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metadata.xml" ContentType="application/vnd.openxmlformats-officedocument.spreadsheetml.sheetMetadata+xml"/>
  <Override PartName="/xl/richData/richValueRel.xml" ContentType="application/vnd.ms-excel.richvaluerel+xml"/>
  <Override PartName="/xl/richData/rdrichvalue.xml" ContentType="application/vnd.ms-excel.rdrichvalue+xml"/>
  <Override PartName="/xl/richData/rdrichvaluestructure.xml" ContentType="application/vnd.ms-excel.rdrichvaluestructure+xml"/>
  <Override PartName="/xl/richData/rdRichValueTypes.xml" ContentType="application/vnd.ms-excel.rdrichvaluetypes+xml"/>
  <Override PartName="/xl/comments1.xml" ContentType="application/vnd.openxmlformats-officedocument.spreadsheetml.comments+xml"/>
  <Override PartName="/xl/threadedComments/threadedComment1.xml" ContentType="application/vnd.ms-excel.threadedcomments+xml"/>
  <Override PartName="/xl/comments2.xml" ContentType="application/vnd.openxmlformats-officedocument.spreadsheetml.comments+xml"/>
  <Override PartName="/xl/threadedComments/threadedComment2.xml" ContentType="application/vnd.ms-excel.threadedcomments+xml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9822"/>
  <workbookPr codeName="ThisWorkbook"/>
  <mc:AlternateContent xmlns:mc="http://schemas.openxmlformats.org/markup-compatibility/2006">
    <mc:Choice Requires="x15">
      <x15ac:absPath xmlns:x15ac="http://schemas.microsoft.com/office/spreadsheetml/2010/11/ac" url="C:\Users\NC6431\Downloads\"/>
    </mc:Choice>
  </mc:AlternateContent>
  <xr:revisionPtr revIDLastSave="0" documentId="8_{A3973B4C-8B62-47C9-8275-E1ABC1CD1101}" xr6:coauthVersionLast="47" xr6:coauthVersionMax="47" xr10:uidLastSave="{00000000-0000-0000-0000-000000000000}"/>
  <bookViews>
    <workbookView xWindow="-110" yWindow="-110" windowWidth="19420" windowHeight="10300" tabRatio="771" xr2:uid="{00000000-000D-0000-FFFF-FFFF00000000}"/>
  </bookViews>
  <sheets>
    <sheet name="Depositors" sheetId="2" r:id="rId1"/>
    <sheet name="Representatives" sheetId="3" r:id="rId2"/>
    <sheet name="Depositor representation" sheetId="4" r:id="rId3"/>
    <sheet name="Accounts" sheetId="5" r:id="rId4"/>
    <sheet name="Account ownership" sheetId="6" r:id="rId5"/>
    <sheet name="Do not delete" sheetId="8" r:id="rId6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M5" i="5" l="1"/>
  <c r="N5" i="5" s="1"/>
</calcChain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tc={52B647B2-B8E0-45C6-9686-115F73CB1399}</author>
  </authors>
  <commentList>
    <comment ref="N3" authorId="0" shapeId="0" xr:uid="{52B647B2-B8E0-45C6-9686-115F73CB1399}">
      <text>
        <t>[Opmerkingenthread]
U kunt deze opmerkingenthread lezen in uw versie van Excel. Eventuele wijzigingen aan de thread gaan echter verloren als het bestand wordt geopend in een nieuwere versie van Excel. Meer informatie: https://go.microsoft.com/fwlink/?linkid=870924
Opmerking:
    Tab space</t>
      </text>
    </comment>
  </commentList>
</comments>
</file>

<file path=xl/comments2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tc={5A327D4D-52EE-4C81-9DA3-CAA54639D13B}</author>
  </authors>
  <commentList>
    <comment ref="L1" authorId="0" shapeId="0" xr:uid="{5A327D4D-52EE-4C81-9DA3-CAA54639D13B}">
      <text>
        <t>[Opmerkingenthread]
U kunt deze opmerkingenthread lezen in uw versie van Excel. Eventuele wijzigingen aan de thread gaan echter verloren als het bestand wordt geopend in een nieuwere versie van Excel. Meer informatie: https://go.microsoft.com/fwlink/?linkid=870924
Opmerking:
    Uitzoeken wat de relevante blokkades voor een uitkering vanuit een DGS. 
Beantwoorden:
    Handleiding aanpassen: --&gt; witwassen eruit halen
Beantwoorden:
    Lijst met blocked accounts</t>
      </text>
    </comment>
  </commentList>
</comments>
</file>

<file path=xl/metadata.xml><?xml version="1.0" encoding="utf-8"?>
<metadata xmlns="http://schemas.openxmlformats.org/spreadsheetml/2006/main" xmlns:xlrd="http://schemas.microsoft.com/office/spreadsheetml/2017/richdata">
  <metadataTypes count="1">
    <metadataType name="XLRICHVALUE" minSupportedVersion="120000" copy="1" pasteAll="1" pasteValues="1" merge="1" splitFirst="1" rowColShift="1" clearFormats="1" clearComments="1" assign="1" coerce="1"/>
  </metadataTypes>
  <futureMetadata name="XLRICHVALUE" count="1">
    <bk>
      <extLst>
        <ext uri="{3e2802c4-a4d2-4d8b-9148-e3be6c30e623}">
          <xlrd:rvb i="0"/>
        </ext>
      </extLst>
    </bk>
  </futureMetadata>
  <valueMetadata count="1">
    <bk>
      <rc t="1" v="0"/>
    </bk>
  </valueMetadata>
</metadata>
</file>

<file path=xl/sharedStrings.xml><?xml version="1.0" encoding="utf-8"?>
<sst xmlns="http://schemas.openxmlformats.org/spreadsheetml/2006/main" count="758" uniqueCount="663">
  <si>
    <t>Depositors</t>
  </si>
  <si>
    <t>One of the three is mandatory</t>
  </si>
  <si>
    <t>Unique Customer number</t>
  </si>
  <si>
    <t>Identifying data depositors</t>
  </si>
  <si>
    <t>Contact details depositor</t>
  </si>
  <si>
    <t>Capacity of depositor</t>
  </si>
  <si>
    <t>Depositor uniquely identified (Yes/No)</t>
  </si>
  <si>
    <t>Depositor eligible (Yes/No/Doubt)</t>
  </si>
  <si>
    <t>Depositor deceased (Yes/No)</t>
  </si>
  <si>
    <t>Type of depositor</t>
  </si>
  <si>
    <t>Natural Person (NP)</t>
  </si>
  <si>
    <t>Non-Natural Person (NNP)</t>
  </si>
  <si>
    <t xml:space="preserve">Classification Depositor </t>
  </si>
  <si>
    <t>Type of person (NP or NNP)</t>
  </si>
  <si>
    <t>Sedula/National identification number (YYYYMMDDXX)</t>
  </si>
  <si>
    <t>CRIB number / TIN</t>
  </si>
  <si>
    <t>First name(s)</t>
  </si>
  <si>
    <t>Last name</t>
  </si>
  <si>
    <t>Date of Birth (YYYY/MM/DD)</t>
  </si>
  <si>
    <t>Birthplace</t>
  </si>
  <si>
    <t>Country of Birth</t>
  </si>
  <si>
    <t>Type of Identification Document (ID)</t>
  </si>
  <si>
    <t>Issuing country ID</t>
  </si>
  <si>
    <t>Document number ID</t>
  </si>
  <si>
    <t>Expiration date ID (YYYY/MM/DD)</t>
  </si>
  <si>
    <t xml:space="preserve">KvK registration number </t>
  </si>
  <si>
    <t>Registered name entity</t>
  </si>
  <si>
    <t>Registered country</t>
  </si>
  <si>
    <t>Street name and house number</t>
  </si>
  <si>
    <t>Zip code (non-resident)</t>
  </si>
  <si>
    <t>Residence</t>
  </si>
  <si>
    <t>Country</t>
  </si>
  <si>
    <t>E-mail address</t>
  </si>
  <si>
    <t>Phone number 1</t>
  </si>
  <si>
    <t>Phone number 2</t>
  </si>
  <si>
    <t>2a</t>
  </si>
  <si>
    <t>2b</t>
  </si>
  <si>
    <t>3a</t>
  </si>
  <si>
    <t>3b</t>
  </si>
  <si>
    <t>3c</t>
  </si>
  <si>
    <t>3d</t>
  </si>
  <si>
    <t>3e</t>
  </si>
  <si>
    <t>3f</t>
  </si>
  <si>
    <t>3g</t>
  </si>
  <si>
    <t>3h</t>
  </si>
  <si>
    <t>3i</t>
  </si>
  <si>
    <t>3j</t>
  </si>
  <si>
    <t>3k</t>
  </si>
  <si>
    <t>3l</t>
  </si>
  <si>
    <t>4a</t>
  </si>
  <si>
    <t>4b</t>
  </si>
  <si>
    <t>4c</t>
  </si>
  <si>
    <t>4d</t>
  </si>
  <si>
    <t>5a</t>
  </si>
  <si>
    <t>5b</t>
  </si>
  <si>
    <t>5c</t>
  </si>
  <si>
    <t>5d</t>
  </si>
  <si>
    <t>5e</t>
  </si>
  <si>
    <t>5f</t>
  </si>
  <si>
    <t>5g</t>
  </si>
  <si>
    <t>000001</t>
  </si>
  <si>
    <t>Households</t>
  </si>
  <si>
    <t>Natural person</t>
  </si>
  <si>
    <t>First name 1</t>
  </si>
  <si>
    <t>Last name 1</t>
  </si>
  <si>
    <t>Willemstad</t>
  </si>
  <si>
    <t>CW</t>
  </si>
  <si>
    <t xml:space="preserve">Passport </t>
  </si>
  <si>
    <t>DXA903AL1</t>
  </si>
  <si>
    <t>xxxxxx</t>
  </si>
  <si>
    <t>Qualified depositor</t>
  </si>
  <si>
    <t xml:space="preserve">Yes </t>
  </si>
  <si>
    <t>Yes</t>
  </si>
  <si>
    <t>No</t>
  </si>
  <si>
    <t>000002</t>
  </si>
  <si>
    <t>Identity card</t>
  </si>
  <si>
    <t>Unqualified depositor</t>
  </si>
  <si>
    <t>NL</t>
  </si>
  <si>
    <t>Doubt</t>
  </si>
  <si>
    <t>Other Nonfinancial Corporations</t>
  </si>
  <si>
    <t>Non-natural person</t>
  </si>
  <si>
    <t xml:space="preserve">No </t>
  </si>
  <si>
    <t>Governments</t>
  </si>
  <si>
    <t>Representatives</t>
  </si>
  <si>
    <t>Unique Representative number</t>
  </si>
  <si>
    <t>Identifying data representatives</t>
  </si>
  <si>
    <t>Contact details representatives</t>
  </si>
  <si>
    <t>Date of Birth (YYYYMM/DD)</t>
  </si>
  <si>
    <t>2c</t>
  </si>
  <si>
    <t>2d</t>
  </si>
  <si>
    <t>2e</t>
  </si>
  <si>
    <t>2f</t>
  </si>
  <si>
    <t>2g</t>
  </si>
  <si>
    <t>2h</t>
  </si>
  <si>
    <t>2i</t>
  </si>
  <si>
    <t>2j</t>
  </si>
  <si>
    <t>2k</t>
  </si>
  <si>
    <t>Depositor  representation</t>
  </si>
  <si>
    <t>Type of representation competence</t>
  </si>
  <si>
    <t xml:space="preserve">Independently authorized </t>
  </si>
  <si>
    <t>Jointly authorized</t>
  </si>
  <si>
    <t>Accounts</t>
  </si>
  <si>
    <t>Account number</t>
  </si>
  <si>
    <t>Product label</t>
  </si>
  <si>
    <t>Product Type</t>
  </si>
  <si>
    <t>Product eligible (Yes/No/Doubt)</t>
  </si>
  <si>
    <t>Blocked Account (Yes/No)</t>
  </si>
  <si>
    <t>Dormant Account (Yes/No)</t>
  </si>
  <si>
    <t>Joint Account (Yes/No)</t>
  </si>
  <si>
    <t>Number of Joint Account depositors</t>
  </si>
  <si>
    <t>Third party Account (Yes/No)</t>
  </si>
  <si>
    <t xml:space="preserve">Currency </t>
  </si>
  <si>
    <t>8a</t>
  </si>
  <si>
    <t>8b</t>
  </si>
  <si>
    <t>8c</t>
  </si>
  <si>
    <t>8d</t>
  </si>
  <si>
    <t>00000001</t>
  </si>
  <si>
    <t>Current account xyz</t>
  </si>
  <si>
    <t>Demand Deposits</t>
  </si>
  <si>
    <t>XCG</t>
  </si>
  <si>
    <t>00000006</t>
  </si>
  <si>
    <t>Savings Deposits</t>
  </si>
  <si>
    <t>Time Deposits</t>
  </si>
  <si>
    <t>USD</t>
  </si>
  <si>
    <t>Other</t>
  </si>
  <si>
    <t>Account ownership</t>
  </si>
  <si>
    <t>Participation percentage</t>
  </si>
  <si>
    <t xml:space="preserve">Classification depositor </t>
  </si>
  <si>
    <t>Depositor uniquely identified Yes/No</t>
  </si>
  <si>
    <t>Depositor eligible Yes/No/Doubt</t>
  </si>
  <si>
    <t>Depositor deceased Y/N</t>
  </si>
  <si>
    <t>Product eligible Y/N/Doubt</t>
  </si>
  <si>
    <t>Blocked Accounts Y/N</t>
  </si>
  <si>
    <t>Dormant Accounts Y/N</t>
  </si>
  <si>
    <t>Joint Accounts Y/N</t>
  </si>
  <si>
    <t>Third party Accounts Y/N</t>
  </si>
  <si>
    <t>AD</t>
  </si>
  <si>
    <t>ADP</t>
  </si>
  <si>
    <t>Other Depository Corporations</t>
  </si>
  <si>
    <t>AE</t>
  </si>
  <si>
    <t>AED</t>
  </si>
  <si>
    <t>Other Financial Corporations</t>
  </si>
  <si>
    <t xml:space="preserve">Driver’s license </t>
  </si>
  <si>
    <t>AF</t>
  </si>
  <si>
    <t>AFA</t>
  </si>
  <si>
    <t>Public Nonfinancial Corporations</t>
  </si>
  <si>
    <t>AG</t>
  </si>
  <si>
    <t>AFN</t>
  </si>
  <si>
    <t>AI</t>
  </si>
  <si>
    <t>ALK</t>
  </si>
  <si>
    <t>AL</t>
  </si>
  <si>
    <t>ALL</t>
  </si>
  <si>
    <t>AM</t>
  </si>
  <si>
    <t>AMD</t>
  </si>
  <si>
    <t>AO</t>
  </si>
  <si>
    <t>AQ</t>
  </si>
  <si>
    <t>AOA</t>
  </si>
  <si>
    <t>AR</t>
  </si>
  <si>
    <t>AOK</t>
  </si>
  <si>
    <t>AS</t>
  </si>
  <si>
    <t>AON</t>
  </si>
  <si>
    <t>AT</t>
  </si>
  <si>
    <t>AOR</t>
  </si>
  <si>
    <t>AU</t>
  </si>
  <si>
    <t>ARA</t>
  </si>
  <si>
    <t>AW</t>
  </si>
  <si>
    <t>ARP</t>
  </si>
  <si>
    <t>AX</t>
  </si>
  <si>
    <t>ARS</t>
  </si>
  <si>
    <t>AZ</t>
  </si>
  <si>
    <t>ARY</t>
  </si>
  <si>
    <t>BA</t>
  </si>
  <si>
    <t>ATS</t>
  </si>
  <si>
    <t>BB</t>
  </si>
  <si>
    <t>AUD</t>
  </si>
  <si>
    <t>BD</t>
  </si>
  <si>
    <t>AWG</t>
  </si>
  <si>
    <t>BE</t>
  </si>
  <si>
    <t>AYM</t>
  </si>
  <si>
    <t>BF</t>
  </si>
  <si>
    <t>AZM</t>
  </si>
  <si>
    <t>BG</t>
  </si>
  <si>
    <t>AZN</t>
  </si>
  <si>
    <t>BH</t>
  </si>
  <si>
    <t>BAD</t>
  </si>
  <si>
    <t>BI</t>
  </si>
  <si>
    <t>BAM</t>
  </si>
  <si>
    <t>BJ</t>
  </si>
  <si>
    <t>BBD</t>
  </si>
  <si>
    <t>BL</t>
  </si>
  <si>
    <t>BDT</t>
  </si>
  <si>
    <t>BM</t>
  </si>
  <si>
    <t>BEC</t>
  </si>
  <si>
    <t>BN</t>
  </si>
  <si>
    <t>BEF</t>
  </si>
  <si>
    <t>BO</t>
  </si>
  <si>
    <t>BEL</t>
  </si>
  <si>
    <t>BQ</t>
  </si>
  <si>
    <t>BGJ</t>
  </si>
  <si>
    <t>BR</t>
  </si>
  <si>
    <t>BGK</t>
  </si>
  <si>
    <t>BS</t>
  </si>
  <si>
    <t>BGL</t>
  </si>
  <si>
    <t>BT</t>
  </si>
  <si>
    <t>BGN</t>
  </si>
  <si>
    <t>BV</t>
  </si>
  <si>
    <t>BHD</t>
  </si>
  <si>
    <t>BW</t>
  </si>
  <si>
    <t>BIF</t>
  </si>
  <si>
    <t>BY</t>
  </si>
  <si>
    <t>BMD</t>
  </si>
  <si>
    <t>BZ</t>
  </si>
  <si>
    <t>BND</t>
  </si>
  <si>
    <t>CA</t>
  </si>
  <si>
    <t>BOB</t>
  </si>
  <si>
    <t>CC</t>
  </si>
  <si>
    <t>BOP</t>
  </si>
  <si>
    <t>CD</t>
  </si>
  <si>
    <t>BOV</t>
  </si>
  <si>
    <t>CF</t>
  </si>
  <si>
    <t>BRB</t>
  </si>
  <si>
    <t>CG</t>
  </si>
  <si>
    <t>BRC</t>
  </si>
  <si>
    <t>CH</t>
  </si>
  <si>
    <t>BRE</t>
  </si>
  <si>
    <t>CI</t>
  </si>
  <si>
    <t>BRL</t>
  </si>
  <si>
    <t>CK</t>
  </si>
  <si>
    <t>BRN</t>
  </si>
  <si>
    <t>CL</t>
  </si>
  <si>
    <t>BRR</t>
  </si>
  <si>
    <t>CM</t>
  </si>
  <si>
    <t>BSD</t>
  </si>
  <si>
    <t>CN</t>
  </si>
  <si>
    <t>BTN</t>
  </si>
  <si>
    <t>CO</t>
  </si>
  <si>
    <t>BUK</t>
  </si>
  <si>
    <t>CR</t>
  </si>
  <si>
    <t>BWP</t>
  </si>
  <si>
    <t>CU</t>
  </si>
  <si>
    <t>BYB</t>
  </si>
  <si>
    <t>CV</t>
  </si>
  <si>
    <t>BYN</t>
  </si>
  <si>
    <t>BYR</t>
  </si>
  <si>
    <t>CX</t>
  </si>
  <si>
    <t>BZD</t>
  </si>
  <si>
    <t>CY</t>
  </si>
  <si>
    <t>CAD</t>
  </si>
  <si>
    <t>CZ</t>
  </si>
  <si>
    <t>CDF</t>
  </si>
  <si>
    <t>DE</t>
  </si>
  <si>
    <t>CHE</t>
  </si>
  <si>
    <t>DJ</t>
  </si>
  <si>
    <t>CHF</t>
  </si>
  <si>
    <t>DK</t>
  </si>
  <si>
    <t>CHW</t>
  </si>
  <si>
    <t>DM</t>
  </si>
  <si>
    <t>CLF</t>
  </si>
  <si>
    <t>DO</t>
  </si>
  <si>
    <t>CLP</t>
  </si>
  <si>
    <t>DZ</t>
  </si>
  <si>
    <t>CNY</t>
  </si>
  <si>
    <t>EC</t>
  </si>
  <si>
    <t>COP</t>
  </si>
  <si>
    <t>EE</t>
  </si>
  <si>
    <t>COU</t>
  </si>
  <si>
    <t>EG</t>
  </si>
  <si>
    <t>CRC</t>
  </si>
  <si>
    <t>EH</t>
  </si>
  <si>
    <t>CSD</t>
  </si>
  <si>
    <t>ER</t>
  </si>
  <si>
    <t>CSJ</t>
  </si>
  <si>
    <t>ES</t>
  </si>
  <si>
    <t>CSK</t>
  </si>
  <si>
    <t>ET</t>
  </si>
  <si>
    <t>CUC</t>
  </si>
  <si>
    <t>FI</t>
  </si>
  <si>
    <t>CUP</t>
  </si>
  <si>
    <t>FJ</t>
  </si>
  <si>
    <t>CVE</t>
  </si>
  <si>
    <t>FK</t>
  </si>
  <si>
    <t>CYP</t>
  </si>
  <si>
    <t>FM</t>
  </si>
  <si>
    <t>CZK</t>
  </si>
  <si>
    <t>FO</t>
  </si>
  <si>
    <t>DDM</t>
  </si>
  <si>
    <t>FR</t>
  </si>
  <si>
    <t>DEM</t>
  </si>
  <si>
    <t>GA</t>
  </si>
  <si>
    <t>DJF</t>
  </si>
  <si>
    <t>GB</t>
  </si>
  <si>
    <t>DKK</t>
  </si>
  <si>
    <t>GD</t>
  </si>
  <si>
    <t>DOP</t>
  </si>
  <si>
    <t>GE</t>
  </si>
  <si>
    <t>DZD</t>
  </si>
  <si>
    <t>GF</t>
  </si>
  <si>
    <t>ECS</t>
  </si>
  <si>
    <t>GG</t>
  </si>
  <si>
    <t>ECV</t>
  </si>
  <si>
    <t>GH</t>
  </si>
  <si>
    <t>EEK</t>
  </si>
  <si>
    <t>GI</t>
  </si>
  <si>
    <t>EGP</t>
  </si>
  <si>
    <t>GL</t>
  </si>
  <si>
    <t>ERN</t>
  </si>
  <si>
    <t>GM</t>
  </si>
  <si>
    <t>ESP</t>
  </si>
  <si>
    <t>GN</t>
  </si>
  <si>
    <t>ETB</t>
  </si>
  <si>
    <t>GP</t>
  </si>
  <si>
    <t>EUR</t>
  </si>
  <si>
    <t>GQ</t>
  </si>
  <si>
    <t>FIM</t>
  </si>
  <si>
    <t>GR</t>
  </si>
  <si>
    <t>FJD</t>
  </si>
  <si>
    <t>GS</t>
  </si>
  <si>
    <t>FKP</t>
  </si>
  <si>
    <t>GT</t>
  </si>
  <si>
    <t>FRF</t>
  </si>
  <si>
    <t>GU</t>
  </si>
  <si>
    <t>GBP</t>
  </si>
  <si>
    <t>GW</t>
  </si>
  <si>
    <t>GEK</t>
  </si>
  <si>
    <t>GY</t>
  </si>
  <si>
    <t>GEL</t>
  </si>
  <si>
    <t>HK</t>
  </si>
  <si>
    <t>GHC</t>
  </si>
  <si>
    <t>HM</t>
  </si>
  <si>
    <t>GHP</t>
  </si>
  <si>
    <t>HN</t>
  </si>
  <si>
    <t>GHS</t>
  </si>
  <si>
    <t>HR</t>
  </si>
  <si>
    <t>GIP</t>
  </si>
  <si>
    <t>HT</t>
  </si>
  <si>
    <t>GMD</t>
  </si>
  <si>
    <t>HU</t>
  </si>
  <si>
    <t>GNE</t>
  </si>
  <si>
    <t>ID</t>
  </si>
  <si>
    <t>GNF</t>
  </si>
  <si>
    <t>IE</t>
  </si>
  <si>
    <t>GNS</t>
  </si>
  <si>
    <t>IL</t>
  </si>
  <si>
    <t>GQE</t>
  </si>
  <si>
    <t>IM</t>
  </si>
  <si>
    <t>GRD</t>
  </si>
  <si>
    <t>IN</t>
  </si>
  <si>
    <t>GTQ</t>
  </si>
  <si>
    <t>IO</t>
  </si>
  <si>
    <t>GWE</t>
  </si>
  <si>
    <t>IQ</t>
  </si>
  <si>
    <t>GWP</t>
  </si>
  <si>
    <t>IR</t>
  </si>
  <si>
    <t>GYD</t>
  </si>
  <si>
    <t>IS</t>
  </si>
  <si>
    <t>HKD</t>
  </si>
  <si>
    <t>IT</t>
  </si>
  <si>
    <t>HNL</t>
  </si>
  <si>
    <t>JE</t>
  </si>
  <si>
    <t>HRD</t>
  </si>
  <si>
    <t>JM</t>
  </si>
  <si>
    <t>HRK</t>
  </si>
  <si>
    <t>JO</t>
  </si>
  <si>
    <t>HTG</t>
  </si>
  <si>
    <t>JP</t>
  </si>
  <si>
    <t>HUF</t>
  </si>
  <si>
    <t>KE</t>
  </si>
  <si>
    <t>IDR</t>
  </si>
  <si>
    <t>KG</t>
  </si>
  <si>
    <t>IEP</t>
  </si>
  <si>
    <t>KH</t>
  </si>
  <si>
    <t>ILP</t>
  </si>
  <si>
    <t>KI</t>
  </si>
  <si>
    <t>ILR</t>
  </si>
  <si>
    <t>KM</t>
  </si>
  <si>
    <t>ILS</t>
  </si>
  <si>
    <t>KN</t>
  </si>
  <si>
    <t>INR</t>
  </si>
  <si>
    <t>KP</t>
  </si>
  <si>
    <t>IQD</t>
  </si>
  <si>
    <t>KR</t>
  </si>
  <si>
    <t>IRR</t>
  </si>
  <si>
    <t>KW</t>
  </si>
  <si>
    <t>ISJ</t>
  </si>
  <si>
    <t>KY</t>
  </si>
  <si>
    <t>ISK</t>
  </si>
  <si>
    <t>KZ</t>
  </si>
  <si>
    <t>ITL</t>
  </si>
  <si>
    <t>LA</t>
  </si>
  <si>
    <t>JMD</t>
  </si>
  <si>
    <t>LB</t>
  </si>
  <si>
    <t>JOD</t>
  </si>
  <si>
    <t>LC</t>
  </si>
  <si>
    <t>JPY</t>
  </si>
  <si>
    <t>LI</t>
  </si>
  <si>
    <t>KES</t>
  </si>
  <si>
    <t>LK</t>
  </si>
  <si>
    <t>KGS</t>
  </si>
  <si>
    <t>LR</t>
  </si>
  <si>
    <t>KHR</t>
  </si>
  <si>
    <t>LS</t>
  </si>
  <si>
    <t>KMF</t>
  </si>
  <si>
    <t>LT</t>
  </si>
  <si>
    <t>KPW</t>
  </si>
  <si>
    <t>LU</t>
  </si>
  <si>
    <t>KRW</t>
  </si>
  <si>
    <t>LV</t>
  </si>
  <si>
    <t>KWD</t>
  </si>
  <si>
    <t>LY</t>
  </si>
  <si>
    <t>KYD</t>
  </si>
  <si>
    <t>MA</t>
  </si>
  <si>
    <t>KZT</t>
  </si>
  <si>
    <t>MC</t>
  </si>
  <si>
    <t>LAJ</t>
  </si>
  <si>
    <t>MD</t>
  </si>
  <si>
    <t>LAK</t>
  </si>
  <si>
    <t>ME</t>
  </si>
  <si>
    <t>LBP</t>
  </si>
  <si>
    <t>MF</t>
  </si>
  <si>
    <t>LKR</t>
  </si>
  <si>
    <t>MG</t>
  </si>
  <si>
    <t>LRD</t>
  </si>
  <si>
    <t>MH</t>
  </si>
  <si>
    <t>LSL</t>
  </si>
  <si>
    <t>MK</t>
  </si>
  <si>
    <t>LSM</t>
  </si>
  <si>
    <t>ML</t>
  </si>
  <si>
    <t>LTL</t>
  </si>
  <si>
    <t>MM</t>
  </si>
  <si>
    <t>LTT</t>
  </si>
  <si>
    <t>MN</t>
  </si>
  <si>
    <t>LUC</t>
  </si>
  <si>
    <t>MO</t>
  </si>
  <si>
    <t>LUF</t>
  </si>
  <si>
    <t>MP</t>
  </si>
  <si>
    <t>LUL</t>
  </si>
  <si>
    <t>MQ</t>
  </si>
  <si>
    <t>LVL</t>
  </si>
  <si>
    <t>MR</t>
  </si>
  <si>
    <t>LVR</t>
  </si>
  <si>
    <t>MS</t>
  </si>
  <si>
    <t>LYD</t>
  </si>
  <si>
    <t>MT</t>
  </si>
  <si>
    <t>MAD</t>
  </si>
  <si>
    <t>MU</t>
  </si>
  <si>
    <t>MDL</t>
  </si>
  <si>
    <t>MV</t>
  </si>
  <si>
    <t>MGA</t>
  </si>
  <si>
    <t>MW</t>
  </si>
  <si>
    <t>MGF</t>
  </si>
  <si>
    <t>MX</t>
  </si>
  <si>
    <t>MKD</t>
  </si>
  <si>
    <t>MY</t>
  </si>
  <si>
    <t>MLF</t>
  </si>
  <si>
    <t>MZ</t>
  </si>
  <si>
    <t>MMK</t>
  </si>
  <si>
    <t>NA</t>
  </si>
  <si>
    <t>MNT</t>
  </si>
  <si>
    <t>NC</t>
  </si>
  <si>
    <t>MOP</t>
  </si>
  <si>
    <t>NE</t>
  </si>
  <si>
    <t>MRO</t>
  </si>
  <si>
    <t>NF</t>
  </si>
  <si>
    <t>MRU</t>
  </si>
  <si>
    <t>NG</t>
  </si>
  <si>
    <t>MTL</t>
  </si>
  <si>
    <t>NI</t>
  </si>
  <si>
    <t>MTP</t>
  </si>
  <si>
    <t>MUR</t>
  </si>
  <si>
    <t>NO</t>
  </si>
  <si>
    <t>MVQ</t>
  </si>
  <si>
    <t>NP</t>
  </si>
  <si>
    <t>MVR</t>
  </si>
  <si>
    <t>NR</t>
  </si>
  <si>
    <t>MWK</t>
  </si>
  <si>
    <t>NU</t>
  </si>
  <si>
    <t>MXN</t>
  </si>
  <si>
    <t>NZ</t>
  </si>
  <si>
    <t>MXP</t>
  </si>
  <si>
    <t>OM</t>
  </si>
  <si>
    <t>MXV</t>
  </si>
  <si>
    <t>PA</t>
  </si>
  <si>
    <t>MYR</t>
  </si>
  <si>
    <t>PE</t>
  </si>
  <si>
    <t>MZE</t>
  </si>
  <si>
    <t>PF</t>
  </si>
  <si>
    <t>MZM</t>
  </si>
  <si>
    <t>PG</t>
  </si>
  <si>
    <t>MZN</t>
  </si>
  <si>
    <t>PH</t>
  </si>
  <si>
    <t>NAD</t>
  </si>
  <si>
    <t>PK</t>
  </si>
  <si>
    <t>NGN</t>
  </si>
  <si>
    <t>PL</t>
  </si>
  <si>
    <t>NIC</t>
  </si>
  <si>
    <t>PM</t>
  </si>
  <si>
    <t>NIO</t>
  </si>
  <si>
    <t>PN</t>
  </si>
  <si>
    <t>NLG</t>
  </si>
  <si>
    <t>PR</t>
  </si>
  <si>
    <t>NOK</t>
  </si>
  <si>
    <t>PS</t>
  </si>
  <si>
    <t>NPR</t>
  </si>
  <si>
    <t>PT</t>
  </si>
  <si>
    <t>NZD</t>
  </si>
  <si>
    <t>PW</t>
  </si>
  <si>
    <t>OMR</t>
  </si>
  <si>
    <t>PY</t>
  </si>
  <si>
    <t>PAB</t>
  </si>
  <si>
    <t>QA</t>
  </si>
  <si>
    <t>PEH</t>
  </si>
  <si>
    <t>RE</t>
  </si>
  <si>
    <t>PEI</t>
  </si>
  <si>
    <t>RO</t>
  </si>
  <si>
    <t>PEN</t>
  </si>
  <si>
    <t>RS</t>
  </si>
  <si>
    <t>PES</t>
  </si>
  <si>
    <t>RU</t>
  </si>
  <si>
    <t>PGK</t>
  </si>
  <si>
    <t>RW</t>
  </si>
  <si>
    <t>PHP</t>
  </si>
  <si>
    <t>SA</t>
  </si>
  <si>
    <t>PKR</t>
  </si>
  <si>
    <t>SB</t>
  </si>
  <si>
    <t>PLN</t>
  </si>
  <si>
    <t>SC</t>
  </si>
  <si>
    <t>PLZ</t>
  </si>
  <si>
    <t>SD</t>
  </si>
  <si>
    <t>PTE</t>
  </si>
  <si>
    <t>SE</t>
  </si>
  <si>
    <t>PYG</t>
  </si>
  <si>
    <t>SG</t>
  </si>
  <si>
    <t>QAR</t>
  </si>
  <si>
    <t>SH</t>
  </si>
  <si>
    <t>RHD</t>
  </si>
  <si>
    <t>SI</t>
  </si>
  <si>
    <t>ROK</t>
  </si>
  <si>
    <t>SJ</t>
  </si>
  <si>
    <t>ROL</t>
  </si>
  <si>
    <t>SK</t>
  </si>
  <si>
    <t>RON</t>
  </si>
  <si>
    <t>SL</t>
  </si>
  <si>
    <t>RSD</t>
  </si>
  <si>
    <t>SM</t>
  </si>
  <si>
    <t>RUB</t>
  </si>
  <si>
    <t>SN</t>
  </si>
  <si>
    <t>RUR</t>
  </si>
  <si>
    <t>SO</t>
  </si>
  <si>
    <t>RWF</t>
  </si>
  <si>
    <t>SR</t>
  </si>
  <si>
    <t>SAR</t>
  </si>
  <si>
    <t>SS</t>
  </si>
  <si>
    <t>SBD</t>
  </si>
  <si>
    <t>ST</t>
  </si>
  <si>
    <t>SCR</t>
  </si>
  <si>
    <t>SV</t>
  </si>
  <si>
    <t>SDG</t>
  </si>
  <si>
    <t>SX</t>
  </si>
  <si>
    <t>SEK</t>
  </si>
  <si>
    <t>SY</t>
  </si>
  <si>
    <t>SGD</t>
  </si>
  <si>
    <t>SZ</t>
  </si>
  <si>
    <t>SHP</t>
  </si>
  <si>
    <t>TC</t>
  </si>
  <si>
    <t>SIT</t>
  </si>
  <si>
    <t>TD</t>
  </si>
  <si>
    <t>SKK</t>
  </si>
  <si>
    <t>TF</t>
  </si>
  <si>
    <t>SLL</t>
  </si>
  <si>
    <t>TG</t>
  </si>
  <si>
    <t>SOS</t>
  </si>
  <si>
    <t>TH</t>
  </si>
  <si>
    <t>SRD</t>
  </si>
  <si>
    <t>TJ</t>
  </si>
  <si>
    <t>SSP</t>
  </si>
  <si>
    <t>TK</t>
  </si>
  <si>
    <t>STD</t>
  </si>
  <si>
    <t>TL</t>
  </si>
  <si>
    <t>STN</t>
  </si>
  <si>
    <t>TM</t>
  </si>
  <si>
    <t>SVC</t>
  </si>
  <si>
    <t>TN</t>
  </si>
  <si>
    <t>SYP</t>
  </si>
  <si>
    <t>TO</t>
  </si>
  <si>
    <t>SZL</t>
  </si>
  <si>
    <t>TR</t>
  </si>
  <si>
    <t>THB</t>
  </si>
  <si>
    <t>TT</t>
  </si>
  <si>
    <t>TJS</t>
  </si>
  <si>
    <t>TV</t>
  </si>
  <si>
    <t>TMT</t>
  </si>
  <si>
    <t>TW</t>
  </si>
  <si>
    <t>TND</t>
  </si>
  <si>
    <t>TZ</t>
  </si>
  <si>
    <t>TOP</t>
  </si>
  <si>
    <t>UA</t>
  </si>
  <si>
    <t>TRY</t>
  </si>
  <si>
    <t>UG</t>
  </si>
  <si>
    <t>TTD</t>
  </si>
  <si>
    <t>UM</t>
  </si>
  <si>
    <t>TWD</t>
  </si>
  <si>
    <t>US</t>
  </si>
  <si>
    <t>TZS</t>
  </si>
  <si>
    <t>UY</t>
  </si>
  <si>
    <t>UAH</t>
  </si>
  <si>
    <t>UZ</t>
  </si>
  <si>
    <t>UGX</t>
  </si>
  <si>
    <t>VA</t>
  </si>
  <si>
    <t>VC</t>
  </si>
  <si>
    <t>USN</t>
  </si>
  <si>
    <t>VE</t>
  </si>
  <si>
    <t>UYI</t>
  </si>
  <si>
    <t>VG</t>
  </si>
  <si>
    <t>UYU</t>
  </si>
  <si>
    <t>VI</t>
  </si>
  <si>
    <t>UYW</t>
  </si>
  <si>
    <t>VN</t>
  </si>
  <si>
    <t>UZS</t>
  </si>
  <si>
    <t>VU</t>
  </si>
  <si>
    <t>VES</t>
  </si>
  <si>
    <t>WF</t>
  </si>
  <si>
    <t>VND</t>
  </si>
  <si>
    <t>WS</t>
  </si>
  <si>
    <t>VUV</t>
  </si>
  <si>
    <t>YE</t>
  </si>
  <si>
    <t>WST</t>
  </si>
  <si>
    <t>YT</t>
  </si>
  <si>
    <t>XAF</t>
  </si>
  <si>
    <t>ZA</t>
  </si>
  <si>
    <t>XAG</t>
  </si>
  <si>
    <t>ZM</t>
  </si>
  <si>
    <t>XAU</t>
  </si>
  <si>
    <t>ZW</t>
  </si>
  <si>
    <t>XBA</t>
  </si>
  <si>
    <t>XBB</t>
  </si>
  <si>
    <t>XBC</t>
  </si>
  <si>
    <t>XBD</t>
  </si>
  <si>
    <t>XCD</t>
  </si>
  <si>
    <t>XDR</t>
  </si>
  <si>
    <t>XEU</t>
  </si>
  <si>
    <t>XOF</t>
  </si>
  <si>
    <t>XPD</t>
  </si>
  <si>
    <t>XPF</t>
  </si>
  <si>
    <t>XPT</t>
  </si>
  <si>
    <t>XSU</t>
  </si>
  <si>
    <t>XTS</t>
  </si>
  <si>
    <t>XUA</t>
  </si>
  <si>
    <t>XXX</t>
  </si>
  <si>
    <t>YER</t>
  </si>
  <si>
    <t>ZAL</t>
  </si>
  <si>
    <t>ZAR</t>
  </si>
  <si>
    <t>ZMW</t>
  </si>
  <si>
    <t>ZWL</t>
  </si>
  <si>
    <t>Currency</t>
  </si>
  <si>
    <t>Total balance (in the original currency)</t>
  </si>
  <si>
    <t>Accrued interest (in the original currency)</t>
  </si>
  <si>
    <t>Deposit oustanding balance (in the original currency)</t>
  </si>
  <si>
    <t>1998/08/09</t>
  </si>
  <si>
    <t>2030/04/01</t>
  </si>
  <si>
    <t>1998/01/06</t>
  </si>
  <si>
    <t xml:space="preserve">BSN               
</t>
  </si>
  <si>
    <t xml:space="preserve">BSN  
</t>
  </si>
  <si>
    <t>Total balance (in USD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_(* #,##0.00_);_(* \(#,##0.00\);_(* &quot;-&quot;??_);_(@_)"/>
  </numFmts>
  <fonts count="10">
    <font>
      <sz val="11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sz val="11"/>
      <color theme="1"/>
      <name val="Museo Sans 300"/>
      <family val="3"/>
    </font>
    <font>
      <sz val="11"/>
      <color theme="0"/>
      <name val="Museo Sans 300"/>
      <family val="3"/>
    </font>
    <font>
      <b/>
      <sz val="16"/>
      <color theme="1"/>
      <name val="Calibri"/>
      <family val="2"/>
      <scheme val="minor"/>
    </font>
    <font>
      <b/>
      <sz val="11"/>
      <name val="Museo Sans 300"/>
      <family val="3"/>
    </font>
    <font>
      <sz val="11"/>
      <name val="Museo Sans 300"/>
      <family val="3"/>
    </font>
    <font>
      <sz val="10"/>
      <name val="Museo Sans 300"/>
      <family val="3"/>
    </font>
    <font>
      <sz val="8"/>
      <name val="Calibri"/>
      <family val="2"/>
      <scheme val="minor"/>
    </font>
    <font>
      <b/>
      <sz val="11"/>
      <color rgb="FFFF0000"/>
      <name val="Calibri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3"/>
        <bgColor indexed="64"/>
      </patternFill>
    </fill>
  </fills>
  <borders count="18">
    <border>
      <left/>
      <right/>
      <top/>
      <bottom/>
      <diagonal/>
    </border>
    <border>
      <left/>
      <right style="double">
        <color theme="0"/>
      </right>
      <top style="double">
        <color theme="0"/>
      </top>
      <bottom style="double">
        <color theme="0"/>
      </bottom>
      <diagonal/>
    </border>
    <border>
      <left/>
      <right style="double">
        <color theme="0"/>
      </right>
      <top/>
      <bottom/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/>
      <top/>
      <bottom style="double">
        <color theme="0"/>
      </bottom>
      <diagonal/>
    </border>
    <border>
      <left/>
      <right/>
      <top style="double">
        <color theme="0"/>
      </top>
      <bottom style="double">
        <color theme="0"/>
      </bottom>
      <diagonal/>
    </border>
    <border>
      <left/>
      <right style="double">
        <color theme="0"/>
      </right>
      <top style="double">
        <color theme="0"/>
      </top>
      <bottom/>
      <diagonal/>
    </border>
    <border>
      <left/>
      <right style="double">
        <color theme="0"/>
      </right>
      <top/>
      <bottom style="double">
        <color theme="0"/>
      </bottom>
      <diagonal/>
    </border>
    <border>
      <left style="double">
        <color theme="0"/>
      </left>
      <right/>
      <top style="double">
        <color theme="0"/>
      </top>
      <bottom style="double">
        <color theme="0"/>
      </bottom>
      <diagonal/>
    </border>
    <border>
      <left style="double">
        <color theme="0"/>
      </left>
      <right style="double">
        <color theme="0"/>
      </right>
      <top style="double">
        <color theme="0"/>
      </top>
      <bottom/>
      <diagonal/>
    </border>
    <border>
      <left style="double">
        <color theme="0"/>
      </left>
      <right style="double">
        <color theme="0"/>
      </right>
      <top/>
      <bottom style="double">
        <color theme="0"/>
      </bottom>
      <diagonal/>
    </border>
    <border>
      <left style="double">
        <color theme="0"/>
      </left>
      <right style="double">
        <color theme="0"/>
      </right>
      <top/>
      <bottom/>
      <diagonal/>
    </border>
    <border>
      <left style="double">
        <color theme="0"/>
      </left>
      <right/>
      <top style="double">
        <color theme="0"/>
      </top>
      <bottom/>
      <diagonal/>
    </border>
    <border>
      <left style="double">
        <color theme="0"/>
      </left>
      <right/>
      <top/>
      <bottom style="double">
        <color theme="0"/>
      </bottom>
      <diagonal/>
    </border>
    <border>
      <left/>
      <right/>
      <top style="double">
        <color theme="0"/>
      </top>
      <bottom/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</borders>
  <cellStyleXfs count="3">
    <xf numFmtId="0" fontId="0" fillId="0" borderId="0"/>
    <xf numFmtId="0" fontId="1" fillId="0" borderId="0"/>
    <xf numFmtId="164" fontId="1" fillId="0" borderId="0" applyFont="0" applyFill="0" applyBorder="0" applyAlignment="0" applyProtection="0"/>
  </cellStyleXfs>
  <cellXfs count="43">
    <xf numFmtId="0" fontId="0" fillId="0" borderId="0" xfId="0"/>
    <xf numFmtId="0" fontId="3" fillId="2" borderId="1" xfId="1" applyFont="1" applyFill="1" applyBorder="1" applyAlignment="1">
      <alignment horizontal="center" vertical="center" wrapText="1"/>
    </xf>
    <xf numFmtId="0" fontId="3" fillId="2" borderId="2" xfId="1" applyFont="1" applyFill="1" applyBorder="1" applyAlignment="1">
      <alignment horizontal="center" vertical="center" wrapText="1"/>
    </xf>
    <xf numFmtId="0" fontId="2" fillId="0" borderId="3" xfId="0" applyFont="1" applyBorder="1" applyAlignment="1">
      <alignment horizontal="center"/>
    </xf>
    <xf numFmtId="0" fontId="3" fillId="2" borderId="6" xfId="1" applyFont="1" applyFill="1" applyBorder="1" applyAlignment="1">
      <alignment horizontal="center" vertical="center" wrapText="1"/>
    </xf>
    <xf numFmtId="0" fontId="4" fillId="0" borderId="0" xfId="0" applyFont="1"/>
    <xf numFmtId="0" fontId="5" fillId="0" borderId="0" xfId="0" applyFont="1"/>
    <xf numFmtId="0" fontId="6" fillId="0" borderId="0" xfId="0" applyFont="1"/>
    <xf numFmtId="0" fontId="7" fillId="0" borderId="0" xfId="0" applyFont="1" applyAlignment="1">
      <alignment vertical="center"/>
    </xf>
    <xf numFmtId="0" fontId="6" fillId="0" borderId="0" xfId="0" applyFont="1" applyAlignment="1">
      <alignment horizontal="left" vertical="center" indent="5"/>
    </xf>
    <xf numFmtId="164" fontId="0" fillId="0" borderId="0" xfId="2" applyFont="1"/>
    <xf numFmtId="49" fontId="0" fillId="0" borderId="0" xfId="0" applyNumberFormat="1" applyAlignment="1">
      <alignment horizontal="right" vertical="top"/>
    </xf>
    <xf numFmtId="0" fontId="0" fillId="0" borderId="0" xfId="0" applyAlignment="1">
      <alignment vertical="top"/>
    </xf>
    <xf numFmtId="0" fontId="0" fillId="0" borderId="0" xfId="0" applyAlignment="1">
      <alignment horizontal="left" vertical="top"/>
    </xf>
    <xf numFmtId="164" fontId="0" fillId="0" borderId="0" xfId="2" applyFont="1" applyAlignment="1">
      <alignment vertical="top"/>
    </xf>
    <xf numFmtId="164" fontId="0" fillId="0" borderId="0" xfId="2" applyFont="1" applyFill="1" applyAlignment="1">
      <alignment vertical="top"/>
    </xf>
    <xf numFmtId="0" fontId="9" fillId="0" borderId="3" xfId="0" applyFont="1" applyBorder="1" applyAlignment="1">
      <alignment horizontal="center"/>
    </xf>
    <xf numFmtId="0" fontId="3" fillId="2" borderId="5" xfId="1" applyFont="1" applyFill="1" applyBorder="1" applyAlignment="1">
      <alignment horizontal="center" vertical="center" wrapText="1"/>
    </xf>
    <xf numFmtId="1" fontId="0" fillId="0" borderId="0" xfId="0" applyNumberFormat="1" applyAlignment="1">
      <alignment horizontal="right" vertical="top"/>
    </xf>
    <xf numFmtId="0" fontId="0" fillId="0" borderId="0" xfId="0" applyAlignment="1">
      <alignment horizontal="right" vertical="top"/>
    </xf>
    <xf numFmtId="49" fontId="0" fillId="0" borderId="0" xfId="0" quotePrefix="1" applyNumberFormat="1" applyAlignment="1">
      <alignment vertical="top"/>
    </xf>
    <xf numFmtId="49" fontId="0" fillId="0" borderId="0" xfId="0" applyNumberFormat="1" applyAlignment="1">
      <alignment vertical="top"/>
    </xf>
    <xf numFmtId="49" fontId="0" fillId="0" borderId="0" xfId="0" applyNumberFormat="1"/>
    <xf numFmtId="0" fontId="0" fillId="0" borderId="0" xfId="0"/>
    <xf numFmtId="0" fontId="0" fillId="0" borderId="4" xfId="0" applyBorder="1"/>
    <xf numFmtId="0" fontId="3" fillId="2" borderId="6" xfId="1" applyFont="1" applyFill="1" applyBorder="1" applyAlignment="1">
      <alignment horizontal="center" vertical="center" wrapText="1"/>
    </xf>
    <xf numFmtId="0" fontId="3" fillId="2" borderId="2" xfId="1" applyFont="1" applyFill="1" applyBorder="1" applyAlignment="1">
      <alignment horizontal="center" vertical="center" wrapText="1"/>
    </xf>
    <xf numFmtId="0" fontId="3" fillId="2" borderId="7" xfId="1" applyFont="1" applyFill="1" applyBorder="1" applyAlignment="1">
      <alignment horizontal="center" vertical="center" wrapText="1"/>
    </xf>
    <xf numFmtId="0" fontId="3" fillId="2" borderId="8" xfId="1" applyFont="1" applyFill="1" applyBorder="1" applyAlignment="1">
      <alignment horizontal="center" vertical="center" wrapText="1"/>
    </xf>
    <xf numFmtId="0" fontId="3" fillId="2" borderId="5" xfId="1" applyFont="1" applyFill="1" applyBorder="1" applyAlignment="1">
      <alignment horizontal="center" vertical="center" wrapText="1"/>
    </xf>
    <xf numFmtId="0" fontId="3" fillId="2" borderId="1" xfId="1" applyFont="1" applyFill="1" applyBorder="1" applyAlignment="1">
      <alignment horizontal="center" vertical="center" wrapText="1"/>
    </xf>
    <xf numFmtId="0" fontId="3" fillId="2" borderId="12" xfId="1" applyFont="1" applyFill="1" applyBorder="1" applyAlignment="1">
      <alignment horizontal="center" vertical="center" wrapText="1"/>
    </xf>
    <xf numFmtId="0" fontId="3" fillId="2" borderId="14" xfId="1" applyFont="1" applyFill="1" applyBorder="1" applyAlignment="1">
      <alignment horizontal="center" vertical="center" wrapText="1"/>
    </xf>
    <xf numFmtId="0" fontId="3" fillId="2" borderId="0" xfId="1" applyFont="1" applyFill="1" applyAlignment="1">
      <alignment horizontal="center" vertical="center" wrapText="1"/>
    </xf>
    <xf numFmtId="0" fontId="3" fillId="2" borderId="13" xfId="1" applyFont="1" applyFill="1" applyBorder="1" applyAlignment="1">
      <alignment horizontal="center" vertical="center" wrapText="1"/>
    </xf>
    <xf numFmtId="0" fontId="3" fillId="2" borderId="4" xfId="1" applyFont="1" applyFill="1" applyBorder="1" applyAlignment="1">
      <alignment horizontal="center" vertical="center" wrapText="1"/>
    </xf>
    <xf numFmtId="0" fontId="3" fillId="2" borderId="9" xfId="1" applyFont="1" applyFill="1" applyBorder="1" applyAlignment="1">
      <alignment horizontal="center" vertical="center" wrapText="1"/>
    </xf>
    <xf numFmtId="0" fontId="3" fillId="2" borderId="11" xfId="1" applyFont="1" applyFill="1" applyBorder="1" applyAlignment="1">
      <alignment horizontal="center" vertical="center" wrapText="1"/>
    </xf>
    <xf numFmtId="0" fontId="3" fillId="2" borderId="10" xfId="1" applyFont="1" applyFill="1" applyBorder="1" applyAlignment="1">
      <alignment horizontal="center" vertical="center" wrapText="1"/>
    </xf>
    <xf numFmtId="0" fontId="9" fillId="0" borderId="15" xfId="0" applyFont="1" applyBorder="1" applyAlignment="1">
      <alignment horizontal="center"/>
    </xf>
    <xf numFmtId="0" fontId="9" fillId="0" borderId="16" xfId="0" applyFont="1" applyBorder="1" applyAlignment="1">
      <alignment horizontal="center"/>
    </xf>
    <xf numFmtId="0" fontId="9" fillId="0" borderId="17" xfId="0" applyFont="1" applyBorder="1" applyAlignment="1">
      <alignment horizontal="center"/>
    </xf>
    <xf numFmtId="0" fontId="4" fillId="0" borderId="0" xfId="0" applyFont="1"/>
  </cellXfs>
  <cellStyles count="3">
    <cellStyle name="Komma" xfId="2" builtinId="3"/>
    <cellStyle name="Normal 3" xfId="1" xr:uid="{83829455-E070-4B20-9DE0-0F4D82EC4786}"/>
    <cellStyle name="Standaard" xfId="0" builtinId="0"/>
  </cellStyles>
  <dxfs count="0"/>
  <tableStyles count="0" defaultTableStyle="TableStyleMedium2" defaultPivotStyle="PivotStyleLight16"/>
  <colors>
    <mruColors>
      <color rgb="FFCCCC00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microsoft.com/office/2017/06/relationships/rdRichValueStructure" Target="richData/rdrichvaluestructure.xml"/><Relationship Id="rId1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21" Type="http://schemas.openxmlformats.org/officeDocument/2006/relationships/customXml" Target="../customXml/item5.xml"/><Relationship Id="rId7" Type="http://schemas.openxmlformats.org/officeDocument/2006/relationships/theme" Target="theme/theme1.xml"/><Relationship Id="rId12" Type="http://schemas.microsoft.com/office/2017/06/relationships/rdRichValue" Target="richData/rdrichvalue.xml"/><Relationship Id="rId1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6" Type="http://schemas.openxmlformats.org/officeDocument/2006/relationships/calcChain" Target="calcChain.xml"/><Relationship Id="rId20" Type="http://schemas.openxmlformats.org/officeDocument/2006/relationships/customXml" Target="../customXml/item4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microsoft.com/office/2022/10/relationships/richValueRel" Target="richData/richValueRel.xml"/><Relationship Id="rId5" Type="http://schemas.openxmlformats.org/officeDocument/2006/relationships/worksheet" Target="worksheets/sheet5.xml"/><Relationship Id="rId15" Type="http://schemas.microsoft.com/office/2017/10/relationships/person" Target="persons/person.xml"/><Relationship Id="rId10" Type="http://schemas.openxmlformats.org/officeDocument/2006/relationships/sheetMetadata" Target="metadata.xml"/><Relationship Id="rId19" Type="http://schemas.openxmlformats.org/officeDocument/2006/relationships/customXml" Target="../customXml/item3.xml"/><Relationship Id="rId4" Type="http://schemas.openxmlformats.org/officeDocument/2006/relationships/worksheet" Target="worksheets/sheet4.xml"/><Relationship Id="rId9" Type="http://schemas.openxmlformats.org/officeDocument/2006/relationships/sharedStrings" Target="sharedStrings.xml"/><Relationship Id="rId14" Type="http://schemas.microsoft.com/office/2017/06/relationships/rdRichValueTypes" Target="richData/rdRichValueTypes.xml"/></Relationships>
</file>

<file path=xl/persons/person.xml><?xml version="1.0" encoding="utf-8"?>
<personList xmlns="http://schemas.microsoft.com/office/spreadsheetml/2018/threadedcomments" xmlns:x="http://schemas.openxmlformats.org/spreadsheetml/2006/main">
  <person displayName="Lloyd Philbert" id="{77538192-D166-4B42-91A8-D84799397AC0}" userId="S-1-5-21-923367405-4275714400-1038255209-1144" providerId="AD"/>
  <person displayName="Maria, Spurgeon" id="{252E5E56-9433-4AA3-8365-85488F0811CB}" userId="S::s.maria@centralbank.cw::17e06fbf-6f83-437c-ae26-a01bc0689915" providerId="AD"/>
</personList>
</file>

<file path=xl/richData/_rels/richValueRel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richData/rdRichValueTypes.xml><?xml version="1.0" encoding="utf-8"?>
<rvTypesInfo xmlns="http://schemas.microsoft.com/office/spreadsheetml/2017/richdata2" xmlns:mc="http://schemas.openxmlformats.org/markup-compatibility/2006" xmlns:x="http://schemas.openxmlformats.org/spreadsheetml/2006/main" mc:Ignorable="x">
  <global>
    <keyFlags>
      <key name="_Self">
        <flag name="ExcludeFromFile" value="1"/>
        <flag name="ExcludeFromCalcComparison" value="1"/>
      </key>
      <key name="_DisplayString">
        <flag name="ExcludeFromCalcComparison" value="1"/>
      </key>
      <key name="_Flags">
        <flag name="ExcludeFromCalcComparison" value="1"/>
      </key>
      <key name="_Format">
        <flag name="ExcludeFromCalcComparison" value="1"/>
      </key>
      <key name="_SubLabel">
        <flag name="ExcludeFromCalcComparison" value="1"/>
      </key>
      <key name="_Attribution">
        <flag name="ExcludeFromCalcComparison" value="1"/>
      </key>
      <key name="_Icon">
        <flag name="ExcludeFromCalcComparison" value="1"/>
      </key>
      <key name="_Display">
        <flag name="ExcludeFromCalcComparison" value="1"/>
      </key>
      <key name="_CanonicalPropertyNames">
        <flag name="ExcludeFromCalcComparison" value="1"/>
      </key>
      <key name="_ClassificationId">
        <flag name="ExcludeFromCalcComparison" value="1"/>
      </key>
    </keyFlags>
  </global>
</rvTypesInfo>
</file>

<file path=xl/richData/rdrichvalue.xml><?xml version="1.0" encoding="utf-8"?>
<rvData xmlns="http://schemas.microsoft.com/office/spreadsheetml/2017/richdata" count="1">
  <rv s="0">
    <v>0</v>
    <v>5</v>
  </rv>
</rvData>
</file>

<file path=xl/richData/rdrichvaluestructure.xml><?xml version="1.0" encoding="utf-8"?>
<rvStructures xmlns="http://schemas.microsoft.com/office/spreadsheetml/2017/richdata" count="1">
  <s t="_localImage">
    <k n="_rvRel:LocalImageIdentifier" t="i"/>
    <k n="CalcOrigin" t="i"/>
  </s>
</rvStructures>
</file>

<file path=xl/richData/richValueRel.xml><?xml version="1.0" encoding="utf-8"?>
<richValueRels xmlns="http://schemas.microsoft.com/office/spreadsheetml/2022/richvaluerel" xmlns:r="http://schemas.openxmlformats.org/officeDocument/2006/relationships">
  <rel r:id="rId1"/>
</richValueRel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threadedComments/threadedComment1.xml><?xml version="1.0" encoding="utf-8"?>
<ThreadedComments xmlns="http://schemas.microsoft.com/office/spreadsheetml/2018/threadedcomments" xmlns:x="http://schemas.openxmlformats.org/spreadsheetml/2006/main">
  <threadedComment ref="N3" dT="2026-01-30T19:41:12.84" personId="{77538192-D166-4B42-91A8-D84799397AC0}" id="{52B647B2-B8E0-45C6-9686-115F73CB1399}">
    <text>Tab space</text>
  </threadedComment>
</ThreadedComments>
</file>

<file path=xl/threadedComments/threadedComment2.xml><?xml version="1.0" encoding="utf-8"?>
<ThreadedComments xmlns="http://schemas.microsoft.com/office/spreadsheetml/2018/threadedcomments" xmlns:x="http://schemas.openxmlformats.org/spreadsheetml/2006/main">
  <threadedComment ref="L1" dT="2023-01-30T14:17:15.56" personId="{252E5E56-9433-4AA3-8365-85488F0811CB}" id="{5A327D4D-52EE-4C81-9DA3-CAA54639D13B}">
    <text xml:space="preserve">Uitzoeken wat de relevante blokkades voor een uitkering vanuit een DGS. </text>
  </threadedComment>
  <threadedComment ref="L1" dT="2023-01-30T14:26:40.84" personId="{252E5E56-9433-4AA3-8365-85488F0811CB}" id="{DE007014-D50D-4607-9E4B-A432AD1E52CF}" parentId="{5A327D4D-52EE-4C81-9DA3-CAA54639D13B}">
    <text>Handleiding aanpassen: --&gt; witwassen eruit halen</text>
  </threadedComment>
  <threadedComment ref="L1" dT="2023-01-30T14:50:43.52" personId="{252E5E56-9433-4AA3-8365-85488F0811CB}" id="{73F91664-9164-48F7-A349-59712E61DE7D}" parentId="{5A327D4D-52EE-4C81-9DA3-CAA54639D13B}">
    <text>Lijst met blocked accounts</text>
  </threadedComment>
</ThreadedComments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4.xml.rels><?xml version="1.0" encoding="UTF-8" standalone="yes"?>
<Relationships xmlns="http://schemas.openxmlformats.org/package/2006/relationships"><Relationship Id="rId3" Type="http://schemas.microsoft.com/office/2017/10/relationships/threadedComment" Target="../threadedComments/threadedComment1.xml"/><Relationship Id="rId2" Type="http://schemas.openxmlformats.org/officeDocument/2006/relationships/comments" Target="../comments1.xml"/><Relationship Id="rId1" Type="http://schemas.openxmlformats.org/officeDocument/2006/relationships/vmlDrawing" Target="../drawings/vmlDrawing1.vml"/></Relationships>
</file>

<file path=xl/worksheets/_rels/sheet6.xml.rels><?xml version="1.0" encoding="UTF-8" standalone="yes"?>
<Relationships xmlns="http://schemas.openxmlformats.org/package/2006/relationships"><Relationship Id="rId3" Type="http://schemas.openxmlformats.org/officeDocument/2006/relationships/comments" Target="../comments2.xml"/><Relationship Id="rId2" Type="http://schemas.openxmlformats.org/officeDocument/2006/relationships/vmlDrawing" Target="../drawings/vmlDrawing2.vml"/><Relationship Id="rId1" Type="http://schemas.openxmlformats.org/officeDocument/2006/relationships/printerSettings" Target="../printerSettings/printerSettings2.bin"/><Relationship Id="rId4" Type="http://schemas.microsoft.com/office/2017/10/relationships/threadedComment" Target="../threadedComments/threadedComment2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364F629-F783-46B3-895F-375F7BFF1A7C}">
  <sheetPr codeName="Sheet2">
    <tabColor theme="5" tint="0.59999389629810485"/>
    <pageSetUpPr fitToPage="1"/>
  </sheetPr>
  <dimension ref="A1:AG164"/>
  <sheetViews>
    <sheetView tabSelected="1" zoomScaleNormal="100" workbookViewId="0"/>
  </sheetViews>
  <sheetFormatPr defaultColWidth="0" defaultRowHeight="14.5"/>
  <cols>
    <col min="1" max="1" width="15.1796875" customWidth="1"/>
    <col min="2" max="2" width="30.54296875" bestFit="1" customWidth="1"/>
    <col min="3" max="3" width="18.54296875" bestFit="1" customWidth="1"/>
    <col min="4" max="4" width="26.1796875" style="18" customWidth="1"/>
    <col min="5" max="5" width="16.54296875" customWidth="1"/>
    <col min="6" max="7" width="17.54296875" customWidth="1"/>
    <col min="8" max="8" width="14.453125" customWidth="1"/>
    <col min="9" max="9" width="18.453125" style="22" customWidth="1"/>
    <col min="10" max="11" width="18.453125" customWidth="1"/>
    <col min="12" max="12" width="20.54296875" customWidth="1"/>
    <col min="13" max="13" width="15.54296875" customWidth="1"/>
    <col min="14" max="14" width="16.453125" customWidth="1"/>
    <col min="15" max="15" width="18.81640625" style="22" customWidth="1"/>
    <col min="16" max="16" width="18.54296875" customWidth="1"/>
    <col min="17" max="17" width="13.54296875" customWidth="1"/>
    <col min="18" max="18" width="16.453125" customWidth="1"/>
    <col min="19" max="19" width="16.453125" style="12" customWidth="1"/>
    <col min="20" max="20" width="21.453125" customWidth="1"/>
    <col min="21" max="21" width="13.54296875" customWidth="1"/>
    <col min="22" max="22" width="14.54296875" customWidth="1"/>
    <col min="23" max="23" width="12.54296875" customWidth="1"/>
    <col min="24" max="24" width="12" customWidth="1"/>
    <col min="25" max="25" width="15" customWidth="1"/>
    <col min="26" max="26" width="15.453125" customWidth="1"/>
    <col min="27" max="27" width="21.453125" customWidth="1"/>
    <col min="28" max="28" width="17.453125" customWidth="1"/>
    <col min="29" max="29" width="18.453125" customWidth="1"/>
    <col min="30" max="30" width="17.453125" customWidth="1"/>
    <col min="31" max="33" width="0" hidden="1" customWidth="1"/>
    <col min="34" max="16384" width="9.453125" hidden="1"/>
  </cols>
  <sheetData>
    <row r="1" spans="1:30" ht="21.5" thickBot="1">
      <c r="A1" s="5" t="s">
        <v>0</v>
      </c>
      <c r="B1" s="23" t="e" vm="1">
        <v>#VALUE!</v>
      </c>
      <c r="D1"/>
      <c r="I1"/>
      <c r="O1"/>
      <c r="S1"/>
    </row>
    <row r="2" spans="1:30" ht="15" thickBot="1">
      <c r="B2" s="24"/>
      <c r="D2"/>
      <c r="E2" s="16"/>
      <c r="I2"/>
      <c r="O2"/>
      <c r="S2"/>
      <c r="X2" s="39" t="s">
        <v>1</v>
      </c>
      <c r="Y2" s="40"/>
      <c r="Z2" s="41"/>
    </row>
    <row r="3" spans="1:30" ht="15.75" customHeight="1" thickTop="1" thickBot="1">
      <c r="A3" s="25" t="s">
        <v>2</v>
      </c>
      <c r="B3" s="28" t="s">
        <v>3</v>
      </c>
      <c r="C3" s="29"/>
      <c r="D3" s="29"/>
      <c r="E3" s="29"/>
      <c r="F3" s="29"/>
      <c r="G3" s="29"/>
      <c r="H3" s="29"/>
      <c r="I3" s="29"/>
      <c r="J3" s="29"/>
      <c r="K3" s="29"/>
      <c r="L3" s="29"/>
      <c r="M3" s="29"/>
      <c r="N3" s="29"/>
      <c r="O3" s="29"/>
      <c r="P3" s="29"/>
      <c r="Q3" s="29"/>
      <c r="R3" s="29"/>
      <c r="S3" s="30"/>
      <c r="T3" s="31" t="s">
        <v>4</v>
      </c>
      <c r="U3" s="32"/>
      <c r="V3" s="32"/>
      <c r="W3" s="32"/>
      <c r="X3" s="33"/>
      <c r="Y3" s="33"/>
      <c r="Z3" s="26"/>
      <c r="AA3" s="36" t="s">
        <v>5</v>
      </c>
      <c r="AB3" s="36" t="s">
        <v>6</v>
      </c>
      <c r="AC3" s="36" t="s">
        <v>7</v>
      </c>
      <c r="AD3" s="36" t="s">
        <v>8</v>
      </c>
    </row>
    <row r="4" spans="1:30" ht="15.75" customHeight="1" thickTop="1" thickBot="1">
      <c r="A4" s="26"/>
      <c r="B4" s="28" t="s">
        <v>9</v>
      </c>
      <c r="C4" s="30"/>
      <c r="D4" s="17"/>
      <c r="E4" s="29" t="s">
        <v>10</v>
      </c>
      <c r="F4" s="29"/>
      <c r="G4" s="29"/>
      <c r="H4" s="29"/>
      <c r="I4" s="29"/>
      <c r="J4" s="29"/>
      <c r="K4" s="29"/>
      <c r="L4" s="29"/>
      <c r="M4" s="29"/>
      <c r="N4" s="29"/>
      <c r="O4" s="30"/>
      <c r="P4" s="29" t="s">
        <v>11</v>
      </c>
      <c r="Q4" s="29"/>
      <c r="R4" s="29"/>
      <c r="S4" s="29"/>
      <c r="T4" s="34"/>
      <c r="U4" s="35"/>
      <c r="V4" s="35"/>
      <c r="W4" s="35"/>
      <c r="X4" s="35"/>
      <c r="Y4" s="35"/>
      <c r="Z4" s="27"/>
      <c r="AA4" s="37"/>
      <c r="AB4" s="37"/>
      <c r="AC4" s="37"/>
      <c r="AD4" s="37"/>
    </row>
    <row r="5" spans="1:30" ht="44.5" thickTop="1" thickBot="1">
      <c r="A5" s="27"/>
      <c r="B5" s="2" t="s">
        <v>12</v>
      </c>
      <c r="C5" s="4" t="s">
        <v>13</v>
      </c>
      <c r="D5" s="2" t="s">
        <v>14</v>
      </c>
      <c r="E5" s="1" t="s">
        <v>660</v>
      </c>
      <c r="F5" s="1" t="s">
        <v>15</v>
      </c>
      <c r="G5" s="1" t="s">
        <v>16</v>
      </c>
      <c r="H5" s="1" t="s">
        <v>17</v>
      </c>
      <c r="I5" s="1" t="s">
        <v>18</v>
      </c>
      <c r="J5" s="1" t="s">
        <v>19</v>
      </c>
      <c r="K5" s="1" t="s">
        <v>20</v>
      </c>
      <c r="L5" s="1" t="s">
        <v>21</v>
      </c>
      <c r="M5" s="1" t="s">
        <v>22</v>
      </c>
      <c r="N5" s="1" t="s">
        <v>23</v>
      </c>
      <c r="O5" s="1" t="s">
        <v>24</v>
      </c>
      <c r="P5" s="1" t="s">
        <v>25</v>
      </c>
      <c r="Q5" s="1" t="s">
        <v>15</v>
      </c>
      <c r="R5" s="1" t="s">
        <v>26</v>
      </c>
      <c r="S5" s="1" t="s">
        <v>27</v>
      </c>
      <c r="T5" s="1" t="s">
        <v>28</v>
      </c>
      <c r="U5" s="1" t="s">
        <v>29</v>
      </c>
      <c r="V5" s="1" t="s">
        <v>30</v>
      </c>
      <c r="W5" s="1" t="s">
        <v>31</v>
      </c>
      <c r="X5" s="1" t="s">
        <v>32</v>
      </c>
      <c r="Y5" s="1" t="s">
        <v>33</v>
      </c>
      <c r="Z5" s="1" t="s">
        <v>34</v>
      </c>
      <c r="AA5" s="38"/>
      <c r="AB5" s="38"/>
      <c r="AC5" s="38"/>
      <c r="AD5" s="38"/>
    </row>
    <row r="6" spans="1:30" ht="15.5" thickTop="1" thickBot="1">
      <c r="A6" s="3">
        <v>1</v>
      </c>
      <c r="B6" s="3" t="s">
        <v>35</v>
      </c>
      <c r="C6" s="3" t="s">
        <v>36</v>
      </c>
      <c r="D6" s="3" t="s">
        <v>37</v>
      </c>
      <c r="E6" s="3" t="s">
        <v>38</v>
      </c>
      <c r="F6" s="3" t="s">
        <v>39</v>
      </c>
      <c r="G6" s="3" t="s">
        <v>40</v>
      </c>
      <c r="H6" s="3" t="s">
        <v>41</v>
      </c>
      <c r="I6" s="3" t="s">
        <v>42</v>
      </c>
      <c r="J6" s="3" t="s">
        <v>43</v>
      </c>
      <c r="K6" s="3" t="s">
        <v>44</v>
      </c>
      <c r="L6" s="3" t="s">
        <v>45</v>
      </c>
      <c r="M6" s="3" t="s">
        <v>46</v>
      </c>
      <c r="N6" s="3" t="s">
        <v>47</v>
      </c>
      <c r="O6" s="3" t="s">
        <v>48</v>
      </c>
      <c r="P6" s="3" t="s">
        <v>49</v>
      </c>
      <c r="Q6" s="3" t="s">
        <v>50</v>
      </c>
      <c r="R6" s="3" t="s">
        <v>51</v>
      </c>
      <c r="S6" s="3" t="s">
        <v>52</v>
      </c>
      <c r="T6" s="3" t="s">
        <v>53</v>
      </c>
      <c r="U6" s="3" t="s">
        <v>54</v>
      </c>
      <c r="V6" s="3" t="s">
        <v>55</v>
      </c>
      <c r="W6" s="3" t="s">
        <v>56</v>
      </c>
      <c r="X6" s="3" t="s">
        <v>57</v>
      </c>
      <c r="Y6" s="3" t="s">
        <v>58</v>
      </c>
      <c r="Z6" s="3" t="s">
        <v>59</v>
      </c>
      <c r="AA6" s="3">
        <v>6</v>
      </c>
      <c r="AB6" s="3">
        <v>7</v>
      </c>
      <c r="AC6" s="3">
        <v>8</v>
      </c>
      <c r="AD6" s="3">
        <v>9</v>
      </c>
    </row>
    <row r="7" spans="1:30" s="12" customFormat="1">
      <c r="A7" s="11" t="s">
        <v>60</v>
      </c>
      <c r="B7" s="12" t="s">
        <v>61</v>
      </c>
      <c r="C7" s="12" t="s">
        <v>62</v>
      </c>
      <c r="D7" s="18">
        <v>1991050302</v>
      </c>
      <c r="E7" s="18"/>
      <c r="F7" s="12">
        <v>149860101</v>
      </c>
      <c r="G7" s="12" t="s">
        <v>63</v>
      </c>
      <c r="H7" s="12" t="s">
        <v>64</v>
      </c>
      <c r="I7" s="20" t="s">
        <v>657</v>
      </c>
      <c r="J7" s="13" t="s">
        <v>65</v>
      </c>
      <c r="K7" s="12" t="s">
        <v>66</v>
      </c>
      <c r="L7" s="12" t="s">
        <v>67</v>
      </c>
      <c r="M7" s="12" t="s">
        <v>66</v>
      </c>
      <c r="N7" s="19" t="s">
        <v>68</v>
      </c>
      <c r="O7" s="20" t="s">
        <v>658</v>
      </c>
      <c r="T7" s="13" t="s">
        <v>69</v>
      </c>
      <c r="V7" s="12" t="s">
        <v>65</v>
      </c>
      <c r="W7" s="12" t="s">
        <v>66</v>
      </c>
      <c r="X7" s="12" t="s">
        <v>69</v>
      </c>
      <c r="Y7" s="12" t="s">
        <v>69</v>
      </c>
      <c r="Z7" s="12" t="s">
        <v>69</v>
      </c>
      <c r="AA7" s="12" t="s">
        <v>70</v>
      </c>
      <c r="AB7" s="12" t="s">
        <v>71</v>
      </c>
      <c r="AC7" s="12" t="s">
        <v>72</v>
      </c>
      <c r="AD7" s="12" t="s">
        <v>73</v>
      </c>
    </row>
    <row r="8" spans="1:30" s="12" customFormat="1">
      <c r="A8" s="11"/>
      <c r="I8" s="21"/>
      <c r="O8" s="21"/>
    </row>
    <row r="9" spans="1:30" s="12" customFormat="1">
      <c r="A9" s="11"/>
      <c r="I9" s="21"/>
      <c r="O9" s="21"/>
    </row>
    <row r="10" spans="1:30" s="12" customFormat="1">
      <c r="A10" s="11"/>
      <c r="I10" s="21"/>
      <c r="O10" s="21"/>
    </row>
    <row r="11" spans="1:30" s="12" customFormat="1">
      <c r="A11" s="11"/>
      <c r="I11" s="21"/>
      <c r="O11" s="21"/>
    </row>
    <row r="12" spans="1:30">
      <c r="D12" s="12"/>
      <c r="L12" s="12"/>
    </row>
    <row r="13" spans="1:30">
      <c r="L13" s="12"/>
    </row>
    <row r="14" spans="1:30">
      <c r="L14" s="12"/>
    </row>
    <row r="15" spans="1:30">
      <c r="L15" s="12"/>
    </row>
    <row r="16" spans="1:30">
      <c r="L16" s="12"/>
    </row>
    <row r="17" spans="12:12">
      <c r="L17" s="12"/>
    </row>
    <row r="18" spans="12:12">
      <c r="L18" s="12"/>
    </row>
    <row r="19" spans="12:12">
      <c r="L19" s="12"/>
    </row>
    <row r="20" spans="12:12">
      <c r="L20" s="12"/>
    </row>
    <row r="21" spans="12:12">
      <c r="L21" s="12"/>
    </row>
    <row r="22" spans="12:12">
      <c r="L22" s="12"/>
    </row>
    <row r="23" spans="12:12">
      <c r="L23" s="12"/>
    </row>
    <row r="24" spans="12:12">
      <c r="L24" s="12"/>
    </row>
    <row r="25" spans="12:12">
      <c r="L25" s="12"/>
    </row>
    <row r="26" spans="12:12">
      <c r="L26" s="12"/>
    </row>
    <row r="27" spans="12:12">
      <c r="L27" s="12"/>
    </row>
    <row r="28" spans="12:12">
      <c r="L28" s="12"/>
    </row>
    <row r="29" spans="12:12">
      <c r="L29" s="12"/>
    </row>
    <row r="30" spans="12:12">
      <c r="L30" s="12"/>
    </row>
    <row r="31" spans="12:12">
      <c r="L31" s="12"/>
    </row>
    <row r="32" spans="12:12">
      <c r="L32" s="12"/>
    </row>
    <row r="33" spans="12:12">
      <c r="L33" s="12"/>
    </row>
    <row r="34" spans="12:12">
      <c r="L34" s="12"/>
    </row>
    <row r="35" spans="12:12">
      <c r="L35" s="12"/>
    </row>
    <row r="36" spans="12:12">
      <c r="L36" s="12"/>
    </row>
    <row r="37" spans="12:12">
      <c r="L37" s="12"/>
    </row>
    <row r="38" spans="12:12">
      <c r="L38" s="12"/>
    </row>
    <row r="39" spans="12:12">
      <c r="L39" s="12"/>
    </row>
    <row r="40" spans="12:12">
      <c r="L40" s="12"/>
    </row>
    <row r="41" spans="12:12">
      <c r="L41" s="12"/>
    </row>
    <row r="42" spans="12:12">
      <c r="L42" s="12"/>
    </row>
    <row r="43" spans="12:12">
      <c r="L43" s="12"/>
    </row>
    <row r="44" spans="12:12">
      <c r="L44" s="12"/>
    </row>
    <row r="45" spans="12:12">
      <c r="L45" s="12"/>
    </row>
    <row r="46" spans="12:12">
      <c r="L46" s="12"/>
    </row>
    <row r="47" spans="12:12">
      <c r="L47" s="12"/>
    </row>
    <row r="48" spans="12:12">
      <c r="L48" s="12"/>
    </row>
    <row r="49" spans="12:12">
      <c r="L49" s="12"/>
    </row>
    <row r="50" spans="12:12">
      <c r="L50" s="12"/>
    </row>
    <row r="51" spans="12:12">
      <c r="L51" s="12"/>
    </row>
    <row r="52" spans="12:12">
      <c r="L52" s="12"/>
    </row>
    <row r="53" spans="12:12">
      <c r="L53" s="12"/>
    </row>
    <row r="54" spans="12:12">
      <c r="L54" s="12"/>
    </row>
    <row r="55" spans="12:12">
      <c r="L55" s="12"/>
    </row>
    <row r="56" spans="12:12">
      <c r="L56" s="12"/>
    </row>
    <row r="57" spans="12:12">
      <c r="L57" s="12"/>
    </row>
    <row r="58" spans="12:12">
      <c r="L58" s="12"/>
    </row>
    <row r="59" spans="12:12">
      <c r="L59" s="12"/>
    </row>
    <row r="60" spans="12:12">
      <c r="L60" s="12"/>
    </row>
    <row r="61" spans="12:12">
      <c r="L61" s="12"/>
    </row>
    <row r="62" spans="12:12">
      <c r="L62" s="12"/>
    </row>
    <row r="63" spans="12:12">
      <c r="L63" s="12"/>
    </row>
    <row r="64" spans="12:12">
      <c r="L64" s="12"/>
    </row>
    <row r="65" spans="12:12">
      <c r="L65" s="12"/>
    </row>
    <row r="66" spans="12:12">
      <c r="L66" s="12"/>
    </row>
    <row r="67" spans="12:12">
      <c r="L67" s="12"/>
    </row>
    <row r="68" spans="12:12">
      <c r="L68" s="12"/>
    </row>
    <row r="69" spans="12:12">
      <c r="L69" s="12"/>
    </row>
    <row r="70" spans="12:12">
      <c r="L70" s="12"/>
    </row>
    <row r="71" spans="12:12">
      <c r="L71" s="12"/>
    </row>
    <row r="72" spans="12:12">
      <c r="L72" s="12"/>
    </row>
    <row r="73" spans="12:12">
      <c r="L73" s="12"/>
    </row>
    <row r="74" spans="12:12">
      <c r="L74" s="12"/>
    </row>
    <row r="75" spans="12:12">
      <c r="L75" s="12"/>
    </row>
    <row r="76" spans="12:12">
      <c r="L76" s="12"/>
    </row>
    <row r="77" spans="12:12">
      <c r="L77" s="12"/>
    </row>
    <row r="78" spans="12:12">
      <c r="L78" s="12"/>
    </row>
    <row r="79" spans="12:12">
      <c r="L79" s="12"/>
    </row>
    <row r="80" spans="12:12">
      <c r="L80" s="12"/>
    </row>
    <row r="81" spans="12:12">
      <c r="L81" s="12"/>
    </row>
    <row r="82" spans="12:12">
      <c r="L82" s="12"/>
    </row>
    <row r="83" spans="12:12">
      <c r="L83" s="12"/>
    </row>
    <row r="84" spans="12:12">
      <c r="L84" s="12"/>
    </row>
    <row r="85" spans="12:12">
      <c r="L85" s="12"/>
    </row>
    <row r="86" spans="12:12">
      <c r="L86" s="12"/>
    </row>
    <row r="87" spans="12:12">
      <c r="L87" s="12"/>
    </row>
    <row r="88" spans="12:12">
      <c r="L88" s="12"/>
    </row>
    <row r="89" spans="12:12">
      <c r="L89" s="12"/>
    </row>
    <row r="90" spans="12:12">
      <c r="L90" s="12"/>
    </row>
    <row r="91" spans="12:12">
      <c r="L91" s="12"/>
    </row>
    <row r="92" spans="12:12">
      <c r="L92" s="12"/>
    </row>
    <row r="93" spans="12:12">
      <c r="L93" s="12"/>
    </row>
    <row r="94" spans="12:12">
      <c r="L94" s="12"/>
    </row>
    <row r="95" spans="12:12">
      <c r="L95" s="12"/>
    </row>
    <row r="96" spans="12:12">
      <c r="L96" s="12"/>
    </row>
    <row r="97" spans="12:12">
      <c r="L97" s="12"/>
    </row>
    <row r="98" spans="12:12">
      <c r="L98" s="12"/>
    </row>
    <row r="99" spans="12:12">
      <c r="L99" s="12"/>
    </row>
    <row r="100" spans="12:12">
      <c r="L100" s="12"/>
    </row>
    <row r="101" spans="12:12">
      <c r="L101" s="12"/>
    </row>
    <row r="102" spans="12:12">
      <c r="L102" s="12"/>
    </row>
    <row r="103" spans="12:12">
      <c r="L103" s="12"/>
    </row>
    <row r="104" spans="12:12">
      <c r="L104" s="12"/>
    </row>
    <row r="105" spans="12:12">
      <c r="L105" s="12"/>
    </row>
    <row r="106" spans="12:12">
      <c r="L106" s="12"/>
    </row>
    <row r="107" spans="12:12">
      <c r="L107" s="12"/>
    </row>
    <row r="108" spans="12:12">
      <c r="L108" s="12"/>
    </row>
    <row r="109" spans="12:12">
      <c r="L109" s="12"/>
    </row>
    <row r="110" spans="12:12">
      <c r="L110" s="12"/>
    </row>
    <row r="111" spans="12:12">
      <c r="L111" s="12"/>
    </row>
    <row r="112" spans="12:12">
      <c r="L112" s="12"/>
    </row>
    <row r="113" spans="12:12">
      <c r="L113" s="12"/>
    </row>
    <row r="114" spans="12:12">
      <c r="L114" s="12"/>
    </row>
    <row r="115" spans="12:12">
      <c r="L115" s="12"/>
    </row>
    <row r="116" spans="12:12">
      <c r="L116" s="12"/>
    </row>
    <row r="117" spans="12:12">
      <c r="L117" s="12"/>
    </row>
    <row r="118" spans="12:12">
      <c r="L118" s="12"/>
    </row>
    <row r="119" spans="12:12">
      <c r="L119" s="12"/>
    </row>
    <row r="120" spans="12:12">
      <c r="L120" s="12"/>
    </row>
    <row r="121" spans="12:12">
      <c r="L121" s="12"/>
    </row>
    <row r="122" spans="12:12">
      <c r="L122" s="12"/>
    </row>
    <row r="123" spans="12:12">
      <c r="L123" s="12"/>
    </row>
    <row r="124" spans="12:12">
      <c r="L124" s="12"/>
    </row>
    <row r="125" spans="12:12">
      <c r="L125" s="12"/>
    </row>
    <row r="126" spans="12:12">
      <c r="L126" s="12"/>
    </row>
    <row r="127" spans="12:12">
      <c r="L127" s="12"/>
    </row>
    <row r="128" spans="12:12">
      <c r="L128" s="12"/>
    </row>
    <row r="129" spans="12:12">
      <c r="L129" s="12"/>
    </row>
    <row r="130" spans="12:12">
      <c r="L130" s="12"/>
    </row>
    <row r="131" spans="12:12">
      <c r="L131" s="12"/>
    </row>
    <row r="132" spans="12:12">
      <c r="L132" s="12"/>
    </row>
    <row r="133" spans="12:12">
      <c r="L133" s="12"/>
    </row>
    <row r="134" spans="12:12">
      <c r="L134" s="12"/>
    </row>
    <row r="135" spans="12:12">
      <c r="L135" s="12"/>
    </row>
    <row r="136" spans="12:12">
      <c r="L136" s="12"/>
    </row>
    <row r="137" spans="12:12">
      <c r="L137" s="12"/>
    </row>
    <row r="138" spans="12:12">
      <c r="L138" s="12"/>
    </row>
    <row r="139" spans="12:12">
      <c r="L139" s="12"/>
    </row>
    <row r="140" spans="12:12">
      <c r="L140" s="12"/>
    </row>
    <row r="141" spans="12:12">
      <c r="L141" s="12"/>
    </row>
    <row r="142" spans="12:12">
      <c r="L142" s="12"/>
    </row>
    <row r="143" spans="12:12">
      <c r="L143" s="12"/>
    </row>
    <row r="144" spans="12:12">
      <c r="L144" s="12"/>
    </row>
    <row r="145" spans="12:12">
      <c r="L145" s="12"/>
    </row>
    <row r="146" spans="12:12">
      <c r="L146" s="12"/>
    </row>
    <row r="147" spans="12:12">
      <c r="L147" s="12"/>
    </row>
    <row r="148" spans="12:12">
      <c r="L148" s="12"/>
    </row>
    <row r="149" spans="12:12">
      <c r="L149" s="12"/>
    </row>
    <row r="150" spans="12:12">
      <c r="L150" s="12"/>
    </row>
    <row r="151" spans="12:12">
      <c r="L151" s="12"/>
    </row>
    <row r="152" spans="12:12">
      <c r="L152" s="12"/>
    </row>
    <row r="153" spans="12:12">
      <c r="L153" s="12"/>
    </row>
    <row r="154" spans="12:12">
      <c r="L154" s="12"/>
    </row>
    <row r="155" spans="12:12">
      <c r="L155" s="12"/>
    </row>
    <row r="156" spans="12:12">
      <c r="L156" s="12"/>
    </row>
    <row r="157" spans="12:12">
      <c r="L157" s="12"/>
    </row>
    <row r="158" spans="12:12">
      <c r="L158" s="12"/>
    </row>
    <row r="159" spans="12:12">
      <c r="L159" s="12"/>
    </row>
    <row r="160" spans="12:12">
      <c r="L160" s="12"/>
    </row>
    <row r="161" spans="12:12">
      <c r="L161" s="12"/>
    </row>
    <row r="162" spans="12:12">
      <c r="L162" s="12"/>
    </row>
    <row r="163" spans="12:12">
      <c r="L163" s="12"/>
    </row>
    <row r="164" spans="12:12">
      <c r="L164" s="12"/>
    </row>
  </sheetData>
  <mergeCells count="12">
    <mergeCell ref="X2:Z2"/>
    <mergeCell ref="T3:Z4"/>
    <mergeCell ref="B4:C4"/>
    <mergeCell ref="AD3:AD5"/>
    <mergeCell ref="AC3:AC5"/>
    <mergeCell ref="AB3:AB5"/>
    <mergeCell ref="AA3:AA5"/>
    <mergeCell ref="B1:B2"/>
    <mergeCell ref="A3:A5"/>
    <mergeCell ref="B3:S3"/>
    <mergeCell ref="E4:O4"/>
    <mergeCell ref="P4:S4"/>
  </mergeCells>
  <phoneticPr fontId="8" type="noConversion"/>
  <pageMargins left="0.7" right="0.7" top="0.75" bottom="0.75" header="0.3" footer="0.3"/>
  <pageSetup scale="24" orientation="landscape" r:id="rId1"/>
  <ignoredErrors>
    <ignoredError sqref="A8" numberStoredAsText="1"/>
  </ignoredErrors>
  <extLst>
    <ext xmlns:x14="http://schemas.microsoft.com/office/spreadsheetml/2009/9/main" uri="{CCE6A557-97BC-4b89-ADB6-D9C93CAAB3DF}">
      <x14:dataValidations xmlns:xm="http://schemas.microsoft.com/office/excel/2006/main" count="9">
        <x14:dataValidation type="list" allowBlank="1" showInputMessage="1" showErrorMessage="1" xr:uid="{2149EBDF-F825-4D73-9093-76116220D639}">
          <x14:formula1>
            <xm:f>'Do not delete'!$C$2:$C$4</xm:f>
          </x14:formula1>
          <xm:sqref>L165:L1048576</xm:sqref>
        </x14:dataValidation>
        <x14:dataValidation type="list" allowBlank="1" showInputMessage="1" showErrorMessage="1" xr:uid="{9CFBBF9B-1606-404E-8138-9465511398C0}">
          <x14:formula1>
            <xm:f>'Do not delete'!$D$2:$D$250</xm:f>
          </x14:formula1>
          <xm:sqref>K7 W7:W1048576 M7:M1048576 S7:S1048576</xm:sqref>
        </x14:dataValidation>
        <x14:dataValidation type="list" allowBlank="1" showInputMessage="1" showErrorMessage="1" xr:uid="{02A87C45-EE55-4727-88E5-D1BA0B514E7D}">
          <x14:formula1>
            <xm:f>'Do not delete'!$A$2:$A$8</xm:f>
          </x14:formula1>
          <xm:sqref>B7:B1048576</xm:sqref>
        </x14:dataValidation>
        <x14:dataValidation type="list" allowBlank="1" showInputMessage="1" showErrorMessage="1" xr:uid="{BAAD4DF4-4563-47EE-94F4-0C22DEF76338}">
          <x14:formula1>
            <xm:f>'Do not delete'!$B$2:$B$3</xm:f>
          </x14:formula1>
          <xm:sqref>C7:C1048576</xm:sqref>
        </x14:dataValidation>
        <x14:dataValidation type="list" allowBlank="1" showInputMessage="1" showErrorMessage="1" xr:uid="{89094D2A-618F-412D-8237-4E64AE02DC1B}">
          <x14:formula1>
            <xm:f>'Do not delete'!$E$2:$E$3</xm:f>
          </x14:formula1>
          <xm:sqref>AA7:AA1048576</xm:sqref>
        </x14:dataValidation>
        <x14:dataValidation type="list" allowBlank="1" showInputMessage="1" showErrorMessage="1" xr:uid="{32C5813A-19EA-4A8D-AE0C-6AF3C20D0FCB}">
          <x14:formula1>
            <xm:f>'Do not delete'!$F$2:$F$3</xm:f>
          </x14:formula1>
          <xm:sqref>AB7:AB1048576</xm:sqref>
        </x14:dataValidation>
        <x14:dataValidation type="list" allowBlank="1" showInputMessage="1" showErrorMessage="1" xr:uid="{5A7327EF-D152-4256-BCAC-E7BD1A9EAE94}">
          <x14:formula1>
            <xm:f>'Do not delete'!$G$2:$G$4</xm:f>
          </x14:formula1>
          <xm:sqref>AC7:AC1048576</xm:sqref>
        </x14:dataValidation>
        <x14:dataValidation type="list" allowBlank="1" showInputMessage="1" showErrorMessage="1" xr:uid="{B8401F7F-FAED-4C84-8580-2669E606336D}">
          <x14:formula1>
            <xm:f>'Do not delete'!$H$2:$H$3</xm:f>
          </x14:formula1>
          <xm:sqref>AD7:AD1048576</xm:sqref>
        </x14:dataValidation>
        <x14:dataValidation type="list" allowBlank="1" showInputMessage="1" showErrorMessage="1" xr:uid="{140066F3-1D07-49D8-9C56-B754AC4407E3}">
          <x14:formula1>
            <xm:f>'Do not delete'!$C$2:$C$6</xm:f>
          </x14:formula1>
          <xm:sqref>L7:L164</xm:sqref>
        </x14:dataValidation>
      </x14:dataValidations>
    </ext>
  </extLst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7477B19-E8DA-4335-9D34-FB540AEF15F3}">
  <sheetPr codeName="Sheet3">
    <tabColor theme="5" tint="0.59999389629810485"/>
  </sheetPr>
  <dimension ref="A1:S720901"/>
  <sheetViews>
    <sheetView zoomScaleNormal="100" workbookViewId="0">
      <selection activeCell="E27" sqref="E27"/>
    </sheetView>
  </sheetViews>
  <sheetFormatPr defaultRowHeight="14.5"/>
  <cols>
    <col min="1" max="1" width="21.54296875" customWidth="1"/>
    <col min="2" max="2" width="27.26953125" customWidth="1"/>
    <col min="3" max="3" width="20.54296875" customWidth="1"/>
    <col min="4" max="4" width="13.54296875" customWidth="1"/>
    <col min="5" max="5" width="17.453125" customWidth="1"/>
    <col min="6" max="6" width="19.453125" style="22" customWidth="1"/>
    <col min="7" max="8" width="19.453125" customWidth="1"/>
    <col min="9" max="9" width="20.453125" customWidth="1"/>
    <col min="10" max="10" width="17.453125" style="12" customWidth="1"/>
    <col min="11" max="11" width="19.453125" customWidth="1"/>
    <col min="12" max="12" width="17" style="22" customWidth="1"/>
    <col min="13" max="13" width="35" customWidth="1"/>
    <col min="14" max="14" width="18.81640625" customWidth="1"/>
    <col min="15" max="15" width="17.453125" customWidth="1"/>
    <col min="16" max="16" width="15.453125" style="12" customWidth="1"/>
    <col min="17" max="17" width="18" customWidth="1"/>
    <col min="18" max="18" width="14.54296875" customWidth="1"/>
    <col min="19" max="19" width="15.453125" customWidth="1"/>
  </cols>
  <sheetData>
    <row r="1" spans="1:19" ht="21.5" thickBot="1">
      <c r="A1" s="5" t="s">
        <v>83</v>
      </c>
      <c r="B1" s="23" t="e" vm="1">
        <v>#VALUE!</v>
      </c>
      <c r="F1"/>
      <c r="J1"/>
      <c r="L1"/>
      <c r="P1"/>
    </row>
    <row r="2" spans="1:19" ht="15" thickBot="1">
      <c r="B2" s="24"/>
      <c r="C2" s="16"/>
      <c r="F2"/>
      <c r="J2"/>
      <c r="L2"/>
      <c r="P2"/>
      <c r="Q2" s="39" t="s">
        <v>1</v>
      </c>
      <c r="R2" s="40"/>
      <c r="S2" s="41"/>
    </row>
    <row r="3" spans="1:19" ht="16.5" customHeight="1" thickTop="1" thickBot="1">
      <c r="A3" s="25" t="s">
        <v>84</v>
      </c>
      <c r="B3" s="29" t="s">
        <v>85</v>
      </c>
      <c r="C3" s="29"/>
      <c r="D3" s="29"/>
      <c r="E3" s="29"/>
      <c r="F3" s="29"/>
      <c r="G3" s="29"/>
      <c r="H3" s="29"/>
      <c r="I3" s="29"/>
      <c r="J3" s="29"/>
      <c r="K3" s="29"/>
      <c r="L3" s="30"/>
      <c r="M3" s="29" t="s">
        <v>86</v>
      </c>
      <c r="N3" s="29"/>
      <c r="O3" s="29"/>
      <c r="P3" s="29"/>
      <c r="Q3" s="29"/>
      <c r="R3" s="29"/>
      <c r="S3" s="29"/>
    </row>
    <row r="4" spans="1:19" ht="43.5">
      <c r="A4" s="27"/>
      <c r="B4" s="1" t="s">
        <v>14</v>
      </c>
      <c r="C4" s="1" t="s">
        <v>661</v>
      </c>
      <c r="D4" s="1" t="s">
        <v>16</v>
      </c>
      <c r="E4" s="1" t="s">
        <v>17</v>
      </c>
      <c r="F4" s="1" t="s">
        <v>87</v>
      </c>
      <c r="G4" s="1" t="s">
        <v>19</v>
      </c>
      <c r="H4" s="1" t="s">
        <v>20</v>
      </c>
      <c r="I4" s="1" t="s">
        <v>21</v>
      </c>
      <c r="J4" s="1" t="s">
        <v>22</v>
      </c>
      <c r="K4" s="1" t="s">
        <v>23</v>
      </c>
      <c r="L4" s="1" t="s">
        <v>24</v>
      </c>
      <c r="M4" s="1" t="s">
        <v>28</v>
      </c>
      <c r="N4" s="1" t="s">
        <v>29</v>
      </c>
      <c r="O4" s="1" t="s">
        <v>30</v>
      </c>
      <c r="P4" s="1" t="s">
        <v>31</v>
      </c>
      <c r="Q4" s="1" t="s">
        <v>32</v>
      </c>
      <c r="R4" s="1" t="s">
        <v>33</v>
      </c>
      <c r="S4" s="1" t="s">
        <v>34</v>
      </c>
    </row>
    <row r="5" spans="1:19" ht="15.5" thickTop="1" thickBot="1">
      <c r="A5" s="3">
        <v>1</v>
      </c>
      <c r="B5" s="3" t="s">
        <v>35</v>
      </c>
      <c r="C5" s="3" t="s">
        <v>36</v>
      </c>
      <c r="D5" s="3" t="s">
        <v>88</v>
      </c>
      <c r="E5" s="3" t="s">
        <v>89</v>
      </c>
      <c r="F5" s="3" t="s">
        <v>90</v>
      </c>
      <c r="G5" s="3" t="s">
        <v>91</v>
      </c>
      <c r="H5" s="3" t="s">
        <v>92</v>
      </c>
      <c r="I5" s="3" t="s">
        <v>93</v>
      </c>
      <c r="J5" s="3" t="s">
        <v>94</v>
      </c>
      <c r="K5" s="3" t="s">
        <v>95</v>
      </c>
      <c r="L5" s="3" t="s">
        <v>96</v>
      </c>
      <c r="M5" s="3" t="s">
        <v>37</v>
      </c>
      <c r="N5" s="3" t="s">
        <v>38</v>
      </c>
      <c r="O5" s="3" t="s">
        <v>39</v>
      </c>
      <c r="P5" s="3" t="s">
        <v>40</v>
      </c>
      <c r="Q5" s="3" t="s">
        <v>41</v>
      </c>
      <c r="R5" s="3" t="s">
        <v>42</v>
      </c>
      <c r="S5" s="3" t="s">
        <v>43</v>
      </c>
    </row>
    <row r="6" spans="1:19">
      <c r="A6" s="11" t="s">
        <v>60</v>
      </c>
      <c r="B6" s="18">
        <v>1998010609</v>
      </c>
      <c r="C6" s="18"/>
      <c r="D6" s="12" t="s">
        <v>63</v>
      </c>
      <c r="E6" s="12" t="s">
        <v>64</v>
      </c>
      <c r="F6" s="20" t="s">
        <v>659</v>
      </c>
      <c r="G6" s="13" t="s">
        <v>65</v>
      </c>
      <c r="H6" s="12" t="s">
        <v>66</v>
      </c>
      <c r="I6" s="12" t="s">
        <v>75</v>
      </c>
      <c r="J6" s="12" t="s">
        <v>66</v>
      </c>
      <c r="K6" s="18">
        <v>1998010609</v>
      </c>
      <c r="L6" s="20" t="s">
        <v>658</v>
      </c>
      <c r="M6" s="13" t="s">
        <v>69</v>
      </c>
      <c r="N6" s="12"/>
      <c r="O6" s="12" t="s">
        <v>65</v>
      </c>
      <c r="P6" s="12" t="s">
        <v>66</v>
      </c>
      <c r="Q6" s="13" t="s">
        <v>69</v>
      </c>
      <c r="R6" s="13" t="s">
        <v>69</v>
      </c>
      <c r="S6" s="12" t="s">
        <v>69</v>
      </c>
    </row>
    <row r="7" spans="1:19">
      <c r="H7" s="12"/>
      <c r="M7" s="12"/>
    </row>
    <row r="8" spans="1:19">
      <c r="F8" s="21"/>
      <c r="H8" s="12"/>
    </row>
    <row r="9" spans="1:19">
      <c r="H9" s="12"/>
    </row>
    <row r="10" spans="1:19">
      <c r="H10" s="12"/>
    </row>
    <row r="11" spans="1:19">
      <c r="H11" s="12"/>
    </row>
    <row r="12" spans="1:19">
      <c r="H12" s="12"/>
    </row>
    <row r="13" spans="1:19">
      <c r="H13" s="12"/>
    </row>
    <row r="14" spans="1:19">
      <c r="H14" s="12"/>
    </row>
    <row r="15" spans="1:19">
      <c r="H15" s="12"/>
    </row>
    <row r="16" spans="1:19">
      <c r="H16" s="12"/>
    </row>
    <row r="17" spans="8:8">
      <c r="H17" s="12"/>
    </row>
    <row r="18" spans="8:8">
      <c r="H18" s="12"/>
    </row>
    <row r="19" spans="8:8">
      <c r="H19" s="12"/>
    </row>
    <row r="20" spans="8:8">
      <c r="H20" s="12"/>
    </row>
    <row r="21" spans="8:8">
      <c r="H21" s="12"/>
    </row>
    <row r="22" spans="8:8">
      <c r="H22" s="12"/>
    </row>
    <row r="23" spans="8:8">
      <c r="H23" s="12"/>
    </row>
    <row r="24" spans="8:8">
      <c r="H24" s="12"/>
    </row>
    <row r="25" spans="8:8">
      <c r="H25" s="12"/>
    </row>
    <row r="26" spans="8:8">
      <c r="H26" s="12"/>
    </row>
    <row r="27" spans="8:8">
      <c r="H27" s="12"/>
    </row>
    <row r="28" spans="8:8">
      <c r="H28" s="12"/>
    </row>
    <row r="29" spans="8:8">
      <c r="H29" s="12"/>
    </row>
    <row r="30" spans="8:8">
      <c r="H30" s="12"/>
    </row>
    <row r="31" spans="8:8">
      <c r="H31" s="12"/>
    </row>
    <row r="32" spans="8:8">
      <c r="H32" s="12"/>
    </row>
    <row r="33" spans="8:8">
      <c r="H33" s="12"/>
    </row>
    <row r="34" spans="8:8">
      <c r="H34" s="12"/>
    </row>
    <row r="35" spans="8:8">
      <c r="H35" s="12"/>
    </row>
    <row r="36" spans="8:8">
      <c r="H36" s="12"/>
    </row>
    <row r="37" spans="8:8">
      <c r="H37" s="12"/>
    </row>
    <row r="38" spans="8:8">
      <c r="H38" s="12"/>
    </row>
    <row r="39" spans="8:8">
      <c r="H39" s="12"/>
    </row>
    <row r="40" spans="8:8">
      <c r="H40" s="12"/>
    </row>
    <row r="41" spans="8:8">
      <c r="H41" s="12"/>
    </row>
    <row r="42" spans="8:8">
      <c r="H42" s="12"/>
    </row>
    <row r="43" spans="8:8">
      <c r="H43" s="12"/>
    </row>
    <row r="44" spans="8:8">
      <c r="H44" s="12"/>
    </row>
    <row r="45" spans="8:8">
      <c r="H45" s="12"/>
    </row>
    <row r="46" spans="8:8">
      <c r="H46" s="12"/>
    </row>
    <row r="47" spans="8:8">
      <c r="H47" s="12"/>
    </row>
    <row r="48" spans="8:8">
      <c r="H48" s="12"/>
    </row>
    <row r="49" spans="8:8">
      <c r="H49" s="12"/>
    </row>
    <row r="50" spans="8:8">
      <c r="H50" s="12"/>
    </row>
    <row r="51" spans="8:8">
      <c r="H51" s="12"/>
    </row>
    <row r="52" spans="8:8">
      <c r="H52" s="12"/>
    </row>
    <row r="53" spans="8:8">
      <c r="H53" s="12"/>
    </row>
    <row r="54" spans="8:8">
      <c r="H54" s="12"/>
    </row>
    <row r="55" spans="8:8">
      <c r="H55" s="12"/>
    </row>
    <row r="56" spans="8:8">
      <c r="H56" s="12"/>
    </row>
    <row r="57" spans="8:8">
      <c r="H57" s="12"/>
    </row>
    <row r="58" spans="8:8">
      <c r="H58" s="12"/>
    </row>
    <row r="59" spans="8:8">
      <c r="H59" s="12"/>
    </row>
    <row r="60" spans="8:8">
      <c r="H60" s="12"/>
    </row>
    <row r="61" spans="8:8">
      <c r="H61" s="12"/>
    </row>
    <row r="62" spans="8:8">
      <c r="H62" s="12"/>
    </row>
    <row r="63" spans="8:8">
      <c r="H63" s="12"/>
    </row>
    <row r="64" spans="8:8">
      <c r="H64" s="12"/>
    </row>
    <row r="65" spans="8:8">
      <c r="H65" s="12"/>
    </row>
    <row r="66" spans="8:8">
      <c r="H66" s="12"/>
    </row>
    <row r="67" spans="8:8">
      <c r="H67" s="12"/>
    </row>
    <row r="68" spans="8:8">
      <c r="H68" s="12"/>
    </row>
    <row r="69" spans="8:8">
      <c r="H69" s="12"/>
    </row>
    <row r="70" spans="8:8">
      <c r="H70" s="12"/>
    </row>
    <row r="71" spans="8:8">
      <c r="H71" s="12"/>
    </row>
    <row r="72" spans="8:8">
      <c r="H72" s="12"/>
    </row>
    <row r="73" spans="8:8">
      <c r="H73" s="12"/>
    </row>
    <row r="74" spans="8:8">
      <c r="H74" s="12"/>
    </row>
    <row r="75" spans="8:8">
      <c r="H75" s="12"/>
    </row>
    <row r="76" spans="8:8">
      <c r="H76" s="12"/>
    </row>
    <row r="77" spans="8:8">
      <c r="H77" s="12"/>
    </row>
    <row r="78" spans="8:8">
      <c r="H78" s="12"/>
    </row>
    <row r="79" spans="8:8">
      <c r="H79" s="12"/>
    </row>
    <row r="80" spans="8:8">
      <c r="H80" s="12"/>
    </row>
    <row r="81" spans="8:8">
      <c r="H81" s="12"/>
    </row>
    <row r="82" spans="8:8">
      <c r="H82" s="12"/>
    </row>
    <row r="83" spans="8:8">
      <c r="H83" s="12"/>
    </row>
    <row r="84" spans="8:8">
      <c r="H84" s="12"/>
    </row>
    <row r="85" spans="8:8">
      <c r="H85" s="12"/>
    </row>
    <row r="86" spans="8:8">
      <c r="H86" s="12"/>
    </row>
    <row r="87" spans="8:8">
      <c r="H87" s="12"/>
    </row>
    <row r="88" spans="8:8">
      <c r="H88" s="12"/>
    </row>
    <row r="89" spans="8:8">
      <c r="H89" s="12"/>
    </row>
    <row r="90" spans="8:8">
      <c r="H90" s="12"/>
    </row>
    <row r="91" spans="8:8">
      <c r="H91" s="12"/>
    </row>
    <row r="92" spans="8:8">
      <c r="H92" s="12"/>
    </row>
    <row r="93" spans="8:8">
      <c r="H93" s="12"/>
    </row>
    <row r="94" spans="8:8">
      <c r="H94" s="12"/>
    </row>
    <row r="95" spans="8:8">
      <c r="H95" s="12"/>
    </row>
    <row r="96" spans="8:8">
      <c r="H96" s="12"/>
    </row>
    <row r="97" spans="8:8">
      <c r="H97" s="12"/>
    </row>
    <row r="98" spans="8:8">
      <c r="H98" s="12"/>
    </row>
    <row r="99" spans="8:8">
      <c r="H99" s="12"/>
    </row>
    <row r="100" spans="8:8">
      <c r="H100" s="12"/>
    </row>
    <row r="101" spans="8:8">
      <c r="H101" s="12"/>
    </row>
    <row r="102" spans="8:8">
      <c r="H102" s="12"/>
    </row>
    <row r="103" spans="8:8">
      <c r="H103" s="12"/>
    </row>
    <row r="104" spans="8:8">
      <c r="H104" s="12"/>
    </row>
    <row r="105" spans="8:8">
      <c r="H105" s="12"/>
    </row>
    <row r="106" spans="8:8">
      <c r="H106" s="12"/>
    </row>
    <row r="107" spans="8:8">
      <c r="H107" s="12"/>
    </row>
    <row r="108" spans="8:8">
      <c r="H108" s="12"/>
    </row>
    <row r="109" spans="8:8">
      <c r="H109" s="12"/>
    </row>
    <row r="110" spans="8:8">
      <c r="H110" s="12"/>
    </row>
    <row r="111" spans="8:8">
      <c r="H111" s="12"/>
    </row>
    <row r="112" spans="8:8">
      <c r="H112" s="12"/>
    </row>
    <row r="113" spans="8:8">
      <c r="H113" s="12"/>
    </row>
    <row r="114" spans="8:8">
      <c r="H114" s="12"/>
    </row>
    <row r="115" spans="8:8">
      <c r="H115" s="12"/>
    </row>
    <row r="116" spans="8:8">
      <c r="H116" s="12"/>
    </row>
    <row r="117" spans="8:8">
      <c r="H117" s="12"/>
    </row>
    <row r="118" spans="8:8">
      <c r="H118" s="12"/>
    </row>
    <row r="119" spans="8:8">
      <c r="H119" s="12"/>
    </row>
    <row r="120" spans="8:8">
      <c r="H120" s="12"/>
    </row>
    <row r="121" spans="8:8">
      <c r="H121" s="12"/>
    </row>
    <row r="122" spans="8:8">
      <c r="H122" s="12"/>
    </row>
    <row r="123" spans="8:8">
      <c r="H123" s="12"/>
    </row>
    <row r="124" spans="8:8">
      <c r="H124" s="12"/>
    </row>
    <row r="125" spans="8:8">
      <c r="H125" s="12"/>
    </row>
    <row r="126" spans="8:8">
      <c r="H126" s="12"/>
    </row>
    <row r="127" spans="8:8">
      <c r="H127" s="12"/>
    </row>
    <row r="128" spans="8:8">
      <c r="H128" s="12"/>
    </row>
    <row r="129" spans="8:8">
      <c r="H129" s="12"/>
    </row>
    <row r="130" spans="8:8">
      <c r="H130" s="12"/>
    </row>
    <row r="131" spans="8:8">
      <c r="H131" s="12"/>
    </row>
    <row r="132" spans="8:8">
      <c r="H132" s="12"/>
    </row>
    <row r="133" spans="8:8">
      <c r="H133" s="12"/>
    </row>
    <row r="134" spans="8:8">
      <c r="H134" s="12"/>
    </row>
    <row r="135" spans="8:8">
      <c r="H135" s="12"/>
    </row>
    <row r="136" spans="8:8">
      <c r="H136" s="12"/>
    </row>
    <row r="137" spans="8:8">
      <c r="H137" s="12"/>
    </row>
    <row r="138" spans="8:8">
      <c r="H138" s="12"/>
    </row>
    <row r="139" spans="8:8">
      <c r="H139" s="12"/>
    </row>
    <row r="140" spans="8:8">
      <c r="H140" s="12"/>
    </row>
    <row r="141" spans="8:8">
      <c r="H141" s="12"/>
    </row>
    <row r="142" spans="8:8">
      <c r="H142" s="12"/>
    </row>
    <row r="143" spans="8:8">
      <c r="H143" s="12"/>
    </row>
    <row r="144" spans="8:8">
      <c r="H144" s="12"/>
    </row>
    <row r="145" spans="8:8">
      <c r="H145" s="12"/>
    </row>
    <row r="146" spans="8:8">
      <c r="H146" s="12"/>
    </row>
    <row r="147" spans="8:8">
      <c r="H147" s="12"/>
    </row>
    <row r="148" spans="8:8">
      <c r="H148" s="12"/>
    </row>
    <row r="149" spans="8:8">
      <c r="H149" s="12"/>
    </row>
    <row r="150" spans="8:8">
      <c r="H150" s="12"/>
    </row>
    <row r="151" spans="8:8">
      <c r="H151" s="12"/>
    </row>
    <row r="152" spans="8:8">
      <c r="H152" s="12"/>
    </row>
    <row r="153" spans="8:8">
      <c r="H153" s="12"/>
    </row>
    <row r="154" spans="8:8">
      <c r="H154" s="12"/>
    </row>
    <row r="155" spans="8:8">
      <c r="H155" s="12"/>
    </row>
    <row r="156" spans="8:8">
      <c r="H156" s="12"/>
    </row>
    <row r="157" spans="8:8">
      <c r="H157" s="12"/>
    </row>
    <row r="158" spans="8:8">
      <c r="H158" s="12"/>
    </row>
    <row r="159" spans="8:8">
      <c r="H159" s="12"/>
    </row>
    <row r="160" spans="8:8">
      <c r="H160" s="12"/>
    </row>
    <row r="161" spans="8:8">
      <c r="H161" s="12"/>
    </row>
    <row r="162" spans="8:8">
      <c r="H162" s="12"/>
    </row>
    <row r="163" spans="8:8">
      <c r="H163" s="12"/>
    </row>
    <row r="164" spans="8:8">
      <c r="H164" s="12"/>
    </row>
    <row r="165" spans="8:8">
      <c r="H165" s="12"/>
    </row>
    <row r="166" spans="8:8">
      <c r="H166" s="12"/>
    </row>
    <row r="167" spans="8:8">
      <c r="H167" s="12"/>
    </row>
    <row r="168" spans="8:8">
      <c r="H168" s="12"/>
    </row>
    <row r="169" spans="8:8">
      <c r="H169" s="12"/>
    </row>
    <row r="170" spans="8:8">
      <c r="H170" s="12"/>
    </row>
    <row r="171" spans="8:8">
      <c r="H171" s="12"/>
    </row>
    <row r="172" spans="8:8">
      <c r="H172" s="12"/>
    </row>
    <row r="173" spans="8:8">
      <c r="H173" s="12"/>
    </row>
    <row r="174" spans="8:8">
      <c r="H174" s="12"/>
    </row>
    <row r="175" spans="8:8">
      <c r="H175" s="12"/>
    </row>
    <row r="176" spans="8:8">
      <c r="H176" s="12"/>
    </row>
    <row r="177" spans="8:8">
      <c r="H177" s="12"/>
    </row>
    <row r="178" spans="8:8">
      <c r="H178" s="12"/>
    </row>
    <row r="179" spans="8:8">
      <c r="H179" s="12"/>
    </row>
    <row r="180" spans="8:8">
      <c r="H180" s="12"/>
    </row>
    <row r="181" spans="8:8">
      <c r="H181" s="12"/>
    </row>
    <row r="182" spans="8:8">
      <c r="H182" s="12"/>
    </row>
    <row r="183" spans="8:8">
      <c r="H183" s="12"/>
    </row>
    <row r="184" spans="8:8">
      <c r="H184" s="12"/>
    </row>
    <row r="185" spans="8:8">
      <c r="H185" s="12"/>
    </row>
    <row r="186" spans="8:8">
      <c r="H186" s="12"/>
    </row>
    <row r="187" spans="8:8">
      <c r="H187" s="12"/>
    </row>
    <row r="188" spans="8:8">
      <c r="H188" s="12"/>
    </row>
    <row r="189" spans="8:8">
      <c r="H189" s="12"/>
    </row>
    <row r="190" spans="8:8">
      <c r="H190" s="12"/>
    </row>
    <row r="191" spans="8:8">
      <c r="H191" s="12"/>
    </row>
    <row r="192" spans="8:8">
      <c r="H192" s="12"/>
    </row>
    <row r="193" spans="8:8">
      <c r="H193" s="12"/>
    </row>
    <row r="194" spans="8:8">
      <c r="H194" s="12"/>
    </row>
    <row r="195" spans="8:8">
      <c r="H195" s="12"/>
    </row>
    <row r="196" spans="8:8">
      <c r="H196" s="12"/>
    </row>
    <row r="197" spans="8:8">
      <c r="H197" s="12"/>
    </row>
    <row r="198" spans="8:8">
      <c r="H198" s="12"/>
    </row>
    <row r="199" spans="8:8">
      <c r="H199" s="12"/>
    </row>
    <row r="200" spans="8:8">
      <c r="H200" s="12"/>
    </row>
    <row r="201" spans="8:8">
      <c r="H201" s="12"/>
    </row>
    <row r="202" spans="8:8">
      <c r="H202" s="12"/>
    </row>
    <row r="203" spans="8:8">
      <c r="H203" s="12"/>
    </row>
    <row r="204" spans="8:8">
      <c r="H204" s="12"/>
    </row>
    <row r="205" spans="8:8">
      <c r="H205" s="12"/>
    </row>
    <row r="206" spans="8:8">
      <c r="H206" s="12"/>
    </row>
    <row r="207" spans="8:8">
      <c r="H207" s="12"/>
    </row>
    <row r="208" spans="8:8">
      <c r="H208" s="12"/>
    </row>
    <row r="209" spans="8:8">
      <c r="H209" s="12"/>
    </row>
    <row r="210" spans="8:8">
      <c r="H210" s="12"/>
    </row>
    <row r="211" spans="8:8">
      <c r="H211" s="12"/>
    </row>
    <row r="212" spans="8:8">
      <c r="H212" s="12"/>
    </row>
    <row r="213" spans="8:8">
      <c r="H213" s="12"/>
    </row>
    <row r="214" spans="8:8">
      <c r="H214" s="12"/>
    </row>
    <row r="215" spans="8:8">
      <c r="H215" s="12"/>
    </row>
    <row r="216" spans="8:8">
      <c r="H216" s="12"/>
    </row>
    <row r="217" spans="8:8">
      <c r="H217" s="12"/>
    </row>
    <row r="218" spans="8:8">
      <c r="H218" s="12"/>
    </row>
    <row r="219" spans="8:8">
      <c r="H219" s="12"/>
    </row>
    <row r="220" spans="8:8">
      <c r="H220" s="12"/>
    </row>
    <row r="221" spans="8:8">
      <c r="H221" s="12"/>
    </row>
    <row r="222" spans="8:8">
      <c r="H222" s="12"/>
    </row>
    <row r="223" spans="8:8">
      <c r="H223" s="12"/>
    </row>
    <row r="224" spans="8:8">
      <c r="H224" s="12"/>
    </row>
    <row r="225" spans="8:8">
      <c r="H225" s="12"/>
    </row>
    <row r="226" spans="8:8">
      <c r="H226" s="12"/>
    </row>
    <row r="227" spans="8:8">
      <c r="H227" s="12"/>
    </row>
    <row r="228" spans="8:8">
      <c r="H228" s="12"/>
    </row>
    <row r="229" spans="8:8">
      <c r="H229" s="12"/>
    </row>
    <row r="230" spans="8:8">
      <c r="H230" s="12"/>
    </row>
    <row r="231" spans="8:8">
      <c r="H231" s="12"/>
    </row>
    <row r="232" spans="8:8">
      <c r="H232" s="12"/>
    </row>
    <row r="233" spans="8:8">
      <c r="H233" s="12"/>
    </row>
    <row r="234" spans="8:8">
      <c r="H234" s="12"/>
    </row>
    <row r="235" spans="8:8">
      <c r="H235" s="12"/>
    </row>
    <row r="236" spans="8:8">
      <c r="H236" s="12"/>
    </row>
    <row r="237" spans="8:8">
      <c r="H237" s="12"/>
    </row>
    <row r="238" spans="8:8">
      <c r="H238" s="12"/>
    </row>
    <row r="239" spans="8:8">
      <c r="H239" s="12"/>
    </row>
    <row r="240" spans="8:8">
      <c r="H240" s="12"/>
    </row>
    <row r="241" spans="8:8">
      <c r="H241" s="12"/>
    </row>
    <row r="242" spans="8:8">
      <c r="H242" s="12"/>
    </row>
    <row r="243" spans="8:8">
      <c r="H243" s="12"/>
    </row>
    <row r="244" spans="8:8">
      <c r="H244" s="12"/>
    </row>
    <row r="245" spans="8:8">
      <c r="H245" s="12"/>
    </row>
    <row r="246" spans="8:8">
      <c r="H246" s="12"/>
    </row>
    <row r="247" spans="8:8">
      <c r="H247" s="12"/>
    </row>
    <row r="248" spans="8:8">
      <c r="H248" s="12"/>
    </row>
    <row r="249" spans="8:8">
      <c r="H249" s="12"/>
    </row>
    <row r="250" spans="8:8">
      <c r="H250" s="12"/>
    </row>
    <row r="251" spans="8:8">
      <c r="H251" s="12"/>
    </row>
    <row r="252" spans="8:8">
      <c r="H252" s="12"/>
    </row>
    <row r="253" spans="8:8">
      <c r="H253" s="12"/>
    </row>
    <row r="254" spans="8:8">
      <c r="H254" s="12"/>
    </row>
    <row r="255" spans="8:8">
      <c r="H255" s="12"/>
    </row>
    <row r="256" spans="8:8">
      <c r="H256" s="12"/>
    </row>
    <row r="257" spans="8:8">
      <c r="H257" s="12"/>
    </row>
    <row r="258" spans="8:8">
      <c r="H258" s="12"/>
    </row>
    <row r="259" spans="8:8">
      <c r="H259" s="12"/>
    </row>
    <row r="260" spans="8:8">
      <c r="H260" s="12"/>
    </row>
    <row r="261" spans="8:8">
      <c r="H261" s="12"/>
    </row>
    <row r="262" spans="8:8">
      <c r="H262" s="12"/>
    </row>
    <row r="263" spans="8:8">
      <c r="H263" s="12"/>
    </row>
    <row r="264" spans="8:8">
      <c r="H264" s="12"/>
    </row>
    <row r="265" spans="8:8">
      <c r="H265" s="12"/>
    </row>
    <row r="266" spans="8:8">
      <c r="H266" s="12"/>
    </row>
    <row r="267" spans="8:8">
      <c r="H267" s="12"/>
    </row>
    <row r="268" spans="8:8">
      <c r="H268" s="12"/>
    </row>
    <row r="269" spans="8:8">
      <c r="H269" s="12"/>
    </row>
    <row r="270" spans="8:8">
      <c r="H270" s="12"/>
    </row>
    <row r="271" spans="8:8">
      <c r="H271" s="12"/>
    </row>
    <row r="272" spans="8:8">
      <c r="H272" s="12"/>
    </row>
    <row r="273" spans="8:8">
      <c r="H273" s="12"/>
    </row>
    <row r="274" spans="8:8">
      <c r="H274" s="12"/>
    </row>
    <row r="275" spans="8:8">
      <c r="H275" s="12"/>
    </row>
    <row r="276" spans="8:8">
      <c r="H276" s="12"/>
    </row>
    <row r="277" spans="8:8">
      <c r="H277" s="12"/>
    </row>
    <row r="278" spans="8:8">
      <c r="H278" s="12"/>
    </row>
    <row r="279" spans="8:8">
      <c r="H279" s="12"/>
    </row>
    <row r="280" spans="8:8">
      <c r="H280" s="12"/>
    </row>
    <row r="281" spans="8:8">
      <c r="H281" s="12"/>
    </row>
    <row r="282" spans="8:8">
      <c r="H282" s="12"/>
    </row>
    <row r="283" spans="8:8">
      <c r="H283" s="12"/>
    </row>
    <row r="284" spans="8:8">
      <c r="H284" s="12"/>
    </row>
    <row r="285" spans="8:8">
      <c r="H285" s="12"/>
    </row>
    <row r="286" spans="8:8">
      <c r="H286" s="12"/>
    </row>
    <row r="287" spans="8:8">
      <c r="H287" s="12"/>
    </row>
    <row r="288" spans="8:8">
      <c r="H288" s="12"/>
    </row>
    <row r="289" spans="8:8">
      <c r="H289" s="12"/>
    </row>
    <row r="290" spans="8:8">
      <c r="H290" s="12"/>
    </row>
    <row r="291" spans="8:8">
      <c r="H291" s="12"/>
    </row>
    <row r="292" spans="8:8">
      <c r="H292" s="12"/>
    </row>
    <row r="293" spans="8:8">
      <c r="H293" s="12"/>
    </row>
    <row r="294" spans="8:8">
      <c r="H294" s="12"/>
    </row>
    <row r="295" spans="8:8">
      <c r="H295" s="12"/>
    </row>
    <row r="296" spans="8:8">
      <c r="H296" s="12"/>
    </row>
    <row r="297" spans="8:8">
      <c r="H297" s="12"/>
    </row>
    <row r="298" spans="8:8">
      <c r="H298" s="12"/>
    </row>
    <row r="299" spans="8:8">
      <c r="H299" s="12"/>
    </row>
    <row r="300" spans="8:8">
      <c r="H300" s="12"/>
    </row>
    <row r="301" spans="8:8">
      <c r="H301" s="12"/>
    </row>
    <row r="302" spans="8:8">
      <c r="H302" s="12"/>
    </row>
    <row r="303" spans="8:8">
      <c r="H303" s="12"/>
    </row>
    <row r="304" spans="8:8">
      <c r="H304" s="12"/>
    </row>
    <row r="305" spans="8:8">
      <c r="H305" s="12"/>
    </row>
    <row r="306" spans="8:8">
      <c r="H306" s="12"/>
    </row>
    <row r="307" spans="8:8">
      <c r="H307" s="12"/>
    </row>
    <row r="308" spans="8:8">
      <c r="H308" s="12"/>
    </row>
    <row r="309" spans="8:8">
      <c r="H309" s="12"/>
    </row>
    <row r="310" spans="8:8">
      <c r="H310" s="12"/>
    </row>
    <row r="311" spans="8:8">
      <c r="H311" s="12"/>
    </row>
    <row r="312" spans="8:8">
      <c r="H312" s="12"/>
    </row>
    <row r="313" spans="8:8">
      <c r="H313" s="12"/>
    </row>
    <row r="314" spans="8:8">
      <c r="H314" s="12"/>
    </row>
    <row r="315" spans="8:8">
      <c r="H315" s="12"/>
    </row>
    <row r="316" spans="8:8">
      <c r="H316" s="12"/>
    </row>
    <row r="317" spans="8:8">
      <c r="H317" s="12"/>
    </row>
    <row r="318" spans="8:8">
      <c r="H318" s="12"/>
    </row>
    <row r="319" spans="8:8">
      <c r="H319" s="12"/>
    </row>
    <row r="320" spans="8:8">
      <c r="H320" s="12"/>
    </row>
    <row r="321" spans="8:8">
      <c r="H321" s="12"/>
    </row>
    <row r="322" spans="8:8">
      <c r="H322" s="12"/>
    </row>
    <row r="323" spans="8:8">
      <c r="H323" s="12"/>
    </row>
    <row r="324" spans="8:8">
      <c r="H324" s="12"/>
    </row>
    <row r="325" spans="8:8">
      <c r="H325" s="12"/>
    </row>
    <row r="326" spans="8:8">
      <c r="H326" s="12"/>
    </row>
    <row r="327" spans="8:8">
      <c r="H327" s="12"/>
    </row>
    <row r="328" spans="8:8">
      <c r="H328" s="12"/>
    </row>
    <row r="329" spans="8:8">
      <c r="H329" s="12"/>
    </row>
    <row r="330" spans="8:8">
      <c r="H330" s="12"/>
    </row>
    <row r="331" spans="8:8">
      <c r="H331" s="12"/>
    </row>
    <row r="332" spans="8:8">
      <c r="H332" s="12"/>
    </row>
    <row r="333" spans="8:8">
      <c r="H333" s="12"/>
    </row>
    <row r="334" spans="8:8">
      <c r="H334" s="12"/>
    </row>
    <row r="335" spans="8:8">
      <c r="H335" s="12"/>
    </row>
    <row r="336" spans="8:8">
      <c r="H336" s="12"/>
    </row>
    <row r="337" spans="8:8">
      <c r="H337" s="12"/>
    </row>
    <row r="338" spans="8:8">
      <c r="H338" s="12"/>
    </row>
    <row r="339" spans="8:8">
      <c r="H339" s="12"/>
    </row>
    <row r="340" spans="8:8">
      <c r="H340" s="12"/>
    </row>
    <row r="341" spans="8:8">
      <c r="H341" s="12"/>
    </row>
    <row r="342" spans="8:8">
      <c r="H342" s="12"/>
    </row>
    <row r="343" spans="8:8">
      <c r="H343" s="12"/>
    </row>
    <row r="344" spans="8:8">
      <c r="H344" s="12"/>
    </row>
    <row r="345" spans="8:8">
      <c r="H345" s="12"/>
    </row>
    <row r="346" spans="8:8">
      <c r="H346" s="12"/>
    </row>
    <row r="347" spans="8:8">
      <c r="H347" s="12"/>
    </row>
    <row r="348" spans="8:8">
      <c r="H348" s="12"/>
    </row>
    <row r="349" spans="8:8">
      <c r="H349" s="12"/>
    </row>
    <row r="350" spans="8:8">
      <c r="H350" s="12"/>
    </row>
    <row r="351" spans="8:8">
      <c r="H351" s="12"/>
    </row>
    <row r="352" spans="8:8">
      <c r="H352" s="12"/>
    </row>
    <row r="353" spans="8:8">
      <c r="H353" s="12"/>
    </row>
    <row r="354" spans="8:8">
      <c r="H354" s="12"/>
    </row>
    <row r="355" spans="8:8">
      <c r="H355" s="12"/>
    </row>
    <row r="356" spans="8:8">
      <c r="H356" s="12"/>
    </row>
    <row r="357" spans="8:8">
      <c r="H357" s="12"/>
    </row>
    <row r="358" spans="8:8">
      <c r="H358" s="12"/>
    </row>
    <row r="359" spans="8:8">
      <c r="H359" s="12"/>
    </row>
    <row r="360" spans="8:8">
      <c r="H360" s="12"/>
    </row>
    <row r="361" spans="8:8">
      <c r="H361" s="12"/>
    </row>
    <row r="362" spans="8:8">
      <c r="H362" s="12"/>
    </row>
    <row r="363" spans="8:8">
      <c r="H363" s="12"/>
    </row>
    <row r="364" spans="8:8">
      <c r="H364" s="12"/>
    </row>
    <row r="365" spans="8:8">
      <c r="H365" s="12"/>
    </row>
    <row r="366" spans="8:8">
      <c r="H366" s="12"/>
    </row>
    <row r="367" spans="8:8">
      <c r="H367" s="12"/>
    </row>
    <row r="368" spans="8:8">
      <c r="H368" s="12"/>
    </row>
    <row r="369" spans="8:8">
      <c r="H369" s="12"/>
    </row>
    <row r="370" spans="8:8">
      <c r="H370" s="12"/>
    </row>
    <row r="371" spans="8:8">
      <c r="H371" s="12"/>
    </row>
    <row r="372" spans="8:8">
      <c r="H372" s="12"/>
    </row>
    <row r="373" spans="8:8">
      <c r="H373" s="12"/>
    </row>
    <row r="374" spans="8:8">
      <c r="H374" s="12"/>
    </row>
    <row r="375" spans="8:8">
      <c r="H375" s="12"/>
    </row>
    <row r="376" spans="8:8">
      <c r="H376" s="12"/>
    </row>
    <row r="377" spans="8:8">
      <c r="H377" s="12"/>
    </row>
    <row r="378" spans="8:8">
      <c r="H378" s="12"/>
    </row>
    <row r="379" spans="8:8">
      <c r="H379" s="12"/>
    </row>
    <row r="380" spans="8:8">
      <c r="H380" s="12"/>
    </row>
    <row r="381" spans="8:8">
      <c r="H381" s="12"/>
    </row>
    <row r="382" spans="8:8">
      <c r="H382" s="12"/>
    </row>
    <row r="383" spans="8:8">
      <c r="H383" s="12"/>
    </row>
    <row r="384" spans="8:8">
      <c r="H384" s="12"/>
    </row>
    <row r="385" spans="8:8">
      <c r="H385" s="12"/>
    </row>
    <row r="386" spans="8:8">
      <c r="H386" s="12"/>
    </row>
    <row r="387" spans="8:8">
      <c r="H387" s="12"/>
    </row>
    <row r="388" spans="8:8">
      <c r="H388" s="12"/>
    </row>
    <row r="389" spans="8:8">
      <c r="H389" s="12"/>
    </row>
    <row r="390" spans="8:8">
      <c r="H390" s="12"/>
    </row>
    <row r="391" spans="8:8">
      <c r="H391" s="12"/>
    </row>
    <row r="392" spans="8:8">
      <c r="H392" s="12"/>
    </row>
    <row r="393" spans="8:8">
      <c r="H393" s="12"/>
    </row>
    <row r="394" spans="8:8">
      <c r="H394" s="12"/>
    </row>
    <row r="395" spans="8:8">
      <c r="H395" s="12"/>
    </row>
    <row r="396" spans="8:8">
      <c r="H396" s="12"/>
    </row>
    <row r="397" spans="8:8">
      <c r="H397" s="12"/>
    </row>
    <row r="398" spans="8:8">
      <c r="H398" s="12"/>
    </row>
    <row r="399" spans="8:8">
      <c r="H399" s="12"/>
    </row>
    <row r="400" spans="8:8">
      <c r="H400" s="12"/>
    </row>
    <row r="401" spans="8:8">
      <c r="H401" s="12"/>
    </row>
    <row r="402" spans="8:8">
      <c r="H402" s="12"/>
    </row>
    <row r="403" spans="8:8">
      <c r="H403" s="12"/>
    </row>
    <row r="404" spans="8:8">
      <c r="H404" s="12"/>
    </row>
    <row r="405" spans="8:8">
      <c r="H405" s="12"/>
    </row>
    <row r="406" spans="8:8">
      <c r="H406" s="12"/>
    </row>
    <row r="407" spans="8:8">
      <c r="H407" s="12"/>
    </row>
    <row r="408" spans="8:8">
      <c r="H408" s="12"/>
    </row>
    <row r="409" spans="8:8">
      <c r="H409" s="12"/>
    </row>
    <row r="410" spans="8:8">
      <c r="H410" s="12"/>
    </row>
    <row r="411" spans="8:8">
      <c r="H411" s="12"/>
    </row>
    <row r="412" spans="8:8">
      <c r="H412" s="12"/>
    </row>
    <row r="413" spans="8:8">
      <c r="H413" s="12"/>
    </row>
    <row r="414" spans="8:8">
      <c r="H414" s="12"/>
    </row>
    <row r="415" spans="8:8">
      <c r="H415" s="12"/>
    </row>
    <row r="416" spans="8:8">
      <c r="H416" s="12"/>
    </row>
    <row r="417" spans="8:8">
      <c r="H417" s="12"/>
    </row>
    <row r="418" spans="8:8">
      <c r="H418" s="12"/>
    </row>
    <row r="419" spans="8:8">
      <c r="H419" s="12"/>
    </row>
    <row r="420" spans="8:8">
      <c r="H420" s="12"/>
    </row>
    <row r="421" spans="8:8">
      <c r="H421" s="12"/>
    </row>
    <row r="422" spans="8:8">
      <c r="H422" s="12"/>
    </row>
    <row r="423" spans="8:8">
      <c r="H423" s="12"/>
    </row>
    <row r="424" spans="8:8">
      <c r="H424" s="12"/>
    </row>
    <row r="425" spans="8:8">
      <c r="H425" s="12"/>
    </row>
    <row r="426" spans="8:8">
      <c r="H426" s="12"/>
    </row>
    <row r="427" spans="8:8">
      <c r="H427" s="12"/>
    </row>
    <row r="428" spans="8:8">
      <c r="H428" s="12"/>
    </row>
    <row r="429" spans="8:8">
      <c r="H429" s="12"/>
    </row>
    <row r="430" spans="8:8">
      <c r="H430" s="12"/>
    </row>
    <row r="431" spans="8:8">
      <c r="H431" s="12"/>
    </row>
    <row r="432" spans="8:8">
      <c r="H432" s="12"/>
    </row>
    <row r="433" spans="8:8">
      <c r="H433" s="12"/>
    </row>
    <row r="434" spans="8:8">
      <c r="H434" s="12"/>
    </row>
    <row r="435" spans="8:8">
      <c r="H435" s="12"/>
    </row>
    <row r="436" spans="8:8">
      <c r="H436" s="12"/>
    </row>
    <row r="437" spans="8:8">
      <c r="H437" s="12"/>
    </row>
    <row r="438" spans="8:8">
      <c r="H438" s="12"/>
    </row>
    <row r="439" spans="8:8">
      <c r="H439" s="12"/>
    </row>
    <row r="440" spans="8:8">
      <c r="H440" s="12"/>
    </row>
    <row r="441" spans="8:8">
      <c r="H441" s="12"/>
    </row>
    <row r="442" spans="8:8">
      <c r="H442" s="12"/>
    </row>
    <row r="443" spans="8:8">
      <c r="H443" s="12"/>
    </row>
    <row r="444" spans="8:8">
      <c r="H444" s="12"/>
    </row>
    <row r="445" spans="8:8">
      <c r="H445" s="12"/>
    </row>
    <row r="446" spans="8:8">
      <c r="H446" s="12"/>
    </row>
    <row r="447" spans="8:8">
      <c r="H447" s="12"/>
    </row>
    <row r="448" spans="8:8">
      <c r="H448" s="12"/>
    </row>
    <row r="449" spans="8:8">
      <c r="H449" s="12"/>
    </row>
    <row r="450" spans="8:8">
      <c r="H450" s="12"/>
    </row>
    <row r="451" spans="8:8">
      <c r="H451" s="12"/>
    </row>
    <row r="452" spans="8:8">
      <c r="H452" s="12"/>
    </row>
    <row r="453" spans="8:8">
      <c r="H453" s="12"/>
    </row>
    <row r="454" spans="8:8">
      <c r="H454" s="12"/>
    </row>
    <row r="455" spans="8:8">
      <c r="H455" s="12"/>
    </row>
    <row r="456" spans="8:8">
      <c r="H456" s="12"/>
    </row>
    <row r="457" spans="8:8">
      <c r="H457" s="12"/>
    </row>
    <row r="458" spans="8:8">
      <c r="H458" s="12"/>
    </row>
    <row r="459" spans="8:8">
      <c r="H459" s="12"/>
    </row>
    <row r="460" spans="8:8">
      <c r="H460" s="12"/>
    </row>
    <row r="461" spans="8:8">
      <c r="H461" s="12"/>
    </row>
    <row r="462" spans="8:8">
      <c r="H462" s="12"/>
    </row>
    <row r="463" spans="8:8">
      <c r="H463" s="12"/>
    </row>
    <row r="464" spans="8:8">
      <c r="H464" s="12"/>
    </row>
    <row r="465" spans="8:8">
      <c r="H465" s="12"/>
    </row>
    <row r="466" spans="8:8">
      <c r="H466" s="12"/>
    </row>
    <row r="467" spans="8:8">
      <c r="H467" s="12"/>
    </row>
    <row r="468" spans="8:8">
      <c r="H468" s="12"/>
    </row>
    <row r="469" spans="8:8">
      <c r="H469" s="12"/>
    </row>
    <row r="470" spans="8:8">
      <c r="H470" s="12"/>
    </row>
    <row r="471" spans="8:8">
      <c r="H471" s="12"/>
    </row>
    <row r="472" spans="8:8">
      <c r="H472" s="12"/>
    </row>
    <row r="473" spans="8:8">
      <c r="H473" s="12"/>
    </row>
    <row r="474" spans="8:8">
      <c r="H474" s="12"/>
    </row>
    <row r="475" spans="8:8">
      <c r="H475" s="12"/>
    </row>
    <row r="476" spans="8:8">
      <c r="H476" s="12"/>
    </row>
    <row r="477" spans="8:8">
      <c r="H477" s="12"/>
    </row>
    <row r="478" spans="8:8">
      <c r="H478" s="12"/>
    </row>
    <row r="479" spans="8:8">
      <c r="H479" s="12"/>
    </row>
    <row r="480" spans="8:8">
      <c r="H480" s="12"/>
    </row>
    <row r="481" spans="8:8">
      <c r="H481" s="12"/>
    </row>
    <row r="482" spans="8:8">
      <c r="H482" s="12"/>
    </row>
    <row r="483" spans="8:8">
      <c r="H483" s="12"/>
    </row>
    <row r="484" spans="8:8">
      <c r="H484" s="12"/>
    </row>
    <row r="485" spans="8:8">
      <c r="H485" s="12"/>
    </row>
    <row r="486" spans="8:8">
      <c r="H486" s="12"/>
    </row>
    <row r="487" spans="8:8">
      <c r="H487" s="12"/>
    </row>
    <row r="488" spans="8:8">
      <c r="H488" s="12"/>
    </row>
    <row r="489" spans="8:8">
      <c r="H489" s="12"/>
    </row>
    <row r="490" spans="8:8">
      <c r="H490" s="12"/>
    </row>
    <row r="491" spans="8:8">
      <c r="H491" s="12"/>
    </row>
    <row r="492" spans="8:8">
      <c r="H492" s="12"/>
    </row>
    <row r="493" spans="8:8">
      <c r="H493" s="12"/>
    </row>
    <row r="494" spans="8:8">
      <c r="H494" s="12"/>
    </row>
    <row r="495" spans="8:8">
      <c r="H495" s="12"/>
    </row>
    <row r="496" spans="8:8">
      <c r="H496" s="12"/>
    </row>
    <row r="497" spans="8:8">
      <c r="H497" s="12"/>
    </row>
    <row r="498" spans="8:8">
      <c r="H498" s="12"/>
    </row>
    <row r="499" spans="8:8">
      <c r="H499" s="12"/>
    </row>
    <row r="500" spans="8:8">
      <c r="H500" s="12"/>
    </row>
    <row r="501" spans="8:8">
      <c r="H501" s="12"/>
    </row>
    <row r="502" spans="8:8">
      <c r="H502" s="12"/>
    </row>
    <row r="503" spans="8:8">
      <c r="H503" s="12"/>
    </row>
    <row r="504" spans="8:8">
      <c r="H504" s="12"/>
    </row>
    <row r="505" spans="8:8">
      <c r="H505" s="12"/>
    </row>
    <row r="506" spans="8:8">
      <c r="H506" s="12"/>
    </row>
    <row r="507" spans="8:8">
      <c r="H507" s="12"/>
    </row>
    <row r="508" spans="8:8">
      <c r="H508" s="12"/>
    </row>
    <row r="509" spans="8:8">
      <c r="H509" s="12"/>
    </row>
    <row r="510" spans="8:8">
      <c r="H510" s="12"/>
    </row>
    <row r="511" spans="8:8">
      <c r="H511" s="12"/>
    </row>
    <row r="512" spans="8:8">
      <c r="H512" s="12"/>
    </row>
    <row r="513" spans="8:8">
      <c r="H513" s="12"/>
    </row>
    <row r="514" spans="8:8">
      <c r="H514" s="12"/>
    </row>
    <row r="515" spans="8:8">
      <c r="H515" s="12"/>
    </row>
    <row r="516" spans="8:8">
      <c r="H516" s="12"/>
    </row>
    <row r="517" spans="8:8">
      <c r="H517" s="12"/>
    </row>
    <row r="518" spans="8:8">
      <c r="H518" s="12"/>
    </row>
    <row r="519" spans="8:8">
      <c r="H519" s="12"/>
    </row>
    <row r="520" spans="8:8">
      <c r="H520" s="12"/>
    </row>
    <row r="521" spans="8:8">
      <c r="H521" s="12"/>
    </row>
    <row r="522" spans="8:8">
      <c r="H522" s="12"/>
    </row>
    <row r="523" spans="8:8">
      <c r="H523" s="12"/>
    </row>
    <row r="524" spans="8:8">
      <c r="H524" s="12"/>
    </row>
    <row r="525" spans="8:8">
      <c r="H525" s="12"/>
    </row>
    <row r="526" spans="8:8">
      <c r="H526" s="12"/>
    </row>
    <row r="527" spans="8:8">
      <c r="H527" s="12"/>
    </row>
    <row r="528" spans="8:8">
      <c r="H528" s="12"/>
    </row>
    <row r="529" spans="8:8">
      <c r="H529" s="12"/>
    </row>
    <row r="530" spans="8:8">
      <c r="H530" s="12"/>
    </row>
    <row r="531" spans="8:8">
      <c r="H531" s="12"/>
    </row>
    <row r="532" spans="8:8">
      <c r="H532" s="12"/>
    </row>
    <row r="533" spans="8:8">
      <c r="H533" s="12"/>
    </row>
    <row r="534" spans="8:8">
      <c r="H534" s="12"/>
    </row>
    <row r="535" spans="8:8">
      <c r="H535" s="12"/>
    </row>
    <row r="536" spans="8:8">
      <c r="H536" s="12"/>
    </row>
    <row r="537" spans="8:8">
      <c r="H537" s="12"/>
    </row>
    <row r="538" spans="8:8">
      <c r="H538" s="12"/>
    </row>
    <row r="539" spans="8:8">
      <c r="H539" s="12"/>
    </row>
    <row r="540" spans="8:8">
      <c r="H540" s="12"/>
    </row>
    <row r="541" spans="8:8">
      <c r="H541" s="12"/>
    </row>
    <row r="542" spans="8:8">
      <c r="H542" s="12"/>
    </row>
    <row r="543" spans="8:8">
      <c r="H543" s="12"/>
    </row>
    <row r="544" spans="8:8">
      <c r="H544" s="12"/>
    </row>
    <row r="545" spans="8:8">
      <c r="H545" s="12"/>
    </row>
    <row r="546" spans="8:8">
      <c r="H546" s="12"/>
    </row>
    <row r="547" spans="8:8">
      <c r="H547" s="12"/>
    </row>
    <row r="548" spans="8:8">
      <c r="H548" s="12"/>
    </row>
    <row r="549" spans="8:8">
      <c r="H549" s="12"/>
    </row>
    <row r="550" spans="8:8">
      <c r="H550" s="12"/>
    </row>
    <row r="551" spans="8:8">
      <c r="H551" s="12"/>
    </row>
    <row r="552" spans="8:8">
      <c r="H552" s="12"/>
    </row>
    <row r="553" spans="8:8">
      <c r="H553" s="12"/>
    </row>
    <row r="554" spans="8:8">
      <c r="H554" s="12"/>
    </row>
    <row r="555" spans="8:8">
      <c r="H555" s="12"/>
    </row>
    <row r="556" spans="8:8">
      <c r="H556" s="12"/>
    </row>
    <row r="557" spans="8:8">
      <c r="H557" s="12"/>
    </row>
    <row r="558" spans="8:8">
      <c r="H558" s="12"/>
    </row>
    <row r="559" spans="8:8">
      <c r="H559" s="12"/>
    </row>
    <row r="560" spans="8:8">
      <c r="H560" s="12"/>
    </row>
    <row r="561" spans="8:8">
      <c r="H561" s="12"/>
    </row>
    <row r="562" spans="8:8">
      <c r="H562" s="12"/>
    </row>
    <row r="563" spans="8:8">
      <c r="H563" s="12"/>
    </row>
    <row r="564" spans="8:8">
      <c r="H564" s="12"/>
    </row>
    <row r="565" spans="8:8">
      <c r="H565" s="12"/>
    </row>
    <row r="566" spans="8:8">
      <c r="H566" s="12"/>
    </row>
    <row r="567" spans="8:8">
      <c r="H567" s="12"/>
    </row>
    <row r="568" spans="8:8">
      <c r="H568" s="12"/>
    </row>
    <row r="569" spans="8:8">
      <c r="H569" s="12"/>
    </row>
    <row r="570" spans="8:8">
      <c r="H570" s="12"/>
    </row>
    <row r="571" spans="8:8">
      <c r="H571" s="12"/>
    </row>
    <row r="572" spans="8:8">
      <c r="H572" s="12"/>
    </row>
    <row r="573" spans="8:8">
      <c r="H573" s="12"/>
    </row>
    <row r="574" spans="8:8">
      <c r="H574" s="12"/>
    </row>
    <row r="575" spans="8:8">
      <c r="H575" s="12"/>
    </row>
    <row r="576" spans="8:8">
      <c r="H576" s="12"/>
    </row>
    <row r="577" spans="8:8">
      <c r="H577" s="12"/>
    </row>
    <row r="578" spans="8:8">
      <c r="H578" s="12"/>
    </row>
    <row r="579" spans="8:8">
      <c r="H579" s="12"/>
    </row>
    <row r="580" spans="8:8">
      <c r="H580" s="12"/>
    </row>
    <row r="581" spans="8:8">
      <c r="H581" s="12"/>
    </row>
    <row r="582" spans="8:8">
      <c r="H582" s="12"/>
    </row>
    <row r="583" spans="8:8">
      <c r="H583" s="12"/>
    </row>
    <row r="584" spans="8:8">
      <c r="H584" s="12"/>
    </row>
    <row r="585" spans="8:8">
      <c r="H585" s="12"/>
    </row>
    <row r="586" spans="8:8">
      <c r="H586" s="12"/>
    </row>
    <row r="587" spans="8:8">
      <c r="H587" s="12"/>
    </row>
    <row r="588" spans="8:8">
      <c r="H588" s="12"/>
    </row>
    <row r="589" spans="8:8">
      <c r="H589" s="12"/>
    </row>
    <row r="590" spans="8:8">
      <c r="H590" s="12"/>
    </row>
    <row r="591" spans="8:8">
      <c r="H591" s="12"/>
    </row>
    <row r="592" spans="8:8">
      <c r="H592" s="12"/>
    </row>
    <row r="593" spans="8:8">
      <c r="H593" s="12"/>
    </row>
    <row r="594" spans="8:8">
      <c r="H594" s="12"/>
    </row>
    <row r="595" spans="8:8">
      <c r="H595" s="12"/>
    </row>
    <row r="596" spans="8:8">
      <c r="H596" s="12"/>
    </row>
    <row r="597" spans="8:8">
      <c r="H597" s="12"/>
    </row>
    <row r="598" spans="8:8">
      <c r="H598" s="12"/>
    </row>
    <row r="599" spans="8:8">
      <c r="H599" s="12"/>
    </row>
    <row r="600" spans="8:8">
      <c r="H600" s="12"/>
    </row>
    <row r="601" spans="8:8">
      <c r="H601" s="12"/>
    </row>
    <row r="602" spans="8:8">
      <c r="H602" s="12"/>
    </row>
    <row r="603" spans="8:8">
      <c r="H603" s="12"/>
    </row>
    <row r="604" spans="8:8">
      <c r="H604" s="12"/>
    </row>
    <row r="605" spans="8:8">
      <c r="H605" s="12"/>
    </row>
    <row r="606" spans="8:8">
      <c r="H606" s="12"/>
    </row>
    <row r="607" spans="8:8">
      <c r="H607" s="12"/>
    </row>
    <row r="608" spans="8:8">
      <c r="H608" s="12"/>
    </row>
    <row r="609" spans="8:8">
      <c r="H609" s="12"/>
    </row>
    <row r="610" spans="8:8">
      <c r="H610" s="12"/>
    </row>
    <row r="611" spans="8:8">
      <c r="H611" s="12"/>
    </row>
    <row r="612" spans="8:8">
      <c r="H612" s="12"/>
    </row>
    <row r="613" spans="8:8">
      <c r="H613" s="12"/>
    </row>
    <row r="614" spans="8:8">
      <c r="H614" s="12"/>
    </row>
    <row r="615" spans="8:8">
      <c r="H615" s="12"/>
    </row>
    <row r="616" spans="8:8">
      <c r="H616" s="12"/>
    </row>
    <row r="617" spans="8:8">
      <c r="H617" s="12"/>
    </row>
    <row r="618" spans="8:8">
      <c r="H618" s="12"/>
    </row>
    <row r="619" spans="8:8">
      <c r="H619" s="12"/>
    </row>
    <row r="620" spans="8:8">
      <c r="H620" s="12"/>
    </row>
    <row r="621" spans="8:8">
      <c r="H621" s="12"/>
    </row>
    <row r="622" spans="8:8">
      <c r="H622" s="12"/>
    </row>
    <row r="623" spans="8:8">
      <c r="H623" s="12"/>
    </row>
    <row r="624" spans="8:8">
      <c r="H624" s="12"/>
    </row>
    <row r="625" spans="8:8">
      <c r="H625" s="12"/>
    </row>
    <row r="626" spans="8:8">
      <c r="H626" s="12"/>
    </row>
    <row r="627" spans="8:8">
      <c r="H627" s="12"/>
    </row>
    <row r="628" spans="8:8">
      <c r="H628" s="12"/>
    </row>
    <row r="629" spans="8:8">
      <c r="H629" s="12"/>
    </row>
    <row r="630" spans="8:8">
      <c r="H630" s="12"/>
    </row>
    <row r="631" spans="8:8">
      <c r="H631" s="12"/>
    </row>
    <row r="632" spans="8:8">
      <c r="H632" s="12"/>
    </row>
    <row r="633" spans="8:8">
      <c r="H633" s="12"/>
    </row>
    <row r="634" spans="8:8">
      <c r="H634" s="12"/>
    </row>
    <row r="635" spans="8:8">
      <c r="H635" s="12"/>
    </row>
    <row r="636" spans="8:8">
      <c r="H636" s="12"/>
    </row>
    <row r="637" spans="8:8">
      <c r="H637" s="12"/>
    </row>
    <row r="638" spans="8:8">
      <c r="H638" s="12"/>
    </row>
    <row r="639" spans="8:8">
      <c r="H639" s="12"/>
    </row>
    <row r="640" spans="8:8">
      <c r="H640" s="12"/>
    </row>
    <row r="641" spans="8:8">
      <c r="H641" s="12"/>
    </row>
    <row r="642" spans="8:8">
      <c r="H642" s="12"/>
    </row>
    <row r="643" spans="8:8">
      <c r="H643" s="12"/>
    </row>
    <row r="644" spans="8:8">
      <c r="H644" s="12"/>
    </row>
    <row r="645" spans="8:8">
      <c r="H645" s="12"/>
    </row>
    <row r="646" spans="8:8">
      <c r="H646" s="12"/>
    </row>
    <row r="647" spans="8:8">
      <c r="H647" s="12"/>
    </row>
    <row r="648" spans="8:8">
      <c r="H648" s="12"/>
    </row>
    <row r="649" spans="8:8">
      <c r="H649" s="12"/>
    </row>
    <row r="650" spans="8:8">
      <c r="H650" s="12"/>
    </row>
    <row r="651" spans="8:8">
      <c r="H651" s="12"/>
    </row>
    <row r="652" spans="8:8">
      <c r="H652" s="12"/>
    </row>
    <row r="653" spans="8:8">
      <c r="H653" s="12"/>
    </row>
    <row r="654" spans="8:8">
      <c r="H654" s="12"/>
    </row>
    <row r="655" spans="8:8">
      <c r="H655" s="12"/>
    </row>
    <row r="656" spans="8:8">
      <c r="H656" s="12"/>
    </row>
    <row r="657" spans="8:8">
      <c r="H657" s="12"/>
    </row>
    <row r="658" spans="8:8">
      <c r="H658" s="12"/>
    </row>
    <row r="659" spans="8:8">
      <c r="H659" s="12"/>
    </row>
    <row r="660" spans="8:8">
      <c r="H660" s="12"/>
    </row>
    <row r="661" spans="8:8">
      <c r="H661" s="12"/>
    </row>
    <row r="662" spans="8:8">
      <c r="H662" s="12"/>
    </row>
    <row r="663" spans="8:8">
      <c r="H663" s="12"/>
    </row>
    <row r="664" spans="8:8">
      <c r="H664" s="12"/>
    </row>
    <row r="665" spans="8:8">
      <c r="H665" s="12"/>
    </row>
    <row r="666" spans="8:8">
      <c r="H666" s="12"/>
    </row>
    <row r="667" spans="8:8">
      <c r="H667" s="12"/>
    </row>
    <row r="668" spans="8:8">
      <c r="H668" s="12"/>
    </row>
    <row r="669" spans="8:8">
      <c r="H669" s="12"/>
    </row>
    <row r="670" spans="8:8">
      <c r="H670" s="12"/>
    </row>
    <row r="671" spans="8:8">
      <c r="H671" s="12"/>
    </row>
    <row r="672" spans="8:8">
      <c r="H672" s="12"/>
    </row>
    <row r="673" spans="8:8">
      <c r="H673" s="12"/>
    </row>
    <row r="674" spans="8:8">
      <c r="H674" s="12"/>
    </row>
    <row r="675" spans="8:8">
      <c r="H675" s="12"/>
    </row>
    <row r="676" spans="8:8">
      <c r="H676" s="12"/>
    </row>
    <row r="677" spans="8:8">
      <c r="H677" s="12"/>
    </row>
    <row r="678" spans="8:8">
      <c r="H678" s="12"/>
    </row>
    <row r="679" spans="8:8">
      <c r="H679" s="12"/>
    </row>
    <row r="680" spans="8:8">
      <c r="H680" s="12"/>
    </row>
    <row r="681" spans="8:8">
      <c r="H681" s="12"/>
    </row>
    <row r="682" spans="8:8">
      <c r="H682" s="12"/>
    </row>
    <row r="683" spans="8:8">
      <c r="H683" s="12"/>
    </row>
    <row r="684" spans="8:8">
      <c r="H684" s="12"/>
    </row>
    <row r="685" spans="8:8">
      <c r="H685" s="12"/>
    </row>
    <row r="686" spans="8:8">
      <c r="H686" s="12"/>
    </row>
    <row r="687" spans="8:8">
      <c r="H687" s="12"/>
    </row>
    <row r="688" spans="8:8">
      <c r="H688" s="12"/>
    </row>
    <row r="689" spans="8:8">
      <c r="H689" s="12"/>
    </row>
    <row r="690" spans="8:8">
      <c r="H690" s="12"/>
    </row>
    <row r="691" spans="8:8">
      <c r="H691" s="12"/>
    </row>
    <row r="692" spans="8:8">
      <c r="H692" s="12"/>
    </row>
    <row r="693" spans="8:8">
      <c r="H693" s="12"/>
    </row>
    <row r="694" spans="8:8">
      <c r="H694" s="12"/>
    </row>
    <row r="695" spans="8:8">
      <c r="H695" s="12"/>
    </row>
    <row r="696" spans="8:8">
      <c r="H696" s="12"/>
    </row>
    <row r="697" spans="8:8">
      <c r="H697" s="12"/>
    </row>
    <row r="698" spans="8:8">
      <c r="H698" s="12"/>
    </row>
    <row r="699" spans="8:8">
      <c r="H699" s="12"/>
    </row>
    <row r="700" spans="8:8">
      <c r="H700" s="12"/>
    </row>
    <row r="701" spans="8:8">
      <c r="H701" s="12"/>
    </row>
    <row r="702" spans="8:8">
      <c r="H702" s="12"/>
    </row>
    <row r="703" spans="8:8">
      <c r="H703" s="12"/>
    </row>
    <row r="704" spans="8:8">
      <c r="H704" s="12"/>
    </row>
    <row r="705" spans="8:8">
      <c r="H705" s="12"/>
    </row>
    <row r="706" spans="8:8">
      <c r="H706" s="12"/>
    </row>
    <row r="707" spans="8:8">
      <c r="H707" s="12"/>
    </row>
    <row r="708" spans="8:8">
      <c r="H708" s="12"/>
    </row>
    <row r="709" spans="8:8">
      <c r="H709" s="12"/>
    </row>
    <row r="710" spans="8:8">
      <c r="H710" s="12"/>
    </row>
    <row r="711" spans="8:8">
      <c r="H711" s="12"/>
    </row>
    <row r="712" spans="8:8">
      <c r="H712" s="12"/>
    </row>
    <row r="713" spans="8:8">
      <c r="H713" s="12"/>
    </row>
    <row r="714" spans="8:8">
      <c r="H714" s="12"/>
    </row>
    <row r="715" spans="8:8">
      <c r="H715" s="12"/>
    </row>
    <row r="716" spans="8:8">
      <c r="H716" s="12"/>
    </row>
    <row r="717" spans="8:8">
      <c r="H717" s="12"/>
    </row>
    <row r="718" spans="8:8">
      <c r="H718" s="12"/>
    </row>
    <row r="719" spans="8:8">
      <c r="H719" s="12"/>
    </row>
    <row r="720" spans="8:8">
      <c r="H720" s="12"/>
    </row>
    <row r="721" spans="8:8">
      <c r="H721" s="12"/>
    </row>
    <row r="722" spans="8:8">
      <c r="H722" s="12"/>
    </row>
    <row r="723" spans="8:8">
      <c r="H723" s="12"/>
    </row>
    <row r="724" spans="8:8">
      <c r="H724" s="12"/>
    </row>
    <row r="725" spans="8:8">
      <c r="H725" s="12"/>
    </row>
    <row r="726" spans="8:8">
      <c r="H726" s="12"/>
    </row>
    <row r="727" spans="8:8">
      <c r="H727" s="12"/>
    </row>
    <row r="728" spans="8:8">
      <c r="H728" s="12"/>
    </row>
    <row r="729" spans="8:8">
      <c r="H729" s="12"/>
    </row>
    <row r="730" spans="8:8">
      <c r="H730" s="12"/>
    </row>
    <row r="731" spans="8:8">
      <c r="H731" s="12"/>
    </row>
    <row r="732" spans="8:8">
      <c r="H732" s="12"/>
    </row>
    <row r="733" spans="8:8">
      <c r="H733" s="12"/>
    </row>
    <row r="734" spans="8:8">
      <c r="H734" s="12"/>
    </row>
    <row r="735" spans="8:8">
      <c r="H735" s="12"/>
    </row>
    <row r="736" spans="8:8">
      <c r="H736" s="12"/>
    </row>
    <row r="737" spans="8:8">
      <c r="H737" s="12"/>
    </row>
    <row r="738" spans="8:8">
      <c r="H738" s="12"/>
    </row>
    <row r="739" spans="8:8">
      <c r="H739" s="12"/>
    </row>
    <row r="740" spans="8:8">
      <c r="H740" s="12"/>
    </row>
    <row r="741" spans="8:8">
      <c r="H741" s="12"/>
    </row>
    <row r="742" spans="8:8">
      <c r="H742" s="12"/>
    </row>
    <row r="743" spans="8:8">
      <c r="H743" s="12"/>
    </row>
    <row r="744" spans="8:8">
      <c r="H744" s="12"/>
    </row>
    <row r="745" spans="8:8">
      <c r="H745" s="12"/>
    </row>
    <row r="746" spans="8:8">
      <c r="H746" s="12"/>
    </row>
    <row r="747" spans="8:8">
      <c r="H747" s="12"/>
    </row>
    <row r="748" spans="8:8">
      <c r="H748" s="12"/>
    </row>
    <row r="749" spans="8:8">
      <c r="H749" s="12"/>
    </row>
    <row r="750" spans="8:8">
      <c r="H750" s="12"/>
    </row>
    <row r="751" spans="8:8">
      <c r="H751" s="12"/>
    </row>
    <row r="752" spans="8:8">
      <c r="H752" s="12"/>
    </row>
    <row r="753" spans="8:8">
      <c r="H753" s="12"/>
    </row>
    <row r="754" spans="8:8">
      <c r="H754" s="12"/>
    </row>
    <row r="755" spans="8:8">
      <c r="H755" s="12"/>
    </row>
    <row r="756" spans="8:8">
      <c r="H756" s="12"/>
    </row>
    <row r="757" spans="8:8">
      <c r="H757" s="12"/>
    </row>
    <row r="758" spans="8:8">
      <c r="H758" s="12"/>
    </row>
    <row r="759" spans="8:8">
      <c r="H759" s="12"/>
    </row>
    <row r="760" spans="8:8">
      <c r="H760" s="12"/>
    </row>
    <row r="761" spans="8:8">
      <c r="H761" s="12"/>
    </row>
    <row r="762" spans="8:8">
      <c r="H762" s="12"/>
    </row>
    <row r="763" spans="8:8">
      <c r="H763" s="12"/>
    </row>
    <row r="764" spans="8:8">
      <c r="H764" s="12"/>
    </row>
    <row r="765" spans="8:8">
      <c r="H765" s="12"/>
    </row>
    <row r="766" spans="8:8">
      <c r="H766" s="12"/>
    </row>
    <row r="767" spans="8:8">
      <c r="H767" s="12"/>
    </row>
    <row r="768" spans="8:8">
      <c r="H768" s="12"/>
    </row>
    <row r="769" spans="8:8">
      <c r="H769" s="12"/>
    </row>
    <row r="770" spans="8:8">
      <c r="H770" s="12"/>
    </row>
    <row r="771" spans="8:8">
      <c r="H771" s="12"/>
    </row>
    <row r="772" spans="8:8">
      <c r="H772" s="12"/>
    </row>
    <row r="773" spans="8:8">
      <c r="H773" s="12"/>
    </row>
    <row r="774" spans="8:8">
      <c r="H774" s="12"/>
    </row>
    <row r="775" spans="8:8">
      <c r="H775" s="12"/>
    </row>
    <row r="776" spans="8:8">
      <c r="H776" s="12"/>
    </row>
    <row r="777" spans="8:8">
      <c r="H777" s="12"/>
    </row>
    <row r="778" spans="8:8">
      <c r="H778" s="12"/>
    </row>
    <row r="779" spans="8:8">
      <c r="H779" s="12"/>
    </row>
    <row r="780" spans="8:8">
      <c r="H780" s="12"/>
    </row>
    <row r="781" spans="8:8">
      <c r="H781" s="12"/>
    </row>
    <row r="782" spans="8:8">
      <c r="H782" s="12"/>
    </row>
    <row r="783" spans="8:8">
      <c r="H783" s="12"/>
    </row>
    <row r="784" spans="8:8">
      <c r="H784" s="12"/>
    </row>
    <row r="785" spans="8:8">
      <c r="H785" s="12"/>
    </row>
    <row r="786" spans="8:8">
      <c r="H786" s="12"/>
    </row>
    <row r="787" spans="8:8">
      <c r="H787" s="12"/>
    </row>
    <row r="788" spans="8:8">
      <c r="H788" s="12"/>
    </row>
    <row r="789" spans="8:8">
      <c r="H789" s="12"/>
    </row>
    <row r="790" spans="8:8">
      <c r="H790" s="12"/>
    </row>
    <row r="791" spans="8:8">
      <c r="H791" s="12"/>
    </row>
    <row r="792" spans="8:8">
      <c r="H792" s="12"/>
    </row>
    <row r="793" spans="8:8">
      <c r="H793" s="12"/>
    </row>
    <row r="794" spans="8:8">
      <c r="H794" s="12"/>
    </row>
    <row r="795" spans="8:8">
      <c r="H795" s="12"/>
    </row>
    <row r="796" spans="8:8">
      <c r="H796" s="12"/>
    </row>
    <row r="797" spans="8:8">
      <c r="H797" s="12"/>
    </row>
    <row r="798" spans="8:8">
      <c r="H798" s="12"/>
    </row>
    <row r="799" spans="8:8">
      <c r="H799" s="12"/>
    </row>
    <row r="800" spans="8:8">
      <c r="H800" s="12"/>
    </row>
    <row r="801" spans="8:8">
      <c r="H801" s="12"/>
    </row>
    <row r="802" spans="8:8">
      <c r="H802" s="12"/>
    </row>
    <row r="803" spans="8:8">
      <c r="H803" s="12"/>
    </row>
    <row r="804" spans="8:8">
      <c r="H804" s="12"/>
    </row>
    <row r="805" spans="8:8">
      <c r="H805" s="12"/>
    </row>
    <row r="806" spans="8:8">
      <c r="H806" s="12"/>
    </row>
    <row r="807" spans="8:8">
      <c r="H807" s="12"/>
    </row>
    <row r="808" spans="8:8">
      <c r="H808" s="12"/>
    </row>
    <row r="809" spans="8:8">
      <c r="H809" s="12"/>
    </row>
    <row r="810" spans="8:8">
      <c r="H810" s="12"/>
    </row>
    <row r="811" spans="8:8">
      <c r="H811" s="12"/>
    </row>
    <row r="812" spans="8:8">
      <c r="H812" s="12"/>
    </row>
    <row r="813" spans="8:8">
      <c r="H813" s="12"/>
    </row>
    <row r="814" spans="8:8">
      <c r="H814" s="12"/>
    </row>
    <row r="815" spans="8:8">
      <c r="H815" s="12"/>
    </row>
    <row r="816" spans="8:8">
      <c r="H816" s="12"/>
    </row>
    <row r="817" spans="8:8">
      <c r="H817" s="12"/>
    </row>
    <row r="818" spans="8:8">
      <c r="H818" s="12"/>
    </row>
    <row r="819" spans="8:8">
      <c r="H819" s="12"/>
    </row>
    <row r="820" spans="8:8">
      <c r="H820" s="12"/>
    </row>
    <row r="821" spans="8:8">
      <c r="H821" s="12"/>
    </row>
    <row r="822" spans="8:8">
      <c r="H822" s="12"/>
    </row>
    <row r="823" spans="8:8">
      <c r="H823" s="12"/>
    </row>
    <row r="824" spans="8:8">
      <c r="H824" s="12"/>
    </row>
    <row r="825" spans="8:8">
      <c r="H825" s="12"/>
    </row>
    <row r="826" spans="8:8">
      <c r="H826" s="12"/>
    </row>
    <row r="827" spans="8:8">
      <c r="H827" s="12"/>
    </row>
    <row r="828" spans="8:8">
      <c r="H828" s="12"/>
    </row>
    <row r="829" spans="8:8">
      <c r="H829" s="12"/>
    </row>
    <row r="830" spans="8:8">
      <c r="H830" s="12"/>
    </row>
    <row r="831" spans="8:8">
      <c r="H831" s="12"/>
    </row>
    <row r="832" spans="8:8">
      <c r="H832" s="12"/>
    </row>
    <row r="833" spans="8:8">
      <c r="H833" s="12"/>
    </row>
    <row r="834" spans="8:8">
      <c r="H834" s="12"/>
    </row>
    <row r="835" spans="8:8">
      <c r="H835" s="12"/>
    </row>
    <row r="836" spans="8:8">
      <c r="H836" s="12"/>
    </row>
    <row r="837" spans="8:8">
      <c r="H837" s="12"/>
    </row>
    <row r="838" spans="8:8">
      <c r="H838" s="12"/>
    </row>
    <row r="839" spans="8:8">
      <c r="H839" s="12"/>
    </row>
    <row r="840" spans="8:8">
      <c r="H840" s="12"/>
    </row>
    <row r="841" spans="8:8">
      <c r="H841" s="12"/>
    </row>
    <row r="842" spans="8:8">
      <c r="H842" s="12"/>
    </row>
    <row r="843" spans="8:8">
      <c r="H843" s="12"/>
    </row>
    <row r="844" spans="8:8">
      <c r="H844" s="12"/>
    </row>
    <row r="845" spans="8:8">
      <c r="H845" s="12"/>
    </row>
    <row r="846" spans="8:8">
      <c r="H846" s="12"/>
    </row>
    <row r="847" spans="8:8">
      <c r="H847" s="12"/>
    </row>
    <row r="848" spans="8:8">
      <c r="H848" s="12"/>
    </row>
    <row r="849" spans="8:8">
      <c r="H849" s="12"/>
    </row>
    <row r="850" spans="8:8">
      <c r="H850" s="12"/>
    </row>
    <row r="851" spans="8:8">
      <c r="H851" s="12"/>
    </row>
    <row r="852" spans="8:8">
      <c r="H852" s="12"/>
    </row>
    <row r="853" spans="8:8">
      <c r="H853" s="12"/>
    </row>
    <row r="854" spans="8:8">
      <c r="H854" s="12"/>
    </row>
    <row r="855" spans="8:8">
      <c r="H855" s="12"/>
    </row>
    <row r="856" spans="8:8">
      <c r="H856" s="12"/>
    </row>
    <row r="857" spans="8:8">
      <c r="H857" s="12"/>
    </row>
    <row r="858" spans="8:8">
      <c r="H858" s="12"/>
    </row>
    <row r="859" spans="8:8">
      <c r="H859" s="12"/>
    </row>
    <row r="860" spans="8:8">
      <c r="H860" s="12"/>
    </row>
    <row r="861" spans="8:8">
      <c r="H861" s="12"/>
    </row>
    <row r="862" spans="8:8">
      <c r="H862" s="12"/>
    </row>
    <row r="863" spans="8:8">
      <c r="H863" s="12"/>
    </row>
    <row r="864" spans="8:8">
      <c r="H864" s="12"/>
    </row>
    <row r="865" spans="8:8">
      <c r="H865" s="12"/>
    </row>
    <row r="866" spans="8:8">
      <c r="H866" s="12"/>
    </row>
    <row r="867" spans="8:8">
      <c r="H867" s="12"/>
    </row>
    <row r="868" spans="8:8">
      <c r="H868" s="12"/>
    </row>
    <row r="869" spans="8:8">
      <c r="H869" s="12"/>
    </row>
    <row r="870" spans="8:8">
      <c r="H870" s="12"/>
    </row>
    <row r="871" spans="8:8">
      <c r="H871" s="12"/>
    </row>
    <row r="872" spans="8:8">
      <c r="H872" s="12"/>
    </row>
    <row r="873" spans="8:8">
      <c r="H873" s="12"/>
    </row>
    <row r="874" spans="8:8">
      <c r="H874" s="12"/>
    </row>
    <row r="875" spans="8:8">
      <c r="H875" s="12"/>
    </row>
    <row r="876" spans="8:8">
      <c r="H876" s="12"/>
    </row>
    <row r="877" spans="8:8">
      <c r="H877" s="12"/>
    </row>
    <row r="878" spans="8:8">
      <c r="H878" s="12"/>
    </row>
    <row r="879" spans="8:8">
      <c r="H879" s="12"/>
    </row>
    <row r="880" spans="8:8">
      <c r="H880" s="12"/>
    </row>
    <row r="881" spans="8:8">
      <c r="H881" s="12"/>
    </row>
    <row r="882" spans="8:8">
      <c r="H882" s="12"/>
    </row>
    <row r="883" spans="8:8">
      <c r="H883" s="12"/>
    </row>
    <row r="884" spans="8:8">
      <c r="H884" s="12"/>
    </row>
    <row r="885" spans="8:8">
      <c r="H885" s="12"/>
    </row>
    <row r="886" spans="8:8">
      <c r="H886" s="12"/>
    </row>
    <row r="887" spans="8:8">
      <c r="H887" s="12"/>
    </row>
    <row r="888" spans="8:8">
      <c r="H888" s="12"/>
    </row>
    <row r="889" spans="8:8">
      <c r="H889" s="12"/>
    </row>
    <row r="890" spans="8:8">
      <c r="H890" s="12"/>
    </row>
    <row r="891" spans="8:8">
      <c r="H891" s="12"/>
    </row>
    <row r="892" spans="8:8">
      <c r="H892" s="12"/>
    </row>
    <row r="893" spans="8:8">
      <c r="H893" s="12"/>
    </row>
    <row r="894" spans="8:8">
      <c r="H894" s="12"/>
    </row>
    <row r="895" spans="8:8">
      <c r="H895" s="12"/>
    </row>
    <row r="896" spans="8:8">
      <c r="H896" s="12"/>
    </row>
    <row r="897" spans="8:8">
      <c r="H897" s="12"/>
    </row>
    <row r="898" spans="8:8">
      <c r="H898" s="12"/>
    </row>
    <row r="899" spans="8:8">
      <c r="H899" s="12"/>
    </row>
    <row r="900" spans="8:8">
      <c r="H900" s="12"/>
    </row>
    <row r="901" spans="8:8">
      <c r="H901" s="12"/>
    </row>
    <row r="902" spans="8:8">
      <c r="H902" s="12"/>
    </row>
    <row r="903" spans="8:8">
      <c r="H903" s="12"/>
    </row>
    <row r="904" spans="8:8">
      <c r="H904" s="12"/>
    </row>
    <row r="905" spans="8:8">
      <c r="H905" s="12"/>
    </row>
    <row r="906" spans="8:8">
      <c r="H906" s="12"/>
    </row>
    <row r="907" spans="8:8">
      <c r="H907" s="12"/>
    </row>
    <row r="908" spans="8:8">
      <c r="H908" s="12"/>
    </row>
    <row r="909" spans="8:8">
      <c r="H909" s="12"/>
    </row>
    <row r="910" spans="8:8">
      <c r="H910" s="12"/>
    </row>
    <row r="911" spans="8:8">
      <c r="H911" s="12"/>
    </row>
    <row r="912" spans="8:8">
      <c r="H912" s="12"/>
    </row>
    <row r="913" spans="8:8">
      <c r="H913" s="12"/>
    </row>
    <row r="914" spans="8:8">
      <c r="H914" s="12"/>
    </row>
    <row r="915" spans="8:8">
      <c r="H915" s="12"/>
    </row>
    <row r="916" spans="8:8">
      <c r="H916" s="12"/>
    </row>
    <row r="917" spans="8:8">
      <c r="H917" s="12"/>
    </row>
    <row r="918" spans="8:8">
      <c r="H918" s="12"/>
    </row>
    <row r="919" spans="8:8">
      <c r="H919" s="12"/>
    </row>
    <row r="920" spans="8:8">
      <c r="H920" s="12"/>
    </row>
    <row r="921" spans="8:8">
      <c r="H921" s="12"/>
    </row>
    <row r="922" spans="8:8">
      <c r="H922" s="12"/>
    </row>
    <row r="923" spans="8:8">
      <c r="H923" s="12"/>
    </row>
    <row r="924" spans="8:8">
      <c r="H924" s="12"/>
    </row>
    <row r="925" spans="8:8">
      <c r="H925" s="12"/>
    </row>
    <row r="926" spans="8:8">
      <c r="H926" s="12"/>
    </row>
    <row r="927" spans="8:8">
      <c r="H927" s="12"/>
    </row>
    <row r="928" spans="8:8">
      <c r="H928" s="12"/>
    </row>
    <row r="929" spans="8:8">
      <c r="H929" s="12"/>
    </row>
    <row r="930" spans="8:8">
      <c r="H930" s="12"/>
    </row>
    <row r="931" spans="8:8">
      <c r="H931" s="12"/>
    </row>
    <row r="932" spans="8:8">
      <c r="H932" s="12"/>
    </row>
    <row r="933" spans="8:8">
      <c r="H933" s="12"/>
    </row>
    <row r="934" spans="8:8">
      <c r="H934" s="12"/>
    </row>
    <row r="935" spans="8:8">
      <c r="H935" s="12"/>
    </row>
    <row r="936" spans="8:8">
      <c r="H936" s="12"/>
    </row>
    <row r="937" spans="8:8">
      <c r="H937" s="12"/>
    </row>
    <row r="938" spans="8:8">
      <c r="H938" s="12"/>
    </row>
    <row r="939" spans="8:8">
      <c r="H939" s="12"/>
    </row>
    <row r="940" spans="8:8">
      <c r="H940" s="12"/>
    </row>
    <row r="941" spans="8:8">
      <c r="H941" s="12"/>
    </row>
    <row r="942" spans="8:8">
      <c r="H942" s="12"/>
    </row>
    <row r="943" spans="8:8">
      <c r="H943" s="12"/>
    </row>
    <row r="944" spans="8:8">
      <c r="H944" s="12"/>
    </row>
    <row r="945" spans="8:8">
      <c r="H945" s="12"/>
    </row>
    <row r="946" spans="8:8">
      <c r="H946" s="12"/>
    </row>
    <row r="947" spans="8:8">
      <c r="H947" s="12"/>
    </row>
    <row r="948" spans="8:8">
      <c r="H948" s="12"/>
    </row>
    <row r="949" spans="8:8">
      <c r="H949" s="12"/>
    </row>
    <row r="950" spans="8:8">
      <c r="H950" s="12"/>
    </row>
    <row r="951" spans="8:8">
      <c r="H951" s="12"/>
    </row>
    <row r="952" spans="8:8">
      <c r="H952" s="12"/>
    </row>
    <row r="953" spans="8:8">
      <c r="H953" s="12"/>
    </row>
    <row r="954" spans="8:8">
      <c r="H954" s="12"/>
    </row>
    <row r="955" spans="8:8">
      <c r="H955" s="12"/>
    </row>
    <row r="956" spans="8:8">
      <c r="H956" s="12"/>
    </row>
    <row r="957" spans="8:8">
      <c r="H957" s="12"/>
    </row>
    <row r="958" spans="8:8">
      <c r="H958" s="12"/>
    </row>
    <row r="959" spans="8:8">
      <c r="H959" s="12"/>
    </row>
    <row r="960" spans="8:8">
      <c r="H960" s="12"/>
    </row>
    <row r="961" spans="8:8">
      <c r="H961" s="12"/>
    </row>
    <row r="962" spans="8:8">
      <c r="H962" s="12"/>
    </row>
    <row r="963" spans="8:8">
      <c r="H963" s="12"/>
    </row>
    <row r="964" spans="8:8">
      <c r="H964" s="12"/>
    </row>
    <row r="965" spans="8:8">
      <c r="H965" s="12"/>
    </row>
    <row r="966" spans="8:8">
      <c r="H966" s="12"/>
    </row>
    <row r="967" spans="8:8">
      <c r="H967" s="12"/>
    </row>
    <row r="968" spans="8:8">
      <c r="H968" s="12"/>
    </row>
    <row r="969" spans="8:8">
      <c r="H969" s="12"/>
    </row>
    <row r="970" spans="8:8">
      <c r="H970" s="12"/>
    </row>
    <row r="971" spans="8:8">
      <c r="H971" s="12"/>
    </row>
    <row r="972" spans="8:8">
      <c r="H972" s="12"/>
    </row>
    <row r="973" spans="8:8">
      <c r="H973" s="12"/>
    </row>
    <row r="974" spans="8:8">
      <c r="H974" s="12"/>
    </row>
    <row r="975" spans="8:8">
      <c r="H975" s="12"/>
    </row>
    <row r="976" spans="8:8">
      <c r="H976" s="12"/>
    </row>
    <row r="977" spans="8:8">
      <c r="H977" s="12"/>
    </row>
    <row r="978" spans="8:8">
      <c r="H978" s="12"/>
    </row>
    <row r="979" spans="8:8">
      <c r="H979" s="12"/>
    </row>
    <row r="980" spans="8:8">
      <c r="H980" s="12"/>
    </row>
    <row r="981" spans="8:8">
      <c r="H981" s="12"/>
    </row>
    <row r="982" spans="8:8">
      <c r="H982" s="12"/>
    </row>
    <row r="983" spans="8:8">
      <c r="H983" s="12"/>
    </row>
    <row r="984" spans="8:8">
      <c r="H984" s="12"/>
    </row>
    <row r="985" spans="8:8">
      <c r="H985" s="12"/>
    </row>
    <row r="986" spans="8:8">
      <c r="H986" s="12"/>
    </row>
    <row r="987" spans="8:8">
      <c r="H987" s="12"/>
    </row>
    <row r="988" spans="8:8">
      <c r="H988" s="12"/>
    </row>
    <row r="989" spans="8:8">
      <c r="H989" s="12"/>
    </row>
    <row r="990" spans="8:8">
      <c r="H990" s="12"/>
    </row>
    <row r="991" spans="8:8">
      <c r="H991" s="12"/>
    </row>
    <row r="992" spans="8:8">
      <c r="H992" s="12"/>
    </row>
    <row r="993" spans="8:8">
      <c r="H993" s="12"/>
    </row>
    <row r="994" spans="8:8">
      <c r="H994" s="12"/>
    </row>
    <row r="995" spans="8:8">
      <c r="H995" s="12"/>
    </row>
    <row r="996" spans="8:8">
      <c r="H996" s="12"/>
    </row>
    <row r="997" spans="8:8">
      <c r="H997" s="12"/>
    </row>
    <row r="998" spans="8:8">
      <c r="H998" s="12"/>
    </row>
    <row r="999" spans="8:8">
      <c r="H999" s="12"/>
    </row>
    <row r="1000" spans="8:8">
      <c r="H1000" s="12"/>
    </row>
    <row r="1001" spans="8:8">
      <c r="H1001" s="12"/>
    </row>
    <row r="1002" spans="8:8">
      <c r="H1002" s="12"/>
    </row>
    <row r="1003" spans="8:8">
      <c r="H1003" s="12"/>
    </row>
    <row r="1004" spans="8:8">
      <c r="H1004" s="12"/>
    </row>
    <row r="1005" spans="8:8">
      <c r="H1005" s="12"/>
    </row>
    <row r="1006" spans="8:8">
      <c r="H1006" s="12"/>
    </row>
    <row r="1007" spans="8:8">
      <c r="H1007" s="12"/>
    </row>
    <row r="1008" spans="8:8">
      <c r="H1008" s="12"/>
    </row>
    <row r="1009" spans="8:8">
      <c r="H1009" s="12"/>
    </row>
    <row r="1010" spans="8:8">
      <c r="H1010" s="12"/>
    </row>
    <row r="1011" spans="8:8">
      <c r="H1011" s="12"/>
    </row>
    <row r="1012" spans="8:8">
      <c r="H1012" s="12"/>
    </row>
    <row r="1013" spans="8:8">
      <c r="H1013" s="12"/>
    </row>
    <row r="1014" spans="8:8">
      <c r="H1014" s="12"/>
    </row>
    <row r="1015" spans="8:8">
      <c r="H1015" s="12"/>
    </row>
    <row r="1016" spans="8:8">
      <c r="H1016" s="12"/>
    </row>
    <row r="1017" spans="8:8">
      <c r="H1017" s="12"/>
    </row>
    <row r="1018" spans="8:8">
      <c r="H1018" s="12"/>
    </row>
    <row r="1019" spans="8:8">
      <c r="H1019" s="12"/>
    </row>
    <row r="1020" spans="8:8">
      <c r="H1020" s="12"/>
    </row>
    <row r="1021" spans="8:8">
      <c r="H1021" s="12"/>
    </row>
    <row r="1022" spans="8:8">
      <c r="H1022" s="12"/>
    </row>
    <row r="1023" spans="8:8">
      <c r="H1023" s="12"/>
    </row>
    <row r="1024" spans="8:8">
      <c r="H1024" s="12"/>
    </row>
    <row r="1025" spans="8:8">
      <c r="H1025" s="12"/>
    </row>
    <row r="1026" spans="8:8">
      <c r="H1026" s="12"/>
    </row>
    <row r="1027" spans="8:8">
      <c r="H1027" s="12"/>
    </row>
    <row r="1028" spans="8:8">
      <c r="H1028" s="12"/>
    </row>
    <row r="1029" spans="8:8">
      <c r="H1029" s="12"/>
    </row>
    <row r="1030" spans="8:8">
      <c r="H1030" s="12"/>
    </row>
    <row r="1031" spans="8:8">
      <c r="H1031" s="12"/>
    </row>
    <row r="1032" spans="8:8">
      <c r="H1032" s="12"/>
    </row>
    <row r="1033" spans="8:8">
      <c r="H1033" s="12"/>
    </row>
    <row r="1034" spans="8:8">
      <c r="H1034" s="12"/>
    </row>
    <row r="1035" spans="8:8">
      <c r="H1035" s="12"/>
    </row>
    <row r="1036" spans="8:8">
      <c r="H1036" s="12"/>
    </row>
    <row r="1037" spans="8:8">
      <c r="H1037" s="12"/>
    </row>
    <row r="1038" spans="8:8">
      <c r="H1038" s="12"/>
    </row>
    <row r="1039" spans="8:8">
      <c r="H1039" s="12"/>
    </row>
    <row r="1040" spans="8:8">
      <c r="H1040" s="12"/>
    </row>
    <row r="1041" spans="8:8">
      <c r="H1041" s="12"/>
    </row>
    <row r="1042" spans="8:8">
      <c r="H1042" s="12"/>
    </row>
    <row r="1043" spans="8:8">
      <c r="H1043" s="12"/>
    </row>
    <row r="1044" spans="8:8">
      <c r="H1044" s="12"/>
    </row>
    <row r="1045" spans="8:8">
      <c r="H1045" s="12"/>
    </row>
    <row r="1046" spans="8:8">
      <c r="H1046" s="12"/>
    </row>
    <row r="1047" spans="8:8">
      <c r="H1047" s="12"/>
    </row>
    <row r="1048" spans="8:8">
      <c r="H1048" s="12"/>
    </row>
    <row r="1049" spans="8:8">
      <c r="H1049" s="12"/>
    </row>
    <row r="1050" spans="8:8">
      <c r="H1050" s="12"/>
    </row>
    <row r="1051" spans="8:8">
      <c r="H1051" s="12"/>
    </row>
    <row r="1052" spans="8:8">
      <c r="H1052" s="12"/>
    </row>
    <row r="1053" spans="8:8">
      <c r="H1053" s="12"/>
    </row>
    <row r="1054" spans="8:8">
      <c r="H1054" s="12"/>
    </row>
    <row r="1055" spans="8:8">
      <c r="H1055" s="12"/>
    </row>
    <row r="1056" spans="8:8">
      <c r="H1056" s="12"/>
    </row>
    <row r="1057" spans="8:8">
      <c r="H1057" s="12"/>
    </row>
    <row r="1058" spans="8:8">
      <c r="H1058" s="12"/>
    </row>
    <row r="1059" spans="8:8">
      <c r="H1059" s="12"/>
    </row>
    <row r="1060" spans="8:8">
      <c r="H1060" s="12"/>
    </row>
    <row r="1061" spans="8:8">
      <c r="H1061" s="12"/>
    </row>
    <row r="1062" spans="8:8">
      <c r="H1062" s="12"/>
    </row>
    <row r="1063" spans="8:8">
      <c r="H1063" s="12"/>
    </row>
    <row r="1064" spans="8:8">
      <c r="H1064" s="12"/>
    </row>
    <row r="1065" spans="8:8">
      <c r="H1065" s="12"/>
    </row>
    <row r="1066" spans="8:8">
      <c r="H1066" s="12"/>
    </row>
    <row r="1067" spans="8:8">
      <c r="H1067" s="12"/>
    </row>
    <row r="1068" spans="8:8">
      <c r="H1068" s="12"/>
    </row>
    <row r="1069" spans="8:8">
      <c r="H1069" s="12"/>
    </row>
    <row r="1070" spans="8:8">
      <c r="H1070" s="12"/>
    </row>
    <row r="1071" spans="8:8">
      <c r="H1071" s="12"/>
    </row>
    <row r="1072" spans="8:8">
      <c r="H1072" s="12"/>
    </row>
    <row r="1073" spans="8:8">
      <c r="H1073" s="12"/>
    </row>
    <row r="1074" spans="8:8">
      <c r="H1074" s="12"/>
    </row>
    <row r="1075" spans="8:8">
      <c r="H1075" s="12"/>
    </row>
    <row r="1076" spans="8:8">
      <c r="H1076" s="12"/>
    </row>
    <row r="1077" spans="8:8">
      <c r="H1077" s="12"/>
    </row>
    <row r="1078" spans="8:8">
      <c r="H1078" s="12"/>
    </row>
    <row r="1079" spans="8:8">
      <c r="H1079" s="12"/>
    </row>
    <row r="1080" spans="8:8">
      <c r="H1080" s="12"/>
    </row>
    <row r="1081" spans="8:8">
      <c r="H1081" s="12"/>
    </row>
    <row r="1082" spans="8:8">
      <c r="H1082" s="12"/>
    </row>
    <row r="1083" spans="8:8">
      <c r="H1083" s="12"/>
    </row>
    <row r="1084" spans="8:8">
      <c r="H1084" s="12"/>
    </row>
    <row r="1085" spans="8:8">
      <c r="H1085" s="12"/>
    </row>
    <row r="1086" spans="8:8">
      <c r="H1086" s="12"/>
    </row>
    <row r="1087" spans="8:8">
      <c r="H1087" s="12"/>
    </row>
    <row r="1088" spans="8:8">
      <c r="H1088" s="12"/>
    </row>
    <row r="1089" spans="8:8">
      <c r="H1089" s="12"/>
    </row>
    <row r="1090" spans="8:8">
      <c r="H1090" s="12"/>
    </row>
    <row r="1091" spans="8:8">
      <c r="H1091" s="12"/>
    </row>
    <row r="1092" spans="8:8">
      <c r="H1092" s="12"/>
    </row>
    <row r="1093" spans="8:8">
      <c r="H1093" s="12"/>
    </row>
    <row r="1094" spans="8:8">
      <c r="H1094" s="12"/>
    </row>
    <row r="1095" spans="8:8">
      <c r="H1095" s="12"/>
    </row>
    <row r="1096" spans="8:8">
      <c r="H1096" s="12"/>
    </row>
    <row r="1097" spans="8:8">
      <c r="H1097" s="12"/>
    </row>
    <row r="1098" spans="8:8">
      <c r="H1098" s="12"/>
    </row>
    <row r="1099" spans="8:8">
      <c r="H1099" s="12"/>
    </row>
    <row r="1100" spans="8:8">
      <c r="H1100" s="12"/>
    </row>
    <row r="1101" spans="8:8">
      <c r="H1101" s="12"/>
    </row>
    <row r="1102" spans="8:8">
      <c r="H1102" s="12"/>
    </row>
    <row r="1103" spans="8:8">
      <c r="H1103" s="12"/>
    </row>
    <row r="1104" spans="8:8">
      <c r="H1104" s="12"/>
    </row>
    <row r="1105" spans="8:8">
      <c r="H1105" s="12"/>
    </row>
    <row r="1106" spans="8:8">
      <c r="H1106" s="12"/>
    </row>
    <row r="1107" spans="8:8">
      <c r="H1107" s="12"/>
    </row>
    <row r="1108" spans="8:8">
      <c r="H1108" s="12"/>
    </row>
    <row r="1109" spans="8:8">
      <c r="H1109" s="12"/>
    </row>
    <row r="1110" spans="8:8">
      <c r="H1110" s="12"/>
    </row>
    <row r="1111" spans="8:8">
      <c r="H1111" s="12"/>
    </row>
    <row r="1112" spans="8:8">
      <c r="H1112" s="12"/>
    </row>
    <row r="1113" spans="8:8">
      <c r="H1113" s="12"/>
    </row>
    <row r="1114" spans="8:8">
      <c r="H1114" s="12"/>
    </row>
    <row r="1115" spans="8:8">
      <c r="H1115" s="12"/>
    </row>
    <row r="1116" spans="8:8">
      <c r="H1116" s="12"/>
    </row>
    <row r="1117" spans="8:8">
      <c r="H1117" s="12"/>
    </row>
    <row r="1118" spans="8:8">
      <c r="H1118" s="12"/>
    </row>
    <row r="1119" spans="8:8">
      <c r="H1119" s="12"/>
    </row>
    <row r="1120" spans="8:8">
      <c r="H1120" s="12"/>
    </row>
    <row r="1121" spans="8:8">
      <c r="H1121" s="12"/>
    </row>
    <row r="1122" spans="8:8">
      <c r="H1122" s="12"/>
    </row>
    <row r="1123" spans="8:8">
      <c r="H1123" s="12"/>
    </row>
    <row r="1124" spans="8:8">
      <c r="H1124" s="12"/>
    </row>
    <row r="1125" spans="8:8">
      <c r="H1125" s="12"/>
    </row>
    <row r="1126" spans="8:8">
      <c r="H1126" s="12"/>
    </row>
    <row r="1127" spans="8:8">
      <c r="H1127" s="12"/>
    </row>
    <row r="1128" spans="8:8">
      <c r="H1128" s="12"/>
    </row>
    <row r="1129" spans="8:8">
      <c r="H1129" s="12"/>
    </row>
    <row r="1130" spans="8:8">
      <c r="H1130" s="12"/>
    </row>
    <row r="1131" spans="8:8">
      <c r="H1131" s="12"/>
    </row>
    <row r="1132" spans="8:8">
      <c r="H1132" s="12"/>
    </row>
    <row r="1133" spans="8:8">
      <c r="H1133" s="12"/>
    </row>
    <row r="1134" spans="8:8">
      <c r="H1134" s="12"/>
    </row>
    <row r="1135" spans="8:8">
      <c r="H1135" s="12"/>
    </row>
    <row r="1136" spans="8:8">
      <c r="H1136" s="12"/>
    </row>
    <row r="1137" spans="8:8">
      <c r="H1137" s="12"/>
    </row>
    <row r="1138" spans="8:8">
      <c r="H1138" s="12"/>
    </row>
    <row r="1139" spans="8:8">
      <c r="H1139" s="12"/>
    </row>
    <row r="1140" spans="8:8">
      <c r="H1140" s="12"/>
    </row>
    <row r="1141" spans="8:8">
      <c r="H1141" s="12"/>
    </row>
    <row r="1142" spans="8:8">
      <c r="H1142" s="12"/>
    </row>
    <row r="1143" spans="8:8">
      <c r="H1143" s="12"/>
    </row>
    <row r="1144" spans="8:8">
      <c r="H1144" s="12"/>
    </row>
    <row r="1145" spans="8:8">
      <c r="H1145" s="12"/>
    </row>
    <row r="1146" spans="8:8">
      <c r="H1146" s="12"/>
    </row>
    <row r="1147" spans="8:8">
      <c r="H1147" s="12"/>
    </row>
    <row r="1148" spans="8:8">
      <c r="H1148" s="12"/>
    </row>
    <row r="1149" spans="8:8">
      <c r="H1149" s="12"/>
    </row>
    <row r="1150" spans="8:8">
      <c r="H1150" s="12"/>
    </row>
    <row r="1151" spans="8:8">
      <c r="H1151" s="12"/>
    </row>
    <row r="1152" spans="8:8">
      <c r="H1152" s="12"/>
    </row>
    <row r="1153" spans="8:8">
      <c r="H1153" s="12"/>
    </row>
    <row r="1154" spans="8:8">
      <c r="H1154" s="12"/>
    </row>
    <row r="1155" spans="8:8">
      <c r="H1155" s="12"/>
    </row>
    <row r="1156" spans="8:8">
      <c r="H1156" s="12"/>
    </row>
    <row r="1157" spans="8:8">
      <c r="H1157" s="12"/>
    </row>
    <row r="1158" spans="8:8">
      <c r="H1158" s="12"/>
    </row>
    <row r="1159" spans="8:8">
      <c r="H1159" s="12"/>
    </row>
    <row r="1160" spans="8:8">
      <c r="H1160" s="12"/>
    </row>
    <row r="1161" spans="8:8">
      <c r="H1161" s="12"/>
    </row>
    <row r="1162" spans="8:8">
      <c r="H1162" s="12"/>
    </row>
    <row r="1163" spans="8:8">
      <c r="H1163" s="12"/>
    </row>
    <row r="1164" spans="8:8">
      <c r="H1164" s="12"/>
    </row>
    <row r="1165" spans="8:8">
      <c r="H1165" s="12"/>
    </row>
    <row r="1166" spans="8:8">
      <c r="H1166" s="12"/>
    </row>
    <row r="1167" spans="8:8">
      <c r="H1167" s="12"/>
    </row>
    <row r="1168" spans="8:8">
      <c r="H1168" s="12"/>
    </row>
    <row r="1169" spans="8:8">
      <c r="H1169" s="12"/>
    </row>
    <row r="1170" spans="8:8">
      <c r="H1170" s="12"/>
    </row>
    <row r="1171" spans="8:8">
      <c r="H1171" s="12"/>
    </row>
    <row r="1172" spans="8:8">
      <c r="H1172" s="12"/>
    </row>
    <row r="1173" spans="8:8">
      <c r="H1173" s="12"/>
    </row>
    <row r="1174" spans="8:8">
      <c r="H1174" s="12"/>
    </row>
    <row r="1175" spans="8:8">
      <c r="H1175" s="12"/>
    </row>
    <row r="1176" spans="8:8">
      <c r="H1176" s="12"/>
    </row>
    <row r="1177" spans="8:8">
      <c r="H1177" s="12"/>
    </row>
    <row r="1178" spans="8:8">
      <c r="H1178" s="12"/>
    </row>
    <row r="1179" spans="8:8">
      <c r="H1179" s="12"/>
    </row>
    <row r="1180" spans="8:8">
      <c r="H1180" s="12"/>
    </row>
    <row r="1181" spans="8:8">
      <c r="H1181" s="12"/>
    </row>
    <row r="1182" spans="8:8">
      <c r="H1182" s="12"/>
    </row>
    <row r="1183" spans="8:8">
      <c r="H1183" s="12"/>
    </row>
    <row r="1184" spans="8:8">
      <c r="H1184" s="12"/>
    </row>
    <row r="1185" spans="8:8">
      <c r="H1185" s="12"/>
    </row>
    <row r="1186" spans="8:8">
      <c r="H1186" s="12"/>
    </row>
    <row r="1187" spans="8:8">
      <c r="H1187" s="12"/>
    </row>
    <row r="1188" spans="8:8">
      <c r="H1188" s="12"/>
    </row>
    <row r="1189" spans="8:8">
      <c r="H1189" s="12"/>
    </row>
    <row r="1190" spans="8:8">
      <c r="H1190" s="12"/>
    </row>
    <row r="1191" spans="8:8">
      <c r="H1191" s="12"/>
    </row>
    <row r="1192" spans="8:8">
      <c r="H1192" s="12"/>
    </row>
    <row r="1193" spans="8:8">
      <c r="H1193" s="12"/>
    </row>
    <row r="1194" spans="8:8">
      <c r="H1194" s="12"/>
    </row>
    <row r="1195" spans="8:8">
      <c r="H1195" s="12"/>
    </row>
    <row r="1196" spans="8:8">
      <c r="H1196" s="12"/>
    </row>
    <row r="1197" spans="8:8">
      <c r="H1197" s="12"/>
    </row>
    <row r="1198" spans="8:8">
      <c r="H1198" s="12"/>
    </row>
    <row r="1199" spans="8:8">
      <c r="H1199" s="12"/>
    </row>
    <row r="1200" spans="8:8">
      <c r="H1200" s="12"/>
    </row>
    <row r="1201" spans="8:8">
      <c r="H1201" s="12"/>
    </row>
    <row r="1202" spans="8:8">
      <c r="H1202" s="12"/>
    </row>
    <row r="1203" spans="8:8">
      <c r="H1203" s="12"/>
    </row>
    <row r="1204" spans="8:8">
      <c r="H1204" s="12"/>
    </row>
    <row r="1205" spans="8:8">
      <c r="H1205" s="12"/>
    </row>
    <row r="1206" spans="8:8">
      <c r="H1206" s="12"/>
    </row>
    <row r="1207" spans="8:8">
      <c r="H1207" s="12"/>
    </row>
    <row r="1208" spans="8:8">
      <c r="H1208" s="12"/>
    </row>
    <row r="1209" spans="8:8">
      <c r="H1209" s="12"/>
    </row>
    <row r="1210" spans="8:8">
      <c r="H1210" s="12"/>
    </row>
    <row r="1211" spans="8:8">
      <c r="H1211" s="12"/>
    </row>
    <row r="1212" spans="8:8">
      <c r="H1212" s="12"/>
    </row>
    <row r="1213" spans="8:8">
      <c r="H1213" s="12"/>
    </row>
    <row r="1214" spans="8:8">
      <c r="H1214" s="12"/>
    </row>
    <row r="1215" spans="8:8">
      <c r="H1215" s="12"/>
    </row>
    <row r="1216" spans="8:8">
      <c r="H1216" s="12"/>
    </row>
    <row r="1217" spans="8:8">
      <c r="H1217" s="12"/>
    </row>
    <row r="1218" spans="8:8">
      <c r="H1218" s="12"/>
    </row>
    <row r="1219" spans="8:8">
      <c r="H1219" s="12"/>
    </row>
    <row r="1220" spans="8:8">
      <c r="H1220" s="12"/>
    </row>
    <row r="1221" spans="8:8">
      <c r="H1221" s="12"/>
    </row>
    <row r="1222" spans="8:8">
      <c r="H1222" s="12"/>
    </row>
    <row r="1223" spans="8:8">
      <c r="H1223" s="12"/>
    </row>
    <row r="1224" spans="8:8">
      <c r="H1224" s="12"/>
    </row>
    <row r="1225" spans="8:8">
      <c r="H1225" s="12"/>
    </row>
    <row r="1226" spans="8:8">
      <c r="H1226" s="12"/>
    </row>
    <row r="1227" spans="8:8">
      <c r="H1227" s="12"/>
    </row>
    <row r="1228" spans="8:8">
      <c r="H1228" s="12"/>
    </row>
    <row r="1229" spans="8:8">
      <c r="H1229" s="12"/>
    </row>
    <row r="1230" spans="8:8">
      <c r="H1230" s="12"/>
    </row>
    <row r="1231" spans="8:8">
      <c r="H1231" s="12"/>
    </row>
    <row r="1232" spans="8:8">
      <c r="H1232" s="12"/>
    </row>
    <row r="1233" spans="8:8">
      <c r="H1233" s="12"/>
    </row>
    <row r="1234" spans="8:8">
      <c r="H1234" s="12"/>
    </row>
    <row r="1235" spans="8:8">
      <c r="H1235" s="12"/>
    </row>
    <row r="1236" spans="8:8">
      <c r="H1236" s="12"/>
    </row>
    <row r="1237" spans="8:8">
      <c r="H1237" s="12"/>
    </row>
    <row r="1238" spans="8:8">
      <c r="H1238" s="12"/>
    </row>
    <row r="1239" spans="8:8">
      <c r="H1239" s="12"/>
    </row>
    <row r="1240" spans="8:8">
      <c r="H1240" s="12"/>
    </row>
    <row r="1241" spans="8:8">
      <c r="H1241" s="12"/>
    </row>
    <row r="1242" spans="8:8">
      <c r="H1242" s="12"/>
    </row>
    <row r="1243" spans="8:8">
      <c r="H1243" s="12"/>
    </row>
    <row r="1244" spans="8:8">
      <c r="H1244" s="12"/>
    </row>
    <row r="1245" spans="8:8">
      <c r="H1245" s="12"/>
    </row>
    <row r="1246" spans="8:8">
      <c r="H1246" s="12"/>
    </row>
    <row r="1247" spans="8:8">
      <c r="H1247" s="12"/>
    </row>
    <row r="1248" spans="8:8">
      <c r="H1248" s="12"/>
    </row>
    <row r="1249" spans="8:8">
      <c r="H1249" s="12"/>
    </row>
    <row r="1250" spans="8:8">
      <c r="H1250" s="12"/>
    </row>
    <row r="1251" spans="8:8">
      <c r="H1251" s="12"/>
    </row>
    <row r="1252" spans="8:8">
      <c r="H1252" s="12"/>
    </row>
    <row r="1253" spans="8:8">
      <c r="H1253" s="12"/>
    </row>
    <row r="1254" spans="8:8">
      <c r="H1254" s="12"/>
    </row>
    <row r="1255" spans="8:8">
      <c r="H1255" s="12"/>
    </row>
    <row r="1256" spans="8:8">
      <c r="H1256" s="12"/>
    </row>
    <row r="1257" spans="8:8">
      <c r="H1257" s="12"/>
    </row>
    <row r="1258" spans="8:8">
      <c r="H1258" s="12"/>
    </row>
    <row r="1259" spans="8:8">
      <c r="H1259" s="12"/>
    </row>
    <row r="1260" spans="8:8">
      <c r="H1260" s="12"/>
    </row>
    <row r="1261" spans="8:8">
      <c r="H1261" s="12"/>
    </row>
    <row r="1262" spans="8:8">
      <c r="H1262" s="12"/>
    </row>
    <row r="1263" spans="8:8">
      <c r="H1263" s="12"/>
    </row>
    <row r="1264" spans="8:8">
      <c r="H1264" s="12"/>
    </row>
    <row r="1265" spans="8:8">
      <c r="H1265" s="12"/>
    </row>
    <row r="1266" spans="8:8">
      <c r="H1266" s="12"/>
    </row>
    <row r="1267" spans="8:8">
      <c r="H1267" s="12"/>
    </row>
    <row r="1268" spans="8:8">
      <c r="H1268" s="12"/>
    </row>
    <row r="1269" spans="8:8">
      <c r="H1269" s="12"/>
    </row>
    <row r="1270" spans="8:8">
      <c r="H1270" s="12"/>
    </row>
    <row r="1271" spans="8:8">
      <c r="H1271" s="12"/>
    </row>
    <row r="1272" spans="8:8">
      <c r="H1272" s="12"/>
    </row>
    <row r="1273" spans="8:8">
      <c r="H1273" s="12"/>
    </row>
    <row r="1274" spans="8:8">
      <c r="H1274" s="12"/>
    </row>
    <row r="1275" spans="8:8">
      <c r="H1275" s="12"/>
    </row>
    <row r="1276" spans="8:8">
      <c r="H1276" s="12"/>
    </row>
    <row r="1277" spans="8:8">
      <c r="H1277" s="12"/>
    </row>
    <row r="1278" spans="8:8">
      <c r="H1278" s="12"/>
    </row>
    <row r="1279" spans="8:8">
      <c r="H1279" s="12"/>
    </row>
    <row r="1280" spans="8:8">
      <c r="H1280" s="12"/>
    </row>
    <row r="1281" spans="8:8">
      <c r="H1281" s="12"/>
    </row>
    <row r="1282" spans="8:8">
      <c r="H1282" s="12"/>
    </row>
    <row r="1283" spans="8:8">
      <c r="H1283" s="12"/>
    </row>
    <row r="1284" spans="8:8">
      <c r="H1284" s="12"/>
    </row>
    <row r="1285" spans="8:8">
      <c r="H1285" s="12"/>
    </row>
    <row r="1286" spans="8:8">
      <c r="H1286" s="12"/>
    </row>
    <row r="1287" spans="8:8">
      <c r="H1287" s="12"/>
    </row>
    <row r="1288" spans="8:8">
      <c r="H1288" s="12"/>
    </row>
    <row r="1289" spans="8:8">
      <c r="H1289" s="12"/>
    </row>
    <row r="1290" spans="8:8">
      <c r="H1290" s="12"/>
    </row>
    <row r="1291" spans="8:8">
      <c r="H1291" s="12"/>
    </row>
    <row r="1292" spans="8:8">
      <c r="H1292" s="12"/>
    </row>
    <row r="1293" spans="8:8">
      <c r="H1293" s="12"/>
    </row>
    <row r="1294" spans="8:8">
      <c r="H1294" s="12"/>
    </row>
    <row r="1295" spans="8:8">
      <c r="H1295" s="12"/>
    </row>
    <row r="1296" spans="8:8">
      <c r="H1296" s="12"/>
    </row>
    <row r="1297" spans="8:8">
      <c r="H1297" s="12"/>
    </row>
    <row r="1298" spans="8:8">
      <c r="H1298" s="12"/>
    </row>
    <row r="1299" spans="8:8">
      <c r="H1299" s="12"/>
    </row>
    <row r="1300" spans="8:8">
      <c r="H1300" s="12"/>
    </row>
    <row r="1301" spans="8:8">
      <c r="H1301" s="12"/>
    </row>
    <row r="1302" spans="8:8">
      <c r="H1302" s="12"/>
    </row>
    <row r="1303" spans="8:8">
      <c r="H1303" s="12"/>
    </row>
    <row r="1304" spans="8:8">
      <c r="H1304" s="12"/>
    </row>
    <row r="1305" spans="8:8">
      <c r="H1305" s="12"/>
    </row>
    <row r="1306" spans="8:8">
      <c r="H1306" s="12"/>
    </row>
    <row r="1307" spans="8:8">
      <c r="H1307" s="12"/>
    </row>
    <row r="1308" spans="8:8">
      <c r="H1308" s="12"/>
    </row>
    <row r="1309" spans="8:8">
      <c r="H1309" s="12"/>
    </row>
    <row r="1310" spans="8:8">
      <c r="H1310" s="12"/>
    </row>
    <row r="1311" spans="8:8">
      <c r="H1311" s="12"/>
    </row>
    <row r="1312" spans="8:8">
      <c r="H1312" s="12"/>
    </row>
    <row r="1313" spans="8:8">
      <c r="H1313" s="12"/>
    </row>
    <row r="1314" spans="8:8">
      <c r="H1314" s="12"/>
    </row>
    <row r="1315" spans="8:8">
      <c r="H1315" s="12"/>
    </row>
    <row r="1316" spans="8:8">
      <c r="H1316" s="12"/>
    </row>
    <row r="1317" spans="8:8">
      <c r="H1317" s="12"/>
    </row>
    <row r="1318" spans="8:8">
      <c r="H1318" s="12"/>
    </row>
    <row r="1319" spans="8:8">
      <c r="H1319" s="12"/>
    </row>
    <row r="1320" spans="8:8">
      <c r="H1320" s="12"/>
    </row>
    <row r="1321" spans="8:8">
      <c r="H1321" s="12"/>
    </row>
    <row r="1322" spans="8:8">
      <c r="H1322" s="12"/>
    </row>
    <row r="1323" spans="8:8">
      <c r="H1323" s="12"/>
    </row>
    <row r="1324" spans="8:8">
      <c r="H1324" s="12"/>
    </row>
    <row r="1325" spans="8:8">
      <c r="H1325" s="12"/>
    </row>
    <row r="1326" spans="8:8">
      <c r="H1326" s="12"/>
    </row>
    <row r="1327" spans="8:8">
      <c r="H1327" s="12"/>
    </row>
    <row r="1328" spans="8:8">
      <c r="H1328" s="12"/>
    </row>
    <row r="1329" spans="8:8">
      <c r="H1329" s="12"/>
    </row>
    <row r="1330" spans="8:8">
      <c r="H1330" s="12"/>
    </row>
    <row r="1331" spans="8:8">
      <c r="H1331" s="12"/>
    </row>
    <row r="1332" spans="8:8">
      <c r="H1332" s="12"/>
    </row>
    <row r="1333" spans="8:8">
      <c r="H1333" s="12"/>
    </row>
    <row r="1334" spans="8:8">
      <c r="H1334" s="12"/>
    </row>
    <row r="1335" spans="8:8">
      <c r="H1335" s="12"/>
    </row>
    <row r="1336" spans="8:8">
      <c r="H1336" s="12"/>
    </row>
    <row r="1337" spans="8:8">
      <c r="H1337" s="12"/>
    </row>
    <row r="1338" spans="8:8">
      <c r="H1338" s="12"/>
    </row>
    <row r="1339" spans="8:8">
      <c r="H1339" s="12"/>
    </row>
    <row r="1340" spans="8:8">
      <c r="H1340" s="12"/>
    </row>
    <row r="1341" spans="8:8">
      <c r="H1341" s="12"/>
    </row>
    <row r="1342" spans="8:8">
      <c r="H1342" s="12"/>
    </row>
    <row r="1343" spans="8:8">
      <c r="H1343" s="12"/>
    </row>
    <row r="1344" spans="8:8">
      <c r="H1344" s="12"/>
    </row>
    <row r="1345" spans="8:8">
      <c r="H1345" s="12"/>
    </row>
    <row r="1346" spans="8:8">
      <c r="H1346" s="12"/>
    </row>
    <row r="1347" spans="8:8">
      <c r="H1347" s="12"/>
    </row>
    <row r="1348" spans="8:8">
      <c r="H1348" s="12"/>
    </row>
    <row r="1349" spans="8:8">
      <c r="H1349" s="12"/>
    </row>
    <row r="1350" spans="8:8">
      <c r="H1350" s="12"/>
    </row>
    <row r="1351" spans="8:8">
      <c r="H1351" s="12"/>
    </row>
    <row r="1352" spans="8:8">
      <c r="H1352" s="12"/>
    </row>
    <row r="1353" spans="8:8">
      <c r="H1353" s="12"/>
    </row>
    <row r="1354" spans="8:8">
      <c r="H1354" s="12"/>
    </row>
    <row r="1355" spans="8:8">
      <c r="H1355" s="12"/>
    </row>
    <row r="1356" spans="8:8">
      <c r="H1356" s="12"/>
    </row>
    <row r="1357" spans="8:8">
      <c r="H1357" s="12"/>
    </row>
    <row r="1358" spans="8:8">
      <c r="H1358" s="12"/>
    </row>
    <row r="1359" spans="8:8">
      <c r="H1359" s="12"/>
    </row>
    <row r="1360" spans="8:8">
      <c r="H1360" s="12"/>
    </row>
    <row r="1361" spans="8:8">
      <c r="H1361" s="12"/>
    </row>
    <row r="1362" spans="8:8">
      <c r="H1362" s="12"/>
    </row>
    <row r="1363" spans="8:8">
      <c r="H1363" s="12"/>
    </row>
    <row r="1364" spans="8:8">
      <c r="H1364" s="12"/>
    </row>
    <row r="1365" spans="8:8">
      <c r="H1365" s="12"/>
    </row>
    <row r="1366" spans="8:8">
      <c r="H1366" s="12"/>
    </row>
    <row r="1367" spans="8:8">
      <c r="H1367" s="12"/>
    </row>
    <row r="1368" spans="8:8">
      <c r="H1368" s="12"/>
    </row>
    <row r="1369" spans="8:8">
      <c r="H1369" s="12"/>
    </row>
    <row r="1370" spans="8:8">
      <c r="H1370" s="12"/>
    </row>
    <row r="1371" spans="8:8">
      <c r="H1371" s="12"/>
    </row>
    <row r="1372" spans="8:8">
      <c r="H1372" s="12"/>
    </row>
    <row r="1373" spans="8:8">
      <c r="H1373" s="12"/>
    </row>
    <row r="1374" spans="8:8">
      <c r="H1374" s="12"/>
    </row>
    <row r="1375" spans="8:8">
      <c r="H1375" s="12"/>
    </row>
    <row r="1376" spans="8:8">
      <c r="H1376" s="12"/>
    </row>
    <row r="1377" spans="8:8">
      <c r="H1377" s="12"/>
    </row>
    <row r="1378" spans="8:8">
      <c r="H1378" s="12"/>
    </row>
    <row r="1379" spans="8:8">
      <c r="H1379" s="12"/>
    </row>
    <row r="1380" spans="8:8">
      <c r="H1380" s="12"/>
    </row>
    <row r="1381" spans="8:8">
      <c r="H1381" s="12"/>
    </row>
    <row r="1382" spans="8:8">
      <c r="H1382" s="12"/>
    </row>
    <row r="1383" spans="8:8">
      <c r="H1383" s="12"/>
    </row>
    <row r="1384" spans="8:8">
      <c r="H1384" s="12"/>
    </row>
    <row r="1385" spans="8:8">
      <c r="H1385" s="12"/>
    </row>
    <row r="1386" spans="8:8">
      <c r="H1386" s="12"/>
    </row>
    <row r="1387" spans="8:8">
      <c r="H1387" s="12"/>
    </row>
    <row r="1388" spans="8:8">
      <c r="H1388" s="12"/>
    </row>
    <row r="1389" spans="8:8">
      <c r="H1389" s="12"/>
    </row>
    <row r="1390" spans="8:8">
      <c r="H1390" s="12"/>
    </row>
    <row r="1391" spans="8:8">
      <c r="H1391" s="12"/>
    </row>
    <row r="1392" spans="8:8">
      <c r="H1392" s="12"/>
    </row>
    <row r="1393" spans="8:8">
      <c r="H1393" s="12"/>
    </row>
    <row r="1394" spans="8:8">
      <c r="H1394" s="12"/>
    </row>
    <row r="1395" spans="8:8">
      <c r="H1395" s="12"/>
    </row>
    <row r="1396" spans="8:8">
      <c r="H1396" s="12"/>
    </row>
    <row r="1397" spans="8:8">
      <c r="H1397" s="12"/>
    </row>
    <row r="1398" spans="8:8">
      <c r="H1398" s="12"/>
    </row>
    <row r="1399" spans="8:8">
      <c r="H1399" s="12"/>
    </row>
    <row r="1400" spans="8:8">
      <c r="H1400" s="12"/>
    </row>
    <row r="1401" spans="8:8">
      <c r="H1401" s="12"/>
    </row>
    <row r="1402" spans="8:8">
      <c r="H1402" s="12"/>
    </row>
    <row r="1403" spans="8:8">
      <c r="H1403" s="12"/>
    </row>
    <row r="1404" spans="8:8">
      <c r="H1404" s="12"/>
    </row>
    <row r="1405" spans="8:8">
      <c r="H1405" s="12"/>
    </row>
    <row r="1406" spans="8:8">
      <c r="H1406" s="12"/>
    </row>
    <row r="1407" spans="8:8">
      <c r="H1407" s="12"/>
    </row>
    <row r="1408" spans="8:8">
      <c r="H1408" s="12"/>
    </row>
    <row r="1409" spans="8:8">
      <c r="H1409" s="12"/>
    </row>
    <row r="1410" spans="8:8">
      <c r="H1410" s="12"/>
    </row>
    <row r="1411" spans="8:8">
      <c r="H1411" s="12"/>
    </row>
    <row r="1412" spans="8:8">
      <c r="H1412" s="12"/>
    </row>
    <row r="1413" spans="8:8">
      <c r="H1413" s="12"/>
    </row>
    <row r="1414" spans="8:8">
      <c r="H1414" s="12"/>
    </row>
    <row r="1415" spans="8:8">
      <c r="H1415" s="12"/>
    </row>
    <row r="1416" spans="8:8">
      <c r="H1416" s="12"/>
    </row>
    <row r="1417" spans="8:8">
      <c r="H1417" s="12"/>
    </row>
    <row r="1418" spans="8:8">
      <c r="H1418" s="12"/>
    </row>
    <row r="1419" spans="8:8">
      <c r="H1419" s="12"/>
    </row>
    <row r="1420" spans="8:8">
      <c r="H1420" s="12"/>
    </row>
    <row r="1421" spans="8:8">
      <c r="H1421" s="12"/>
    </row>
    <row r="1422" spans="8:8">
      <c r="H1422" s="12"/>
    </row>
    <row r="1423" spans="8:8">
      <c r="H1423" s="12"/>
    </row>
    <row r="1424" spans="8:8">
      <c r="H1424" s="12"/>
    </row>
    <row r="1425" spans="8:8">
      <c r="H1425" s="12"/>
    </row>
    <row r="1426" spans="8:8">
      <c r="H1426" s="12"/>
    </row>
    <row r="1427" spans="8:8">
      <c r="H1427" s="12"/>
    </row>
    <row r="1428" spans="8:8">
      <c r="H1428" s="12"/>
    </row>
    <row r="1429" spans="8:8">
      <c r="H1429" s="12"/>
    </row>
    <row r="1430" spans="8:8">
      <c r="H1430" s="12"/>
    </row>
    <row r="1431" spans="8:8">
      <c r="H1431" s="12"/>
    </row>
    <row r="1432" spans="8:8">
      <c r="H1432" s="12"/>
    </row>
    <row r="1433" spans="8:8">
      <c r="H1433" s="12"/>
    </row>
    <row r="1434" spans="8:8">
      <c r="H1434" s="12"/>
    </row>
    <row r="1435" spans="8:8">
      <c r="H1435" s="12"/>
    </row>
    <row r="1436" spans="8:8">
      <c r="H1436" s="12"/>
    </row>
    <row r="1437" spans="8:8">
      <c r="H1437" s="12"/>
    </row>
    <row r="1438" spans="8:8">
      <c r="H1438" s="12"/>
    </row>
    <row r="1439" spans="8:8">
      <c r="H1439" s="12"/>
    </row>
    <row r="1440" spans="8:8">
      <c r="H1440" s="12"/>
    </row>
    <row r="1441" spans="8:8">
      <c r="H1441" s="12"/>
    </row>
    <row r="1442" spans="8:8">
      <c r="H1442" s="12"/>
    </row>
    <row r="1443" spans="8:8">
      <c r="H1443" s="12"/>
    </row>
    <row r="1444" spans="8:8">
      <c r="H1444" s="12"/>
    </row>
    <row r="1445" spans="8:8">
      <c r="H1445" s="12"/>
    </row>
    <row r="1446" spans="8:8">
      <c r="H1446" s="12"/>
    </row>
    <row r="1447" spans="8:8">
      <c r="H1447" s="12"/>
    </row>
    <row r="1448" spans="8:8">
      <c r="H1448" s="12"/>
    </row>
    <row r="1449" spans="8:8">
      <c r="H1449" s="12"/>
    </row>
    <row r="1450" spans="8:8">
      <c r="H1450" s="12"/>
    </row>
    <row r="1451" spans="8:8">
      <c r="H1451" s="12"/>
    </row>
    <row r="1452" spans="8:8">
      <c r="H1452" s="12"/>
    </row>
    <row r="1453" spans="8:8">
      <c r="H1453" s="12"/>
    </row>
    <row r="1454" spans="8:8">
      <c r="H1454" s="12"/>
    </row>
    <row r="1455" spans="8:8">
      <c r="H1455" s="12"/>
    </row>
    <row r="1456" spans="8:8">
      <c r="H1456" s="12"/>
    </row>
    <row r="1457" spans="8:8">
      <c r="H1457" s="12"/>
    </row>
    <row r="1458" spans="8:8">
      <c r="H1458" s="12"/>
    </row>
    <row r="1459" spans="8:8">
      <c r="H1459" s="12"/>
    </row>
    <row r="1460" spans="8:8">
      <c r="H1460" s="12"/>
    </row>
    <row r="1461" spans="8:8">
      <c r="H1461" s="12"/>
    </row>
    <row r="1462" spans="8:8">
      <c r="H1462" s="12"/>
    </row>
    <row r="1463" spans="8:8">
      <c r="H1463" s="12"/>
    </row>
    <row r="1464" spans="8:8">
      <c r="H1464" s="12"/>
    </row>
    <row r="1465" spans="8:8">
      <c r="H1465" s="12"/>
    </row>
    <row r="1466" spans="8:8">
      <c r="H1466" s="12"/>
    </row>
    <row r="1467" spans="8:8">
      <c r="H1467" s="12"/>
    </row>
    <row r="1468" spans="8:8">
      <c r="H1468" s="12"/>
    </row>
    <row r="1469" spans="8:8">
      <c r="H1469" s="12"/>
    </row>
    <row r="1470" spans="8:8">
      <c r="H1470" s="12"/>
    </row>
    <row r="1471" spans="8:8">
      <c r="H1471" s="12"/>
    </row>
    <row r="1472" spans="8:8">
      <c r="H1472" s="12"/>
    </row>
    <row r="1473" spans="8:8">
      <c r="H1473" s="12"/>
    </row>
    <row r="1474" spans="8:8">
      <c r="H1474" s="12"/>
    </row>
    <row r="1475" spans="8:8">
      <c r="H1475" s="12"/>
    </row>
    <row r="1476" spans="8:8">
      <c r="H1476" s="12"/>
    </row>
    <row r="1477" spans="8:8">
      <c r="H1477" s="12"/>
    </row>
    <row r="1478" spans="8:8">
      <c r="H1478" s="12"/>
    </row>
    <row r="1479" spans="8:8">
      <c r="H1479" s="12"/>
    </row>
    <row r="1480" spans="8:8">
      <c r="H1480" s="12"/>
    </row>
    <row r="1481" spans="8:8">
      <c r="H1481" s="12"/>
    </row>
    <row r="1482" spans="8:8">
      <c r="H1482" s="12"/>
    </row>
    <row r="1483" spans="8:8">
      <c r="H1483" s="12"/>
    </row>
    <row r="1484" spans="8:8">
      <c r="H1484" s="12"/>
    </row>
    <row r="1485" spans="8:8">
      <c r="H1485" s="12"/>
    </row>
    <row r="1486" spans="8:8">
      <c r="H1486" s="12"/>
    </row>
    <row r="1487" spans="8:8">
      <c r="H1487" s="12"/>
    </row>
    <row r="1488" spans="8:8">
      <c r="H1488" s="12"/>
    </row>
    <row r="1489" spans="8:8">
      <c r="H1489" s="12"/>
    </row>
    <row r="1490" spans="8:8">
      <c r="H1490" s="12"/>
    </row>
    <row r="1491" spans="8:8">
      <c r="H1491" s="12"/>
    </row>
    <row r="1492" spans="8:8">
      <c r="H1492" s="12"/>
    </row>
    <row r="1493" spans="8:8">
      <c r="H1493" s="12"/>
    </row>
    <row r="1494" spans="8:8">
      <c r="H1494" s="12"/>
    </row>
    <row r="1495" spans="8:8">
      <c r="H1495" s="12"/>
    </row>
    <row r="1496" spans="8:8">
      <c r="H1496" s="12"/>
    </row>
    <row r="1497" spans="8:8">
      <c r="H1497" s="12"/>
    </row>
    <row r="1498" spans="8:8">
      <c r="H1498" s="12"/>
    </row>
    <row r="1499" spans="8:8">
      <c r="H1499" s="12"/>
    </row>
    <row r="1500" spans="8:8">
      <c r="H1500" s="12"/>
    </row>
    <row r="1501" spans="8:8">
      <c r="H1501" s="12"/>
    </row>
    <row r="1502" spans="8:8">
      <c r="H1502" s="12"/>
    </row>
    <row r="1503" spans="8:8">
      <c r="H1503" s="12"/>
    </row>
    <row r="1504" spans="8:8">
      <c r="H1504" s="12"/>
    </row>
    <row r="1505" spans="8:8">
      <c r="H1505" s="12"/>
    </row>
    <row r="1506" spans="8:8">
      <c r="H1506" s="12"/>
    </row>
    <row r="1507" spans="8:8">
      <c r="H1507" s="12"/>
    </row>
    <row r="1508" spans="8:8">
      <c r="H1508" s="12"/>
    </row>
    <row r="1509" spans="8:8">
      <c r="H1509" s="12"/>
    </row>
    <row r="1510" spans="8:8">
      <c r="H1510" s="12"/>
    </row>
    <row r="1511" spans="8:8">
      <c r="H1511" s="12"/>
    </row>
    <row r="1512" spans="8:8">
      <c r="H1512" s="12"/>
    </row>
    <row r="1513" spans="8:8">
      <c r="H1513" s="12"/>
    </row>
    <row r="1514" spans="8:8">
      <c r="H1514" s="12"/>
    </row>
    <row r="1515" spans="8:8">
      <c r="H1515" s="12"/>
    </row>
    <row r="1516" spans="8:8">
      <c r="H1516" s="12"/>
    </row>
    <row r="1517" spans="8:8">
      <c r="H1517" s="12"/>
    </row>
    <row r="1518" spans="8:8">
      <c r="H1518" s="12"/>
    </row>
    <row r="1519" spans="8:8">
      <c r="H1519" s="12"/>
    </row>
    <row r="1520" spans="8:8">
      <c r="H1520" s="12"/>
    </row>
    <row r="1521" spans="8:8">
      <c r="H1521" s="12"/>
    </row>
    <row r="1522" spans="8:8">
      <c r="H1522" s="12"/>
    </row>
    <row r="1523" spans="8:8">
      <c r="H1523" s="12"/>
    </row>
    <row r="1524" spans="8:8">
      <c r="H1524" s="12"/>
    </row>
    <row r="1525" spans="8:8">
      <c r="H1525" s="12"/>
    </row>
    <row r="1526" spans="8:8">
      <c r="H1526" s="12"/>
    </row>
    <row r="1527" spans="8:8">
      <c r="H1527" s="12"/>
    </row>
    <row r="1528" spans="8:8">
      <c r="H1528" s="12"/>
    </row>
    <row r="1529" spans="8:8">
      <c r="H1529" s="12"/>
    </row>
    <row r="1530" spans="8:8">
      <c r="H1530" s="12"/>
    </row>
    <row r="1531" spans="8:8">
      <c r="H1531" s="12"/>
    </row>
    <row r="1532" spans="8:8">
      <c r="H1532" s="12"/>
    </row>
    <row r="1533" spans="8:8">
      <c r="H1533" s="12"/>
    </row>
    <row r="1534" spans="8:8">
      <c r="H1534" s="12"/>
    </row>
    <row r="1535" spans="8:8">
      <c r="H1535" s="12"/>
    </row>
    <row r="1536" spans="8:8">
      <c r="H1536" s="12"/>
    </row>
    <row r="1537" spans="8:8">
      <c r="H1537" s="12"/>
    </row>
    <row r="1538" spans="8:8">
      <c r="H1538" s="12"/>
    </row>
    <row r="1539" spans="8:8">
      <c r="H1539" s="12"/>
    </row>
    <row r="1540" spans="8:8">
      <c r="H1540" s="12"/>
    </row>
    <row r="1541" spans="8:8">
      <c r="H1541" s="12"/>
    </row>
    <row r="1542" spans="8:8">
      <c r="H1542" s="12"/>
    </row>
    <row r="1543" spans="8:8">
      <c r="H1543" s="12"/>
    </row>
    <row r="1544" spans="8:8">
      <c r="H1544" s="12"/>
    </row>
    <row r="1545" spans="8:8">
      <c r="H1545" s="12"/>
    </row>
    <row r="1546" spans="8:8">
      <c r="H1546" s="12"/>
    </row>
    <row r="1547" spans="8:8">
      <c r="H1547" s="12"/>
    </row>
    <row r="1548" spans="8:8">
      <c r="H1548" s="12"/>
    </row>
    <row r="1549" spans="8:8">
      <c r="H1549" s="12"/>
    </row>
    <row r="1550" spans="8:8">
      <c r="H1550" s="12"/>
    </row>
    <row r="1551" spans="8:8">
      <c r="H1551" s="12"/>
    </row>
    <row r="1552" spans="8:8">
      <c r="H1552" s="12"/>
    </row>
    <row r="1553" spans="8:8">
      <c r="H1553" s="12"/>
    </row>
    <row r="1554" spans="8:8">
      <c r="H1554" s="12"/>
    </row>
    <row r="1555" spans="8:8">
      <c r="H1555" s="12"/>
    </row>
    <row r="1556" spans="8:8">
      <c r="H1556" s="12"/>
    </row>
    <row r="1557" spans="8:8">
      <c r="H1557" s="12"/>
    </row>
    <row r="1558" spans="8:8">
      <c r="H1558" s="12"/>
    </row>
    <row r="1559" spans="8:8">
      <c r="H1559" s="12"/>
    </row>
    <row r="1560" spans="8:8">
      <c r="H1560" s="12"/>
    </row>
    <row r="1561" spans="8:8">
      <c r="H1561" s="12"/>
    </row>
    <row r="1562" spans="8:8">
      <c r="H1562" s="12"/>
    </row>
    <row r="1563" spans="8:8">
      <c r="H1563" s="12"/>
    </row>
    <row r="1564" spans="8:8">
      <c r="H1564" s="12"/>
    </row>
    <row r="1565" spans="8:8">
      <c r="H1565" s="12"/>
    </row>
    <row r="1566" spans="8:8">
      <c r="H1566" s="12"/>
    </row>
    <row r="1567" spans="8:8">
      <c r="H1567" s="12"/>
    </row>
    <row r="1568" spans="8:8">
      <c r="H1568" s="12"/>
    </row>
    <row r="1569" spans="8:8">
      <c r="H1569" s="12"/>
    </row>
    <row r="1570" spans="8:8">
      <c r="H1570" s="12"/>
    </row>
    <row r="1571" spans="8:8">
      <c r="H1571" s="12"/>
    </row>
    <row r="1572" spans="8:8">
      <c r="H1572" s="12"/>
    </row>
    <row r="1573" spans="8:8">
      <c r="H1573" s="12"/>
    </row>
    <row r="1574" spans="8:8">
      <c r="H1574" s="12"/>
    </row>
    <row r="1575" spans="8:8">
      <c r="H1575" s="12"/>
    </row>
    <row r="1576" spans="8:8">
      <c r="H1576" s="12"/>
    </row>
    <row r="1577" spans="8:8">
      <c r="H1577" s="12"/>
    </row>
    <row r="1578" spans="8:8">
      <c r="H1578" s="12"/>
    </row>
    <row r="1579" spans="8:8">
      <c r="H1579" s="12"/>
    </row>
    <row r="1580" spans="8:8">
      <c r="H1580" s="12"/>
    </row>
    <row r="1581" spans="8:8">
      <c r="H1581" s="12"/>
    </row>
    <row r="1582" spans="8:8">
      <c r="H1582" s="12"/>
    </row>
    <row r="1583" spans="8:8">
      <c r="H1583" s="12"/>
    </row>
    <row r="1584" spans="8:8">
      <c r="H1584" s="12"/>
    </row>
    <row r="1585" spans="8:8">
      <c r="H1585" s="12"/>
    </row>
    <row r="1586" spans="8:8">
      <c r="H1586" s="12"/>
    </row>
    <row r="1587" spans="8:8">
      <c r="H1587" s="12"/>
    </row>
    <row r="1588" spans="8:8">
      <c r="H1588" s="12"/>
    </row>
    <row r="1589" spans="8:8">
      <c r="H1589" s="12"/>
    </row>
    <row r="1590" spans="8:8">
      <c r="H1590" s="12"/>
    </row>
    <row r="1591" spans="8:8">
      <c r="H1591" s="12"/>
    </row>
    <row r="1592" spans="8:8">
      <c r="H1592" s="12"/>
    </row>
    <row r="1593" spans="8:8">
      <c r="H1593" s="12"/>
    </row>
    <row r="1594" spans="8:8">
      <c r="H1594" s="12"/>
    </row>
    <row r="1595" spans="8:8">
      <c r="H1595" s="12"/>
    </row>
    <row r="1596" spans="8:8">
      <c r="H1596" s="12"/>
    </row>
    <row r="1597" spans="8:8">
      <c r="H1597" s="12"/>
    </row>
    <row r="1598" spans="8:8">
      <c r="H1598" s="12"/>
    </row>
    <row r="1599" spans="8:8">
      <c r="H1599" s="12"/>
    </row>
    <row r="1600" spans="8:8">
      <c r="H1600" s="12"/>
    </row>
    <row r="1601" spans="8:8">
      <c r="H1601" s="12"/>
    </row>
    <row r="1602" spans="8:8">
      <c r="H1602" s="12"/>
    </row>
    <row r="1603" spans="8:8">
      <c r="H1603" s="12"/>
    </row>
    <row r="1604" spans="8:8">
      <c r="H1604" s="12"/>
    </row>
    <row r="1605" spans="8:8">
      <c r="H1605" s="12"/>
    </row>
    <row r="1606" spans="8:8">
      <c r="H1606" s="12"/>
    </row>
    <row r="1607" spans="8:8">
      <c r="H1607" s="12"/>
    </row>
    <row r="1608" spans="8:8">
      <c r="H1608" s="12"/>
    </row>
    <row r="1609" spans="8:8">
      <c r="H1609" s="12"/>
    </row>
    <row r="1610" spans="8:8">
      <c r="H1610" s="12"/>
    </row>
    <row r="1611" spans="8:8">
      <c r="H1611" s="12"/>
    </row>
    <row r="1612" spans="8:8">
      <c r="H1612" s="12"/>
    </row>
    <row r="1613" spans="8:8">
      <c r="H1613" s="12"/>
    </row>
    <row r="1614" spans="8:8">
      <c r="H1614" s="12"/>
    </row>
    <row r="1615" spans="8:8">
      <c r="H1615" s="12"/>
    </row>
    <row r="1616" spans="8:8">
      <c r="H1616" s="12"/>
    </row>
    <row r="1617" spans="8:8">
      <c r="H1617" s="12"/>
    </row>
    <row r="1618" spans="8:8">
      <c r="H1618" s="12"/>
    </row>
    <row r="1619" spans="8:8">
      <c r="H1619" s="12"/>
    </row>
    <row r="1620" spans="8:8">
      <c r="H1620" s="12"/>
    </row>
    <row r="1621" spans="8:8">
      <c r="H1621" s="12"/>
    </row>
    <row r="1622" spans="8:8">
      <c r="H1622" s="12"/>
    </row>
    <row r="1623" spans="8:8">
      <c r="H1623" s="12"/>
    </row>
    <row r="1624" spans="8:8">
      <c r="H1624" s="12"/>
    </row>
    <row r="1625" spans="8:8">
      <c r="H1625" s="12"/>
    </row>
    <row r="1626" spans="8:8">
      <c r="H1626" s="12"/>
    </row>
    <row r="1627" spans="8:8">
      <c r="H1627" s="12"/>
    </row>
    <row r="1628" spans="8:8">
      <c r="H1628" s="12"/>
    </row>
    <row r="1629" spans="8:8">
      <c r="H1629" s="12"/>
    </row>
    <row r="1630" spans="8:8">
      <c r="H1630" s="12"/>
    </row>
    <row r="1631" spans="8:8">
      <c r="H1631" s="12"/>
    </row>
    <row r="1632" spans="8:8">
      <c r="H1632" s="12"/>
    </row>
    <row r="1633" spans="8:8">
      <c r="H1633" s="12"/>
    </row>
    <row r="1634" spans="8:8">
      <c r="H1634" s="12"/>
    </row>
    <row r="1635" spans="8:8">
      <c r="H1635" s="12"/>
    </row>
    <row r="1636" spans="8:8">
      <c r="H1636" s="12"/>
    </row>
    <row r="1637" spans="8:8">
      <c r="H1637" s="12"/>
    </row>
    <row r="1638" spans="8:8">
      <c r="H1638" s="12"/>
    </row>
    <row r="1639" spans="8:8">
      <c r="H1639" s="12"/>
    </row>
    <row r="1640" spans="8:8">
      <c r="H1640" s="12"/>
    </row>
    <row r="1641" spans="8:8">
      <c r="H1641" s="12"/>
    </row>
    <row r="1642" spans="8:8">
      <c r="H1642" s="12"/>
    </row>
    <row r="1643" spans="8:8">
      <c r="H1643" s="12"/>
    </row>
    <row r="1644" spans="8:8">
      <c r="H1644" s="12"/>
    </row>
    <row r="1645" spans="8:8">
      <c r="H1645" s="12"/>
    </row>
    <row r="1646" spans="8:8">
      <c r="H1646" s="12"/>
    </row>
    <row r="1647" spans="8:8">
      <c r="H1647" s="12"/>
    </row>
    <row r="1648" spans="8:8">
      <c r="H1648" s="12"/>
    </row>
    <row r="1649" spans="8:8">
      <c r="H1649" s="12"/>
    </row>
    <row r="1650" spans="8:8">
      <c r="H1650" s="12"/>
    </row>
    <row r="1651" spans="8:8">
      <c r="H1651" s="12"/>
    </row>
    <row r="1652" spans="8:8">
      <c r="H1652" s="12"/>
    </row>
    <row r="1653" spans="8:8">
      <c r="H1653" s="12"/>
    </row>
    <row r="1654" spans="8:8">
      <c r="H1654" s="12"/>
    </row>
    <row r="1655" spans="8:8">
      <c r="H1655" s="12"/>
    </row>
    <row r="1656" spans="8:8">
      <c r="H1656" s="12"/>
    </row>
    <row r="1657" spans="8:8">
      <c r="H1657" s="12"/>
    </row>
    <row r="1658" spans="8:8">
      <c r="H1658" s="12"/>
    </row>
    <row r="1659" spans="8:8">
      <c r="H1659" s="12"/>
    </row>
    <row r="1660" spans="8:8">
      <c r="H1660" s="12"/>
    </row>
    <row r="1661" spans="8:8">
      <c r="H1661" s="12"/>
    </row>
    <row r="1662" spans="8:8">
      <c r="H1662" s="12"/>
    </row>
    <row r="1663" spans="8:8">
      <c r="H1663" s="12"/>
    </row>
    <row r="1664" spans="8:8">
      <c r="H1664" s="12"/>
    </row>
    <row r="1665" spans="8:8">
      <c r="H1665" s="12"/>
    </row>
    <row r="1666" spans="8:8">
      <c r="H1666" s="12"/>
    </row>
    <row r="1667" spans="8:8">
      <c r="H1667" s="12"/>
    </row>
    <row r="1668" spans="8:8">
      <c r="H1668" s="12"/>
    </row>
    <row r="1669" spans="8:8">
      <c r="H1669" s="12"/>
    </row>
    <row r="1670" spans="8:8">
      <c r="H1670" s="12"/>
    </row>
    <row r="1671" spans="8:8">
      <c r="H1671" s="12"/>
    </row>
    <row r="1672" spans="8:8">
      <c r="H1672" s="12"/>
    </row>
    <row r="1673" spans="8:8">
      <c r="H1673" s="12"/>
    </row>
    <row r="1674" spans="8:8">
      <c r="H1674" s="12"/>
    </row>
    <row r="1675" spans="8:8">
      <c r="H1675" s="12"/>
    </row>
    <row r="1676" spans="8:8">
      <c r="H1676" s="12"/>
    </row>
    <row r="1677" spans="8:8">
      <c r="H1677" s="12"/>
    </row>
    <row r="1678" spans="8:8">
      <c r="H1678" s="12"/>
    </row>
    <row r="1679" spans="8:8">
      <c r="H1679" s="12"/>
    </row>
    <row r="1680" spans="8:8">
      <c r="H1680" s="12"/>
    </row>
    <row r="1681" spans="8:8">
      <c r="H1681" s="12"/>
    </row>
    <row r="1682" spans="8:8">
      <c r="H1682" s="12"/>
    </row>
    <row r="1683" spans="8:8">
      <c r="H1683" s="12"/>
    </row>
    <row r="1684" spans="8:8">
      <c r="H1684" s="12"/>
    </row>
    <row r="1685" spans="8:8">
      <c r="H1685" s="12"/>
    </row>
    <row r="1686" spans="8:8">
      <c r="H1686" s="12"/>
    </row>
    <row r="1687" spans="8:8">
      <c r="H1687" s="12"/>
    </row>
    <row r="1688" spans="8:8">
      <c r="H1688" s="12"/>
    </row>
    <row r="1689" spans="8:8">
      <c r="H1689" s="12"/>
    </row>
    <row r="1690" spans="8:8">
      <c r="H1690" s="12"/>
    </row>
    <row r="1691" spans="8:8">
      <c r="H1691" s="12"/>
    </row>
    <row r="1692" spans="8:8">
      <c r="H1692" s="12"/>
    </row>
    <row r="1693" spans="8:8">
      <c r="H1693" s="12"/>
    </row>
    <row r="1694" spans="8:8">
      <c r="H1694" s="12"/>
    </row>
    <row r="1695" spans="8:8">
      <c r="H1695" s="12"/>
    </row>
    <row r="1696" spans="8:8">
      <c r="H1696" s="12"/>
    </row>
    <row r="1697" spans="8:8">
      <c r="H1697" s="12"/>
    </row>
    <row r="1698" spans="8:8">
      <c r="H1698" s="12"/>
    </row>
    <row r="1699" spans="8:8">
      <c r="H1699" s="12"/>
    </row>
    <row r="1700" spans="8:8">
      <c r="H1700" s="12"/>
    </row>
    <row r="1701" spans="8:8">
      <c r="H1701" s="12"/>
    </row>
    <row r="1702" spans="8:8">
      <c r="H1702" s="12"/>
    </row>
    <row r="1703" spans="8:8">
      <c r="H1703" s="12"/>
    </row>
    <row r="1704" spans="8:8">
      <c r="H1704" s="12"/>
    </row>
    <row r="1705" spans="8:8">
      <c r="H1705" s="12"/>
    </row>
    <row r="1706" spans="8:8">
      <c r="H1706" s="12"/>
    </row>
    <row r="1707" spans="8:8">
      <c r="H1707" s="12"/>
    </row>
    <row r="1708" spans="8:8">
      <c r="H1708" s="12"/>
    </row>
    <row r="1709" spans="8:8">
      <c r="H1709" s="12"/>
    </row>
    <row r="1710" spans="8:8">
      <c r="H1710" s="12"/>
    </row>
    <row r="1711" spans="8:8">
      <c r="H1711" s="12"/>
    </row>
    <row r="1712" spans="8:8">
      <c r="H1712" s="12"/>
    </row>
    <row r="1713" spans="8:8">
      <c r="H1713" s="12"/>
    </row>
    <row r="1714" spans="8:8">
      <c r="H1714" s="12"/>
    </row>
    <row r="1715" spans="8:8">
      <c r="H1715" s="12"/>
    </row>
    <row r="1716" spans="8:8">
      <c r="H1716" s="12"/>
    </row>
    <row r="1717" spans="8:8">
      <c r="H1717" s="12"/>
    </row>
    <row r="1718" spans="8:8">
      <c r="H1718" s="12"/>
    </row>
    <row r="1719" spans="8:8">
      <c r="H1719" s="12"/>
    </row>
    <row r="1720" spans="8:8">
      <c r="H1720" s="12"/>
    </row>
    <row r="1721" spans="8:8">
      <c r="H1721" s="12"/>
    </row>
    <row r="1722" spans="8:8">
      <c r="H1722" s="12"/>
    </row>
    <row r="1723" spans="8:8">
      <c r="H1723" s="12"/>
    </row>
    <row r="1724" spans="8:8">
      <c r="H1724" s="12"/>
    </row>
    <row r="1725" spans="8:8">
      <c r="H1725" s="12"/>
    </row>
    <row r="1726" spans="8:8">
      <c r="H1726" s="12"/>
    </row>
    <row r="1727" spans="8:8">
      <c r="H1727" s="12"/>
    </row>
    <row r="1728" spans="8:8">
      <c r="H1728" s="12"/>
    </row>
    <row r="1729" spans="8:8">
      <c r="H1729" s="12"/>
    </row>
    <row r="1730" spans="8:8">
      <c r="H1730" s="12"/>
    </row>
    <row r="1731" spans="8:8">
      <c r="H1731" s="12"/>
    </row>
    <row r="1732" spans="8:8">
      <c r="H1732" s="12"/>
    </row>
    <row r="1733" spans="8:8">
      <c r="H1733" s="12"/>
    </row>
    <row r="1734" spans="8:8">
      <c r="H1734" s="12"/>
    </row>
    <row r="1735" spans="8:8">
      <c r="H1735" s="12"/>
    </row>
    <row r="1736" spans="8:8">
      <c r="H1736" s="12"/>
    </row>
    <row r="1737" spans="8:8">
      <c r="H1737" s="12"/>
    </row>
    <row r="1738" spans="8:8">
      <c r="H1738" s="12"/>
    </row>
    <row r="1739" spans="8:8">
      <c r="H1739" s="12"/>
    </row>
    <row r="1740" spans="8:8">
      <c r="H1740" s="12"/>
    </row>
    <row r="1741" spans="8:8">
      <c r="H1741" s="12"/>
    </row>
    <row r="1742" spans="8:8">
      <c r="H1742" s="12"/>
    </row>
    <row r="1743" spans="8:8">
      <c r="H1743" s="12"/>
    </row>
    <row r="1744" spans="8:8">
      <c r="H1744" s="12"/>
    </row>
    <row r="1745" spans="8:8">
      <c r="H1745" s="12"/>
    </row>
    <row r="1746" spans="8:8">
      <c r="H1746" s="12"/>
    </row>
    <row r="1747" spans="8:8">
      <c r="H1747" s="12"/>
    </row>
    <row r="1748" spans="8:8">
      <c r="H1748" s="12"/>
    </row>
    <row r="1749" spans="8:8">
      <c r="H1749" s="12"/>
    </row>
    <row r="1750" spans="8:8">
      <c r="H1750" s="12"/>
    </row>
    <row r="1751" spans="8:8">
      <c r="H1751" s="12"/>
    </row>
    <row r="1752" spans="8:8">
      <c r="H1752" s="12"/>
    </row>
    <row r="1753" spans="8:8">
      <c r="H1753" s="12"/>
    </row>
    <row r="1754" spans="8:8">
      <c r="H1754" s="12"/>
    </row>
    <row r="1755" spans="8:8">
      <c r="H1755" s="12"/>
    </row>
    <row r="1756" spans="8:8">
      <c r="H1756" s="12"/>
    </row>
    <row r="1757" spans="8:8">
      <c r="H1757" s="12"/>
    </row>
    <row r="1758" spans="8:8">
      <c r="H1758" s="12"/>
    </row>
    <row r="1759" spans="8:8">
      <c r="H1759" s="12"/>
    </row>
    <row r="1760" spans="8:8">
      <c r="H1760" s="12"/>
    </row>
    <row r="1761" spans="8:8">
      <c r="H1761" s="12"/>
    </row>
    <row r="1762" spans="8:8">
      <c r="H1762" s="12"/>
    </row>
    <row r="1763" spans="8:8">
      <c r="H1763" s="12"/>
    </row>
    <row r="1764" spans="8:8">
      <c r="H1764" s="12"/>
    </row>
    <row r="1765" spans="8:8">
      <c r="H1765" s="12"/>
    </row>
    <row r="1766" spans="8:8">
      <c r="H1766" s="12"/>
    </row>
    <row r="1767" spans="8:8">
      <c r="H1767" s="12"/>
    </row>
    <row r="1768" spans="8:8">
      <c r="H1768" s="12"/>
    </row>
    <row r="1769" spans="8:8">
      <c r="H1769" s="12"/>
    </row>
    <row r="1770" spans="8:8">
      <c r="H1770" s="12"/>
    </row>
    <row r="1771" spans="8:8">
      <c r="H1771" s="12"/>
    </row>
    <row r="1772" spans="8:8">
      <c r="H1772" s="12"/>
    </row>
    <row r="1773" spans="8:8">
      <c r="H1773" s="12"/>
    </row>
    <row r="1774" spans="8:8">
      <c r="H1774" s="12"/>
    </row>
    <row r="1775" spans="8:8">
      <c r="H1775" s="12"/>
    </row>
    <row r="1776" spans="8:8">
      <c r="H1776" s="12"/>
    </row>
    <row r="1777" spans="8:8">
      <c r="H1777" s="12"/>
    </row>
    <row r="1778" spans="8:8">
      <c r="H1778" s="12"/>
    </row>
    <row r="1779" spans="8:8">
      <c r="H1779" s="12"/>
    </row>
    <row r="1780" spans="8:8">
      <c r="H1780" s="12"/>
    </row>
    <row r="1781" spans="8:8">
      <c r="H1781" s="12"/>
    </row>
    <row r="1782" spans="8:8">
      <c r="H1782" s="12"/>
    </row>
    <row r="1783" spans="8:8">
      <c r="H1783" s="12"/>
    </row>
    <row r="1784" spans="8:8">
      <c r="H1784" s="12"/>
    </row>
    <row r="1785" spans="8:8">
      <c r="H1785" s="12"/>
    </row>
    <row r="1786" spans="8:8">
      <c r="H1786" s="12"/>
    </row>
    <row r="1787" spans="8:8">
      <c r="H1787" s="12"/>
    </row>
    <row r="1788" spans="8:8">
      <c r="H1788" s="12"/>
    </row>
    <row r="1789" spans="8:8">
      <c r="H1789" s="12"/>
    </row>
    <row r="1790" spans="8:8">
      <c r="H1790" s="12"/>
    </row>
    <row r="1791" spans="8:8">
      <c r="H1791" s="12"/>
    </row>
    <row r="1792" spans="8:8">
      <c r="H1792" s="12"/>
    </row>
    <row r="1793" spans="8:8">
      <c r="H1793" s="12"/>
    </row>
    <row r="1794" spans="8:8">
      <c r="H1794" s="12"/>
    </row>
    <row r="1795" spans="8:8">
      <c r="H1795" s="12"/>
    </row>
    <row r="1796" spans="8:8">
      <c r="H1796" s="12"/>
    </row>
    <row r="1797" spans="8:8">
      <c r="H1797" s="12"/>
    </row>
    <row r="1798" spans="8:8">
      <c r="H1798" s="12"/>
    </row>
    <row r="1799" spans="8:8">
      <c r="H1799" s="12"/>
    </row>
    <row r="1800" spans="8:8">
      <c r="H1800" s="12"/>
    </row>
    <row r="1801" spans="8:8">
      <c r="H1801" s="12"/>
    </row>
    <row r="1802" spans="8:8">
      <c r="H1802" s="12"/>
    </row>
    <row r="1803" spans="8:8">
      <c r="H1803" s="12"/>
    </row>
    <row r="1804" spans="8:8">
      <c r="H1804" s="12"/>
    </row>
    <row r="1805" spans="8:8">
      <c r="H1805" s="12"/>
    </row>
    <row r="1806" spans="8:8">
      <c r="H1806" s="12"/>
    </row>
    <row r="1807" spans="8:8">
      <c r="H1807" s="12"/>
    </row>
    <row r="1808" spans="8:8">
      <c r="H1808" s="12"/>
    </row>
    <row r="1809" spans="8:8">
      <c r="H1809" s="12"/>
    </row>
    <row r="1810" spans="8:8">
      <c r="H1810" s="12"/>
    </row>
    <row r="1811" spans="8:8">
      <c r="H1811" s="12"/>
    </row>
    <row r="1812" spans="8:8">
      <c r="H1812" s="12"/>
    </row>
    <row r="1813" spans="8:8">
      <c r="H1813" s="12"/>
    </row>
    <row r="1814" spans="8:8">
      <c r="H1814" s="12"/>
    </row>
    <row r="1815" spans="8:8">
      <c r="H1815" s="12"/>
    </row>
    <row r="1816" spans="8:8">
      <c r="H1816" s="12"/>
    </row>
    <row r="1817" spans="8:8">
      <c r="H1817" s="12"/>
    </row>
    <row r="1818" spans="8:8">
      <c r="H1818" s="12"/>
    </row>
    <row r="1819" spans="8:8">
      <c r="H1819" s="12"/>
    </row>
    <row r="1820" spans="8:8">
      <c r="H1820" s="12"/>
    </row>
    <row r="1821" spans="8:8">
      <c r="H1821" s="12"/>
    </row>
    <row r="1822" spans="8:8">
      <c r="H1822" s="12"/>
    </row>
    <row r="1823" spans="8:8">
      <c r="H1823" s="12"/>
    </row>
    <row r="1824" spans="8:8">
      <c r="H1824" s="12"/>
    </row>
    <row r="1825" spans="8:8">
      <c r="H1825" s="12"/>
    </row>
    <row r="1826" spans="8:8">
      <c r="H1826" s="12"/>
    </row>
    <row r="1827" spans="8:8">
      <c r="H1827" s="12"/>
    </row>
    <row r="1828" spans="8:8">
      <c r="H1828" s="12"/>
    </row>
    <row r="1829" spans="8:8">
      <c r="H1829" s="12"/>
    </row>
    <row r="1830" spans="8:8">
      <c r="H1830" s="12"/>
    </row>
    <row r="1831" spans="8:8">
      <c r="H1831" s="12"/>
    </row>
    <row r="1832" spans="8:8">
      <c r="H1832" s="12"/>
    </row>
    <row r="1833" spans="8:8">
      <c r="H1833" s="12"/>
    </row>
    <row r="1834" spans="8:8">
      <c r="H1834" s="12"/>
    </row>
    <row r="1835" spans="8:8">
      <c r="H1835" s="12"/>
    </row>
    <row r="1836" spans="8:8">
      <c r="H1836" s="12"/>
    </row>
    <row r="1837" spans="8:8">
      <c r="H1837" s="12"/>
    </row>
    <row r="1838" spans="8:8">
      <c r="H1838" s="12"/>
    </row>
    <row r="1839" spans="8:8">
      <c r="H1839" s="12"/>
    </row>
    <row r="1840" spans="8:8">
      <c r="H1840" s="12"/>
    </row>
    <row r="1841" spans="8:8">
      <c r="H1841" s="12"/>
    </row>
    <row r="1842" spans="8:8">
      <c r="H1842" s="12"/>
    </row>
    <row r="1843" spans="8:8">
      <c r="H1843" s="12"/>
    </row>
    <row r="1844" spans="8:8">
      <c r="H1844" s="12"/>
    </row>
    <row r="1845" spans="8:8">
      <c r="H1845" s="12"/>
    </row>
    <row r="1846" spans="8:8">
      <c r="H1846" s="12"/>
    </row>
    <row r="1847" spans="8:8">
      <c r="H1847" s="12"/>
    </row>
    <row r="1848" spans="8:8">
      <c r="H1848" s="12"/>
    </row>
    <row r="1849" spans="8:8">
      <c r="H1849" s="12"/>
    </row>
    <row r="1850" spans="8:8">
      <c r="H1850" s="12"/>
    </row>
    <row r="1851" spans="8:8">
      <c r="H1851" s="12"/>
    </row>
    <row r="1852" spans="8:8">
      <c r="H1852" s="12"/>
    </row>
    <row r="1853" spans="8:8">
      <c r="H1853" s="12"/>
    </row>
    <row r="1854" spans="8:8">
      <c r="H1854" s="12"/>
    </row>
    <row r="1855" spans="8:8">
      <c r="H1855" s="12"/>
    </row>
    <row r="1856" spans="8:8">
      <c r="H1856" s="12"/>
    </row>
    <row r="1857" spans="8:8">
      <c r="H1857" s="12"/>
    </row>
    <row r="1858" spans="8:8">
      <c r="H1858" s="12"/>
    </row>
    <row r="1859" spans="8:8">
      <c r="H1859" s="12"/>
    </row>
    <row r="1860" spans="8:8">
      <c r="H1860" s="12"/>
    </row>
    <row r="1861" spans="8:8">
      <c r="H1861" s="12"/>
    </row>
    <row r="1862" spans="8:8">
      <c r="H1862" s="12"/>
    </row>
    <row r="1863" spans="8:8">
      <c r="H1863" s="12"/>
    </row>
    <row r="1864" spans="8:8">
      <c r="H1864" s="12"/>
    </row>
    <row r="1865" spans="8:8">
      <c r="H1865" s="12"/>
    </row>
    <row r="1866" spans="8:8">
      <c r="H1866" s="12"/>
    </row>
    <row r="1867" spans="8:8">
      <c r="H1867" s="12"/>
    </row>
    <row r="1868" spans="8:8">
      <c r="H1868" s="12"/>
    </row>
    <row r="1869" spans="8:8">
      <c r="H1869" s="12"/>
    </row>
    <row r="1870" spans="8:8">
      <c r="H1870" s="12"/>
    </row>
    <row r="1871" spans="8:8">
      <c r="H1871" s="12"/>
    </row>
    <row r="1872" spans="8:8">
      <c r="H1872" s="12"/>
    </row>
    <row r="1873" spans="8:8">
      <c r="H1873" s="12"/>
    </row>
    <row r="1874" spans="8:8">
      <c r="H1874" s="12"/>
    </row>
    <row r="1875" spans="8:8">
      <c r="H1875" s="12"/>
    </row>
    <row r="1876" spans="8:8">
      <c r="H1876" s="12"/>
    </row>
    <row r="1877" spans="8:8">
      <c r="H1877" s="12"/>
    </row>
    <row r="1878" spans="8:8">
      <c r="H1878" s="12"/>
    </row>
    <row r="1879" spans="8:8">
      <c r="H1879" s="12"/>
    </row>
    <row r="1880" spans="8:8">
      <c r="H1880" s="12"/>
    </row>
    <row r="1881" spans="8:8">
      <c r="H1881" s="12"/>
    </row>
    <row r="1882" spans="8:8">
      <c r="H1882" s="12"/>
    </row>
    <row r="1883" spans="8:8">
      <c r="H1883" s="12"/>
    </row>
    <row r="1884" spans="8:8">
      <c r="H1884" s="12"/>
    </row>
    <row r="1885" spans="8:8">
      <c r="H1885" s="12"/>
    </row>
    <row r="1886" spans="8:8">
      <c r="H1886" s="12"/>
    </row>
    <row r="1887" spans="8:8">
      <c r="H1887" s="12"/>
    </row>
    <row r="1888" spans="8:8">
      <c r="H1888" s="12"/>
    </row>
    <row r="1889" spans="8:8">
      <c r="H1889" s="12"/>
    </row>
    <row r="1890" spans="8:8">
      <c r="H1890" s="12"/>
    </row>
    <row r="1891" spans="8:8">
      <c r="H1891" s="12"/>
    </row>
    <row r="1892" spans="8:8">
      <c r="H1892" s="12"/>
    </row>
    <row r="1893" spans="8:8">
      <c r="H1893" s="12"/>
    </row>
    <row r="1894" spans="8:8">
      <c r="H1894" s="12"/>
    </row>
    <row r="1895" spans="8:8">
      <c r="H1895" s="12"/>
    </row>
    <row r="1896" spans="8:8">
      <c r="H1896" s="12"/>
    </row>
    <row r="1897" spans="8:8">
      <c r="H1897" s="12"/>
    </row>
    <row r="1898" spans="8:8">
      <c r="H1898" s="12"/>
    </row>
    <row r="1899" spans="8:8">
      <c r="H1899" s="12"/>
    </row>
    <row r="1900" spans="8:8">
      <c r="H1900" s="12"/>
    </row>
    <row r="1901" spans="8:8">
      <c r="H1901" s="12"/>
    </row>
    <row r="1902" spans="8:8">
      <c r="H1902" s="12"/>
    </row>
    <row r="1903" spans="8:8">
      <c r="H1903" s="12"/>
    </row>
    <row r="1904" spans="8:8">
      <c r="H1904" s="12"/>
    </row>
    <row r="1905" spans="8:8">
      <c r="H1905" s="12"/>
    </row>
    <row r="1906" spans="8:8">
      <c r="H1906" s="12"/>
    </row>
    <row r="1907" spans="8:8">
      <c r="H1907" s="12"/>
    </row>
    <row r="1908" spans="8:8">
      <c r="H1908" s="12"/>
    </row>
    <row r="1909" spans="8:8">
      <c r="H1909" s="12"/>
    </row>
    <row r="1910" spans="8:8">
      <c r="H1910" s="12"/>
    </row>
    <row r="1911" spans="8:8">
      <c r="H1911" s="12"/>
    </row>
    <row r="1912" spans="8:8">
      <c r="H1912" s="12"/>
    </row>
    <row r="1913" spans="8:8">
      <c r="H1913" s="12"/>
    </row>
    <row r="1914" spans="8:8">
      <c r="H1914" s="12"/>
    </row>
    <row r="1915" spans="8:8">
      <c r="H1915" s="12"/>
    </row>
    <row r="1916" spans="8:8">
      <c r="H1916" s="12"/>
    </row>
    <row r="1917" spans="8:8">
      <c r="H1917" s="12"/>
    </row>
    <row r="1918" spans="8:8">
      <c r="H1918" s="12"/>
    </row>
    <row r="1919" spans="8:8">
      <c r="H1919" s="12"/>
    </row>
    <row r="1920" spans="8:8">
      <c r="H1920" s="12"/>
    </row>
    <row r="1921" spans="8:8">
      <c r="H1921" s="12"/>
    </row>
    <row r="1922" spans="8:8">
      <c r="H1922" s="12"/>
    </row>
    <row r="1923" spans="8:8">
      <c r="H1923" s="12"/>
    </row>
    <row r="1924" spans="8:8">
      <c r="H1924" s="12"/>
    </row>
    <row r="1925" spans="8:8">
      <c r="H1925" s="12"/>
    </row>
    <row r="1926" spans="8:8">
      <c r="H1926" s="12"/>
    </row>
    <row r="1927" spans="8:8">
      <c r="H1927" s="12"/>
    </row>
    <row r="1928" spans="8:8">
      <c r="H1928" s="12"/>
    </row>
    <row r="1929" spans="8:8">
      <c r="H1929" s="12"/>
    </row>
    <row r="1930" spans="8:8">
      <c r="H1930" s="12"/>
    </row>
    <row r="1931" spans="8:8">
      <c r="H1931" s="12"/>
    </row>
    <row r="1932" spans="8:8">
      <c r="H1932" s="12"/>
    </row>
    <row r="1933" spans="8:8">
      <c r="H1933" s="12"/>
    </row>
    <row r="1934" spans="8:8">
      <c r="H1934" s="12"/>
    </row>
    <row r="1935" spans="8:8">
      <c r="H1935" s="12"/>
    </row>
    <row r="1936" spans="8:8">
      <c r="H1936" s="12"/>
    </row>
    <row r="1937" spans="8:8">
      <c r="H1937" s="12"/>
    </row>
    <row r="1938" spans="8:8">
      <c r="H1938" s="12"/>
    </row>
    <row r="1939" spans="8:8">
      <c r="H1939" s="12"/>
    </row>
    <row r="1940" spans="8:8">
      <c r="H1940" s="12"/>
    </row>
    <row r="1941" spans="8:8">
      <c r="H1941" s="12"/>
    </row>
    <row r="1942" spans="8:8">
      <c r="H1942" s="12"/>
    </row>
    <row r="1943" spans="8:8">
      <c r="H1943" s="12"/>
    </row>
    <row r="1944" spans="8:8">
      <c r="H1944" s="12"/>
    </row>
    <row r="1945" spans="8:8">
      <c r="H1945" s="12"/>
    </row>
    <row r="1946" spans="8:8">
      <c r="H1946" s="12"/>
    </row>
    <row r="1947" spans="8:8">
      <c r="H1947" s="12"/>
    </row>
    <row r="1948" spans="8:8">
      <c r="H1948" s="12"/>
    </row>
    <row r="1949" spans="8:8">
      <c r="H1949" s="12"/>
    </row>
    <row r="1950" spans="8:8">
      <c r="H1950" s="12"/>
    </row>
    <row r="1951" spans="8:8">
      <c r="H1951" s="12"/>
    </row>
    <row r="1952" spans="8:8">
      <c r="H1952" s="12"/>
    </row>
    <row r="1953" spans="8:8">
      <c r="H1953" s="12"/>
    </row>
    <row r="1954" spans="8:8">
      <c r="H1954" s="12"/>
    </row>
    <row r="1955" spans="8:8">
      <c r="H1955" s="12"/>
    </row>
    <row r="1956" spans="8:8">
      <c r="H1956" s="12"/>
    </row>
    <row r="1957" spans="8:8">
      <c r="H1957" s="12"/>
    </row>
    <row r="1958" spans="8:8">
      <c r="H1958" s="12"/>
    </row>
    <row r="1959" spans="8:8">
      <c r="H1959" s="12"/>
    </row>
    <row r="1960" spans="8:8">
      <c r="H1960" s="12"/>
    </row>
    <row r="1961" spans="8:8">
      <c r="H1961" s="12"/>
    </row>
    <row r="1962" spans="8:8">
      <c r="H1962" s="12"/>
    </row>
    <row r="1963" spans="8:8">
      <c r="H1963" s="12"/>
    </row>
    <row r="1964" spans="8:8">
      <c r="H1964" s="12"/>
    </row>
    <row r="1965" spans="8:8">
      <c r="H1965" s="12"/>
    </row>
    <row r="1966" spans="8:8">
      <c r="H1966" s="12"/>
    </row>
    <row r="1967" spans="8:8">
      <c r="H1967" s="12"/>
    </row>
    <row r="1968" spans="8:8">
      <c r="H1968" s="12"/>
    </row>
    <row r="1969" spans="8:8">
      <c r="H1969" s="12"/>
    </row>
    <row r="1970" spans="8:8">
      <c r="H1970" s="12"/>
    </row>
    <row r="1971" spans="8:8">
      <c r="H1971" s="12"/>
    </row>
    <row r="1972" spans="8:8">
      <c r="H1972" s="12"/>
    </row>
    <row r="1973" spans="8:8">
      <c r="H1973" s="12"/>
    </row>
    <row r="1974" spans="8:8">
      <c r="H1974" s="12"/>
    </row>
    <row r="1975" spans="8:8">
      <c r="H1975" s="12"/>
    </row>
    <row r="1976" spans="8:8">
      <c r="H1976" s="12"/>
    </row>
    <row r="1977" spans="8:8">
      <c r="H1977" s="12"/>
    </row>
    <row r="1978" spans="8:8">
      <c r="H1978" s="12"/>
    </row>
    <row r="1979" spans="8:8">
      <c r="H1979" s="12"/>
    </row>
    <row r="1980" spans="8:8">
      <c r="H1980" s="12"/>
    </row>
    <row r="1981" spans="8:8">
      <c r="H1981" s="12"/>
    </row>
    <row r="1982" spans="8:8">
      <c r="H1982" s="12"/>
    </row>
    <row r="1983" spans="8:8">
      <c r="H1983" s="12"/>
    </row>
    <row r="1984" spans="8:8">
      <c r="H1984" s="12"/>
    </row>
    <row r="1985" spans="8:8">
      <c r="H1985" s="12"/>
    </row>
    <row r="1986" spans="8:8">
      <c r="H1986" s="12"/>
    </row>
    <row r="1987" spans="8:8">
      <c r="H1987" s="12"/>
    </row>
    <row r="1988" spans="8:8">
      <c r="H1988" s="12"/>
    </row>
    <row r="1989" spans="8:8">
      <c r="H1989" s="12"/>
    </row>
    <row r="1990" spans="8:8">
      <c r="H1990" s="12"/>
    </row>
    <row r="1991" spans="8:8">
      <c r="H1991" s="12"/>
    </row>
    <row r="1992" spans="8:8">
      <c r="H1992" s="12"/>
    </row>
    <row r="1993" spans="8:8">
      <c r="H1993" s="12"/>
    </row>
    <row r="1994" spans="8:8">
      <c r="H1994" s="12"/>
    </row>
    <row r="1995" spans="8:8">
      <c r="H1995" s="12"/>
    </row>
    <row r="1996" spans="8:8">
      <c r="H1996" s="12"/>
    </row>
    <row r="1997" spans="8:8">
      <c r="H1997" s="12"/>
    </row>
    <row r="1998" spans="8:8">
      <c r="H1998" s="12"/>
    </row>
    <row r="1999" spans="8:8">
      <c r="H1999" s="12"/>
    </row>
    <row r="2000" spans="8:8">
      <c r="H2000" s="12"/>
    </row>
    <row r="2001" spans="8:8">
      <c r="H2001" s="12"/>
    </row>
    <row r="2002" spans="8:8">
      <c r="H2002" s="12"/>
    </row>
    <row r="2003" spans="8:8">
      <c r="H2003" s="12"/>
    </row>
    <row r="2004" spans="8:8">
      <c r="H2004" s="12"/>
    </row>
    <row r="2005" spans="8:8">
      <c r="H2005" s="12"/>
    </row>
    <row r="2006" spans="8:8">
      <c r="H2006" s="12"/>
    </row>
    <row r="2007" spans="8:8">
      <c r="H2007" s="12"/>
    </row>
    <row r="2008" spans="8:8">
      <c r="H2008" s="12"/>
    </row>
    <row r="2009" spans="8:8">
      <c r="H2009" s="12"/>
    </row>
    <row r="2010" spans="8:8">
      <c r="H2010" s="12"/>
    </row>
    <row r="2011" spans="8:8">
      <c r="H2011" s="12"/>
    </row>
    <row r="2012" spans="8:8">
      <c r="H2012" s="12"/>
    </row>
    <row r="2013" spans="8:8">
      <c r="H2013" s="12"/>
    </row>
    <row r="2014" spans="8:8">
      <c r="H2014" s="12"/>
    </row>
    <row r="2015" spans="8:8">
      <c r="H2015" s="12"/>
    </row>
    <row r="2016" spans="8:8">
      <c r="H2016" s="12"/>
    </row>
    <row r="2017" spans="8:8">
      <c r="H2017" s="12"/>
    </row>
    <row r="2018" spans="8:8">
      <c r="H2018" s="12"/>
    </row>
    <row r="2019" spans="8:8">
      <c r="H2019" s="12"/>
    </row>
    <row r="2020" spans="8:8">
      <c r="H2020" s="12"/>
    </row>
    <row r="2021" spans="8:8">
      <c r="H2021" s="12"/>
    </row>
    <row r="2022" spans="8:8">
      <c r="H2022" s="12"/>
    </row>
    <row r="2023" spans="8:8">
      <c r="H2023" s="12"/>
    </row>
    <row r="2024" spans="8:8">
      <c r="H2024" s="12"/>
    </row>
    <row r="2025" spans="8:8">
      <c r="H2025" s="12"/>
    </row>
    <row r="2026" spans="8:8">
      <c r="H2026" s="12"/>
    </row>
    <row r="2027" spans="8:8">
      <c r="H2027" s="12"/>
    </row>
    <row r="2028" spans="8:8">
      <c r="H2028" s="12"/>
    </row>
    <row r="2029" spans="8:8">
      <c r="H2029" s="12"/>
    </row>
    <row r="2030" spans="8:8">
      <c r="H2030" s="12"/>
    </row>
    <row r="2031" spans="8:8">
      <c r="H2031" s="12"/>
    </row>
    <row r="2032" spans="8:8">
      <c r="H2032" s="12"/>
    </row>
    <row r="2033" spans="8:8">
      <c r="H2033" s="12"/>
    </row>
    <row r="2034" spans="8:8">
      <c r="H2034" s="12"/>
    </row>
    <row r="2035" spans="8:8">
      <c r="H2035" s="12"/>
    </row>
    <row r="2036" spans="8:8">
      <c r="H2036" s="12"/>
    </row>
    <row r="2037" spans="8:8">
      <c r="H2037" s="12"/>
    </row>
    <row r="2038" spans="8:8">
      <c r="H2038" s="12"/>
    </row>
    <row r="2039" spans="8:8">
      <c r="H2039" s="12"/>
    </row>
    <row r="2040" spans="8:8">
      <c r="H2040" s="12"/>
    </row>
    <row r="2041" spans="8:8">
      <c r="H2041" s="12"/>
    </row>
    <row r="2042" spans="8:8">
      <c r="H2042" s="12"/>
    </row>
    <row r="2043" spans="8:8">
      <c r="H2043" s="12"/>
    </row>
    <row r="2044" spans="8:8">
      <c r="H2044" s="12"/>
    </row>
    <row r="2045" spans="8:8">
      <c r="H2045" s="12"/>
    </row>
    <row r="2046" spans="8:8">
      <c r="H2046" s="12"/>
    </row>
    <row r="2047" spans="8:8">
      <c r="H2047" s="12"/>
    </row>
    <row r="2048" spans="8:8">
      <c r="H2048" s="12"/>
    </row>
    <row r="2049" spans="8:8">
      <c r="H2049" s="12"/>
    </row>
    <row r="2050" spans="8:8">
      <c r="H2050" s="12"/>
    </row>
    <row r="2051" spans="8:8">
      <c r="H2051" s="12"/>
    </row>
    <row r="2052" spans="8:8">
      <c r="H2052" s="12"/>
    </row>
    <row r="2053" spans="8:8">
      <c r="H2053" s="12"/>
    </row>
    <row r="2054" spans="8:8">
      <c r="H2054" s="12"/>
    </row>
    <row r="2055" spans="8:8">
      <c r="H2055" s="12"/>
    </row>
    <row r="2056" spans="8:8">
      <c r="H2056" s="12"/>
    </row>
    <row r="2057" spans="8:8">
      <c r="H2057" s="12"/>
    </row>
    <row r="2058" spans="8:8">
      <c r="H2058" s="12"/>
    </row>
    <row r="2059" spans="8:8">
      <c r="H2059" s="12"/>
    </row>
    <row r="2060" spans="8:8">
      <c r="H2060" s="12"/>
    </row>
    <row r="2061" spans="8:8">
      <c r="H2061" s="12"/>
    </row>
    <row r="2062" spans="8:8">
      <c r="H2062" s="12"/>
    </row>
    <row r="2063" spans="8:8">
      <c r="H2063" s="12"/>
    </row>
    <row r="2064" spans="8:8">
      <c r="H2064" s="12"/>
    </row>
    <row r="2065" spans="8:8">
      <c r="H2065" s="12"/>
    </row>
    <row r="2066" spans="8:8">
      <c r="H2066" s="12"/>
    </row>
    <row r="2067" spans="8:8">
      <c r="H2067" s="12"/>
    </row>
    <row r="2068" spans="8:8">
      <c r="H2068" s="12"/>
    </row>
    <row r="2069" spans="8:8">
      <c r="H2069" s="12"/>
    </row>
    <row r="2070" spans="8:8">
      <c r="H2070" s="12"/>
    </row>
    <row r="2071" spans="8:8">
      <c r="H2071" s="12"/>
    </row>
    <row r="2072" spans="8:8">
      <c r="H2072" s="12"/>
    </row>
    <row r="2073" spans="8:8">
      <c r="H2073" s="12"/>
    </row>
    <row r="2074" spans="8:8">
      <c r="H2074" s="12"/>
    </row>
    <row r="2075" spans="8:8">
      <c r="H2075" s="12"/>
    </row>
    <row r="2076" spans="8:8">
      <c r="H2076" s="12"/>
    </row>
    <row r="2077" spans="8:8">
      <c r="H2077" s="12"/>
    </row>
    <row r="2078" spans="8:8">
      <c r="H2078" s="12"/>
    </row>
    <row r="2079" spans="8:8">
      <c r="H2079" s="12"/>
    </row>
    <row r="2080" spans="8:8">
      <c r="H2080" s="12"/>
    </row>
    <row r="2081" spans="8:8">
      <c r="H2081" s="12"/>
    </row>
    <row r="2082" spans="8:8">
      <c r="H2082" s="12"/>
    </row>
    <row r="2083" spans="8:8">
      <c r="H2083" s="12"/>
    </row>
    <row r="2084" spans="8:8">
      <c r="H2084" s="12"/>
    </row>
    <row r="2085" spans="8:8">
      <c r="H2085" s="12"/>
    </row>
    <row r="2086" spans="8:8">
      <c r="H2086" s="12"/>
    </row>
    <row r="2087" spans="8:8">
      <c r="H2087" s="12"/>
    </row>
    <row r="2088" spans="8:8">
      <c r="H2088" s="12"/>
    </row>
    <row r="2089" spans="8:8">
      <c r="H2089" s="12"/>
    </row>
    <row r="2090" spans="8:8">
      <c r="H2090" s="12"/>
    </row>
    <row r="2091" spans="8:8">
      <c r="H2091" s="12"/>
    </row>
    <row r="2092" spans="8:8">
      <c r="H2092" s="12"/>
    </row>
    <row r="2093" spans="8:8">
      <c r="H2093" s="12"/>
    </row>
    <row r="2094" spans="8:8">
      <c r="H2094" s="12"/>
    </row>
    <row r="2095" spans="8:8">
      <c r="H2095" s="12"/>
    </row>
    <row r="2096" spans="8:8">
      <c r="H2096" s="12"/>
    </row>
    <row r="2097" spans="8:8">
      <c r="H2097" s="12"/>
    </row>
    <row r="2098" spans="8:8">
      <c r="H2098" s="12"/>
    </row>
    <row r="2099" spans="8:8">
      <c r="H2099" s="12"/>
    </row>
    <row r="2100" spans="8:8">
      <c r="H2100" s="12"/>
    </row>
    <row r="2101" spans="8:8">
      <c r="H2101" s="12"/>
    </row>
    <row r="2102" spans="8:8">
      <c r="H2102" s="12"/>
    </row>
    <row r="2103" spans="8:8">
      <c r="H2103" s="12"/>
    </row>
    <row r="2104" spans="8:8">
      <c r="H2104" s="12"/>
    </row>
    <row r="2105" spans="8:8">
      <c r="H2105" s="12"/>
    </row>
    <row r="2106" spans="8:8">
      <c r="H2106" s="12"/>
    </row>
    <row r="2107" spans="8:8">
      <c r="H2107" s="12"/>
    </row>
    <row r="2108" spans="8:8">
      <c r="H2108" s="12"/>
    </row>
    <row r="2109" spans="8:8">
      <c r="H2109" s="12"/>
    </row>
    <row r="2110" spans="8:8">
      <c r="H2110" s="12"/>
    </row>
    <row r="2111" spans="8:8">
      <c r="H2111" s="12"/>
    </row>
    <row r="2112" spans="8:8">
      <c r="H2112" s="12"/>
    </row>
    <row r="2113" spans="8:8">
      <c r="H2113" s="12"/>
    </row>
    <row r="2114" spans="8:8">
      <c r="H2114" s="12"/>
    </row>
    <row r="2115" spans="8:8">
      <c r="H2115" s="12"/>
    </row>
    <row r="2116" spans="8:8">
      <c r="H2116" s="12"/>
    </row>
    <row r="2117" spans="8:8">
      <c r="H2117" s="12"/>
    </row>
    <row r="2118" spans="8:8">
      <c r="H2118" s="12"/>
    </row>
    <row r="2119" spans="8:8">
      <c r="H2119" s="12"/>
    </row>
    <row r="2120" spans="8:8">
      <c r="H2120" s="12"/>
    </row>
    <row r="2121" spans="8:8">
      <c r="H2121" s="12"/>
    </row>
    <row r="2122" spans="8:8">
      <c r="H2122" s="12"/>
    </row>
    <row r="2123" spans="8:8">
      <c r="H2123" s="12"/>
    </row>
    <row r="2124" spans="8:8">
      <c r="H2124" s="12"/>
    </row>
    <row r="2125" spans="8:8">
      <c r="H2125" s="12"/>
    </row>
    <row r="2126" spans="8:8">
      <c r="H2126" s="12"/>
    </row>
    <row r="2127" spans="8:8">
      <c r="H2127" s="12"/>
    </row>
    <row r="2128" spans="8:8">
      <c r="H2128" s="12"/>
    </row>
    <row r="2129" spans="8:8">
      <c r="H2129" s="12"/>
    </row>
    <row r="2130" spans="8:8">
      <c r="H2130" s="12"/>
    </row>
    <row r="2131" spans="8:8">
      <c r="H2131" s="12"/>
    </row>
    <row r="2132" spans="8:8">
      <c r="H2132" s="12"/>
    </row>
    <row r="2133" spans="8:8">
      <c r="H2133" s="12"/>
    </row>
    <row r="2134" spans="8:8">
      <c r="H2134" s="12"/>
    </row>
    <row r="2135" spans="8:8">
      <c r="H2135" s="12"/>
    </row>
    <row r="2136" spans="8:8">
      <c r="H2136" s="12"/>
    </row>
    <row r="2137" spans="8:8">
      <c r="H2137" s="12"/>
    </row>
    <row r="2138" spans="8:8">
      <c r="H2138" s="12"/>
    </row>
    <row r="2139" spans="8:8">
      <c r="H2139" s="12"/>
    </row>
    <row r="2140" spans="8:8">
      <c r="H2140" s="12"/>
    </row>
    <row r="2141" spans="8:8">
      <c r="H2141" s="12"/>
    </row>
    <row r="2142" spans="8:8">
      <c r="H2142" s="12"/>
    </row>
    <row r="2143" spans="8:8">
      <c r="H2143" s="12"/>
    </row>
    <row r="2144" spans="8:8">
      <c r="H2144" s="12"/>
    </row>
    <row r="2145" spans="8:8">
      <c r="H2145" s="12"/>
    </row>
    <row r="2146" spans="8:8">
      <c r="H2146" s="12"/>
    </row>
    <row r="2147" spans="8:8">
      <c r="H2147" s="12"/>
    </row>
    <row r="2148" spans="8:8">
      <c r="H2148" s="12"/>
    </row>
    <row r="2149" spans="8:8">
      <c r="H2149" s="12"/>
    </row>
    <row r="2150" spans="8:8">
      <c r="H2150" s="12"/>
    </row>
    <row r="2151" spans="8:8">
      <c r="H2151" s="12"/>
    </row>
    <row r="2152" spans="8:8">
      <c r="H2152" s="12"/>
    </row>
    <row r="2153" spans="8:8">
      <c r="H2153" s="12"/>
    </row>
    <row r="2154" spans="8:8">
      <c r="H2154" s="12"/>
    </row>
    <row r="2155" spans="8:8">
      <c r="H2155" s="12"/>
    </row>
    <row r="2156" spans="8:8">
      <c r="H2156" s="12"/>
    </row>
    <row r="2157" spans="8:8">
      <c r="H2157" s="12"/>
    </row>
    <row r="2158" spans="8:8">
      <c r="H2158" s="12"/>
    </row>
    <row r="2159" spans="8:8">
      <c r="H2159" s="12"/>
    </row>
    <row r="2160" spans="8:8">
      <c r="H2160" s="12"/>
    </row>
    <row r="2161" spans="8:8">
      <c r="H2161" s="12"/>
    </row>
    <row r="2162" spans="8:8">
      <c r="H2162" s="12"/>
    </row>
    <row r="2163" spans="8:8">
      <c r="H2163" s="12"/>
    </row>
    <row r="2164" spans="8:8">
      <c r="H2164" s="12"/>
    </row>
    <row r="2165" spans="8:8">
      <c r="H2165" s="12"/>
    </row>
    <row r="2166" spans="8:8">
      <c r="H2166" s="12"/>
    </row>
    <row r="2167" spans="8:8">
      <c r="H2167" s="12"/>
    </row>
    <row r="2168" spans="8:8">
      <c r="H2168" s="12"/>
    </row>
    <row r="2169" spans="8:8">
      <c r="H2169" s="12"/>
    </row>
    <row r="2170" spans="8:8">
      <c r="H2170" s="12"/>
    </row>
    <row r="2171" spans="8:8">
      <c r="H2171" s="12"/>
    </row>
    <row r="2172" spans="8:8">
      <c r="H2172" s="12"/>
    </row>
    <row r="2173" spans="8:8">
      <c r="H2173" s="12"/>
    </row>
    <row r="2174" spans="8:8">
      <c r="H2174" s="12"/>
    </row>
    <row r="2175" spans="8:8">
      <c r="H2175" s="12"/>
    </row>
    <row r="2176" spans="8:8">
      <c r="H2176" s="12"/>
    </row>
    <row r="2177" spans="8:8">
      <c r="H2177" s="12"/>
    </row>
    <row r="2178" spans="8:8">
      <c r="H2178" s="12"/>
    </row>
    <row r="2179" spans="8:8">
      <c r="H2179" s="12"/>
    </row>
    <row r="2180" spans="8:8">
      <c r="H2180" s="12"/>
    </row>
    <row r="2181" spans="8:8">
      <c r="H2181" s="12"/>
    </row>
    <row r="2182" spans="8:8">
      <c r="H2182" s="12"/>
    </row>
    <row r="2183" spans="8:8">
      <c r="H2183" s="12"/>
    </row>
    <row r="2184" spans="8:8">
      <c r="H2184" s="12"/>
    </row>
    <row r="2185" spans="8:8">
      <c r="H2185" s="12"/>
    </row>
    <row r="2186" spans="8:8">
      <c r="H2186" s="12"/>
    </row>
    <row r="2187" spans="8:8">
      <c r="H2187" s="12"/>
    </row>
    <row r="2188" spans="8:8">
      <c r="H2188" s="12"/>
    </row>
    <row r="2189" spans="8:8">
      <c r="H2189" s="12"/>
    </row>
    <row r="2190" spans="8:8">
      <c r="H2190" s="12"/>
    </row>
    <row r="2191" spans="8:8">
      <c r="H2191" s="12"/>
    </row>
    <row r="2192" spans="8:8">
      <c r="H2192" s="12"/>
    </row>
    <row r="2193" spans="8:8">
      <c r="H2193" s="12"/>
    </row>
    <row r="2194" spans="8:8">
      <c r="H2194" s="12"/>
    </row>
    <row r="2195" spans="8:8">
      <c r="H2195" s="12"/>
    </row>
    <row r="2196" spans="8:8">
      <c r="H2196" s="12"/>
    </row>
    <row r="2197" spans="8:8">
      <c r="H2197" s="12"/>
    </row>
    <row r="2198" spans="8:8">
      <c r="H2198" s="12"/>
    </row>
    <row r="2199" spans="8:8">
      <c r="H2199" s="12"/>
    </row>
    <row r="2200" spans="8:8">
      <c r="H2200" s="12"/>
    </row>
    <row r="2201" spans="8:8">
      <c r="H2201" s="12"/>
    </row>
    <row r="2202" spans="8:8">
      <c r="H2202" s="12"/>
    </row>
    <row r="2203" spans="8:8">
      <c r="H2203" s="12"/>
    </row>
    <row r="2204" spans="8:8">
      <c r="H2204" s="12"/>
    </row>
    <row r="2205" spans="8:8">
      <c r="H2205" s="12"/>
    </row>
    <row r="2206" spans="8:8">
      <c r="H2206" s="12"/>
    </row>
    <row r="2207" spans="8:8">
      <c r="H2207" s="12"/>
    </row>
    <row r="2208" spans="8:8">
      <c r="H2208" s="12"/>
    </row>
    <row r="2209" spans="8:8">
      <c r="H2209" s="12"/>
    </row>
    <row r="2210" spans="8:8">
      <c r="H2210" s="12"/>
    </row>
    <row r="2211" spans="8:8">
      <c r="H2211" s="12"/>
    </row>
    <row r="2212" spans="8:8">
      <c r="H2212" s="12"/>
    </row>
    <row r="2213" spans="8:8">
      <c r="H2213" s="12"/>
    </row>
    <row r="2214" spans="8:8">
      <c r="H2214" s="12"/>
    </row>
    <row r="2215" spans="8:8">
      <c r="H2215" s="12"/>
    </row>
    <row r="2216" spans="8:8">
      <c r="H2216" s="12"/>
    </row>
    <row r="2217" spans="8:8">
      <c r="H2217" s="12"/>
    </row>
    <row r="2218" spans="8:8">
      <c r="H2218" s="12"/>
    </row>
    <row r="2219" spans="8:8">
      <c r="H2219" s="12"/>
    </row>
    <row r="2220" spans="8:8">
      <c r="H2220" s="12"/>
    </row>
    <row r="2221" spans="8:8">
      <c r="H2221" s="12"/>
    </row>
    <row r="2222" spans="8:8">
      <c r="H2222" s="12"/>
    </row>
    <row r="2223" spans="8:8">
      <c r="H2223" s="12"/>
    </row>
    <row r="2224" spans="8:8">
      <c r="H2224" s="12"/>
    </row>
    <row r="2225" spans="8:8">
      <c r="H2225" s="12"/>
    </row>
    <row r="2226" spans="8:8">
      <c r="H2226" s="12"/>
    </row>
    <row r="2227" spans="8:8">
      <c r="H2227" s="12"/>
    </row>
    <row r="2228" spans="8:8">
      <c r="H2228" s="12"/>
    </row>
    <row r="2229" spans="8:8">
      <c r="H2229" s="12"/>
    </row>
    <row r="2230" spans="8:8">
      <c r="H2230" s="12"/>
    </row>
    <row r="2231" spans="8:8">
      <c r="H2231" s="12"/>
    </row>
    <row r="2232" spans="8:8">
      <c r="H2232" s="12"/>
    </row>
    <row r="2233" spans="8:8">
      <c r="H2233" s="12"/>
    </row>
    <row r="2234" spans="8:8">
      <c r="H2234" s="12"/>
    </row>
    <row r="2235" spans="8:8">
      <c r="H2235" s="12"/>
    </row>
    <row r="2236" spans="8:8">
      <c r="H2236" s="12"/>
    </row>
    <row r="2237" spans="8:8">
      <c r="H2237" s="12"/>
    </row>
    <row r="2238" spans="8:8">
      <c r="H2238" s="12"/>
    </row>
    <row r="2239" spans="8:8">
      <c r="H2239" s="12"/>
    </row>
    <row r="2240" spans="8:8">
      <c r="H2240" s="12"/>
    </row>
    <row r="2241" spans="8:8">
      <c r="H2241" s="12"/>
    </row>
    <row r="2242" spans="8:8">
      <c r="H2242" s="12"/>
    </row>
    <row r="2243" spans="8:8">
      <c r="H2243" s="12"/>
    </row>
    <row r="2244" spans="8:8">
      <c r="H2244" s="12"/>
    </row>
    <row r="2245" spans="8:8">
      <c r="H2245" s="12"/>
    </row>
    <row r="2246" spans="8:8">
      <c r="H2246" s="12"/>
    </row>
    <row r="2247" spans="8:8">
      <c r="H2247" s="12"/>
    </row>
    <row r="2248" spans="8:8">
      <c r="H2248" s="12"/>
    </row>
    <row r="2249" spans="8:8">
      <c r="H2249" s="12"/>
    </row>
    <row r="2250" spans="8:8">
      <c r="H2250" s="12"/>
    </row>
    <row r="2251" spans="8:8">
      <c r="H2251" s="12"/>
    </row>
    <row r="2252" spans="8:8">
      <c r="H2252" s="12"/>
    </row>
    <row r="2253" spans="8:8">
      <c r="H2253" s="12"/>
    </row>
    <row r="2254" spans="8:8">
      <c r="H2254" s="12"/>
    </row>
    <row r="2255" spans="8:8">
      <c r="H2255" s="12"/>
    </row>
    <row r="2256" spans="8:8">
      <c r="H2256" s="12"/>
    </row>
    <row r="2257" spans="8:8">
      <c r="H2257" s="12"/>
    </row>
    <row r="2258" spans="8:8">
      <c r="H2258" s="12"/>
    </row>
    <row r="2259" spans="8:8">
      <c r="H2259" s="12"/>
    </row>
    <row r="2260" spans="8:8">
      <c r="H2260" s="12"/>
    </row>
    <row r="2261" spans="8:8">
      <c r="H2261" s="12"/>
    </row>
    <row r="2262" spans="8:8">
      <c r="H2262" s="12"/>
    </row>
    <row r="2263" spans="8:8">
      <c r="H2263" s="12"/>
    </row>
    <row r="2264" spans="8:8">
      <c r="H2264" s="12"/>
    </row>
    <row r="2265" spans="8:8">
      <c r="H2265" s="12"/>
    </row>
    <row r="2266" spans="8:8">
      <c r="H2266" s="12"/>
    </row>
    <row r="2267" spans="8:8">
      <c r="H2267" s="12"/>
    </row>
    <row r="2268" spans="8:8">
      <c r="H2268" s="12"/>
    </row>
    <row r="2269" spans="8:8">
      <c r="H2269" s="12"/>
    </row>
    <row r="2270" spans="8:8">
      <c r="H2270" s="12"/>
    </row>
    <row r="2271" spans="8:8">
      <c r="H2271" s="12"/>
    </row>
    <row r="2272" spans="8:8">
      <c r="H2272" s="12"/>
    </row>
    <row r="2273" spans="8:8">
      <c r="H2273" s="12"/>
    </row>
    <row r="2274" spans="8:8">
      <c r="H2274" s="12"/>
    </row>
    <row r="2275" spans="8:8">
      <c r="H2275" s="12"/>
    </row>
    <row r="2276" spans="8:8">
      <c r="H2276" s="12"/>
    </row>
    <row r="2277" spans="8:8">
      <c r="H2277" s="12"/>
    </row>
    <row r="2278" spans="8:8">
      <c r="H2278" s="12"/>
    </row>
    <row r="2279" spans="8:8">
      <c r="H2279" s="12"/>
    </row>
    <row r="2280" spans="8:8">
      <c r="H2280" s="12"/>
    </row>
    <row r="2281" spans="8:8">
      <c r="H2281" s="12"/>
    </row>
    <row r="2282" spans="8:8">
      <c r="H2282" s="12"/>
    </row>
    <row r="2283" spans="8:8">
      <c r="H2283" s="12"/>
    </row>
    <row r="2284" spans="8:8">
      <c r="H2284" s="12"/>
    </row>
    <row r="2285" spans="8:8">
      <c r="H2285" s="12"/>
    </row>
    <row r="2286" spans="8:8">
      <c r="H2286" s="12"/>
    </row>
    <row r="2287" spans="8:8">
      <c r="H2287" s="12"/>
    </row>
    <row r="2288" spans="8:8">
      <c r="H2288" s="12"/>
    </row>
    <row r="2289" spans="8:8">
      <c r="H2289" s="12"/>
    </row>
    <row r="2290" spans="8:8">
      <c r="H2290" s="12"/>
    </row>
    <row r="2291" spans="8:8">
      <c r="H2291" s="12"/>
    </row>
    <row r="2292" spans="8:8">
      <c r="H2292" s="12"/>
    </row>
    <row r="2293" spans="8:8">
      <c r="H2293" s="12"/>
    </row>
    <row r="2294" spans="8:8">
      <c r="H2294" s="12"/>
    </row>
    <row r="2295" spans="8:8">
      <c r="H2295" s="12"/>
    </row>
    <row r="2296" spans="8:8">
      <c r="H2296" s="12"/>
    </row>
    <row r="2297" spans="8:8">
      <c r="H2297" s="12"/>
    </row>
    <row r="2298" spans="8:8">
      <c r="H2298" s="12"/>
    </row>
    <row r="2299" spans="8:8">
      <c r="H2299" s="12"/>
    </row>
    <row r="2300" spans="8:8">
      <c r="H2300" s="12"/>
    </row>
    <row r="2301" spans="8:8">
      <c r="H2301" s="12"/>
    </row>
    <row r="2302" spans="8:8">
      <c r="H2302" s="12"/>
    </row>
    <row r="2303" spans="8:8">
      <c r="H2303" s="12"/>
    </row>
    <row r="2304" spans="8:8">
      <c r="H2304" s="12"/>
    </row>
    <row r="2305" spans="8:8">
      <c r="H2305" s="12"/>
    </row>
    <row r="2306" spans="8:8">
      <c r="H2306" s="12"/>
    </row>
    <row r="2307" spans="8:8">
      <c r="H2307" s="12"/>
    </row>
    <row r="2308" spans="8:8">
      <c r="H2308" s="12"/>
    </row>
    <row r="2309" spans="8:8">
      <c r="H2309" s="12"/>
    </row>
    <row r="2310" spans="8:8">
      <c r="H2310" s="12"/>
    </row>
    <row r="2311" spans="8:8">
      <c r="H2311" s="12"/>
    </row>
    <row r="2312" spans="8:8">
      <c r="H2312" s="12"/>
    </row>
    <row r="2313" spans="8:8">
      <c r="H2313" s="12"/>
    </row>
    <row r="2314" spans="8:8">
      <c r="H2314" s="12"/>
    </row>
    <row r="2315" spans="8:8">
      <c r="H2315" s="12"/>
    </row>
    <row r="2316" spans="8:8">
      <c r="H2316" s="12"/>
    </row>
    <row r="2317" spans="8:8">
      <c r="H2317" s="12"/>
    </row>
    <row r="2318" spans="8:8">
      <c r="H2318" s="12"/>
    </row>
    <row r="2319" spans="8:8">
      <c r="H2319" s="12"/>
    </row>
    <row r="2320" spans="8:8">
      <c r="H2320" s="12"/>
    </row>
    <row r="2321" spans="8:8">
      <c r="H2321" s="12"/>
    </row>
    <row r="2322" spans="8:8">
      <c r="H2322" s="12"/>
    </row>
    <row r="2323" spans="8:8">
      <c r="H2323" s="12"/>
    </row>
    <row r="2324" spans="8:8">
      <c r="H2324" s="12"/>
    </row>
    <row r="2325" spans="8:8">
      <c r="H2325" s="12"/>
    </row>
    <row r="2326" spans="8:8">
      <c r="H2326" s="12"/>
    </row>
    <row r="2327" spans="8:8">
      <c r="H2327" s="12"/>
    </row>
    <row r="2328" spans="8:8">
      <c r="H2328" s="12"/>
    </row>
    <row r="2329" spans="8:8">
      <c r="H2329" s="12"/>
    </row>
    <row r="2330" spans="8:8">
      <c r="H2330" s="12"/>
    </row>
    <row r="2331" spans="8:8">
      <c r="H2331" s="12"/>
    </row>
    <row r="2332" spans="8:8">
      <c r="H2332" s="12"/>
    </row>
    <row r="2333" spans="8:8">
      <c r="H2333" s="12"/>
    </row>
    <row r="2334" spans="8:8">
      <c r="H2334" s="12"/>
    </row>
    <row r="2335" spans="8:8">
      <c r="H2335" s="12"/>
    </row>
    <row r="2336" spans="8:8">
      <c r="H2336" s="12"/>
    </row>
    <row r="2337" spans="8:8">
      <c r="H2337" s="12"/>
    </row>
    <row r="2338" spans="8:8">
      <c r="H2338" s="12"/>
    </row>
    <row r="2339" spans="8:8">
      <c r="H2339" s="12"/>
    </row>
    <row r="2340" spans="8:8">
      <c r="H2340" s="12"/>
    </row>
    <row r="2341" spans="8:8">
      <c r="H2341" s="12"/>
    </row>
    <row r="2342" spans="8:8">
      <c r="H2342" s="12"/>
    </row>
    <row r="2343" spans="8:8">
      <c r="H2343" s="12"/>
    </row>
    <row r="2344" spans="8:8">
      <c r="H2344" s="12"/>
    </row>
    <row r="2345" spans="8:8">
      <c r="H2345" s="12"/>
    </row>
    <row r="2346" spans="8:8">
      <c r="H2346" s="12"/>
    </row>
    <row r="2347" spans="8:8">
      <c r="H2347" s="12"/>
    </row>
    <row r="2348" spans="8:8">
      <c r="H2348" s="12"/>
    </row>
    <row r="2349" spans="8:8">
      <c r="H2349" s="12"/>
    </row>
    <row r="2350" spans="8:8">
      <c r="H2350" s="12"/>
    </row>
    <row r="2351" spans="8:8">
      <c r="H2351" s="12"/>
    </row>
    <row r="2352" spans="8:8">
      <c r="H2352" s="12"/>
    </row>
    <row r="2353" spans="8:8">
      <c r="H2353" s="12"/>
    </row>
    <row r="2354" spans="8:8">
      <c r="H2354" s="12"/>
    </row>
    <row r="2355" spans="8:8">
      <c r="H2355" s="12"/>
    </row>
    <row r="2356" spans="8:8">
      <c r="H2356" s="12"/>
    </row>
    <row r="2357" spans="8:8">
      <c r="H2357" s="12"/>
    </row>
    <row r="2358" spans="8:8">
      <c r="H2358" s="12"/>
    </row>
    <row r="2359" spans="8:8">
      <c r="H2359" s="12"/>
    </row>
    <row r="2360" spans="8:8">
      <c r="H2360" s="12"/>
    </row>
    <row r="2361" spans="8:8">
      <c r="H2361" s="12"/>
    </row>
    <row r="2362" spans="8:8">
      <c r="H2362" s="12"/>
    </row>
    <row r="2363" spans="8:8">
      <c r="H2363" s="12"/>
    </row>
    <row r="2364" spans="8:8">
      <c r="H2364" s="12"/>
    </row>
    <row r="2365" spans="8:8">
      <c r="H2365" s="12"/>
    </row>
    <row r="2366" spans="8:8">
      <c r="H2366" s="12"/>
    </row>
    <row r="2367" spans="8:8">
      <c r="H2367" s="12"/>
    </row>
    <row r="2368" spans="8:8">
      <c r="H2368" s="12"/>
    </row>
    <row r="2369" spans="8:8">
      <c r="H2369" s="12"/>
    </row>
    <row r="2370" spans="8:8">
      <c r="H2370" s="12"/>
    </row>
    <row r="2371" spans="8:8">
      <c r="H2371" s="12"/>
    </row>
    <row r="2372" spans="8:8">
      <c r="H2372" s="12"/>
    </row>
    <row r="2373" spans="8:8">
      <c r="H2373" s="12"/>
    </row>
    <row r="2374" spans="8:8">
      <c r="H2374" s="12"/>
    </row>
    <row r="2375" spans="8:8">
      <c r="H2375" s="12"/>
    </row>
    <row r="2376" spans="8:8">
      <c r="H2376" s="12"/>
    </row>
    <row r="2377" spans="8:8">
      <c r="H2377" s="12"/>
    </row>
    <row r="2378" spans="8:8">
      <c r="H2378" s="12"/>
    </row>
    <row r="2379" spans="8:8">
      <c r="H2379" s="12"/>
    </row>
    <row r="2380" spans="8:8">
      <c r="H2380" s="12"/>
    </row>
    <row r="2381" spans="8:8">
      <c r="H2381" s="12"/>
    </row>
    <row r="2382" spans="8:8">
      <c r="H2382" s="12"/>
    </row>
    <row r="2383" spans="8:8">
      <c r="H2383" s="12"/>
    </row>
    <row r="2384" spans="8:8">
      <c r="H2384" s="12"/>
    </row>
    <row r="2385" spans="8:8">
      <c r="H2385" s="12"/>
    </row>
    <row r="2386" spans="8:8">
      <c r="H2386" s="12"/>
    </row>
    <row r="2387" spans="8:8">
      <c r="H2387" s="12"/>
    </row>
    <row r="2388" spans="8:8">
      <c r="H2388" s="12"/>
    </row>
    <row r="2389" spans="8:8">
      <c r="H2389" s="12"/>
    </row>
    <row r="2390" spans="8:8">
      <c r="H2390" s="12"/>
    </row>
    <row r="2391" spans="8:8">
      <c r="H2391" s="12"/>
    </row>
    <row r="2392" spans="8:8">
      <c r="H2392" s="12"/>
    </row>
    <row r="2393" spans="8:8">
      <c r="H2393" s="12"/>
    </row>
    <row r="2394" spans="8:8">
      <c r="H2394" s="12"/>
    </row>
    <row r="2395" spans="8:8">
      <c r="H2395" s="12"/>
    </row>
    <row r="2396" spans="8:8">
      <c r="H2396" s="12"/>
    </row>
    <row r="2397" spans="8:8">
      <c r="H2397" s="12"/>
    </row>
    <row r="2398" spans="8:8">
      <c r="H2398" s="12"/>
    </row>
    <row r="2399" spans="8:8">
      <c r="H2399" s="12"/>
    </row>
    <row r="2400" spans="8:8">
      <c r="H2400" s="12"/>
    </row>
    <row r="2401" spans="8:8">
      <c r="H2401" s="12"/>
    </row>
    <row r="2402" spans="8:8">
      <c r="H2402" s="12"/>
    </row>
    <row r="2403" spans="8:8">
      <c r="H2403" s="12"/>
    </row>
    <row r="2404" spans="8:8">
      <c r="H2404" s="12"/>
    </row>
    <row r="2405" spans="8:8">
      <c r="H2405" s="12"/>
    </row>
    <row r="2406" spans="8:8">
      <c r="H2406" s="12"/>
    </row>
    <row r="2407" spans="8:8">
      <c r="H2407" s="12"/>
    </row>
    <row r="2408" spans="8:8">
      <c r="H2408" s="12"/>
    </row>
    <row r="2409" spans="8:8">
      <c r="H2409" s="12"/>
    </row>
    <row r="2410" spans="8:8">
      <c r="H2410" s="12"/>
    </row>
    <row r="2411" spans="8:8">
      <c r="H2411" s="12"/>
    </row>
    <row r="2412" spans="8:8">
      <c r="H2412" s="12"/>
    </row>
    <row r="2413" spans="8:8">
      <c r="H2413" s="12"/>
    </row>
    <row r="2414" spans="8:8">
      <c r="H2414" s="12"/>
    </row>
    <row r="2415" spans="8:8">
      <c r="H2415" s="12"/>
    </row>
    <row r="2416" spans="8:8">
      <c r="H2416" s="12"/>
    </row>
    <row r="2417" spans="8:8">
      <c r="H2417" s="12"/>
    </row>
    <row r="2418" spans="8:8">
      <c r="H2418" s="12"/>
    </row>
    <row r="2419" spans="8:8">
      <c r="H2419" s="12"/>
    </row>
    <row r="2420" spans="8:8">
      <c r="H2420" s="12"/>
    </row>
    <row r="2421" spans="8:8">
      <c r="H2421" s="12"/>
    </row>
    <row r="2422" spans="8:8">
      <c r="H2422" s="12"/>
    </row>
    <row r="2423" spans="8:8">
      <c r="H2423" s="12"/>
    </row>
    <row r="2424" spans="8:8">
      <c r="H2424" s="12"/>
    </row>
    <row r="2425" spans="8:8">
      <c r="H2425" s="12"/>
    </row>
    <row r="2426" spans="8:8">
      <c r="H2426" s="12"/>
    </row>
    <row r="2427" spans="8:8">
      <c r="H2427" s="12"/>
    </row>
    <row r="2428" spans="8:8">
      <c r="H2428" s="12"/>
    </row>
    <row r="2429" spans="8:8">
      <c r="H2429" s="12"/>
    </row>
    <row r="2430" spans="8:8">
      <c r="H2430" s="12"/>
    </row>
    <row r="2431" spans="8:8">
      <c r="H2431" s="12"/>
    </row>
    <row r="2432" spans="8:8">
      <c r="H2432" s="12"/>
    </row>
    <row r="2433" spans="8:8">
      <c r="H2433" s="12"/>
    </row>
    <row r="2434" spans="8:8">
      <c r="H2434" s="12"/>
    </row>
    <row r="2435" spans="8:8">
      <c r="H2435" s="12"/>
    </row>
    <row r="2436" spans="8:8">
      <c r="H2436" s="12"/>
    </row>
    <row r="2437" spans="8:8">
      <c r="H2437" s="12"/>
    </row>
    <row r="2438" spans="8:8">
      <c r="H2438" s="12"/>
    </row>
    <row r="2439" spans="8:8">
      <c r="H2439" s="12"/>
    </row>
    <row r="2440" spans="8:8">
      <c r="H2440" s="12"/>
    </row>
    <row r="2441" spans="8:8">
      <c r="H2441" s="12"/>
    </row>
    <row r="2442" spans="8:8">
      <c r="H2442" s="12"/>
    </row>
    <row r="2443" spans="8:8">
      <c r="H2443" s="12"/>
    </row>
    <row r="2444" spans="8:8">
      <c r="H2444" s="12"/>
    </row>
    <row r="2445" spans="8:8">
      <c r="H2445" s="12"/>
    </row>
    <row r="2446" spans="8:8">
      <c r="H2446" s="12"/>
    </row>
    <row r="2447" spans="8:8">
      <c r="H2447" s="12"/>
    </row>
    <row r="2448" spans="8:8">
      <c r="H2448" s="12"/>
    </row>
    <row r="2449" spans="8:8">
      <c r="H2449" s="12"/>
    </row>
    <row r="2450" spans="8:8">
      <c r="H2450" s="12"/>
    </row>
    <row r="2451" spans="8:8">
      <c r="H2451" s="12"/>
    </row>
    <row r="2452" spans="8:8">
      <c r="H2452" s="12"/>
    </row>
    <row r="2453" spans="8:8">
      <c r="H2453" s="12"/>
    </row>
    <row r="2454" spans="8:8">
      <c r="H2454" s="12"/>
    </row>
    <row r="2455" spans="8:8">
      <c r="H2455" s="12"/>
    </row>
    <row r="2456" spans="8:8">
      <c r="H2456" s="12"/>
    </row>
    <row r="2457" spans="8:8">
      <c r="H2457" s="12"/>
    </row>
    <row r="2458" spans="8:8">
      <c r="H2458" s="12"/>
    </row>
    <row r="2459" spans="8:8">
      <c r="H2459" s="12"/>
    </row>
    <row r="2460" spans="8:8">
      <c r="H2460" s="12"/>
    </row>
    <row r="2461" spans="8:8">
      <c r="H2461" s="12"/>
    </row>
    <row r="2462" spans="8:8">
      <c r="H2462" s="12"/>
    </row>
    <row r="2463" spans="8:8">
      <c r="H2463" s="12"/>
    </row>
    <row r="2464" spans="8:8">
      <c r="H2464" s="12"/>
    </row>
    <row r="2465" spans="8:8">
      <c r="H2465" s="12"/>
    </row>
    <row r="2466" spans="8:8">
      <c r="H2466" s="12"/>
    </row>
    <row r="2467" spans="8:8">
      <c r="H2467" s="12"/>
    </row>
    <row r="2468" spans="8:8">
      <c r="H2468" s="12"/>
    </row>
    <row r="2469" spans="8:8">
      <c r="H2469" s="12"/>
    </row>
    <row r="2470" spans="8:8">
      <c r="H2470" s="12"/>
    </row>
    <row r="2471" spans="8:8">
      <c r="H2471" s="12"/>
    </row>
    <row r="2472" spans="8:8">
      <c r="H2472" s="12"/>
    </row>
    <row r="2473" spans="8:8">
      <c r="H2473" s="12"/>
    </row>
    <row r="2474" spans="8:8">
      <c r="H2474" s="12"/>
    </row>
    <row r="2475" spans="8:8">
      <c r="H2475" s="12"/>
    </row>
    <row r="2476" spans="8:8">
      <c r="H2476" s="12"/>
    </row>
    <row r="2477" spans="8:8">
      <c r="H2477" s="12"/>
    </row>
    <row r="2478" spans="8:8">
      <c r="H2478" s="12"/>
    </row>
    <row r="2479" spans="8:8">
      <c r="H2479" s="12"/>
    </row>
    <row r="2480" spans="8:8">
      <c r="H2480" s="12"/>
    </row>
    <row r="2481" spans="8:8">
      <c r="H2481" s="12"/>
    </row>
    <row r="2482" spans="8:8">
      <c r="H2482" s="12"/>
    </row>
    <row r="2483" spans="8:8">
      <c r="H2483" s="12"/>
    </row>
    <row r="2484" spans="8:8">
      <c r="H2484" s="12"/>
    </row>
    <row r="2485" spans="8:8">
      <c r="H2485" s="12"/>
    </row>
    <row r="2486" spans="8:8">
      <c r="H2486" s="12"/>
    </row>
    <row r="2487" spans="8:8">
      <c r="H2487" s="12"/>
    </row>
    <row r="2488" spans="8:8">
      <c r="H2488" s="12"/>
    </row>
    <row r="2489" spans="8:8">
      <c r="H2489" s="12"/>
    </row>
    <row r="2490" spans="8:8">
      <c r="H2490" s="12"/>
    </row>
    <row r="2491" spans="8:8">
      <c r="H2491" s="12"/>
    </row>
    <row r="2492" spans="8:8">
      <c r="H2492" s="12"/>
    </row>
    <row r="2493" spans="8:8">
      <c r="H2493" s="12"/>
    </row>
    <row r="2494" spans="8:8">
      <c r="H2494" s="12"/>
    </row>
    <row r="2495" spans="8:8">
      <c r="H2495" s="12"/>
    </row>
    <row r="2496" spans="8:8">
      <c r="H2496" s="12"/>
    </row>
    <row r="2497" spans="8:8">
      <c r="H2497" s="12"/>
    </row>
    <row r="2498" spans="8:8">
      <c r="H2498" s="12"/>
    </row>
    <row r="2499" spans="8:8">
      <c r="H2499" s="12"/>
    </row>
    <row r="2500" spans="8:8">
      <c r="H2500" s="12"/>
    </row>
    <row r="2501" spans="8:8">
      <c r="H2501" s="12"/>
    </row>
    <row r="2502" spans="8:8">
      <c r="H2502" s="12"/>
    </row>
    <row r="2503" spans="8:8">
      <c r="H2503" s="12"/>
    </row>
    <row r="2504" spans="8:8">
      <c r="H2504" s="12"/>
    </row>
    <row r="2505" spans="8:8">
      <c r="H2505" s="12"/>
    </row>
    <row r="2506" spans="8:8">
      <c r="H2506" s="12"/>
    </row>
    <row r="2507" spans="8:8">
      <c r="H2507" s="12"/>
    </row>
    <row r="2508" spans="8:8">
      <c r="H2508" s="12"/>
    </row>
    <row r="2509" spans="8:8">
      <c r="H2509" s="12"/>
    </row>
    <row r="2510" spans="8:8">
      <c r="H2510" s="12"/>
    </row>
    <row r="2511" spans="8:8">
      <c r="H2511" s="12"/>
    </row>
    <row r="2512" spans="8:8">
      <c r="H2512" s="12"/>
    </row>
    <row r="2513" spans="8:8">
      <c r="H2513" s="12"/>
    </row>
    <row r="2514" spans="8:8">
      <c r="H2514" s="12"/>
    </row>
    <row r="2515" spans="8:8">
      <c r="H2515" s="12"/>
    </row>
    <row r="2516" spans="8:8">
      <c r="H2516" s="12"/>
    </row>
    <row r="2517" spans="8:8">
      <c r="H2517" s="12"/>
    </row>
    <row r="2518" spans="8:8">
      <c r="H2518" s="12"/>
    </row>
    <row r="2519" spans="8:8">
      <c r="H2519" s="12"/>
    </row>
    <row r="2520" spans="8:8">
      <c r="H2520" s="12"/>
    </row>
    <row r="2521" spans="8:8">
      <c r="H2521" s="12"/>
    </row>
    <row r="2522" spans="8:8">
      <c r="H2522" s="12"/>
    </row>
    <row r="2523" spans="8:8">
      <c r="H2523" s="12"/>
    </row>
    <row r="2524" spans="8:8">
      <c r="H2524" s="12"/>
    </row>
    <row r="2525" spans="8:8">
      <c r="H2525" s="12"/>
    </row>
    <row r="2526" spans="8:8">
      <c r="H2526" s="12"/>
    </row>
    <row r="2527" spans="8:8">
      <c r="H2527" s="12"/>
    </row>
    <row r="2528" spans="8:8">
      <c r="H2528" s="12"/>
    </row>
    <row r="2529" spans="8:8">
      <c r="H2529" s="12"/>
    </row>
    <row r="2530" spans="8:8">
      <c r="H2530" s="12"/>
    </row>
    <row r="2531" spans="8:8">
      <c r="H2531" s="12"/>
    </row>
    <row r="2532" spans="8:8">
      <c r="H2532" s="12"/>
    </row>
    <row r="2533" spans="8:8">
      <c r="H2533" s="12"/>
    </row>
    <row r="2534" spans="8:8">
      <c r="H2534" s="12"/>
    </row>
    <row r="2535" spans="8:8">
      <c r="H2535" s="12"/>
    </row>
    <row r="2536" spans="8:8">
      <c r="H2536" s="12"/>
    </row>
    <row r="2537" spans="8:8">
      <c r="H2537" s="12"/>
    </row>
    <row r="2538" spans="8:8">
      <c r="H2538" s="12"/>
    </row>
    <row r="2539" spans="8:8">
      <c r="H2539" s="12"/>
    </row>
    <row r="2540" spans="8:8">
      <c r="H2540" s="12"/>
    </row>
    <row r="2541" spans="8:8">
      <c r="H2541" s="12"/>
    </row>
    <row r="2542" spans="8:8">
      <c r="H2542" s="12"/>
    </row>
    <row r="2543" spans="8:8">
      <c r="H2543" s="12"/>
    </row>
    <row r="2544" spans="8:8">
      <c r="H2544" s="12"/>
    </row>
    <row r="2545" spans="8:8">
      <c r="H2545" s="12"/>
    </row>
    <row r="2546" spans="8:8">
      <c r="H2546" s="12"/>
    </row>
    <row r="2547" spans="8:8">
      <c r="H2547" s="12"/>
    </row>
    <row r="2548" spans="8:8">
      <c r="H2548" s="12"/>
    </row>
    <row r="2549" spans="8:8">
      <c r="H2549" s="12"/>
    </row>
    <row r="2550" spans="8:8">
      <c r="H2550" s="12"/>
    </row>
    <row r="2551" spans="8:8">
      <c r="H2551" s="12"/>
    </row>
    <row r="2552" spans="8:8">
      <c r="H2552" s="12"/>
    </row>
    <row r="2553" spans="8:8">
      <c r="H2553" s="12"/>
    </row>
    <row r="2554" spans="8:8">
      <c r="H2554" s="12"/>
    </row>
    <row r="2555" spans="8:8">
      <c r="H2555" s="12"/>
    </row>
    <row r="2556" spans="8:8">
      <c r="H2556" s="12"/>
    </row>
    <row r="2557" spans="8:8">
      <c r="H2557" s="12"/>
    </row>
    <row r="2558" spans="8:8">
      <c r="H2558" s="12"/>
    </row>
    <row r="2559" spans="8:8">
      <c r="H2559" s="12"/>
    </row>
    <row r="2560" spans="8:8">
      <c r="H2560" s="12"/>
    </row>
    <row r="2561" spans="8:8">
      <c r="H2561" s="12"/>
    </row>
    <row r="2562" spans="8:8">
      <c r="H2562" s="12"/>
    </row>
    <row r="2563" spans="8:8">
      <c r="H2563" s="12"/>
    </row>
    <row r="2564" spans="8:8">
      <c r="H2564" s="12"/>
    </row>
    <row r="2565" spans="8:8">
      <c r="H2565" s="12"/>
    </row>
    <row r="2566" spans="8:8">
      <c r="H2566" s="12"/>
    </row>
    <row r="2567" spans="8:8">
      <c r="H2567" s="12"/>
    </row>
    <row r="2568" spans="8:8">
      <c r="H2568" s="12"/>
    </row>
    <row r="2569" spans="8:8">
      <c r="H2569" s="12"/>
    </row>
    <row r="2570" spans="8:8">
      <c r="H2570" s="12"/>
    </row>
    <row r="2571" spans="8:8">
      <c r="H2571" s="12"/>
    </row>
    <row r="2572" spans="8:8">
      <c r="H2572" s="12"/>
    </row>
    <row r="2573" spans="8:8">
      <c r="H2573" s="12"/>
    </row>
    <row r="2574" spans="8:8">
      <c r="H2574" s="12"/>
    </row>
    <row r="2575" spans="8:8">
      <c r="H2575" s="12"/>
    </row>
    <row r="2576" spans="8:8">
      <c r="H2576" s="12"/>
    </row>
    <row r="2577" spans="8:8">
      <c r="H2577" s="12"/>
    </row>
    <row r="2578" spans="8:8">
      <c r="H2578" s="12"/>
    </row>
    <row r="2579" spans="8:8">
      <c r="H2579" s="12"/>
    </row>
    <row r="2580" spans="8:8">
      <c r="H2580" s="12"/>
    </row>
    <row r="2581" spans="8:8">
      <c r="H2581" s="12"/>
    </row>
    <row r="2582" spans="8:8">
      <c r="H2582" s="12"/>
    </row>
    <row r="2583" spans="8:8">
      <c r="H2583" s="12"/>
    </row>
    <row r="2584" spans="8:8">
      <c r="H2584" s="12"/>
    </row>
    <row r="2585" spans="8:8">
      <c r="H2585" s="12"/>
    </row>
    <row r="2586" spans="8:8">
      <c r="H2586" s="12"/>
    </row>
    <row r="2587" spans="8:8">
      <c r="H2587" s="12"/>
    </row>
    <row r="2588" spans="8:8">
      <c r="H2588" s="12"/>
    </row>
    <row r="2589" spans="8:8">
      <c r="H2589" s="12"/>
    </row>
    <row r="2590" spans="8:8">
      <c r="H2590" s="12"/>
    </row>
    <row r="2591" spans="8:8">
      <c r="H2591" s="12"/>
    </row>
    <row r="2592" spans="8:8">
      <c r="H2592" s="12"/>
    </row>
    <row r="2593" spans="8:8">
      <c r="H2593" s="12"/>
    </row>
    <row r="2594" spans="8:8">
      <c r="H2594" s="12"/>
    </row>
    <row r="2595" spans="8:8">
      <c r="H2595" s="12"/>
    </row>
    <row r="2596" spans="8:8">
      <c r="H2596" s="12"/>
    </row>
    <row r="2597" spans="8:8">
      <c r="H2597" s="12"/>
    </row>
    <row r="2598" spans="8:8">
      <c r="H2598" s="12"/>
    </row>
    <row r="2599" spans="8:8">
      <c r="H2599" s="12"/>
    </row>
    <row r="2600" spans="8:8">
      <c r="H2600" s="12"/>
    </row>
    <row r="2601" spans="8:8">
      <c r="H2601" s="12"/>
    </row>
    <row r="2602" spans="8:8">
      <c r="H2602" s="12"/>
    </row>
    <row r="2603" spans="8:8">
      <c r="H2603" s="12"/>
    </row>
    <row r="2604" spans="8:8">
      <c r="H2604" s="12"/>
    </row>
    <row r="2605" spans="8:8">
      <c r="H2605" s="12"/>
    </row>
    <row r="2606" spans="8:8">
      <c r="H2606" s="12"/>
    </row>
    <row r="2607" spans="8:8">
      <c r="H2607" s="12"/>
    </row>
    <row r="2608" spans="8:8">
      <c r="H2608" s="12"/>
    </row>
    <row r="2609" spans="8:8">
      <c r="H2609" s="12"/>
    </row>
    <row r="2610" spans="8:8">
      <c r="H2610" s="12"/>
    </row>
    <row r="2611" spans="8:8">
      <c r="H2611" s="12"/>
    </row>
    <row r="2612" spans="8:8">
      <c r="H2612" s="12"/>
    </row>
    <row r="2613" spans="8:8">
      <c r="H2613" s="12"/>
    </row>
    <row r="2614" spans="8:8">
      <c r="H2614" s="12"/>
    </row>
    <row r="2615" spans="8:8">
      <c r="H2615" s="12"/>
    </row>
    <row r="2616" spans="8:8">
      <c r="H2616" s="12"/>
    </row>
    <row r="2617" spans="8:8">
      <c r="H2617" s="12"/>
    </row>
    <row r="2618" spans="8:8">
      <c r="H2618" s="12"/>
    </row>
    <row r="2619" spans="8:8">
      <c r="H2619" s="12"/>
    </row>
    <row r="2620" spans="8:8">
      <c r="H2620" s="12"/>
    </row>
    <row r="2621" spans="8:8">
      <c r="H2621" s="12"/>
    </row>
    <row r="2622" spans="8:8">
      <c r="H2622" s="12"/>
    </row>
    <row r="2623" spans="8:8">
      <c r="H2623" s="12"/>
    </row>
    <row r="2624" spans="8:8">
      <c r="H2624" s="12"/>
    </row>
    <row r="2625" spans="8:8">
      <c r="H2625" s="12"/>
    </row>
    <row r="2626" spans="8:8">
      <c r="H2626" s="12"/>
    </row>
    <row r="2627" spans="8:8">
      <c r="H2627" s="12"/>
    </row>
    <row r="2628" spans="8:8">
      <c r="H2628" s="12"/>
    </row>
    <row r="2629" spans="8:8">
      <c r="H2629" s="12"/>
    </row>
    <row r="2630" spans="8:8">
      <c r="H2630" s="12"/>
    </row>
    <row r="2631" spans="8:8">
      <c r="H2631" s="12"/>
    </row>
    <row r="2632" spans="8:8">
      <c r="H2632" s="12"/>
    </row>
    <row r="2633" spans="8:8">
      <c r="H2633" s="12"/>
    </row>
    <row r="2634" spans="8:8">
      <c r="H2634" s="12"/>
    </row>
    <row r="2635" spans="8:8">
      <c r="H2635" s="12"/>
    </row>
    <row r="2636" spans="8:8">
      <c r="H2636" s="12"/>
    </row>
    <row r="2637" spans="8:8">
      <c r="H2637" s="12"/>
    </row>
    <row r="2638" spans="8:8">
      <c r="H2638" s="12"/>
    </row>
    <row r="2639" spans="8:8">
      <c r="H2639" s="12"/>
    </row>
    <row r="2640" spans="8:8">
      <c r="H2640" s="12"/>
    </row>
    <row r="2641" spans="8:8">
      <c r="H2641" s="12"/>
    </row>
    <row r="2642" spans="8:8">
      <c r="H2642" s="12"/>
    </row>
    <row r="2643" spans="8:8">
      <c r="H2643" s="12"/>
    </row>
    <row r="2644" spans="8:8">
      <c r="H2644" s="12"/>
    </row>
    <row r="2645" spans="8:8">
      <c r="H2645" s="12"/>
    </row>
    <row r="2646" spans="8:8">
      <c r="H2646" s="12"/>
    </row>
    <row r="2647" spans="8:8">
      <c r="H2647" s="12"/>
    </row>
    <row r="2648" spans="8:8">
      <c r="H2648" s="12"/>
    </row>
    <row r="2649" spans="8:8">
      <c r="H2649" s="12"/>
    </row>
    <row r="2650" spans="8:8">
      <c r="H2650" s="12"/>
    </row>
    <row r="2651" spans="8:8">
      <c r="H2651" s="12"/>
    </row>
    <row r="2652" spans="8:8">
      <c r="H2652" s="12"/>
    </row>
    <row r="2653" spans="8:8">
      <c r="H2653" s="12"/>
    </row>
    <row r="2654" spans="8:8">
      <c r="H2654" s="12"/>
    </row>
    <row r="2655" spans="8:8">
      <c r="H2655" s="12"/>
    </row>
    <row r="2656" spans="8:8">
      <c r="H2656" s="12"/>
    </row>
    <row r="2657" spans="8:8">
      <c r="H2657" s="12"/>
    </row>
    <row r="2658" spans="8:8">
      <c r="H2658" s="12"/>
    </row>
    <row r="2659" spans="8:8">
      <c r="H2659" s="12"/>
    </row>
    <row r="2660" spans="8:8">
      <c r="H2660" s="12"/>
    </row>
    <row r="2661" spans="8:8">
      <c r="H2661" s="12"/>
    </row>
    <row r="2662" spans="8:8">
      <c r="H2662" s="12"/>
    </row>
    <row r="2663" spans="8:8">
      <c r="H2663" s="12"/>
    </row>
    <row r="2664" spans="8:8">
      <c r="H2664" s="12"/>
    </row>
    <row r="2665" spans="8:8">
      <c r="H2665" s="12"/>
    </row>
    <row r="2666" spans="8:8">
      <c r="H2666" s="12"/>
    </row>
    <row r="2667" spans="8:8">
      <c r="H2667" s="12"/>
    </row>
    <row r="2668" spans="8:8">
      <c r="H2668" s="12"/>
    </row>
    <row r="2669" spans="8:8">
      <c r="H2669" s="12"/>
    </row>
    <row r="2670" spans="8:8">
      <c r="H2670" s="12"/>
    </row>
    <row r="2671" spans="8:8">
      <c r="H2671" s="12"/>
    </row>
    <row r="2672" spans="8:8">
      <c r="H2672" s="12"/>
    </row>
    <row r="2673" spans="8:8">
      <c r="H2673" s="12"/>
    </row>
    <row r="2674" spans="8:8">
      <c r="H2674" s="12"/>
    </row>
    <row r="2675" spans="8:8">
      <c r="H2675" s="12"/>
    </row>
    <row r="2676" spans="8:8">
      <c r="H2676" s="12"/>
    </row>
    <row r="2677" spans="8:8">
      <c r="H2677" s="12"/>
    </row>
    <row r="2678" spans="8:8">
      <c r="H2678" s="12"/>
    </row>
    <row r="2679" spans="8:8">
      <c r="H2679" s="12"/>
    </row>
    <row r="2680" spans="8:8">
      <c r="H2680" s="12"/>
    </row>
    <row r="2681" spans="8:8">
      <c r="H2681" s="12"/>
    </row>
    <row r="2682" spans="8:8">
      <c r="H2682" s="12"/>
    </row>
    <row r="2683" spans="8:8">
      <c r="H2683" s="12"/>
    </row>
    <row r="2684" spans="8:8">
      <c r="H2684" s="12"/>
    </row>
    <row r="2685" spans="8:8">
      <c r="H2685" s="12"/>
    </row>
    <row r="2686" spans="8:8">
      <c r="H2686" s="12"/>
    </row>
    <row r="2687" spans="8:8">
      <c r="H2687" s="12"/>
    </row>
    <row r="2688" spans="8:8">
      <c r="H2688" s="12"/>
    </row>
    <row r="2689" spans="8:8">
      <c r="H2689" s="12"/>
    </row>
    <row r="2690" spans="8:8">
      <c r="H2690" s="12"/>
    </row>
    <row r="2691" spans="8:8">
      <c r="H2691" s="12"/>
    </row>
    <row r="2692" spans="8:8">
      <c r="H2692" s="12"/>
    </row>
    <row r="2693" spans="8:8">
      <c r="H2693" s="12"/>
    </row>
    <row r="2694" spans="8:8">
      <c r="H2694" s="12"/>
    </row>
    <row r="2695" spans="8:8">
      <c r="H2695" s="12"/>
    </row>
    <row r="2696" spans="8:8">
      <c r="H2696" s="12"/>
    </row>
    <row r="2697" spans="8:8">
      <c r="H2697" s="12"/>
    </row>
    <row r="2698" spans="8:8">
      <c r="H2698" s="12"/>
    </row>
    <row r="2699" spans="8:8">
      <c r="H2699" s="12"/>
    </row>
    <row r="2700" spans="8:8">
      <c r="H2700" s="12"/>
    </row>
    <row r="2701" spans="8:8">
      <c r="H2701" s="12"/>
    </row>
    <row r="2702" spans="8:8">
      <c r="H2702" s="12"/>
    </row>
    <row r="2703" spans="8:8">
      <c r="H2703" s="12"/>
    </row>
    <row r="2704" spans="8:8">
      <c r="H2704" s="12"/>
    </row>
    <row r="2705" spans="8:8">
      <c r="H2705" s="12"/>
    </row>
    <row r="2706" spans="8:8">
      <c r="H2706" s="12"/>
    </row>
    <row r="2707" spans="8:8">
      <c r="H2707" s="12"/>
    </row>
    <row r="2708" spans="8:8">
      <c r="H2708" s="12"/>
    </row>
    <row r="2709" spans="8:8">
      <c r="H2709" s="12"/>
    </row>
    <row r="2710" spans="8:8">
      <c r="H2710" s="12"/>
    </row>
    <row r="2711" spans="8:8">
      <c r="H2711" s="12"/>
    </row>
    <row r="2712" spans="8:8">
      <c r="H2712" s="12"/>
    </row>
    <row r="2713" spans="8:8">
      <c r="H2713" s="12"/>
    </row>
    <row r="2714" spans="8:8">
      <c r="H2714" s="12"/>
    </row>
    <row r="2715" spans="8:8">
      <c r="H2715" s="12"/>
    </row>
    <row r="2716" spans="8:8">
      <c r="H2716" s="12"/>
    </row>
    <row r="2717" spans="8:8">
      <c r="H2717" s="12"/>
    </row>
    <row r="2718" spans="8:8">
      <c r="H2718" s="12"/>
    </row>
    <row r="2719" spans="8:8">
      <c r="H2719" s="12"/>
    </row>
    <row r="2720" spans="8:8">
      <c r="H2720" s="12"/>
    </row>
    <row r="2721" spans="8:8">
      <c r="H2721" s="12"/>
    </row>
    <row r="2722" spans="8:8">
      <c r="H2722" s="12"/>
    </row>
    <row r="2723" spans="8:8">
      <c r="H2723" s="12"/>
    </row>
    <row r="2724" spans="8:8">
      <c r="H2724" s="12"/>
    </row>
    <row r="2725" spans="8:8">
      <c r="H2725" s="12"/>
    </row>
    <row r="2726" spans="8:8">
      <c r="H2726" s="12"/>
    </row>
    <row r="2727" spans="8:8">
      <c r="H2727" s="12"/>
    </row>
    <row r="2728" spans="8:8">
      <c r="H2728" s="12"/>
    </row>
    <row r="2729" spans="8:8">
      <c r="H2729" s="12"/>
    </row>
    <row r="2730" spans="8:8">
      <c r="H2730" s="12"/>
    </row>
    <row r="2731" spans="8:8">
      <c r="H2731" s="12"/>
    </row>
    <row r="2732" spans="8:8">
      <c r="H2732" s="12"/>
    </row>
    <row r="2733" spans="8:8">
      <c r="H2733" s="12"/>
    </row>
    <row r="2734" spans="8:8">
      <c r="H2734" s="12"/>
    </row>
    <row r="2735" spans="8:8">
      <c r="H2735" s="12"/>
    </row>
    <row r="2736" spans="8:8">
      <c r="H2736" s="12"/>
    </row>
    <row r="2737" spans="8:8">
      <c r="H2737" s="12"/>
    </row>
    <row r="2738" spans="8:8">
      <c r="H2738" s="12"/>
    </row>
    <row r="2739" spans="8:8">
      <c r="H2739" s="12"/>
    </row>
    <row r="2740" spans="8:8">
      <c r="H2740" s="12"/>
    </row>
    <row r="2741" spans="8:8">
      <c r="H2741" s="12"/>
    </row>
    <row r="2742" spans="8:8">
      <c r="H2742" s="12"/>
    </row>
    <row r="2743" spans="8:8">
      <c r="H2743" s="12"/>
    </row>
    <row r="2744" spans="8:8">
      <c r="H2744" s="12"/>
    </row>
    <row r="2745" spans="8:8">
      <c r="H2745" s="12"/>
    </row>
    <row r="2746" spans="8:8">
      <c r="H2746" s="12"/>
    </row>
    <row r="2747" spans="8:8">
      <c r="H2747" s="12"/>
    </row>
    <row r="2748" spans="8:8">
      <c r="H2748" s="12"/>
    </row>
    <row r="2749" spans="8:8">
      <c r="H2749" s="12"/>
    </row>
    <row r="2750" spans="8:8">
      <c r="H2750" s="12"/>
    </row>
    <row r="2751" spans="8:8">
      <c r="H2751" s="12"/>
    </row>
    <row r="2752" spans="8:8">
      <c r="H2752" s="12"/>
    </row>
    <row r="2753" spans="8:8">
      <c r="H2753" s="12"/>
    </row>
    <row r="2754" spans="8:8">
      <c r="H2754" s="12"/>
    </row>
    <row r="2755" spans="8:8">
      <c r="H2755" s="12"/>
    </row>
    <row r="2756" spans="8:8">
      <c r="H2756" s="12"/>
    </row>
    <row r="2757" spans="8:8">
      <c r="H2757" s="12"/>
    </row>
    <row r="2758" spans="8:8">
      <c r="H2758" s="12"/>
    </row>
    <row r="2759" spans="8:8">
      <c r="H2759" s="12"/>
    </row>
    <row r="2760" spans="8:8">
      <c r="H2760" s="12"/>
    </row>
    <row r="2761" spans="8:8">
      <c r="H2761" s="12"/>
    </row>
    <row r="2762" spans="8:8">
      <c r="H2762" s="12"/>
    </row>
    <row r="2763" spans="8:8">
      <c r="H2763" s="12"/>
    </row>
    <row r="2764" spans="8:8">
      <c r="H2764" s="12"/>
    </row>
    <row r="2765" spans="8:8">
      <c r="H2765" s="12"/>
    </row>
    <row r="2766" spans="8:8">
      <c r="H2766" s="12"/>
    </row>
    <row r="2767" spans="8:8">
      <c r="H2767" s="12"/>
    </row>
    <row r="2768" spans="8:8">
      <c r="H2768" s="12"/>
    </row>
    <row r="2769" spans="8:8">
      <c r="H2769" s="12"/>
    </row>
    <row r="2770" spans="8:8">
      <c r="H2770" s="12"/>
    </row>
    <row r="2771" spans="8:8">
      <c r="H2771" s="12"/>
    </row>
    <row r="2772" spans="8:8">
      <c r="H2772" s="12"/>
    </row>
    <row r="2773" spans="8:8">
      <c r="H2773" s="12"/>
    </row>
    <row r="2774" spans="8:8">
      <c r="H2774" s="12"/>
    </row>
    <row r="2775" spans="8:8">
      <c r="H2775" s="12"/>
    </row>
    <row r="2776" spans="8:8">
      <c r="H2776" s="12"/>
    </row>
    <row r="2777" spans="8:8">
      <c r="H2777" s="12"/>
    </row>
    <row r="2778" spans="8:8">
      <c r="H2778" s="12"/>
    </row>
    <row r="2779" spans="8:8">
      <c r="H2779" s="12"/>
    </row>
    <row r="2780" spans="8:8">
      <c r="H2780" s="12"/>
    </row>
    <row r="2781" spans="8:8">
      <c r="H2781" s="12"/>
    </row>
    <row r="2782" spans="8:8">
      <c r="H2782" s="12"/>
    </row>
    <row r="2783" spans="8:8">
      <c r="H2783" s="12"/>
    </row>
    <row r="2784" spans="8:8">
      <c r="H2784" s="12"/>
    </row>
    <row r="2785" spans="8:8">
      <c r="H2785" s="12"/>
    </row>
    <row r="2786" spans="8:8">
      <c r="H2786" s="12"/>
    </row>
    <row r="2787" spans="8:8">
      <c r="H2787" s="12"/>
    </row>
    <row r="2788" spans="8:8">
      <c r="H2788" s="12"/>
    </row>
    <row r="2789" spans="8:8">
      <c r="H2789" s="12"/>
    </row>
    <row r="2790" spans="8:8">
      <c r="H2790" s="12"/>
    </row>
    <row r="2791" spans="8:8">
      <c r="H2791" s="12"/>
    </row>
    <row r="2792" spans="8:8">
      <c r="H2792" s="12"/>
    </row>
    <row r="2793" spans="8:8">
      <c r="H2793" s="12"/>
    </row>
    <row r="2794" spans="8:8">
      <c r="H2794" s="12"/>
    </row>
    <row r="2795" spans="8:8">
      <c r="H2795" s="12"/>
    </row>
    <row r="2796" spans="8:8">
      <c r="H2796" s="12"/>
    </row>
    <row r="2797" spans="8:8">
      <c r="H2797" s="12"/>
    </row>
    <row r="2798" spans="8:8">
      <c r="H2798" s="12"/>
    </row>
    <row r="2799" spans="8:8">
      <c r="H2799" s="12"/>
    </row>
    <row r="2800" spans="8:8">
      <c r="H2800" s="12"/>
    </row>
    <row r="2801" spans="8:8">
      <c r="H2801" s="12"/>
    </row>
    <row r="2802" spans="8:8">
      <c r="H2802" s="12"/>
    </row>
    <row r="2803" spans="8:8">
      <c r="H2803" s="12"/>
    </row>
    <row r="2804" spans="8:8">
      <c r="H2804" s="12"/>
    </row>
    <row r="2805" spans="8:8">
      <c r="H2805" s="12"/>
    </row>
    <row r="2806" spans="8:8">
      <c r="H2806" s="12"/>
    </row>
    <row r="2807" spans="8:8">
      <c r="H2807" s="12"/>
    </row>
    <row r="2808" spans="8:8">
      <c r="H2808" s="12"/>
    </row>
    <row r="2809" spans="8:8">
      <c r="H2809" s="12"/>
    </row>
    <row r="2810" spans="8:8">
      <c r="H2810" s="12"/>
    </row>
    <row r="2811" spans="8:8">
      <c r="H2811" s="12"/>
    </row>
    <row r="2812" spans="8:8">
      <c r="H2812" s="12"/>
    </row>
    <row r="2813" spans="8:8">
      <c r="H2813" s="12"/>
    </row>
    <row r="2814" spans="8:8">
      <c r="H2814" s="12"/>
    </row>
    <row r="2815" spans="8:8">
      <c r="H2815" s="12"/>
    </row>
    <row r="2816" spans="8:8">
      <c r="H2816" s="12"/>
    </row>
    <row r="2817" spans="8:8">
      <c r="H2817" s="12"/>
    </row>
    <row r="2818" spans="8:8">
      <c r="H2818" s="12"/>
    </row>
    <row r="2819" spans="8:8">
      <c r="H2819" s="12"/>
    </row>
    <row r="2820" spans="8:8">
      <c r="H2820" s="12"/>
    </row>
    <row r="2821" spans="8:8">
      <c r="H2821" s="12"/>
    </row>
    <row r="2822" spans="8:8">
      <c r="H2822" s="12"/>
    </row>
    <row r="2823" spans="8:8">
      <c r="H2823" s="12"/>
    </row>
    <row r="2824" spans="8:8">
      <c r="H2824" s="12"/>
    </row>
    <row r="2825" spans="8:8">
      <c r="H2825" s="12"/>
    </row>
    <row r="2826" spans="8:8">
      <c r="H2826" s="12"/>
    </row>
    <row r="2827" spans="8:8">
      <c r="H2827" s="12"/>
    </row>
    <row r="2828" spans="8:8">
      <c r="H2828" s="12"/>
    </row>
    <row r="2829" spans="8:8">
      <c r="H2829" s="12"/>
    </row>
    <row r="2830" spans="8:8">
      <c r="H2830" s="12"/>
    </row>
    <row r="2831" spans="8:8">
      <c r="H2831" s="12"/>
    </row>
    <row r="2832" spans="8:8">
      <c r="H2832" s="12"/>
    </row>
    <row r="2833" spans="8:8">
      <c r="H2833" s="12"/>
    </row>
    <row r="2834" spans="8:8">
      <c r="H2834" s="12"/>
    </row>
    <row r="2835" spans="8:8">
      <c r="H2835" s="12"/>
    </row>
    <row r="2836" spans="8:8">
      <c r="H2836" s="12"/>
    </row>
    <row r="2837" spans="8:8">
      <c r="H2837" s="12"/>
    </row>
    <row r="2838" spans="8:8">
      <c r="H2838" s="12"/>
    </row>
    <row r="2839" spans="8:8">
      <c r="H2839" s="12"/>
    </row>
    <row r="2840" spans="8:8">
      <c r="H2840" s="12"/>
    </row>
    <row r="2841" spans="8:8">
      <c r="H2841" s="12"/>
    </row>
    <row r="2842" spans="8:8">
      <c r="H2842" s="12"/>
    </row>
    <row r="2843" spans="8:8">
      <c r="H2843" s="12"/>
    </row>
    <row r="2844" spans="8:8">
      <c r="H2844" s="12"/>
    </row>
    <row r="2845" spans="8:8">
      <c r="H2845" s="12"/>
    </row>
    <row r="2846" spans="8:8">
      <c r="H2846" s="12"/>
    </row>
    <row r="2847" spans="8:8">
      <c r="H2847" s="12"/>
    </row>
    <row r="2848" spans="8:8">
      <c r="H2848" s="12"/>
    </row>
    <row r="2849" spans="8:8">
      <c r="H2849" s="12"/>
    </row>
    <row r="2850" spans="8:8">
      <c r="H2850" s="12"/>
    </row>
    <row r="2851" spans="8:8">
      <c r="H2851" s="12"/>
    </row>
    <row r="2852" spans="8:8">
      <c r="H2852" s="12"/>
    </row>
    <row r="2853" spans="8:8">
      <c r="H2853" s="12"/>
    </row>
    <row r="2854" spans="8:8">
      <c r="H2854" s="12"/>
    </row>
    <row r="2855" spans="8:8">
      <c r="H2855" s="12"/>
    </row>
    <row r="2856" spans="8:8">
      <c r="H2856" s="12"/>
    </row>
    <row r="2857" spans="8:8">
      <c r="H2857" s="12"/>
    </row>
    <row r="2858" spans="8:8">
      <c r="H2858" s="12"/>
    </row>
    <row r="2859" spans="8:8">
      <c r="H2859" s="12"/>
    </row>
    <row r="2860" spans="8:8">
      <c r="H2860" s="12"/>
    </row>
    <row r="2861" spans="8:8">
      <c r="H2861" s="12"/>
    </row>
    <row r="2862" spans="8:8">
      <c r="H2862" s="12"/>
    </row>
    <row r="2863" spans="8:8">
      <c r="H2863" s="12"/>
    </row>
    <row r="2864" spans="8:8">
      <c r="H2864" s="12"/>
    </row>
    <row r="2865" spans="8:8">
      <c r="H2865" s="12"/>
    </row>
    <row r="2866" spans="8:8">
      <c r="H2866" s="12"/>
    </row>
    <row r="2867" spans="8:8">
      <c r="H2867" s="12"/>
    </row>
    <row r="2868" spans="8:8">
      <c r="H2868" s="12"/>
    </row>
    <row r="2869" spans="8:8">
      <c r="H2869" s="12"/>
    </row>
    <row r="2870" spans="8:8">
      <c r="H2870" s="12"/>
    </row>
    <row r="2871" spans="8:8">
      <c r="H2871" s="12"/>
    </row>
    <row r="2872" spans="8:8">
      <c r="H2872" s="12"/>
    </row>
    <row r="2873" spans="8:8">
      <c r="H2873" s="12"/>
    </row>
    <row r="2874" spans="8:8">
      <c r="H2874" s="12"/>
    </row>
    <row r="2875" spans="8:8">
      <c r="H2875" s="12"/>
    </row>
    <row r="2876" spans="8:8">
      <c r="H2876" s="12"/>
    </row>
    <row r="2877" spans="8:8">
      <c r="H2877" s="12"/>
    </row>
    <row r="2878" spans="8:8">
      <c r="H2878" s="12"/>
    </row>
    <row r="2879" spans="8:8">
      <c r="H2879" s="12"/>
    </row>
    <row r="2880" spans="8:8">
      <c r="H2880" s="12"/>
    </row>
    <row r="2881" spans="8:8">
      <c r="H2881" s="12"/>
    </row>
    <row r="2882" spans="8:8">
      <c r="H2882" s="12"/>
    </row>
    <row r="2883" spans="8:8">
      <c r="H2883" s="12"/>
    </row>
    <row r="2884" spans="8:8">
      <c r="H2884" s="12"/>
    </row>
    <row r="2885" spans="8:8">
      <c r="H2885" s="12"/>
    </row>
    <row r="2886" spans="8:8">
      <c r="H2886" s="12"/>
    </row>
    <row r="2887" spans="8:8">
      <c r="H2887" s="12"/>
    </row>
    <row r="2888" spans="8:8">
      <c r="H2888" s="12"/>
    </row>
    <row r="2889" spans="8:8">
      <c r="H2889" s="12"/>
    </row>
    <row r="2890" spans="8:8">
      <c r="H2890" s="12"/>
    </row>
    <row r="2891" spans="8:8">
      <c r="H2891" s="12"/>
    </row>
    <row r="2892" spans="8:8">
      <c r="H2892" s="12"/>
    </row>
    <row r="2893" spans="8:8">
      <c r="H2893" s="12"/>
    </row>
    <row r="2894" spans="8:8">
      <c r="H2894" s="12"/>
    </row>
    <row r="2895" spans="8:8">
      <c r="H2895" s="12"/>
    </row>
    <row r="2896" spans="8:8">
      <c r="H2896" s="12"/>
    </row>
    <row r="2897" spans="8:8">
      <c r="H2897" s="12"/>
    </row>
    <row r="2898" spans="8:8">
      <c r="H2898" s="12"/>
    </row>
    <row r="2899" spans="8:8">
      <c r="H2899" s="12"/>
    </row>
    <row r="2900" spans="8:8">
      <c r="H2900" s="12"/>
    </row>
    <row r="2901" spans="8:8">
      <c r="H2901" s="12"/>
    </row>
    <row r="2902" spans="8:8">
      <c r="H2902" s="12"/>
    </row>
    <row r="2903" spans="8:8">
      <c r="H2903" s="12"/>
    </row>
    <row r="2904" spans="8:8">
      <c r="H2904" s="12"/>
    </row>
    <row r="2905" spans="8:8">
      <c r="H2905" s="12"/>
    </row>
    <row r="2906" spans="8:8">
      <c r="H2906" s="12"/>
    </row>
    <row r="2907" spans="8:8">
      <c r="H2907" s="12"/>
    </row>
    <row r="2908" spans="8:8">
      <c r="H2908" s="12"/>
    </row>
    <row r="2909" spans="8:8">
      <c r="H2909" s="12"/>
    </row>
    <row r="2910" spans="8:8">
      <c r="H2910" s="12"/>
    </row>
    <row r="2911" spans="8:8">
      <c r="H2911" s="12"/>
    </row>
    <row r="2912" spans="8:8">
      <c r="H2912" s="12"/>
    </row>
    <row r="2913" spans="8:8">
      <c r="H2913" s="12"/>
    </row>
    <row r="2914" spans="8:8">
      <c r="H2914" s="12"/>
    </row>
    <row r="2915" spans="8:8">
      <c r="H2915" s="12"/>
    </row>
    <row r="2916" spans="8:8">
      <c r="H2916" s="12"/>
    </row>
    <row r="2917" spans="8:8">
      <c r="H2917" s="12"/>
    </row>
    <row r="2918" spans="8:8">
      <c r="H2918" s="12"/>
    </row>
    <row r="2919" spans="8:8">
      <c r="H2919" s="12"/>
    </row>
    <row r="2920" spans="8:8">
      <c r="H2920" s="12"/>
    </row>
    <row r="2921" spans="8:8">
      <c r="H2921" s="12"/>
    </row>
    <row r="2922" spans="8:8">
      <c r="H2922" s="12"/>
    </row>
    <row r="2923" spans="8:8">
      <c r="H2923" s="12"/>
    </row>
    <row r="2924" spans="8:8">
      <c r="H2924" s="12"/>
    </row>
    <row r="2925" spans="8:8">
      <c r="H2925" s="12"/>
    </row>
    <row r="2926" spans="8:8">
      <c r="H2926" s="12"/>
    </row>
    <row r="2927" spans="8:8">
      <c r="H2927" s="12"/>
    </row>
    <row r="2928" spans="8:8">
      <c r="H2928" s="12"/>
    </row>
    <row r="2929" spans="8:8">
      <c r="H2929" s="12"/>
    </row>
    <row r="2930" spans="8:8">
      <c r="H2930" s="12"/>
    </row>
    <row r="2931" spans="8:8">
      <c r="H2931" s="12"/>
    </row>
    <row r="2932" spans="8:8">
      <c r="H2932" s="12"/>
    </row>
    <row r="2933" spans="8:8">
      <c r="H2933" s="12"/>
    </row>
    <row r="2934" spans="8:8">
      <c r="H2934" s="12"/>
    </row>
    <row r="2935" spans="8:8">
      <c r="H2935" s="12"/>
    </row>
    <row r="2936" spans="8:8">
      <c r="H2936" s="12"/>
    </row>
    <row r="2937" spans="8:8">
      <c r="H2937" s="12"/>
    </row>
    <row r="2938" spans="8:8">
      <c r="H2938" s="12"/>
    </row>
    <row r="2939" spans="8:8">
      <c r="H2939" s="12"/>
    </row>
    <row r="2940" spans="8:8">
      <c r="H2940" s="12"/>
    </row>
    <row r="2941" spans="8:8">
      <c r="H2941" s="12"/>
    </row>
    <row r="2942" spans="8:8">
      <c r="H2942" s="12"/>
    </row>
    <row r="2943" spans="8:8">
      <c r="H2943" s="12"/>
    </row>
    <row r="2944" spans="8:8">
      <c r="H2944" s="12"/>
    </row>
    <row r="2945" spans="8:8">
      <c r="H2945" s="12"/>
    </row>
    <row r="2946" spans="8:8">
      <c r="H2946" s="12"/>
    </row>
    <row r="2947" spans="8:8">
      <c r="H2947" s="12"/>
    </row>
    <row r="2948" spans="8:8">
      <c r="H2948" s="12"/>
    </row>
    <row r="2949" spans="8:8">
      <c r="H2949" s="12"/>
    </row>
    <row r="2950" spans="8:8">
      <c r="H2950" s="12"/>
    </row>
    <row r="2951" spans="8:8">
      <c r="H2951" s="12"/>
    </row>
    <row r="2952" spans="8:8">
      <c r="H2952" s="12"/>
    </row>
    <row r="2953" spans="8:8">
      <c r="H2953" s="12"/>
    </row>
    <row r="2954" spans="8:8">
      <c r="H2954" s="12"/>
    </row>
    <row r="2955" spans="8:8">
      <c r="H2955" s="12"/>
    </row>
    <row r="2956" spans="8:8">
      <c r="H2956" s="12"/>
    </row>
    <row r="2957" spans="8:8">
      <c r="H2957" s="12"/>
    </row>
    <row r="2958" spans="8:8">
      <c r="H2958" s="12"/>
    </row>
    <row r="2959" spans="8:8">
      <c r="H2959" s="12"/>
    </row>
    <row r="2960" spans="8:8">
      <c r="H2960" s="12"/>
    </row>
    <row r="2961" spans="8:8">
      <c r="H2961" s="12"/>
    </row>
    <row r="2962" spans="8:8">
      <c r="H2962" s="12"/>
    </row>
    <row r="2963" spans="8:8">
      <c r="H2963" s="12"/>
    </row>
    <row r="2964" spans="8:8">
      <c r="H2964" s="12"/>
    </row>
    <row r="2965" spans="8:8">
      <c r="H2965" s="12"/>
    </row>
    <row r="2966" spans="8:8">
      <c r="H2966" s="12"/>
    </row>
    <row r="2967" spans="8:8">
      <c r="H2967" s="12"/>
    </row>
    <row r="2968" spans="8:8">
      <c r="H2968" s="12"/>
    </row>
    <row r="2969" spans="8:8">
      <c r="H2969" s="12"/>
    </row>
    <row r="2970" spans="8:8">
      <c r="H2970" s="12"/>
    </row>
    <row r="2971" spans="8:8">
      <c r="H2971" s="12"/>
    </row>
    <row r="2972" spans="8:8">
      <c r="H2972" s="12"/>
    </row>
    <row r="2973" spans="8:8">
      <c r="H2973" s="12"/>
    </row>
    <row r="2974" spans="8:8">
      <c r="H2974" s="12"/>
    </row>
    <row r="2975" spans="8:8">
      <c r="H2975" s="12"/>
    </row>
    <row r="2976" spans="8:8">
      <c r="H2976" s="12"/>
    </row>
    <row r="2977" spans="8:8">
      <c r="H2977" s="12"/>
    </row>
    <row r="2978" spans="8:8">
      <c r="H2978" s="12"/>
    </row>
    <row r="2979" spans="8:8">
      <c r="H2979" s="12"/>
    </row>
    <row r="2980" spans="8:8">
      <c r="H2980" s="12"/>
    </row>
    <row r="2981" spans="8:8">
      <c r="H2981" s="12"/>
    </row>
    <row r="2982" spans="8:8">
      <c r="H2982" s="12"/>
    </row>
    <row r="2983" spans="8:8">
      <c r="H2983" s="12"/>
    </row>
    <row r="2984" spans="8:8">
      <c r="H2984" s="12"/>
    </row>
    <row r="2985" spans="8:8">
      <c r="H2985" s="12"/>
    </row>
    <row r="2986" spans="8:8">
      <c r="H2986" s="12"/>
    </row>
    <row r="2987" spans="8:8">
      <c r="H2987" s="12"/>
    </row>
    <row r="2988" spans="8:8">
      <c r="H2988" s="12"/>
    </row>
    <row r="2989" spans="8:8">
      <c r="H2989" s="12"/>
    </row>
    <row r="2990" spans="8:8">
      <c r="H2990" s="12"/>
    </row>
    <row r="2991" spans="8:8">
      <c r="H2991" s="12"/>
    </row>
    <row r="2992" spans="8:8">
      <c r="H2992" s="12"/>
    </row>
    <row r="2993" spans="8:8">
      <c r="H2993" s="12"/>
    </row>
    <row r="2994" spans="8:8">
      <c r="H2994" s="12"/>
    </row>
    <row r="2995" spans="8:8">
      <c r="H2995" s="12"/>
    </row>
    <row r="2996" spans="8:8">
      <c r="H2996" s="12"/>
    </row>
    <row r="2997" spans="8:8">
      <c r="H2997" s="12"/>
    </row>
    <row r="2998" spans="8:8">
      <c r="H2998" s="12"/>
    </row>
    <row r="2999" spans="8:8">
      <c r="H2999" s="12"/>
    </row>
    <row r="3000" spans="8:8">
      <c r="H3000" s="12"/>
    </row>
    <row r="3001" spans="8:8">
      <c r="H3001" s="12"/>
    </row>
    <row r="3002" spans="8:8">
      <c r="H3002" s="12"/>
    </row>
    <row r="3003" spans="8:8">
      <c r="H3003" s="12"/>
    </row>
    <row r="3004" spans="8:8">
      <c r="H3004" s="12"/>
    </row>
    <row r="3005" spans="8:8">
      <c r="H3005" s="12"/>
    </row>
    <row r="3006" spans="8:8">
      <c r="H3006" s="12"/>
    </row>
    <row r="3007" spans="8:8">
      <c r="H3007" s="12"/>
    </row>
    <row r="3008" spans="8:8">
      <c r="H3008" s="12"/>
    </row>
    <row r="3009" spans="8:8">
      <c r="H3009" s="12"/>
    </row>
    <row r="3010" spans="8:8">
      <c r="H3010" s="12"/>
    </row>
    <row r="3011" spans="8:8">
      <c r="H3011" s="12"/>
    </row>
    <row r="3012" spans="8:8">
      <c r="H3012" s="12"/>
    </row>
    <row r="3013" spans="8:8">
      <c r="H3013" s="12"/>
    </row>
    <row r="3014" spans="8:8">
      <c r="H3014" s="12"/>
    </row>
    <row r="3015" spans="8:8">
      <c r="H3015" s="12"/>
    </row>
    <row r="3016" spans="8:8">
      <c r="H3016" s="12"/>
    </row>
    <row r="3017" spans="8:8">
      <c r="H3017" s="12"/>
    </row>
    <row r="3018" spans="8:8">
      <c r="H3018" s="12"/>
    </row>
    <row r="3019" spans="8:8">
      <c r="H3019" s="12"/>
    </row>
    <row r="3020" spans="8:8">
      <c r="H3020" s="12"/>
    </row>
    <row r="3021" spans="8:8">
      <c r="H3021" s="12"/>
    </row>
    <row r="3022" spans="8:8">
      <c r="H3022" s="12"/>
    </row>
    <row r="3023" spans="8:8">
      <c r="H3023" s="12"/>
    </row>
    <row r="3024" spans="8:8">
      <c r="H3024" s="12"/>
    </row>
    <row r="3025" spans="8:8">
      <c r="H3025" s="12"/>
    </row>
    <row r="3026" spans="8:8">
      <c r="H3026" s="12"/>
    </row>
    <row r="3027" spans="8:8">
      <c r="H3027" s="12"/>
    </row>
    <row r="3028" spans="8:8">
      <c r="H3028" s="12"/>
    </row>
    <row r="3029" spans="8:8">
      <c r="H3029" s="12"/>
    </row>
    <row r="3030" spans="8:8">
      <c r="H3030" s="12"/>
    </row>
    <row r="3031" spans="8:8">
      <c r="H3031" s="12"/>
    </row>
    <row r="3032" spans="8:8">
      <c r="H3032" s="12"/>
    </row>
    <row r="3033" spans="8:8">
      <c r="H3033" s="12"/>
    </row>
    <row r="3034" spans="8:8">
      <c r="H3034" s="12"/>
    </row>
    <row r="3035" spans="8:8">
      <c r="H3035" s="12"/>
    </row>
    <row r="3036" spans="8:8">
      <c r="H3036" s="12"/>
    </row>
    <row r="3037" spans="8:8">
      <c r="H3037" s="12"/>
    </row>
    <row r="3038" spans="8:8">
      <c r="H3038" s="12"/>
    </row>
    <row r="3039" spans="8:8">
      <c r="H3039" s="12"/>
    </row>
    <row r="3040" spans="8:8">
      <c r="H3040" s="12"/>
    </row>
    <row r="3041" spans="8:8">
      <c r="H3041" s="12"/>
    </row>
    <row r="3042" spans="8:8">
      <c r="H3042" s="12"/>
    </row>
    <row r="3043" spans="8:8">
      <c r="H3043" s="12"/>
    </row>
    <row r="3044" spans="8:8">
      <c r="H3044" s="12"/>
    </row>
    <row r="3045" spans="8:8">
      <c r="H3045" s="12"/>
    </row>
    <row r="3046" spans="8:8">
      <c r="H3046" s="12"/>
    </row>
    <row r="3047" spans="8:8">
      <c r="H3047" s="12"/>
    </row>
    <row r="3048" spans="8:8">
      <c r="H3048" s="12"/>
    </row>
    <row r="3049" spans="8:8">
      <c r="H3049" s="12"/>
    </row>
    <row r="3050" spans="8:8">
      <c r="H3050" s="12"/>
    </row>
    <row r="3051" spans="8:8">
      <c r="H3051" s="12"/>
    </row>
    <row r="3052" spans="8:8">
      <c r="H3052" s="12"/>
    </row>
    <row r="3053" spans="8:8">
      <c r="H3053" s="12"/>
    </row>
    <row r="3054" spans="8:8">
      <c r="H3054" s="12"/>
    </row>
    <row r="3055" spans="8:8">
      <c r="H3055" s="12"/>
    </row>
    <row r="3056" spans="8:8">
      <c r="H3056" s="12"/>
    </row>
    <row r="3057" spans="8:8">
      <c r="H3057" s="12"/>
    </row>
    <row r="3058" spans="8:8">
      <c r="H3058" s="12"/>
    </row>
    <row r="3059" spans="8:8">
      <c r="H3059" s="12"/>
    </row>
    <row r="3060" spans="8:8">
      <c r="H3060" s="12"/>
    </row>
    <row r="3061" spans="8:8">
      <c r="H3061" s="12"/>
    </row>
    <row r="3062" spans="8:8">
      <c r="H3062" s="12"/>
    </row>
    <row r="3063" spans="8:8">
      <c r="H3063" s="12"/>
    </row>
    <row r="3064" spans="8:8">
      <c r="H3064" s="12"/>
    </row>
    <row r="3065" spans="8:8">
      <c r="H3065" s="12"/>
    </row>
    <row r="3066" spans="8:8">
      <c r="H3066" s="12"/>
    </row>
    <row r="3067" spans="8:8">
      <c r="H3067" s="12"/>
    </row>
    <row r="3068" spans="8:8">
      <c r="H3068" s="12"/>
    </row>
    <row r="3069" spans="8:8">
      <c r="H3069" s="12"/>
    </row>
    <row r="3070" spans="8:8">
      <c r="H3070" s="12"/>
    </row>
    <row r="3071" spans="8:8">
      <c r="H3071" s="12"/>
    </row>
    <row r="3072" spans="8:8">
      <c r="H3072" s="12"/>
    </row>
    <row r="3073" spans="8:8">
      <c r="H3073" s="12"/>
    </row>
    <row r="3074" spans="8:8">
      <c r="H3074" s="12"/>
    </row>
    <row r="3075" spans="8:8">
      <c r="H3075" s="12"/>
    </row>
    <row r="3076" spans="8:8">
      <c r="H3076" s="12"/>
    </row>
    <row r="3077" spans="8:8">
      <c r="H3077" s="12"/>
    </row>
    <row r="3078" spans="8:8">
      <c r="H3078" s="12"/>
    </row>
    <row r="3079" spans="8:8">
      <c r="H3079" s="12"/>
    </row>
    <row r="3080" spans="8:8">
      <c r="H3080" s="12"/>
    </row>
    <row r="3081" spans="8:8">
      <c r="H3081" s="12"/>
    </row>
    <row r="3082" spans="8:8">
      <c r="H3082" s="12"/>
    </row>
    <row r="3083" spans="8:8">
      <c r="H3083" s="12"/>
    </row>
    <row r="3084" spans="8:8">
      <c r="H3084" s="12"/>
    </row>
    <row r="3085" spans="8:8">
      <c r="H3085" s="12"/>
    </row>
    <row r="3086" spans="8:8">
      <c r="H3086" s="12"/>
    </row>
    <row r="3087" spans="8:8">
      <c r="H3087" s="12"/>
    </row>
    <row r="3088" spans="8:8">
      <c r="H3088" s="12"/>
    </row>
    <row r="3089" spans="8:8">
      <c r="H3089" s="12"/>
    </row>
    <row r="3090" spans="8:8">
      <c r="H3090" s="12"/>
    </row>
    <row r="3091" spans="8:8">
      <c r="H3091" s="12"/>
    </row>
    <row r="3092" spans="8:8">
      <c r="H3092" s="12"/>
    </row>
    <row r="3093" spans="8:8">
      <c r="H3093" s="12"/>
    </row>
    <row r="3094" spans="8:8">
      <c r="H3094" s="12"/>
    </row>
    <row r="3095" spans="8:8">
      <c r="H3095" s="12"/>
    </row>
    <row r="3096" spans="8:8">
      <c r="H3096" s="12"/>
    </row>
    <row r="3097" spans="8:8">
      <c r="H3097" s="12"/>
    </row>
    <row r="3098" spans="8:8">
      <c r="H3098" s="12"/>
    </row>
    <row r="3099" spans="8:8">
      <c r="H3099" s="12"/>
    </row>
    <row r="3100" spans="8:8">
      <c r="H3100" s="12"/>
    </row>
    <row r="3101" spans="8:8">
      <c r="H3101" s="12"/>
    </row>
    <row r="3102" spans="8:8">
      <c r="H3102" s="12"/>
    </row>
    <row r="3103" spans="8:8">
      <c r="H3103" s="12"/>
    </row>
    <row r="3104" spans="8:8">
      <c r="H3104" s="12"/>
    </row>
    <row r="3105" spans="8:8">
      <c r="H3105" s="12"/>
    </row>
    <row r="3106" spans="8:8">
      <c r="H3106" s="12"/>
    </row>
    <row r="3107" spans="8:8">
      <c r="H3107" s="12"/>
    </row>
    <row r="3108" spans="8:8">
      <c r="H3108" s="12"/>
    </row>
    <row r="3109" spans="8:8">
      <c r="H3109" s="12"/>
    </row>
    <row r="3110" spans="8:8">
      <c r="H3110" s="12"/>
    </row>
    <row r="3111" spans="8:8">
      <c r="H3111" s="12"/>
    </row>
    <row r="3112" spans="8:8">
      <c r="H3112" s="12"/>
    </row>
    <row r="3113" spans="8:8">
      <c r="H3113" s="12"/>
    </row>
    <row r="3114" spans="8:8">
      <c r="H3114" s="12"/>
    </row>
    <row r="3115" spans="8:8">
      <c r="H3115" s="12"/>
    </row>
    <row r="3116" spans="8:8">
      <c r="H3116" s="12"/>
    </row>
    <row r="3117" spans="8:8">
      <c r="H3117" s="12"/>
    </row>
    <row r="3118" spans="8:8">
      <c r="H3118" s="12"/>
    </row>
    <row r="3119" spans="8:8">
      <c r="H3119" s="12"/>
    </row>
    <row r="3120" spans="8:8">
      <c r="H3120" s="12"/>
    </row>
    <row r="3121" spans="8:8">
      <c r="H3121" s="12"/>
    </row>
    <row r="3122" spans="8:8">
      <c r="H3122" s="12"/>
    </row>
    <row r="3123" spans="8:8">
      <c r="H3123" s="12"/>
    </row>
    <row r="3124" spans="8:8">
      <c r="H3124" s="12"/>
    </row>
    <row r="3125" spans="8:8">
      <c r="H3125" s="12"/>
    </row>
    <row r="3126" spans="8:8">
      <c r="H3126" s="12"/>
    </row>
    <row r="3127" spans="8:8">
      <c r="H3127" s="12"/>
    </row>
    <row r="3128" spans="8:8">
      <c r="H3128" s="12"/>
    </row>
    <row r="3129" spans="8:8">
      <c r="H3129" s="12"/>
    </row>
    <row r="3130" spans="8:8">
      <c r="H3130" s="12"/>
    </row>
    <row r="3131" spans="8:8">
      <c r="H3131" s="12"/>
    </row>
    <row r="3132" spans="8:8">
      <c r="H3132" s="12"/>
    </row>
    <row r="3133" spans="8:8">
      <c r="H3133" s="12"/>
    </row>
    <row r="3134" spans="8:8">
      <c r="H3134" s="12"/>
    </row>
    <row r="3135" spans="8:8">
      <c r="H3135" s="12"/>
    </row>
    <row r="3136" spans="8:8">
      <c r="H3136" s="12"/>
    </row>
    <row r="3137" spans="8:8">
      <c r="H3137" s="12"/>
    </row>
    <row r="3138" spans="8:8">
      <c r="H3138" s="12"/>
    </row>
    <row r="3139" spans="8:8">
      <c r="H3139" s="12"/>
    </row>
    <row r="3140" spans="8:8">
      <c r="H3140" s="12"/>
    </row>
    <row r="3141" spans="8:8">
      <c r="H3141" s="12"/>
    </row>
    <row r="3142" spans="8:8">
      <c r="H3142" s="12"/>
    </row>
    <row r="3143" spans="8:8">
      <c r="H3143" s="12"/>
    </row>
    <row r="3144" spans="8:8">
      <c r="H3144" s="12"/>
    </row>
    <row r="3145" spans="8:8">
      <c r="H3145" s="12"/>
    </row>
    <row r="3146" spans="8:8">
      <c r="H3146" s="12"/>
    </row>
    <row r="3147" spans="8:8">
      <c r="H3147" s="12"/>
    </row>
    <row r="3148" spans="8:8">
      <c r="H3148" s="12"/>
    </row>
    <row r="3149" spans="8:8">
      <c r="H3149" s="12"/>
    </row>
    <row r="3150" spans="8:8">
      <c r="H3150" s="12"/>
    </row>
    <row r="3151" spans="8:8">
      <c r="H3151" s="12"/>
    </row>
    <row r="3152" spans="8:8">
      <c r="H3152" s="12"/>
    </row>
    <row r="3153" spans="8:8">
      <c r="H3153" s="12"/>
    </row>
    <row r="3154" spans="8:8">
      <c r="H3154" s="12"/>
    </row>
    <row r="3155" spans="8:8">
      <c r="H3155" s="12"/>
    </row>
    <row r="3156" spans="8:8">
      <c r="H3156" s="12"/>
    </row>
    <row r="3157" spans="8:8">
      <c r="H3157" s="12"/>
    </row>
    <row r="3158" spans="8:8">
      <c r="H3158" s="12"/>
    </row>
    <row r="3159" spans="8:8">
      <c r="H3159" s="12"/>
    </row>
    <row r="3160" spans="8:8">
      <c r="H3160" s="12"/>
    </row>
    <row r="3161" spans="8:8">
      <c r="H3161" s="12"/>
    </row>
    <row r="3162" spans="8:8">
      <c r="H3162" s="12"/>
    </row>
    <row r="3163" spans="8:8">
      <c r="H3163" s="12"/>
    </row>
    <row r="3164" spans="8:8">
      <c r="H3164" s="12"/>
    </row>
    <row r="3165" spans="8:8">
      <c r="H3165" s="12"/>
    </row>
    <row r="3166" spans="8:8">
      <c r="H3166" s="12"/>
    </row>
    <row r="3167" spans="8:8">
      <c r="H3167" s="12"/>
    </row>
    <row r="3168" spans="8:8">
      <c r="H3168" s="12"/>
    </row>
    <row r="3169" spans="8:8">
      <c r="H3169" s="12"/>
    </row>
    <row r="3170" spans="8:8">
      <c r="H3170" s="12"/>
    </row>
    <row r="3171" spans="8:8">
      <c r="H3171" s="12"/>
    </row>
    <row r="3172" spans="8:8">
      <c r="H3172" s="12"/>
    </row>
    <row r="3173" spans="8:8">
      <c r="H3173" s="12"/>
    </row>
    <row r="3174" spans="8:8">
      <c r="H3174" s="12"/>
    </row>
    <row r="3175" spans="8:8">
      <c r="H3175" s="12"/>
    </row>
    <row r="3176" spans="8:8">
      <c r="H3176" s="12"/>
    </row>
    <row r="3177" spans="8:8">
      <c r="H3177" s="12"/>
    </row>
    <row r="3178" spans="8:8">
      <c r="H3178" s="12"/>
    </row>
    <row r="3179" spans="8:8">
      <c r="H3179" s="12"/>
    </row>
    <row r="3180" spans="8:8">
      <c r="H3180" s="12"/>
    </row>
    <row r="3181" spans="8:8">
      <c r="H3181" s="12"/>
    </row>
    <row r="3182" spans="8:8">
      <c r="H3182" s="12"/>
    </row>
    <row r="3183" spans="8:8">
      <c r="H3183" s="12"/>
    </row>
    <row r="3184" spans="8:8">
      <c r="H3184" s="12"/>
    </row>
    <row r="3185" spans="8:8">
      <c r="H3185" s="12"/>
    </row>
    <row r="3186" spans="8:8">
      <c r="H3186" s="12"/>
    </row>
    <row r="3187" spans="8:8">
      <c r="H3187" s="12"/>
    </row>
    <row r="3188" spans="8:8">
      <c r="H3188" s="12"/>
    </row>
    <row r="3189" spans="8:8">
      <c r="H3189" s="12"/>
    </row>
    <row r="3190" spans="8:8">
      <c r="H3190" s="12"/>
    </row>
    <row r="3191" spans="8:8">
      <c r="H3191" s="12"/>
    </row>
    <row r="3192" spans="8:8">
      <c r="H3192" s="12"/>
    </row>
    <row r="3193" spans="8:8">
      <c r="H3193" s="12"/>
    </row>
    <row r="3194" spans="8:8">
      <c r="H3194" s="12"/>
    </row>
    <row r="3195" spans="8:8">
      <c r="H3195" s="12"/>
    </row>
    <row r="3196" spans="8:8">
      <c r="H3196" s="12"/>
    </row>
    <row r="3197" spans="8:8">
      <c r="H3197" s="12"/>
    </row>
    <row r="3198" spans="8:8">
      <c r="H3198" s="12"/>
    </row>
    <row r="3199" spans="8:8">
      <c r="H3199" s="12"/>
    </row>
    <row r="3200" spans="8:8">
      <c r="H3200" s="12"/>
    </row>
    <row r="3201" spans="8:8">
      <c r="H3201" s="12"/>
    </row>
    <row r="3202" spans="8:8">
      <c r="H3202" s="12"/>
    </row>
    <row r="3203" spans="8:8">
      <c r="H3203" s="12"/>
    </row>
    <row r="3204" spans="8:8">
      <c r="H3204" s="12"/>
    </row>
    <row r="3205" spans="8:8">
      <c r="H3205" s="12"/>
    </row>
    <row r="3206" spans="8:8">
      <c r="H3206" s="12"/>
    </row>
    <row r="3207" spans="8:8">
      <c r="H3207" s="12"/>
    </row>
    <row r="3208" spans="8:8">
      <c r="H3208" s="12"/>
    </row>
    <row r="3209" spans="8:8">
      <c r="H3209" s="12"/>
    </row>
    <row r="3210" spans="8:8">
      <c r="H3210" s="12"/>
    </row>
    <row r="3211" spans="8:8">
      <c r="H3211" s="12"/>
    </row>
    <row r="3212" spans="8:8">
      <c r="H3212" s="12"/>
    </row>
    <row r="3213" spans="8:8">
      <c r="H3213" s="12"/>
    </row>
    <row r="3214" spans="8:8">
      <c r="H3214" s="12"/>
    </row>
    <row r="3215" spans="8:8">
      <c r="H3215" s="12"/>
    </row>
    <row r="3216" spans="8:8">
      <c r="H3216" s="12"/>
    </row>
    <row r="3217" spans="8:8">
      <c r="H3217" s="12"/>
    </row>
    <row r="3218" spans="8:8">
      <c r="H3218" s="12"/>
    </row>
    <row r="3219" spans="8:8">
      <c r="H3219" s="12"/>
    </row>
    <row r="3220" spans="8:8">
      <c r="H3220" s="12"/>
    </row>
    <row r="3221" spans="8:8">
      <c r="H3221" s="12"/>
    </row>
    <row r="3222" spans="8:8">
      <c r="H3222" s="12"/>
    </row>
    <row r="3223" spans="8:8">
      <c r="H3223" s="12"/>
    </row>
    <row r="3224" spans="8:8">
      <c r="H3224" s="12"/>
    </row>
    <row r="3225" spans="8:8">
      <c r="H3225" s="12"/>
    </row>
    <row r="3226" spans="8:8">
      <c r="H3226" s="12"/>
    </row>
    <row r="3227" spans="8:8">
      <c r="H3227" s="12"/>
    </row>
    <row r="3228" spans="8:8">
      <c r="H3228" s="12"/>
    </row>
    <row r="3229" spans="8:8">
      <c r="H3229" s="12"/>
    </row>
    <row r="3230" spans="8:8">
      <c r="H3230" s="12"/>
    </row>
    <row r="3231" spans="8:8">
      <c r="H3231" s="12"/>
    </row>
    <row r="3232" spans="8:8">
      <c r="H3232" s="12"/>
    </row>
    <row r="3233" spans="8:8">
      <c r="H3233" s="12"/>
    </row>
    <row r="3234" spans="8:8">
      <c r="H3234" s="12"/>
    </row>
    <row r="3235" spans="8:8">
      <c r="H3235" s="12"/>
    </row>
    <row r="3236" spans="8:8">
      <c r="H3236" s="12"/>
    </row>
    <row r="3237" spans="8:8">
      <c r="H3237" s="12"/>
    </row>
    <row r="3238" spans="8:8">
      <c r="H3238" s="12"/>
    </row>
    <row r="3239" spans="8:8">
      <c r="H3239" s="12"/>
    </row>
    <row r="3240" spans="8:8">
      <c r="H3240" s="12"/>
    </row>
    <row r="3241" spans="8:8">
      <c r="H3241" s="12"/>
    </row>
    <row r="3242" spans="8:8">
      <c r="H3242" s="12"/>
    </row>
    <row r="3243" spans="8:8">
      <c r="H3243" s="12"/>
    </row>
    <row r="3244" spans="8:8">
      <c r="H3244" s="12"/>
    </row>
    <row r="3245" spans="8:8">
      <c r="H3245" s="12"/>
    </row>
    <row r="3246" spans="8:8">
      <c r="H3246" s="12"/>
    </row>
    <row r="3247" spans="8:8">
      <c r="H3247" s="12"/>
    </row>
    <row r="3248" spans="8:8">
      <c r="H3248" s="12"/>
    </row>
    <row r="3249" spans="8:8">
      <c r="H3249" s="12"/>
    </row>
    <row r="3250" spans="8:8">
      <c r="H3250" s="12"/>
    </row>
    <row r="3251" spans="8:8">
      <c r="H3251" s="12"/>
    </row>
    <row r="3252" spans="8:8">
      <c r="H3252" s="12"/>
    </row>
    <row r="3253" spans="8:8">
      <c r="H3253" s="12"/>
    </row>
    <row r="3254" spans="8:8">
      <c r="H3254" s="12"/>
    </row>
    <row r="3255" spans="8:8">
      <c r="H3255" s="12"/>
    </row>
    <row r="3256" spans="8:8">
      <c r="H3256" s="12"/>
    </row>
    <row r="3257" spans="8:8">
      <c r="H3257" s="12"/>
    </row>
    <row r="3258" spans="8:8">
      <c r="H3258" s="12"/>
    </row>
    <row r="3259" spans="8:8">
      <c r="H3259" s="12"/>
    </row>
    <row r="3260" spans="8:8">
      <c r="H3260" s="12"/>
    </row>
    <row r="3261" spans="8:8">
      <c r="H3261" s="12"/>
    </row>
    <row r="3262" spans="8:8">
      <c r="H3262" s="12"/>
    </row>
    <row r="3263" spans="8:8">
      <c r="H3263" s="12"/>
    </row>
    <row r="3264" spans="8:8">
      <c r="H3264" s="12"/>
    </row>
    <row r="3265" spans="8:8">
      <c r="H3265" s="12"/>
    </row>
    <row r="3266" spans="8:8">
      <c r="H3266" s="12"/>
    </row>
    <row r="3267" spans="8:8">
      <c r="H3267" s="12"/>
    </row>
    <row r="3268" spans="8:8">
      <c r="H3268" s="12"/>
    </row>
    <row r="3269" spans="8:8">
      <c r="H3269" s="12"/>
    </row>
    <row r="3270" spans="8:8">
      <c r="H3270" s="12"/>
    </row>
    <row r="3271" spans="8:8">
      <c r="H3271" s="12"/>
    </row>
    <row r="3272" spans="8:8">
      <c r="H3272" s="12"/>
    </row>
    <row r="3273" spans="8:8">
      <c r="H3273" s="12"/>
    </row>
    <row r="3274" spans="8:8">
      <c r="H3274" s="12"/>
    </row>
    <row r="3275" spans="8:8">
      <c r="H3275" s="12"/>
    </row>
    <row r="3276" spans="8:8">
      <c r="H3276" s="12"/>
    </row>
    <row r="3277" spans="8:8">
      <c r="H3277" s="12"/>
    </row>
    <row r="3278" spans="8:8">
      <c r="H3278" s="12"/>
    </row>
    <row r="3279" spans="8:8">
      <c r="H3279" s="12"/>
    </row>
    <row r="3280" spans="8:8">
      <c r="H3280" s="12"/>
    </row>
    <row r="3281" spans="8:8">
      <c r="H3281" s="12"/>
    </row>
    <row r="3282" spans="8:8">
      <c r="H3282" s="12"/>
    </row>
    <row r="3283" spans="8:8">
      <c r="H3283" s="12"/>
    </row>
    <row r="3284" spans="8:8">
      <c r="H3284" s="12"/>
    </row>
    <row r="3285" spans="8:8">
      <c r="H3285" s="12"/>
    </row>
    <row r="3286" spans="8:8">
      <c r="H3286" s="12"/>
    </row>
    <row r="3287" spans="8:8">
      <c r="H3287" s="12"/>
    </row>
    <row r="3288" spans="8:8">
      <c r="H3288" s="12"/>
    </row>
    <row r="3289" spans="8:8">
      <c r="H3289" s="12"/>
    </row>
    <row r="3290" spans="8:8">
      <c r="H3290" s="12"/>
    </row>
    <row r="3291" spans="8:8">
      <c r="H3291" s="12"/>
    </row>
    <row r="3292" spans="8:8">
      <c r="H3292" s="12"/>
    </row>
    <row r="3293" spans="8:8">
      <c r="H3293" s="12"/>
    </row>
    <row r="3294" spans="8:8">
      <c r="H3294" s="12"/>
    </row>
    <row r="3295" spans="8:8">
      <c r="H3295" s="12"/>
    </row>
    <row r="3296" spans="8:8">
      <c r="H3296" s="12"/>
    </row>
    <row r="3297" spans="8:8">
      <c r="H3297" s="12"/>
    </row>
    <row r="3298" spans="8:8">
      <c r="H3298" s="12"/>
    </row>
    <row r="3299" spans="8:8">
      <c r="H3299" s="12"/>
    </row>
    <row r="3300" spans="8:8">
      <c r="H3300" s="12"/>
    </row>
    <row r="3301" spans="8:8">
      <c r="H3301" s="12"/>
    </row>
    <row r="3302" spans="8:8">
      <c r="H3302" s="12"/>
    </row>
    <row r="3303" spans="8:8">
      <c r="H3303" s="12"/>
    </row>
    <row r="3304" spans="8:8">
      <c r="H3304" s="12"/>
    </row>
    <row r="3305" spans="8:8">
      <c r="H3305" s="12"/>
    </row>
    <row r="3306" spans="8:8">
      <c r="H3306" s="12"/>
    </row>
    <row r="3307" spans="8:8">
      <c r="H3307" s="12"/>
    </row>
    <row r="3308" spans="8:8">
      <c r="H3308" s="12"/>
    </row>
    <row r="3309" spans="8:8">
      <c r="H3309" s="12"/>
    </row>
    <row r="3310" spans="8:8">
      <c r="H3310" s="12"/>
    </row>
    <row r="3311" spans="8:8">
      <c r="H3311" s="12"/>
    </row>
    <row r="3312" spans="8:8">
      <c r="H3312" s="12"/>
    </row>
    <row r="3313" spans="8:8">
      <c r="H3313" s="12"/>
    </row>
    <row r="3314" spans="8:8">
      <c r="H3314" s="12"/>
    </row>
    <row r="3315" spans="8:8">
      <c r="H3315" s="12"/>
    </row>
    <row r="3316" spans="8:8">
      <c r="H3316" s="12"/>
    </row>
    <row r="3317" spans="8:8">
      <c r="H3317" s="12"/>
    </row>
    <row r="3318" spans="8:8">
      <c r="H3318" s="12"/>
    </row>
    <row r="3319" spans="8:8">
      <c r="H3319" s="12"/>
    </row>
    <row r="3320" spans="8:8">
      <c r="H3320" s="12"/>
    </row>
    <row r="3321" spans="8:8">
      <c r="H3321" s="12"/>
    </row>
    <row r="3322" spans="8:8">
      <c r="H3322" s="12"/>
    </row>
    <row r="3323" spans="8:8">
      <c r="H3323" s="12"/>
    </row>
    <row r="3324" spans="8:8">
      <c r="H3324" s="12"/>
    </row>
    <row r="3325" spans="8:8">
      <c r="H3325" s="12"/>
    </row>
    <row r="3326" spans="8:8">
      <c r="H3326" s="12"/>
    </row>
    <row r="3327" spans="8:8">
      <c r="H3327" s="12"/>
    </row>
    <row r="3328" spans="8:8">
      <c r="H3328" s="12"/>
    </row>
    <row r="3329" spans="8:8">
      <c r="H3329" s="12"/>
    </row>
    <row r="3330" spans="8:8">
      <c r="H3330" s="12"/>
    </row>
    <row r="3331" spans="8:8">
      <c r="H3331" s="12"/>
    </row>
    <row r="3332" spans="8:8">
      <c r="H3332" s="12"/>
    </row>
    <row r="3333" spans="8:8">
      <c r="H3333" s="12"/>
    </row>
    <row r="3334" spans="8:8">
      <c r="H3334" s="12"/>
    </row>
    <row r="3335" spans="8:8">
      <c r="H3335" s="12"/>
    </row>
    <row r="3336" spans="8:8">
      <c r="H3336" s="12"/>
    </row>
    <row r="3337" spans="8:8">
      <c r="H3337" s="12"/>
    </row>
    <row r="3338" spans="8:8">
      <c r="H3338" s="12"/>
    </row>
    <row r="3339" spans="8:8">
      <c r="H3339" s="12"/>
    </row>
    <row r="3340" spans="8:8">
      <c r="H3340" s="12"/>
    </row>
    <row r="3341" spans="8:8">
      <c r="H3341" s="12"/>
    </row>
    <row r="3342" spans="8:8">
      <c r="H3342" s="12"/>
    </row>
    <row r="3343" spans="8:8">
      <c r="H3343" s="12"/>
    </row>
    <row r="3344" spans="8:8">
      <c r="H3344" s="12"/>
    </row>
    <row r="3345" spans="8:8">
      <c r="H3345" s="12"/>
    </row>
    <row r="3346" spans="8:8">
      <c r="H3346" s="12"/>
    </row>
    <row r="3347" spans="8:8">
      <c r="H3347" s="12"/>
    </row>
    <row r="3348" spans="8:8">
      <c r="H3348" s="12"/>
    </row>
    <row r="3349" spans="8:8">
      <c r="H3349" s="12"/>
    </row>
    <row r="3350" spans="8:8">
      <c r="H3350" s="12"/>
    </row>
    <row r="3351" spans="8:8">
      <c r="H3351" s="12"/>
    </row>
    <row r="3352" spans="8:8">
      <c r="H3352" s="12"/>
    </row>
    <row r="3353" spans="8:8">
      <c r="H3353" s="12"/>
    </row>
    <row r="3354" spans="8:8">
      <c r="H3354" s="12"/>
    </row>
    <row r="3355" spans="8:8">
      <c r="H3355" s="12"/>
    </row>
    <row r="3356" spans="8:8">
      <c r="H3356" s="12"/>
    </row>
    <row r="3357" spans="8:8">
      <c r="H3357" s="12"/>
    </row>
    <row r="3358" spans="8:8">
      <c r="H3358" s="12"/>
    </row>
    <row r="3359" spans="8:8">
      <c r="H3359" s="12"/>
    </row>
    <row r="3360" spans="8:8">
      <c r="H3360" s="12"/>
    </row>
    <row r="3361" spans="8:8">
      <c r="H3361" s="12"/>
    </row>
    <row r="3362" spans="8:8">
      <c r="H3362" s="12"/>
    </row>
    <row r="3363" spans="8:8">
      <c r="H3363" s="12"/>
    </row>
    <row r="3364" spans="8:8">
      <c r="H3364" s="12"/>
    </row>
    <row r="3365" spans="8:8">
      <c r="H3365" s="12"/>
    </row>
    <row r="3366" spans="8:8">
      <c r="H3366" s="12"/>
    </row>
    <row r="3367" spans="8:8">
      <c r="H3367" s="12"/>
    </row>
    <row r="3368" spans="8:8">
      <c r="H3368" s="12"/>
    </row>
    <row r="3369" spans="8:8">
      <c r="H3369" s="12"/>
    </row>
    <row r="3370" spans="8:8">
      <c r="H3370" s="12"/>
    </row>
    <row r="3371" spans="8:8">
      <c r="H3371" s="12"/>
    </row>
    <row r="3372" spans="8:8">
      <c r="H3372" s="12"/>
    </row>
    <row r="3373" spans="8:8">
      <c r="H3373" s="12"/>
    </row>
    <row r="3374" spans="8:8">
      <c r="H3374" s="12"/>
    </row>
    <row r="3375" spans="8:8">
      <c r="H3375" s="12"/>
    </row>
    <row r="3376" spans="8:8">
      <c r="H3376" s="12"/>
    </row>
    <row r="3377" spans="8:8">
      <c r="H3377" s="12"/>
    </row>
    <row r="3378" spans="8:8">
      <c r="H3378" s="12"/>
    </row>
    <row r="3379" spans="8:8">
      <c r="H3379" s="12"/>
    </row>
    <row r="3380" spans="8:8">
      <c r="H3380" s="12"/>
    </row>
    <row r="3381" spans="8:8">
      <c r="H3381" s="12"/>
    </row>
    <row r="3382" spans="8:8">
      <c r="H3382" s="12"/>
    </row>
    <row r="3383" spans="8:8">
      <c r="H3383" s="12"/>
    </row>
    <row r="3384" spans="8:8">
      <c r="H3384" s="12"/>
    </row>
    <row r="3385" spans="8:8">
      <c r="H3385" s="12"/>
    </row>
    <row r="3386" spans="8:8">
      <c r="H3386" s="12"/>
    </row>
    <row r="3387" spans="8:8">
      <c r="H3387" s="12"/>
    </row>
    <row r="3388" spans="8:8">
      <c r="H3388" s="12"/>
    </row>
    <row r="3389" spans="8:8">
      <c r="H3389" s="12"/>
    </row>
    <row r="3390" spans="8:8">
      <c r="H3390" s="12"/>
    </row>
    <row r="3391" spans="8:8">
      <c r="H3391" s="12"/>
    </row>
    <row r="3392" spans="8:8">
      <c r="H3392" s="12"/>
    </row>
    <row r="3393" spans="8:8">
      <c r="H3393" s="12"/>
    </row>
    <row r="3394" spans="8:8">
      <c r="H3394" s="12"/>
    </row>
    <row r="3395" spans="8:8">
      <c r="H3395" s="12"/>
    </row>
    <row r="3396" spans="8:8">
      <c r="H3396" s="12"/>
    </row>
    <row r="3397" spans="8:8">
      <c r="H3397" s="12"/>
    </row>
    <row r="3398" spans="8:8">
      <c r="H3398" s="12"/>
    </row>
    <row r="3399" spans="8:8">
      <c r="H3399" s="12"/>
    </row>
    <row r="3400" spans="8:8">
      <c r="H3400" s="12"/>
    </row>
    <row r="3401" spans="8:8">
      <c r="H3401" s="12"/>
    </row>
    <row r="3402" spans="8:8">
      <c r="H3402" s="12"/>
    </row>
    <row r="3403" spans="8:8">
      <c r="H3403" s="12"/>
    </row>
    <row r="3404" spans="8:8">
      <c r="H3404" s="12"/>
    </row>
    <row r="3405" spans="8:8">
      <c r="H3405" s="12"/>
    </row>
    <row r="3406" spans="8:8">
      <c r="H3406" s="12"/>
    </row>
    <row r="3407" spans="8:8">
      <c r="H3407" s="12"/>
    </row>
    <row r="3408" spans="8:8">
      <c r="H3408" s="12"/>
    </row>
    <row r="3409" spans="8:8">
      <c r="H3409" s="12"/>
    </row>
    <row r="3410" spans="8:8">
      <c r="H3410" s="12"/>
    </row>
    <row r="3411" spans="8:8">
      <c r="H3411" s="12"/>
    </row>
    <row r="3412" spans="8:8">
      <c r="H3412" s="12"/>
    </row>
    <row r="3413" spans="8:8">
      <c r="H3413" s="12"/>
    </row>
    <row r="3414" spans="8:8">
      <c r="H3414" s="12"/>
    </row>
    <row r="3415" spans="8:8">
      <c r="H3415" s="12"/>
    </row>
    <row r="3416" spans="8:8">
      <c r="H3416" s="12"/>
    </row>
    <row r="3417" spans="8:8">
      <c r="H3417" s="12"/>
    </row>
    <row r="3418" spans="8:8">
      <c r="H3418" s="12"/>
    </row>
    <row r="3419" spans="8:8">
      <c r="H3419" s="12"/>
    </row>
    <row r="3420" spans="8:8">
      <c r="H3420" s="12"/>
    </row>
    <row r="3421" spans="8:8">
      <c r="H3421" s="12"/>
    </row>
    <row r="3422" spans="8:8">
      <c r="H3422" s="12"/>
    </row>
    <row r="3423" spans="8:8">
      <c r="H3423" s="12"/>
    </row>
    <row r="3424" spans="8:8">
      <c r="H3424" s="12"/>
    </row>
    <row r="3425" spans="8:8">
      <c r="H3425" s="12"/>
    </row>
    <row r="3426" spans="8:8">
      <c r="H3426" s="12"/>
    </row>
    <row r="3427" spans="8:8">
      <c r="H3427" s="12"/>
    </row>
    <row r="3428" spans="8:8">
      <c r="H3428" s="12"/>
    </row>
    <row r="3429" spans="8:8">
      <c r="H3429" s="12"/>
    </row>
    <row r="3430" spans="8:8">
      <c r="H3430" s="12"/>
    </row>
    <row r="3431" spans="8:8">
      <c r="H3431" s="12"/>
    </row>
    <row r="3432" spans="8:8">
      <c r="H3432" s="12"/>
    </row>
    <row r="3433" spans="8:8">
      <c r="H3433" s="12"/>
    </row>
    <row r="3434" spans="8:8">
      <c r="H3434" s="12"/>
    </row>
    <row r="3435" spans="8:8">
      <c r="H3435" s="12"/>
    </row>
    <row r="3436" spans="8:8">
      <c r="H3436" s="12"/>
    </row>
    <row r="3437" spans="8:8">
      <c r="H3437" s="12"/>
    </row>
    <row r="3438" spans="8:8">
      <c r="H3438" s="12"/>
    </row>
    <row r="3439" spans="8:8">
      <c r="H3439" s="12"/>
    </row>
    <row r="3440" spans="8:8">
      <c r="H3440" s="12"/>
    </row>
    <row r="3441" spans="8:8">
      <c r="H3441" s="12"/>
    </row>
    <row r="3442" spans="8:8">
      <c r="H3442" s="12"/>
    </row>
    <row r="3443" spans="8:8">
      <c r="H3443" s="12"/>
    </row>
    <row r="3444" spans="8:8">
      <c r="H3444" s="12"/>
    </row>
    <row r="3445" spans="8:8">
      <c r="H3445" s="12"/>
    </row>
    <row r="3446" spans="8:8">
      <c r="H3446" s="12"/>
    </row>
    <row r="3447" spans="8:8">
      <c r="H3447" s="12"/>
    </row>
    <row r="3448" spans="8:8">
      <c r="H3448" s="12"/>
    </row>
    <row r="3449" spans="8:8">
      <c r="H3449" s="12"/>
    </row>
    <row r="3450" spans="8:8">
      <c r="H3450" s="12"/>
    </row>
    <row r="3451" spans="8:8">
      <c r="H3451" s="12"/>
    </row>
    <row r="3452" spans="8:8">
      <c r="H3452" s="12"/>
    </row>
    <row r="3453" spans="8:8">
      <c r="H3453" s="12"/>
    </row>
    <row r="3454" spans="8:8">
      <c r="H3454" s="12"/>
    </row>
    <row r="3455" spans="8:8">
      <c r="H3455" s="12"/>
    </row>
    <row r="3456" spans="8:8">
      <c r="H3456" s="12"/>
    </row>
    <row r="3457" spans="8:8">
      <c r="H3457" s="12"/>
    </row>
    <row r="3458" spans="8:8">
      <c r="H3458" s="12"/>
    </row>
    <row r="3459" spans="8:8">
      <c r="H3459" s="12"/>
    </row>
    <row r="3460" spans="8:8">
      <c r="H3460" s="12"/>
    </row>
    <row r="3461" spans="8:8">
      <c r="H3461" s="12"/>
    </row>
    <row r="3462" spans="8:8">
      <c r="H3462" s="12"/>
    </row>
    <row r="3463" spans="8:8">
      <c r="H3463" s="12"/>
    </row>
    <row r="3464" spans="8:8">
      <c r="H3464" s="12"/>
    </row>
    <row r="3465" spans="8:8">
      <c r="H3465" s="12"/>
    </row>
    <row r="3466" spans="8:8">
      <c r="H3466" s="12"/>
    </row>
    <row r="3467" spans="8:8">
      <c r="H3467" s="12"/>
    </row>
    <row r="3468" spans="8:8">
      <c r="H3468" s="12"/>
    </row>
    <row r="3469" spans="8:8">
      <c r="H3469" s="12"/>
    </row>
    <row r="3470" spans="8:8">
      <c r="H3470" s="12"/>
    </row>
    <row r="3471" spans="8:8">
      <c r="H3471" s="12"/>
    </row>
    <row r="3472" spans="8:8">
      <c r="H3472" s="12"/>
    </row>
    <row r="3473" spans="8:8">
      <c r="H3473" s="12"/>
    </row>
    <row r="3474" spans="8:8">
      <c r="H3474" s="12"/>
    </row>
    <row r="3475" spans="8:8">
      <c r="H3475" s="12"/>
    </row>
    <row r="3476" spans="8:8">
      <c r="H3476" s="12"/>
    </row>
    <row r="3477" spans="8:8">
      <c r="H3477" s="12"/>
    </row>
    <row r="3478" spans="8:8">
      <c r="H3478" s="12"/>
    </row>
    <row r="3479" spans="8:8">
      <c r="H3479" s="12"/>
    </row>
    <row r="3480" spans="8:8">
      <c r="H3480" s="12"/>
    </row>
    <row r="3481" spans="8:8">
      <c r="H3481" s="12"/>
    </row>
    <row r="3482" spans="8:8">
      <c r="H3482" s="12"/>
    </row>
    <row r="3483" spans="8:8">
      <c r="H3483" s="12"/>
    </row>
    <row r="3484" spans="8:8">
      <c r="H3484" s="12"/>
    </row>
    <row r="3485" spans="8:8">
      <c r="H3485" s="12"/>
    </row>
    <row r="3486" spans="8:8">
      <c r="H3486" s="12"/>
    </row>
    <row r="3487" spans="8:8">
      <c r="H3487" s="12"/>
    </row>
    <row r="3488" spans="8:8">
      <c r="H3488" s="12"/>
    </row>
    <row r="3489" spans="8:8">
      <c r="H3489" s="12"/>
    </row>
    <row r="3490" spans="8:8">
      <c r="H3490" s="12"/>
    </row>
    <row r="3491" spans="8:8">
      <c r="H3491" s="12"/>
    </row>
    <row r="3492" spans="8:8">
      <c r="H3492" s="12"/>
    </row>
    <row r="3493" spans="8:8">
      <c r="H3493" s="12"/>
    </row>
    <row r="3494" spans="8:8">
      <c r="H3494" s="12"/>
    </row>
    <row r="3495" spans="8:8">
      <c r="H3495" s="12"/>
    </row>
    <row r="3496" spans="8:8">
      <c r="H3496" s="12"/>
    </row>
    <row r="3497" spans="8:8">
      <c r="H3497" s="12"/>
    </row>
    <row r="3498" spans="8:8">
      <c r="H3498" s="12"/>
    </row>
    <row r="3499" spans="8:8">
      <c r="H3499" s="12"/>
    </row>
    <row r="3500" spans="8:8">
      <c r="H3500" s="12"/>
    </row>
    <row r="3501" spans="8:8">
      <c r="H3501" s="12"/>
    </row>
    <row r="3502" spans="8:8">
      <c r="H3502" s="12"/>
    </row>
    <row r="3503" spans="8:8">
      <c r="H3503" s="12"/>
    </row>
    <row r="3504" spans="8:8">
      <c r="H3504" s="12"/>
    </row>
    <row r="3505" spans="8:8">
      <c r="H3505" s="12"/>
    </row>
    <row r="3506" spans="8:8">
      <c r="H3506" s="12"/>
    </row>
    <row r="3507" spans="8:8">
      <c r="H3507" s="12"/>
    </row>
    <row r="3508" spans="8:8">
      <c r="H3508" s="12"/>
    </row>
    <row r="3509" spans="8:8">
      <c r="H3509" s="12"/>
    </row>
    <row r="3510" spans="8:8">
      <c r="H3510" s="12"/>
    </row>
    <row r="3511" spans="8:8">
      <c r="H3511" s="12"/>
    </row>
    <row r="3512" spans="8:8">
      <c r="H3512" s="12"/>
    </row>
    <row r="3513" spans="8:8">
      <c r="H3513" s="12"/>
    </row>
    <row r="3514" spans="8:8">
      <c r="H3514" s="12"/>
    </row>
    <row r="3515" spans="8:8">
      <c r="H3515" s="12"/>
    </row>
    <row r="3516" spans="8:8">
      <c r="H3516" s="12"/>
    </row>
    <row r="3517" spans="8:8">
      <c r="H3517" s="12"/>
    </row>
    <row r="3518" spans="8:8">
      <c r="H3518" s="12"/>
    </row>
    <row r="3519" spans="8:8">
      <c r="H3519" s="12"/>
    </row>
    <row r="3520" spans="8:8">
      <c r="H3520" s="12"/>
    </row>
    <row r="3521" spans="8:8">
      <c r="H3521" s="12"/>
    </row>
    <row r="3522" spans="8:8">
      <c r="H3522" s="12"/>
    </row>
    <row r="3523" spans="8:8">
      <c r="H3523" s="12"/>
    </row>
    <row r="3524" spans="8:8">
      <c r="H3524" s="12"/>
    </row>
    <row r="3525" spans="8:8">
      <c r="H3525" s="12"/>
    </row>
    <row r="3526" spans="8:8">
      <c r="H3526" s="12"/>
    </row>
    <row r="3527" spans="8:8">
      <c r="H3527" s="12"/>
    </row>
    <row r="3528" spans="8:8">
      <c r="H3528" s="12"/>
    </row>
    <row r="3529" spans="8:8">
      <c r="H3529" s="12"/>
    </row>
    <row r="3530" spans="8:8">
      <c r="H3530" s="12"/>
    </row>
    <row r="3531" spans="8:8">
      <c r="H3531" s="12"/>
    </row>
    <row r="3532" spans="8:8">
      <c r="H3532" s="12"/>
    </row>
    <row r="3533" spans="8:8">
      <c r="H3533" s="12"/>
    </row>
    <row r="3534" spans="8:8">
      <c r="H3534" s="12"/>
    </row>
    <row r="3535" spans="8:8">
      <c r="H3535" s="12"/>
    </row>
    <row r="3536" spans="8:8">
      <c r="H3536" s="12"/>
    </row>
    <row r="3537" spans="8:8">
      <c r="H3537" s="12"/>
    </row>
    <row r="3538" spans="8:8">
      <c r="H3538" s="12"/>
    </row>
    <row r="3539" spans="8:8">
      <c r="H3539" s="12"/>
    </row>
    <row r="3540" spans="8:8">
      <c r="H3540" s="12"/>
    </row>
    <row r="3541" spans="8:8">
      <c r="H3541" s="12"/>
    </row>
    <row r="3542" spans="8:8">
      <c r="H3542" s="12"/>
    </row>
    <row r="3543" spans="8:8">
      <c r="H3543" s="12"/>
    </row>
    <row r="3544" spans="8:8">
      <c r="H3544" s="12"/>
    </row>
    <row r="3545" spans="8:8">
      <c r="H3545" s="12"/>
    </row>
    <row r="3546" spans="8:8">
      <c r="H3546" s="12"/>
    </row>
    <row r="3547" spans="8:8">
      <c r="H3547" s="12"/>
    </row>
    <row r="3548" spans="8:8">
      <c r="H3548" s="12"/>
    </row>
    <row r="3549" spans="8:8">
      <c r="H3549" s="12"/>
    </row>
    <row r="3550" spans="8:8">
      <c r="H3550" s="12"/>
    </row>
    <row r="3551" spans="8:8">
      <c r="H3551" s="12"/>
    </row>
    <row r="3552" spans="8:8">
      <c r="H3552" s="12"/>
    </row>
    <row r="3553" spans="8:8">
      <c r="H3553" s="12"/>
    </row>
    <row r="3554" spans="8:8">
      <c r="H3554" s="12"/>
    </row>
    <row r="3555" spans="8:8">
      <c r="H3555" s="12"/>
    </row>
    <row r="3556" spans="8:8">
      <c r="H3556" s="12"/>
    </row>
    <row r="3557" spans="8:8">
      <c r="H3557" s="12"/>
    </row>
    <row r="3558" spans="8:8">
      <c r="H3558" s="12"/>
    </row>
    <row r="3559" spans="8:8">
      <c r="H3559" s="12"/>
    </row>
    <row r="3560" spans="8:8">
      <c r="H3560" s="12"/>
    </row>
    <row r="3561" spans="8:8">
      <c r="H3561" s="12"/>
    </row>
    <row r="3562" spans="8:8">
      <c r="H3562" s="12"/>
    </row>
    <row r="3563" spans="8:8">
      <c r="H3563" s="12"/>
    </row>
    <row r="3564" spans="8:8">
      <c r="H3564" s="12"/>
    </row>
    <row r="3565" spans="8:8">
      <c r="H3565" s="12"/>
    </row>
    <row r="3566" spans="8:8">
      <c r="H3566" s="12"/>
    </row>
    <row r="3567" spans="8:8">
      <c r="H3567" s="12"/>
    </row>
    <row r="3568" spans="8:8">
      <c r="H3568" s="12"/>
    </row>
    <row r="3569" spans="8:8">
      <c r="H3569" s="12"/>
    </row>
    <row r="3570" spans="8:8">
      <c r="H3570" s="12"/>
    </row>
    <row r="3571" spans="8:8">
      <c r="H3571" s="12"/>
    </row>
    <row r="3572" spans="8:8">
      <c r="H3572" s="12"/>
    </row>
    <row r="3573" spans="8:8">
      <c r="H3573" s="12"/>
    </row>
    <row r="3574" spans="8:8">
      <c r="H3574" s="12"/>
    </row>
    <row r="3575" spans="8:8">
      <c r="H3575" s="12"/>
    </row>
    <row r="3576" spans="8:8">
      <c r="H3576" s="12"/>
    </row>
    <row r="3577" spans="8:8">
      <c r="H3577" s="12"/>
    </row>
    <row r="3578" spans="8:8">
      <c r="H3578" s="12"/>
    </row>
    <row r="3579" spans="8:8">
      <c r="H3579" s="12"/>
    </row>
    <row r="3580" spans="8:8">
      <c r="H3580" s="12"/>
    </row>
    <row r="3581" spans="8:8">
      <c r="H3581" s="12"/>
    </row>
    <row r="3582" spans="8:8">
      <c r="H3582" s="12"/>
    </row>
    <row r="3583" spans="8:8">
      <c r="H3583" s="12"/>
    </row>
    <row r="3584" spans="8:8">
      <c r="H3584" s="12"/>
    </row>
    <row r="3585" spans="8:8">
      <c r="H3585" s="12"/>
    </row>
    <row r="3586" spans="8:8">
      <c r="H3586" s="12"/>
    </row>
    <row r="3587" spans="8:8">
      <c r="H3587" s="12"/>
    </row>
    <row r="3588" spans="8:8">
      <c r="H3588" s="12"/>
    </row>
    <row r="3589" spans="8:8">
      <c r="H3589" s="12"/>
    </row>
    <row r="3590" spans="8:8">
      <c r="H3590" s="12"/>
    </row>
    <row r="3591" spans="8:8">
      <c r="H3591" s="12"/>
    </row>
    <row r="3592" spans="8:8">
      <c r="H3592" s="12"/>
    </row>
    <row r="3593" spans="8:8">
      <c r="H3593" s="12"/>
    </row>
    <row r="3594" spans="8:8">
      <c r="H3594" s="12"/>
    </row>
    <row r="3595" spans="8:8">
      <c r="H3595" s="12"/>
    </row>
    <row r="3596" spans="8:8">
      <c r="H3596" s="12"/>
    </row>
    <row r="3597" spans="8:8">
      <c r="H3597" s="12"/>
    </row>
    <row r="3598" spans="8:8">
      <c r="H3598" s="12"/>
    </row>
    <row r="3599" spans="8:8">
      <c r="H3599" s="12"/>
    </row>
    <row r="3600" spans="8:8">
      <c r="H3600" s="12"/>
    </row>
    <row r="3601" spans="8:8">
      <c r="H3601" s="12"/>
    </row>
    <row r="3602" spans="8:8">
      <c r="H3602" s="12"/>
    </row>
    <row r="3603" spans="8:8">
      <c r="H3603" s="12"/>
    </row>
    <row r="3604" spans="8:8">
      <c r="H3604" s="12"/>
    </row>
    <row r="3605" spans="8:8">
      <c r="H3605" s="12"/>
    </row>
    <row r="3606" spans="8:8">
      <c r="H3606" s="12"/>
    </row>
    <row r="3607" spans="8:8">
      <c r="H3607" s="12"/>
    </row>
    <row r="3608" spans="8:8">
      <c r="H3608" s="12"/>
    </row>
    <row r="3609" spans="8:8">
      <c r="H3609" s="12"/>
    </row>
    <row r="3610" spans="8:8">
      <c r="H3610" s="12"/>
    </row>
    <row r="3611" spans="8:8">
      <c r="H3611" s="12"/>
    </row>
    <row r="3612" spans="8:8">
      <c r="H3612" s="12"/>
    </row>
    <row r="3613" spans="8:8">
      <c r="H3613" s="12"/>
    </row>
    <row r="3614" spans="8:8">
      <c r="H3614" s="12"/>
    </row>
    <row r="3615" spans="8:8">
      <c r="H3615" s="12"/>
    </row>
    <row r="3616" spans="8:8">
      <c r="H3616" s="12"/>
    </row>
    <row r="3617" spans="8:8">
      <c r="H3617" s="12"/>
    </row>
    <row r="3618" spans="8:8">
      <c r="H3618" s="12"/>
    </row>
    <row r="3619" spans="8:8">
      <c r="H3619" s="12"/>
    </row>
    <row r="3620" spans="8:8">
      <c r="H3620" s="12"/>
    </row>
    <row r="3621" spans="8:8">
      <c r="H3621" s="12"/>
    </row>
    <row r="3622" spans="8:8">
      <c r="H3622" s="12"/>
    </row>
    <row r="3623" spans="8:8">
      <c r="H3623" s="12"/>
    </row>
    <row r="3624" spans="8:8">
      <c r="H3624" s="12"/>
    </row>
    <row r="3625" spans="8:8">
      <c r="H3625" s="12"/>
    </row>
    <row r="3626" spans="8:8">
      <c r="H3626" s="12"/>
    </row>
    <row r="3627" spans="8:8">
      <c r="H3627" s="12"/>
    </row>
    <row r="3628" spans="8:8">
      <c r="H3628" s="12"/>
    </row>
    <row r="3629" spans="8:8">
      <c r="H3629" s="12"/>
    </row>
    <row r="3630" spans="8:8">
      <c r="H3630" s="12"/>
    </row>
    <row r="3631" spans="8:8">
      <c r="H3631" s="12"/>
    </row>
    <row r="3632" spans="8:8">
      <c r="H3632" s="12"/>
    </row>
    <row r="3633" spans="8:8">
      <c r="H3633" s="12"/>
    </row>
    <row r="3634" spans="8:8">
      <c r="H3634" s="12"/>
    </row>
    <row r="3635" spans="8:8">
      <c r="H3635" s="12"/>
    </row>
    <row r="3636" spans="8:8">
      <c r="H3636" s="12"/>
    </row>
    <row r="3637" spans="8:8">
      <c r="H3637" s="12"/>
    </row>
    <row r="3638" spans="8:8">
      <c r="H3638" s="12"/>
    </row>
    <row r="3639" spans="8:8">
      <c r="H3639" s="12"/>
    </row>
    <row r="3640" spans="8:8">
      <c r="H3640" s="12"/>
    </row>
    <row r="3641" spans="8:8">
      <c r="H3641" s="12"/>
    </row>
    <row r="3642" spans="8:8">
      <c r="H3642" s="12"/>
    </row>
    <row r="3643" spans="8:8">
      <c r="H3643" s="12"/>
    </row>
    <row r="3644" spans="8:8">
      <c r="H3644" s="12"/>
    </row>
    <row r="3645" spans="8:8">
      <c r="H3645" s="12"/>
    </row>
    <row r="3646" spans="8:8">
      <c r="H3646" s="12"/>
    </row>
    <row r="3647" spans="8:8">
      <c r="H3647" s="12"/>
    </row>
    <row r="3648" spans="8:8">
      <c r="H3648" s="12"/>
    </row>
    <row r="3649" spans="8:8">
      <c r="H3649" s="12"/>
    </row>
    <row r="3650" spans="8:8">
      <c r="H3650" s="12"/>
    </row>
    <row r="3651" spans="8:8">
      <c r="H3651" s="12"/>
    </row>
    <row r="3652" spans="8:8">
      <c r="H3652" s="12"/>
    </row>
    <row r="3653" spans="8:8">
      <c r="H3653" s="12"/>
    </row>
    <row r="3654" spans="8:8">
      <c r="H3654" s="12"/>
    </row>
    <row r="3655" spans="8:8">
      <c r="H3655" s="12"/>
    </row>
    <row r="3656" spans="8:8">
      <c r="H3656" s="12"/>
    </row>
    <row r="3657" spans="8:8">
      <c r="H3657" s="12"/>
    </row>
    <row r="3658" spans="8:8">
      <c r="H3658" s="12"/>
    </row>
    <row r="3659" spans="8:8">
      <c r="H3659" s="12"/>
    </row>
    <row r="3660" spans="8:8">
      <c r="H3660" s="12"/>
    </row>
    <row r="3661" spans="8:8">
      <c r="H3661" s="12"/>
    </row>
    <row r="3662" spans="8:8">
      <c r="H3662" s="12"/>
    </row>
    <row r="3663" spans="8:8">
      <c r="H3663" s="12"/>
    </row>
    <row r="3664" spans="8:8">
      <c r="H3664" s="12"/>
    </row>
    <row r="3665" spans="8:8">
      <c r="H3665" s="12"/>
    </row>
    <row r="3666" spans="8:8">
      <c r="H3666" s="12"/>
    </row>
    <row r="3667" spans="8:8">
      <c r="H3667" s="12"/>
    </row>
    <row r="3668" spans="8:8">
      <c r="H3668" s="12"/>
    </row>
    <row r="3669" spans="8:8">
      <c r="H3669" s="12"/>
    </row>
    <row r="3670" spans="8:8">
      <c r="H3670" s="12"/>
    </row>
    <row r="3671" spans="8:8">
      <c r="H3671" s="12"/>
    </row>
    <row r="3672" spans="8:8">
      <c r="H3672" s="12"/>
    </row>
    <row r="3673" spans="8:8">
      <c r="H3673" s="12"/>
    </row>
    <row r="3674" spans="8:8">
      <c r="H3674" s="12"/>
    </row>
    <row r="3675" spans="8:8">
      <c r="H3675" s="12"/>
    </row>
    <row r="3676" spans="8:8">
      <c r="H3676" s="12"/>
    </row>
    <row r="3677" spans="8:8">
      <c r="H3677" s="12"/>
    </row>
    <row r="3678" spans="8:8">
      <c r="H3678" s="12"/>
    </row>
    <row r="3679" spans="8:8">
      <c r="H3679" s="12"/>
    </row>
    <row r="3680" spans="8:8">
      <c r="H3680" s="12"/>
    </row>
    <row r="3681" spans="8:8">
      <c r="H3681" s="12"/>
    </row>
    <row r="3682" spans="8:8">
      <c r="H3682" s="12"/>
    </row>
    <row r="3683" spans="8:8">
      <c r="H3683" s="12"/>
    </row>
    <row r="3684" spans="8:8">
      <c r="H3684" s="12"/>
    </row>
    <row r="3685" spans="8:8">
      <c r="H3685" s="12"/>
    </row>
    <row r="3686" spans="8:8">
      <c r="H3686" s="12"/>
    </row>
    <row r="3687" spans="8:8">
      <c r="H3687" s="12"/>
    </row>
    <row r="3688" spans="8:8">
      <c r="H3688" s="12"/>
    </row>
    <row r="3689" spans="8:8">
      <c r="H3689" s="12"/>
    </row>
    <row r="3690" spans="8:8">
      <c r="H3690" s="12"/>
    </row>
    <row r="3691" spans="8:8">
      <c r="H3691" s="12"/>
    </row>
    <row r="3692" spans="8:8">
      <c r="H3692" s="12"/>
    </row>
    <row r="3693" spans="8:8">
      <c r="H3693" s="12"/>
    </row>
    <row r="3694" spans="8:8">
      <c r="H3694" s="12"/>
    </row>
    <row r="3695" spans="8:8">
      <c r="H3695" s="12"/>
    </row>
    <row r="3696" spans="8:8">
      <c r="H3696" s="12"/>
    </row>
    <row r="3697" spans="8:8">
      <c r="H3697" s="12"/>
    </row>
    <row r="3698" spans="8:8">
      <c r="H3698" s="12"/>
    </row>
    <row r="3699" spans="8:8">
      <c r="H3699" s="12"/>
    </row>
    <row r="3700" spans="8:8">
      <c r="H3700" s="12"/>
    </row>
    <row r="3701" spans="8:8">
      <c r="H3701" s="12"/>
    </row>
    <row r="3702" spans="8:8">
      <c r="H3702" s="12"/>
    </row>
    <row r="3703" spans="8:8">
      <c r="H3703" s="12"/>
    </row>
    <row r="3704" spans="8:8">
      <c r="H3704" s="12"/>
    </row>
    <row r="3705" spans="8:8">
      <c r="H3705" s="12"/>
    </row>
    <row r="3706" spans="8:8">
      <c r="H3706" s="12"/>
    </row>
    <row r="3707" spans="8:8">
      <c r="H3707" s="12"/>
    </row>
    <row r="3708" spans="8:8">
      <c r="H3708" s="12"/>
    </row>
    <row r="3709" spans="8:8">
      <c r="H3709" s="12"/>
    </row>
    <row r="3710" spans="8:8">
      <c r="H3710" s="12"/>
    </row>
    <row r="3711" spans="8:8">
      <c r="H3711" s="12"/>
    </row>
    <row r="3712" spans="8:8">
      <c r="H3712" s="12"/>
    </row>
    <row r="3713" spans="8:8">
      <c r="H3713" s="12"/>
    </row>
    <row r="3714" spans="8:8">
      <c r="H3714" s="12"/>
    </row>
    <row r="3715" spans="8:8">
      <c r="H3715" s="12"/>
    </row>
    <row r="3716" spans="8:8">
      <c r="H3716" s="12"/>
    </row>
    <row r="3717" spans="8:8">
      <c r="H3717" s="12"/>
    </row>
    <row r="3718" spans="8:8">
      <c r="H3718" s="12"/>
    </row>
    <row r="3719" spans="8:8">
      <c r="H3719" s="12"/>
    </row>
    <row r="3720" spans="8:8">
      <c r="H3720" s="12"/>
    </row>
    <row r="3721" spans="8:8">
      <c r="H3721" s="12"/>
    </row>
    <row r="3722" spans="8:8">
      <c r="H3722" s="12"/>
    </row>
    <row r="3723" spans="8:8">
      <c r="H3723" s="12"/>
    </row>
    <row r="3724" spans="8:8">
      <c r="H3724" s="12"/>
    </row>
    <row r="3725" spans="8:8">
      <c r="H3725" s="12"/>
    </row>
    <row r="3726" spans="8:8">
      <c r="H3726" s="12"/>
    </row>
    <row r="3727" spans="8:8">
      <c r="H3727" s="12"/>
    </row>
    <row r="3728" spans="8:8">
      <c r="H3728" s="12"/>
    </row>
    <row r="3729" spans="8:8">
      <c r="H3729" s="12"/>
    </row>
    <row r="3730" spans="8:8">
      <c r="H3730" s="12"/>
    </row>
    <row r="3731" spans="8:8">
      <c r="H3731" s="12"/>
    </row>
    <row r="3732" spans="8:8">
      <c r="H3732" s="12"/>
    </row>
    <row r="3733" spans="8:8">
      <c r="H3733" s="12"/>
    </row>
    <row r="3734" spans="8:8">
      <c r="H3734" s="12"/>
    </row>
    <row r="3735" spans="8:8">
      <c r="H3735" s="12"/>
    </row>
    <row r="3736" spans="8:8">
      <c r="H3736" s="12"/>
    </row>
    <row r="3737" spans="8:8">
      <c r="H3737" s="12"/>
    </row>
    <row r="3738" spans="8:8">
      <c r="H3738" s="12"/>
    </row>
    <row r="3739" spans="8:8">
      <c r="H3739" s="12"/>
    </row>
    <row r="3740" spans="8:8">
      <c r="H3740" s="12"/>
    </row>
    <row r="3741" spans="8:8">
      <c r="H3741" s="12"/>
    </row>
    <row r="3742" spans="8:8">
      <c r="H3742" s="12"/>
    </row>
    <row r="3743" spans="8:8">
      <c r="H3743" s="12"/>
    </row>
    <row r="3744" spans="8:8">
      <c r="H3744" s="12"/>
    </row>
    <row r="3745" spans="8:8">
      <c r="H3745" s="12"/>
    </row>
    <row r="3746" spans="8:8">
      <c r="H3746" s="12"/>
    </row>
    <row r="3747" spans="8:8">
      <c r="H3747" s="12"/>
    </row>
    <row r="3748" spans="8:8">
      <c r="H3748" s="12"/>
    </row>
    <row r="3749" spans="8:8">
      <c r="H3749" s="12"/>
    </row>
    <row r="3750" spans="8:8">
      <c r="H3750" s="12"/>
    </row>
    <row r="3751" spans="8:8">
      <c r="H3751" s="12"/>
    </row>
    <row r="3752" spans="8:8">
      <c r="H3752" s="12"/>
    </row>
    <row r="3753" spans="8:8">
      <c r="H3753" s="12"/>
    </row>
    <row r="3754" spans="8:8">
      <c r="H3754" s="12"/>
    </row>
    <row r="3755" spans="8:8">
      <c r="H3755" s="12"/>
    </row>
    <row r="3756" spans="8:8">
      <c r="H3756" s="12"/>
    </row>
    <row r="3757" spans="8:8">
      <c r="H3757" s="12"/>
    </row>
    <row r="3758" spans="8:8">
      <c r="H3758" s="12"/>
    </row>
    <row r="3759" spans="8:8">
      <c r="H3759" s="12"/>
    </row>
    <row r="3760" spans="8:8">
      <c r="H3760" s="12"/>
    </row>
    <row r="3761" spans="8:8">
      <c r="H3761" s="12"/>
    </row>
    <row r="3762" spans="8:8">
      <c r="H3762" s="12"/>
    </row>
    <row r="3763" spans="8:8">
      <c r="H3763" s="12"/>
    </row>
    <row r="3764" spans="8:8">
      <c r="H3764" s="12"/>
    </row>
    <row r="3765" spans="8:8">
      <c r="H3765" s="12"/>
    </row>
    <row r="3766" spans="8:8">
      <c r="H3766" s="12"/>
    </row>
    <row r="3767" spans="8:8">
      <c r="H3767" s="12"/>
    </row>
    <row r="3768" spans="8:8">
      <c r="H3768" s="12"/>
    </row>
    <row r="3769" spans="8:8">
      <c r="H3769" s="12"/>
    </row>
    <row r="3770" spans="8:8">
      <c r="H3770" s="12"/>
    </row>
    <row r="3771" spans="8:8">
      <c r="H3771" s="12"/>
    </row>
    <row r="3772" spans="8:8">
      <c r="H3772" s="12"/>
    </row>
    <row r="3773" spans="8:8">
      <c r="H3773" s="12"/>
    </row>
    <row r="3774" spans="8:8">
      <c r="H3774" s="12"/>
    </row>
    <row r="3775" spans="8:8">
      <c r="H3775" s="12"/>
    </row>
    <row r="3776" spans="8:8">
      <c r="H3776" s="12"/>
    </row>
    <row r="3777" spans="8:8">
      <c r="H3777" s="12"/>
    </row>
    <row r="3778" spans="8:8">
      <c r="H3778" s="12"/>
    </row>
    <row r="3779" spans="8:8">
      <c r="H3779" s="12"/>
    </row>
    <row r="3780" spans="8:8">
      <c r="H3780" s="12"/>
    </row>
    <row r="3781" spans="8:8">
      <c r="H3781" s="12"/>
    </row>
    <row r="3782" spans="8:8">
      <c r="H3782" s="12"/>
    </row>
    <row r="3783" spans="8:8">
      <c r="H3783" s="12"/>
    </row>
    <row r="3784" spans="8:8">
      <c r="H3784" s="12"/>
    </row>
    <row r="3785" spans="8:8">
      <c r="H3785" s="12"/>
    </row>
    <row r="3786" spans="8:8">
      <c r="H3786" s="12"/>
    </row>
    <row r="3787" spans="8:8">
      <c r="H3787" s="12"/>
    </row>
    <row r="3788" spans="8:8">
      <c r="H3788" s="12"/>
    </row>
    <row r="3789" spans="8:8">
      <c r="H3789" s="12"/>
    </row>
    <row r="3790" spans="8:8">
      <c r="H3790" s="12"/>
    </row>
    <row r="3791" spans="8:8">
      <c r="H3791" s="12"/>
    </row>
    <row r="3792" spans="8:8">
      <c r="H3792" s="12"/>
    </row>
    <row r="3793" spans="8:8">
      <c r="H3793" s="12"/>
    </row>
    <row r="3794" spans="8:8">
      <c r="H3794" s="12"/>
    </row>
    <row r="3795" spans="8:8">
      <c r="H3795" s="12"/>
    </row>
    <row r="3796" spans="8:8">
      <c r="H3796" s="12"/>
    </row>
    <row r="3797" spans="8:8">
      <c r="H3797" s="12"/>
    </row>
    <row r="3798" spans="8:8">
      <c r="H3798" s="12"/>
    </row>
    <row r="3799" spans="8:8">
      <c r="H3799" s="12"/>
    </row>
    <row r="3800" spans="8:8">
      <c r="H3800" s="12"/>
    </row>
    <row r="3801" spans="8:8">
      <c r="H3801" s="12"/>
    </row>
    <row r="3802" spans="8:8">
      <c r="H3802" s="12"/>
    </row>
    <row r="3803" spans="8:8">
      <c r="H3803" s="12"/>
    </row>
    <row r="3804" spans="8:8">
      <c r="H3804" s="12"/>
    </row>
    <row r="3805" spans="8:8">
      <c r="H3805" s="12"/>
    </row>
    <row r="3806" spans="8:8">
      <c r="H3806" s="12"/>
    </row>
    <row r="3807" spans="8:8">
      <c r="H3807" s="12"/>
    </row>
    <row r="3808" spans="8:8">
      <c r="H3808" s="12"/>
    </row>
    <row r="3809" spans="8:8">
      <c r="H3809" s="12"/>
    </row>
    <row r="3810" spans="8:8">
      <c r="H3810" s="12"/>
    </row>
    <row r="3811" spans="8:8">
      <c r="H3811" s="12"/>
    </row>
    <row r="3812" spans="8:8">
      <c r="H3812" s="12"/>
    </row>
    <row r="3813" spans="8:8">
      <c r="H3813" s="12"/>
    </row>
    <row r="3814" spans="8:8">
      <c r="H3814" s="12"/>
    </row>
    <row r="3815" spans="8:8">
      <c r="H3815" s="12"/>
    </row>
    <row r="3816" spans="8:8">
      <c r="H3816" s="12"/>
    </row>
    <row r="3817" spans="8:8">
      <c r="H3817" s="12"/>
    </row>
    <row r="3818" spans="8:8">
      <c r="H3818" s="12"/>
    </row>
    <row r="3819" spans="8:8">
      <c r="H3819" s="12"/>
    </row>
    <row r="3820" spans="8:8">
      <c r="H3820" s="12"/>
    </row>
    <row r="3821" spans="8:8">
      <c r="H3821" s="12"/>
    </row>
    <row r="3822" spans="8:8">
      <c r="H3822" s="12"/>
    </row>
    <row r="3823" spans="8:8">
      <c r="H3823" s="12"/>
    </row>
    <row r="3824" spans="8:8">
      <c r="H3824" s="12"/>
    </row>
    <row r="3825" spans="8:8">
      <c r="H3825" s="12"/>
    </row>
    <row r="3826" spans="8:8">
      <c r="H3826" s="12"/>
    </row>
    <row r="3827" spans="8:8">
      <c r="H3827" s="12"/>
    </row>
    <row r="3828" spans="8:8">
      <c r="H3828" s="12"/>
    </row>
    <row r="3829" spans="8:8">
      <c r="H3829" s="12"/>
    </row>
    <row r="3830" spans="8:8">
      <c r="H3830" s="12"/>
    </row>
    <row r="3831" spans="8:8">
      <c r="H3831" s="12"/>
    </row>
    <row r="3832" spans="8:8">
      <c r="H3832" s="12"/>
    </row>
    <row r="3833" spans="8:8">
      <c r="H3833" s="12"/>
    </row>
    <row r="3834" spans="8:8">
      <c r="H3834" s="12"/>
    </row>
    <row r="3835" spans="8:8">
      <c r="H3835" s="12"/>
    </row>
    <row r="3836" spans="8:8">
      <c r="H3836" s="12"/>
    </row>
    <row r="3837" spans="8:8">
      <c r="H3837" s="12"/>
    </row>
    <row r="3838" spans="8:8">
      <c r="H3838" s="12"/>
    </row>
    <row r="3839" spans="8:8">
      <c r="H3839" s="12"/>
    </row>
    <row r="3840" spans="8:8">
      <c r="H3840" s="12"/>
    </row>
    <row r="3841" spans="8:8">
      <c r="H3841" s="12"/>
    </row>
    <row r="3842" spans="8:8">
      <c r="H3842" s="12"/>
    </row>
    <row r="3843" spans="8:8">
      <c r="H3843" s="12"/>
    </row>
    <row r="3844" spans="8:8">
      <c r="H3844" s="12"/>
    </row>
    <row r="3845" spans="8:8">
      <c r="H3845" s="12"/>
    </row>
    <row r="3846" spans="8:8">
      <c r="H3846" s="12"/>
    </row>
    <row r="3847" spans="8:8">
      <c r="H3847" s="12"/>
    </row>
    <row r="3848" spans="8:8">
      <c r="H3848" s="12"/>
    </row>
    <row r="3849" spans="8:8">
      <c r="H3849" s="12"/>
    </row>
    <row r="3850" spans="8:8">
      <c r="H3850" s="12"/>
    </row>
    <row r="3851" spans="8:8">
      <c r="H3851" s="12"/>
    </row>
    <row r="3852" spans="8:8">
      <c r="H3852" s="12"/>
    </row>
    <row r="3853" spans="8:8">
      <c r="H3853" s="12"/>
    </row>
    <row r="3854" spans="8:8">
      <c r="H3854" s="12"/>
    </row>
    <row r="3855" spans="8:8">
      <c r="H3855" s="12"/>
    </row>
    <row r="3856" spans="8:8">
      <c r="H3856" s="12"/>
    </row>
    <row r="3857" spans="8:8">
      <c r="H3857" s="12"/>
    </row>
    <row r="3858" spans="8:8">
      <c r="H3858" s="12"/>
    </row>
    <row r="3859" spans="8:8">
      <c r="H3859" s="12"/>
    </row>
    <row r="3860" spans="8:8">
      <c r="H3860" s="12"/>
    </row>
    <row r="3861" spans="8:8">
      <c r="H3861" s="12"/>
    </row>
    <row r="3862" spans="8:8">
      <c r="H3862" s="12"/>
    </row>
    <row r="3863" spans="8:8">
      <c r="H3863" s="12"/>
    </row>
    <row r="3864" spans="8:8">
      <c r="H3864" s="12"/>
    </row>
    <row r="3865" spans="8:8">
      <c r="H3865" s="12"/>
    </row>
    <row r="3866" spans="8:8">
      <c r="H3866" s="12"/>
    </row>
    <row r="3867" spans="8:8">
      <c r="H3867" s="12"/>
    </row>
    <row r="3868" spans="8:8">
      <c r="H3868" s="12"/>
    </row>
    <row r="3869" spans="8:8">
      <c r="H3869" s="12"/>
    </row>
    <row r="3870" spans="8:8">
      <c r="H3870" s="12"/>
    </row>
    <row r="3871" spans="8:8">
      <c r="H3871" s="12"/>
    </row>
    <row r="3872" spans="8:8">
      <c r="H3872" s="12"/>
    </row>
    <row r="3873" spans="8:8">
      <c r="H3873" s="12"/>
    </row>
    <row r="3874" spans="8:8">
      <c r="H3874" s="12"/>
    </row>
    <row r="3875" spans="8:8">
      <c r="H3875" s="12"/>
    </row>
    <row r="3876" spans="8:8">
      <c r="H3876" s="12"/>
    </row>
    <row r="3877" spans="8:8">
      <c r="H3877" s="12"/>
    </row>
    <row r="3878" spans="8:8">
      <c r="H3878" s="12"/>
    </row>
    <row r="3879" spans="8:8">
      <c r="H3879" s="12"/>
    </row>
    <row r="3880" spans="8:8">
      <c r="H3880" s="12"/>
    </row>
    <row r="3881" spans="8:8">
      <c r="H3881" s="12"/>
    </row>
    <row r="3882" spans="8:8">
      <c r="H3882" s="12"/>
    </row>
    <row r="3883" spans="8:8">
      <c r="H3883" s="12"/>
    </row>
    <row r="3884" spans="8:8">
      <c r="H3884" s="12"/>
    </row>
    <row r="3885" spans="8:8">
      <c r="H3885" s="12"/>
    </row>
    <row r="3886" spans="8:8">
      <c r="H3886" s="12"/>
    </row>
    <row r="3887" spans="8:8">
      <c r="H3887" s="12"/>
    </row>
    <row r="3888" spans="8:8">
      <c r="H3888" s="12"/>
    </row>
    <row r="3889" spans="8:8">
      <c r="H3889" s="12"/>
    </row>
    <row r="3890" spans="8:8">
      <c r="H3890" s="12"/>
    </row>
    <row r="3891" spans="8:8">
      <c r="H3891" s="12"/>
    </row>
    <row r="3892" spans="8:8">
      <c r="H3892" s="12"/>
    </row>
    <row r="3893" spans="8:8">
      <c r="H3893" s="12"/>
    </row>
    <row r="3894" spans="8:8">
      <c r="H3894" s="12"/>
    </row>
    <row r="3895" spans="8:8">
      <c r="H3895" s="12"/>
    </row>
    <row r="3896" spans="8:8">
      <c r="H3896" s="12"/>
    </row>
    <row r="3897" spans="8:8">
      <c r="H3897" s="12"/>
    </row>
    <row r="3898" spans="8:8">
      <c r="H3898" s="12"/>
    </row>
    <row r="3899" spans="8:8">
      <c r="H3899" s="12"/>
    </row>
    <row r="3900" spans="8:8">
      <c r="H3900" s="12"/>
    </row>
    <row r="3901" spans="8:8">
      <c r="H3901" s="12"/>
    </row>
    <row r="3902" spans="8:8">
      <c r="H3902" s="12"/>
    </row>
    <row r="3903" spans="8:8">
      <c r="H3903" s="12"/>
    </row>
    <row r="3904" spans="8:8">
      <c r="H3904" s="12"/>
    </row>
    <row r="3905" spans="8:8">
      <c r="H3905" s="12"/>
    </row>
    <row r="3906" spans="8:8">
      <c r="H3906" s="12"/>
    </row>
    <row r="3907" spans="8:8">
      <c r="H3907" s="12"/>
    </row>
    <row r="3908" spans="8:8">
      <c r="H3908" s="12"/>
    </row>
    <row r="3909" spans="8:8">
      <c r="H3909" s="12"/>
    </row>
    <row r="3910" spans="8:8">
      <c r="H3910" s="12"/>
    </row>
    <row r="3911" spans="8:8">
      <c r="H3911" s="12"/>
    </row>
    <row r="3912" spans="8:8">
      <c r="H3912" s="12"/>
    </row>
    <row r="3913" spans="8:8">
      <c r="H3913" s="12"/>
    </row>
    <row r="3914" spans="8:8">
      <c r="H3914" s="12"/>
    </row>
    <row r="3915" spans="8:8">
      <c r="H3915" s="12"/>
    </row>
    <row r="3916" spans="8:8">
      <c r="H3916" s="12"/>
    </row>
    <row r="3917" spans="8:8">
      <c r="H3917" s="12"/>
    </row>
    <row r="3918" spans="8:8">
      <c r="H3918" s="12"/>
    </row>
    <row r="3919" spans="8:8">
      <c r="H3919" s="12"/>
    </row>
    <row r="3920" spans="8:8">
      <c r="H3920" s="12"/>
    </row>
    <row r="3921" spans="8:8">
      <c r="H3921" s="12"/>
    </row>
    <row r="3922" spans="8:8">
      <c r="H3922" s="12"/>
    </row>
    <row r="3923" spans="8:8">
      <c r="H3923" s="12"/>
    </row>
    <row r="3924" spans="8:8">
      <c r="H3924" s="12"/>
    </row>
    <row r="3925" spans="8:8">
      <c r="H3925" s="12"/>
    </row>
    <row r="3926" spans="8:8">
      <c r="H3926" s="12"/>
    </row>
    <row r="3927" spans="8:8">
      <c r="H3927" s="12"/>
    </row>
    <row r="3928" spans="8:8">
      <c r="H3928" s="12"/>
    </row>
    <row r="3929" spans="8:8">
      <c r="H3929" s="12"/>
    </row>
    <row r="3930" spans="8:8">
      <c r="H3930" s="12"/>
    </row>
    <row r="3931" spans="8:8">
      <c r="H3931" s="12"/>
    </row>
    <row r="3932" spans="8:8">
      <c r="H3932" s="12"/>
    </row>
    <row r="3933" spans="8:8">
      <c r="H3933" s="12"/>
    </row>
    <row r="3934" spans="8:8">
      <c r="H3934" s="12"/>
    </row>
    <row r="3935" spans="8:8">
      <c r="H3935" s="12"/>
    </row>
    <row r="3936" spans="8:8">
      <c r="H3936" s="12"/>
    </row>
    <row r="3937" spans="8:8">
      <c r="H3937" s="12"/>
    </row>
    <row r="3938" spans="8:8">
      <c r="H3938" s="12"/>
    </row>
    <row r="3939" spans="8:8">
      <c r="H3939" s="12"/>
    </row>
    <row r="3940" spans="8:8">
      <c r="H3940" s="12"/>
    </row>
    <row r="3941" spans="8:8">
      <c r="H3941" s="12"/>
    </row>
    <row r="3942" spans="8:8">
      <c r="H3942" s="12"/>
    </row>
    <row r="3943" spans="8:8">
      <c r="H3943" s="12"/>
    </row>
    <row r="3944" spans="8:8">
      <c r="H3944" s="12"/>
    </row>
    <row r="3945" spans="8:8">
      <c r="H3945" s="12"/>
    </row>
    <row r="3946" spans="8:8">
      <c r="H3946" s="12"/>
    </row>
    <row r="3947" spans="8:8">
      <c r="H3947" s="12"/>
    </row>
    <row r="3948" spans="8:8">
      <c r="H3948" s="12"/>
    </row>
    <row r="3949" spans="8:8">
      <c r="H3949" s="12"/>
    </row>
    <row r="3950" spans="8:8">
      <c r="H3950" s="12"/>
    </row>
    <row r="3951" spans="8:8">
      <c r="H3951" s="12"/>
    </row>
    <row r="3952" spans="8:8">
      <c r="H3952" s="12"/>
    </row>
    <row r="3953" spans="8:8">
      <c r="H3953" s="12"/>
    </row>
    <row r="3954" spans="8:8">
      <c r="H3954" s="12"/>
    </row>
    <row r="3955" spans="8:8">
      <c r="H3955" s="12"/>
    </row>
    <row r="3956" spans="8:8">
      <c r="H3956" s="12"/>
    </row>
    <row r="3957" spans="8:8">
      <c r="H3957" s="12"/>
    </row>
    <row r="3958" spans="8:8">
      <c r="H3958" s="12"/>
    </row>
    <row r="3959" spans="8:8">
      <c r="H3959" s="12"/>
    </row>
    <row r="3960" spans="8:8">
      <c r="H3960" s="12"/>
    </row>
    <row r="3961" spans="8:8">
      <c r="H3961" s="12"/>
    </row>
    <row r="3962" spans="8:8">
      <c r="H3962" s="12"/>
    </row>
    <row r="3963" spans="8:8">
      <c r="H3963" s="12"/>
    </row>
    <row r="3964" spans="8:8">
      <c r="H3964" s="12"/>
    </row>
    <row r="3965" spans="8:8">
      <c r="H3965" s="12"/>
    </row>
    <row r="3966" spans="8:8">
      <c r="H3966" s="12"/>
    </row>
    <row r="3967" spans="8:8">
      <c r="H3967" s="12"/>
    </row>
    <row r="3968" spans="8:8">
      <c r="H3968" s="12"/>
    </row>
    <row r="3969" spans="8:8">
      <c r="H3969" s="12"/>
    </row>
    <row r="3970" spans="8:8">
      <c r="H3970" s="12"/>
    </row>
    <row r="3971" spans="8:8">
      <c r="H3971" s="12"/>
    </row>
    <row r="3972" spans="8:8">
      <c r="H3972" s="12"/>
    </row>
    <row r="3973" spans="8:8">
      <c r="H3973" s="12"/>
    </row>
    <row r="3974" spans="8:8">
      <c r="H3974" s="12"/>
    </row>
    <row r="3975" spans="8:8">
      <c r="H3975" s="12"/>
    </row>
    <row r="3976" spans="8:8">
      <c r="H3976" s="12"/>
    </row>
    <row r="3977" spans="8:8">
      <c r="H3977" s="12"/>
    </row>
    <row r="3978" spans="8:8">
      <c r="H3978" s="12"/>
    </row>
    <row r="3979" spans="8:8">
      <c r="H3979" s="12"/>
    </row>
    <row r="3980" spans="8:8">
      <c r="H3980" s="12"/>
    </row>
    <row r="3981" spans="8:8">
      <c r="H3981" s="12"/>
    </row>
    <row r="3982" spans="8:8">
      <c r="H3982" s="12"/>
    </row>
    <row r="3983" spans="8:8">
      <c r="H3983" s="12"/>
    </row>
    <row r="3984" spans="8:8">
      <c r="H3984" s="12"/>
    </row>
    <row r="3985" spans="8:8">
      <c r="H3985" s="12"/>
    </row>
    <row r="3986" spans="8:8">
      <c r="H3986" s="12"/>
    </row>
    <row r="3987" spans="8:8">
      <c r="H3987" s="12"/>
    </row>
    <row r="3988" spans="8:8">
      <c r="H3988" s="12"/>
    </row>
    <row r="3989" spans="8:8">
      <c r="H3989" s="12"/>
    </row>
    <row r="3990" spans="8:8">
      <c r="H3990" s="12"/>
    </row>
    <row r="3991" spans="8:8">
      <c r="H3991" s="12"/>
    </row>
    <row r="3992" spans="8:8">
      <c r="H3992" s="12"/>
    </row>
    <row r="3993" spans="8:8">
      <c r="H3993" s="12"/>
    </row>
    <row r="3994" spans="8:8">
      <c r="H3994" s="12"/>
    </row>
    <row r="3995" spans="8:8">
      <c r="H3995" s="12"/>
    </row>
    <row r="3996" spans="8:8">
      <c r="H3996" s="12"/>
    </row>
    <row r="3997" spans="8:8">
      <c r="H3997" s="12"/>
    </row>
    <row r="3998" spans="8:8">
      <c r="H3998" s="12"/>
    </row>
    <row r="3999" spans="8:8">
      <c r="H3999" s="12"/>
    </row>
    <row r="4000" spans="8:8">
      <c r="H4000" s="12"/>
    </row>
    <row r="4001" spans="8:8">
      <c r="H4001" s="12"/>
    </row>
    <row r="4002" spans="8:8">
      <c r="H4002" s="12"/>
    </row>
    <row r="4003" spans="8:8">
      <c r="H4003" s="12"/>
    </row>
    <row r="4004" spans="8:8">
      <c r="H4004" s="12"/>
    </row>
    <row r="4005" spans="8:8">
      <c r="H4005" s="12"/>
    </row>
    <row r="4006" spans="8:8">
      <c r="H4006" s="12"/>
    </row>
    <row r="4007" spans="8:8">
      <c r="H4007" s="12"/>
    </row>
    <row r="4008" spans="8:8">
      <c r="H4008" s="12"/>
    </row>
    <row r="4009" spans="8:8">
      <c r="H4009" s="12"/>
    </row>
    <row r="4010" spans="8:8">
      <c r="H4010" s="12"/>
    </row>
    <row r="4011" spans="8:8">
      <c r="H4011" s="12"/>
    </row>
    <row r="4012" spans="8:8">
      <c r="H4012" s="12"/>
    </row>
    <row r="4013" spans="8:8">
      <c r="H4013" s="12"/>
    </row>
    <row r="4014" spans="8:8">
      <c r="H4014" s="12"/>
    </row>
    <row r="4015" spans="8:8">
      <c r="H4015" s="12"/>
    </row>
    <row r="4016" spans="8:8">
      <c r="H4016" s="12"/>
    </row>
    <row r="4017" spans="8:8">
      <c r="H4017" s="12"/>
    </row>
    <row r="4018" spans="8:8">
      <c r="H4018" s="12"/>
    </row>
    <row r="4019" spans="8:8">
      <c r="H4019" s="12"/>
    </row>
    <row r="4020" spans="8:8">
      <c r="H4020" s="12"/>
    </row>
    <row r="4021" spans="8:8">
      <c r="H4021" s="12"/>
    </row>
    <row r="4022" spans="8:8">
      <c r="H4022" s="12"/>
    </row>
    <row r="4023" spans="8:8">
      <c r="H4023" s="12"/>
    </row>
    <row r="4024" spans="8:8">
      <c r="H4024" s="12"/>
    </row>
    <row r="4025" spans="8:8">
      <c r="H4025" s="12"/>
    </row>
    <row r="4026" spans="8:8">
      <c r="H4026" s="12"/>
    </row>
    <row r="4027" spans="8:8">
      <c r="H4027" s="12"/>
    </row>
    <row r="4028" spans="8:8">
      <c r="H4028" s="12"/>
    </row>
    <row r="4029" spans="8:8">
      <c r="H4029" s="12"/>
    </row>
    <row r="4030" spans="8:8">
      <c r="H4030" s="12"/>
    </row>
    <row r="4031" spans="8:8">
      <c r="H4031" s="12"/>
    </row>
    <row r="4032" spans="8:8">
      <c r="H4032" s="12"/>
    </row>
    <row r="4033" spans="8:8">
      <c r="H4033" s="12"/>
    </row>
    <row r="4034" spans="8:8">
      <c r="H4034" s="12"/>
    </row>
    <row r="4035" spans="8:8">
      <c r="H4035" s="12"/>
    </row>
    <row r="4036" spans="8:8">
      <c r="H4036" s="12"/>
    </row>
    <row r="4037" spans="8:8">
      <c r="H4037" s="12"/>
    </row>
    <row r="4038" spans="8:8">
      <c r="H4038" s="12"/>
    </row>
    <row r="4039" spans="8:8">
      <c r="H4039" s="12"/>
    </row>
    <row r="4040" spans="8:8">
      <c r="H4040" s="12"/>
    </row>
    <row r="4041" spans="8:8">
      <c r="H4041" s="12"/>
    </row>
    <row r="4042" spans="8:8">
      <c r="H4042" s="12"/>
    </row>
    <row r="4043" spans="8:8">
      <c r="H4043" s="12"/>
    </row>
    <row r="4044" spans="8:8">
      <c r="H4044" s="12"/>
    </row>
    <row r="4045" spans="8:8">
      <c r="H4045" s="12"/>
    </row>
    <row r="4046" spans="8:8">
      <c r="H4046" s="12"/>
    </row>
    <row r="4047" spans="8:8">
      <c r="H4047" s="12"/>
    </row>
    <row r="4048" spans="8:8">
      <c r="H4048" s="12"/>
    </row>
    <row r="4049" spans="8:8">
      <c r="H4049" s="12"/>
    </row>
    <row r="4050" spans="8:8">
      <c r="H4050" s="12"/>
    </row>
    <row r="4051" spans="8:8">
      <c r="H4051" s="12"/>
    </row>
    <row r="4052" spans="8:8">
      <c r="H4052" s="12"/>
    </row>
    <row r="4053" spans="8:8">
      <c r="H4053" s="12"/>
    </row>
    <row r="4054" spans="8:8">
      <c r="H4054" s="12"/>
    </row>
    <row r="4055" spans="8:8">
      <c r="H4055" s="12"/>
    </row>
    <row r="4056" spans="8:8">
      <c r="H4056" s="12"/>
    </row>
    <row r="4057" spans="8:8">
      <c r="H4057" s="12"/>
    </row>
    <row r="4058" spans="8:8">
      <c r="H4058" s="12"/>
    </row>
    <row r="4059" spans="8:8">
      <c r="H4059" s="12"/>
    </row>
    <row r="4060" spans="8:8">
      <c r="H4060" s="12"/>
    </row>
    <row r="4061" spans="8:8">
      <c r="H4061" s="12"/>
    </row>
    <row r="4062" spans="8:8">
      <c r="H4062" s="12"/>
    </row>
    <row r="4063" spans="8:8">
      <c r="H4063" s="12"/>
    </row>
    <row r="4064" spans="8:8">
      <c r="H4064" s="12"/>
    </row>
    <row r="4065" spans="8:8">
      <c r="H4065" s="12"/>
    </row>
    <row r="4066" spans="8:8">
      <c r="H4066" s="12"/>
    </row>
    <row r="4067" spans="8:8">
      <c r="H4067" s="12"/>
    </row>
    <row r="4068" spans="8:8">
      <c r="H4068" s="12"/>
    </row>
    <row r="4069" spans="8:8">
      <c r="H4069" s="12"/>
    </row>
    <row r="4070" spans="8:8">
      <c r="H4070" s="12"/>
    </row>
    <row r="4071" spans="8:8">
      <c r="H4071" s="12"/>
    </row>
    <row r="4072" spans="8:8">
      <c r="H4072" s="12"/>
    </row>
    <row r="4073" spans="8:8">
      <c r="H4073" s="12"/>
    </row>
    <row r="4074" spans="8:8">
      <c r="H4074" s="12"/>
    </row>
    <row r="4075" spans="8:8">
      <c r="H4075" s="12"/>
    </row>
    <row r="4076" spans="8:8">
      <c r="H4076" s="12"/>
    </row>
    <row r="4077" spans="8:8">
      <c r="H4077" s="12"/>
    </row>
    <row r="4078" spans="8:8">
      <c r="H4078" s="12"/>
    </row>
    <row r="4079" spans="8:8">
      <c r="H4079" s="12"/>
    </row>
    <row r="4080" spans="8:8">
      <c r="H4080" s="12"/>
    </row>
    <row r="4081" spans="8:8">
      <c r="H4081" s="12"/>
    </row>
    <row r="4082" spans="8:8">
      <c r="H4082" s="12"/>
    </row>
    <row r="4083" spans="8:8">
      <c r="H4083" s="12"/>
    </row>
    <row r="4084" spans="8:8">
      <c r="H4084" s="12"/>
    </row>
    <row r="4085" spans="8:8">
      <c r="H4085" s="12"/>
    </row>
    <row r="4086" spans="8:8">
      <c r="H4086" s="12"/>
    </row>
    <row r="4087" spans="8:8">
      <c r="H4087" s="12"/>
    </row>
    <row r="4088" spans="8:8">
      <c r="H4088" s="12"/>
    </row>
    <row r="4089" spans="8:8">
      <c r="H4089" s="12"/>
    </row>
    <row r="4090" spans="8:8">
      <c r="H4090" s="12"/>
    </row>
    <row r="4091" spans="8:8">
      <c r="H4091" s="12"/>
    </row>
    <row r="4092" spans="8:8">
      <c r="H4092" s="12"/>
    </row>
    <row r="4093" spans="8:8">
      <c r="H4093" s="12"/>
    </row>
    <row r="4094" spans="8:8">
      <c r="H4094" s="12"/>
    </row>
    <row r="4095" spans="8:8">
      <c r="H4095" s="12"/>
    </row>
    <row r="4096" spans="8:8">
      <c r="H4096" s="12"/>
    </row>
    <row r="4097" spans="8:8">
      <c r="H4097" s="12"/>
    </row>
    <row r="4098" spans="8:8">
      <c r="H4098" s="12"/>
    </row>
    <row r="4099" spans="8:8">
      <c r="H4099" s="12"/>
    </row>
    <row r="4100" spans="8:8">
      <c r="H4100" s="12"/>
    </row>
    <row r="4101" spans="8:8">
      <c r="H4101" s="12"/>
    </row>
    <row r="4102" spans="8:8">
      <c r="H4102" s="12"/>
    </row>
    <row r="4103" spans="8:8">
      <c r="H4103" s="12"/>
    </row>
    <row r="4104" spans="8:8">
      <c r="H4104" s="12"/>
    </row>
    <row r="4105" spans="8:8">
      <c r="H4105" s="12"/>
    </row>
    <row r="4106" spans="8:8">
      <c r="H4106" s="12"/>
    </row>
    <row r="4107" spans="8:8">
      <c r="H4107" s="12"/>
    </row>
    <row r="4108" spans="8:8">
      <c r="H4108" s="12"/>
    </row>
    <row r="4109" spans="8:8">
      <c r="H4109" s="12"/>
    </row>
    <row r="4110" spans="8:8">
      <c r="H4110" s="12"/>
    </row>
    <row r="4111" spans="8:8">
      <c r="H4111" s="12"/>
    </row>
    <row r="4112" spans="8:8">
      <c r="H4112" s="12"/>
    </row>
    <row r="4113" spans="8:8">
      <c r="H4113" s="12"/>
    </row>
    <row r="4114" spans="8:8">
      <c r="H4114" s="12"/>
    </row>
    <row r="4115" spans="8:8">
      <c r="H4115" s="12"/>
    </row>
    <row r="4116" spans="8:8">
      <c r="H4116" s="12"/>
    </row>
    <row r="4117" spans="8:8">
      <c r="H4117" s="12"/>
    </row>
    <row r="4118" spans="8:8">
      <c r="H4118" s="12"/>
    </row>
    <row r="4119" spans="8:8">
      <c r="H4119" s="12"/>
    </row>
    <row r="4120" spans="8:8">
      <c r="H4120" s="12"/>
    </row>
    <row r="4121" spans="8:8">
      <c r="H4121" s="12"/>
    </row>
    <row r="4122" spans="8:8">
      <c r="H4122" s="12"/>
    </row>
    <row r="4123" spans="8:8">
      <c r="H4123" s="12"/>
    </row>
    <row r="4124" spans="8:8">
      <c r="H4124" s="12"/>
    </row>
    <row r="4125" spans="8:8">
      <c r="H4125" s="12"/>
    </row>
    <row r="4126" spans="8:8">
      <c r="H4126" s="12"/>
    </row>
    <row r="4127" spans="8:8">
      <c r="H4127" s="12"/>
    </row>
    <row r="4128" spans="8:8">
      <c r="H4128" s="12"/>
    </row>
    <row r="4129" spans="8:8">
      <c r="H4129" s="12"/>
    </row>
    <row r="4130" spans="8:8">
      <c r="H4130" s="12"/>
    </row>
    <row r="4131" spans="8:8">
      <c r="H4131" s="12"/>
    </row>
    <row r="4132" spans="8:8">
      <c r="H4132" s="12"/>
    </row>
    <row r="4133" spans="8:8">
      <c r="H4133" s="12"/>
    </row>
    <row r="4134" spans="8:8">
      <c r="H4134" s="12"/>
    </row>
    <row r="4135" spans="8:8">
      <c r="H4135" s="12"/>
    </row>
    <row r="4136" spans="8:8">
      <c r="H4136" s="12"/>
    </row>
    <row r="4137" spans="8:8">
      <c r="H4137" s="12"/>
    </row>
    <row r="4138" spans="8:8">
      <c r="H4138" s="12"/>
    </row>
    <row r="4139" spans="8:8">
      <c r="H4139" s="12"/>
    </row>
    <row r="4140" spans="8:8">
      <c r="H4140" s="12"/>
    </row>
    <row r="4141" spans="8:8">
      <c r="H4141" s="12"/>
    </row>
    <row r="4142" spans="8:8">
      <c r="H4142" s="12"/>
    </row>
    <row r="4143" spans="8:8">
      <c r="H4143" s="12"/>
    </row>
    <row r="4144" spans="8:8">
      <c r="H4144" s="12"/>
    </row>
    <row r="4145" spans="8:8">
      <c r="H4145" s="12"/>
    </row>
    <row r="4146" spans="8:8">
      <c r="H4146" s="12"/>
    </row>
    <row r="4147" spans="8:8">
      <c r="H4147" s="12"/>
    </row>
    <row r="4148" spans="8:8">
      <c r="H4148" s="12"/>
    </row>
    <row r="4149" spans="8:8">
      <c r="H4149" s="12"/>
    </row>
    <row r="4150" spans="8:8">
      <c r="H4150" s="12"/>
    </row>
    <row r="4151" spans="8:8">
      <c r="H4151" s="12"/>
    </row>
    <row r="4152" spans="8:8">
      <c r="H4152" s="12"/>
    </row>
    <row r="4153" spans="8:8">
      <c r="H4153" s="12"/>
    </row>
    <row r="4154" spans="8:8">
      <c r="H4154" s="12"/>
    </row>
    <row r="4155" spans="8:8">
      <c r="H4155" s="12"/>
    </row>
    <row r="4156" spans="8:8">
      <c r="H4156" s="12"/>
    </row>
    <row r="4157" spans="8:8">
      <c r="H4157" s="12"/>
    </row>
    <row r="4158" spans="8:8">
      <c r="H4158" s="12"/>
    </row>
    <row r="4159" spans="8:8">
      <c r="H4159" s="12"/>
    </row>
    <row r="4160" spans="8:8">
      <c r="H4160" s="12"/>
    </row>
    <row r="4161" spans="8:8">
      <c r="H4161" s="12"/>
    </row>
    <row r="4162" spans="8:8">
      <c r="H4162" s="12"/>
    </row>
    <row r="4163" spans="8:8">
      <c r="H4163" s="12"/>
    </row>
    <row r="4164" spans="8:8">
      <c r="H4164" s="12"/>
    </row>
    <row r="4165" spans="8:8">
      <c r="H4165" s="12"/>
    </row>
    <row r="4166" spans="8:8">
      <c r="H4166" s="12"/>
    </row>
    <row r="4167" spans="8:8">
      <c r="H4167" s="12"/>
    </row>
    <row r="4168" spans="8:8">
      <c r="H4168" s="12"/>
    </row>
    <row r="4169" spans="8:8">
      <c r="H4169" s="12"/>
    </row>
    <row r="4170" spans="8:8">
      <c r="H4170" s="12"/>
    </row>
    <row r="4171" spans="8:8">
      <c r="H4171" s="12"/>
    </row>
    <row r="4172" spans="8:8">
      <c r="H4172" s="12"/>
    </row>
    <row r="4173" spans="8:8">
      <c r="H4173" s="12"/>
    </row>
    <row r="4174" spans="8:8">
      <c r="H4174" s="12"/>
    </row>
    <row r="4175" spans="8:8">
      <c r="H4175" s="12"/>
    </row>
    <row r="4176" spans="8:8">
      <c r="H4176" s="12"/>
    </row>
    <row r="4177" spans="8:8">
      <c r="H4177" s="12"/>
    </row>
    <row r="4178" spans="8:8">
      <c r="H4178" s="12"/>
    </row>
    <row r="4179" spans="8:8">
      <c r="H4179" s="12"/>
    </row>
    <row r="4180" spans="8:8">
      <c r="H4180" s="12"/>
    </row>
    <row r="4181" spans="8:8">
      <c r="H4181" s="12"/>
    </row>
    <row r="4182" spans="8:8">
      <c r="H4182" s="12"/>
    </row>
    <row r="4183" spans="8:8">
      <c r="H4183" s="12"/>
    </row>
    <row r="4184" spans="8:8">
      <c r="H4184" s="12"/>
    </row>
    <row r="4185" spans="8:8">
      <c r="H4185" s="12"/>
    </row>
    <row r="4186" spans="8:8">
      <c r="H4186" s="12"/>
    </row>
    <row r="4187" spans="8:8">
      <c r="H4187" s="12"/>
    </row>
    <row r="4188" spans="8:8">
      <c r="H4188" s="12"/>
    </row>
    <row r="4189" spans="8:8">
      <c r="H4189" s="12"/>
    </row>
    <row r="4190" spans="8:8">
      <c r="H4190" s="12"/>
    </row>
    <row r="4191" spans="8:8">
      <c r="H4191" s="12"/>
    </row>
    <row r="4192" spans="8:8">
      <c r="H4192" s="12"/>
    </row>
    <row r="4193" spans="8:8">
      <c r="H4193" s="12"/>
    </row>
    <row r="4194" spans="8:8">
      <c r="H4194" s="12"/>
    </row>
    <row r="4195" spans="8:8">
      <c r="H4195" s="12"/>
    </row>
    <row r="4196" spans="8:8">
      <c r="H4196" s="12"/>
    </row>
    <row r="4197" spans="8:8">
      <c r="H4197" s="12"/>
    </row>
    <row r="4198" spans="8:8">
      <c r="H4198" s="12"/>
    </row>
    <row r="4199" spans="8:8">
      <c r="H4199" s="12"/>
    </row>
    <row r="4200" spans="8:8">
      <c r="H4200" s="12"/>
    </row>
    <row r="4201" spans="8:8">
      <c r="H4201" s="12"/>
    </row>
    <row r="4202" spans="8:8">
      <c r="H4202" s="12"/>
    </row>
    <row r="4203" spans="8:8">
      <c r="H4203" s="12"/>
    </row>
    <row r="4204" spans="8:8">
      <c r="H4204" s="12"/>
    </row>
    <row r="4205" spans="8:8">
      <c r="H4205" s="12"/>
    </row>
    <row r="4206" spans="8:8">
      <c r="H4206" s="12"/>
    </row>
    <row r="4207" spans="8:8">
      <c r="H4207" s="12"/>
    </row>
    <row r="4208" spans="8:8">
      <c r="H4208" s="12"/>
    </row>
    <row r="4209" spans="8:8">
      <c r="H4209" s="12"/>
    </row>
    <row r="4210" spans="8:8">
      <c r="H4210" s="12"/>
    </row>
    <row r="4211" spans="8:8">
      <c r="H4211" s="12"/>
    </row>
    <row r="4212" spans="8:8">
      <c r="H4212" s="12"/>
    </row>
    <row r="4213" spans="8:8">
      <c r="H4213" s="12"/>
    </row>
    <row r="4214" spans="8:8">
      <c r="H4214" s="12"/>
    </row>
    <row r="4215" spans="8:8">
      <c r="H4215" s="12"/>
    </row>
    <row r="4216" spans="8:8">
      <c r="H4216" s="12"/>
    </row>
    <row r="4217" spans="8:8">
      <c r="H4217" s="12"/>
    </row>
    <row r="4218" spans="8:8">
      <c r="H4218" s="12"/>
    </row>
    <row r="4219" spans="8:8">
      <c r="H4219" s="12"/>
    </row>
    <row r="4220" spans="8:8">
      <c r="H4220" s="12"/>
    </row>
    <row r="4221" spans="8:8">
      <c r="H4221" s="12"/>
    </row>
    <row r="4222" spans="8:8">
      <c r="H4222" s="12"/>
    </row>
    <row r="4223" spans="8:8">
      <c r="H4223" s="12"/>
    </row>
    <row r="4224" spans="8:8">
      <c r="H4224" s="12"/>
    </row>
    <row r="4225" spans="8:8">
      <c r="H4225" s="12"/>
    </row>
    <row r="4226" spans="8:8">
      <c r="H4226" s="12"/>
    </row>
    <row r="4227" spans="8:8">
      <c r="H4227" s="12"/>
    </row>
    <row r="4228" spans="8:8">
      <c r="H4228" s="12"/>
    </row>
    <row r="4229" spans="8:8">
      <c r="H4229" s="12"/>
    </row>
    <row r="4230" spans="8:8">
      <c r="H4230" s="12"/>
    </row>
    <row r="4231" spans="8:8">
      <c r="H4231" s="12"/>
    </row>
    <row r="4232" spans="8:8">
      <c r="H4232" s="12"/>
    </row>
    <row r="4233" spans="8:8">
      <c r="H4233" s="12"/>
    </row>
    <row r="4234" spans="8:8">
      <c r="H4234" s="12"/>
    </row>
    <row r="4235" spans="8:8">
      <c r="H4235" s="12"/>
    </row>
    <row r="4236" spans="8:8">
      <c r="H4236" s="12"/>
    </row>
    <row r="4237" spans="8:8">
      <c r="H4237" s="12"/>
    </row>
    <row r="4238" spans="8:8">
      <c r="H4238" s="12"/>
    </row>
    <row r="4239" spans="8:8">
      <c r="H4239" s="12"/>
    </row>
    <row r="4240" spans="8:8">
      <c r="H4240" s="12"/>
    </row>
    <row r="4241" spans="8:8">
      <c r="H4241" s="12"/>
    </row>
    <row r="4242" spans="8:8">
      <c r="H4242" s="12"/>
    </row>
    <row r="4243" spans="8:8">
      <c r="H4243" s="12"/>
    </row>
    <row r="4244" spans="8:8">
      <c r="H4244" s="12"/>
    </row>
    <row r="4245" spans="8:8">
      <c r="H4245" s="12"/>
    </row>
    <row r="4246" spans="8:8">
      <c r="H4246" s="12"/>
    </row>
    <row r="4247" spans="8:8">
      <c r="H4247" s="12"/>
    </row>
    <row r="4248" spans="8:8">
      <c r="H4248" s="12"/>
    </row>
    <row r="4249" spans="8:8">
      <c r="H4249" s="12"/>
    </row>
    <row r="4250" spans="8:8">
      <c r="H4250" s="12"/>
    </row>
    <row r="4251" spans="8:8">
      <c r="H4251" s="12"/>
    </row>
    <row r="4252" spans="8:8">
      <c r="H4252" s="12"/>
    </row>
    <row r="4253" spans="8:8">
      <c r="H4253" s="12"/>
    </row>
    <row r="4254" spans="8:8">
      <c r="H4254" s="12"/>
    </row>
    <row r="4255" spans="8:8">
      <c r="H4255" s="12"/>
    </row>
    <row r="4256" spans="8:8">
      <c r="H4256" s="12"/>
    </row>
    <row r="4257" spans="8:8">
      <c r="H4257" s="12"/>
    </row>
    <row r="4258" spans="8:8">
      <c r="H4258" s="12"/>
    </row>
    <row r="4259" spans="8:8">
      <c r="H4259" s="12"/>
    </row>
    <row r="4260" spans="8:8">
      <c r="H4260" s="12"/>
    </row>
    <row r="4261" spans="8:8">
      <c r="H4261" s="12"/>
    </row>
    <row r="4262" spans="8:8">
      <c r="H4262" s="12"/>
    </row>
    <row r="4263" spans="8:8">
      <c r="H4263" s="12"/>
    </row>
    <row r="4264" spans="8:8">
      <c r="H4264" s="12"/>
    </row>
    <row r="4265" spans="8:8">
      <c r="H4265" s="12"/>
    </row>
    <row r="4266" spans="8:8">
      <c r="H4266" s="12"/>
    </row>
    <row r="4267" spans="8:8">
      <c r="H4267" s="12"/>
    </row>
    <row r="4268" spans="8:8">
      <c r="H4268" s="12"/>
    </row>
    <row r="4269" spans="8:8">
      <c r="H4269" s="12"/>
    </row>
    <row r="4270" spans="8:8">
      <c r="H4270" s="12"/>
    </row>
    <row r="4271" spans="8:8">
      <c r="H4271" s="12"/>
    </row>
    <row r="4272" spans="8:8">
      <c r="H4272" s="12"/>
    </row>
    <row r="4273" spans="8:8">
      <c r="H4273" s="12"/>
    </row>
    <row r="4274" spans="8:8">
      <c r="H4274" s="12"/>
    </row>
    <row r="4275" spans="8:8">
      <c r="H4275" s="12"/>
    </row>
    <row r="4276" spans="8:8">
      <c r="H4276" s="12"/>
    </row>
    <row r="4277" spans="8:8">
      <c r="H4277" s="12"/>
    </row>
    <row r="4278" spans="8:8">
      <c r="H4278" s="12"/>
    </row>
    <row r="4279" spans="8:8">
      <c r="H4279" s="12"/>
    </row>
    <row r="4280" spans="8:8">
      <c r="H4280" s="12"/>
    </row>
    <row r="4281" spans="8:8">
      <c r="H4281" s="12"/>
    </row>
    <row r="4282" spans="8:8">
      <c r="H4282" s="12"/>
    </row>
    <row r="4283" spans="8:8">
      <c r="H4283" s="12"/>
    </row>
    <row r="4284" spans="8:8">
      <c r="H4284" s="12"/>
    </row>
    <row r="4285" spans="8:8">
      <c r="H4285" s="12"/>
    </row>
    <row r="4286" spans="8:8">
      <c r="H4286" s="12"/>
    </row>
    <row r="4287" spans="8:8">
      <c r="H4287" s="12"/>
    </row>
    <row r="4288" spans="8:8">
      <c r="H4288" s="12"/>
    </row>
    <row r="4289" spans="8:8">
      <c r="H4289" s="12"/>
    </row>
    <row r="4290" spans="8:8">
      <c r="H4290" s="12"/>
    </row>
    <row r="4291" spans="8:8">
      <c r="H4291" s="12"/>
    </row>
    <row r="4292" spans="8:8">
      <c r="H4292" s="12"/>
    </row>
    <row r="4293" spans="8:8">
      <c r="H4293" s="12"/>
    </row>
    <row r="4294" spans="8:8">
      <c r="H4294" s="12"/>
    </row>
    <row r="4295" spans="8:8">
      <c r="H4295" s="12"/>
    </row>
    <row r="4296" spans="8:8">
      <c r="H4296" s="12"/>
    </row>
    <row r="4297" spans="8:8">
      <c r="H4297" s="12"/>
    </row>
    <row r="4298" spans="8:8">
      <c r="H4298" s="12"/>
    </row>
    <row r="4299" spans="8:8">
      <c r="H4299" s="12"/>
    </row>
    <row r="4300" spans="8:8">
      <c r="H4300" s="12"/>
    </row>
    <row r="4301" spans="8:8">
      <c r="H4301" s="12"/>
    </row>
    <row r="4302" spans="8:8">
      <c r="H4302" s="12"/>
    </row>
    <row r="4303" spans="8:8">
      <c r="H4303" s="12"/>
    </row>
    <row r="4304" spans="8:8">
      <c r="H4304" s="12"/>
    </row>
    <row r="4305" spans="8:8">
      <c r="H4305" s="12"/>
    </row>
    <row r="4306" spans="8:8">
      <c r="H4306" s="12"/>
    </row>
    <row r="4307" spans="8:8">
      <c r="H4307" s="12"/>
    </row>
    <row r="4308" spans="8:8">
      <c r="H4308" s="12"/>
    </row>
    <row r="4309" spans="8:8">
      <c r="H4309" s="12"/>
    </row>
    <row r="4310" spans="8:8">
      <c r="H4310" s="12"/>
    </row>
    <row r="4311" spans="8:8">
      <c r="H4311" s="12"/>
    </row>
    <row r="4312" spans="8:8">
      <c r="H4312" s="12"/>
    </row>
    <row r="4313" spans="8:8">
      <c r="H4313" s="12"/>
    </row>
    <row r="4314" spans="8:8">
      <c r="H4314" s="12"/>
    </row>
    <row r="4315" spans="8:8">
      <c r="H4315" s="12"/>
    </row>
    <row r="4316" spans="8:8">
      <c r="H4316" s="12"/>
    </row>
    <row r="4317" spans="8:8">
      <c r="H4317" s="12"/>
    </row>
    <row r="4318" spans="8:8">
      <c r="H4318" s="12"/>
    </row>
    <row r="4319" spans="8:8">
      <c r="H4319" s="12"/>
    </row>
    <row r="4320" spans="8:8">
      <c r="H4320" s="12"/>
    </row>
    <row r="4321" spans="8:8">
      <c r="H4321" s="12"/>
    </row>
    <row r="4322" spans="8:8">
      <c r="H4322" s="12"/>
    </row>
    <row r="4323" spans="8:8">
      <c r="H4323" s="12"/>
    </row>
    <row r="4324" spans="8:8">
      <c r="H4324" s="12"/>
    </row>
    <row r="4325" spans="8:8">
      <c r="H4325" s="12"/>
    </row>
    <row r="4326" spans="8:8">
      <c r="H4326" s="12"/>
    </row>
    <row r="4327" spans="8:8">
      <c r="H4327" s="12"/>
    </row>
    <row r="4328" spans="8:8">
      <c r="H4328" s="12"/>
    </row>
    <row r="4329" spans="8:8">
      <c r="H4329" s="12"/>
    </row>
    <row r="4330" spans="8:8">
      <c r="H4330" s="12"/>
    </row>
    <row r="4331" spans="8:8">
      <c r="H4331" s="12"/>
    </row>
    <row r="4332" spans="8:8">
      <c r="H4332" s="12"/>
    </row>
    <row r="4333" spans="8:8">
      <c r="H4333" s="12"/>
    </row>
    <row r="4334" spans="8:8">
      <c r="H4334" s="12"/>
    </row>
    <row r="4335" spans="8:8">
      <c r="H4335" s="12"/>
    </row>
    <row r="4336" spans="8:8">
      <c r="H4336" s="12"/>
    </row>
    <row r="4337" spans="8:8">
      <c r="H4337" s="12"/>
    </row>
    <row r="4338" spans="8:8">
      <c r="H4338" s="12"/>
    </row>
    <row r="4339" spans="8:8">
      <c r="H4339" s="12"/>
    </row>
    <row r="4340" spans="8:8">
      <c r="H4340" s="12"/>
    </row>
    <row r="4341" spans="8:8">
      <c r="H4341" s="12"/>
    </row>
    <row r="4342" spans="8:8">
      <c r="H4342" s="12"/>
    </row>
    <row r="4343" spans="8:8">
      <c r="H4343" s="12"/>
    </row>
    <row r="4344" spans="8:8">
      <c r="H4344" s="12"/>
    </row>
    <row r="4345" spans="8:8">
      <c r="H4345" s="12"/>
    </row>
    <row r="4346" spans="8:8">
      <c r="H4346" s="12"/>
    </row>
    <row r="4347" spans="8:8">
      <c r="H4347" s="12"/>
    </row>
    <row r="4348" spans="8:8">
      <c r="H4348" s="12"/>
    </row>
    <row r="4349" spans="8:8">
      <c r="H4349" s="12"/>
    </row>
    <row r="4350" spans="8:8">
      <c r="H4350" s="12"/>
    </row>
    <row r="4351" spans="8:8">
      <c r="H4351" s="12"/>
    </row>
    <row r="4352" spans="8:8">
      <c r="H4352" s="12"/>
    </row>
    <row r="4353" spans="8:8">
      <c r="H4353" s="12"/>
    </row>
    <row r="4354" spans="8:8">
      <c r="H4354" s="12"/>
    </row>
    <row r="4355" spans="8:8">
      <c r="H4355" s="12"/>
    </row>
    <row r="4356" spans="8:8">
      <c r="H4356" s="12"/>
    </row>
    <row r="4357" spans="8:8">
      <c r="H4357" s="12"/>
    </row>
    <row r="4358" spans="8:8">
      <c r="H4358" s="12"/>
    </row>
    <row r="4359" spans="8:8">
      <c r="H4359" s="12"/>
    </row>
    <row r="4360" spans="8:8">
      <c r="H4360" s="12"/>
    </row>
    <row r="4361" spans="8:8">
      <c r="H4361" s="12"/>
    </row>
    <row r="4362" spans="8:8">
      <c r="H4362" s="12"/>
    </row>
    <row r="4363" spans="8:8">
      <c r="H4363" s="12"/>
    </row>
    <row r="4364" spans="8:8">
      <c r="H4364" s="12"/>
    </row>
    <row r="4365" spans="8:8">
      <c r="H4365" s="12"/>
    </row>
    <row r="4366" spans="8:8">
      <c r="H4366" s="12"/>
    </row>
    <row r="4367" spans="8:8">
      <c r="H4367" s="12"/>
    </row>
    <row r="4368" spans="8:8">
      <c r="H4368" s="12"/>
    </row>
    <row r="4369" spans="8:8">
      <c r="H4369" s="12"/>
    </row>
    <row r="4370" spans="8:8">
      <c r="H4370" s="12"/>
    </row>
    <row r="4371" spans="8:8">
      <c r="H4371" s="12"/>
    </row>
    <row r="4372" spans="8:8">
      <c r="H4372" s="12"/>
    </row>
    <row r="4373" spans="8:8">
      <c r="H4373" s="12"/>
    </row>
    <row r="4374" spans="8:8">
      <c r="H4374" s="12"/>
    </row>
    <row r="4375" spans="8:8">
      <c r="H4375" s="12"/>
    </row>
    <row r="4376" spans="8:8">
      <c r="H4376" s="12"/>
    </row>
    <row r="4377" spans="8:8">
      <c r="H4377" s="12"/>
    </row>
    <row r="4378" spans="8:8">
      <c r="H4378" s="12"/>
    </row>
    <row r="4379" spans="8:8">
      <c r="H4379" s="12"/>
    </row>
    <row r="4380" spans="8:8">
      <c r="H4380" s="12"/>
    </row>
    <row r="4381" spans="8:8">
      <c r="H4381" s="12"/>
    </row>
    <row r="4382" spans="8:8">
      <c r="H4382" s="12"/>
    </row>
    <row r="4383" spans="8:8">
      <c r="H4383" s="12"/>
    </row>
    <row r="4384" spans="8:8">
      <c r="H4384" s="12"/>
    </row>
    <row r="4385" spans="8:8">
      <c r="H4385" s="12"/>
    </row>
    <row r="4386" spans="8:8">
      <c r="H4386" s="12"/>
    </row>
    <row r="4387" spans="8:8">
      <c r="H4387" s="12"/>
    </row>
    <row r="4388" spans="8:8">
      <c r="H4388" s="12"/>
    </row>
    <row r="4389" spans="8:8">
      <c r="H4389" s="12"/>
    </row>
    <row r="4390" spans="8:8">
      <c r="H4390" s="12"/>
    </row>
    <row r="4391" spans="8:8">
      <c r="H4391" s="12"/>
    </row>
    <row r="4392" spans="8:8">
      <c r="H4392" s="12"/>
    </row>
    <row r="4393" spans="8:8">
      <c r="H4393" s="12"/>
    </row>
    <row r="4394" spans="8:8">
      <c r="H4394" s="12"/>
    </row>
    <row r="4395" spans="8:8">
      <c r="H4395" s="12"/>
    </row>
    <row r="4396" spans="8:8">
      <c r="H4396" s="12"/>
    </row>
    <row r="4397" spans="8:8">
      <c r="H4397" s="12"/>
    </row>
    <row r="4398" spans="8:8">
      <c r="H4398" s="12"/>
    </row>
    <row r="4399" spans="8:8">
      <c r="H4399" s="12"/>
    </row>
    <row r="4400" spans="8:8">
      <c r="H4400" s="12"/>
    </row>
    <row r="4401" spans="8:8">
      <c r="H4401" s="12"/>
    </row>
    <row r="4402" spans="8:8">
      <c r="H4402" s="12"/>
    </row>
    <row r="4403" spans="8:8">
      <c r="H4403" s="12"/>
    </row>
    <row r="4404" spans="8:8">
      <c r="H4404" s="12"/>
    </row>
    <row r="4405" spans="8:8">
      <c r="H4405" s="12"/>
    </row>
    <row r="4406" spans="8:8">
      <c r="H4406" s="12"/>
    </row>
    <row r="4407" spans="8:8">
      <c r="H4407" s="12"/>
    </row>
    <row r="4408" spans="8:8">
      <c r="H4408" s="12"/>
    </row>
    <row r="4409" spans="8:8">
      <c r="H4409" s="12"/>
    </row>
    <row r="4410" spans="8:8">
      <c r="H4410" s="12"/>
    </row>
    <row r="4411" spans="8:8">
      <c r="H4411" s="12"/>
    </row>
    <row r="4412" spans="8:8">
      <c r="H4412" s="12"/>
    </row>
    <row r="4413" spans="8:8">
      <c r="H4413" s="12"/>
    </row>
    <row r="4414" spans="8:8">
      <c r="H4414" s="12"/>
    </row>
    <row r="4415" spans="8:8">
      <c r="H4415" s="12"/>
    </row>
    <row r="4416" spans="8:8">
      <c r="H4416" s="12"/>
    </row>
    <row r="4417" spans="8:8">
      <c r="H4417" s="12"/>
    </row>
    <row r="4418" spans="8:8">
      <c r="H4418" s="12"/>
    </row>
    <row r="4419" spans="8:8">
      <c r="H4419" s="12"/>
    </row>
    <row r="4420" spans="8:8">
      <c r="H4420" s="12"/>
    </row>
    <row r="4421" spans="8:8">
      <c r="H4421" s="12"/>
    </row>
    <row r="4422" spans="8:8">
      <c r="H4422" s="12"/>
    </row>
    <row r="4423" spans="8:8">
      <c r="H4423" s="12"/>
    </row>
    <row r="4424" spans="8:8">
      <c r="H4424" s="12"/>
    </row>
    <row r="4425" spans="8:8">
      <c r="H4425" s="12"/>
    </row>
    <row r="4426" spans="8:8">
      <c r="H4426" s="12"/>
    </row>
    <row r="4427" spans="8:8">
      <c r="H4427" s="12"/>
    </row>
    <row r="4428" spans="8:8">
      <c r="H4428" s="12"/>
    </row>
    <row r="4429" spans="8:8">
      <c r="H4429" s="12"/>
    </row>
    <row r="4430" spans="8:8">
      <c r="H4430" s="12"/>
    </row>
    <row r="4431" spans="8:8">
      <c r="H4431" s="12"/>
    </row>
    <row r="4432" spans="8:8">
      <c r="H4432" s="12"/>
    </row>
    <row r="4433" spans="8:8">
      <c r="H4433" s="12"/>
    </row>
    <row r="4434" spans="8:8">
      <c r="H4434" s="12"/>
    </row>
    <row r="4435" spans="8:8">
      <c r="H4435" s="12"/>
    </row>
    <row r="4436" spans="8:8">
      <c r="H4436" s="12"/>
    </row>
    <row r="4437" spans="8:8">
      <c r="H4437" s="12"/>
    </row>
    <row r="4438" spans="8:8">
      <c r="H4438" s="12"/>
    </row>
    <row r="4439" spans="8:8">
      <c r="H4439" s="12"/>
    </row>
    <row r="4440" spans="8:8">
      <c r="H4440" s="12"/>
    </row>
    <row r="4441" spans="8:8">
      <c r="H4441" s="12"/>
    </row>
    <row r="4442" spans="8:8">
      <c r="H4442" s="12"/>
    </row>
    <row r="4443" spans="8:8">
      <c r="H4443" s="12"/>
    </row>
    <row r="4444" spans="8:8">
      <c r="H4444" s="12"/>
    </row>
    <row r="4445" spans="8:8">
      <c r="H4445" s="12"/>
    </row>
    <row r="4446" spans="8:8">
      <c r="H4446" s="12"/>
    </row>
    <row r="4447" spans="8:8">
      <c r="H4447" s="12"/>
    </row>
    <row r="4448" spans="8:8">
      <c r="H4448" s="12"/>
    </row>
    <row r="4449" spans="8:8">
      <c r="H4449" s="12"/>
    </row>
    <row r="4450" spans="8:8">
      <c r="H4450" s="12"/>
    </row>
    <row r="4451" spans="8:8">
      <c r="H4451" s="12"/>
    </row>
    <row r="4452" spans="8:8">
      <c r="H4452" s="12"/>
    </row>
    <row r="4453" spans="8:8">
      <c r="H4453" s="12"/>
    </row>
    <row r="4454" spans="8:8">
      <c r="H4454" s="12"/>
    </row>
    <row r="4455" spans="8:8">
      <c r="H4455" s="12"/>
    </row>
    <row r="4456" spans="8:8">
      <c r="H4456" s="12"/>
    </row>
    <row r="4457" spans="8:8">
      <c r="H4457" s="12"/>
    </row>
    <row r="4458" spans="8:8">
      <c r="H4458" s="12"/>
    </row>
    <row r="4459" spans="8:8">
      <c r="H4459" s="12"/>
    </row>
    <row r="4460" spans="8:8">
      <c r="H4460" s="12"/>
    </row>
    <row r="4461" spans="8:8">
      <c r="H4461" s="12"/>
    </row>
    <row r="4462" spans="8:8">
      <c r="H4462" s="12"/>
    </row>
    <row r="4463" spans="8:8">
      <c r="H4463" s="12"/>
    </row>
    <row r="4464" spans="8:8">
      <c r="H4464" s="12"/>
    </row>
    <row r="4465" spans="8:8">
      <c r="H4465" s="12"/>
    </row>
    <row r="4466" spans="8:8">
      <c r="H4466" s="12"/>
    </row>
    <row r="4467" spans="8:8">
      <c r="H4467" s="12"/>
    </row>
    <row r="4468" spans="8:8">
      <c r="H4468" s="12"/>
    </row>
    <row r="4469" spans="8:8">
      <c r="H4469" s="12"/>
    </row>
    <row r="4470" spans="8:8">
      <c r="H4470" s="12"/>
    </row>
    <row r="4471" spans="8:8">
      <c r="H4471" s="12"/>
    </row>
    <row r="4472" spans="8:8">
      <c r="H4472" s="12"/>
    </row>
    <row r="4473" spans="8:8">
      <c r="H4473" s="12"/>
    </row>
    <row r="4474" spans="8:8">
      <c r="H4474" s="12"/>
    </row>
    <row r="4475" spans="8:8">
      <c r="H4475" s="12"/>
    </row>
    <row r="4476" spans="8:8">
      <c r="H4476" s="12"/>
    </row>
    <row r="4477" spans="8:8">
      <c r="H4477" s="12"/>
    </row>
    <row r="4478" spans="8:8">
      <c r="H4478" s="12"/>
    </row>
    <row r="4479" spans="8:8">
      <c r="H4479" s="12"/>
    </row>
    <row r="4480" spans="8:8">
      <c r="H4480" s="12"/>
    </row>
    <row r="4481" spans="8:8">
      <c r="H4481" s="12"/>
    </row>
    <row r="4482" spans="8:8">
      <c r="H4482" s="12"/>
    </row>
    <row r="4483" spans="8:8">
      <c r="H4483" s="12"/>
    </row>
    <row r="4484" spans="8:8">
      <c r="H4484" s="12"/>
    </row>
    <row r="4485" spans="8:8">
      <c r="H4485" s="12"/>
    </row>
    <row r="4486" spans="8:8">
      <c r="H4486" s="12"/>
    </row>
    <row r="4487" spans="8:8">
      <c r="H4487" s="12"/>
    </row>
    <row r="4488" spans="8:8">
      <c r="H4488" s="12"/>
    </row>
    <row r="4489" spans="8:8">
      <c r="H4489" s="12"/>
    </row>
    <row r="4490" spans="8:8">
      <c r="H4490" s="12"/>
    </row>
    <row r="4491" spans="8:8">
      <c r="H4491" s="12"/>
    </row>
    <row r="4492" spans="8:8">
      <c r="H4492" s="12"/>
    </row>
    <row r="4493" spans="8:8">
      <c r="H4493" s="12"/>
    </row>
    <row r="4494" spans="8:8">
      <c r="H4494" s="12"/>
    </row>
    <row r="4495" spans="8:8">
      <c r="H4495" s="12"/>
    </row>
    <row r="4496" spans="8:8">
      <c r="H4496" s="12"/>
    </row>
    <row r="4497" spans="8:8">
      <c r="H4497" s="12"/>
    </row>
    <row r="4498" spans="8:8">
      <c r="H4498" s="12"/>
    </row>
    <row r="4499" spans="8:8">
      <c r="H4499" s="12"/>
    </row>
    <row r="4500" spans="8:8">
      <c r="H4500" s="12"/>
    </row>
    <row r="4501" spans="8:8">
      <c r="H4501" s="12"/>
    </row>
    <row r="4502" spans="8:8">
      <c r="H4502" s="12"/>
    </row>
    <row r="4503" spans="8:8">
      <c r="H4503" s="12"/>
    </row>
    <row r="4504" spans="8:8">
      <c r="H4504" s="12"/>
    </row>
    <row r="4505" spans="8:8">
      <c r="H4505" s="12"/>
    </row>
    <row r="4506" spans="8:8">
      <c r="H4506" s="12"/>
    </row>
    <row r="4507" spans="8:8">
      <c r="H4507" s="12"/>
    </row>
    <row r="4508" spans="8:8">
      <c r="H4508" s="12"/>
    </row>
    <row r="4509" spans="8:8">
      <c r="H4509" s="12"/>
    </row>
    <row r="4510" spans="8:8">
      <c r="H4510" s="12"/>
    </row>
    <row r="4511" spans="8:8">
      <c r="H4511" s="12"/>
    </row>
    <row r="4512" spans="8:8">
      <c r="H4512" s="12"/>
    </row>
    <row r="4513" spans="8:8">
      <c r="H4513" s="12"/>
    </row>
    <row r="4514" spans="8:8">
      <c r="H4514" s="12"/>
    </row>
    <row r="4515" spans="8:8">
      <c r="H4515" s="12"/>
    </row>
    <row r="4516" spans="8:8">
      <c r="H4516" s="12"/>
    </row>
    <row r="4517" spans="8:8">
      <c r="H4517" s="12"/>
    </row>
    <row r="4518" spans="8:8">
      <c r="H4518" s="12"/>
    </row>
    <row r="4519" spans="8:8">
      <c r="H4519" s="12"/>
    </row>
    <row r="4520" spans="8:8">
      <c r="H4520" s="12"/>
    </row>
    <row r="4521" spans="8:8">
      <c r="H4521" s="12"/>
    </row>
    <row r="4522" spans="8:8">
      <c r="H4522" s="12"/>
    </row>
    <row r="4523" spans="8:8">
      <c r="H4523" s="12"/>
    </row>
    <row r="4524" spans="8:8">
      <c r="H4524" s="12"/>
    </row>
    <row r="4525" spans="8:8">
      <c r="H4525" s="12"/>
    </row>
    <row r="4526" spans="8:8">
      <c r="H4526" s="12"/>
    </row>
    <row r="4527" spans="8:8">
      <c r="H4527" s="12"/>
    </row>
    <row r="4528" spans="8:8">
      <c r="H4528" s="12"/>
    </row>
    <row r="4529" spans="8:8">
      <c r="H4529" s="12"/>
    </row>
    <row r="4530" spans="8:8">
      <c r="H4530" s="12"/>
    </row>
    <row r="4531" spans="8:8">
      <c r="H4531" s="12"/>
    </row>
    <row r="4532" spans="8:8">
      <c r="H4532" s="12"/>
    </row>
    <row r="4533" spans="8:8">
      <c r="H4533" s="12"/>
    </row>
    <row r="4534" spans="8:8">
      <c r="H4534" s="12"/>
    </row>
    <row r="4535" spans="8:8">
      <c r="H4535" s="12"/>
    </row>
    <row r="4536" spans="8:8">
      <c r="H4536" s="12"/>
    </row>
    <row r="4537" spans="8:8">
      <c r="H4537" s="12"/>
    </row>
    <row r="4538" spans="8:8">
      <c r="H4538" s="12"/>
    </row>
    <row r="4539" spans="8:8">
      <c r="H4539" s="12"/>
    </row>
    <row r="4540" spans="8:8">
      <c r="H4540" s="12"/>
    </row>
    <row r="4541" spans="8:8">
      <c r="H4541" s="12"/>
    </row>
    <row r="4542" spans="8:8">
      <c r="H4542" s="12"/>
    </row>
    <row r="4543" spans="8:8">
      <c r="H4543" s="12"/>
    </row>
    <row r="4544" spans="8:8">
      <c r="H4544" s="12"/>
    </row>
    <row r="4545" spans="8:8">
      <c r="H4545" s="12"/>
    </row>
    <row r="4546" spans="8:8">
      <c r="H4546" s="12"/>
    </row>
    <row r="4547" spans="8:8">
      <c r="H4547" s="12"/>
    </row>
    <row r="4548" spans="8:8">
      <c r="H4548" s="12"/>
    </row>
    <row r="4549" spans="8:8">
      <c r="H4549" s="12"/>
    </row>
    <row r="4550" spans="8:8">
      <c r="H4550" s="12"/>
    </row>
    <row r="4551" spans="8:8">
      <c r="H4551" s="12"/>
    </row>
    <row r="4552" spans="8:8">
      <c r="H4552" s="12"/>
    </row>
    <row r="4553" spans="8:8">
      <c r="H4553" s="12"/>
    </row>
    <row r="4554" spans="8:8">
      <c r="H4554" s="12"/>
    </row>
    <row r="4555" spans="8:8">
      <c r="H4555" s="12"/>
    </row>
    <row r="4556" spans="8:8">
      <c r="H4556" s="12"/>
    </row>
    <row r="4557" spans="8:8">
      <c r="H4557" s="12"/>
    </row>
    <row r="4558" spans="8:8">
      <c r="H4558" s="12"/>
    </row>
    <row r="4559" spans="8:8">
      <c r="H4559" s="12"/>
    </row>
    <row r="4560" spans="8:8">
      <c r="H4560" s="12"/>
    </row>
    <row r="4561" spans="8:8">
      <c r="H4561" s="12"/>
    </row>
    <row r="4562" spans="8:8">
      <c r="H4562" s="12"/>
    </row>
    <row r="4563" spans="8:8">
      <c r="H4563" s="12"/>
    </row>
    <row r="4564" spans="8:8">
      <c r="H4564" s="12"/>
    </row>
    <row r="4565" spans="8:8">
      <c r="H4565" s="12"/>
    </row>
    <row r="4566" spans="8:8">
      <c r="H4566" s="12"/>
    </row>
    <row r="4567" spans="8:8">
      <c r="H4567" s="12"/>
    </row>
    <row r="4568" spans="8:8">
      <c r="H4568" s="12"/>
    </row>
    <row r="4569" spans="8:8">
      <c r="H4569" s="12"/>
    </row>
    <row r="4570" spans="8:8">
      <c r="H4570" s="12"/>
    </row>
    <row r="4571" spans="8:8">
      <c r="H4571" s="12"/>
    </row>
    <row r="4572" spans="8:8">
      <c r="H4572" s="12"/>
    </row>
    <row r="4573" spans="8:8">
      <c r="H4573" s="12"/>
    </row>
    <row r="4574" spans="8:8">
      <c r="H4574" s="12"/>
    </row>
    <row r="4575" spans="8:8">
      <c r="H4575" s="12"/>
    </row>
    <row r="4576" spans="8:8">
      <c r="H4576" s="12"/>
    </row>
    <row r="4577" spans="8:8">
      <c r="H4577" s="12"/>
    </row>
    <row r="4578" spans="8:8">
      <c r="H4578" s="12"/>
    </row>
    <row r="4579" spans="8:8">
      <c r="H4579" s="12"/>
    </row>
    <row r="4580" spans="8:8">
      <c r="H4580" s="12"/>
    </row>
    <row r="4581" spans="8:8">
      <c r="H4581" s="12"/>
    </row>
    <row r="4582" spans="8:8">
      <c r="H4582" s="12"/>
    </row>
    <row r="4583" spans="8:8">
      <c r="H4583" s="12"/>
    </row>
    <row r="4584" spans="8:8">
      <c r="H4584" s="12"/>
    </row>
    <row r="4585" spans="8:8">
      <c r="H4585" s="12"/>
    </row>
    <row r="4586" spans="8:8">
      <c r="H4586" s="12"/>
    </row>
    <row r="4587" spans="8:8">
      <c r="H4587" s="12"/>
    </row>
    <row r="4588" spans="8:8">
      <c r="H4588" s="12"/>
    </row>
    <row r="4589" spans="8:8">
      <c r="H4589" s="12"/>
    </row>
    <row r="4590" spans="8:8">
      <c r="H4590" s="12"/>
    </row>
    <row r="4591" spans="8:8">
      <c r="H4591" s="12"/>
    </row>
    <row r="4592" spans="8:8">
      <c r="H4592" s="12"/>
    </row>
    <row r="4593" spans="8:8">
      <c r="H4593" s="12"/>
    </row>
    <row r="4594" spans="8:8">
      <c r="H4594" s="12"/>
    </row>
    <row r="4595" spans="8:8">
      <c r="H4595" s="12"/>
    </row>
    <row r="4596" spans="8:8">
      <c r="H4596" s="12"/>
    </row>
    <row r="4597" spans="8:8">
      <c r="H4597" s="12"/>
    </row>
    <row r="4598" spans="8:8">
      <c r="H4598" s="12"/>
    </row>
    <row r="4599" spans="8:8">
      <c r="H4599" s="12"/>
    </row>
    <row r="4600" spans="8:8">
      <c r="H4600" s="12"/>
    </row>
    <row r="4601" spans="8:8">
      <c r="H4601" s="12"/>
    </row>
    <row r="4602" spans="8:8">
      <c r="H4602" s="12"/>
    </row>
    <row r="4603" spans="8:8">
      <c r="H4603" s="12"/>
    </row>
    <row r="4604" spans="8:8">
      <c r="H4604" s="12"/>
    </row>
    <row r="4605" spans="8:8">
      <c r="H4605" s="12"/>
    </row>
    <row r="4606" spans="8:8">
      <c r="H4606" s="12"/>
    </row>
    <row r="4607" spans="8:8">
      <c r="H4607" s="12"/>
    </row>
    <row r="4608" spans="8:8">
      <c r="H4608" s="12"/>
    </row>
    <row r="4609" spans="8:8">
      <c r="H4609" s="12"/>
    </row>
    <row r="4610" spans="8:8">
      <c r="H4610" s="12"/>
    </row>
    <row r="4611" spans="8:8">
      <c r="H4611" s="12"/>
    </row>
    <row r="4612" spans="8:8">
      <c r="H4612" s="12"/>
    </row>
    <row r="4613" spans="8:8">
      <c r="H4613" s="12"/>
    </row>
    <row r="4614" spans="8:8">
      <c r="H4614" s="12"/>
    </row>
    <row r="4615" spans="8:8">
      <c r="H4615" s="12"/>
    </row>
    <row r="4616" spans="8:8">
      <c r="H4616" s="12"/>
    </row>
    <row r="4617" spans="8:8">
      <c r="H4617" s="12"/>
    </row>
    <row r="4618" spans="8:8">
      <c r="H4618" s="12"/>
    </row>
    <row r="4619" spans="8:8">
      <c r="H4619" s="12"/>
    </row>
    <row r="4620" spans="8:8">
      <c r="H4620" s="12"/>
    </row>
    <row r="4621" spans="8:8">
      <c r="H4621" s="12"/>
    </row>
    <row r="4622" spans="8:8">
      <c r="H4622" s="12"/>
    </row>
    <row r="4623" spans="8:8">
      <c r="H4623" s="12"/>
    </row>
    <row r="4624" spans="8:8">
      <c r="H4624" s="12"/>
    </row>
    <row r="4625" spans="8:8">
      <c r="H4625" s="12"/>
    </row>
    <row r="4626" spans="8:8">
      <c r="H4626" s="12"/>
    </row>
    <row r="4627" spans="8:8">
      <c r="H4627" s="12"/>
    </row>
    <row r="4628" spans="8:8">
      <c r="H4628" s="12"/>
    </row>
    <row r="4629" spans="8:8">
      <c r="H4629" s="12"/>
    </row>
    <row r="4630" spans="8:8">
      <c r="H4630" s="12"/>
    </row>
    <row r="4631" spans="8:8">
      <c r="H4631" s="12"/>
    </row>
    <row r="4632" spans="8:8">
      <c r="H4632" s="12"/>
    </row>
    <row r="4633" spans="8:8">
      <c r="H4633" s="12"/>
    </row>
    <row r="4634" spans="8:8">
      <c r="H4634" s="12"/>
    </row>
    <row r="4635" spans="8:8">
      <c r="H4635" s="12"/>
    </row>
    <row r="4636" spans="8:8">
      <c r="H4636" s="12"/>
    </row>
    <row r="4637" spans="8:8">
      <c r="H4637" s="12"/>
    </row>
    <row r="4638" spans="8:8">
      <c r="H4638" s="12"/>
    </row>
    <row r="4639" spans="8:8">
      <c r="H4639" s="12"/>
    </row>
    <row r="4640" spans="8:8">
      <c r="H4640" s="12"/>
    </row>
    <row r="4641" spans="8:8">
      <c r="H4641" s="12"/>
    </row>
    <row r="4642" spans="8:8">
      <c r="H4642" s="12"/>
    </row>
    <row r="4643" spans="8:8">
      <c r="H4643" s="12"/>
    </row>
    <row r="4644" spans="8:8">
      <c r="H4644" s="12"/>
    </row>
    <row r="4645" spans="8:8">
      <c r="H4645" s="12"/>
    </row>
    <row r="4646" spans="8:8">
      <c r="H4646" s="12"/>
    </row>
    <row r="4647" spans="8:8">
      <c r="H4647" s="12"/>
    </row>
    <row r="4648" spans="8:8">
      <c r="H4648" s="12"/>
    </row>
    <row r="4649" spans="8:8">
      <c r="H4649" s="12"/>
    </row>
    <row r="4650" spans="8:8">
      <c r="H4650" s="12"/>
    </row>
    <row r="4651" spans="8:8">
      <c r="H4651" s="12"/>
    </row>
    <row r="4652" spans="8:8">
      <c r="H4652" s="12"/>
    </row>
    <row r="4653" spans="8:8">
      <c r="H4653" s="12"/>
    </row>
    <row r="4654" spans="8:8">
      <c r="H4654" s="12"/>
    </row>
    <row r="4655" spans="8:8">
      <c r="H4655" s="12"/>
    </row>
    <row r="4656" spans="8:8">
      <c r="H4656" s="12"/>
    </row>
    <row r="4657" spans="8:8">
      <c r="H4657" s="12"/>
    </row>
    <row r="4658" spans="8:8">
      <c r="H4658" s="12"/>
    </row>
    <row r="4659" spans="8:8">
      <c r="H4659" s="12"/>
    </row>
    <row r="4660" spans="8:8">
      <c r="H4660" s="12"/>
    </row>
    <row r="4661" spans="8:8">
      <c r="H4661" s="12"/>
    </row>
    <row r="4662" spans="8:8">
      <c r="H4662" s="12"/>
    </row>
    <row r="4663" spans="8:8">
      <c r="H4663" s="12"/>
    </row>
    <row r="4664" spans="8:8">
      <c r="H4664" s="12"/>
    </row>
    <row r="4665" spans="8:8">
      <c r="H4665" s="12"/>
    </row>
    <row r="4666" spans="8:8">
      <c r="H4666" s="12"/>
    </row>
    <row r="4667" spans="8:8">
      <c r="H4667" s="12"/>
    </row>
    <row r="4668" spans="8:8">
      <c r="H4668" s="12"/>
    </row>
    <row r="4669" spans="8:8">
      <c r="H4669" s="12"/>
    </row>
    <row r="4670" spans="8:8">
      <c r="H4670" s="12"/>
    </row>
    <row r="4671" spans="8:8">
      <c r="H4671" s="12"/>
    </row>
    <row r="4672" spans="8:8">
      <c r="H4672" s="12"/>
    </row>
    <row r="4673" spans="8:8">
      <c r="H4673" s="12"/>
    </row>
    <row r="4674" spans="8:8">
      <c r="H4674" s="12"/>
    </row>
    <row r="4675" spans="8:8">
      <c r="H4675" s="12"/>
    </row>
    <row r="4676" spans="8:8">
      <c r="H4676" s="12"/>
    </row>
    <row r="4677" spans="8:8">
      <c r="H4677" s="12"/>
    </row>
    <row r="4678" spans="8:8">
      <c r="H4678" s="12"/>
    </row>
    <row r="4679" spans="8:8">
      <c r="H4679" s="12"/>
    </row>
    <row r="4680" spans="8:8">
      <c r="H4680" s="12"/>
    </row>
    <row r="4681" spans="8:8">
      <c r="H4681" s="12"/>
    </row>
    <row r="4682" spans="8:8">
      <c r="H4682" s="12"/>
    </row>
    <row r="4683" spans="8:8">
      <c r="H4683" s="12"/>
    </row>
    <row r="4684" spans="8:8">
      <c r="H4684" s="12"/>
    </row>
    <row r="4685" spans="8:8">
      <c r="H4685" s="12"/>
    </row>
    <row r="4686" spans="8:8">
      <c r="H4686" s="12"/>
    </row>
    <row r="4687" spans="8:8">
      <c r="H4687" s="12"/>
    </row>
    <row r="4688" spans="8:8">
      <c r="H4688" s="12"/>
    </row>
    <row r="4689" spans="8:8">
      <c r="H4689" s="12"/>
    </row>
    <row r="4690" spans="8:8">
      <c r="H4690" s="12"/>
    </row>
    <row r="4691" spans="8:8">
      <c r="H4691" s="12"/>
    </row>
    <row r="4692" spans="8:8">
      <c r="H4692" s="12"/>
    </row>
    <row r="4693" spans="8:8">
      <c r="H4693" s="12"/>
    </row>
    <row r="4694" spans="8:8">
      <c r="H4694" s="12"/>
    </row>
    <row r="4695" spans="8:8">
      <c r="H4695" s="12"/>
    </row>
    <row r="4696" spans="8:8">
      <c r="H4696" s="12"/>
    </row>
    <row r="4697" spans="8:8">
      <c r="H4697" s="12"/>
    </row>
    <row r="4698" spans="8:8">
      <c r="H4698" s="12"/>
    </row>
    <row r="4699" spans="8:8">
      <c r="H4699" s="12"/>
    </row>
    <row r="4700" spans="8:8">
      <c r="H4700" s="12"/>
    </row>
    <row r="4701" spans="8:8">
      <c r="H4701" s="12"/>
    </row>
    <row r="4702" spans="8:8">
      <c r="H4702" s="12"/>
    </row>
    <row r="4703" spans="8:8">
      <c r="H4703" s="12"/>
    </row>
    <row r="4704" spans="8:8">
      <c r="H4704" s="12"/>
    </row>
    <row r="4705" spans="8:8">
      <c r="H4705" s="12"/>
    </row>
    <row r="4706" spans="8:8">
      <c r="H4706" s="12"/>
    </row>
    <row r="4707" spans="8:8">
      <c r="H4707" s="12"/>
    </row>
    <row r="4708" spans="8:8">
      <c r="H4708" s="12"/>
    </row>
    <row r="4709" spans="8:8">
      <c r="H4709" s="12"/>
    </row>
    <row r="4710" spans="8:8">
      <c r="H4710" s="12"/>
    </row>
    <row r="4711" spans="8:8">
      <c r="H4711" s="12"/>
    </row>
    <row r="4712" spans="8:8">
      <c r="H4712" s="12"/>
    </row>
    <row r="4713" spans="8:8">
      <c r="H4713" s="12"/>
    </row>
    <row r="4714" spans="8:8">
      <c r="H4714" s="12"/>
    </row>
    <row r="4715" spans="8:8">
      <c r="H4715" s="12"/>
    </row>
    <row r="4716" spans="8:8">
      <c r="H4716" s="12"/>
    </row>
    <row r="4717" spans="8:8">
      <c r="H4717" s="12"/>
    </row>
    <row r="4718" spans="8:8">
      <c r="H4718" s="12"/>
    </row>
    <row r="4719" spans="8:8">
      <c r="H4719" s="12"/>
    </row>
    <row r="4720" spans="8:8">
      <c r="H4720" s="12"/>
    </row>
    <row r="4721" spans="8:8">
      <c r="H4721" s="12"/>
    </row>
    <row r="4722" spans="8:8">
      <c r="H4722" s="12"/>
    </row>
    <row r="4723" spans="8:8">
      <c r="H4723" s="12"/>
    </row>
    <row r="4724" spans="8:8">
      <c r="H4724" s="12"/>
    </row>
    <row r="4725" spans="8:8">
      <c r="H4725" s="12"/>
    </row>
    <row r="4726" spans="8:8">
      <c r="H4726" s="12"/>
    </row>
    <row r="4727" spans="8:8">
      <c r="H4727" s="12"/>
    </row>
    <row r="4728" spans="8:8">
      <c r="H4728" s="12"/>
    </row>
    <row r="4729" spans="8:8">
      <c r="H4729" s="12"/>
    </row>
    <row r="4730" spans="8:8">
      <c r="H4730" s="12"/>
    </row>
    <row r="4731" spans="8:8">
      <c r="H4731" s="12"/>
    </row>
    <row r="4732" spans="8:8">
      <c r="H4732" s="12"/>
    </row>
    <row r="4733" spans="8:8">
      <c r="H4733" s="12"/>
    </row>
    <row r="4734" spans="8:8">
      <c r="H4734" s="12"/>
    </row>
    <row r="4735" spans="8:8">
      <c r="H4735" s="12"/>
    </row>
    <row r="4736" spans="8:8">
      <c r="H4736" s="12"/>
    </row>
    <row r="4737" spans="8:8">
      <c r="H4737" s="12"/>
    </row>
    <row r="4738" spans="8:8">
      <c r="H4738" s="12"/>
    </row>
    <row r="4739" spans="8:8">
      <c r="H4739" s="12"/>
    </row>
    <row r="4740" spans="8:8">
      <c r="H4740" s="12"/>
    </row>
    <row r="4741" spans="8:8">
      <c r="H4741" s="12"/>
    </row>
    <row r="4742" spans="8:8">
      <c r="H4742" s="12"/>
    </row>
    <row r="4743" spans="8:8">
      <c r="H4743" s="12"/>
    </row>
    <row r="4744" spans="8:8">
      <c r="H4744" s="12"/>
    </row>
    <row r="4745" spans="8:8">
      <c r="H4745" s="12"/>
    </row>
    <row r="4746" spans="8:8">
      <c r="H4746" s="12"/>
    </row>
    <row r="4747" spans="8:8">
      <c r="H4747" s="12"/>
    </row>
    <row r="4748" spans="8:8">
      <c r="H4748" s="12"/>
    </row>
    <row r="4749" spans="8:8">
      <c r="H4749" s="12"/>
    </row>
    <row r="4750" spans="8:8">
      <c r="H4750" s="12"/>
    </row>
    <row r="4751" spans="8:8">
      <c r="H4751" s="12"/>
    </row>
    <row r="4752" spans="8:8">
      <c r="H4752" s="12"/>
    </row>
    <row r="4753" spans="8:8">
      <c r="H4753" s="12"/>
    </row>
    <row r="4754" spans="8:8">
      <c r="H4754" s="12"/>
    </row>
    <row r="4755" spans="8:8">
      <c r="H4755" s="12"/>
    </row>
    <row r="4756" spans="8:8">
      <c r="H4756" s="12"/>
    </row>
    <row r="4757" spans="8:8">
      <c r="H4757" s="12"/>
    </row>
    <row r="4758" spans="8:8">
      <c r="H4758" s="12"/>
    </row>
    <row r="4759" spans="8:8">
      <c r="H4759" s="12"/>
    </row>
    <row r="4760" spans="8:8">
      <c r="H4760" s="12"/>
    </row>
    <row r="4761" spans="8:8">
      <c r="H4761" s="12"/>
    </row>
    <row r="4762" spans="8:8">
      <c r="H4762" s="12"/>
    </row>
    <row r="4763" spans="8:8">
      <c r="H4763" s="12"/>
    </row>
    <row r="4764" spans="8:8">
      <c r="H4764" s="12"/>
    </row>
    <row r="4765" spans="8:8">
      <c r="H4765" s="12"/>
    </row>
    <row r="4766" spans="8:8">
      <c r="H4766" s="12"/>
    </row>
    <row r="4767" spans="8:8">
      <c r="H4767" s="12"/>
    </row>
    <row r="4768" spans="8:8">
      <c r="H4768" s="12"/>
    </row>
    <row r="4769" spans="8:8">
      <c r="H4769" s="12"/>
    </row>
    <row r="4770" spans="8:8">
      <c r="H4770" s="12"/>
    </row>
    <row r="4771" spans="8:8">
      <c r="H4771" s="12"/>
    </row>
    <row r="4772" spans="8:8">
      <c r="H4772" s="12"/>
    </row>
    <row r="4773" spans="8:8">
      <c r="H4773" s="12"/>
    </row>
    <row r="4774" spans="8:8">
      <c r="H4774" s="12"/>
    </row>
    <row r="4775" spans="8:8">
      <c r="H4775" s="12"/>
    </row>
    <row r="4776" spans="8:8">
      <c r="H4776" s="12"/>
    </row>
    <row r="4777" spans="8:8">
      <c r="H4777" s="12"/>
    </row>
    <row r="4778" spans="8:8">
      <c r="H4778" s="12"/>
    </row>
    <row r="4779" spans="8:8">
      <c r="H4779" s="12"/>
    </row>
    <row r="4780" spans="8:8">
      <c r="H4780" s="12"/>
    </row>
    <row r="4781" spans="8:8">
      <c r="H4781" s="12"/>
    </row>
    <row r="4782" spans="8:8">
      <c r="H4782" s="12"/>
    </row>
    <row r="4783" spans="8:8">
      <c r="H4783" s="12"/>
    </row>
    <row r="4784" spans="8:8">
      <c r="H4784" s="12"/>
    </row>
    <row r="4785" spans="8:8">
      <c r="H4785" s="12"/>
    </row>
    <row r="4786" spans="8:8">
      <c r="H4786" s="12"/>
    </row>
    <row r="4787" spans="8:8">
      <c r="H4787" s="12"/>
    </row>
    <row r="4788" spans="8:8">
      <c r="H4788" s="12"/>
    </row>
    <row r="4789" spans="8:8">
      <c r="H4789" s="12"/>
    </row>
    <row r="4790" spans="8:8">
      <c r="H4790" s="12"/>
    </row>
    <row r="4791" spans="8:8">
      <c r="H4791" s="12"/>
    </row>
    <row r="4792" spans="8:8">
      <c r="H4792" s="12"/>
    </row>
    <row r="4793" spans="8:8">
      <c r="H4793" s="12"/>
    </row>
    <row r="4794" spans="8:8">
      <c r="H4794" s="12"/>
    </row>
    <row r="4795" spans="8:8">
      <c r="H4795" s="12"/>
    </row>
    <row r="4796" spans="8:8">
      <c r="H4796" s="12"/>
    </row>
    <row r="4797" spans="8:8">
      <c r="H4797" s="12"/>
    </row>
    <row r="4798" spans="8:8">
      <c r="H4798" s="12"/>
    </row>
    <row r="4799" spans="8:8">
      <c r="H4799" s="12"/>
    </row>
    <row r="4800" spans="8:8">
      <c r="H4800" s="12"/>
    </row>
    <row r="4801" spans="8:8">
      <c r="H4801" s="12"/>
    </row>
    <row r="4802" spans="8:8">
      <c r="H4802" s="12"/>
    </row>
    <row r="4803" spans="8:8">
      <c r="H4803" s="12"/>
    </row>
    <row r="4804" spans="8:8">
      <c r="H4804" s="12"/>
    </row>
    <row r="4805" spans="8:8">
      <c r="H4805" s="12"/>
    </row>
    <row r="4806" spans="8:8">
      <c r="H4806" s="12"/>
    </row>
    <row r="4807" spans="8:8">
      <c r="H4807" s="12"/>
    </row>
    <row r="4808" spans="8:8">
      <c r="H4808" s="12"/>
    </row>
    <row r="4809" spans="8:8">
      <c r="H4809" s="12"/>
    </row>
    <row r="4810" spans="8:8">
      <c r="H4810" s="12"/>
    </row>
    <row r="4811" spans="8:8">
      <c r="H4811" s="12"/>
    </row>
    <row r="4812" spans="8:8">
      <c r="H4812" s="12"/>
    </row>
    <row r="4813" spans="8:8">
      <c r="H4813" s="12"/>
    </row>
    <row r="4814" spans="8:8">
      <c r="H4814" s="12"/>
    </row>
    <row r="4815" spans="8:8">
      <c r="H4815" s="12"/>
    </row>
    <row r="4816" spans="8:8">
      <c r="H4816" s="12"/>
    </row>
    <row r="4817" spans="8:8">
      <c r="H4817" s="12"/>
    </row>
    <row r="4818" spans="8:8">
      <c r="H4818" s="12"/>
    </row>
    <row r="4819" spans="8:8">
      <c r="H4819" s="12"/>
    </row>
    <row r="4820" spans="8:8">
      <c r="H4820" s="12"/>
    </row>
    <row r="4821" spans="8:8">
      <c r="H4821" s="12"/>
    </row>
    <row r="4822" spans="8:8">
      <c r="H4822" s="12"/>
    </row>
    <row r="4823" spans="8:8">
      <c r="H4823" s="12"/>
    </row>
    <row r="4824" spans="8:8">
      <c r="H4824" s="12"/>
    </row>
    <row r="4825" spans="8:8">
      <c r="H4825" s="12"/>
    </row>
    <row r="4826" spans="8:8">
      <c r="H4826" s="12"/>
    </row>
    <row r="4827" spans="8:8">
      <c r="H4827" s="12"/>
    </row>
    <row r="4828" spans="8:8">
      <c r="H4828" s="12"/>
    </row>
    <row r="4829" spans="8:8">
      <c r="H4829" s="12"/>
    </row>
    <row r="4830" spans="8:8">
      <c r="H4830" s="12"/>
    </row>
    <row r="4831" spans="8:8">
      <c r="H4831" s="12"/>
    </row>
    <row r="4832" spans="8:8">
      <c r="H4832" s="12"/>
    </row>
    <row r="4833" spans="8:8">
      <c r="H4833" s="12"/>
    </row>
    <row r="4834" spans="8:8">
      <c r="H4834" s="12"/>
    </row>
    <row r="4835" spans="8:8">
      <c r="H4835" s="12"/>
    </row>
    <row r="4836" spans="8:8">
      <c r="H4836" s="12"/>
    </row>
    <row r="4837" spans="8:8">
      <c r="H4837" s="12"/>
    </row>
    <row r="4838" spans="8:8">
      <c r="H4838" s="12"/>
    </row>
    <row r="4839" spans="8:8">
      <c r="H4839" s="12"/>
    </row>
    <row r="4840" spans="8:8">
      <c r="H4840" s="12"/>
    </row>
    <row r="4841" spans="8:8">
      <c r="H4841" s="12"/>
    </row>
    <row r="4842" spans="8:8">
      <c r="H4842" s="12"/>
    </row>
    <row r="4843" spans="8:8">
      <c r="H4843" s="12"/>
    </row>
    <row r="4844" spans="8:8">
      <c r="H4844" s="12"/>
    </row>
    <row r="4845" spans="8:8">
      <c r="H4845" s="12"/>
    </row>
    <row r="4846" spans="8:8">
      <c r="H4846" s="12"/>
    </row>
    <row r="4847" spans="8:8">
      <c r="H4847" s="12"/>
    </row>
    <row r="4848" spans="8:8">
      <c r="H4848" s="12"/>
    </row>
    <row r="4849" spans="8:8">
      <c r="H4849" s="12"/>
    </row>
    <row r="4850" spans="8:8">
      <c r="H4850" s="12"/>
    </row>
    <row r="4851" spans="8:8">
      <c r="H4851" s="12"/>
    </row>
    <row r="4852" spans="8:8">
      <c r="H4852" s="12"/>
    </row>
    <row r="4853" spans="8:8">
      <c r="H4853" s="12"/>
    </row>
    <row r="4854" spans="8:8">
      <c r="H4854" s="12"/>
    </row>
    <row r="4855" spans="8:8">
      <c r="H4855" s="12"/>
    </row>
    <row r="4856" spans="8:8">
      <c r="H4856" s="12"/>
    </row>
    <row r="4857" spans="8:8">
      <c r="H4857" s="12"/>
    </row>
    <row r="4858" spans="8:8">
      <c r="H4858" s="12"/>
    </row>
    <row r="4859" spans="8:8">
      <c r="H4859" s="12"/>
    </row>
    <row r="4860" spans="8:8">
      <c r="H4860" s="12"/>
    </row>
    <row r="4861" spans="8:8">
      <c r="H4861" s="12"/>
    </row>
    <row r="4862" spans="8:8">
      <c r="H4862" s="12"/>
    </row>
    <row r="4863" spans="8:8">
      <c r="H4863" s="12"/>
    </row>
    <row r="4864" spans="8:8">
      <c r="H4864" s="12"/>
    </row>
    <row r="4865" spans="8:8">
      <c r="H4865" s="12"/>
    </row>
    <row r="4866" spans="8:8">
      <c r="H4866" s="12"/>
    </row>
    <row r="4867" spans="8:8">
      <c r="H4867" s="12"/>
    </row>
    <row r="4868" spans="8:8">
      <c r="H4868" s="12"/>
    </row>
    <row r="4869" spans="8:8">
      <c r="H4869" s="12"/>
    </row>
    <row r="4870" spans="8:8">
      <c r="H4870" s="12"/>
    </row>
    <row r="4871" spans="8:8">
      <c r="H4871" s="12"/>
    </row>
    <row r="4872" spans="8:8">
      <c r="H4872" s="12"/>
    </row>
    <row r="4873" spans="8:8">
      <c r="H4873" s="12"/>
    </row>
    <row r="4874" spans="8:8">
      <c r="H4874" s="12"/>
    </row>
    <row r="4875" spans="8:8">
      <c r="H4875" s="12"/>
    </row>
    <row r="4876" spans="8:8">
      <c r="H4876" s="12"/>
    </row>
    <row r="4877" spans="8:8">
      <c r="H4877" s="12"/>
    </row>
    <row r="4878" spans="8:8">
      <c r="H4878" s="12"/>
    </row>
    <row r="4879" spans="8:8">
      <c r="H4879" s="12"/>
    </row>
    <row r="4880" spans="8:8">
      <c r="H4880" s="12"/>
    </row>
    <row r="4881" spans="8:8">
      <c r="H4881" s="12"/>
    </row>
    <row r="4882" spans="8:8">
      <c r="H4882" s="12"/>
    </row>
    <row r="4883" spans="8:8">
      <c r="H4883" s="12"/>
    </row>
    <row r="4884" spans="8:8">
      <c r="H4884" s="12"/>
    </row>
    <row r="4885" spans="8:8">
      <c r="H4885" s="12"/>
    </row>
    <row r="4886" spans="8:8">
      <c r="H4886" s="12"/>
    </row>
    <row r="4887" spans="8:8">
      <c r="H4887" s="12"/>
    </row>
    <row r="4888" spans="8:8">
      <c r="H4888" s="12"/>
    </row>
    <row r="4889" spans="8:8">
      <c r="H4889" s="12"/>
    </row>
    <row r="4890" spans="8:8">
      <c r="H4890" s="12"/>
    </row>
    <row r="4891" spans="8:8">
      <c r="H4891" s="12"/>
    </row>
    <row r="4892" spans="8:8">
      <c r="H4892" s="12"/>
    </row>
    <row r="4893" spans="8:8">
      <c r="H4893" s="12"/>
    </row>
    <row r="4894" spans="8:8">
      <c r="H4894" s="12"/>
    </row>
    <row r="4895" spans="8:8">
      <c r="H4895" s="12"/>
    </row>
    <row r="4896" spans="8:8">
      <c r="H4896" s="12"/>
    </row>
    <row r="4897" spans="8:8">
      <c r="H4897" s="12"/>
    </row>
    <row r="4898" spans="8:8">
      <c r="H4898" s="12"/>
    </row>
    <row r="4899" spans="8:8">
      <c r="H4899" s="12"/>
    </row>
    <row r="4900" spans="8:8">
      <c r="H4900" s="12"/>
    </row>
    <row r="4901" spans="8:8">
      <c r="H4901" s="12"/>
    </row>
    <row r="4902" spans="8:8">
      <c r="H4902" s="12"/>
    </row>
    <row r="4903" spans="8:8">
      <c r="H4903" s="12"/>
    </row>
    <row r="4904" spans="8:8">
      <c r="H4904" s="12"/>
    </row>
    <row r="4905" spans="8:8">
      <c r="H4905" s="12"/>
    </row>
    <row r="4906" spans="8:8">
      <c r="H4906" s="12"/>
    </row>
    <row r="4907" spans="8:8">
      <c r="H4907" s="12"/>
    </row>
    <row r="4908" spans="8:8">
      <c r="H4908" s="12"/>
    </row>
    <row r="4909" spans="8:8">
      <c r="H4909" s="12"/>
    </row>
    <row r="4910" spans="8:8">
      <c r="H4910" s="12"/>
    </row>
    <row r="4911" spans="8:8">
      <c r="H4911" s="12"/>
    </row>
    <row r="4912" spans="8:8">
      <c r="H4912" s="12"/>
    </row>
    <row r="4913" spans="8:8">
      <c r="H4913" s="12"/>
    </row>
    <row r="4914" spans="8:8">
      <c r="H4914" s="12"/>
    </row>
    <row r="4915" spans="8:8">
      <c r="H4915" s="12"/>
    </row>
    <row r="4916" spans="8:8">
      <c r="H4916" s="12"/>
    </row>
    <row r="4917" spans="8:8">
      <c r="H4917" s="12"/>
    </row>
    <row r="4918" spans="8:8">
      <c r="H4918" s="12"/>
    </row>
    <row r="4919" spans="8:8">
      <c r="H4919" s="12"/>
    </row>
    <row r="4920" spans="8:8">
      <c r="H4920" s="12"/>
    </row>
    <row r="4921" spans="8:8">
      <c r="H4921" s="12"/>
    </row>
    <row r="4922" spans="8:8">
      <c r="H4922" s="12"/>
    </row>
    <row r="4923" spans="8:8">
      <c r="H4923" s="12"/>
    </row>
    <row r="4924" spans="8:8">
      <c r="H4924" s="12"/>
    </row>
    <row r="4925" spans="8:8">
      <c r="H4925" s="12"/>
    </row>
    <row r="4926" spans="8:8">
      <c r="H4926" s="12"/>
    </row>
    <row r="4927" spans="8:8">
      <c r="H4927" s="12"/>
    </row>
    <row r="4928" spans="8:8">
      <c r="H4928" s="12"/>
    </row>
    <row r="4929" spans="8:8">
      <c r="H4929" s="12"/>
    </row>
    <row r="4930" spans="8:8">
      <c r="H4930" s="12"/>
    </row>
    <row r="4931" spans="8:8">
      <c r="H4931" s="12"/>
    </row>
    <row r="4932" spans="8:8">
      <c r="H4932" s="12"/>
    </row>
    <row r="4933" spans="8:8">
      <c r="H4933" s="12"/>
    </row>
    <row r="4934" spans="8:8">
      <c r="H4934" s="12"/>
    </row>
    <row r="4935" spans="8:8">
      <c r="H4935" s="12"/>
    </row>
    <row r="4936" spans="8:8">
      <c r="H4936" s="12"/>
    </row>
    <row r="4937" spans="8:8">
      <c r="H4937" s="12"/>
    </row>
    <row r="4938" spans="8:8">
      <c r="H4938" s="12"/>
    </row>
    <row r="4939" spans="8:8">
      <c r="H4939" s="12"/>
    </row>
    <row r="4940" spans="8:8">
      <c r="H4940" s="12"/>
    </row>
    <row r="4941" spans="8:8">
      <c r="H4941" s="12"/>
    </row>
    <row r="4942" spans="8:8">
      <c r="H4942" s="12"/>
    </row>
    <row r="4943" spans="8:8">
      <c r="H4943" s="12"/>
    </row>
    <row r="4944" spans="8:8">
      <c r="H4944" s="12"/>
    </row>
    <row r="4945" spans="8:8">
      <c r="H4945" s="12"/>
    </row>
    <row r="4946" spans="8:8">
      <c r="H4946" s="12"/>
    </row>
    <row r="4947" spans="8:8">
      <c r="H4947" s="12"/>
    </row>
    <row r="4948" spans="8:8">
      <c r="H4948" s="12"/>
    </row>
    <row r="4949" spans="8:8">
      <c r="H4949" s="12"/>
    </row>
    <row r="4950" spans="8:8">
      <c r="H4950" s="12"/>
    </row>
    <row r="4951" spans="8:8">
      <c r="H4951" s="12"/>
    </row>
    <row r="4952" spans="8:8">
      <c r="H4952" s="12"/>
    </row>
    <row r="4953" spans="8:8">
      <c r="H4953" s="12"/>
    </row>
    <row r="4954" spans="8:8">
      <c r="H4954" s="12"/>
    </row>
    <row r="4955" spans="8:8">
      <c r="H4955" s="12"/>
    </row>
    <row r="4956" spans="8:8">
      <c r="H4956" s="12"/>
    </row>
    <row r="4957" spans="8:8">
      <c r="H4957" s="12"/>
    </row>
    <row r="4958" spans="8:8">
      <c r="H4958" s="12"/>
    </row>
    <row r="4959" spans="8:8">
      <c r="H4959" s="12"/>
    </row>
    <row r="4960" spans="8:8">
      <c r="H4960" s="12"/>
    </row>
    <row r="4961" spans="8:8">
      <c r="H4961" s="12"/>
    </row>
    <row r="4962" spans="8:8">
      <c r="H4962" s="12"/>
    </row>
    <row r="4963" spans="8:8">
      <c r="H4963" s="12"/>
    </row>
    <row r="4964" spans="8:8">
      <c r="H4964" s="12"/>
    </row>
    <row r="4965" spans="8:8">
      <c r="H4965" s="12"/>
    </row>
    <row r="4966" spans="8:8">
      <c r="H4966" s="12"/>
    </row>
    <row r="4967" spans="8:8">
      <c r="H4967" s="12"/>
    </row>
    <row r="4968" spans="8:8">
      <c r="H4968" s="12"/>
    </row>
    <row r="4969" spans="8:8">
      <c r="H4969" s="12"/>
    </row>
    <row r="4970" spans="8:8">
      <c r="H4970" s="12"/>
    </row>
    <row r="4971" spans="8:8">
      <c r="H4971" s="12"/>
    </row>
    <row r="4972" spans="8:8">
      <c r="H4972" s="12"/>
    </row>
    <row r="4973" spans="8:8">
      <c r="H4973" s="12"/>
    </row>
    <row r="4974" spans="8:8">
      <c r="H4974" s="12"/>
    </row>
    <row r="4975" spans="8:8">
      <c r="H4975" s="12"/>
    </row>
    <row r="4976" spans="8:8">
      <c r="H4976" s="12"/>
    </row>
    <row r="4977" spans="8:8">
      <c r="H4977" s="12"/>
    </row>
    <row r="4978" spans="8:8">
      <c r="H4978" s="12"/>
    </row>
    <row r="4979" spans="8:8">
      <c r="H4979" s="12"/>
    </row>
    <row r="4980" spans="8:8">
      <c r="H4980" s="12"/>
    </row>
    <row r="4981" spans="8:8">
      <c r="H4981" s="12"/>
    </row>
    <row r="4982" spans="8:8">
      <c r="H4982" s="12"/>
    </row>
    <row r="4983" spans="8:8">
      <c r="H4983" s="12"/>
    </row>
    <row r="4984" spans="8:8">
      <c r="H4984" s="12"/>
    </row>
    <row r="4985" spans="8:8">
      <c r="H4985" s="12"/>
    </row>
    <row r="4986" spans="8:8">
      <c r="H4986" s="12"/>
    </row>
    <row r="4987" spans="8:8">
      <c r="H4987" s="12"/>
    </row>
    <row r="4988" spans="8:8">
      <c r="H4988" s="12"/>
    </row>
    <row r="4989" spans="8:8">
      <c r="H4989" s="12"/>
    </row>
    <row r="4990" spans="8:8">
      <c r="H4990" s="12"/>
    </row>
    <row r="4991" spans="8:8">
      <c r="H4991" s="12"/>
    </row>
    <row r="4992" spans="8:8">
      <c r="H4992" s="12"/>
    </row>
    <row r="4993" spans="8:8">
      <c r="H4993" s="12"/>
    </row>
    <row r="4994" spans="8:8">
      <c r="H4994" s="12"/>
    </row>
    <row r="4995" spans="8:8">
      <c r="H4995" s="12"/>
    </row>
    <row r="4996" spans="8:8">
      <c r="H4996" s="12"/>
    </row>
    <row r="4997" spans="8:8">
      <c r="H4997" s="12"/>
    </row>
    <row r="4998" spans="8:8">
      <c r="H4998" s="12"/>
    </row>
    <row r="4999" spans="8:8">
      <c r="H4999" s="12"/>
    </row>
    <row r="5000" spans="8:8">
      <c r="H5000" s="12"/>
    </row>
    <row r="5001" spans="8:8">
      <c r="H5001" s="12"/>
    </row>
    <row r="5002" spans="8:8">
      <c r="H5002" s="12"/>
    </row>
    <row r="5003" spans="8:8">
      <c r="H5003" s="12"/>
    </row>
    <row r="5004" spans="8:8">
      <c r="H5004" s="12"/>
    </row>
    <row r="5005" spans="8:8">
      <c r="H5005" s="12"/>
    </row>
    <row r="5006" spans="8:8">
      <c r="H5006" s="12"/>
    </row>
    <row r="5007" spans="8:8">
      <c r="H5007" s="12"/>
    </row>
    <row r="5008" spans="8:8">
      <c r="H5008" s="12"/>
    </row>
    <row r="5009" spans="8:8">
      <c r="H5009" s="12"/>
    </row>
    <row r="5010" spans="8:8">
      <c r="H5010" s="12"/>
    </row>
    <row r="5011" spans="8:8">
      <c r="H5011" s="12"/>
    </row>
    <row r="5012" spans="8:8">
      <c r="H5012" s="12"/>
    </row>
    <row r="5013" spans="8:8">
      <c r="H5013" s="12"/>
    </row>
    <row r="5014" spans="8:8">
      <c r="H5014" s="12"/>
    </row>
    <row r="5015" spans="8:8">
      <c r="H5015" s="12"/>
    </row>
    <row r="5016" spans="8:8">
      <c r="H5016" s="12"/>
    </row>
    <row r="5017" spans="8:8">
      <c r="H5017" s="12"/>
    </row>
    <row r="5018" spans="8:8">
      <c r="H5018" s="12"/>
    </row>
    <row r="5019" spans="8:8">
      <c r="H5019" s="12"/>
    </row>
    <row r="5020" spans="8:8">
      <c r="H5020" s="12"/>
    </row>
    <row r="5021" spans="8:8">
      <c r="H5021" s="12"/>
    </row>
    <row r="5022" spans="8:8">
      <c r="H5022" s="12"/>
    </row>
    <row r="5023" spans="8:8">
      <c r="H5023" s="12"/>
    </row>
    <row r="5024" spans="8:8">
      <c r="H5024" s="12"/>
    </row>
    <row r="5025" spans="8:8">
      <c r="H5025" s="12"/>
    </row>
    <row r="5026" spans="8:8">
      <c r="H5026" s="12"/>
    </row>
    <row r="5027" spans="8:8">
      <c r="H5027" s="12"/>
    </row>
    <row r="5028" spans="8:8">
      <c r="H5028" s="12"/>
    </row>
    <row r="5029" spans="8:8">
      <c r="H5029" s="12"/>
    </row>
    <row r="5030" spans="8:8">
      <c r="H5030" s="12"/>
    </row>
    <row r="5031" spans="8:8">
      <c r="H5031" s="12"/>
    </row>
    <row r="5032" spans="8:8">
      <c r="H5032" s="12"/>
    </row>
    <row r="5033" spans="8:8">
      <c r="H5033" s="12"/>
    </row>
    <row r="5034" spans="8:8">
      <c r="H5034" s="12"/>
    </row>
    <row r="5035" spans="8:8">
      <c r="H5035" s="12"/>
    </row>
    <row r="5036" spans="8:8">
      <c r="H5036" s="12"/>
    </row>
    <row r="5037" spans="8:8">
      <c r="H5037" s="12"/>
    </row>
    <row r="5038" spans="8:8">
      <c r="H5038" s="12"/>
    </row>
    <row r="5039" spans="8:8">
      <c r="H5039" s="12"/>
    </row>
    <row r="5040" spans="8:8">
      <c r="H5040" s="12"/>
    </row>
    <row r="5041" spans="8:8">
      <c r="H5041" s="12"/>
    </row>
    <row r="5042" spans="8:8">
      <c r="H5042" s="12"/>
    </row>
    <row r="5043" spans="8:8">
      <c r="H5043" s="12"/>
    </row>
    <row r="5044" spans="8:8">
      <c r="H5044" s="12"/>
    </row>
    <row r="5045" spans="8:8">
      <c r="H5045" s="12"/>
    </row>
    <row r="5046" spans="8:8">
      <c r="H5046" s="12"/>
    </row>
    <row r="5047" spans="8:8">
      <c r="H5047" s="12"/>
    </row>
    <row r="5048" spans="8:8">
      <c r="H5048" s="12"/>
    </row>
    <row r="5049" spans="8:8">
      <c r="H5049" s="12"/>
    </row>
    <row r="5050" spans="8:8">
      <c r="H5050" s="12"/>
    </row>
    <row r="5051" spans="8:8">
      <c r="H5051" s="12"/>
    </row>
    <row r="5052" spans="8:8">
      <c r="H5052" s="12"/>
    </row>
    <row r="5053" spans="8:8">
      <c r="H5053" s="12"/>
    </row>
    <row r="5054" spans="8:8">
      <c r="H5054" s="12"/>
    </row>
    <row r="5055" spans="8:8">
      <c r="H5055" s="12"/>
    </row>
    <row r="5056" spans="8:8">
      <c r="H5056" s="12"/>
    </row>
    <row r="5057" spans="8:8">
      <c r="H5057" s="12"/>
    </row>
    <row r="5058" spans="8:8">
      <c r="H5058" s="12"/>
    </row>
    <row r="5059" spans="8:8">
      <c r="H5059" s="12"/>
    </row>
    <row r="5060" spans="8:8">
      <c r="H5060" s="12"/>
    </row>
    <row r="5061" spans="8:8">
      <c r="H5061" s="12"/>
    </row>
    <row r="5062" spans="8:8">
      <c r="H5062" s="12"/>
    </row>
    <row r="5063" spans="8:8">
      <c r="H5063" s="12"/>
    </row>
    <row r="5064" spans="8:8">
      <c r="H5064" s="12"/>
    </row>
    <row r="5065" spans="8:8">
      <c r="H5065" s="12"/>
    </row>
    <row r="5066" spans="8:8">
      <c r="H5066" s="12"/>
    </row>
    <row r="5067" spans="8:8">
      <c r="H5067" s="12"/>
    </row>
    <row r="5068" spans="8:8">
      <c r="H5068" s="12"/>
    </row>
    <row r="5069" spans="8:8">
      <c r="H5069" s="12"/>
    </row>
    <row r="5070" spans="8:8">
      <c r="H5070" s="12"/>
    </row>
    <row r="5071" spans="8:8">
      <c r="H5071" s="12"/>
    </row>
    <row r="5072" spans="8:8">
      <c r="H5072" s="12"/>
    </row>
    <row r="5073" spans="8:8">
      <c r="H5073" s="12"/>
    </row>
    <row r="5074" spans="8:8">
      <c r="H5074" s="12"/>
    </row>
    <row r="5075" spans="8:8">
      <c r="H5075" s="12"/>
    </row>
    <row r="5076" spans="8:8">
      <c r="H5076" s="12"/>
    </row>
    <row r="5077" spans="8:8">
      <c r="H5077" s="12"/>
    </row>
    <row r="5078" spans="8:8">
      <c r="H5078" s="12"/>
    </row>
    <row r="5079" spans="8:8">
      <c r="H5079" s="12"/>
    </row>
    <row r="5080" spans="8:8">
      <c r="H5080" s="12"/>
    </row>
    <row r="5081" spans="8:8">
      <c r="H5081" s="12"/>
    </row>
    <row r="5082" spans="8:8">
      <c r="H5082" s="12"/>
    </row>
    <row r="5083" spans="8:8">
      <c r="H5083" s="12"/>
    </row>
    <row r="5084" spans="8:8">
      <c r="H5084" s="12"/>
    </row>
    <row r="5085" spans="8:8">
      <c r="H5085" s="12"/>
    </row>
    <row r="5086" spans="8:8">
      <c r="H5086" s="12"/>
    </row>
    <row r="5087" spans="8:8">
      <c r="H5087" s="12"/>
    </row>
    <row r="5088" spans="8:8">
      <c r="H5088" s="12"/>
    </row>
    <row r="5089" spans="8:8">
      <c r="H5089" s="12"/>
    </row>
    <row r="5090" spans="8:8">
      <c r="H5090" s="12"/>
    </row>
    <row r="5091" spans="8:8">
      <c r="H5091" s="12"/>
    </row>
    <row r="5092" spans="8:8">
      <c r="H5092" s="12"/>
    </row>
    <row r="5093" spans="8:8">
      <c r="H5093" s="12"/>
    </row>
    <row r="5094" spans="8:8">
      <c r="H5094" s="12"/>
    </row>
    <row r="5095" spans="8:8">
      <c r="H5095" s="12"/>
    </row>
    <row r="5096" spans="8:8">
      <c r="H5096" s="12"/>
    </row>
    <row r="5097" spans="8:8">
      <c r="H5097" s="12"/>
    </row>
    <row r="5098" spans="8:8">
      <c r="H5098" s="12"/>
    </row>
    <row r="5099" spans="8:8">
      <c r="H5099" s="12"/>
    </row>
    <row r="5100" spans="8:8">
      <c r="H5100" s="12"/>
    </row>
    <row r="5101" spans="8:8">
      <c r="H5101" s="12"/>
    </row>
    <row r="5102" spans="8:8">
      <c r="H5102" s="12"/>
    </row>
    <row r="5103" spans="8:8">
      <c r="H5103" s="12"/>
    </row>
    <row r="5104" spans="8:8">
      <c r="H5104" s="12"/>
    </row>
    <row r="5105" spans="8:8">
      <c r="H5105" s="12"/>
    </row>
    <row r="5106" spans="8:8">
      <c r="H5106" s="12"/>
    </row>
    <row r="5107" spans="8:8">
      <c r="H5107" s="12"/>
    </row>
    <row r="5108" spans="8:8">
      <c r="H5108" s="12"/>
    </row>
    <row r="5109" spans="8:8">
      <c r="H5109" s="12"/>
    </row>
    <row r="5110" spans="8:8">
      <c r="H5110" s="12"/>
    </row>
    <row r="5111" spans="8:8">
      <c r="H5111" s="12"/>
    </row>
    <row r="5112" spans="8:8">
      <c r="H5112" s="12"/>
    </row>
    <row r="5113" spans="8:8">
      <c r="H5113" s="12"/>
    </row>
    <row r="5114" spans="8:8">
      <c r="H5114" s="12"/>
    </row>
    <row r="5115" spans="8:8">
      <c r="H5115" s="12"/>
    </row>
    <row r="5116" spans="8:8">
      <c r="H5116" s="12"/>
    </row>
    <row r="5117" spans="8:8">
      <c r="H5117" s="12"/>
    </row>
    <row r="5118" spans="8:8">
      <c r="H5118" s="12"/>
    </row>
    <row r="5119" spans="8:8">
      <c r="H5119" s="12"/>
    </row>
    <row r="5120" spans="8:8">
      <c r="H5120" s="12"/>
    </row>
    <row r="5121" spans="8:8">
      <c r="H5121" s="12"/>
    </row>
    <row r="5122" spans="8:8">
      <c r="H5122" s="12"/>
    </row>
    <row r="5123" spans="8:8">
      <c r="H5123" s="12"/>
    </row>
    <row r="5124" spans="8:8">
      <c r="H5124" s="12"/>
    </row>
    <row r="5125" spans="8:8">
      <c r="H5125" s="12"/>
    </row>
    <row r="5126" spans="8:8">
      <c r="H5126" s="12"/>
    </row>
    <row r="5127" spans="8:8">
      <c r="H5127" s="12"/>
    </row>
    <row r="5128" spans="8:8">
      <c r="H5128" s="12"/>
    </row>
    <row r="5129" spans="8:8">
      <c r="H5129" s="12"/>
    </row>
    <row r="5130" spans="8:8">
      <c r="H5130" s="12"/>
    </row>
    <row r="5131" spans="8:8">
      <c r="H5131" s="12"/>
    </row>
    <row r="5132" spans="8:8">
      <c r="H5132" s="12"/>
    </row>
    <row r="5133" spans="8:8">
      <c r="H5133" s="12"/>
    </row>
    <row r="5134" spans="8:8">
      <c r="H5134" s="12"/>
    </row>
    <row r="5135" spans="8:8">
      <c r="H5135" s="12"/>
    </row>
    <row r="5136" spans="8:8">
      <c r="H5136" s="12"/>
    </row>
    <row r="5137" spans="8:8">
      <c r="H5137" s="12"/>
    </row>
    <row r="5138" spans="8:8">
      <c r="H5138" s="12"/>
    </row>
    <row r="5139" spans="8:8">
      <c r="H5139" s="12"/>
    </row>
    <row r="5140" spans="8:8">
      <c r="H5140" s="12"/>
    </row>
    <row r="5141" spans="8:8">
      <c r="H5141" s="12"/>
    </row>
    <row r="5142" spans="8:8">
      <c r="H5142" s="12"/>
    </row>
    <row r="5143" spans="8:8">
      <c r="H5143" s="12"/>
    </row>
    <row r="5144" spans="8:8">
      <c r="H5144" s="12"/>
    </row>
    <row r="5145" spans="8:8">
      <c r="H5145" s="12"/>
    </row>
    <row r="5146" spans="8:8">
      <c r="H5146" s="12"/>
    </row>
    <row r="5147" spans="8:8">
      <c r="H5147" s="12"/>
    </row>
    <row r="5148" spans="8:8">
      <c r="H5148" s="12"/>
    </row>
    <row r="5149" spans="8:8">
      <c r="H5149" s="12"/>
    </row>
    <row r="5150" spans="8:8">
      <c r="H5150" s="12"/>
    </row>
    <row r="5151" spans="8:8">
      <c r="H5151" s="12"/>
    </row>
    <row r="5152" spans="8:8">
      <c r="H5152" s="12"/>
    </row>
    <row r="5153" spans="8:8">
      <c r="H5153" s="12"/>
    </row>
    <row r="5154" spans="8:8">
      <c r="H5154" s="12"/>
    </row>
    <row r="5155" spans="8:8">
      <c r="H5155" s="12"/>
    </row>
    <row r="5156" spans="8:8">
      <c r="H5156" s="12"/>
    </row>
    <row r="5157" spans="8:8">
      <c r="H5157" s="12"/>
    </row>
    <row r="5158" spans="8:8">
      <c r="H5158" s="12"/>
    </row>
    <row r="5159" spans="8:8">
      <c r="H5159" s="12"/>
    </row>
    <row r="5160" spans="8:8">
      <c r="H5160" s="12"/>
    </row>
    <row r="5161" spans="8:8">
      <c r="H5161" s="12"/>
    </row>
    <row r="5162" spans="8:8">
      <c r="H5162" s="12"/>
    </row>
    <row r="5163" spans="8:8">
      <c r="H5163" s="12"/>
    </row>
    <row r="5164" spans="8:8">
      <c r="H5164" s="12"/>
    </row>
    <row r="5165" spans="8:8">
      <c r="H5165" s="12"/>
    </row>
    <row r="5166" spans="8:8">
      <c r="H5166" s="12"/>
    </row>
    <row r="5167" spans="8:8">
      <c r="H5167" s="12"/>
    </row>
    <row r="5168" spans="8:8">
      <c r="H5168" s="12"/>
    </row>
    <row r="5169" spans="8:8">
      <c r="H5169" s="12"/>
    </row>
    <row r="5170" spans="8:8">
      <c r="H5170" s="12"/>
    </row>
    <row r="5171" spans="8:8">
      <c r="H5171" s="12"/>
    </row>
    <row r="5172" spans="8:8">
      <c r="H5172" s="12"/>
    </row>
    <row r="5173" spans="8:8">
      <c r="H5173" s="12"/>
    </row>
    <row r="5174" spans="8:8">
      <c r="H5174" s="12"/>
    </row>
    <row r="5175" spans="8:8">
      <c r="H5175" s="12"/>
    </row>
    <row r="5176" spans="8:8">
      <c r="H5176" s="12"/>
    </row>
    <row r="5177" spans="8:8">
      <c r="H5177" s="12"/>
    </row>
    <row r="5178" spans="8:8">
      <c r="H5178" s="12"/>
    </row>
    <row r="5179" spans="8:8">
      <c r="H5179" s="12"/>
    </row>
    <row r="5180" spans="8:8">
      <c r="H5180" s="12"/>
    </row>
    <row r="5181" spans="8:8">
      <c r="H5181" s="12"/>
    </row>
    <row r="5182" spans="8:8">
      <c r="H5182" s="12"/>
    </row>
    <row r="5183" spans="8:8">
      <c r="H5183" s="12"/>
    </row>
    <row r="5184" spans="8:8">
      <c r="H5184" s="12"/>
    </row>
    <row r="5185" spans="8:8">
      <c r="H5185" s="12"/>
    </row>
    <row r="5186" spans="8:8">
      <c r="H5186" s="12"/>
    </row>
    <row r="5187" spans="8:8">
      <c r="H5187" s="12"/>
    </row>
    <row r="5188" spans="8:8">
      <c r="H5188" s="12"/>
    </row>
    <row r="5189" spans="8:8">
      <c r="H5189" s="12"/>
    </row>
    <row r="5190" spans="8:8">
      <c r="H5190" s="12"/>
    </row>
    <row r="5191" spans="8:8">
      <c r="H5191" s="12"/>
    </row>
    <row r="5192" spans="8:8">
      <c r="H5192" s="12"/>
    </row>
    <row r="5193" spans="8:8">
      <c r="H5193" s="12"/>
    </row>
    <row r="5194" spans="8:8">
      <c r="H5194" s="12"/>
    </row>
    <row r="5195" spans="8:8">
      <c r="H5195" s="12"/>
    </row>
    <row r="5196" spans="8:8">
      <c r="H5196" s="12"/>
    </row>
    <row r="5197" spans="8:8">
      <c r="H5197" s="12"/>
    </row>
    <row r="5198" spans="8:8">
      <c r="H5198" s="12"/>
    </row>
    <row r="5199" spans="8:8">
      <c r="H5199" s="12"/>
    </row>
    <row r="5200" spans="8:8">
      <c r="H5200" s="12"/>
    </row>
    <row r="5201" spans="8:8">
      <c r="H5201" s="12"/>
    </row>
    <row r="5202" spans="8:8">
      <c r="H5202" s="12"/>
    </row>
    <row r="5203" spans="8:8">
      <c r="H5203" s="12"/>
    </row>
    <row r="5204" spans="8:8">
      <c r="H5204" s="12"/>
    </row>
    <row r="5205" spans="8:8">
      <c r="H5205" s="12"/>
    </row>
    <row r="5206" spans="8:8">
      <c r="H5206" s="12"/>
    </row>
    <row r="5207" spans="8:8">
      <c r="H5207" s="12"/>
    </row>
    <row r="5208" spans="8:8">
      <c r="H5208" s="12"/>
    </row>
    <row r="5209" spans="8:8">
      <c r="H5209" s="12"/>
    </row>
    <row r="5210" spans="8:8">
      <c r="H5210" s="12"/>
    </row>
    <row r="5211" spans="8:8">
      <c r="H5211" s="12"/>
    </row>
    <row r="5212" spans="8:8">
      <c r="H5212" s="12"/>
    </row>
    <row r="5213" spans="8:8">
      <c r="H5213" s="12"/>
    </row>
    <row r="5214" spans="8:8">
      <c r="H5214" s="12"/>
    </row>
    <row r="5215" spans="8:8">
      <c r="H5215" s="12"/>
    </row>
    <row r="5216" spans="8:8">
      <c r="H5216" s="12"/>
    </row>
    <row r="5217" spans="8:8">
      <c r="H5217" s="12"/>
    </row>
    <row r="5218" spans="8:8">
      <c r="H5218" s="12"/>
    </row>
    <row r="5219" spans="8:8">
      <c r="H5219" s="12"/>
    </row>
    <row r="5220" spans="8:8">
      <c r="H5220" s="12"/>
    </row>
    <row r="5221" spans="8:8">
      <c r="H5221" s="12"/>
    </row>
    <row r="5222" spans="8:8">
      <c r="H5222" s="12"/>
    </row>
    <row r="5223" spans="8:8">
      <c r="H5223" s="12"/>
    </row>
    <row r="5224" spans="8:8">
      <c r="H5224" s="12"/>
    </row>
    <row r="5225" spans="8:8">
      <c r="H5225" s="12"/>
    </row>
    <row r="5226" spans="8:8">
      <c r="H5226" s="12"/>
    </row>
    <row r="5227" spans="8:8">
      <c r="H5227" s="12"/>
    </row>
    <row r="5228" spans="8:8">
      <c r="H5228" s="12"/>
    </row>
    <row r="5229" spans="8:8">
      <c r="H5229" s="12"/>
    </row>
    <row r="5230" spans="8:8">
      <c r="H5230" s="12"/>
    </row>
    <row r="5231" spans="8:8">
      <c r="H5231" s="12"/>
    </row>
    <row r="5232" spans="8:8">
      <c r="H5232" s="12"/>
    </row>
    <row r="5233" spans="8:8">
      <c r="H5233" s="12"/>
    </row>
    <row r="5234" spans="8:8">
      <c r="H5234" s="12"/>
    </row>
    <row r="5235" spans="8:8">
      <c r="H5235" s="12"/>
    </row>
    <row r="5236" spans="8:8">
      <c r="H5236" s="12"/>
    </row>
    <row r="5237" spans="8:8">
      <c r="H5237" s="12"/>
    </row>
    <row r="5238" spans="8:8">
      <c r="H5238" s="12"/>
    </row>
    <row r="5239" spans="8:8">
      <c r="H5239" s="12"/>
    </row>
    <row r="5240" spans="8:8">
      <c r="H5240" s="12"/>
    </row>
    <row r="5241" spans="8:8">
      <c r="H5241" s="12"/>
    </row>
    <row r="5242" spans="8:8">
      <c r="H5242" s="12"/>
    </row>
    <row r="5243" spans="8:8">
      <c r="H5243" s="12"/>
    </row>
    <row r="5244" spans="8:8">
      <c r="H5244" s="12"/>
    </row>
    <row r="5245" spans="8:8">
      <c r="H5245" s="12"/>
    </row>
    <row r="5246" spans="8:8">
      <c r="H5246" s="12"/>
    </row>
    <row r="5247" spans="8:8">
      <c r="H5247" s="12"/>
    </row>
    <row r="5248" spans="8:8">
      <c r="H5248" s="12"/>
    </row>
    <row r="5249" spans="8:8">
      <c r="H5249" s="12"/>
    </row>
    <row r="5250" spans="8:8">
      <c r="H5250" s="12"/>
    </row>
    <row r="5251" spans="8:8">
      <c r="H5251" s="12"/>
    </row>
    <row r="5252" spans="8:8">
      <c r="H5252" s="12"/>
    </row>
    <row r="5253" spans="8:8">
      <c r="H5253" s="12"/>
    </row>
    <row r="5254" spans="8:8">
      <c r="H5254" s="12"/>
    </row>
    <row r="5255" spans="8:8">
      <c r="H5255" s="12"/>
    </row>
    <row r="5256" spans="8:8">
      <c r="H5256" s="12"/>
    </row>
    <row r="5257" spans="8:8">
      <c r="H5257" s="12"/>
    </row>
    <row r="5258" spans="8:8">
      <c r="H5258" s="12"/>
    </row>
    <row r="5259" spans="8:8">
      <c r="H5259" s="12"/>
    </row>
    <row r="5260" spans="8:8">
      <c r="H5260" s="12"/>
    </row>
    <row r="5261" spans="8:8">
      <c r="H5261" s="12"/>
    </row>
    <row r="5262" spans="8:8">
      <c r="H5262" s="12"/>
    </row>
    <row r="5263" spans="8:8">
      <c r="H5263" s="12"/>
    </row>
    <row r="5264" spans="8:8">
      <c r="H5264" s="12"/>
    </row>
    <row r="5265" spans="8:8">
      <c r="H5265" s="12"/>
    </row>
    <row r="5266" spans="8:8">
      <c r="H5266" s="12"/>
    </row>
    <row r="5267" spans="8:8">
      <c r="H5267" s="12"/>
    </row>
    <row r="5268" spans="8:8">
      <c r="H5268" s="12"/>
    </row>
    <row r="5269" spans="8:8">
      <c r="H5269" s="12"/>
    </row>
    <row r="5270" spans="8:8">
      <c r="H5270" s="12"/>
    </row>
    <row r="5271" spans="8:8">
      <c r="H5271" s="12"/>
    </row>
    <row r="5272" spans="8:8">
      <c r="H5272" s="12"/>
    </row>
    <row r="5273" spans="8:8">
      <c r="H5273" s="12"/>
    </row>
    <row r="5274" spans="8:8">
      <c r="H5274" s="12"/>
    </row>
    <row r="5275" spans="8:8">
      <c r="H5275" s="12"/>
    </row>
    <row r="5276" spans="8:8">
      <c r="H5276" s="12"/>
    </row>
    <row r="5277" spans="8:8">
      <c r="H5277" s="12"/>
    </row>
    <row r="5278" spans="8:8">
      <c r="H5278" s="12"/>
    </row>
    <row r="5279" spans="8:8">
      <c r="H5279" s="12"/>
    </row>
    <row r="5280" spans="8:8">
      <c r="H5280" s="12"/>
    </row>
    <row r="5281" spans="8:8">
      <c r="H5281" s="12"/>
    </row>
    <row r="5282" spans="8:8">
      <c r="H5282" s="12"/>
    </row>
    <row r="5283" spans="8:8">
      <c r="H5283" s="12"/>
    </row>
    <row r="5284" spans="8:8">
      <c r="H5284" s="12"/>
    </row>
    <row r="5285" spans="8:8">
      <c r="H5285" s="12"/>
    </row>
    <row r="5286" spans="8:8">
      <c r="H5286" s="12"/>
    </row>
    <row r="5287" spans="8:8">
      <c r="H5287" s="12"/>
    </row>
    <row r="5288" spans="8:8">
      <c r="H5288" s="12"/>
    </row>
    <row r="5289" spans="8:8">
      <c r="H5289" s="12"/>
    </row>
    <row r="5290" spans="8:8">
      <c r="H5290" s="12"/>
    </row>
    <row r="5291" spans="8:8">
      <c r="H5291" s="12"/>
    </row>
    <row r="5292" spans="8:8">
      <c r="H5292" s="12"/>
    </row>
    <row r="5293" spans="8:8">
      <c r="H5293" s="12"/>
    </row>
    <row r="5294" spans="8:8">
      <c r="H5294" s="12"/>
    </row>
    <row r="5295" spans="8:8">
      <c r="H5295" s="12"/>
    </row>
    <row r="5296" spans="8:8">
      <c r="H5296" s="12"/>
    </row>
    <row r="5297" spans="8:8">
      <c r="H5297" s="12"/>
    </row>
    <row r="5298" spans="8:8">
      <c r="H5298" s="12"/>
    </row>
    <row r="5299" spans="8:8">
      <c r="H5299" s="12"/>
    </row>
    <row r="5300" spans="8:8">
      <c r="H5300" s="12"/>
    </row>
    <row r="5301" spans="8:8">
      <c r="H5301" s="12"/>
    </row>
    <row r="5302" spans="8:8">
      <c r="H5302" s="12"/>
    </row>
    <row r="5303" spans="8:8">
      <c r="H5303" s="12"/>
    </row>
    <row r="5304" spans="8:8">
      <c r="H5304" s="12"/>
    </row>
    <row r="5305" spans="8:8">
      <c r="H5305" s="12"/>
    </row>
    <row r="5306" spans="8:8">
      <c r="H5306" s="12"/>
    </row>
    <row r="5307" spans="8:8">
      <c r="H5307" s="12"/>
    </row>
    <row r="5308" spans="8:8">
      <c r="H5308" s="12"/>
    </row>
    <row r="5309" spans="8:8">
      <c r="H5309" s="12"/>
    </row>
    <row r="5310" spans="8:8">
      <c r="H5310" s="12"/>
    </row>
    <row r="5311" spans="8:8">
      <c r="H5311" s="12"/>
    </row>
    <row r="5312" spans="8:8">
      <c r="H5312" s="12"/>
    </row>
    <row r="5313" spans="8:8">
      <c r="H5313" s="12"/>
    </row>
    <row r="5314" spans="8:8">
      <c r="H5314" s="12"/>
    </row>
    <row r="5315" spans="8:8">
      <c r="H5315" s="12"/>
    </row>
    <row r="5316" spans="8:8">
      <c r="H5316" s="12"/>
    </row>
    <row r="5317" spans="8:8">
      <c r="H5317" s="12"/>
    </row>
    <row r="5318" spans="8:8">
      <c r="H5318" s="12"/>
    </row>
    <row r="5319" spans="8:8">
      <c r="H5319" s="12"/>
    </row>
    <row r="5320" spans="8:8">
      <c r="H5320" s="12"/>
    </row>
    <row r="5321" spans="8:8">
      <c r="H5321" s="12"/>
    </row>
    <row r="5322" spans="8:8">
      <c r="H5322" s="12"/>
    </row>
    <row r="5323" spans="8:8">
      <c r="H5323" s="12"/>
    </row>
    <row r="5324" spans="8:8">
      <c r="H5324" s="12"/>
    </row>
    <row r="5325" spans="8:8">
      <c r="H5325" s="12"/>
    </row>
    <row r="5326" spans="8:8">
      <c r="H5326" s="12"/>
    </row>
    <row r="5327" spans="8:8">
      <c r="H5327" s="12"/>
    </row>
    <row r="5328" spans="8:8">
      <c r="H5328" s="12"/>
    </row>
    <row r="5329" spans="8:8">
      <c r="H5329" s="12"/>
    </row>
    <row r="5330" spans="8:8">
      <c r="H5330" s="12"/>
    </row>
    <row r="5331" spans="8:8">
      <c r="H5331" s="12"/>
    </row>
    <row r="5332" spans="8:8">
      <c r="H5332" s="12"/>
    </row>
    <row r="5333" spans="8:8">
      <c r="H5333" s="12"/>
    </row>
    <row r="5334" spans="8:8">
      <c r="H5334" s="12"/>
    </row>
    <row r="5335" spans="8:8">
      <c r="H5335" s="12"/>
    </row>
    <row r="5336" spans="8:8">
      <c r="H5336" s="12"/>
    </row>
    <row r="5337" spans="8:8">
      <c r="H5337" s="12"/>
    </row>
    <row r="5338" spans="8:8">
      <c r="H5338" s="12"/>
    </row>
    <row r="5339" spans="8:8">
      <c r="H5339" s="12"/>
    </row>
    <row r="5340" spans="8:8">
      <c r="H5340" s="12"/>
    </row>
    <row r="5341" spans="8:8">
      <c r="H5341" s="12"/>
    </row>
    <row r="5342" spans="8:8">
      <c r="H5342" s="12"/>
    </row>
    <row r="5343" spans="8:8">
      <c r="H5343" s="12"/>
    </row>
    <row r="5344" spans="8:8">
      <c r="H5344" s="12"/>
    </row>
    <row r="5345" spans="8:8">
      <c r="H5345" s="12"/>
    </row>
    <row r="5346" spans="8:8">
      <c r="H5346" s="12"/>
    </row>
    <row r="5347" spans="8:8">
      <c r="H5347" s="12"/>
    </row>
    <row r="5348" spans="8:8">
      <c r="H5348" s="12"/>
    </row>
    <row r="5349" spans="8:8">
      <c r="H5349" s="12"/>
    </row>
    <row r="5350" spans="8:8">
      <c r="H5350" s="12"/>
    </row>
    <row r="5351" spans="8:8">
      <c r="H5351" s="12"/>
    </row>
    <row r="5352" spans="8:8">
      <c r="H5352" s="12"/>
    </row>
    <row r="5353" spans="8:8">
      <c r="H5353" s="12"/>
    </row>
    <row r="5354" spans="8:8">
      <c r="H5354" s="12"/>
    </row>
    <row r="5355" spans="8:8">
      <c r="H5355" s="12"/>
    </row>
    <row r="5356" spans="8:8">
      <c r="H5356" s="12"/>
    </row>
    <row r="5357" spans="8:8">
      <c r="H5357" s="12"/>
    </row>
    <row r="5358" spans="8:8">
      <c r="H5358" s="12"/>
    </row>
    <row r="5359" spans="8:8">
      <c r="H5359" s="12"/>
    </row>
    <row r="5360" spans="8:8">
      <c r="H5360" s="12"/>
    </row>
    <row r="5361" spans="8:8">
      <c r="H5361" s="12"/>
    </row>
    <row r="5362" spans="8:8">
      <c r="H5362" s="12"/>
    </row>
    <row r="5363" spans="8:8">
      <c r="H5363" s="12"/>
    </row>
    <row r="5364" spans="8:8">
      <c r="H5364" s="12"/>
    </row>
    <row r="5365" spans="8:8">
      <c r="H5365" s="12"/>
    </row>
    <row r="5366" spans="8:8">
      <c r="H5366" s="12"/>
    </row>
    <row r="5367" spans="8:8">
      <c r="H5367" s="12"/>
    </row>
    <row r="5368" spans="8:8">
      <c r="H5368" s="12"/>
    </row>
    <row r="5369" spans="8:8">
      <c r="H5369" s="12"/>
    </row>
    <row r="5370" spans="8:8">
      <c r="H5370" s="12"/>
    </row>
    <row r="5371" spans="8:8">
      <c r="H5371" s="12"/>
    </row>
    <row r="5372" spans="8:8">
      <c r="H5372" s="12"/>
    </row>
    <row r="5373" spans="8:8">
      <c r="H5373" s="12"/>
    </row>
    <row r="5374" spans="8:8">
      <c r="H5374" s="12"/>
    </row>
    <row r="5375" spans="8:8">
      <c r="H5375" s="12"/>
    </row>
    <row r="5376" spans="8:8">
      <c r="H5376" s="12"/>
    </row>
    <row r="5377" spans="8:8">
      <c r="H5377" s="12"/>
    </row>
    <row r="5378" spans="8:8">
      <c r="H5378" s="12"/>
    </row>
    <row r="5379" spans="8:8">
      <c r="H5379" s="12"/>
    </row>
    <row r="5380" spans="8:8">
      <c r="H5380" s="12"/>
    </row>
    <row r="5381" spans="8:8">
      <c r="H5381" s="12"/>
    </row>
    <row r="5382" spans="8:8">
      <c r="H5382" s="12"/>
    </row>
    <row r="5383" spans="8:8">
      <c r="H5383" s="12"/>
    </row>
    <row r="5384" spans="8:8">
      <c r="H5384" s="12"/>
    </row>
    <row r="5385" spans="8:8">
      <c r="H5385" s="12"/>
    </row>
    <row r="5386" spans="8:8">
      <c r="H5386" s="12"/>
    </row>
    <row r="5387" spans="8:8">
      <c r="H5387" s="12"/>
    </row>
    <row r="5388" spans="8:8">
      <c r="H5388" s="12"/>
    </row>
    <row r="5389" spans="8:8">
      <c r="H5389" s="12"/>
    </row>
    <row r="5390" spans="8:8">
      <c r="H5390" s="12"/>
    </row>
    <row r="5391" spans="8:8">
      <c r="H5391" s="12"/>
    </row>
    <row r="5392" spans="8:8">
      <c r="H5392" s="12"/>
    </row>
    <row r="5393" spans="8:8">
      <c r="H5393" s="12"/>
    </row>
    <row r="5394" spans="8:8">
      <c r="H5394" s="12"/>
    </row>
    <row r="5395" spans="8:8">
      <c r="H5395" s="12"/>
    </row>
    <row r="5396" spans="8:8">
      <c r="H5396" s="12"/>
    </row>
    <row r="5397" spans="8:8">
      <c r="H5397" s="12"/>
    </row>
    <row r="5398" spans="8:8">
      <c r="H5398" s="12"/>
    </row>
    <row r="5399" spans="8:8">
      <c r="H5399" s="12"/>
    </row>
    <row r="5400" spans="8:8">
      <c r="H5400" s="12"/>
    </row>
    <row r="5401" spans="8:8">
      <c r="H5401" s="12"/>
    </row>
    <row r="5402" spans="8:8">
      <c r="H5402" s="12"/>
    </row>
    <row r="5403" spans="8:8">
      <c r="H5403" s="12"/>
    </row>
    <row r="5404" spans="8:8">
      <c r="H5404" s="12"/>
    </row>
    <row r="5405" spans="8:8">
      <c r="H5405" s="12"/>
    </row>
    <row r="5406" spans="8:8">
      <c r="H5406" s="12"/>
    </row>
    <row r="5407" spans="8:8">
      <c r="H5407" s="12"/>
    </row>
    <row r="5408" spans="8:8">
      <c r="H5408" s="12"/>
    </row>
    <row r="5409" spans="8:8">
      <c r="H5409" s="12"/>
    </row>
    <row r="5410" spans="8:8">
      <c r="H5410" s="12"/>
    </row>
    <row r="5411" spans="8:8">
      <c r="H5411" s="12"/>
    </row>
    <row r="5412" spans="8:8">
      <c r="H5412" s="12"/>
    </row>
    <row r="5413" spans="8:8">
      <c r="H5413" s="12"/>
    </row>
    <row r="5414" spans="8:8">
      <c r="H5414" s="12"/>
    </row>
    <row r="5415" spans="8:8">
      <c r="H5415" s="12"/>
    </row>
    <row r="5416" spans="8:8">
      <c r="H5416" s="12"/>
    </row>
    <row r="5417" spans="8:8">
      <c r="H5417" s="12"/>
    </row>
    <row r="5418" spans="8:8">
      <c r="H5418" s="12"/>
    </row>
    <row r="5419" spans="8:8">
      <c r="H5419" s="12"/>
    </row>
    <row r="5420" spans="8:8">
      <c r="H5420" s="12"/>
    </row>
    <row r="5421" spans="8:8">
      <c r="H5421" s="12"/>
    </row>
    <row r="5422" spans="8:8">
      <c r="H5422" s="12"/>
    </row>
    <row r="5423" spans="8:8">
      <c r="H5423" s="12"/>
    </row>
    <row r="5424" spans="8:8">
      <c r="H5424" s="12"/>
    </row>
    <row r="5425" spans="8:8">
      <c r="H5425" s="12"/>
    </row>
    <row r="5426" spans="8:8">
      <c r="H5426" s="12"/>
    </row>
    <row r="5427" spans="8:8">
      <c r="H5427" s="12"/>
    </row>
    <row r="5428" spans="8:8">
      <c r="H5428" s="12"/>
    </row>
    <row r="5429" spans="8:8">
      <c r="H5429" s="12"/>
    </row>
    <row r="5430" spans="8:8">
      <c r="H5430" s="12"/>
    </row>
    <row r="5431" spans="8:8">
      <c r="H5431" s="12"/>
    </row>
    <row r="5432" spans="8:8">
      <c r="H5432" s="12"/>
    </row>
    <row r="5433" spans="8:8">
      <c r="H5433" s="12"/>
    </row>
    <row r="5434" spans="8:8">
      <c r="H5434" s="12"/>
    </row>
    <row r="5435" spans="8:8">
      <c r="H5435" s="12"/>
    </row>
    <row r="5436" spans="8:8">
      <c r="H5436" s="12"/>
    </row>
    <row r="5437" spans="8:8">
      <c r="H5437" s="12"/>
    </row>
    <row r="5438" spans="8:8">
      <c r="H5438" s="12"/>
    </row>
    <row r="5439" spans="8:8">
      <c r="H5439" s="12"/>
    </row>
    <row r="5440" spans="8:8">
      <c r="H5440" s="12"/>
    </row>
    <row r="5441" spans="8:8">
      <c r="H5441" s="12"/>
    </row>
    <row r="5442" spans="8:8">
      <c r="H5442" s="12"/>
    </row>
    <row r="5443" spans="8:8">
      <c r="H5443" s="12"/>
    </row>
    <row r="5444" spans="8:8">
      <c r="H5444" s="12"/>
    </row>
    <row r="5445" spans="8:8">
      <c r="H5445" s="12"/>
    </row>
    <row r="5446" spans="8:8">
      <c r="H5446" s="12"/>
    </row>
    <row r="5447" spans="8:8">
      <c r="H5447" s="12"/>
    </row>
    <row r="5448" spans="8:8">
      <c r="H5448" s="12"/>
    </row>
    <row r="5449" spans="8:8">
      <c r="H5449" s="12"/>
    </row>
    <row r="5450" spans="8:8">
      <c r="H5450" s="12"/>
    </row>
    <row r="5451" spans="8:8">
      <c r="H5451" s="12"/>
    </row>
    <row r="5452" spans="8:8">
      <c r="H5452" s="12"/>
    </row>
    <row r="5453" spans="8:8">
      <c r="H5453" s="12"/>
    </row>
    <row r="5454" spans="8:8">
      <c r="H5454" s="12"/>
    </row>
    <row r="5455" spans="8:8">
      <c r="H5455" s="12"/>
    </row>
    <row r="5456" spans="8:8">
      <c r="H5456" s="12"/>
    </row>
    <row r="5457" spans="8:8">
      <c r="H5457" s="12"/>
    </row>
    <row r="5458" spans="8:8">
      <c r="H5458" s="12"/>
    </row>
    <row r="5459" spans="8:8">
      <c r="H5459" s="12"/>
    </row>
    <row r="5460" spans="8:8">
      <c r="H5460" s="12"/>
    </row>
    <row r="5461" spans="8:8">
      <c r="H5461" s="12"/>
    </row>
    <row r="5462" spans="8:8">
      <c r="H5462" s="12"/>
    </row>
    <row r="5463" spans="8:8">
      <c r="H5463" s="12"/>
    </row>
    <row r="5464" spans="8:8">
      <c r="H5464" s="12"/>
    </row>
    <row r="5465" spans="8:8">
      <c r="H5465" s="12"/>
    </row>
    <row r="5466" spans="8:8">
      <c r="H5466" s="12"/>
    </row>
    <row r="5467" spans="8:8">
      <c r="H5467" s="12"/>
    </row>
    <row r="5468" spans="8:8">
      <c r="H5468" s="12"/>
    </row>
    <row r="5469" spans="8:8">
      <c r="H5469" s="12"/>
    </row>
    <row r="5470" spans="8:8">
      <c r="H5470" s="12"/>
    </row>
    <row r="5471" spans="8:8">
      <c r="H5471" s="12"/>
    </row>
    <row r="5472" spans="8:8">
      <c r="H5472" s="12"/>
    </row>
    <row r="5473" spans="8:8">
      <c r="H5473" s="12"/>
    </row>
    <row r="5474" spans="8:8">
      <c r="H5474" s="12"/>
    </row>
    <row r="5475" spans="8:8">
      <c r="H5475" s="12"/>
    </row>
    <row r="5476" spans="8:8">
      <c r="H5476" s="12"/>
    </row>
    <row r="5477" spans="8:8">
      <c r="H5477" s="12"/>
    </row>
    <row r="5478" spans="8:8">
      <c r="H5478" s="12"/>
    </row>
    <row r="5479" spans="8:8">
      <c r="H5479" s="12"/>
    </row>
    <row r="5480" spans="8:8">
      <c r="H5480" s="12"/>
    </row>
    <row r="5481" spans="8:8">
      <c r="H5481" s="12"/>
    </row>
    <row r="5482" spans="8:8">
      <c r="H5482" s="12"/>
    </row>
    <row r="5483" spans="8:8">
      <c r="H5483" s="12"/>
    </row>
    <row r="5484" spans="8:8">
      <c r="H5484" s="12"/>
    </row>
    <row r="5485" spans="8:8">
      <c r="H5485" s="12"/>
    </row>
    <row r="5486" spans="8:8">
      <c r="H5486" s="12"/>
    </row>
    <row r="5487" spans="8:8">
      <c r="H5487" s="12"/>
    </row>
    <row r="5488" spans="8:8">
      <c r="H5488" s="12"/>
    </row>
    <row r="5489" spans="8:8">
      <c r="H5489" s="12"/>
    </row>
    <row r="5490" spans="8:8">
      <c r="H5490" s="12"/>
    </row>
    <row r="5491" spans="8:8">
      <c r="H5491" s="12"/>
    </row>
    <row r="5492" spans="8:8">
      <c r="H5492" s="12"/>
    </row>
    <row r="5493" spans="8:8">
      <c r="H5493" s="12"/>
    </row>
    <row r="5494" spans="8:8">
      <c r="H5494" s="12"/>
    </row>
    <row r="5495" spans="8:8">
      <c r="H5495" s="12"/>
    </row>
    <row r="5496" spans="8:8">
      <c r="H5496" s="12"/>
    </row>
    <row r="5497" spans="8:8">
      <c r="H5497" s="12"/>
    </row>
    <row r="5498" spans="8:8">
      <c r="H5498" s="12"/>
    </row>
    <row r="5499" spans="8:8">
      <c r="H5499" s="12"/>
    </row>
    <row r="5500" spans="8:8">
      <c r="H5500" s="12"/>
    </row>
    <row r="5501" spans="8:8">
      <c r="H5501" s="12"/>
    </row>
    <row r="5502" spans="8:8">
      <c r="H5502" s="12"/>
    </row>
    <row r="5503" spans="8:8">
      <c r="H5503" s="12"/>
    </row>
    <row r="5504" spans="8:8">
      <c r="H5504" s="12"/>
    </row>
    <row r="5505" spans="8:8">
      <c r="H5505" s="12"/>
    </row>
    <row r="5506" spans="8:8">
      <c r="H5506" s="12"/>
    </row>
    <row r="5507" spans="8:8">
      <c r="H5507" s="12"/>
    </row>
    <row r="5508" spans="8:8">
      <c r="H5508" s="12"/>
    </row>
    <row r="5509" spans="8:8">
      <c r="H5509" s="12"/>
    </row>
    <row r="5510" spans="8:8">
      <c r="H5510" s="12"/>
    </row>
    <row r="5511" spans="8:8">
      <c r="H5511" s="12"/>
    </row>
    <row r="5512" spans="8:8">
      <c r="H5512" s="12"/>
    </row>
    <row r="5513" spans="8:8">
      <c r="H5513" s="12"/>
    </row>
    <row r="5514" spans="8:8">
      <c r="H5514" s="12"/>
    </row>
    <row r="5515" spans="8:8">
      <c r="H5515" s="12"/>
    </row>
    <row r="5516" spans="8:8">
      <c r="H5516" s="12"/>
    </row>
    <row r="5517" spans="8:8">
      <c r="H5517" s="12"/>
    </row>
    <row r="5518" spans="8:8">
      <c r="H5518" s="12"/>
    </row>
    <row r="5519" spans="8:8">
      <c r="H5519" s="12"/>
    </row>
    <row r="5520" spans="8:8">
      <c r="H5520" s="12"/>
    </row>
    <row r="5521" spans="8:8">
      <c r="H5521" s="12"/>
    </row>
    <row r="5522" spans="8:8">
      <c r="H5522" s="12"/>
    </row>
    <row r="5523" spans="8:8">
      <c r="H5523" s="12"/>
    </row>
    <row r="5524" spans="8:8">
      <c r="H5524" s="12"/>
    </row>
    <row r="5525" spans="8:8">
      <c r="H5525" s="12"/>
    </row>
    <row r="5526" spans="8:8">
      <c r="H5526" s="12"/>
    </row>
    <row r="5527" spans="8:8">
      <c r="H5527" s="12"/>
    </row>
    <row r="5528" spans="8:8">
      <c r="H5528" s="12"/>
    </row>
    <row r="5529" spans="8:8">
      <c r="H5529" s="12"/>
    </row>
    <row r="5530" spans="8:8">
      <c r="H5530" s="12"/>
    </row>
    <row r="5531" spans="8:8">
      <c r="H5531" s="12"/>
    </row>
    <row r="5532" spans="8:8">
      <c r="H5532" s="12"/>
    </row>
    <row r="5533" spans="8:8">
      <c r="H5533" s="12"/>
    </row>
    <row r="5534" spans="8:8">
      <c r="H5534" s="12"/>
    </row>
    <row r="5535" spans="8:8">
      <c r="H5535" s="12"/>
    </row>
    <row r="5536" spans="8:8">
      <c r="H5536" s="12"/>
    </row>
    <row r="5537" spans="8:8">
      <c r="H5537" s="12"/>
    </row>
    <row r="5538" spans="8:8">
      <c r="H5538" s="12"/>
    </row>
    <row r="5539" spans="8:8">
      <c r="H5539" s="12"/>
    </row>
    <row r="5540" spans="8:8">
      <c r="H5540" s="12"/>
    </row>
    <row r="5541" spans="8:8">
      <c r="H5541" s="12"/>
    </row>
    <row r="5542" spans="8:8">
      <c r="H5542" s="12"/>
    </row>
    <row r="5543" spans="8:8">
      <c r="H5543" s="12"/>
    </row>
    <row r="5544" spans="8:8">
      <c r="H5544" s="12"/>
    </row>
    <row r="5545" spans="8:8">
      <c r="H5545" s="12"/>
    </row>
    <row r="5546" spans="8:8">
      <c r="H5546" s="12"/>
    </row>
    <row r="5547" spans="8:8">
      <c r="H5547" s="12"/>
    </row>
    <row r="5548" spans="8:8">
      <c r="H5548" s="12"/>
    </row>
    <row r="5549" spans="8:8">
      <c r="H5549" s="12"/>
    </row>
    <row r="5550" spans="8:8">
      <c r="H5550" s="12"/>
    </row>
    <row r="5551" spans="8:8">
      <c r="H5551" s="12"/>
    </row>
    <row r="5552" spans="8:8">
      <c r="H5552" s="12"/>
    </row>
    <row r="5553" spans="8:8">
      <c r="H5553" s="12"/>
    </row>
    <row r="5554" spans="8:8">
      <c r="H5554" s="12"/>
    </row>
    <row r="5555" spans="8:8">
      <c r="H5555" s="12"/>
    </row>
    <row r="5556" spans="8:8">
      <c r="H5556" s="12"/>
    </row>
    <row r="5557" spans="8:8">
      <c r="H5557" s="12"/>
    </row>
    <row r="5558" spans="8:8">
      <c r="H5558" s="12"/>
    </row>
    <row r="5559" spans="8:8">
      <c r="H5559" s="12"/>
    </row>
    <row r="5560" spans="8:8">
      <c r="H5560" s="12"/>
    </row>
    <row r="5561" spans="8:8">
      <c r="H5561" s="12"/>
    </row>
    <row r="5562" spans="8:8">
      <c r="H5562" s="12"/>
    </row>
    <row r="5563" spans="8:8">
      <c r="H5563" s="12"/>
    </row>
    <row r="5564" spans="8:8">
      <c r="H5564" s="12"/>
    </row>
    <row r="5565" spans="8:8">
      <c r="H5565" s="12"/>
    </row>
    <row r="5566" spans="8:8">
      <c r="H5566" s="12"/>
    </row>
    <row r="5567" spans="8:8">
      <c r="H5567" s="12"/>
    </row>
    <row r="5568" spans="8:8">
      <c r="H5568" s="12"/>
    </row>
    <row r="5569" spans="8:8">
      <c r="H5569" s="12"/>
    </row>
    <row r="5570" spans="8:8">
      <c r="H5570" s="12"/>
    </row>
    <row r="5571" spans="8:8">
      <c r="H5571" s="12"/>
    </row>
    <row r="5572" spans="8:8">
      <c r="H5572" s="12"/>
    </row>
    <row r="5573" spans="8:8">
      <c r="H5573" s="12"/>
    </row>
    <row r="5574" spans="8:8">
      <c r="H5574" s="12"/>
    </row>
    <row r="5575" spans="8:8">
      <c r="H5575" s="12"/>
    </row>
    <row r="5576" spans="8:8">
      <c r="H5576" s="12"/>
    </row>
    <row r="5577" spans="8:8">
      <c r="H5577" s="12"/>
    </row>
    <row r="5578" spans="8:8">
      <c r="H5578" s="12"/>
    </row>
    <row r="5579" spans="8:8">
      <c r="H5579" s="12"/>
    </row>
    <row r="5580" spans="8:8">
      <c r="H5580" s="12"/>
    </row>
    <row r="5581" spans="8:8">
      <c r="H5581" s="12"/>
    </row>
    <row r="5582" spans="8:8">
      <c r="H5582" s="12"/>
    </row>
    <row r="5583" spans="8:8">
      <c r="H5583" s="12"/>
    </row>
    <row r="5584" spans="8:8">
      <c r="H5584" s="12"/>
    </row>
    <row r="5585" spans="8:8">
      <c r="H5585" s="12"/>
    </row>
    <row r="5586" spans="8:8">
      <c r="H5586" s="12"/>
    </row>
    <row r="5587" spans="8:8">
      <c r="H5587" s="12"/>
    </row>
    <row r="5588" spans="8:8">
      <c r="H5588" s="12"/>
    </row>
    <row r="5589" spans="8:8">
      <c r="H5589" s="12"/>
    </row>
    <row r="5590" spans="8:8">
      <c r="H5590" s="12"/>
    </row>
    <row r="5591" spans="8:8">
      <c r="H5591" s="12"/>
    </row>
    <row r="5592" spans="8:8">
      <c r="H5592" s="12"/>
    </row>
    <row r="5593" spans="8:8">
      <c r="H5593" s="12"/>
    </row>
    <row r="5594" spans="8:8">
      <c r="H5594" s="12"/>
    </row>
    <row r="5595" spans="8:8">
      <c r="H5595" s="12"/>
    </row>
    <row r="5596" spans="8:8">
      <c r="H5596" s="12"/>
    </row>
    <row r="5597" spans="8:8">
      <c r="H5597" s="12"/>
    </row>
    <row r="5598" spans="8:8">
      <c r="H5598" s="12"/>
    </row>
    <row r="5599" spans="8:8">
      <c r="H5599" s="12"/>
    </row>
    <row r="5600" spans="8:8">
      <c r="H5600" s="12"/>
    </row>
    <row r="5601" spans="8:8">
      <c r="H5601" s="12"/>
    </row>
    <row r="5602" spans="8:8">
      <c r="H5602" s="12"/>
    </row>
    <row r="5603" spans="8:8">
      <c r="H5603" s="12"/>
    </row>
    <row r="5604" spans="8:8">
      <c r="H5604" s="12"/>
    </row>
    <row r="5605" spans="8:8">
      <c r="H5605" s="12"/>
    </row>
    <row r="5606" spans="8:8">
      <c r="H5606" s="12"/>
    </row>
    <row r="5607" spans="8:8">
      <c r="H5607" s="12"/>
    </row>
    <row r="5608" spans="8:8">
      <c r="H5608" s="12"/>
    </row>
    <row r="5609" spans="8:8">
      <c r="H5609" s="12"/>
    </row>
    <row r="5610" spans="8:8">
      <c r="H5610" s="12"/>
    </row>
    <row r="5611" spans="8:8">
      <c r="H5611" s="12"/>
    </row>
    <row r="5612" spans="8:8">
      <c r="H5612" s="12"/>
    </row>
    <row r="5613" spans="8:8">
      <c r="H5613" s="12"/>
    </row>
    <row r="5614" spans="8:8">
      <c r="H5614" s="12"/>
    </row>
    <row r="5615" spans="8:8">
      <c r="H5615" s="12"/>
    </row>
    <row r="5616" spans="8:8">
      <c r="H5616" s="12"/>
    </row>
    <row r="5617" spans="8:8">
      <c r="H5617" s="12"/>
    </row>
    <row r="5618" spans="8:8">
      <c r="H5618" s="12"/>
    </row>
    <row r="5619" spans="8:8">
      <c r="H5619" s="12"/>
    </row>
    <row r="5620" spans="8:8">
      <c r="H5620" s="12"/>
    </row>
    <row r="5621" spans="8:8">
      <c r="H5621" s="12"/>
    </row>
    <row r="5622" spans="8:8">
      <c r="H5622" s="12"/>
    </row>
    <row r="5623" spans="8:8">
      <c r="H5623" s="12"/>
    </row>
    <row r="5624" spans="8:8">
      <c r="H5624" s="12"/>
    </row>
    <row r="5625" spans="8:8">
      <c r="H5625" s="12"/>
    </row>
    <row r="5626" spans="8:8">
      <c r="H5626" s="12"/>
    </row>
    <row r="5627" spans="8:8">
      <c r="H5627" s="12"/>
    </row>
    <row r="5628" spans="8:8">
      <c r="H5628" s="12"/>
    </row>
    <row r="5629" spans="8:8">
      <c r="H5629" s="12"/>
    </row>
    <row r="5630" spans="8:8">
      <c r="H5630" s="12"/>
    </row>
    <row r="5631" spans="8:8">
      <c r="H5631" s="12"/>
    </row>
    <row r="5632" spans="8:8">
      <c r="H5632" s="12"/>
    </row>
    <row r="5633" spans="8:8">
      <c r="H5633" s="12"/>
    </row>
    <row r="5634" spans="8:8">
      <c r="H5634" s="12"/>
    </row>
    <row r="5635" spans="8:8">
      <c r="H5635" s="12"/>
    </row>
    <row r="5636" spans="8:8">
      <c r="H5636" s="12"/>
    </row>
    <row r="5637" spans="8:8">
      <c r="H5637" s="12"/>
    </row>
    <row r="5638" spans="8:8">
      <c r="H5638" s="12"/>
    </row>
    <row r="5639" spans="8:8">
      <c r="H5639" s="12"/>
    </row>
    <row r="5640" spans="8:8">
      <c r="H5640" s="12"/>
    </row>
    <row r="5641" spans="8:8">
      <c r="H5641" s="12"/>
    </row>
    <row r="5642" spans="8:8">
      <c r="H5642" s="12"/>
    </row>
    <row r="5643" spans="8:8">
      <c r="H5643" s="12"/>
    </row>
    <row r="5644" spans="8:8">
      <c r="H5644" s="12"/>
    </row>
    <row r="5645" spans="8:8">
      <c r="H5645" s="12"/>
    </row>
    <row r="5646" spans="8:8">
      <c r="H5646" s="12"/>
    </row>
    <row r="5647" spans="8:8">
      <c r="H5647" s="12"/>
    </row>
    <row r="5648" spans="8:8">
      <c r="H5648" s="12"/>
    </row>
    <row r="5649" spans="8:8">
      <c r="H5649" s="12"/>
    </row>
    <row r="5650" spans="8:8">
      <c r="H5650" s="12"/>
    </row>
    <row r="5651" spans="8:8">
      <c r="H5651" s="12"/>
    </row>
    <row r="5652" spans="8:8">
      <c r="H5652" s="12"/>
    </row>
    <row r="5653" spans="8:8">
      <c r="H5653" s="12"/>
    </row>
    <row r="5654" spans="8:8">
      <c r="H5654" s="12"/>
    </row>
    <row r="5655" spans="8:8">
      <c r="H5655" s="12"/>
    </row>
    <row r="5656" spans="8:8">
      <c r="H5656" s="12"/>
    </row>
    <row r="5657" spans="8:8">
      <c r="H5657" s="12"/>
    </row>
    <row r="5658" spans="8:8">
      <c r="H5658" s="12"/>
    </row>
    <row r="5659" spans="8:8">
      <c r="H5659" s="12"/>
    </row>
    <row r="5660" spans="8:8">
      <c r="H5660" s="12"/>
    </row>
    <row r="5661" spans="8:8">
      <c r="H5661" s="12"/>
    </row>
    <row r="5662" spans="8:8">
      <c r="H5662" s="12"/>
    </row>
    <row r="5663" spans="8:8">
      <c r="H5663" s="12"/>
    </row>
    <row r="5664" spans="8:8">
      <c r="H5664" s="12"/>
    </row>
    <row r="5665" spans="8:8">
      <c r="H5665" s="12"/>
    </row>
    <row r="5666" spans="8:8">
      <c r="H5666" s="12"/>
    </row>
    <row r="5667" spans="8:8">
      <c r="H5667" s="12"/>
    </row>
    <row r="5668" spans="8:8">
      <c r="H5668" s="12"/>
    </row>
    <row r="5669" spans="8:8">
      <c r="H5669" s="12"/>
    </row>
    <row r="5670" spans="8:8">
      <c r="H5670" s="12"/>
    </row>
    <row r="5671" spans="8:8">
      <c r="H5671" s="12"/>
    </row>
    <row r="5672" spans="8:8">
      <c r="H5672" s="12"/>
    </row>
    <row r="5673" spans="8:8">
      <c r="H5673" s="12"/>
    </row>
    <row r="5674" spans="8:8">
      <c r="H5674" s="12"/>
    </row>
    <row r="5675" spans="8:8">
      <c r="H5675" s="12"/>
    </row>
    <row r="5676" spans="8:8">
      <c r="H5676" s="12"/>
    </row>
    <row r="5677" spans="8:8">
      <c r="H5677" s="12"/>
    </row>
    <row r="5678" spans="8:8">
      <c r="H5678" s="12"/>
    </row>
    <row r="5679" spans="8:8">
      <c r="H5679" s="12"/>
    </row>
    <row r="5680" spans="8:8">
      <c r="H5680" s="12"/>
    </row>
    <row r="5681" spans="8:8">
      <c r="H5681" s="12"/>
    </row>
    <row r="5682" spans="8:8">
      <c r="H5682" s="12"/>
    </row>
    <row r="5683" spans="8:8">
      <c r="H5683" s="12"/>
    </row>
    <row r="5684" spans="8:8">
      <c r="H5684" s="12"/>
    </row>
    <row r="5685" spans="8:8">
      <c r="H5685" s="12"/>
    </row>
    <row r="5686" spans="8:8">
      <c r="H5686" s="12"/>
    </row>
    <row r="5687" spans="8:8">
      <c r="H5687" s="12"/>
    </row>
    <row r="5688" spans="8:8">
      <c r="H5688" s="12"/>
    </row>
    <row r="5689" spans="8:8">
      <c r="H5689" s="12"/>
    </row>
    <row r="5690" spans="8:8">
      <c r="H5690" s="12"/>
    </row>
    <row r="5691" spans="8:8">
      <c r="H5691" s="12"/>
    </row>
    <row r="5692" spans="8:8">
      <c r="H5692" s="12"/>
    </row>
    <row r="5693" spans="8:8">
      <c r="H5693" s="12"/>
    </row>
    <row r="5694" spans="8:8">
      <c r="H5694" s="12"/>
    </row>
    <row r="5695" spans="8:8">
      <c r="H5695" s="12"/>
    </row>
    <row r="5696" spans="8:8">
      <c r="H5696" s="12"/>
    </row>
    <row r="5697" spans="8:8">
      <c r="H5697" s="12"/>
    </row>
    <row r="5698" spans="8:8">
      <c r="H5698" s="12"/>
    </row>
    <row r="5699" spans="8:8">
      <c r="H5699" s="12"/>
    </row>
    <row r="5700" spans="8:8">
      <c r="H5700" s="12"/>
    </row>
    <row r="5701" spans="8:8">
      <c r="H5701" s="12"/>
    </row>
    <row r="5702" spans="8:8">
      <c r="H5702" s="12"/>
    </row>
    <row r="5703" spans="8:8">
      <c r="H5703" s="12"/>
    </row>
    <row r="5704" spans="8:8">
      <c r="H5704" s="12"/>
    </row>
    <row r="5705" spans="8:8">
      <c r="H5705" s="12"/>
    </row>
    <row r="5706" spans="8:8">
      <c r="H5706" s="12"/>
    </row>
    <row r="5707" spans="8:8">
      <c r="H5707" s="12"/>
    </row>
    <row r="5708" spans="8:8">
      <c r="H5708" s="12"/>
    </row>
    <row r="5709" spans="8:8">
      <c r="H5709" s="12"/>
    </row>
    <row r="5710" spans="8:8">
      <c r="H5710" s="12"/>
    </row>
    <row r="5711" spans="8:8">
      <c r="H5711" s="12"/>
    </row>
    <row r="5712" spans="8:8">
      <c r="H5712" s="12"/>
    </row>
    <row r="5713" spans="8:8">
      <c r="H5713" s="12"/>
    </row>
    <row r="5714" spans="8:8">
      <c r="H5714" s="12"/>
    </row>
    <row r="5715" spans="8:8">
      <c r="H5715" s="12"/>
    </row>
    <row r="5716" spans="8:8">
      <c r="H5716" s="12"/>
    </row>
    <row r="5717" spans="8:8">
      <c r="H5717" s="12"/>
    </row>
    <row r="5718" spans="8:8">
      <c r="H5718" s="12"/>
    </row>
    <row r="5719" spans="8:8">
      <c r="H5719" s="12"/>
    </row>
    <row r="5720" spans="8:8">
      <c r="H5720" s="12"/>
    </row>
    <row r="5721" spans="8:8">
      <c r="H5721" s="12"/>
    </row>
    <row r="5722" spans="8:8">
      <c r="H5722" s="12"/>
    </row>
    <row r="5723" spans="8:8">
      <c r="H5723" s="12"/>
    </row>
    <row r="5724" spans="8:8">
      <c r="H5724" s="12"/>
    </row>
    <row r="5725" spans="8:8">
      <c r="H5725" s="12"/>
    </row>
    <row r="5726" spans="8:8">
      <c r="H5726" s="12"/>
    </row>
    <row r="5727" spans="8:8">
      <c r="H5727" s="12"/>
    </row>
    <row r="5728" spans="8:8">
      <c r="H5728" s="12"/>
    </row>
    <row r="5729" spans="8:8">
      <c r="H5729" s="12"/>
    </row>
    <row r="5730" spans="8:8">
      <c r="H5730" s="12"/>
    </row>
    <row r="5731" spans="8:8">
      <c r="H5731" s="12"/>
    </row>
    <row r="5732" spans="8:8">
      <c r="H5732" s="12"/>
    </row>
    <row r="5733" spans="8:8">
      <c r="H5733" s="12"/>
    </row>
    <row r="5734" spans="8:8">
      <c r="H5734" s="12"/>
    </row>
    <row r="5735" spans="8:8">
      <c r="H5735" s="12"/>
    </row>
    <row r="5736" spans="8:8">
      <c r="H5736" s="12"/>
    </row>
    <row r="5737" spans="8:8">
      <c r="H5737" s="12"/>
    </row>
    <row r="5738" spans="8:8">
      <c r="H5738" s="12"/>
    </row>
    <row r="5739" spans="8:8">
      <c r="H5739" s="12"/>
    </row>
    <row r="5740" spans="8:8">
      <c r="H5740" s="12"/>
    </row>
    <row r="5741" spans="8:8">
      <c r="H5741" s="12"/>
    </row>
    <row r="5742" spans="8:8">
      <c r="H5742" s="12"/>
    </row>
    <row r="5743" spans="8:8">
      <c r="H5743" s="12"/>
    </row>
    <row r="5744" spans="8:8">
      <c r="H5744" s="12"/>
    </row>
    <row r="5745" spans="8:8">
      <c r="H5745" s="12"/>
    </row>
    <row r="5746" spans="8:8">
      <c r="H5746" s="12"/>
    </row>
    <row r="5747" spans="8:8">
      <c r="H5747" s="12"/>
    </row>
    <row r="5748" spans="8:8">
      <c r="H5748" s="12"/>
    </row>
    <row r="5749" spans="8:8">
      <c r="H5749" s="12"/>
    </row>
    <row r="5750" spans="8:8">
      <c r="H5750" s="12"/>
    </row>
    <row r="5751" spans="8:8">
      <c r="H5751" s="12"/>
    </row>
    <row r="5752" spans="8:8">
      <c r="H5752" s="12"/>
    </row>
    <row r="5753" spans="8:8">
      <c r="H5753" s="12"/>
    </row>
    <row r="5754" spans="8:8">
      <c r="H5754" s="12"/>
    </row>
    <row r="5755" spans="8:8">
      <c r="H5755" s="12"/>
    </row>
    <row r="5756" spans="8:8">
      <c r="H5756" s="12"/>
    </row>
    <row r="5757" spans="8:8">
      <c r="H5757" s="12"/>
    </row>
    <row r="5758" spans="8:8">
      <c r="H5758" s="12"/>
    </row>
    <row r="5759" spans="8:8">
      <c r="H5759" s="12"/>
    </row>
    <row r="5760" spans="8:8">
      <c r="H5760" s="12"/>
    </row>
    <row r="5761" spans="8:8">
      <c r="H5761" s="12"/>
    </row>
    <row r="5762" spans="8:8">
      <c r="H5762" s="12"/>
    </row>
    <row r="5763" spans="8:8">
      <c r="H5763" s="12"/>
    </row>
    <row r="5764" spans="8:8">
      <c r="H5764" s="12"/>
    </row>
    <row r="5765" spans="8:8">
      <c r="H5765" s="12"/>
    </row>
    <row r="5766" spans="8:8">
      <c r="H5766" s="12"/>
    </row>
    <row r="5767" spans="8:8">
      <c r="H5767" s="12"/>
    </row>
    <row r="5768" spans="8:8">
      <c r="H5768" s="12"/>
    </row>
    <row r="5769" spans="8:8">
      <c r="H5769" s="12"/>
    </row>
    <row r="5770" spans="8:8">
      <c r="H5770" s="12"/>
    </row>
    <row r="5771" spans="8:8">
      <c r="H5771" s="12"/>
    </row>
    <row r="5772" spans="8:8">
      <c r="H5772" s="12"/>
    </row>
    <row r="5773" spans="8:8">
      <c r="H5773" s="12"/>
    </row>
    <row r="5774" spans="8:8">
      <c r="H5774" s="12"/>
    </row>
    <row r="5775" spans="8:8">
      <c r="H5775" s="12"/>
    </row>
    <row r="5776" spans="8:8">
      <c r="H5776" s="12"/>
    </row>
    <row r="5777" spans="8:8">
      <c r="H5777" s="12"/>
    </row>
    <row r="5778" spans="8:8">
      <c r="H5778" s="12"/>
    </row>
    <row r="5779" spans="8:8">
      <c r="H5779" s="12"/>
    </row>
    <row r="5780" spans="8:8">
      <c r="H5780" s="12"/>
    </row>
    <row r="5781" spans="8:8">
      <c r="H5781" s="12"/>
    </row>
    <row r="5782" spans="8:8">
      <c r="H5782" s="12"/>
    </row>
    <row r="5783" spans="8:8">
      <c r="H5783" s="12"/>
    </row>
    <row r="5784" spans="8:8">
      <c r="H5784" s="12"/>
    </row>
    <row r="5785" spans="8:8">
      <c r="H5785" s="12"/>
    </row>
    <row r="5786" spans="8:8">
      <c r="H5786" s="12"/>
    </row>
    <row r="5787" spans="8:8">
      <c r="H5787" s="12"/>
    </row>
    <row r="5788" spans="8:8">
      <c r="H5788" s="12"/>
    </row>
    <row r="5789" spans="8:8">
      <c r="H5789" s="12"/>
    </row>
    <row r="5790" spans="8:8">
      <c r="H5790" s="12"/>
    </row>
    <row r="5791" spans="8:8">
      <c r="H5791" s="12"/>
    </row>
    <row r="5792" spans="8:8">
      <c r="H5792" s="12"/>
    </row>
    <row r="5793" spans="8:8">
      <c r="H5793" s="12"/>
    </row>
    <row r="5794" spans="8:8">
      <c r="H5794" s="12"/>
    </row>
    <row r="5795" spans="8:8">
      <c r="H5795" s="12"/>
    </row>
    <row r="5796" spans="8:8">
      <c r="H5796" s="12"/>
    </row>
    <row r="5797" spans="8:8">
      <c r="H5797" s="12"/>
    </row>
    <row r="5798" spans="8:8">
      <c r="H5798" s="12"/>
    </row>
    <row r="5799" spans="8:8">
      <c r="H5799" s="12"/>
    </row>
    <row r="5800" spans="8:8">
      <c r="H5800" s="12"/>
    </row>
    <row r="5801" spans="8:8">
      <c r="H5801" s="12"/>
    </row>
    <row r="5802" spans="8:8">
      <c r="H5802" s="12"/>
    </row>
    <row r="5803" spans="8:8">
      <c r="H5803" s="12"/>
    </row>
    <row r="5804" spans="8:8">
      <c r="H5804" s="12"/>
    </row>
    <row r="5805" spans="8:8">
      <c r="H5805" s="12"/>
    </row>
    <row r="5806" spans="8:8">
      <c r="H5806" s="12"/>
    </row>
    <row r="5807" spans="8:8">
      <c r="H5807" s="12"/>
    </row>
    <row r="5808" spans="8:8">
      <c r="H5808" s="12"/>
    </row>
    <row r="5809" spans="8:8">
      <c r="H5809" s="12"/>
    </row>
    <row r="5810" spans="8:8">
      <c r="H5810" s="12"/>
    </row>
    <row r="5811" spans="8:8">
      <c r="H5811" s="12"/>
    </row>
    <row r="5812" spans="8:8">
      <c r="H5812" s="12"/>
    </row>
    <row r="5813" spans="8:8">
      <c r="H5813" s="12"/>
    </row>
    <row r="5814" spans="8:8">
      <c r="H5814" s="12"/>
    </row>
    <row r="5815" spans="8:8">
      <c r="H5815" s="12"/>
    </row>
    <row r="5816" spans="8:8">
      <c r="H5816" s="12"/>
    </row>
    <row r="5817" spans="8:8">
      <c r="H5817" s="12"/>
    </row>
    <row r="5818" spans="8:8">
      <c r="H5818" s="12"/>
    </row>
    <row r="5819" spans="8:8">
      <c r="H5819" s="12"/>
    </row>
    <row r="5820" spans="8:8">
      <c r="H5820" s="12"/>
    </row>
    <row r="5821" spans="8:8">
      <c r="H5821" s="12"/>
    </row>
    <row r="5822" spans="8:8">
      <c r="H5822" s="12"/>
    </row>
    <row r="5823" spans="8:8">
      <c r="H5823" s="12"/>
    </row>
    <row r="5824" spans="8:8">
      <c r="H5824" s="12"/>
    </row>
    <row r="5825" spans="8:8">
      <c r="H5825" s="12"/>
    </row>
    <row r="5826" spans="8:8">
      <c r="H5826" s="12"/>
    </row>
    <row r="5827" spans="8:8">
      <c r="H5827" s="12"/>
    </row>
    <row r="5828" spans="8:8">
      <c r="H5828" s="12"/>
    </row>
    <row r="5829" spans="8:8">
      <c r="H5829" s="12"/>
    </row>
    <row r="5830" spans="8:8">
      <c r="H5830" s="12"/>
    </row>
    <row r="5831" spans="8:8">
      <c r="H5831" s="12"/>
    </row>
    <row r="5832" spans="8:8">
      <c r="H5832" s="12"/>
    </row>
    <row r="5833" spans="8:8">
      <c r="H5833" s="12"/>
    </row>
    <row r="5834" spans="8:8">
      <c r="H5834" s="12"/>
    </row>
    <row r="5835" spans="8:8">
      <c r="H5835" s="12"/>
    </row>
    <row r="5836" spans="8:8">
      <c r="H5836" s="12"/>
    </row>
    <row r="5837" spans="8:8">
      <c r="H5837" s="12"/>
    </row>
    <row r="5838" spans="8:8">
      <c r="H5838" s="12"/>
    </row>
    <row r="5839" spans="8:8">
      <c r="H5839" s="12"/>
    </row>
    <row r="5840" spans="8:8">
      <c r="H5840" s="12"/>
    </row>
    <row r="5841" spans="8:8">
      <c r="H5841" s="12"/>
    </row>
    <row r="5842" spans="8:8">
      <c r="H5842" s="12"/>
    </row>
    <row r="5843" spans="8:8">
      <c r="H5843" s="12"/>
    </row>
    <row r="5844" spans="8:8">
      <c r="H5844" s="12"/>
    </row>
    <row r="5845" spans="8:8">
      <c r="H5845" s="12"/>
    </row>
    <row r="5846" spans="8:8">
      <c r="H5846" s="12"/>
    </row>
    <row r="5847" spans="8:8">
      <c r="H5847" s="12"/>
    </row>
    <row r="5848" spans="8:8">
      <c r="H5848" s="12"/>
    </row>
    <row r="5849" spans="8:8">
      <c r="H5849" s="12"/>
    </row>
    <row r="5850" spans="8:8">
      <c r="H5850" s="12"/>
    </row>
    <row r="5851" spans="8:8">
      <c r="H5851" s="12"/>
    </row>
    <row r="5852" spans="8:8">
      <c r="H5852" s="12"/>
    </row>
    <row r="5853" spans="8:8">
      <c r="H5853" s="12"/>
    </row>
    <row r="5854" spans="8:8">
      <c r="H5854" s="12"/>
    </row>
    <row r="5855" spans="8:8">
      <c r="H5855" s="12"/>
    </row>
    <row r="5856" spans="8:8">
      <c r="H5856" s="12"/>
    </row>
    <row r="5857" spans="8:8">
      <c r="H5857" s="12"/>
    </row>
    <row r="5858" spans="8:8">
      <c r="H5858" s="12"/>
    </row>
    <row r="5859" spans="8:8">
      <c r="H5859" s="12"/>
    </row>
    <row r="5860" spans="8:8">
      <c r="H5860" s="12"/>
    </row>
    <row r="5861" spans="8:8">
      <c r="H5861" s="12"/>
    </row>
    <row r="5862" spans="8:8">
      <c r="H5862" s="12"/>
    </row>
    <row r="5863" spans="8:8">
      <c r="H5863" s="12"/>
    </row>
    <row r="5864" spans="8:8">
      <c r="H5864" s="12"/>
    </row>
    <row r="5865" spans="8:8">
      <c r="H5865" s="12"/>
    </row>
    <row r="5866" spans="8:8">
      <c r="H5866" s="12"/>
    </row>
    <row r="5867" spans="8:8">
      <c r="H5867" s="12"/>
    </row>
    <row r="5868" spans="8:8">
      <c r="H5868" s="12"/>
    </row>
    <row r="5869" spans="8:8">
      <c r="H5869" s="12"/>
    </row>
    <row r="5870" spans="8:8">
      <c r="H5870" s="12"/>
    </row>
    <row r="5871" spans="8:8">
      <c r="H5871" s="12"/>
    </row>
    <row r="5872" spans="8:8">
      <c r="H5872" s="12"/>
    </row>
    <row r="5873" spans="8:8">
      <c r="H5873" s="12"/>
    </row>
    <row r="5874" spans="8:8">
      <c r="H5874" s="12"/>
    </row>
    <row r="5875" spans="8:8">
      <c r="H5875" s="12"/>
    </row>
    <row r="5876" spans="8:8">
      <c r="H5876" s="12"/>
    </row>
    <row r="5877" spans="8:8">
      <c r="H5877" s="12"/>
    </row>
    <row r="5878" spans="8:8">
      <c r="H5878" s="12"/>
    </row>
    <row r="5879" spans="8:8">
      <c r="H5879" s="12"/>
    </row>
    <row r="5880" spans="8:8">
      <c r="H5880" s="12"/>
    </row>
    <row r="5881" spans="8:8">
      <c r="H5881" s="12"/>
    </row>
    <row r="5882" spans="8:8">
      <c r="H5882" s="12"/>
    </row>
    <row r="5883" spans="8:8">
      <c r="H5883" s="12"/>
    </row>
    <row r="5884" spans="8:8">
      <c r="H5884" s="12"/>
    </row>
    <row r="5885" spans="8:8">
      <c r="H5885" s="12"/>
    </row>
    <row r="5886" spans="8:8">
      <c r="H5886" s="12"/>
    </row>
    <row r="5887" spans="8:8">
      <c r="H5887" s="12"/>
    </row>
    <row r="5888" spans="8:8">
      <c r="H5888" s="12"/>
    </row>
    <row r="5889" spans="8:8">
      <c r="H5889" s="12"/>
    </row>
    <row r="5890" spans="8:8">
      <c r="H5890" s="12"/>
    </row>
    <row r="5891" spans="8:8">
      <c r="H5891" s="12"/>
    </row>
    <row r="5892" spans="8:8">
      <c r="H5892" s="12"/>
    </row>
    <row r="5893" spans="8:8">
      <c r="H5893" s="12"/>
    </row>
    <row r="5894" spans="8:8">
      <c r="H5894" s="12"/>
    </row>
    <row r="5895" spans="8:8">
      <c r="H5895" s="12"/>
    </row>
    <row r="5896" spans="8:8">
      <c r="H5896" s="12"/>
    </row>
    <row r="5897" spans="8:8">
      <c r="H5897" s="12"/>
    </row>
    <row r="5898" spans="8:8">
      <c r="H5898" s="12"/>
    </row>
    <row r="5899" spans="8:8">
      <c r="H5899" s="12"/>
    </row>
    <row r="5900" spans="8:8">
      <c r="H5900" s="12"/>
    </row>
    <row r="5901" spans="8:8">
      <c r="H5901" s="12"/>
    </row>
    <row r="5902" spans="8:8">
      <c r="H5902" s="12"/>
    </row>
    <row r="5903" spans="8:8">
      <c r="H5903" s="12"/>
    </row>
    <row r="5904" spans="8:8">
      <c r="H5904" s="12"/>
    </row>
    <row r="5905" spans="8:8">
      <c r="H5905" s="12"/>
    </row>
    <row r="5906" spans="8:8">
      <c r="H5906" s="12"/>
    </row>
    <row r="5907" spans="8:8">
      <c r="H5907" s="12"/>
    </row>
    <row r="5908" spans="8:8">
      <c r="H5908" s="12"/>
    </row>
    <row r="5909" spans="8:8">
      <c r="H5909" s="12"/>
    </row>
    <row r="5910" spans="8:8">
      <c r="H5910" s="12"/>
    </row>
    <row r="5911" spans="8:8">
      <c r="H5911" s="12"/>
    </row>
    <row r="5912" spans="8:8">
      <c r="H5912" s="12"/>
    </row>
    <row r="5913" spans="8:8">
      <c r="H5913" s="12"/>
    </row>
    <row r="5914" spans="8:8">
      <c r="H5914" s="12"/>
    </row>
    <row r="5915" spans="8:8">
      <c r="H5915" s="12"/>
    </row>
    <row r="5916" spans="8:8">
      <c r="H5916" s="12"/>
    </row>
    <row r="5917" spans="8:8">
      <c r="H5917" s="12"/>
    </row>
    <row r="5918" spans="8:8">
      <c r="H5918" s="12"/>
    </row>
    <row r="5919" spans="8:8">
      <c r="H5919" s="12"/>
    </row>
    <row r="5920" spans="8:8">
      <c r="H5920" s="12"/>
    </row>
    <row r="5921" spans="8:8">
      <c r="H5921" s="12"/>
    </row>
    <row r="5922" spans="8:8">
      <c r="H5922" s="12"/>
    </row>
    <row r="5923" spans="8:8">
      <c r="H5923" s="12"/>
    </row>
    <row r="5924" spans="8:8">
      <c r="H5924" s="12"/>
    </row>
    <row r="5925" spans="8:8">
      <c r="H5925" s="12"/>
    </row>
    <row r="5926" spans="8:8">
      <c r="H5926" s="12"/>
    </row>
    <row r="5927" spans="8:8">
      <c r="H5927" s="12"/>
    </row>
    <row r="5928" spans="8:8">
      <c r="H5928" s="12"/>
    </row>
    <row r="5929" spans="8:8">
      <c r="H5929" s="12"/>
    </row>
    <row r="5930" spans="8:8">
      <c r="H5930" s="12"/>
    </row>
    <row r="5931" spans="8:8">
      <c r="H5931" s="12"/>
    </row>
    <row r="5932" spans="8:8">
      <c r="H5932" s="12"/>
    </row>
    <row r="5933" spans="8:8">
      <c r="H5933" s="12"/>
    </row>
    <row r="5934" spans="8:8">
      <c r="H5934" s="12"/>
    </row>
    <row r="5935" spans="8:8">
      <c r="H5935" s="12"/>
    </row>
    <row r="5936" spans="8:8">
      <c r="H5936" s="12"/>
    </row>
    <row r="5937" spans="8:8">
      <c r="H5937" s="12"/>
    </row>
    <row r="5938" spans="8:8">
      <c r="H5938" s="12"/>
    </row>
    <row r="5939" spans="8:8">
      <c r="H5939" s="12"/>
    </row>
    <row r="5940" spans="8:8">
      <c r="H5940" s="12"/>
    </row>
    <row r="5941" spans="8:8">
      <c r="H5941" s="12"/>
    </row>
    <row r="5942" spans="8:8">
      <c r="H5942" s="12"/>
    </row>
    <row r="5943" spans="8:8">
      <c r="H5943" s="12"/>
    </row>
    <row r="5944" spans="8:8">
      <c r="H5944" s="12"/>
    </row>
    <row r="5945" spans="8:8">
      <c r="H5945" s="12"/>
    </row>
    <row r="5946" spans="8:8">
      <c r="H5946" s="12"/>
    </row>
    <row r="5947" spans="8:8">
      <c r="H5947" s="12"/>
    </row>
    <row r="5948" spans="8:8">
      <c r="H5948" s="12"/>
    </row>
    <row r="5949" spans="8:8">
      <c r="H5949" s="12"/>
    </row>
    <row r="5950" spans="8:8">
      <c r="H5950" s="12"/>
    </row>
    <row r="5951" spans="8:8">
      <c r="H5951" s="12"/>
    </row>
    <row r="5952" spans="8:8">
      <c r="H5952" s="12"/>
    </row>
    <row r="5953" spans="8:8">
      <c r="H5953" s="12"/>
    </row>
    <row r="5954" spans="8:8">
      <c r="H5954" s="12"/>
    </row>
    <row r="5955" spans="8:8">
      <c r="H5955" s="12"/>
    </row>
    <row r="5956" spans="8:8">
      <c r="H5956" s="12"/>
    </row>
    <row r="5957" spans="8:8">
      <c r="H5957" s="12"/>
    </row>
    <row r="5958" spans="8:8">
      <c r="H5958" s="12"/>
    </row>
    <row r="5959" spans="8:8">
      <c r="H5959" s="12"/>
    </row>
    <row r="5960" spans="8:8">
      <c r="H5960" s="12"/>
    </row>
    <row r="5961" spans="8:8">
      <c r="H5961" s="12"/>
    </row>
    <row r="5962" spans="8:8">
      <c r="H5962" s="12"/>
    </row>
    <row r="5963" spans="8:8">
      <c r="H5963" s="12"/>
    </row>
    <row r="5964" spans="8:8">
      <c r="H5964" s="12"/>
    </row>
    <row r="5965" spans="8:8">
      <c r="H5965" s="12"/>
    </row>
    <row r="5966" spans="8:8">
      <c r="H5966" s="12"/>
    </row>
    <row r="5967" spans="8:8">
      <c r="H5967" s="12"/>
    </row>
    <row r="5968" spans="8:8">
      <c r="H5968" s="12"/>
    </row>
    <row r="5969" spans="8:8">
      <c r="H5969" s="12"/>
    </row>
    <row r="5970" spans="8:8">
      <c r="H5970" s="12"/>
    </row>
    <row r="5971" spans="8:8">
      <c r="H5971" s="12"/>
    </row>
    <row r="5972" spans="8:8">
      <c r="H5972" s="12"/>
    </row>
    <row r="5973" spans="8:8">
      <c r="H5973" s="12"/>
    </row>
    <row r="5974" spans="8:8">
      <c r="H5974" s="12"/>
    </row>
    <row r="5975" spans="8:8">
      <c r="H5975" s="12"/>
    </row>
    <row r="5976" spans="8:8">
      <c r="H5976" s="12"/>
    </row>
    <row r="5977" spans="8:8">
      <c r="H5977" s="12"/>
    </row>
    <row r="5978" spans="8:8">
      <c r="H5978" s="12"/>
    </row>
    <row r="5979" spans="8:8">
      <c r="H5979" s="12"/>
    </row>
    <row r="5980" spans="8:8">
      <c r="H5980" s="12"/>
    </row>
    <row r="5981" spans="8:8">
      <c r="H5981" s="12"/>
    </row>
    <row r="5982" spans="8:8">
      <c r="H5982" s="12"/>
    </row>
    <row r="5983" spans="8:8">
      <c r="H5983" s="12"/>
    </row>
    <row r="5984" spans="8:8">
      <c r="H5984" s="12"/>
    </row>
    <row r="5985" spans="8:8">
      <c r="H5985" s="12"/>
    </row>
    <row r="5986" spans="8:8">
      <c r="H5986" s="12"/>
    </row>
    <row r="5987" spans="8:8">
      <c r="H5987" s="12"/>
    </row>
    <row r="5988" spans="8:8">
      <c r="H5988" s="12"/>
    </row>
    <row r="5989" spans="8:8">
      <c r="H5989" s="12"/>
    </row>
    <row r="5990" spans="8:8">
      <c r="H5990" s="12"/>
    </row>
    <row r="5991" spans="8:8">
      <c r="H5991" s="12"/>
    </row>
    <row r="5992" spans="8:8">
      <c r="H5992" s="12"/>
    </row>
    <row r="5993" spans="8:8">
      <c r="H5993" s="12"/>
    </row>
    <row r="5994" spans="8:8">
      <c r="H5994" s="12"/>
    </row>
    <row r="5995" spans="8:8">
      <c r="H5995" s="12"/>
    </row>
    <row r="5996" spans="8:8">
      <c r="H5996" s="12"/>
    </row>
    <row r="5997" spans="8:8">
      <c r="H5997" s="12"/>
    </row>
    <row r="5998" spans="8:8">
      <c r="H5998" s="12"/>
    </row>
    <row r="5999" spans="8:8">
      <c r="H5999" s="12"/>
    </row>
    <row r="6000" spans="8:8">
      <c r="H6000" s="12"/>
    </row>
    <row r="6001" spans="8:8">
      <c r="H6001" s="12"/>
    </row>
    <row r="6002" spans="8:8">
      <c r="H6002" s="12"/>
    </row>
    <row r="6003" spans="8:8">
      <c r="H6003" s="12"/>
    </row>
    <row r="6004" spans="8:8">
      <c r="H6004" s="12"/>
    </row>
    <row r="6005" spans="8:8">
      <c r="H6005" s="12"/>
    </row>
    <row r="6006" spans="8:8">
      <c r="H6006" s="12"/>
    </row>
    <row r="6007" spans="8:8">
      <c r="H6007" s="12"/>
    </row>
    <row r="6008" spans="8:8">
      <c r="H6008" s="12"/>
    </row>
    <row r="6009" spans="8:8">
      <c r="H6009" s="12"/>
    </row>
    <row r="6010" spans="8:8">
      <c r="H6010" s="12"/>
    </row>
    <row r="6011" spans="8:8">
      <c r="H6011" s="12"/>
    </row>
    <row r="6012" spans="8:8">
      <c r="H6012" s="12"/>
    </row>
    <row r="6013" spans="8:8">
      <c r="H6013" s="12"/>
    </row>
    <row r="6014" spans="8:8">
      <c r="H6014" s="12"/>
    </row>
    <row r="6015" spans="8:8">
      <c r="H6015" s="12"/>
    </row>
    <row r="6016" spans="8:8">
      <c r="H6016" s="12"/>
    </row>
    <row r="6017" spans="8:8">
      <c r="H6017" s="12"/>
    </row>
    <row r="6018" spans="8:8">
      <c r="H6018" s="12"/>
    </row>
    <row r="6019" spans="8:8">
      <c r="H6019" s="12"/>
    </row>
    <row r="6020" spans="8:8">
      <c r="H6020" s="12"/>
    </row>
    <row r="6021" spans="8:8">
      <c r="H6021" s="12"/>
    </row>
    <row r="6022" spans="8:8">
      <c r="H6022" s="12"/>
    </row>
    <row r="6023" spans="8:8">
      <c r="H6023" s="12"/>
    </row>
    <row r="6024" spans="8:8">
      <c r="H6024" s="12"/>
    </row>
    <row r="6025" spans="8:8">
      <c r="H6025" s="12"/>
    </row>
    <row r="6026" spans="8:8">
      <c r="H6026" s="12"/>
    </row>
    <row r="6027" spans="8:8">
      <c r="H6027" s="12"/>
    </row>
    <row r="6028" spans="8:8">
      <c r="H6028" s="12"/>
    </row>
    <row r="6029" spans="8:8">
      <c r="H6029" s="12"/>
    </row>
    <row r="6030" spans="8:8">
      <c r="H6030" s="12"/>
    </row>
    <row r="6031" spans="8:8">
      <c r="H6031" s="12"/>
    </row>
    <row r="6032" spans="8:8">
      <c r="H6032" s="12"/>
    </row>
    <row r="6033" spans="8:8">
      <c r="H6033" s="12"/>
    </row>
    <row r="6034" spans="8:8">
      <c r="H6034" s="12"/>
    </row>
    <row r="6035" spans="8:8">
      <c r="H6035" s="12"/>
    </row>
    <row r="6036" spans="8:8">
      <c r="H6036" s="12"/>
    </row>
    <row r="6037" spans="8:8">
      <c r="H6037" s="12"/>
    </row>
    <row r="6038" spans="8:8">
      <c r="H6038" s="12"/>
    </row>
    <row r="6039" spans="8:8">
      <c r="H6039" s="12"/>
    </row>
    <row r="6040" spans="8:8">
      <c r="H6040" s="12"/>
    </row>
    <row r="6041" spans="8:8">
      <c r="H6041" s="12"/>
    </row>
    <row r="6042" spans="8:8">
      <c r="H6042" s="12"/>
    </row>
    <row r="6043" spans="8:8">
      <c r="H6043" s="12"/>
    </row>
    <row r="6044" spans="8:8">
      <c r="H6044" s="12"/>
    </row>
    <row r="6045" spans="8:8">
      <c r="H6045" s="12"/>
    </row>
    <row r="6046" spans="8:8">
      <c r="H6046" s="12"/>
    </row>
    <row r="6047" spans="8:8">
      <c r="H6047" s="12"/>
    </row>
    <row r="6048" spans="8:8">
      <c r="H6048" s="12"/>
    </row>
    <row r="6049" spans="8:8">
      <c r="H6049" s="12"/>
    </row>
    <row r="6050" spans="8:8">
      <c r="H6050" s="12"/>
    </row>
    <row r="6051" spans="8:8">
      <c r="H6051" s="12"/>
    </row>
    <row r="6052" spans="8:8">
      <c r="H6052" s="12"/>
    </row>
    <row r="6053" spans="8:8">
      <c r="H6053" s="12"/>
    </row>
    <row r="6054" spans="8:8">
      <c r="H6054" s="12"/>
    </row>
    <row r="6055" spans="8:8">
      <c r="H6055" s="12"/>
    </row>
    <row r="6056" spans="8:8">
      <c r="H6056" s="12"/>
    </row>
    <row r="6057" spans="8:8">
      <c r="H6057" s="12"/>
    </row>
    <row r="6058" spans="8:8">
      <c r="H6058" s="12"/>
    </row>
    <row r="6059" spans="8:8">
      <c r="H6059" s="12"/>
    </row>
    <row r="6060" spans="8:8">
      <c r="H6060" s="12"/>
    </row>
    <row r="6061" spans="8:8">
      <c r="H6061" s="12"/>
    </row>
    <row r="6062" spans="8:8">
      <c r="H6062" s="12"/>
    </row>
    <row r="6063" spans="8:8">
      <c r="H6063" s="12"/>
    </row>
    <row r="6064" spans="8:8">
      <c r="H6064" s="12"/>
    </row>
    <row r="6065" spans="8:8">
      <c r="H6065" s="12"/>
    </row>
    <row r="6066" spans="8:8">
      <c r="H6066" s="12"/>
    </row>
    <row r="6067" spans="8:8">
      <c r="H6067" s="12"/>
    </row>
    <row r="6068" spans="8:8">
      <c r="H6068" s="12"/>
    </row>
    <row r="6069" spans="8:8">
      <c r="H6069" s="12"/>
    </row>
    <row r="6070" spans="8:8">
      <c r="H6070" s="12"/>
    </row>
    <row r="6071" spans="8:8">
      <c r="H6071" s="12"/>
    </row>
    <row r="6072" spans="8:8">
      <c r="H6072" s="12"/>
    </row>
    <row r="6073" spans="8:8">
      <c r="H6073" s="12"/>
    </row>
    <row r="6074" spans="8:8">
      <c r="H6074" s="12"/>
    </row>
    <row r="6075" spans="8:8">
      <c r="H6075" s="12"/>
    </row>
    <row r="6076" spans="8:8">
      <c r="H6076" s="12"/>
    </row>
    <row r="6077" spans="8:8">
      <c r="H6077" s="12"/>
    </row>
    <row r="6078" spans="8:8">
      <c r="H6078" s="12"/>
    </row>
    <row r="6079" spans="8:8">
      <c r="H6079" s="12"/>
    </row>
    <row r="6080" spans="8:8">
      <c r="H6080" s="12"/>
    </row>
    <row r="6081" spans="8:8">
      <c r="H6081" s="12"/>
    </row>
    <row r="6082" spans="8:8">
      <c r="H6082" s="12"/>
    </row>
    <row r="6083" spans="8:8">
      <c r="H6083" s="12"/>
    </row>
    <row r="6084" spans="8:8">
      <c r="H6084" s="12"/>
    </row>
    <row r="6085" spans="8:8">
      <c r="H6085" s="12"/>
    </row>
    <row r="6086" spans="8:8">
      <c r="H6086" s="12"/>
    </row>
    <row r="6087" spans="8:8">
      <c r="H6087" s="12"/>
    </row>
    <row r="6088" spans="8:8">
      <c r="H6088" s="12"/>
    </row>
    <row r="6089" spans="8:8">
      <c r="H6089" s="12"/>
    </row>
    <row r="6090" spans="8:8">
      <c r="H6090" s="12"/>
    </row>
    <row r="6091" spans="8:8">
      <c r="H6091" s="12"/>
    </row>
    <row r="6092" spans="8:8">
      <c r="H6092" s="12"/>
    </row>
    <row r="6093" spans="8:8">
      <c r="H6093" s="12"/>
    </row>
    <row r="6094" spans="8:8">
      <c r="H6094" s="12"/>
    </row>
    <row r="6095" spans="8:8">
      <c r="H6095" s="12"/>
    </row>
    <row r="6096" spans="8:8">
      <c r="H6096" s="12"/>
    </row>
    <row r="6097" spans="8:8">
      <c r="H6097" s="12"/>
    </row>
    <row r="6098" spans="8:8">
      <c r="H6098" s="12"/>
    </row>
    <row r="6099" spans="8:8">
      <c r="H6099" s="12"/>
    </row>
    <row r="6100" spans="8:8">
      <c r="H6100" s="12"/>
    </row>
    <row r="6101" spans="8:8">
      <c r="H6101" s="12"/>
    </row>
    <row r="6102" spans="8:8">
      <c r="H6102" s="12"/>
    </row>
    <row r="6103" spans="8:8">
      <c r="H6103" s="12"/>
    </row>
    <row r="6104" spans="8:8">
      <c r="H6104" s="12"/>
    </row>
    <row r="6105" spans="8:8">
      <c r="H6105" s="12"/>
    </row>
    <row r="6106" spans="8:8">
      <c r="H6106" s="12"/>
    </row>
    <row r="6107" spans="8:8">
      <c r="H6107" s="12"/>
    </row>
    <row r="6108" spans="8:8">
      <c r="H6108" s="12"/>
    </row>
    <row r="6109" spans="8:8">
      <c r="H6109" s="12"/>
    </row>
    <row r="6110" spans="8:8">
      <c r="H6110" s="12"/>
    </row>
    <row r="6111" spans="8:8">
      <c r="H6111" s="12"/>
    </row>
    <row r="6112" spans="8:8">
      <c r="H6112" s="12"/>
    </row>
    <row r="6113" spans="8:8">
      <c r="H6113" s="12"/>
    </row>
    <row r="6114" spans="8:8">
      <c r="H6114" s="12"/>
    </row>
    <row r="6115" spans="8:8">
      <c r="H6115" s="12"/>
    </row>
    <row r="6116" spans="8:8">
      <c r="H6116" s="12"/>
    </row>
    <row r="6117" spans="8:8">
      <c r="H6117" s="12"/>
    </row>
    <row r="6118" spans="8:8">
      <c r="H6118" s="12"/>
    </row>
    <row r="6119" spans="8:8">
      <c r="H6119" s="12"/>
    </row>
    <row r="6120" spans="8:8">
      <c r="H6120" s="12"/>
    </row>
    <row r="6121" spans="8:8">
      <c r="H6121" s="12"/>
    </row>
    <row r="6122" spans="8:8">
      <c r="H6122" s="12"/>
    </row>
    <row r="6123" spans="8:8">
      <c r="H6123" s="12"/>
    </row>
    <row r="6124" spans="8:8">
      <c r="H6124" s="12"/>
    </row>
    <row r="6125" spans="8:8">
      <c r="H6125" s="12"/>
    </row>
    <row r="6126" spans="8:8">
      <c r="H6126" s="12"/>
    </row>
    <row r="6127" spans="8:8">
      <c r="H6127" s="12"/>
    </row>
    <row r="6128" spans="8:8">
      <c r="H6128" s="12"/>
    </row>
    <row r="6129" spans="8:8">
      <c r="H6129" s="12"/>
    </row>
    <row r="6130" spans="8:8">
      <c r="H6130" s="12"/>
    </row>
    <row r="6131" spans="8:8">
      <c r="H6131" s="12"/>
    </row>
    <row r="6132" spans="8:8">
      <c r="H6132" s="12"/>
    </row>
    <row r="6133" spans="8:8">
      <c r="H6133" s="12"/>
    </row>
    <row r="6134" spans="8:8">
      <c r="H6134" s="12"/>
    </row>
    <row r="6135" spans="8:8">
      <c r="H6135" s="12"/>
    </row>
    <row r="6136" spans="8:8">
      <c r="H6136" s="12"/>
    </row>
    <row r="6137" spans="8:8">
      <c r="H6137" s="12"/>
    </row>
    <row r="6138" spans="8:8">
      <c r="H6138" s="12"/>
    </row>
    <row r="6139" spans="8:8">
      <c r="H6139" s="12"/>
    </row>
    <row r="6140" spans="8:8">
      <c r="H6140" s="12"/>
    </row>
    <row r="6141" spans="8:8">
      <c r="H6141" s="12"/>
    </row>
    <row r="6142" spans="8:8">
      <c r="H6142" s="12"/>
    </row>
    <row r="6143" spans="8:8">
      <c r="H6143" s="12"/>
    </row>
    <row r="6144" spans="8:8">
      <c r="H6144" s="12"/>
    </row>
    <row r="6145" spans="8:8">
      <c r="H6145" s="12"/>
    </row>
    <row r="6146" spans="8:8">
      <c r="H6146" s="12"/>
    </row>
    <row r="6147" spans="8:8">
      <c r="H6147" s="12"/>
    </row>
    <row r="6148" spans="8:8">
      <c r="H6148" s="12"/>
    </row>
    <row r="6149" spans="8:8">
      <c r="H6149" s="12"/>
    </row>
    <row r="6150" spans="8:8">
      <c r="H6150" s="12"/>
    </row>
    <row r="6151" spans="8:8">
      <c r="H6151" s="12"/>
    </row>
    <row r="6152" spans="8:8">
      <c r="H6152" s="12"/>
    </row>
    <row r="6153" spans="8:8">
      <c r="H6153" s="12"/>
    </row>
    <row r="6154" spans="8:8">
      <c r="H6154" s="12"/>
    </row>
    <row r="6155" spans="8:8">
      <c r="H6155" s="12"/>
    </row>
    <row r="6156" spans="8:8">
      <c r="H6156" s="12"/>
    </row>
    <row r="6157" spans="8:8">
      <c r="H6157" s="12"/>
    </row>
    <row r="6158" spans="8:8">
      <c r="H6158" s="12"/>
    </row>
    <row r="6159" spans="8:8">
      <c r="H6159" s="12"/>
    </row>
    <row r="6160" spans="8:8">
      <c r="H6160" s="12"/>
    </row>
    <row r="6161" spans="8:8">
      <c r="H6161" s="12"/>
    </row>
    <row r="6162" spans="8:8">
      <c r="H6162" s="12"/>
    </row>
    <row r="6163" spans="8:8">
      <c r="H6163" s="12"/>
    </row>
    <row r="6164" spans="8:8">
      <c r="H6164" s="12"/>
    </row>
    <row r="6165" spans="8:8">
      <c r="H6165" s="12"/>
    </row>
    <row r="6166" spans="8:8">
      <c r="H6166" s="12"/>
    </row>
    <row r="6167" spans="8:8">
      <c r="H6167" s="12"/>
    </row>
    <row r="6168" spans="8:8">
      <c r="H6168" s="12"/>
    </row>
    <row r="6169" spans="8:8">
      <c r="H6169" s="12"/>
    </row>
    <row r="6170" spans="8:8">
      <c r="H6170" s="12"/>
    </row>
    <row r="6171" spans="8:8">
      <c r="H6171" s="12"/>
    </row>
    <row r="6172" spans="8:8">
      <c r="H6172" s="12"/>
    </row>
    <row r="6173" spans="8:8">
      <c r="H6173" s="12"/>
    </row>
    <row r="6174" spans="8:8">
      <c r="H6174" s="12"/>
    </row>
    <row r="6175" spans="8:8">
      <c r="H6175" s="12"/>
    </row>
    <row r="6176" spans="8:8">
      <c r="H6176" s="12"/>
    </row>
    <row r="6177" spans="8:8">
      <c r="H6177" s="12"/>
    </row>
    <row r="6178" spans="8:8">
      <c r="H6178" s="12"/>
    </row>
    <row r="6179" spans="8:8">
      <c r="H6179" s="12"/>
    </row>
    <row r="6180" spans="8:8">
      <c r="H6180" s="12"/>
    </row>
    <row r="6181" spans="8:8">
      <c r="H6181" s="12"/>
    </row>
    <row r="6182" spans="8:8">
      <c r="H6182" s="12"/>
    </row>
    <row r="6183" spans="8:8">
      <c r="H6183" s="12"/>
    </row>
    <row r="6184" spans="8:8">
      <c r="H6184" s="12"/>
    </row>
    <row r="6185" spans="8:8">
      <c r="H6185" s="12"/>
    </row>
    <row r="6186" spans="8:8">
      <c r="H6186" s="12"/>
    </row>
    <row r="6187" spans="8:8">
      <c r="H6187" s="12"/>
    </row>
    <row r="6188" spans="8:8">
      <c r="H6188" s="12"/>
    </row>
    <row r="6189" spans="8:8">
      <c r="H6189" s="12"/>
    </row>
    <row r="6190" spans="8:8">
      <c r="H6190" s="12"/>
    </row>
    <row r="6191" spans="8:8">
      <c r="H6191" s="12"/>
    </row>
    <row r="6192" spans="8:8">
      <c r="H6192" s="12"/>
    </row>
    <row r="6193" spans="8:8">
      <c r="H6193" s="12"/>
    </row>
    <row r="6194" spans="8:8">
      <c r="H6194" s="12"/>
    </row>
    <row r="6195" spans="8:8">
      <c r="H6195" s="12"/>
    </row>
    <row r="6196" spans="8:8">
      <c r="H6196" s="12"/>
    </row>
    <row r="6197" spans="8:8">
      <c r="H6197" s="12"/>
    </row>
    <row r="6198" spans="8:8">
      <c r="H6198" s="12"/>
    </row>
    <row r="6199" spans="8:8">
      <c r="H6199" s="12"/>
    </row>
    <row r="6200" spans="8:8">
      <c r="H6200" s="12"/>
    </row>
    <row r="6201" spans="8:8">
      <c r="H6201" s="12"/>
    </row>
    <row r="6202" spans="8:8">
      <c r="H6202" s="12"/>
    </row>
    <row r="6203" spans="8:8">
      <c r="H6203" s="12"/>
    </row>
    <row r="6204" spans="8:8">
      <c r="H6204" s="12"/>
    </row>
    <row r="6205" spans="8:8">
      <c r="H6205" s="12"/>
    </row>
    <row r="6206" spans="8:8">
      <c r="H6206" s="12"/>
    </row>
    <row r="6207" spans="8:8">
      <c r="H6207" s="12"/>
    </row>
    <row r="6208" spans="8:8">
      <c r="H6208" s="12"/>
    </row>
    <row r="6209" spans="8:8">
      <c r="H6209" s="12"/>
    </row>
    <row r="6210" spans="8:8">
      <c r="H6210" s="12"/>
    </row>
    <row r="6211" spans="8:8">
      <c r="H6211" s="12"/>
    </row>
    <row r="6212" spans="8:8">
      <c r="H6212" s="12"/>
    </row>
    <row r="6213" spans="8:8">
      <c r="H6213" s="12"/>
    </row>
    <row r="6214" spans="8:8">
      <c r="H6214" s="12"/>
    </row>
    <row r="6215" spans="8:8">
      <c r="H6215" s="12"/>
    </row>
    <row r="6216" spans="8:8">
      <c r="H6216" s="12"/>
    </row>
    <row r="6217" spans="8:8">
      <c r="H6217" s="12"/>
    </row>
    <row r="6218" spans="8:8">
      <c r="H6218" s="12"/>
    </row>
    <row r="6219" spans="8:8">
      <c r="H6219" s="12"/>
    </row>
    <row r="6220" spans="8:8">
      <c r="H6220" s="12"/>
    </row>
    <row r="6221" spans="8:8">
      <c r="H6221" s="12"/>
    </row>
    <row r="6222" spans="8:8">
      <c r="H6222" s="12"/>
    </row>
    <row r="6223" spans="8:8">
      <c r="H6223" s="12"/>
    </row>
    <row r="6224" spans="8:8">
      <c r="H6224" s="12"/>
    </row>
    <row r="6225" spans="8:8">
      <c r="H6225" s="12"/>
    </row>
    <row r="6226" spans="8:8">
      <c r="H6226" s="12"/>
    </row>
    <row r="6227" spans="8:8">
      <c r="H6227" s="12"/>
    </row>
    <row r="6228" spans="8:8">
      <c r="H6228" s="12"/>
    </row>
    <row r="6229" spans="8:8">
      <c r="H6229" s="12"/>
    </row>
    <row r="6230" spans="8:8">
      <c r="H6230" s="12"/>
    </row>
    <row r="6231" spans="8:8">
      <c r="H6231" s="12"/>
    </row>
    <row r="6232" spans="8:8">
      <c r="H6232" s="12"/>
    </row>
    <row r="6233" spans="8:8">
      <c r="H6233" s="12"/>
    </row>
    <row r="6234" spans="8:8">
      <c r="H6234" s="12"/>
    </row>
    <row r="6235" spans="8:8">
      <c r="H6235" s="12"/>
    </row>
    <row r="6236" spans="8:8">
      <c r="H6236" s="12"/>
    </row>
    <row r="6237" spans="8:8">
      <c r="H6237" s="12"/>
    </row>
    <row r="6238" spans="8:8">
      <c r="H6238" s="12"/>
    </row>
    <row r="6239" spans="8:8">
      <c r="H6239" s="12"/>
    </row>
    <row r="6240" spans="8:8">
      <c r="H6240" s="12"/>
    </row>
    <row r="6241" spans="8:8">
      <c r="H6241" s="12"/>
    </row>
    <row r="6242" spans="8:8">
      <c r="H6242" s="12"/>
    </row>
    <row r="6243" spans="8:8">
      <c r="H6243" s="12"/>
    </row>
    <row r="6244" spans="8:8">
      <c r="H6244" s="12"/>
    </row>
    <row r="6245" spans="8:8">
      <c r="H6245" s="12"/>
    </row>
    <row r="6246" spans="8:8">
      <c r="H6246" s="12"/>
    </row>
    <row r="6247" spans="8:8">
      <c r="H6247" s="12"/>
    </row>
    <row r="6248" spans="8:8">
      <c r="H6248" s="12"/>
    </row>
    <row r="6249" spans="8:8">
      <c r="H6249" s="12"/>
    </row>
    <row r="6250" spans="8:8">
      <c r="H6250" s="12"/>
    </row>
    <row r="6251" spans="8:8">
      <c r="H6251" s="12"/>
    </row>
    <row r="6252" spans="8:8">
      <c r="H6252" s="12"/>
    </row>
    <row r="6253" spans="8:8">
      <c r="H6253" s="12"/>
    </row>
    <row r="6254" spans="8:8">
      <c r="H6254" s="12"/>
    </row>
    <row r="6255" spans="8:8">
      <c r="H6255" s="12"/>
    </row>
    <row r="6256" spans="8:8">
      <c r="H6256" s="12"/>
    </row>
    <row r="6257" spans="8:8">
      <c r="H6257" s="12"/>
    </row>
    <row r="6258" spans="8:8">
      <c r="H6258" s="12"/>
    </row>
    <row r="6259" spans="8:8">
      <c r="H6259" s="12"/>
    </row>
    <row r="6260" spans="8:8">
      <c r="H6260" s="12"/>
    </row>
    <row r="6261" spans="8:8">
      <c r="H6261" s="12"/>
    </row>
    <row r="6262" spans="8:8">
      <c r="H6262" s="12"/>
    </row>
    <row r="6263" spans="8:8">
      <c r="H6263" s="12"/>
    </row>
    <row r="6264" spans="8:8">
      <c r="H6264" s="12"/>
    </row>
    <row r="6265" spans="8:8">
      <c r="H6265" s="12"/>
    </row>
    <row r="6266" spans="8:8">
      <c r="H6266" s="12"/>
    </row>
    <row r="6267" spans="8:8">
      <c r="H6267" s="12"/>
    </row>
    <row r="6268" spans="8:8">
      <c r="H6268" s="12"/>
    </row>
    <row r="6269" spans="8:8">
      <c r="H6269" s="12"/>
    </row>
    <row r="6270" spans="8:8">
      <c r="H6270" s="12"/>
    </row>
    <row r="6271" spans="8:8">
      <c r="H6271" s="12"/>
    </row>
    <row r="6272" spans="8:8">
      <c r="H6272" s="12"/>
    </row>
    <row r="6273" spans="8:8">
      <c r="H6273" s="12"/>
    </row>
    <row r="6274" spans="8:8">
      <c r="H6274" s="12"/>
    </row>
    <row r="6275" spans="8:8">
      <c r="H6275" s="12"/>
    </row>
    <row r="6276" spans="8:8">
      <c r="H6276" s="12"/>
    </row>
    <row r="6277" spans="8:8">
      <c r="H6277" s="12"/>
    </row>
    <row r="6278" spans="8:8">
      <c r="H6278" s="12"/>
    </row>
    <row r="6279" spans="8:8">
      <c r="H6279" s="12"/>
    </row>
    <row r="6280" spans="8:8">
      <c r="H6280" s="12"/>
    </row>
    <row r="6281" spans="8:8">
      <c r="H6281" s="12"/>
    </row>
    <row r="6282" spans="8:8">
      <c r="H6282" s="12"/>
    </row>
    <row r="6283" spans="8:8">
      <c r="H6283" s="12"/>
    </row>
    <row r="6284" spans="8:8">
      <c r="H6284" s="12"/>
    </row>
    <row r="6285" spans="8:8">
      <c r="H6285" s="12"/>
    </row>
    <row r="6286" spans="8:8">
      <c r="H6286" s="12"/>
    </row>
    <row r="6287" spans="8:8">
      <c r="H6287" s="12"/>
    </row>
    <row r="6288" spans="8:8">
      <c r="H6288" s="12"/>
    </row>
    <row r="6289" spans="8:8">
      <c r="H6289" s="12"/>
    </row>
    <row r="6290" spans="8:8">
      <c r="H6290" s="12"/>
    </row>
    <row r="6291" spans="8:8">
      <c r="H6291" s="12"/>
    </row>
    <row r="6292" spans="8:8">
      <c r="H6292" s="12"/>
    </row>
    <row r="6293" spans="8:8">
      <c r="H6293" s="12"/>
    </row>
    <row r="6294" spans="8:8">
      <c r="H6294" s="12"/>
    </row>
    <row r="6295" spans="8:8">
      <c r="H6295" s="12"/>
    </row>
    <row r="6296" spans="8:8">
      <c r="H6296" s="12"/>
    </row>
    <row r="6297" spans="8:8">
      <c r="H6297" s="12"/>
    </row>
    <row r="6298" spans="8:8">
      <c r="H6298" s="12"/>
    </row>
    <row r="6299" spans="8:8">
      <c r="H6299" s="12"/>
    </row>
    <row r="6300" spans="8:8">
      <c r="H6300" s="12"/>
    </row>
    <row r="6301" spans="8:8">
      <c r="H6301" s="12"/>
    </row>
    <row r="6302" spans="8:8">
      <c r="H6302" s="12"/>
    </row>
    <row r="6303" spans="8:8">
      <c r="H6303" s="12"/>
    </row>
    <row r="6304" spans="8:8">
      <c r="H6304" s="12"/>
    </row>
    <row r="6305" spans="8:8">
      <c r="H6305" s="12"/>
    </row>
    <row r="6306" spans="8:8">
      <c r="H6306" s="12"/>
    </row>
    <row r="6307" spans="8:8">
      <c r="H6307" s="12"/>
    </row>
    <row r="6308" spans="8:8">
      <c r="H6308" s="12"/>
    </row>
    <row r="6309" spans="8:8">
      <c r="H6309" s="12"/>
    </row>
    <row r="6310" spans="8:8">
      <c r="H6310" s="12"/>
    </row>
    <row r="6311" spans="8:8">
      <c r="H6311" s="12"/>
    </row>
    <row r="6312" spans="8:8">
      <c r="H6312" s="12"/>
    </row>
    <row r="6313" spans="8:8">
      <c r="H6313" s="12"/>
    </row>
    <row r="6314" spans="8:8">
      <c r="H6314" s="12"/>
    </row>
    <row r="6315" spans="8:8">
      <c r="H6315" s="12"/>
    </row>
    <row r="6316" spans="8:8">
      <c r="H6316" s="12"/>
    </row>
    <row r="6317" spans="8:8">
      <c r="H6317" s="12"/>
    </row>
    <row r="6318" spans="8:8">
      <c r="H6318" s="12"/>
    </row>
    <row r="6319" spans="8:8">
      <c r="H6319" s="12"/>
    </row>
    <row r="6320" spans="8:8">
      <c r="H6320" s="12"/>
    </row>
    <row r="6321" spans="8:8">
      <c r="H6321" s="12"/>
    </row>
    <row r="6322" spans="8:8">
      <c r="H6322" s="12"/>
    </row>
    <row r="6323" spans="8:8">
      <c r="H6323" s="12"/>
    </row>
    <row r="6324" spans="8:8">
      <c r="H6324" s="12"/>
    </row>
    <row r="6325" spans="8:8">
      <c r="H6325" s="12"/>
    </row>
    <row r="6326" spans="8:8">
      <c r="H6326" s="12"/>
    </row>
    <row r="6327" spans="8:8">
      <c r="H6327" s="12"/>
    </row>
    <row r="6328" spans="8:8">
      <c r="H6328" s="12"/>
    </row>
    <row r="6329" spans="8:8">
      <c r="H6329" s="12"/>
    </row>
    <row r="6330" spans="8:8">
      <c r="H6330" s="12"/>
    </row>
    <row r="6331" spans="8:8">
      <c r="H6331" s="12"/>
    </row>
    <row r="6332" spans="8:8">
      <c r="H6332" s="12"/>
    </row>
    <row r="6333" spans="8:8">
      <c r="H6333" s="12"/>
    </row>
    <row r="6334" spans="8:8">
      <c r="H6334" s="12"/>
    </row>
    <row r="6335" spans="8:8">
      <c r="H6335" s="12"/>
    </row>
    <row r="6336" spans="8:8">
      <c r="H6336" s="12"/>
    </row>
    <row r="6337" spans="8:8">
      <c r="H6337" s="12"/>
    </row>
    <row r="6338" spans="8:8">
      <c r="H6338" s="12"/>
    </row>
    <row r="6339" spans="8:8">
      <c r="H6339" s="12"/>
    </row>
    <row r="6340" spans="8:8">
      <c r="H6340" s="12"/>
    </row>
    <row r="6341" spans="8:8">
      <c r="H6341" s="12"/>
    </row>
    <row r="6342" spans="8:8">
      <c r="H6342" s="12"/>
    </row>
    <row r="6343" spans="8:8">
      <c r="H6343" s="12"/>
    </row>
    <row r="6344" spans="8:8">
      <c r="H6344" s="12"/>
    </row>
    <row r="6345" spans="8:8">
      <c r="H6345" s="12"/>
    </row>
    <row r="6346" spans="8:8">
      <c r="H6346" s="12"/>
    </row>
    <row r="6347" spans="8:8">
      <c r="H6347" s="12"/>
    </row>
    <row r="6348" spans="8:8">
      <c r="H6348" s="12"/>
    </row>
    <row r="6349" spans="8:8">
      <c r="H6349" s="12"/>
    </row>
    <row r="6350" spans="8:8">
      <c r="H6350" s="12"/>
    </row>
    <row r="6351" spans="8:8">
      <c r="H6351" s="12"/>
    </row>
    <row r="6352" spans="8:8">
      <c r="H6352" s="12"/>
    </row>
    <row r="6353" spans="8:8">
      <c r="H6353" s="12"/>
    </row>
    <row r="6354" spans="8:8">
      <c r="H6354" s="12"/>
    </row>
    <row r="6355" spans="8:8">
      <c r="H6355" s="12"/>
    </row>
    <row r="6356" spans="8:8">
      <c r="H6356" s="12"/>
    </row>
    <row r="6357" spans="8:8">
      <c r="H6357" s="12"/>
    </row>
    <row r="6358" spans="8:8">
      <c r="H6358" s="12"/>
    </row>
    <row r="6359" spans="8:8">
      <c r="H6359" s="12"/>
    </row>
    <row r="6360" spans="8:8">
      <c r="H6360" s="12"/>
    </row>
    <row r="6361" spans="8:8">
      <c r="H6361" s="12"/>
    </row>
    <row r="6362" spans="8:8">
      <c r="H6362" s="12"/>
    </row>
    <row r="6363" spans="8:8">
      <c r="H6363" s="12"/>
    </row>
    <row r="6364" spans="8:8">
      <c r="H6364" s="12"/>
    </row>
    <row r="6365" spans="8:8">
      <c r="H6365" s="12"/>
    </row>
    <row r="6366" spans="8:8">
      <c r="H6366" s="12"/>
    </row>
    <row r="6367" spans="8:8">
      <c r="H6367" s="12"/>
    </row>
    <row r="6368" spans="8:8">
      <c r="H6368" s="12"/>
    </row>
    <row r="6369" spans="8:8">
      <c r="H6369" s="12"/>
    </row>
    <row r="6370" spans="8:8">
      <c r="H6370" s="12"/>
    </row>
    <row r="6371" spans="8:8">
      <c r="H6371" s="12"/>
    </row>
    <row r="6372" spans="8:8">
      <c r="H6372" s="12"/>
    </row>
    <row r="6373" spans="8:8">
      <c r="H6373" s="12"/>
    </row>
    <row r="6374" spans="8:8">
      <c r="H6374" s="12"/>
    </row>
    <row r="6375" spans="8:8">
      <c r="H6375" s="12"/>
    </row>
    <row r="6376" spans="8:8">
      <c r="H6376" s="12"/>
    </row>
    <row r="6377" spans="8:8">
      <c r="H6377" s="12"/>
    </row>
    <row r="6378" spans="8:8">
      <c r="H6378" s="12"/>
    </row>
    <row r="6379" spans="8:8">
      <c r="H6379" s="12"/>
    </row>
    <row r="6380" spans="8:8">
      <c r="H6380" s="12"/>
    </row>
    <row r="6381" spans="8:8">
      <c r="H6381" s="12"/>
    </row>
    <row r="6382" spans="8:8">
      <c r="H6382" s="12"/>
    </row>
    <row r="6383" spans="8:8">
      <c r="H6383" s="12"/>
    </row>
    <row r="6384" spans="8:8">
      <c r="H6384" s="12"/>
    </row>
    <row r="6385" spans="8:8">
      <c r="H6385" s="12"/>
    </row>
    <row r="6386" spans="8:8">
      <c r="H6386" s="12"/>
    </row>
    <row r="6387" spans="8:8">
      <c r="H6387" s="12"/>
    </row>
    <row r="6388" spans="8:8">
      <c r="H6388" s="12"/>
    </row>
    <row r="6389" spans="8:8">
      <c r="H6389" s="12"/>
    </row>
    <row r="6390" spans="8:8">
      <c r="H6390" s="12"/>
    </row>
    <row r="6391" spans="8:8">
      <c r="H6391" s="12"/>
    </row>
    <row r="6392" spans="8:8">
      <c r="H6392" s="12"/>
    </row>
    <row r="6393" spans="8:8">
      <c r="H6393" s="12"/>
    </row>
    <row r="6394" spans="8:8">
      <c r="H6394" s="12"/>
    </row>
    <row r="6395" spans="8:8">
      <c r="H6395" s="12"/>
    </row>
    <row r="6396" spans="8:8">
      <c r="H6396" s="12"/>
    </row>
    <row r="6397" spans="8:8">
      <c r="H6397" s="12"/>
    </row>
    <row r="6398" spans="8:8">
      <c r="H6398" s="12"/>
    </row>
    <row r="6399" spans="8:8">
      <c r="H6399" s="12"/>
    </row>
    <row r="6400" spans="8:8">
      <c r="H6400" s="12"/>
    </row>
    <row r="6401" spans="8:8">
      <c r="H6401" s="12"/>
    </row>
    <row r="6402" spans="8:8">
      <c r="H6402" s="12"/>
    </row>
    <row r="6403" spans="8:8">
      <c r="H6403" s="12"/>
    </row>
    <row r="6404" spans="8:8">
      <c r="H6404" s="12"/>
    </row>
    <row r="6405" spans="8:8">
      <c r="H6405" s="12"/>
    </row>
    <row r="6406" spans="8:8">
      <c r="H6406" s="12"/>
    </row>
    <row r="6407" spans="8:8">
      <c r="H6407" s="12"/>
    </row>
    <row r="6408" spans="8:8">
      <c r="H6408" s="12"/>
    </row>
    <row r="6409" spans="8:8">
      <c r="H6409" s="12"/>
    </row>
    <row r="6410" spans="8:8">
      <c r="H6410" s="12"/>
    </row>
    <row r="6411" spans="8:8">
      <c r="H6411" s="12"/>
    </row>
    <row r="6412" spans="8:8">
      <c r="H6412" s="12"/>
    </row>
    <row r="6413" spans="8:8">
      <c r="H6413" s="12"/>
    </row>
    <row r="6414" spans="8:8">
      <c r="H6414" s="12"/>
    </row>
    <row r="6415" spans="8:8">
      <c r="H6415" s="12"/>
    </row>
    <row r="6416" spans="8:8">
      <c r="H6416" s="12"/>
    </row>
    <row r="6417" spans="8:8">
      <c r="H6417" s="12"/>
    </row>
    <row r="6418" spans="8:8">
      <c r="H6418" s="12"/>
    </row>
    <row r="6419" spans="8:8">
      <c r="H6419" s="12"/>
    </row>
    <row r="6420" spans="8:8">
      <c r="H6420" s="12"/>
    </row>
    <row r="6421" spans="8:8">
      <c r="H6421" s="12"/>
    </row>
    <row r="6422" spans="8:8">
      <c r="H6422" s="12"/>
    </row>
    <row r="6423" spans="8:8">
      <c r="H6423" s="12"/>
    </row>
    <row r="6424" spans="8:8">
      <c r="H6424" s="12"/>
    </row>
    <row r="6425" spans="8:8">
      <c r="H6425" s="12"/>
    </row>
    <row r="6426" spans="8:8">
      <c r="H6426" s="12"/>
    </row>
    <row r="6427" spans="8:8">
      <c r="H6427" s="12"/>
    </row>
    <row r="6428" spans="8:8">
      <c r="H6428" s="12"/>
    </row>
    <row r="6429" spans="8:8">
      <c r="H6429" s="12"/>
    </row>
    <row r="6430" spans="8:8">
      <c r="H6430" s="12"/>
    </row>
    <row r="6431" spans="8:8">
      <c r="H6431" s="12"/>
    </row>
    <row r="6432" spans="8:8">
      <c r="H6432" s="12"/>
    </row>
    <row r="6433" spans="8:8">
      <c r="H6433" s="12"/>
    </row>
    <row r="6434" spans="8:8">
      <c r="H6434" s="12"/>
    </row>
    <row r="6435" spans="8:8">
      <c r="H6435" s="12"/>
    </row>
    <row r="6436" spans="8:8">
      <c r="H6436" s="12"/>
    </row>
    <row r="6437" spans="8:8">
      <c r="H6437" s="12"/>
    </row>
    <row r="6438" spans="8:8">
      <c r="H6438" s="12"/>
    </row>
    <row r="6439" spans="8:8">
      <c r="H6439" s="12"/>
    </row>
    <row r="6440" spans="8:8">
      <c r="H6440" s="12"/>
    </row>
    <row r="6441" spans="8:8">
      <c r="H6441" s="12"/>
    </row>
    <row r="6442" spans="8:8">
      <c r="H6442" s="12"/>
    </row>
    <row r="6443" spans="8:8">
      <c r="H6443" s="12"/>
    </row>
    <row r="6444" spans="8:8">
      <c r="H6444" s="12"/>
    </row>
    <row r="6445" spans="8:8">
      <c r="H6445" s="12"/>
    </row>
    <row r="6446" spans="8:8">
      <c r="H6446" s="12"/>
    </row>
    <row r="6447" spans="8:8">
      <c r="H6447" s="12"/>
    </row>
    <row r="6448" spans="8:8">
      <c r="H6448" s="12"/>
    </row>
    <row r="6449" spans="8:8">
      <c r="H6449" s="12"/>
    </row>
    <row r="6450" spans="8:8">
      <c r="H6450" s="12"/>
    </row>
    <row r="6451" spans="8:8">
      <c r="H6451" s="12"/>
    </row>
    <row r="6452" spans="8:8">
      <c r="H6452" s="12"/>
    </row>
    <row r="6453" spans="8:8">
      <c r="H6453" s="12"/>
    </row>
    <row r="6454" spans="8:8">
      <c r="H6454" s="12"/>
    </row>
    <row r="6455" spans="8:8">
      <c r="H6455" s="12"/>
    </row>
    <row r="6456" spans="8:8">
      <c r="H6456" s="12"/>
    </row>
    <row r="6457" spans="8:8">
      <c r="H6457" s="12"/>
    </row>
    <row r="6458" spans="8:8">
      <c r="H6458" s="12"/>
    </row>
    <row r="6459" spans="8:8">
      <c r="H6459" s="12"/>
    </row>
    <row r="6460" spans="8:8">
      <c r="H6460" s="12"/>
    </row>
    <row r="6461" spans="8:8">
      <c r="H6461" s="12"/>
    </row>
    <row r="6462" spans="8:8">
      <c r="H6462" s="12"/>
    </row>
    <row r="6463" spans="8:8">
      <c r="H6463" s="12"/>
    </row>
    <row r="6464" spans="8:8">
      <c r="H6464" s="12"/>
    </row>
    <row r="6465" spans="8:8">
      <c r="H6465" s="12"/>
    </row>
    <row r="6466" spans="8:8">
      <c r="H6466" s="12"/>
    </row>
    <row r="6467" spans="8:8">
      <c r="H6467" s="12"/>
    </row>
    <row r="6468" spans="8:8">
      <c r="H6468" s="12"/>
    </row>
    <row r="6469" spans="8:8">
      <c r="H6469" s="12"/>
    </row>
    <row r="6470" spans="8:8">
      <c r="H6470" s="12"/>
    </row>
    <row r="6471" spans="8:8">
      <c r="H6471" s="12"/>
    </row>
    <row r="6472" spans="8:8">
      <c r="H6472" s="12"/>
    </row>
    <row r="6473" spans="8:8">
      <c r="H6473" s="12"/>
    </row>
    <row r="6474" spans="8:8">
      <c r="H6474" s="12"/>
    </row>
    <row r="6475" spans="8:8">
      <c r="H6475" s="12"/>
    </row>
    <row r="6476" spans="8:8">
      <c r="H6476" s="12"/>
    </row>
    <row r="6477" spans="8:8">
      <c r="H6477" s="12"/>
    </row>
    <row r="6478" spans="8:8">
      <c r="H6478" s="12"/>
    </row>
    <row r="6479" spans="8:8">
      <c r="H6479" s="12"/>
    </row>
    <row r="6480" spans="8:8">
      <c r="H6480" s="12"/>
    </row>
    <row r="6481" spans="8:8">
      <c r="H6481" s="12"/>
    </row>
    <row r="6482" spans="8:8">
      <c r="H6482" s="12"/>
    </row>
    <row r="6483" spans="8:8">
      <c r="H6483" s="12"/>
    </row>
    <row r="6484" spans="8:8">
      <c r="H6484" s="12"/>
    </row>
    <row r="6485" spans="8:8">
      <c r="H6485" s="12"/>
    </row>
    <row r="6486" spans="8:8">
      <c r="H6486" s="12"/>
    </row>
    <row r="6487" spans="8:8">
      <c r="H6487" s="12"/>
    </row>
    <row r="6488" spans="8:8">
      <c r="H6488" s="12"/>
    </row>
    <row r="6489" spans="8:8">
      <c r="H6489" s="12"/>
    </row>
    <row r="6490" spans="8:8">
      <c r="H6490" s="12"/>
    </row>
    <row r="6491" spans="8:8">
      <c r="H6491" s="12"/>
    </row>
    <row r="6492" spans="8:8">
      <c r="H6492" s="12"/>
    </row>
    <row r="6493" spans="8:8">
      <c r="H6493" s="12"/>
    </row>
    <row r="6494" spans="8:8">
      <c r="H6494" s="12"/>
    </row>
    <row r="6495" spans="8:8">
      <c r="H6495" s="12"/>
    </row>
    <row r="6496" spans="8:8">
      <c r="H6496" s="12"/>
    </row>
    <row r="6497" spans="8:8">
      <c r="H6497" s="12"/>
    </row>
    <row r="6498" spans="8:8">
      <c r="H6498" s="12"/>
    </row>
    <row r="6499" spans="8:8">
      <c r="H6499" s="12"/>
    </row>
    <row r="6500" spans="8:8">
      <c r="H6500" s="12"/>
    </row>
    <row r="6501" spans="8:8">
      <c r="H6501" s="12"/>
    </row>
    <row r="6502" spans="8:8">
      <c r="H6502" s="12"/>
    </row>
    <row r="6503" spans="8:8">
      <c r="H6503" s="12"/>
    </row>
    <row r="6504" spans="8:8">
      <c r="H6504" s="12"/>
    </row>
    <row r="6505" spans="8:8">
      <c r="H6505" s="12"/>
    </row>
    <row r="6506" spans="8:8">
      <c r="H6506" s="12"/>
    </row>
    <row r="6507" spans="8:8">
      <c r="H6507" s="12"/>
    </row>
    <row r="6508" spans="8:8">
      <c r="H6508" s="12"/>
    </row>
    <row r="6509" spans="8:8">
      <c r="H6509" s="12"/>
    </row>
    <row r="6510" spans="8:8">
      <c r="H6510" s="12"/>
    </row>
    <row r="6511" spans="8:8">
      <c r="H6511" s="12"/>
    </row>
    <row r="6512" spans="8:8">
      <c r="H6512" s="12"/>
    </row>
    <row r="6513" spans="8:8">
      <c r="H6513" s="12"/>
    </row>
    <row r="6514" spans="8:8">
      <c r="H6514" s="12"/>
    </row>
    <row r="6515" spans="8:8">
      <c r="H6515" s="12"/>
    </row>
    <row r="6516" spans="8:8">
      <c r="H6516" s="12"/>
    </row>
    <row r="6517" spans="8:8">
      <c r="H6517" s="12"/>
    </row>
    <row r="6518" spans="8:8">
      <c r="H6518" s="12"/>
    </row>
    <row r="6519" spans="8:8">
      <c r="H6519" s="12"/>
    </row>
    <row r="6520" spans="8:8">
      <c r="H6520" s="12"/>
    </row>
    <row r="6521" spans="8:8">
      <c r="H6521" s="12"/>
    </row>
    <row r="6522" spans="8:8">
      <c r="H6522" s="12"/>
    </row>
    <row r="6523" spans="8:8">
      <c r="H6523" s="12"/>
    </row>
    <row r="6524" spans="8:8">
      <c r="H6524" s="12"/>
    </row>
    <row r="6525" spans="8:8">
      <c r="H6525" s="12"/>
    </row>
    <row r="6526" spans="8:8">
      <c r="H6526" s="12"/>
    </row>
    <row r="6527" spans="8:8">
      <c r="H6527" s="12"/>
    </row>
    <row r="6528" spans="8:8">
      <c r="H6528" s="12"/>
    </row>
    <row r="6529" spans="8:8">
      <c r="H6529" s="12"/>
    </row>
    <row r="6530" spans="8:8">
      <c r="H6530" s="12"/>
    </row>
    <row r="6531" spans="8:8">
      <c r="H6531" s="12"/>
    </row>
    <row r="6532" spans="8:8">
      <c r="H6532" s="12"/>
    </row>
    <row r="6533" spans="8:8">
      <c r="H6533" s="12"/>
    </row>
    <row r="6534" spans="8:8">
      <c r="H6534" s="12"/>
    </row>
    <row r="6535" spans="8:8">
      <c r="H6535" s="12"/>
    </row>
    <row r="6536" spans="8:8">
      <c r="H6536" s="12"/>
    </row>
    <row r="6537" spans="8:8">
      <c r="H6537" s="12"/>
    </row>
    <row r="6538" spans="8:8">
      <c r="H6538" s="12"/>
    </row>
    <row r="6539" spans="8:8">
      <c r="H6539" s="12"/>
    </row>
    <row r="6540" spans="8:8">
      <c r="H6540" s="12"/>
    </row>
    <row r="6541" spans="8:8">
      <c r="H6541" s="12"/>
    </row>
    <row r="6542" spans="8:8">
      <c r="H6542" s="12"/>
    </row>
    <row r="6543" spans="8:8">
      <c r="H6543" s="12"/>
    </row>
    <row r="6544" spans="8:8">
      <c r="H6544" s="12"/>
    </row>
    <row r="6545" spans="8:8">
      <c r="H6545" s="12"/>
    </row>
    <row r="6546" spans="8:8">
      <c r="H6546" s="12"/>
    </row>
    <row r="6547" spans="8:8">
      <c r="H6547" s="12"/>
    </row>
    <row r="6548" spans="8:8">
      <c r="H6548" s="12"/>
    </row>
    <row r="6549" spans="8:8">
      <c r="H6549" s="12"/>
    </row>
    <row r="6550" spans="8:8">
      <c r="H6550" s="12"/>
    </row>
    <row r="6551" spans="8:8">
      <c r="H6551" s="12"/>
    </row>
    <row r="6552" spans="8:8">
      <c r="H6552" s="12"/>
    </row>
    <row r="6553" spans="8:8">
      <c r="H6553" s="12"/>
    </row>
    <row r="6554" spans="8:8">
      <c r="H6554" s="12"/>
    </row>
    <row r="6555" spans="8:8">
      <c r="H6555" s="12"/>
    </row>
    <row r="6556" spans="8:8">
      <c r="H6556" s="12"/>
    </row>
    <row r="6557" spans="8:8">
      <c r="H6557" s="12"/>
    </row>
    <row r="6558" spans="8:8">
      <c r="H6558" s="12"/>
    </row>
    <row r="6559" spans="8:8">
      <c r="H6559" s="12"/>
    </row>
    <row r="6560" spans="8:8">
      <c r="H6560" s="12"/>
    </row>
    <row r="6561" spans="8:8">
      <c r="H6561" s="12"/>
    </row>
    <row r="6562" spans="8:8">
      <c r="H6562" s="12"/>
    </row>
    <row r="6563" spans="8:8">
      <c r="H6563" s="12"/>
    </row>
    <row r="6564" spans="8:8">
      <c r="H6564" s="12"/>
    </row>
    <row r="6565" spans="8:8">
      <c r="H6565" s="12"/>
    </row>
    <row r="6566" spans="8:8">
      <c r="H6566" s="12"/>
    </row>
    <row r="6567" spans="8:8">
      <c r="H6567" s="12"/>
    </row>
    <row r="6568" spans="8:8">
      <c r="H6568" s="12"/>
    </row>
    <row r="6569" spans="8:8">
      <c r="H6569" s="12"/>
    </row>
    <row r="6570" spans="8:8">
      <c r="H6570" s="12"/>
    </row>
    <row r="6571" spans="8:8">
      <c r="H6571" s="12"/>
    </row>
    <row r="6572" spans="8:8">
      <c r="H6572" s="12"/>
    </row>
    <row r="6573" spans="8:8">
      <c r="H6573" s="12"/>
    </row>
    <row r="6574" spans="8:8">
      <c r="H6574" s="12"/>
    </row>
    <row r="6575" spans="8:8">
      <c r="H6575" s="12"/>
    </row>
    <row r="6576" spans="8:8">
      <c r="H6576" s="12"/>
    </row>
    <row r="6577" spans="8:8">
      <c r="H6577" s="12"/>
    </row>
    <row r="6578" spans="8:8">
      <c r="H6578" s="12"/>
    </row>
    <row r="6579" spans="8:8">
      <c r="H6579" s="12"/>
    </row>
    <row r="6580" spans="8:8">
      <c r="H6580" s="12"/>
    </row>
    <row r="6581" spans="8:8">
      <c r="H6581" s="12"/>
    </row>
    <row r="6582" spans="8:8">
      <c r="H6582" s="12"/>
    </row>
    <row r="6583" spans="8:8">
      <c r="H6583" s="12"/>
    </row>
    <row r="6584" spans="8:8">
      <c r="H6584" s="12"/>
    </row>
    <row r="6585" spans="8:8">
      <c r="H6585" s="12"/>
    </row>
    <row r="6586" spans="8:8">
      <c r="H6586" s="12"/>
    </row>
    <row r="6587" spans="8:8">
      <c r="H6587" s="12"/>
    </row>
    <row r="6588" spans="8:8">
      <c r="H6588" s="12"/>
    </row>
    <row r="6589" spans="8:8">
      <c r="H6589" s="12"/>
    </row>
    <row r="6590" spans="8:8">
      <c r="H6590" s="12"/>
    </row>
    <row r="6591" spans="8:8">
      <c r="H6591" s="12"/>
    </row>
    <row r="6592" spans="8:8">
      <c r="H6592" s="12"/>
    </row>
    <row r="6593" spans="8:8">
      <c r="H6593" s="12"/>
    </row>
    <row r="6594" spans="8:8">
      <c r="H6594" s="12"/>
    </row>
    <row r="6595" spans="8:8">
      <c r="H6595" s="12"/>
    </row>
    <row r="6596" spans="8:8">
      <c r="H6596" s="12"/>
    </row>
    <row r="6597" spans="8:8">
      <c r="H6597" s="12"/>
    </row>
    <row r="6598" spans="8:8">
      <c r="H6598" s="12"/>
    </row>
    <row r="6599" spans="8:8">
      <c r="H6599" s="12"/>
    </row>
    <row r="6600" spans="8:8">
      <c r="H6600" s="12"/>
    </row>
    <row r="6601" spans="8:8">
      <c r="H6601" s="12"/>
    </row>
    <row r="6602" spans="8:8">
      <c r="H6602" s="12"/>
    </row>
    <row r="6603" spans="8:8">
      <c r="H6603" s="12"/>
    </row>
    <row r="6604" spans="8:8">
      <c r="H6604" s="12"/>
    </row>
    <row r="6605" spans="8:8">
      <c r="H6605" s="12"/>
    </row>
    <row r="6606" spans="8:8">
      <c r="H6606" s="12"/>
    </row>
    <row r="6607" spans="8:8">
      <c r="H6607" s="12"/>
    </row>
    <row r="6608" spans="8:8">
      <c r="H6608" s="12"/>
    </row>
    <row r="6609" spans="8:8">
      <c r="H6609" s="12"/>
    </row>
    <row r="6610" spans="8:8">
      <c r="H6610" s="12"/>
    </row>
    <row r="6611" spans="8:8">
      <c r="H6611" s="12"/>
    </row>
    <row r="6612" spans="8:8">
      <c r="H6612" s="12"/>
    </row>
    <row r="6613" spans="8:8">
      <c r="H6613" s="12"/>
    </row>
    <row r="6614" spans="8:8">
      <c r="H6614" s="12"/>
    </row>
    <row r="6615" spans="8:8">
      <c r="H6615" s="12"/>
    </row>
    <row r="6616" spans="8:8">
      <c r="H6616" s="12"/>
    </row>
    <row r="6617" spans="8:8">
      <c r="H6617" s="12"/>
    </row>
    <row r="6618" spans="8:8">
      <c r="H6618" s="12"/>
    </row>
    <row r="6619" spans="8:8">
      <c r="H6619" s="12"/>
    </row>
    <row r="6620" spans="8:8">
      <c r="H6620" s="12"/>
    </row>
    <row r="6621" spans="8:8">
      <c r="H6621" s="12"/>
    </row>
    <row r="6622" spans="8:8">
      <c r="H6622" s="12"/>
    </row>
    <row r="6623" spans="8:8">
      <c r="H6623" s="12"/>
    </row>
    <row r="6624" spans="8:8">
      <c r="H6624" s="12"/>
    </row>
    <row r="6625" spans="8:8">
      <c r="H6625" s="12"/>
    </row>
    <row r="6626" spans="8:8">
      <c r="H6626" s="12"/>
    </row>
    <row r="6627" spans="8:8">
      <c r="H6627" s="12"/>
    </row>
    <row r="6628" spans="8:8">
      <c r="H6628" s="12"/>
    </row>
    <row r="6629" spans="8:8">
      <c r="H6629" s="12"/>
    </row>
    <row r="6630" spans="8:8">
      <c r="H6630" s="12"/>
    </row>
    <row r="6631" spans="8:8">
      <c r="H6631" s="12"/>
    </row>
    <row r="6632" spans="8:8">
      <c r="H6632" s="12"/>
    </row>
    <row r="6633" spans="8:8">
      <c r="H6633" s="12"/>
    </row>
    <row r="6634" spans="8:8">
      <c r="H6634" s="12"/>
    </row>
    <row r="6635" spans="8:8">
      <c r="H6635" s="12"/>
    </row>
    <row r="6636" spans="8:8">
      <c r="H6636" s="12"/>
    </row>
    <row r="6637" spans="8:8">
      <c r="H6637" s="12"/>
    </row>
    <row r="6638" spans="8:8">
      <c r="H6638" s="12"/>
    </row>
    <row r="6639" spans="8:8">
      <c r="H6639" s="12"/>
    </row>
    <row r="6640" spans="8:8">
      <c r="H6640" s="12"/>
    </row>
    <row r="6641" spans="8:8">
      <c r="H6641" s="12"/>
    </row>
    <row r="6642" spans="8:8">
      <c r="H6642" s="12"/>
    </row>
    <row r="6643" spans="8:8">
      <c r="H6643" s="12"/>
    </row>
    <row r="6644" spans="8:8">
      <c r="H6644" s="12"/>
    </row>
    <row r="6645" spans="8:8">
      <c r="H6645" s="12"/>
    </row>
    <row r="6646" spans="8:8">
      <c r="H6646" s="12"/>
    </row>
    <row r="6647" spans="8:8">
      <c r="H6647" s="12"/>
    </row>
    <row r="6648" spans="8:8">
      <c r="H6648" s="12"/>
    </row>
    <row r="6649" spans="8:8">
      <c r="H6649" s="12"/>
    </row>
    <row r="6650" spans="8:8">
      <c r="H6650" s="12"/>
    </row>
    <row r="6651" spans="8:8">
      <c r="H6651" s="12"/>
    </row>
    <row r="6652" spans="8:8">
      <c r="H6652" s="12"/>
    </row>
    <row r="6653" spans="8:8">
      <c r="H6653" s="12"/>
    </row>
    <row r="6654" spans="8:8">
      <c r="H6654" s="12"/>
    </row>
    <row r="6655" spans="8:8">
      <c r="H6655" s="12"/>
    </row>
    <row r="6656" spans="8:8">
      <c r="H6656" s="12"/>
    </row>
    <row r="6657" spans="8:8">
      <c r="H6657" s="12"/>
    </row>
    <row r="6658" spans="8:8">
      <c r="H6658" s="12"/>
    </row>
    <row r="6659" spans="8:8">
      <c r="H6659" s="12"/>
    </row>
    <row r="6660" spans="8:8">
      <c r="H6660" s="12"/>
    </row>
    <row r="6661" spans="8:8">
      <c r="H6661" s="12"/>
    </row>
    <row r="6662" spans="8:8">
      <c r="H6662" s="12"/>
    </row>
    <row r="6663" spans="8:8">
      <c r="H6663" s="12"/>
    </row>
    <row r="6664" spans="8:8">
      <c r="H6664" s="12"/>
    </row>
    <row r="6665" spans="8:8">
      <c r="H6665" s="12"/>
    </row>
    <row r="6666" spans="8:8">
      <c r="H6666" s="12"/>
    </row>
    <row r="6667" spans="8:8">
      <c r="H6667" s="12"/>
    </row>
    <row r="6668" spans="8:8">
      <c r="H6668" s="12"/>
    </row>
    <row r="6669" spans="8:8">
      <c r="H6669" s="12"/>
    </row>
    <row r="6670" spans="8:8">
      <c r="H6670" s="12"/>
    </row>
    <row r="6671" spans="8:8">
      <c r="H6671" s="12"/>
    </row>
    <row r="6672" spans="8:8">
      <c r="H6672" s="12"/>
    </row>
    <row r="6673" spans="8:8">
      <c r="H6673" s="12"/>
    </row>
    <row r="6674" spans="8:8">
      <c r="H6674" s="12"/>
    </row>
    <row r="6675" spans="8:8">
      <c r="H6675" s="12"/>
    </row>
    <row r="6676" spans="8:8">
      <c r="H6676" s="12"/>
    </row>
    <row r="6677" spans="8:8">
      <c r="H6677" s="12"/>
    </row>
    <row r="6678" spans="8:8">
      <c r="H6678" s="12"/>
    </row>
    <row r="6679" spans="8:8">
      <c r="H6679" s="12"/>
    </row>
    <row r="6680" spans="8:8">
      <c r="H6680" s="12"/>
    </row>
    <row r="6681" spans="8:8">
      <c r="H6681" s="12"/>
    </row>
    <row r="6682" spans="8:8">
      <c r="H6682" s="12"/>
    </row>
    <row r="6683" spans="8:8">
      <c r="H6683" s="12"/>
    </row>
    <row r="6684" spans="8:8">
      <c r="H6684" s="12"/>
    </row>
    <row r="6685" spans="8:8">
      <c r="H6685" s="12"/>
    </row>
    <row r="6686" spans="8:8">
      <c r="H6686" s="12"/>
    </row>
    <row r="6687" spans="8:8">
      <c r="H6687" s="12"/>
    </row>
    <row r="6688" spans="8:8">
      <c r="H6688" s="12"/>
    </row>
    <row r="6689" spans="8:8">
      <c r="H6689" s="12"/>
    </row>
    <row r="6690" spans="8:8">
      <c r="H6690" s="12"/>
    </row>
    <row r="6691" spans="8:8">
      <c r="H6691" s="12"/>
    </row>
    <row r="6692" spans="8:8">
      <c r="H6692" s="12"/>
    </row>
    <row r="6693" spans="8:8">
      <c r="H6693" s="12"/>
    </row>
    <row r="6694" spans="8:8">
      <c r="H6694" s="12"/>
    </row>
    <row r="6695" spans="8:8">
      <c r="H6695" s="12"/>
    </row>
    <row r="6696" spans="8:8">
      <c r="H6696" s="12"/>
    </row>
    <row r="6697" spans="8:8">
      <c r="H6697" s="12"/>
    </row>
    <row r="6698" spans="8:8">
      <c r="H6698" s="12"/>
    </row>
    <row r="6699" spans="8:8">
      <c r="H6699" s="12"/>
    </row>
    <row r="6700" spans="8:8">
      <c r="H6700" s="12"/>
    </row>
    <row r="6701" spans="8:8">
      <c r="H6701" s="12"/>
    </row>
    <row r="6702" spans="8:8">
      <c r="H6702" s="12"/>
    </row>
    <row r="6703" spans="8:8">
      <c r="H6703" s="12"/>
    </row>
    <row r="6704" spans="8:8">
      <c r="H6704" s="12"/>
    </row>
    <row r="6705" spans="8:8">
      <c r="H6705" s="12"/>
    </row>
    <row r="6706" spans="8:8">
      <c r="H6706" s="12"/>
    </row>
    <row r="6707" spans="8:8">
      <c r="H6707" s="12"/>
    </row>
    <row r="6708" spans="8:8">
      <c r="H6708" s="12"/>
    </row>
    <row r="6709" spans="8:8">
      <c r="H6709" s="12"/>
    </row>
    <row r="6710" spans="8:8">
      <c r="H6710" s="12"/>
    </row>
    <row r="6711" spans="8:8">
      <c r="H6711" s="12"/>
    </row>
    <row r="6712" spans="8:8">
      <c r="H6712" s="12"/>
    </row>
    <row r="6713" spans="8:8">
      <c r="H6713" s="12"/>
    </row>
    <row r="6714" spans="8:8">
      <c r="H6714" s="12"/>
    </row>
    <row r="6715" spans="8:8">
      <c r="H6715" s="12"/>
    </row>
    <row r="6716" spans="8:8">
      <c r="H6716" s="12"/>
    </row>
    <row r="6717" spans="8:8">
      <c r="H6717" s="12"/>
    </row>
    <row r="6718" spans="8:8">
      <c r="H6718" s="12"/>
    </row>
    <row r="6719" spans="8:8">
      <c r="H6719" s="12"/>
    </row>
    <row r="6720" spans="8:8">
      <c r="H6720" s="12"/>
    </row>
    <row r="6721" spans="8:8">
      <c r="H6721" s="12"/>
    </row>
    <row r="6722" spans="8:8">
      <c r="H6722" s="12"/>
    </row>
    <row r="6723" spans="8:8">
      <c r="H6723" s="12"/>
    </row>
    <row r="6724" spans="8:8">
      <c r="H6724" s="12"/>
    </row>
    <row r="6725" spans="8:8">
      <c r="H6725" s="12"/>
    </row>
    <row r="6726" spans="8:8">
      <c r="H6726" s="12"/>
    </row>
    <row r="6727" spans="8:8">
      <c r="H6727" s="12"/>
    </row>
    <row r="6728" spans="8:8">
      <c r="H6728" s="12"/>
    </row>
    <row r="6729" spans="8:8">
      <c r="H6729" s="12"/>
    </row>
    <row r="6730" spans="8:8">
      <c r="H6730" s="12"/>
    </row>
    <row r="6731" spans="8:8">
      <c r="H6731" s="12"/>
    </row>
    <row r="6732" spans="8:8">
      <c r="H6732" s="12"/>
    </row>
    <row r="6733" spans="8:8">
      <c r="H6733" s="12"/>
    </row>
    <row r="6734" spans="8:8">
      <c r="H6734" s="12"/>
    </row>
    <row r="6735" spans="8:8">
      <c r="H6735" s="12"/>
    </row>
    <row r="6736" spans="8:8">
      <c r="H6736" s="12"/>
    </row>
    <row r="6737" spans="8:8">
      <c r="H6737" s="12"/>
    </row>
    <row r="6738" spans="8:8">
      <c r="H6738" s="12"/>
    </row>
    <row r="6739" spans="8:8">
      <c r="H6739" s="12"/>
    </row>
    <row r="6740" spans="8:8">
      <c r="H6740" s="12"/>
    </row>
    <row r="6741" spans="8:8">
      <c r="H6741" s="12"/>
    </row>
    <row r="6742" spans="8:8">
      <c r="H6742" s="12"/>
    </row>
    <row r="6743" spans="8:8">
      <c r="H6743" s="12"/>
    </row>
    <row r="6744" spans="8:8">
      <c r="H6744" s="12"/>
    </row>
    <row r="6745" spans="8:8">
      <c r="H6745" s="12"/>
    </row>
    <row r="6746" spans="8:8">
      <c r="H6746" s="12"/>
    </row>
    <row r="6747" spans="8:8">
      <c r="H6747" s="12"/>
    </row>
    <row r="6748" spans="8:8">
      <c r="H6748" s="12"/>
    </row>
    <row r="6749" spans="8:8">
      <c r="H6749" s="12"/>
    </row>
    <row r="6750" spans="8:8">
      <c r="H6750" s="12"/>
    </row>
    <row r="6751" spans="8:8">
      <c r="H6751" s="12"/>
    </row>
    <row r="6752" spans="8:8">
      <c r="H6752" s="12"/>
    </row>
    <row r="6753" spans="8:8">
      <c r="H6753" s="12"/>
    </row>
    <row r="6754" spans="8:8">
      <c r="H6754" s="12"/>
    </row>
    <row r="6755" spans="8:8">
      <c r="H6755" s="12"/>
    </row>
    <row r="6756" spans="8:8">
      <c r="H6756" s="12"/>
    </row>
    <row r="6757" spans="8:8">
      <c r="H6757" s="12"/>
    </row>
    <row r="6758" spans="8:8">
      <c r="H6758" s="12"/>
    </row>
    <row r="6759" spans="8:8">
      <c r="H6759" s="12"/>
    </row>
    <row r="6760" spans="8:8">
      <c r="H6760" s="12"/>
    </row>
    <row r="6761" spans="8:8">
      <c r="H6761" s="12"/>
    </row>
    <row r="6762" spans="8:8">
      <c r="H6762" s="12"/>
    </row>
    <row r="6763" spans="8:8">
      <c r="H6763" s="12"/>
    </row>
    <row r="6764" spans="8:8">
      <c r="H6764" s="12"/>
    </row>
    <row r="6765" spans="8:8">
      <c r="H6765" s="12"/>
    </row>
    <row r="6766" spans="8:8">
      <c r="H6766" s="12"/>
    </row>
    <row r="6767" spans="8:8">
      <c r="H6767" s="12"/>
    </row>
    <row r="6768" spans="8:8">
      <c r="H6768" s="12"/>
    </row>
    <row r="6769" spans="8:8">
      <c r="H6769" s="12"/>
    </row>
    <row r="6770" spans="8:8">
      <c r="H6770" s="12"/>
    </row>
    <row r="6771" spans="8:8">
      <c r="H6771" s="12"/>
    </row>
    <row r="6772" spans="8:8">
      <c r="H6772" s="12"/>
    </row>
    <row r="6773" spans="8:8">
      <c r="H6773" s="12"/>
    </row>
    <row r="6774" spans="8:8">
      <c r="H6774" s="12"/>
    </row>
    <row r="6775" spans="8:8">
      <c r="H6775" s="12"/>
    </row>
    <row r="6776" spans="8:8">
      <c r="H6776" s="12"/>
    </row>
    <row r="6777" spans="8:8">
      <c r="H6777" s="12"/>
    </row>
    <row r="6778" spans="8:8">
      <c r="H6778" s="12"/>
    </row>
    <row r="6779" spans="8:8">
      <c r="H6779" s="12"/>
    </row>
    <row r="6780" spans="8:8">
      <c r="H6780" s="12"/>
    </row>
    <row r="6781" spans="8:8">
      <c r="H6781" s="12"/>
    </row>
    <row r="6782" spans="8:8">
      <c r="H6782" s="12"/>
    </row>
    <row r="6783" spans="8:8">
      <c r="H6783" s="12"/>
    </row>
    <row r="6784" spans="8:8">
      <c r="H6784" s="12"/>
    </row>
    <row r="6785" spans="8:8">
      <c r="H6785" s="12"/>
    </row>
    <row r="6786" spans="8:8">
      <c r="H6786" s="12"/>
    </row>
    <row r="6787" spans="8:8">
      <c r="H6787" s="12"/>
    </row>
    <row r="6788" spans="8:8">
      <c r="H6788" s="12"/>
    </row>
    <row r="6789" spans="8:8">
      <c r="H6789" s="12"/>
    </row>
    <row r="6790" spans="8:8">
      <c r="H6790" s="12"/>
    </row>
    <row r="6791" spans="8:8">
      <c r="H6791" s="12"/>
    </row>
    <row r="6792" spans="8:8">
      <c r="H6792" s="12"/>
    </row>
    <row r="6793" spans="8:8">
      <c r="H6793" s="12"/>
    </row>
    <row r="6794" spans="8:8">
      <c r="H6794" s="12"/>
    </row>
    <row r="6795" spans="8:8">
      <c r="H6795" s="12"/>
    </row>
    <row r="6796" spans="8:8">
      <c r="H6796" s="12"/>
    </row>
    <row r="6797" spans="8:8">
      <c r="H6797" s="12"/>
    </row>
    <row r="6798" spans="8:8">
      <c r="H6798" s="12"/>
    </row>
    <row r="6799" spans="8:8">
      <c r="H6799" s="12"/>
    </row>
    <row r="6800" spans="8:8">
      <c r="H6800" s="12"/>
    </row>
    <row r="6801" spans="8:8">
      <c r="H6801" s="12"/>
    </row>
    <row r="6802" spans="8:8">
      <c r="H6802" s="12"/>
    </row>
    <row r="6803" spans="8:8">
      <c r="H6803" s="12"/>
    </row>
    <row r="6804" spans="8:8">
      <c r="H6804" s="12"/>
    </row>
    <row r="6805" spans="8:8">
      <c r="H6805" s="12"/>
    </row>
    <row r="6806" spans="8:8">
      <c r="H6806" s="12"/>
    </row>
    <row r="6807" spans="8:8">
      <c r="H6807" s="12"/>
    </row>
    <row r="6808" spans="8:8">
      <c r="H6808" s="12"/>
    </row>
    <row r="6809" spans="8:8">
      <c r="H6809" s="12"/>
    </row>
    <row r="6810" spans="8:8">
      <c r="H6810" s="12"/>
    </row>
    <row r="6811" spans="8:8">
      <c r="H6811" s="12"/>
    </row>
    <row r="6812" spans="8:8">
      <c r="H6812" s="12"/>
    </row>
    <row r="6813" spans="8:8">
      <c r="H6813" s="12"/>
    </row>
    <row r="6814" spans="8:8">
      <c r="H6814" s="12"/>
    </row>
    <row r="6815" spans="8:8">
      <c r="H6815" s="12"/>
    </row>
    <row r="6816" spans="8:8">
      <c r="H6816" s="12"/>
    </row>
    <row r="6817" spans="8:8">
      <c r="H6817" s="12"/>
    </row>
    <row r="6818" spans="8:8">
      <c r="H6818" s="12"/>
    </row>
    <row r="6819" spans="8:8">
      <c r="H6819" s="12"/>
    </row>
    <row r="6820" spans="8:8">
      <c r="H6820" s="12"/>
    </row>
    <row r="6821" spans="8:8">
      <c r="H6821" s="12"/>
    </row>
    <row r="6822" spans="8:8">
      <c r="H6822" s="12"/>
    </row>
    <row r="6823" spans="8:8">
      <c r="H6823" s="12"/>
    </row>
    <row r="6824" spans="8:8">
      <c r="H6824" s="12"/>
    </row>
    <row r="6825" spans="8:8">
      <c r="H6825" s="12"/>
    </row>
    <row r="6826" spans="8:8">
      <c r="H6826" s="12"/>
    </row>
    <row r="6827" spans="8:8">
      <c r="H6827" s="12"/>
    </row>
    <row r="6828" spans="8:8">
      <c r="H6828" s="12"/>
    </row>
    <row r="6829" spans="8:8">
      <c r="H6829" s="12"/>
    </row>
    <row r="6830" spans="8:8">
      <c r="H6830" s="12"/>
    </row>
    <row r="6831" spans="8:8">
      <c r="H6831" s="12"/>
    </row>
    <row r="6832" spans="8:8">
      <c r="H6832" s="12"/>
    </row>
    <row r="6833" spans="8:8">
      <c r="H6833" s="12"/>
    </row>
    <row r="6834" spans="8:8">
      <c r="H6834" s="12"/>
    </row>
    <row r="6835" spans="8:8">
      <c r="H6835" s="12"/>
    </row>
    <row r="6836" spans="8:8">
      <c r="H6836" s="12"/>
    </row>
    <row r="6837" spans="8:8">
      <c r="H6837" s="12"/>
    </row>
    <row r="6838" spans="8:8">
      <c r="H6838" s="12"/>
    </row>
    <row r="6839" spans="8:8">
      <c r="H6839" s="12"/>
    </row>
    <row r="6840" spans="8:8">
      <c r="H6840" s="12"/>
    </row>
    <row r="6841" spans="8:8">
      <c r="H6841" s="12"/>
    </row>
    <row r="6842" spans="8:8">
      <c r="H6842" s="12"/>
    </row>
    <row r="6843" spans="8:8">
      <c r="H6843" s="12"/>
    </row>
    <row r="6844" spans="8:8">
      <c r="H6844" s="12"/>
    </row>
    <row r="6845" spans="8:8">
      <c r="H6845" s="12"/>
    </row>
    <row r="6846" spans="8:8">
      <c r="H6846" s="12"/>
    </row>
    <row r="6847" spans="8:8">
      <c r="H6847" s="12"/>
    </row>
    <row r="6848" spans="8:8">
      <c r="H6848" s="12"/>
    </row>
    <row r="6849" spans="8:8">
      <c r="H6849" s="12"/>
    </row>
    <row r="6850" spans="8:8">
      <c r="H6850" s="12"/>
    </row>
    <row r="6851" spans="8:8">
      <c r="H6851" s="12"/>
    </row>
    <row r="6852" spans="8:8">
      <c r="H6852" s="12"/>
    </row>
    <row r="6853" spans="8:8">
      <c r="H6853" s="12"/>
    </row>
    <row r="6854" spans="8:8">
      <c r="H6854" s="12"/>
    </row>
    <row r="6855" spans="8:8">
      <c r="H6855" s="12"/>
    </row>
    <row r="6856" spans="8:8">
      <c r="H6856" s="12"/>
    </row>
    <row r="6857" spans="8:8">
      <c r="H6857" s="12"/>
    </row>
    <row r="6858" spans="8:8">
      <c r="H6858" s="12"/>
    </row>
    <row r="6859" spans="8:8">
      <c r="H6859" s="12"/>
    </row>
    <row r="6860" spans="8:8">
      <c r="H6860" s="12"/>
    </row>
    <row r="6861" spans="8:8">
      <c r="H6861" s="12"/>
    </row>
    <row r="6862" spans="8:8">
      <c r="H6862" s="12"/>
    </row>
    <row r="6863" spans="8:8">
      <c r="H6863" s="12"/>
    </row>
    <row r="6864" spans="8:8">
      <c r="H6864" s="12"/>
    </row>
    <row r="6865" spans="8:8">
      <c r="H6865" s="12"/>
    </row>
    <row r="6866" spans="8:8">
      <c r="H6866" s="12"/>
    </row>
    <row r="6867" spans="8:8">
      <c r="H6867" s="12"/>
    </row>
    <row r="6868" spans="8:8">
      <c r="H6868" s="12"/>
    </row>
    <row r="6869" spans="8:8">
      <c r="H6869" s="12"/>
    </row>
    <row r="6870" spans="8:8">
      <c r="H6870" s="12"/>
    </row>
    <row r="6871" spans="8:8">
      <c r="H6871" s="12"/>
    </row>
    <row r="6872" spans="8:8">
      <c r="H6872" s="12"/>
    </row>
    <row r="6873" spans="8:8">
      <c r="H6873" s="12"/>
    </row>
    <row r="6874" spans="8:8">
      <c r="H6874" s="12"/>
    </row>
    <row r="6875" spans="8:8">
      <c r="H6875" s="12"/>
    </row>
    <row r="6876" spans="8:8">
      <c r="H6876" s="12"/>
    </row>
    <row r="6877" spans="8:8">
      <c r="H6877" s="12"/>
    </row>
    <row r="6878" spans="8:8">
      <c r="H6878" s="12"/>
    </row>
    <row r="6879" spans="8:8">
      <c r="H6879" s="12"/>
    </row>
    <row r="6880" spans="8:8">
      <c r="H6880" s="12"/>
    </row>
    <row r="6881" spans="8:8">
      <c r="H6881" s="12"/>
    </row>
    <row r="6882" spans="8:8">
      <c r="H6882" s="12"/>
    </row>
    <row r="6883" spans="8:8">
      <c r="H6883" s="12"/>
    </row>
    <row r="6884" spans="8:8">
      <c r="H6884" s="12"/>
    </row>
    <row r="6885" spans="8:8">
      <c r="H6885" s="12"/>
    </row>
    <row r="6886" spans="8:8">
      <c r="H6886" s="12"/>
    </row>
    <row r="6887" spans="8:8">
      <c r="H6887" s="12"/>
    </row>
    <row r="6888" spans="8:8">
      <c r="H6888" s="12"/>
    </row>
    <row r="6889" spans="8:8">
      <c r="H6889" s="12"/>
    </row>
    <row r="6890" spans="8:8">
      <c r="H6890" s="12"/>
    </row>
    <row r="6891" spans="8:8">
      <c r="H6891" s="12"/>
    </row>
    <row r="6892" spans="8:8">
      <c r="H6892" s="12"/>
    </row>
    <row r="6893" spans="8:8">
      <c r="H6893" s="12"/>
    </row>
    <row r="6894" spans="8:8">
      <c r="H6894" s="12"/>
    </row>
    <row r="6895" spans="8:8">
      <c r="H6895" s="12"/>
    </row>
    <row r="6896" spans="8:8">
      <c r="H6896" s="12"/>
    </row>
    <row r="6897" spans="8:8">
      <c r="H6897" s="12"/>
    </row>
    <row r="6898" spans="8:8">
      <c r="H6898" s="12"/>
    </row>
    <row r="6899" spans="8:8">
      <c r="H6899" s="12"/>
    </row>
    <row r="6900" spans="8:8">
      <c r="H6900" s="12"/>
    </row>
    <row r="6901" spans="8:8">
      <c r="H6901" s="12"/>
    </row>
    <row r="6902" spans="8:8">
      <c r="H6902" s="12"/>
    </row>
    <row r="6903" spans="8:8">
      <c r="H6903" s="12"/>
    </row>
    <row r="6904" spans="8:8">
      <c r="H6904" s="12"/>
    </row>
    <row r="6905" spans="8:8">
      <c r="H6905" s="12"/>
    </row>
    <row r="6906" spans="8:8">
      <c r="H6906" s="12"/>
    </row>
    <row r="6907" spans="8:8">
      <c r="H6907" s="12"/>
    </row>
    <row r="6908" spans="8:8">
      <c r="H6908" s="12"/>
    </row>
    <row r="6909" spans="8:8">
      <c r="H6909" s="12"/>
    </row>
    <row r="6910" spans="8:8">
      <c r="H6910" s="12"/>
    </row>
    <row r="6911" spans="8:8">
      <c r="H6911" s="12"/>
    </row>
    <row r="6912" spans="8:8">
      <c r="H6912" s="12"/>
    </row>
    <row r="6913" spans="8:8">
      <c r="H6913" s="12"/>
    </row>
    <row r="6914" spans="8:8">
      <c r="H6914" s="12"/>
    </row>
    <row r="6915" spans="8:8">
      <c r="H6915" s="12"/>
    </row>
    <row r="6916" spans="8:8">
      <c r="H6916" s="12"/>
    </row>
    <row r="6917" spans="8:8">
      <c r="H6917" s="12"/>
    </row>
    <row r="6918" spans="8:8">
      <c r="H6918" s="12"/>
    </row>
    <row r="6919" spans="8:8">
      <c r="H6919" s="12"/>
    </row>
    <row r="6920" spans="8:8">
      <c r="H6920" s="12"/>
    </row>
    <row r="6921" spans="8:8">
      <c r="H6921" s="12"/>
    </row>
    <row r="6922" spans="8:8">
      <c r="H6922" s="12"/>
    </row>
    <row r="6923" spans="8:8">
      <c r="H6923" s="12"/>
    </row>
    <row r="6924" spans="8:8">
      <c r="H6924" s="12"/>
    </row>
    <row r="6925" spans="8:8">
      <c r="H6925" s="12"/>
    </row>
    <row r="6926" spans="8:8">
      <c r="H6926" s="12"/>
    </row>
    <row r="6927" spans="8:8">
      <c r="H6927" s="12"/>
    </row>
    <row r="6928" spans="8:8">
      <c r="H6928" s="12"/>
    </row>
    <row r="6929" spans="8:8">
      <c r="H6929" s="12"/>
    </row>
    <row r="6930" spans="8:8">
      <c r="H6930" s="12"/>
    </row>
    <row r="6931" spans="8:8">
      <c r="H6931" s="12"/>
    </row>
    <row r="6932" spans="8:8">
      <c r="H6932" s="12"/>
    </row>
    <row r="6933" spans="8:8">
      <c r="H6933" s="12"/>
    </row>
    <row r="6934" spans="8:8">
      <c r="H6934" s="12"/>
    </row>
    <row r="6935" spans="8:8">
      <c r="H6935" s="12"/>
    </row>
    <row r="6936" spans="8:8">
      <c r="H6936" s="12"/>
    </row>
    <row r="6937" spans="8:8">
      <c r="H6937" s="12"/>
    </row>
    <row r="6938" spans="8:8">
      <c r="H6938" s="12"/>
    </row>
    <row r="6939" spans="8:8">
      <c r="H6939" s="12"/>
    </row>
    <row r="6940" spans="8:8">
      <c r="H6940" s="12"/>
    </row>
    <row r="6941" spans="8:8">
      <c r="H6941" s="12"/>
    </row>
    <row r="6942" spans="8:8">
      <c r="H6942" s="12"/>
    </row>
    <row r="6943" spans="8:8">
      <c r="H6943" s="12"/>
    </row>
    <row r="6944" spans="8:8">
      <c r="H6944" s="12"/>
    </row>
    <row r="6945" spans="8:8">
      <c r="H6945" s="12"/>
    </row>
    <row r="6946" spans="8:8">
      <c r="H6946" s="12"/>
    </row>
    <row r="6947" spans="8:8">
      <c r="H6947" s="12"/>
    </row>
    <row r="6948" spans="8:8">
      <c r="H6948" s="12"/>
    </row>
    <row r="6949" spans="8:8">
      <c r="H6949" s="12"/>
    </row>
    <row r="6950" spans="8:8">
      <c r="H6950" s="12"/>
    </row>
    <row r="6951" spans="8:8">
      <c r="H6951" s="12"/>
    </row>
    <row r="6952" spans="8:8">
      <c r="H6952" s="12"/>
    </row>
    <row r="6953" spans="8:8">
      <c r="H6953" s="12"/>
    </row>
    <row r="6954" spans="8:8">
      <c r="H6954" s="12"/>
    </row>
    <row r="6955" spans="8:8">
      <c r="H6955" s="12"/>
    </row>
    <row r="6956" spans="8:8">
      <c r="H6956" s="12"/>
    </row>
    <row r="6957" spans="8:8">
      <c r="H6957" s="12"/>
    </row>
    <row r="6958" spans="8:8">
      <c r="H6958" s="12"/>
    </row>
    <row r="6959" spans="8:8">
      <c r="H6959" s="12"/>
    </row>
    <row r="6960" spans="8:8">
      <c r="H6960" s="12"/>
    </row>
    <row r="6961" spans="8:8">
      <c r="H6961" s="12"/>
    </row>
    <row r="6962" spans="8:8">
      <c r="H6962" s="12"/>
    </row>
    <row r="6963" spans="8:8">
      <c r="H6963" s="12"/>
    </row>
    <row r="6964" spans="8:8">
      <c r="H6964" s="12"/>
    </row>
    <row r="6965" spans="8:8">
      <c r="H6965" s="12"/>
    </row>
    <row r="6966" spans="8:8">
      <c r="H6966" s="12"/>
    </row>
    <row r="6967" spans="8:8">
      <c r="H6967" s="12"/>
    </row>
    <row r="6968" spans="8:8">
      <c r="H6968" s="12"/>
    </row>
    <row r="6969" spans="8:8">
      <c r="H6969" s="12"/>
    </row>
    <row r="6970" spans="8:8">
      <c r="H6970" s="12"/>
    </row>
    <row r="6971" spans="8:8">
      <c r="H6971" s="12"/>
    </row>
    <row r="6972" spans="8:8">
      <c r="H6972" s="12"/>
    </row>
    <row r="6973" spans="8:8">
      <c r="H6973" s="12"/>
    </row>
    <row r="6974" spans="8:8">
      <c r="H6974" s="12"/>
    </row>
    <row r="6975" spans="8:8">
      <c r="H6975" s="12"/>
    </row>
    <row r="6976" spans="8:8">
      <c r="H6976" s="12"/>
    </row>
    <row r="6977" spans="8:8">
      <c r="H6977" s="12"/>
    </row>
    <row r="6978" spans="8:8">
      <c r="H6978" s="12"/>
    </row>
    <row r="6979" spans="8:8">
      <c r="H6979" s="12"/>
    </row>
    <row r="6980" spans="8:8">
      <c r="H6980" s="12"/>
    </row>
    <row r="6981" spans="8:8">
      <c r="H6981" s="12"/>
    </row>
    <row r="6982" spans="8:8">
      <c r="H6982" s="12"/>
    </row>
    <row r="6983" spans="8:8">
      <c r="H6983" s="12"/>
    </row>
    <row r="6984" spans="8:8">
      <c r="H6984" s="12"/>
    </row>
    <row r="6985" spans="8:8">
      <c r="H6985" s="12"/>
    </row>
    <row r="6986" spans="8:8">
      <c r="H6986" s="12"/>
    </row>
    <row r="6987" spans="8:8">
      <c r="H6987" s="12"/>
    </row>
    <row r="6988" spans="8:8">
      <c r="H6988" s="12"/>
    </row>
    <row r="6989" spans="8:8">
      <c r="H6989" s="12"/>
    </row>
    <row r="6990" spans="8:8">
      <c r="H6990" s="12"/>
    </row>
    <row r="6991" spans="8:8">
      <c r="H6991" s="12"/>
    </row>
    <row r="6992" spans="8:8">
      <c r="H6992" s="12"/>
    </row>
    <row r="6993" spans="8:8">
      <c r="H6993" s="12"/>
    </row>
    <row r="6994" spans="8:8">
      <c r="H6994" s="12"/>
    </row>
    <row r="6995" spans="8:8">
      <c r="H6995" s="12"/>
    </row>
    <row r="6996" spans="8:8">
      <c r="H6996" s="12"/>
    </row>
    <row r="6997" spans="8:8">
      <c r="H6997" s="12"/>
    </row>
    <row r="6998" spans="8:8">
      <c r="H6998" s="12"/>
    </row>
    <row r="6999" spans="8:8">
      <c r="H6999" s="12"/>
    </row>
    <row r="7000" spans="8:8">
      <c r="H7000" s="12"/>
    </row>
    <row r="7001" spans="8:8">
      <c r="H7001" s="12"/>
    </row>
    <row r="7002" spans="8:8">
      <c r="H7002" s="12"/>
    </row>
    <row r="7003" spans="8:8">
      <c r="H7003" s="12"/>
    </row>
    <row r="7004" spans="8:8">
      <c r="H7004" s="12"/>
    </row>
    <row r="7005" spans="8:8">
      <c r="H7005" s="12"/>
    </row>
    <row r="7006" spans="8:8">
      <c r="H7006" s="12"/>
    </row>
    <row r="7007" spans="8:8">
      <c r="H7007" s="12"/>
    </row>
    <row r="7008" spans="8:8">
      <c r="H7008" s="12"/>
    </row>
    <row r="7009" spans="8:8">
      <c r="H7009" s="12"/>
    </row>
    <row r="7010" spans="8:8">
      <c r="H7010" s="12"/>
    </row>
    <row r="7011" spans="8:8">
      <c r="H7011" s="12"/>
    </row>
    <row r="7012" spans="8:8">
      <c r="H7012" s="12"/>
    </row>
    <row r="7013" spans="8:8">
      <c r="H7013" s="12"/>
    </row>
    <row r="7014" spans="8:8">
      <c r="H7014" s="12"/>
    </row>
    <row r="7015" spans="8:8">
      <c r="H7015" s="12"/>
    </row>
    <row r="7016" spans="8:8">
      <c r="H7016" s="12"/>
    </row>
    <row r="7017" spans="8:8">
      <c r="H7017" s="12"/>
    </row>
    <row r="7018" spans="8:8">
      <c r="H7018" s="12"/>
    </row>
    <row r="7019" spans="8:8">
      <c r="H7019" s="12"/>
    </row>
    <row r="7020" spans="8:8">
      <c r="H7020" s="12"/>
    </row>
    <row r="7021" spans="8:8">
      <c r="H7021" s="12"/>
    </row>
    <row r="7022" spans="8:8">
      <c r="H7022" s="12"/>
    </row>
    <row r="7023" spans="8:8">
      <c r="H7023" s="12"/>
    </row>
    <row r="7024" spans="8:8">
      <c r="H7024" s="12"/>
    </row>
    <row r="7025" spans="8:8">
      <c r="H7025" s="12"/>
    </row>
    <row r="7026" spans="8:8">
      <c r="H7026" s="12"/>
    </row>
    <row r="7027" spans="8:8">
      <c r="H7027" s="12"/>
    </row>
    <row r="7028" spans="8:8">
      <c r="H7028" s="12"/>
    </row>
    <row r="7029" spans="8:8">
      <c r="H7029" s="12"/>
    </row>
    <row r="7030" spans="8:8">
      <c r="H7030" s="12"/>
    </row>
    <row r="7031" spans="8:8">
      <c r="H7031" s="12"/>
    </row>
    <row r="7032" spans="8:8">
      <c r="H7032" s="12"/>
    </row>
    <row r="7033" spans="8:8">
      <c r="H7033" s="12"/>
    </row>
    <row r="7034" spans="8:8">
      <c r="H7034" s="12"/>
    </row>
    <row r="7035" spans="8:8">
      <c r="H7035" s="12"/>
    </row>
    <row r="7036" spans="8:8">
      <c r="H7036" s="12"/>
    </row>
    <row r="7037" spans="8:8">
      <c r="H7037" s="12"/>
    </row>
    <row r="7038" spans="8:8">
      <c r="H7038" s="12"/>
    </row>
    <row r="7039" spans="8:8">
      <c r="H7039" s="12"/>
    </row>
    <row r="7040" spans="8:8">
      <c r="H7040" s="12"/>
    </row>
    <row r="7041" spans="8:8">
      <c r="H7041" s="12"/>
    </row>
    <row r="7042" spans="8:8">
      <c r="H7042" s="12"/>
    </row>
    <row r="7043" spans="8:8">
      <c r="H7043" s="12"/>
    </row>
    <row r="7044" spans="8:8">
      <c r="H7044" s="12"/>
    </row>
    <row r="7045" spans="8:8">
      <c r="H7045" s="12"/>
    </row>
    <row r="7046" spans="8:8">
      <c r="H7046" s="12"/>
    </row>
    <row r="7047" spans="8:8">
      <c r="H7047" s="12"/>
    </row>
    <row r="7048" spans="8:8">
      <c r="H7048" s="12"/>
    </row>
    <row r="7049" spans="8:8">
      <c r="H7049" s="12"/>
    </row>
    <row r="7050" spans="8:8">
      <c r="H7050" s="12"/>
    </row>
    <row r="7051" spans="8:8">
      <c r="H7051" s="12"/>
    </row>
    <row r="7052" spans="8:8">
      <c r="H7052" s="12"/>
    </row>
    <row r="7053" spans="8:8">
      <c r="H7053" s="12"/>
    </row>
    <row r="7054" spans="8:8">
      <c r="H7054" s="12"/>
    </row>
    <row r="7055" spans="8:8">
      <c r="H7055" s="12"/>
    </row>
    <row r="7056" spans="8:8">
      <c r="H7056" s="12"/>
    </row>
    <row r="7057" spans="8:8">
      <c r="H7057" s="12"/>
    </row>
    <row r="7058" spans="8:8">
      <c r="H7058" s="12"/>
    </row>
    <row r="7059" spans="8:8">
      <c r="H7059" s="12"/>
    </row>
    <row r="7060" spans="8:8">
      <c r="H7060" s="12"/>
    </row>
    <row r="7061" spans="8:8">
      <c r="H7061" s="12"/>
    </row>
    <row r="7062" spans="8:8">
      <c r="H7062" s="12"/>
    </row>
    <row r="7063" spans="8:8">
      <c r="H7063" s="12"/>
    </row>
    <row r="7064" spans="8:8">
      <c r="H7064" s="12"/>
    </row>
    <row r="7065" spans="8:8">
      <c r="H7065" s="12"/>
    </row>
    <row r="7066" spans="8:8">
      <c r="H7066" s="12"/>
    </row>
    <row r="7067" spans="8:8">
      <c r="H7067" s="12"/>
    </row>
    <row r="7068" spans="8:8">
      <c r="H7068" s="12"/>
    </row>
    <row r="7069" spans="8:8">
      <c r="H7069" s="12"/>
    </row>
    <row r="7070" spans="8:8">
      <c r="H7070" s="12"/>
    </row>
    <row r="7071" spans="8:8">
      <c r="H7071" s="12"/>
    </row>
    <row r="7072" spans="8:8">
      <c r="H7072" s="12"/>
    </row>
    <row r="7073" spans="8:8">
      <c r="H7073" s="12"/>
    </row>
    <row r="7074" spans="8:8">
      <c r="H7074" s="12"/>
    </row>
    <row r="7075" spans="8:8">
      <c r="H7075" s="12"/>
    </row>
    <row r="7076" spans="8:8">
      <c r="H7076" s="12"/>
    </row>
    <row r="7077" spans="8:8">
      <c r="H7077" s="12"/>
    </row>
    <row r="7078" spans="8:8">
      <c r="H7078" s="12"/>
    </row>
    <row r="7079" spans="8:8">
      <c r="H7079" s="12"/>
    </row>
    <row r="7080" spans="8:8">
      <c r="H7080" s="12"/>
    </row>
    <row r="7081" spans="8:8">
      <c r="H7081" s="12"/>
    </row>
    <row r="7082" spans="8:8">
      <c r="H7082" s="12"/>
    </row>
    <row r="7083" spans="8:8">
      <c r="H7083" s="12"/>
    </row>
    <row r="7084" spans="8:8">
      <c r="H7084" s="12"/>
    </row>
    <row r="7085" spans="8:8">
      <c r="H7085" s="12"/>
    </row>
    <row r="7086" spans="8:8">
      <c r="H7086" s="12"/>
    </row>
    <row r="7087" spans="8:8">
      <c r="H7087" s="12"/>
    </row>
    <row r="7088" spans="8:8">
      <c r="H7088" s="12"/>
    </row>
    <row r="7089" spans="8:8">
      <c r="H7089" s="12"/>
    </row>
    <row r="7090" spans="8:8">
      <c r="H7090" s="12"/>
    </row>
    <row r="7091" spans="8:8">
      <c r="H7091" s="12"/>
    </row>
    <row r="7092" spans="8:8">
      <c r="H7092" s="12"/>
    </row>
    <row r="7093" spans="8:8">
      <c r="H7093" s="12"/>
    </row>
    <row r="7094" spans="8:8">
      <c r="H7094" s="12"/>
    </row>
    <row r="7095" spans="8:8">
      <c r="H7095" s="12"/>
    </row>
    <row r="7096" spans="8:8">
      <c r="H7096" s="12"/>
    </row>
    <row r="7097" spans="8:8">
      <c r="H7097" s="12"/>
    </row>
    <row r="7098" spans="8:8">
      <c r="H7098" s="12"/>
    </row>
    <row r="7099" spans="8:8">
      <c r="H7099" s="12"/>
    </row>
    <row r="7100" spans="8:8">
      <c r="H7100" s="12"/>
    </row>
    <row r="7101" spans="8:8">
      <c r="H7101" s="12"/>
    </row>
    <row r="7102" spans="8:8">
      <c r="H7102" s="12"/>
    </row>
    <row r="7103" spans="8:8">
      <c r="H7103" s="12"/>
    </row>
    <row r="7104" spans="8:8">
      <c r="H7104" s="12"/>
    </row>
    <row r="7105" spans="8:8">
      <c r="H7105" s="12"/>
    </row>
    <row r="7106" spans="8:8">
      <c r="H7106" s="12"/>
    </row>
    <row r="7107" spans="8:8">
      <c r="H7107" s="12"/>
    </row>
    <row r="7108" spans="8:8">
      <c r="H7108" s="12"/>
    </row>
    <row r="7109" spans="8:8">
      <c r="H7109" s="12"/>
    </row>
    <row r="7110" spans="8:8">
      <c r="H7110" s="12"/>
    </row>
    <row r="7111" spans="8:8">
      <c r="H7111" s="12"/>
    </row>
    <row r="7112" spans="8:8">
      <c r="H7112" s="12"/>
    </row>
    <row r="7113" spans="8:8">
      <c r="H7113" s="12"/>
    </row>
    <row r="7114" spans="8:8">
      <c r="H7114" s="12"/>
    </row>
    <row r="7115" spans="8:8">
      <c r="H7115" s="12"/>
    </row>
    <row r="7116" spans="8:8">
      <c r="H7116" s="12"/>
    </row>
    <row r="7117" spans="8:8">
      <c r="H7117" s="12"/>
    </row>
    <row r="7118" spans="8:8">
      <c r="H7118" s="12"/>
    </row>
    <row r="7119" spans="8:8">
      <c r="H7119" s="12"/>
    </row>
    <row r="7120" spans="8:8">
      <c r="H7120" s="12"/>
    </row>
    <row r="7121" spans="8:8">
      <c r="H7121" s="12"/>
    </row>
    <row r="7122" spans="8:8">
      <c r="H7122" s="12"/>
    </row>
    <row r="7123" spans="8:8">
      <c r="H7123" s="12"/>
    </row>
    <row r="7124" spans="8:8">
      <c r="H7124" s="12"/>
    </row>
    <row r="7125" spans="8:8">
      <c r="H7125" s="12"/>
    </row>
    <row r="7126" spans="8:8">
      <c r="H7126" s="12"/>
    </row>
    <row r="7127" spans="8:8">
      <c r="H7127" s="12"/>
    </row>
    <row r="7128" spans="8:8">
      <c r="H7128" s="12"/>
    </row>
    <row r="7129" spans="8:8">
      <c r="H7129" s="12"/>
    </row>
    <row r="7130" spans="8:8">
      <c r="H7130" s="12"/>
    </row>
    <row r="7131" spans="8:8">
      <c r="H7131" s="12"/>
    </row>
    <row r="7132" spans="8:8">
      <c r="H7132" s="12"/>
    </row>
    <row r="7133" spans="8:8">
      <c r="H7133" s="12"/>
    </row>
    <row r="7134" spans="8:8">
      <c r="H7134" s="12"/>
    </row>
    <row r="7135" spans="8:8">
      <c r="H7135" s="12"/>
    </row>
    <row r="7136" spans="8:8">
      <c r="H7136" s="12"/>
    </row>
    <row r="7137" spans="8:8">
      <c r="H7137" s="12"/>
    </row>
    <row r="7138" spans="8:8">
      <c r="H7138" s="12"/>
    </row>
    <row r="7139" spans="8:8">
      <c r="H7139" s="12"/>
    </row>
    <row r="7140" spans="8:8">
      <c r="H7140" s="12"/>
    </row>
    <row r="7141" spans="8:8">
      <c r="H7141" s="12"/>
    </row>
    <row r="7142" spans="8:8">
      <c r="H7142" s="12"/>
    </row>
    <row r="7143" spans="8:8">
      <c r="H7143" s="12"/>
    </row>
    <row r="7144" spans="8:8">
      <c r="H7144" s="12"/>
    </row>
    <row r="7145" spans="8:8">
      <c r="H7145" s="12"/>
    </row>
    <row r="7146" spans="8:8">
      <c r="H7146" s="12"/>
    </row>
    <row r="7147" spans="8:8">
      <c r="H7147" s="12"/>
    </row>
    <row r="7148" spans="8:8">
      <c r="H7148" s="12"/>
    </row>
    <row r="7149" spans="8:8">
      <c r="H7149" s="12"/>
    </row>
    <row r="7150" spans="8:8">
      <c r="H7150" s="12"/>
    </row>
    <row r="7151" spans="8:8">
      <c r="H7151" s="12"/>
    </row>
    <row r="7152" spans="8:8">
      <c r="H7152" s="12"/>
    </row>
    <row r="7153" spans="8:8">
      <c r="H7153" s="12"/>
    </row>
    <row r="7154" spans="8:8">
      <c r="H7154" s="12"/>
    </row>
    <row r="7155" spans="8:8">
      <c r="H7155" s="12"/>
    </row>
    <row r="7156" spans="8:8">
      <c r="H7156" s="12"/>
    </row>
    <row r="7157" spans="8:8">
      <c r="H7157" s="12"/>
    </row>
    <row r="7158" spans="8:8">
      <c r="H7158" s="12"/>
    </row>
    <row r="7159" spans="8:8">
      <c r="H7159" s="12"/>
    </row>
    <row r="7160" spans="8:8">
      <c r="H7160" s="12"/>
    </row>
    <row r="7161" spans="8:8">
      <c r="H7161" s="12"/>
    </row>
    <row r="7162" spans="8:8">
      <c r="H7162" s="12"/>
    </row>
    <row r="7163" spans="8:8">
      <c r="H7163" s="12"/>
    </row>
    <row r="7164" spans="8:8">
      <c r="H7164" s="12"/>
    </row>
    <row r="7165" spans="8:8">
      <c r="H7165" s="12"/>
    </row>
    <row r="7166" spans="8:8">
      <c r="H7166" s="12"/>
    </row>
    <row r="7167" spans="8:8">
      <c r="H7167" s="12"/>
    </row>
    <row r="7168" spans="8:8">
      <c r="H7168" s="12"/>
    </row>
    <row r="7169" spans="8:8">
      <c r="H7169" s="12"/>
    </row>
    <row r="7170" spans="8:8">
      <c r="H7170" s="12"/>
    </row>
    <row r="7171" spans="8:8">
      <c r="H7171" s="12"/>
    </row>
    <row r="7172" spans="8:8">
      <c r="H7172" s="12"/>
    </row>
    <row r="7173" spans="8:8">
      <c r="H7173" s="12"/>
    </row>
    <row r="7174" spans="8:8">
      <c r="H7174" s="12"/>
    </row>
    <row r="7175" spans="8:8">
      <c r="H7175" s="12"/>
    </row>
    <row r="7176" spans="8:8">
      <c r="H7176" s="12"/>
    </row>
    <row r="7177" spans="8:8">
      <c r="H7177" s="12"/>
    </row>
    <row r="7178" spans="8:8">
      <c r="H7178" s="12"/>
    </row>
    <row r="7179" spans="8:8">
      <c r="H7179" s="12"/>
    </row>
    <row r="7180" spans="8:8">
      <c r="H7180" s="12"/>
    </row>
    <row r="7181" spans="8:8">
      <c r="H7181" s="12"/>
    </row>
    <row r="7182" spans="8:8">
      <c r="H7182" s="12"/>
    </row>
    <row r="7183" spans="8:8">
      <c r="H7183" s="12"/>
    </row>
    <row r="7184" spans="8:8">
      <c r="H7184" s="12"/>
    </row>
    <row r="7185" spans="8:8">
      <c r="H7185" s="12"/>
    </row>
    <row r="7186" spans="8:8">
      <c r="H7186" s="12"/>
    </row>
    <row r="7187" spans="8:8">
      <c r="H7187" s="12"/>
    </row>
    <row r="7188" spans="8:8">
      <c r="H7188" s="12"/>
    </row>
    <row r="7189" spans="8:8">
      <c r="H7189" s="12"/>
    </row>
    <row r="7190" spans="8:8">
      <c r="H7190" s="12"/>
    </row>
    <row r="7191" spans="8:8">
      <c r="H7191" s="12"/>
    </row>
    <row r="7192" spans="8:8">
      <c r="H7192" s="12"/>
    </row>
    <row r="7193" spans="8:8">
      <c r="H7193" s="12"/>
    </row>
    <row r="7194" spans="8:8">
      <c r="H7194" s="12"/>
    </row>
    <row r="7195" spans="8:8">
      <c r="H7195" s="12"/>
    </row>
    <row r="7196" spans="8:8">
      <c r="H7196" s="12"/>
    </row>
    <row r="7197" spans="8:8">
      <c r="H7197" s="12"/>
    </row>
    <row r="7198" spans="8:8">
      <c r="H7198" s="12"/>
    </row>
    <row r="7199" spans="8:8">
      <c r="H7199" s="12"/>
    </row>
    <row r="7200" spans="8:8">
      <c r="H7200" s="12"/>
    </row>
    <row r="7201" spans="8:8">
      <c r="H7201" s="12"/>
    </row>
    <row r="7202" spans="8:8">
      <c r="H7202" s="12"/>
    </row>
    <row r="7203" spans="8:8">
      <c r="H7203" s="12"/>
    </row>
    <row r="7204" spans="8:8">
      <c r="H7204" s="12"/>
    </row>
    <row r="7205" spans="8:8">
      <c r="H7205" s="12"/>
    </row>
    <row r="7206" spans="8:8">
      <c r="H7206" s="12"/>
    </row>
    <row r="7207" spans="8:8">
      <c r="H7207" s="12"/>
    </row>
    <row r="7208" spans="8:8">
      <c r="H7208" s="12"/>
    </row>
    <row r="7209" spans="8:8">
      <c r="H7209" s="12"/>
    </row>
    <row r="7210" spans="8:8">
      <c r="H7210" s="12"/>
    </row>
    <row r="7211" spans="8:8">
      <c r="H7211" s="12"/>
    </row>
    <row r="7212" spans="8:8">
      <c r="H7212" s="12"/>
    </row>
    <row r="7213" spans="8:8">
      <c r="H7213" s="12"/>
    </row>
    <row r="7214" spans="8:8">
      <c r="H7214" s="12"/>
    </row>
    <row r="7215" spans="8:8">
      <c r="H7215" s="12"/>
    </row>
    <row r="7216" spans="8:8">
      <c r="H7216" s="12"/>
    </row>
    <row r="7217" spans="8:8">
      <c r="H7217" s="12"/>
    </row>
    <row r="7218" spans="8:8">
      <c r="H7218" s="12"/>
    </row>
    <row r="7219" spans="8:8">
      <c r="H7219" s="12"/>
    </row>
    <row r="7220" spans="8:8">
      <c r="H7220" s="12"/>
    </row>
    <row r="7221" spans="8:8">
      <c r="H7221" s="12"/>
    </row>
    <row r="7222" spans="8:8">
      <c r="H7222" s="12"/>
    </row>
    <row r="7223" spans="8:8">
      <c r="H7223" s="12"/>
    </row>
    <row r="7224" spans="8:8">
      <c r="H7224" s="12"/>
    </row>
    <row r="7225" spans="8:8">
      <c r="H7225" s="12"/>
    </row>
    <row r="7226" spans="8:8">
      <c r="H7226" s="12"/>
    </row>
    <row r="7227" spans="8:8">
      <c r="H7227" s="12"/>
    </row>
    <row r="7228" spans="8:8">
      <c r="H7228" s="12"/>
    </row>
    <row r="7229" spans="8:8">
      <c r="H7229" s="12"/>
    </row>
    <row r="7230" spans="8:8">
      <c r="H7230" s="12"/>
    </row>
    <row r="7231" spans="8:8">
      <c r="H7231" s="12"/>
    </row>
    <row r="7232" spans="8:8">
      <c r="H7232" s="12"/>
    </row>
    <row r="7233" spans="8:8">
      <c r="H7233" s="12"/>
    </row>
    <row r="7234" spans="8:8">
      <c r="H7234" s="12"/>
    </row>
    <row r="7235" spans="8:8">
      <c r="H7235" s="12"/>
    </row>
    <row r="7236" spans="8:8">
      <c r="H7236" s="12"/>
    </row>
    <row r="7237" spans="8:8">
      <c r="H7237" s="12"/>
    </row>
    <row r="7238" spans="8:8">
      <c r="H7238" s="12"/>
    </row>
    <row r="7239" spans="8:8">
      <c r="H7239" s="12"/>
    </row>
    <row r="7240" spans="8:8">
      <c r="H7240" s="12"/>
    </row>
    <row r="7241" spans="8:8">
      <c r="H7241" s="12"/>
    </row>
    <row r="7242" spans="8:8">
      <c r="H7242" s="12"/>
    </row>
    <row r="7243" spans="8:8">
      <c r="H7243" s="12"/>
    </row>
    <row r="7244" spans="8:8">
      <c r="H7244" s="12"/>
    </row>
    <row r="7245" spans="8:8">
      <c r="H7245" s="12"/>
    </row>
    <row r="7246" spans="8:8">
      <c r="H7246" s="12"/>
    </row>
    <row r="7247" spans="8:8">
      <c r="H7247" s="12"/>
    </row>
    <row r="7248" spans="8:8">
      <c r="H7248" s="12"/>
    </row>
    <row r="7249" spans="8:8">
      <c r="H7249" s="12"/>
    </row>
    <row r="7250" spans="8:8">
      <c r="H7250" s="12"/>
    </row>
    <row r="7251" spans="8:8">
      <c r="H7251" s="12"/>
    </row>
    <row r="7252" spans="8:8">
      <c r="H7252" s="12"/>
    </row>
    <row r="7253" spans="8:8">
      <c r="H7253" s="12"/>
    </row>
    <row r="7254" spans="8:8">
      <c r="H7254" s="12"/>
    </row>
    <row r="7255" spans="8:8">
      <c r="H7255" s="12"/>
    </row>
    <row r="7256" spans="8:8">
      <c r="H7256" s="12"/>
    </row>
    <row r="7257" spans="8:8">
      <c r="H7257" s="12"/>
    </row>
    <row r="7258" spans="8:8">
      <c r="H7258" s="12"/>
    </row>
    <row r="7259" spans="8:8">
      <c r="H7259" s="12"/>
    </row>
    <row r="7260" spans="8:8">
      <c r="H7260" s="12"/>
    </row>
    <row r="7261" spans="8:8">
      <c r="H7261" s="12"/>
    </row>
    <row r="7262" spans="8:8">
      <c r="H7262" s="12"/>
    </row>
    <row r="7263" spans="8:8">
      <c r="H7263" s="12"/>
    </row>
    <row r="7264" spans="8:8">
      <c r="H7264" s="12"/>
    </row>
    <row r="7265" spans="8:8">
      <c r="H7265" s="12"/>
    </row>
    <row r="7266" spans="8:8">
      <c r="H7266" s="12"/>
    </row>
    <row r="7267" spans="8:8">
      <c r="H7267" s="12"/>
    </row>
    <row r="7268" spans="8:8">
      <c r="H7268" s="12"/>
    </row>
    <row r="7269" spans="8:8">
      <c r="H7269" s="12"/>
    </row>
    <row r="7270" spans="8:8">
      <c r="H7270" s="12"/>
    </row>
    <row r="7271" spans="8:8">
      <c r="H7271" s="12"/>
    </row>
    <row r="7272" spans="8:8">
      <c r="H7272" s="12"/>
    </row>
    <row r="7273" spans="8:8">
      <c r="H7273" s="12"/>
    </row>
    <row r="7274" spans="8:8">
      <c r="H7274" s="12"/>
    </row>
    <row r="7275" spans="8:8">
      <c r="H7275" s="12"/>
    </row>
    <row r="7276" spans="8:8">
      <c r="H7276" s="12"/>
    </row>
    <row r="7277" spans="8:8">
      <c r="H7277" s="12"/>
    </row>
    <row r="7278" spans="8:8">
      <c r="H7278" s="12"/>
    </row>
    <row r="7279" spans="8:8">
      <c r="H7279" s="12"/>
    </row>
    <row r="7280" spans="8:8">
      <c r="H7280" s="12"/>
    </row>
    <row r="7281" spans="8:8">
      <c r="H7281" s="12"/>
    </row>
    <row r="7282" spans="8:8">
      <c r="H7282" s="12"/>
    </row>
    <row r="7283" spans="8:8">
      <c r="H7283" s="12"/>
    </row>
    <row r="7284" spans="8:8">
      <c r="H7284" s="12"/>
    </row>
    <row r="7285" spans="8:8">
      <c r="H7285" s="12"/>
    </row>
    <row r="7286" spans="8:8">
      <c r="H7286" s="12"/>
    </row>
    <row r="7287" spans="8:8">
      <c r="H7287" s="12"/>
    </row>
    <row r="7288" spans="8:8">
      <c r="H7288" s="12"/>
    </row>
    <row r="7289" spans="8:8">
      <c r="H7289" s="12"/>
    </row>
    <row r="7290" spans="8:8">
      <c r="H7290" s="12"/>
    </row>
    <row r="7291" spans="8:8">
      <c r="H7291" s="12"/>
    </row>
    <row r="7292" spans="8:8">
      <c r="H7292" s="12"/>
    </row>
    <row r="7293" spans="8:8">
      <c r="H7293" s="12"/>
    </row>
    <row r="7294" spans="8:8">
      <c r="H7294" s="12"/>
    </row>
    <row r="7295" spans="8:8">
      <c r="H7295" s="12"/>
    </row>
    <row r="7296" spans="8:8">
      <c r="H7296" s="12"/>
    </row>
    <row r="7297" spans="8:8">
      <c r="H7297" s="12"/>
    </row>
    <row r="7298" spans="8:8">
      <c r="H7298" s="12"/>
    </row>
    <row r="7299" spans="8:8">
      <c r="H7299" s="12"/>
    </row>
    <row r="7300" spans="8:8">
      <c r="H7300" s="12"/>
    </row>
    <row r="7301" spans="8:8">
      <c r="H7301" s="12"/>
    </row>
    <row r="7302" spans="8:8">
      <c r="H7302" s="12"/>
    </row>
    <row r="7303" spans="8:8">
      <c r="H7303" s="12"/>
    </row>
    <row r="7304" spans="8:8">
      <c r="H7304" s="12"/>
    </row>
    <row r="7305" spans="8:8">
      <c r="H7305" s="12"/>
    </row>
    <row r="7306" spans="8:8">
      <c r="H7306" s="12"/>
    </row>
    <row r="7307" spans="8:8">
      <c r="H7307" s="12"/>
    </row>
    <row r="7308" spans="8:8">
      <c r="H7308" s="12"/>
    </row>
    <row r="7309" spans="8:8">
      <c r="H7309" s="12"/>
    </row>
    <row r="7310" spans="8:8">
      <c r="H7310" s="12"/>
    </row>
    <row r="7311" spans="8:8">
      <c r="H7311" s="12"/>
    </row>
    <row r="7312" spans="8:8">
      <c r="H7312" s="12"/>
    </row>
    <row r="7313" spans="8:8">
      <c r="H7313" s="12"/>
    </row>
    <row r="7314" spans="8:8">
      <c r="H7314" s="12"/>
    </row>
    <row r="7315" spans="8:8">
      <c r="H7315" s="12"/>
    </row>
    <row r="7316" spans="8:8">
      <c r="H7316" s="12"/>
    </row>
    <row r="7317" spans="8:8">
      <c r="H7317" s="12"/>
    </row>
    <row r="7318" spans="8:8">
      <c r="H7318" s="12"/>
    </row>
    <row r="7319" spans="8:8">
      <c r="H7319" s="12"/>
    </row>
    <row r="7320" spans="8:8">
      <c r="H7320" s="12"/>
    </row>
    <row r="7321" spans="8:8">
      <c r="H7321" s="12"/>
    </row>
    <row r="7322" spans="8:8">
      <c r="H7322" s="12"/>
    </row>
    <row r="7323" spans="8:8">
      <c r="H7323" s="12"/>
    </row>
    <row r="7324" spans="8:8">
      <c r="H7324" s="12"/>
    </row>
    <row r="7325" spans="8:8">
      <c r="H7325" s="12"/>
    </row>
    <row r="7326" spans="8:8">
      <c r="H7326" s="12"/>
    </row>
    <row r="7327" spans="8:8">
      <c r="H7327" s="12"/>
    </row>
    <row r="7328" spans="8:8">
      <c r="H7328" s="12"/>
    </row>
    <row r="7329" spans="8:8">
      <c r="H7329" s="12"/>
    </row>
    <row r="7330" spans="8:8">
      <c r="H7330" s="12"/>
    </row>
    <row r="7331" spans="8:8">
      <c r="H7331" s="12"/>
    </row>
    <row r="7332" spans="8:8">
      <c r="H7332" s="12"/>
    </row>
    <row r="7333" spans="8:8">
      <c r="H7333" s="12"/>
    </row>
    <row r="7334" spans="8:8">
      <c r="H7334" s="12"/>
    </row>
    <row r="7335" spans="8:8">
      <c r="H7335" s="12"/>
    </row>
    <row r="7336" spans="8:8">
      <c r="H7336" s="12"/>
    </row>
    <row r="7337" spans="8:8">
      <c r="H7337" s="12"/>
    </row>
    <row r="7338" spans="8:8">
      <c r="H7338" s="12"/>
    </row>
    <row r="7339" spans="8:8">
      <c r="H7339" s="12"/>
    </row>
    <row r="7340" spans="8:8">
      <c r="H7340" s="12"/>
    </row>
    <row r="7341" spans="8:8">
      <c r="H7341" s="12"/>
    </row>
    <row r="7342" spans="8:8">
      <c r="H7342" s="12"/>
    </row>
    <row r="7343" spans="8:8">
      <c r="H7343" s="12"/>
    </row>
    <row r="7344" spans="8:8">
      <c r="H7344" s="12"/>
    </row>
    <row r="7345" spans="8:8">
      <c r="H7345" s="12"/>
    </row>
    <row r="7346" spans="8:8">
      <c r="H7346" s="12"/>
    </row>
    <row r="7347" spans="8:8">
      <c r="H7347" s="12"/>
    </row>
    <row r="7348" spans="8:8">
      <c r="H7348" s="12"/>
    </row>
    <row r="7349" spans="8:8">
      <c r="H7349" s="12"/>
    </row>
    <row r="7350" spans="8:8">
      <c r="H7350" s="12"/>
    </row>
    <row r="7351" spans="8:8">
      <c r="H7351" s="12"/>
    </row>
    <row r="7352" spans="8:8">
      <c r="H7352" s="12"/>
    </row>
    <row r="7353" spans="8:8">
      <c r="H7353" s="12"/>
    </row>
    <row r="7354" spans="8:8">
      <c r="H7354" s="12"/>
    </row>
    <row r="7355" spans="8:8">
      <c r="H7355" s="12"/>
    </row>
    <row r="7356" spans="8:8">
      <c r="H7356" s="12"/>
    </row>
    <row r="7357" spans="8:8">
      <c r="H7357" s="12"/>
    </row>
    <row r="7358" spans="8:8">
      <c r="H7358" s="12"/>
    </row>
    <row r="7359" spans="8:8">
      <c r="H7359" s="12"/>
    </row>
    <row r="7360" spans="8:8">
      <c r="H7360" s="12"/>
    </row>
    <row r="7361" spans="8:8">
      <c r="H7361" s="12"/>
    </row>
    <row r="7362" spans="8:8">
      <c r="H7362" s="12"/>
    </row>
    <row r="7363" spans="8:8">
      <c r="H7363" s="12"/>
    </row>
    <row r="7364" spans="8:8">
      <c r="H7364" s="12"/>
    </row>
    <row r="7365" spans="8:8">
      <c r="H7365" s="12"/>
    </row>
    <row r="7366" spans="8:8">
      <c r="H7366" s="12"/>
    </row>
    <row r="7367" spans="8:8">
      <c r="H7367" s="12"/>
    </row>
    <row r="7368" spans="8:8">
      <c r="H7368" s="12"/>
    </row>
    <row r="7369" spans="8:8">
      <c r="H7369" s="12"/>
    </row>
    <row r="7370" spans="8:8">
      <c r="H7370" s="12"/>
    </row>
    <row r="7371" spans="8:8">
      <c r="H7371" s="12"/>
    </row>
    <row r="7372" spans="8:8">
      <c r="H7372" s="12"/>
    </row>
    <row r="7373" spans="8:8">
      <c r="H7373" s="12"/>
    </row>
    <row r="7374" spans="8:8">
      <c r="H7374" s="12"/>
    </row>
    <row r="7375" spans="8:8">
      <c r="H7375" s="12"/>
    </row>
    <row r="7376" spans="8:8">
      <c r="H7376" s="12"/>
    </row>
    <row r="7377" spans="8:8">
      <c r="H7377" s="12"/>
    </row>
    <row r="7378" spans="8:8">
      <c r="H7378" s="12"/>
    </row>
    <row r="7379" spans="8:8">
      <c r="H7379" s="12"/>
    </row>
    <row r="7380" spans="8:8">
      <c r="H7380" s="12"/>
    </row>
    <row r="7381" spans="8:8">
      <c r="H7381" s="12"/>
    </row>
    <row r="7382" spans="8:8">
      <c r="H7382" s="12"/>
    </row>
    <row r="7383" spans="8:8">
      <c r="H7383" s="12"/>
    </row>
    <row r="7384" spans="8:8">
      <c r="H7384" s="12"/>
    </row>
    <row r="7385" spans="8:8">
      <c r="H7385" s="12"/>
    </row>
    <row r="7386" spans="8:8">
      <c r="H7386" s="12"/>
    </row>
    <row r="7387" spans="8:8">
      <c r="H7387" s="12"/>
    </row>
    <row r="7388" spans="8:8">
      <c r="H7388" s="12"/>
    </row>
    <row r="7389" spans="8:8">
      <c r="H7389" s="12"/>
    </row>
    <row r="7390" spans="8:8">
      <c r="H7390" s="12"/>
    </row>
    <row r="7391" spans="8:8">
      <c r="H7391" s="12"/>
    </row>
    <row r="7392" spans="8:8">
      <c r="H7392" s="12"/>
    </row>
    <row r="7393" spans="8:8">
      <c r="H7393" s="12"/>
    </row>
    <row r="7394" spans="8:8">
      <c r="H7394" s="12"/>
    </row>
    <row r="7395" spans="8:8">
      <c r="H7395" s="12"/>
    </row>
    <row r="7396" spans="8:8">
      <c r="H7396" s="12"/>
    </row>
    <row r="7397" spans="8:8">
      <c r="H7397" s="12"/>
    </row>
    <row r="7398" spans="8:8">
      <c r="H7398" s="12"/>
    </row>
    <row r="7399" spans="8:8">
      <c r="H7399" s="12"/>
    </row>
    <row r="7400" spans="8:8">
      <c r="H7400" s="12"/>
    </row>
    <row r="7401" spans="8:8">
      <c r="H7401" s="12"/>
    </row>
    <row r="7402" spans="8:8">
      <c r="H7402" s="12"/>
    </row>
    <row r="7403" spans="8:8">
      <c r="H7403" s="12"/>
    </row>
    <row r="7404" spans="8:8">
      <c r="H7404" s="12"/>
    </row>
    <row r="7405" spans="8:8">
      <c r="H7405" s="12"/>
    </row>
    <row r="7406" spans="8:8">
      <c r="H7406" s="12"/>
    </row>
    <row r="7407" spans="8:8">
      <c r="H7407" s="12"/>
    </row>
    <row r="7408" spans="8:8">
      <c r="H7408" s="12"/>
    </row>
    <row r="7409" spans="8:8">
      <c r="H7409" s="12"/>
    </row>
    <row r="7410" spans="8:8">
      <c r="H7410" s="12"/>
    </row>
    <row r="7411" spans="8:8">
      <c r="H7411" s="12"/>
    </row>
    <row r="7412" spans="8:8">
      <c r="H7412" s="12"/>
    </row>
    <row r="7413" spans="8:8">
      <c r="H7413" s="12"/>
    </row>
    <row r="7414" spans="8:8">
      <c r="H7414" s="12"/>
    </row>
    <row r="7415" spans="8:8">
      <c r="H7415" s="12"/>
    </row>
    <row r="7416" spans="8:8">
      <c r="H7416" s="12"/>
    </row>
    <row r="7417" spans="8:8">
      <c r="H7417" s="12"/>
    </row>
    <row r="7418" spans="8:8">
      <c r="H7418" s="12"/>
    </row>
    <row r="7419" spans="8:8">
      <c r="H7419" s="12"/>
    </row>
    <row r="7420" spans="8:8">
      <c r="H7420" s="12"/>
    </row>
    <row r="7421" spans="8:8">
      <c r="H7421" s="12"/>
    </row>
    <row r="7422" spans="8:8">
      <c r="H7422" s="12"/>
    </row>
    <row r="7423" spans="8:8">
      <c r="H7423" s="12"/>
    </row>
    <row r="7424" spans="8:8">
      <c r="H7424" s="12"/>
    </row>
    <row r="7425" spans="8:8">
      <c r="H7425" s="12"/>
    </row>
    <row r="7426" spans="8:8">
      <c r="H7426" s="12"/>
    </row>
    <row r="7427" spans="8:8">
      <c r="H7427" s="12"/>
    </row>
    <row r="7428" spans="8:8">
      <c r="H7428" s="12"/>
    </row>
    <row r="7429" spans="8:8">
      <c r="H7429" s="12"/>
    </row>
    <row r="7430" spans="8:8">
      <c r="H7430" s="12"/>
    </row>
    <row r="7431" spans="8:8">
      <c r="H7431" s="12"/>
    </row>
    <row r="7432" spans="8:8">
      <c r="H7432" s="12"/>
    </row>
    <row r="7433" spans="8:8">
      <c r="H7433" s="12"/>
    </row>
    <row r="7434" spans="8:8">
      <c r="H7434" s="12"/>
    </row>
    <row r="7435" spans="8:8">
      <c r="H7435" s="12"/>
    </row>
    <row r="7436" spans="8:8">
      <c r="H7436" s="12"/>
    </row>
    <row r="7437" spans="8:8">
      <c r="H7437" s="12"/>
    </row>
    <row r="7438" spans="8:8">
      <c r="H7438" s="12"/>
    </row>
    <row r="7439" spans="8:8">
      <c r="H7439" s="12"/>
    </row>
    <row r="7440" spans="8:8">
      <c r="H7440" s="12"/>
    </row>
    <row r="7441" spans="8:8">
      <c r="H7441" s="12"/>
    </row>
    <row r="7442" spans="8:8">
      <c r="H7442" s="12"/>
    </row>
    <row r="7443" spans="8:8">
      <c r="H7443" s="12"/>
    </row>
    <row r="7444" spans="8:8">
      <c r="H7444" s="12"/>
    </row>
    <row r="7445" spans="8:8">
      <c r="H7445" s="12"/>
    </row>
    <row r="7446" spans="8:8">
      <c r="H7446" s="12"/>
    </row>
    <row r="7447" spans="8:8">
      <c r="H7447" s="12"/>
    </row>
    <row r="7448" spans="8:8">
      <c r="H7448" s="12"/>
    </row>
    <row r="7449" spans="8:8">
      <c r="H7449" s="12"/>
    </row>
    <row r="7450" spans="8:8">
      <c r="H7450" s="12"/>
    </row>
    <row r="7451" spans="8:8">
      <c r="H7451" s="12"/>
    </row>
    <row r="7452" spans="8:8">
      <c r="H7452" s="12"/>
    </row>
    <row r="7453" spans="8:8">
      <c r="H7453" s="12"/>
    </row>
    <row r="7454" spans="8:8">
      <c r="H7454" s="12"/>
    </row>
    <row r="7455" spans="8:8">
      <c r="H7455" s="12"/>
    </row>
    <row r="7456" spans="8:8">
      <c r="H7456" s="12"/>
    </row>
    <row r="7457" spans="8:8">
      <c r="H7457" s="12"/>
    </row>
    <row r="7458" spans="8:8">
      <c r="H7458" s="12"/>
    </row>
    <row r="7459" spans="8:8">
      <c r="H7459" s="12"/>
    </row>
    <row r="7460" spans="8:8">
      <c r="H7460" s="12"/>
    </row>
    <row r="7461" spans="8:8">
      <c r="H7461" s="12"/>
    </row>
    <row r="7462" spans="8:8">
      <c r="H7462" s="12"/>
    </row>
    <row r="7463" spans="8:8">
      <c r="H7463" s="12"/>
    </row>
    <row r="7464" spans="8:8">
      <c r="H7464" s="12"/>
    </row>
    <row r="7465" spans="8:8">
      <c r="H7465" s="12"/>
    </row>
    <row r="7466" spans="8:8">
      <c r="H7466" s="12"/>
    </row>
    <row r="7467" spans="8:8">
      <c r="H7467" s="12"/>
    </row>
    <row r="7468" spans="8:8">
      <c r="H7468" s="12"/>
    </row>
    <row r="7469" spans="8:8">
      <c r="H7469" s="12"/>
    </row>
    <row r="7470" spans="8:8">
      <c r="H7470" s="12"/>
    </row>
    <row r="7471" spans="8:8">
      <c r="H7471" s="12"/>
    </row>
    <row r="7472" spans="8:8">
      <c r="H7472" s="12"/>
    </row>
    <row r="7473" spans="8:8">
      <c r="H7473" s="12"/>
    </row>
    <row r="7474" spans="8:8">
      <c r="H7474" s="12"/>
    </row>
    <row r="7475" spans="8:8">
      <c r="H7475" s="12"/>
    </row>
    <row r="7476" spans="8:8">
      <c r="H7476" s="12"/>
    </row>
    <row r="7477" spans="8:8">
      <c r="H7477" s="12"/>
    </row>
    <row r="7478" spans="8:8">
      <c r="H7478" s="12"/>
    </row>
    <row r="7479" spans="8:8">
      <c r="H7479" s="12"/>
    </row>
    <row r="7480" spans="8:8">
      <c r="H7480" s="12"/>
    </row>
    <row r="7481" spans="8:8">
      <c r="H7481" s="12"/>
    </row>
    <row r="7482" spans="8:8">
      <c r="H7482" s="12"/>
    </row>
    <row r="7483" spans="8:8">
      <c r="H7483" s="12"/>
    </row>
    <row r="7484" spans="8:8">
      <c r="H7484" s="12"/>
    </row>
    <row r="7485" spans="8:8">
      <c r="H7485" s="12"/>
    </row>
    <row r="7486" spans="8:8">
      <c r="H7486" s="12"/>
    </row>
    <row r="7487" spans="8:8">
      <c r="H7487" s="12"/>
    </row>
    <row r="7488" spans="8:8">
      <c r="H7488" s="12"/>
    </row>
    <row r="7489" spans="8:8">
      <c r="H7489" s="12"/>
    </row>
    <row r="7490" spans="8:8">
      <c r="H7490" s="12"/>
    </row>
    <row r="7491" spans="8:8">
      <c r="H7491" s="12"/>
    </row>
    <row r="7492" spans="8:8">
      <c r="H7492" s="12"/>
    </row>
    <row r="7493" spans="8:8">
      <c r="H7493" s="12"/>
    </row>
    <row r="7494" spans="8:8">
      <c r="H7494" s="12"/>
    </row>
    <row r="7495" spans="8:8">
      <c r="H7495" s="12"/>
    </row>
    <row r="7496" spans="8:8">
      <c r="H7496" s="12"/>
    </row>
    <row r="7497" spans="8:8">
      <c r="H7497" s="12"/>
    </row>
    <row r="7498" spans="8:8">
      <c r="H7498" s="12"/>
    </row>
    <row r="7499" spans="8:8">
      <c r="H7499" s="12"/>
    </row>
    <row r="7500" spans="8:8">
      <c r="H7500" s="12"/>
    </row>
    <row r="7501" spans="8:8">
      <c r="H7501" s="12"/>
    </row>
    <row r="7502" spans="8:8">
      <c r="H7502" s="12"/>
    </row>
    <row r="7503" spans="8:8">
      <c r="H7503" s="12"/>
    </row>
    <row r="7504" spans="8:8">
      <c r="H7504" s="12"/>
    </row>
    <row r="7505" spans="8:8">
      <c r="H7505" s="12"/>
    </row>
    <row r="7506" spans="8:8">
      <c r="H7506" s="12"/>
    </row>
    <row r="7507" spans="8:8">
      <c r="H7507" s="12"/>
    </row>
    <row r="7508" spans="8:8">
      <c r="H7508" s="12"/>
    </row>
    <row r="7509" spans="8:8">
      <c r="H7509" s="12"/>
    </row>
    <row r="7510" spans="8:8">
      <c r="H7510" s="12"/>
    </row>
    <row r="7511" spans="8:8">
      <c r="H7511" s="12"/>
    </row>
    <row r="7512" spans="8:8">
      <c r="H7512" s="12"/>
    </row>
    <row r="7513" spans="8:8">
      <c r="H7513" s="12"/>
    </row>
    <row r="7514" spans="8:8">
      <c r="H7514" s="12"/>
    </row>
    <row r="7515" spans="8:8">
      <c r="H7515" s="12"/>
    </row>
    <row r="7516" spans="8:8">
      <c r="H7516" s="12"/>
    </row>
    <row r="7517" spans="8:8">
      <c r="H7517" s="12"/>
    </row>
    <row r="7518" spans="8:8">
      <c r="H7518" s="12"/>
    </row>
    <row r="7519" spans="8:8">
      <c r="H7519" s="12"/>
    </row>
    <row r="7520" spans="8:8">
      <c r="H7520" s="12"/>
    </row>
    <row r="7521" spans="8:8">
      <c r="H7521" s="12"/>
    </row>
    <row r="7522" spans="8:8">
      <c r="H7522" s="12"/>
    </row>
    <row r="7523" spans="8:8">
      <c r="H7523" s="12"/>
    </row>
    <row r="7524" spans="8:8">
      <c r="H7524" s="12"/>
    </row>
    <row r="7525" spans="8:8">
      <c r="H7525" s="12"/>
    </row>
    <row r="7526" spans="8:8">
      <c r="H7526" s="12"/>
    </row>
    <row r="7527" spans="8:8">
      <c r="H7527" s="12"/>
    </row>
    <row r="7528" spans="8:8">
      <c r="H7528" s="12"/>
    </row>
    <row r="7529" spans="8:8">
      <c r="H7529" s="12"/>
    </row>
    <row r="7530" spans="8:8">
      <c r="H7530" s="12"/>
    </row>
    <row r="7531" spans="8:8">
      <c r="H7531" s="12"/>
    </row>
    <row r="7532" spans="8:8">
      <c r="H7532" s="12"/>
    </row>
    <row r="7533" spans="8:8">
      <c r="H7533" s="12"/>
    </row>
    <row r="7534" spans="8:8">
      <c r="H7534" s="12"/>
    </row>
    <row r="7535" spans="8:8">
      <c r="H7535" s="12"/>
    </row>
    <row r="7536" spans="8:8">
      <c r="H7536" s="12"/>
    </row>
    <row r="7537" spans="8:8">
      <c r="H7537" s="12"/>
    </row>
    <row r="7538" spans="8:8">
      <c r="H7538" s="12"/>
    </row>
    <row r="7539" spans="8:8">
      <c r="H7539" s="12"/>
    </row>
    <row r="7540" spans="8:8">
      <c r="H7540" s="12"/>
    </row>
    <row r="7541" spans="8:8">
      <c r="H7541" s="12"/>
    </row>
    <row r="7542" spans="8:8">
      <c r="H7542" s="12"/>
    </row>
    <row r="7543" spans="8:8">
      <c r="H7543" s="12"/>
    </row>
    <row r="7544" spans="8:8">
      <c r="H7544" s="12"/>
    </row>
    <row r="7545" spans="8:8">
      <c r="H7545" s="12"/>
    </row>
    <row r="7546" spans="8:8">
      <c r="H7546" s="12"/>
    </row>
    <row r="7547" spans="8:8">
      <c r="H7547" s="12"/>
    </row>
    <row r="7548" spans="8:8">
      <c r="H7548" s="12"/>
    </row>
    <row r="7549" spans="8:8">
      <c r="H7549" s="12"/>
    </row>
    <row r="7550" spans="8:8">
      <c r="H7550" s="12"/>
    </row>
    <row r="7551" spans="8:8">
      <c r="H7551" s="12"/>
    </row>
    <row r="7552" spans="8:8">
      <c r="H7552" s="12"/>
    </row>
    <row r="7553" spans="8:8">
      <c r="H7553" s="12"/>
    </row>
    <row r="7554" spans="8:8">
      <c r="H7554" s="12"/>
    </row>
    <row r="7555" spans="8:8">
      <c r="H7555" s="12"/>
    </row>
    <row r="7556" spans="8:8">
      <c r="H7556" s="12"/>
    </row>
    <row r="7557" spans="8:8">
      <c r="H7557" s="12"/>
    </row>
    <row r="7558" spans="8:8">
      <c r="H7558" s="12"/>
    </row>
    <row r="7559" spans="8:8">
      <c r="H7559" s="12"/>
    </row>
    <row r="7560" spans="8:8">
      <c r="H7560" s="12"/>
    </row>
    <row r="7561" spans="8:8">
      <c r="H7561" s="12"/>
    </row>
    <row r="7562" spans="8:8">
      <c r="H7562" s="12"/>
    </row>
    <row r="7563" spans="8:8">
      <c r="H7563" s="12"/>
    </row>
    <row r="7564" spans="8:8">
      <c r="H7564" s="12"/>
    </row>
    <row r="7565" spans="8:8">
      <c r="H7565" s="12"/>
    </row>
    <row r="7566" spans="8:8">
      <c r="H7566" s="12"/>
    </row>
    <row r="7567" spans="8:8">
      <c r="H7567" s="12"/>
    </row>
    <row r="7568" spans="8:8">
      <c r="H7568" s="12"/>
    </row>
    <row r="7569" spans="8:8">
      <c r="H7569" s="12"/>
    </row>
    <row r="7570" spans="8:8">
      <c r="H7570" s="12"/>
    </row>
    <row r="7571" spans="8:8">
      <c r="H7571" s="12"/>
    </row>
    <row r="7572" spans="8:8">
      <c r="H7572" s="12"/>
    </row>
    <row r="7573" spans="8:8">
      <c r="H7573" s="12"/>
    </row>
    <row r="7574" spans="8:8">
      <c r="H7574" s="12"/>
    </row>
    <row r="7575" spans="8:8">
      <c r="H7575" s="12"/>
    </row>
    <row r="7576" spans="8:8">
      <c r="H7576" s="12"/>
    </row>
    <row r="7577" spans="8:8">
      <c r="H7577" s="12"/>
    </row>
    <row r="7578" spans="8:8">
      <c r="H7578" s="12"/>
    </row>
    <row r="7579" spans="8:8">
      <c r="H7579" s="12"/>
    </row>
    <row r="7580" spans="8:8">
      <c r="H7580" s="12"/>
    </row>
    <row r="7581" spans="8:8">
      <c r="H7581" s="12"/>
    </row>
    <row r="7582" spans="8:8">
      <c r="H7582" s="12"/>
    </row>
    <row r="7583" spans="8:8">
      <c r="H7583" s="12"/>
    </row>
    <row r="7584" spans="8:8">
      <c r="H7584" s="12"/>
    </row>
    <row r="7585" spans="8:8">
      <c r="H7585" s="12"/>
    </row>
    <row r="7586" spans="8:8">
      <c r="H7586" s="12"/>
    </row>
    <row r="7587" spans="8:8">
      <c r="H7587" s="12"/>
    </row>
    <row r="7588" spans="8:8">
      <c r="H7588" s="12"/>
    </row>
    <row r="7589" spans="8:8">
      <c r="H7589" s="12"/>
    </row>
    <row r="7590" spans="8:8">
      <c r="H7590" s="12"/>
    </row>
    <row r="7591" spans="8:8">
      <c r="H7591" s="12"/>
    </row>
    <row r="7592" spans="8:8">
      <c r="H7592" s="12"/>
    </row>
    <row r="7593" spans="8:8">
      <c r="H7593" s="12"/>
    </row>
    <row r="7594" spans="8:8">
      <c r="H7594" s="12"/>
    </row>
    <row r="7595" spans="8:8">
      <c r="H7595" s="12"/>
    </row>
    <row r="7596" spans="8:8">
      <c r="H7596" s="12"/>
    </row>
    <row r="7597" spans="8:8">
      <c r="H7597" s="12"/>
    </row>
    <row r="7598" spans="8:8">
      <c r="H7598" s="12"/>
    </row>
    <row r="7599" spans="8:8">
      <c r="H7599" s="12"/>
    </row>
    <row r="7600" spans="8:8">
      <c r="H7600" s="12"/>
    </row>
    <row r="7601" spans="8:8">
      <c r="H7601" s="12"/>
    </row>
    <row r="7602" spans="8:8">
      <c r="H7602" s="12"/>
    </row>
    <row r="7603" spans="8:8">
      <c r="H7603" s="12"/>
    </row>
    <row r="7604" spans="8:8">
      <c r="H7604" s="12"/>
    </row>
    <row r="7605" spans="8:8">
      <c r="H7605" s="12"/>
    </row>
    <row r="7606" spans="8:8">
      <c r="H7606" s="12"/>
    </row>
    <row r="7607" spans="8:8">
      <c r="H7607" s="12"/>
    </row>
    <row r="7608" spans="8:8">
      <c r="H7608" s="12"/>
    </row>
    <row r="7609" spans="8:8">
      <c r="H7609" s="12"/>
    </row>
    <row r="7610" spans="8:8">
      <c r="H7610" s="12"/>
    </row>
    <row r="7611" spans="8:8">
      <c r="H7611" s="12"/>
    </row>
    <row r="7612" spans="8:8">
      <c r="H7612" s="12"/>
    </row>
    <row r="7613" spans="8:8">
      <c r="H7613" s="12"/>
    </row>
    <row r="7614" spans="8:8">
      <c r="H7614" s="12"/>
    </row>
    <row r="7615" spans="8:8">
      <c r="H7615" s="12"/>
    </row>
    <row r="7616" spans="8:8">
      <c r="H7616" s="12"/>
    </row>
    <row r="7617" spans="8:8">
      <c r="H7617" s="12"/>
    </row>
    <row r="7618" spans="8:8">
      <c r="H7618" s="12"/>
    </row>
    <row r="7619" spans="8:8">
      <c r="H7619" s="12"/>
    </row>
    <row r="7620" spans="8:8">
      <c r="H7620" s="12"/>
    </row>
    <row r="7621" spans="8:8">
      <c r="H7621" s="12"/>
    </row>
    <row r="7622" spans="8:8">
      <c r="H7622" s="12"/>
    </row>
    <row r="7623" spans="8:8">
      <c r="H7623" s="12"/>
    </row>
    <row r="7624" spans="8:8">
      <c r="H7624" s="12"/>
    </row>
    <row r="7625" spans="8:8">
      <c r="H7625" s="12"/>
    </row>
    <row r="7626" spans="8:8">
      <c r="H7626" s="12"/>
    </row>
    <row r="7627" spans="8:8">
      <c r="H7627" s="12"/>
    </row>
    <row r="7628" spans="8:8">
      <c r="H7628" s="12"/>
    </row>
    <row r="7629" spans="8:8">
      <c r="H7629" s="12"/>
    </row>
    <row r="7630" spans="8:8">
      <c r="H7630" s="12"/>
    </row>
    <row r="7631" spans="8:8">
      <c r="H7631" s="12"/>
    </row>
    <row r="7632" spans="8:8">
      <c r="H7632" s="12"/>
    </row>
    <row r="7633" spans="8:8">
      <c r="H7633" s="12"/>
    </row>
    <row r="7634" spans="8:8">
      <c r="H7634" s="12"/>
    </row>
    <row r="7635" spans="8:8">
      <c r="H7635" s="12"/>
    </row>
    <row r="7636" spans="8:8">
      <c r="H7636" s="12"/>
    </row>
    <row r="7637" spans="8:8">
      <c r="H7637" s="12"/>
    </row>
    <row r="7638" spans="8:8">
      <c r="H7638" s="12"/>
    </row>
    <row r="7639" spans="8:8">
      <c r="H7639" s="12"/>
    </row>
    <row r="7640" spans="8:8">
      <c r="H7640" s="12"/>
    </row>
    <row r="7641" spans="8:8">
      <c r="H7641" s="12"/>
    </row>
    <row r="7642" spans="8:8">
      <c r="H7642" s="12"/>
    </row>
    <row r="7643" spans="8:8">
      <c r="H7643" s="12"/>
    </row>
    <row r="7644" spans="8:8">
      <c r="H7644" s="12"/>
    </row>
    <row r="7645" spans="8:8">
      <c r="H7645" s="12"/>
    </row>
    <row r="7646" spans="8:8">
      <c r="H7646" s="12"/>
    </row>
    <row r="7647" spans="8:8">
      <c r="H7647" s="12"/>
    </row>
    <row r="7648" spans="8:8">
      <c r="H7648" s="12"/>
    </row>
    <row r="7649" spans="8:8">
      <c r="H7649" s="12"/>
    </row>
    <row r="7650" spans="8:8">
      <c r="H7650" s="12"/>
    </row>
    <row r="7651" spans="8:8">
      <c r="H7651" s="12"/>
    </row>
    <row r="7652" spans="8:8">
      <c r="H7652" s="12"/>
    </row>
    <row r="7653" spans="8:8">
      <c r="H7653" s="12"/>
    </row>
    <row r="7654" spans="8:8">
      <c r="H7654" s="12"/>
    </row>
    <row r="7655" spans="8:8">
      <c r="H7655" s="12"/>
    </row>
    <row r="7656" spans="8:8">
      <c r="H7656" s="12"/>
    </row>
    <row r="7657" spans="8:8">
      <c r="H7657" s="12"/>
    </row>
    <row r="7658" spans="8:8">
      <c r="H7658" s="12"/>
    </row>
    <row r="7659" spans="8:8">
      <c r="H7659" s="12"/>
    </row>
    <row r="7660" spans="8:8">
      <c r="H7660" s="12"/>
    </row>
    <row r="7661" spans="8:8">
      <c r="H7661" s="12"/>
    </row>
    <row r="7662" spans="8:8">
      <c r="H7662" s="12"/>
    </row>
    <row r="7663" spans="8:8">
      <c r="H7663" s="12"/>
    </row>
    <row r="7664" spans="8:8">
      <c r="H7664" s="12"/>
    </row>
    <row r="7665" spans="8:8">
      <c r="H7665" s="12"/>
    </row>
    <row r="7666" spans="8:8">
      <c r="H7666" s="12"/>
    </row>
    <row r="7667" spans="8:8">
      <c r="H7667" s="12"/>
    </row>
    <row r="7668" spans="8:8">
      <c r="H7668" s="12"/>
    </row>
    <row r="7669" spans="8:8">
      <c r="H7669" s="12"/>
    </row>
    <row r="7670" spans="8:8">
      <c r="H7670" s="12"/>
    </row>
    <row r="7671" spans="8:8">
      <c r="H7671" s="12"/>
    </row>
    <row r="7672" spans="8:8">
      <c r="H7672" s="12"/>
    </row>
    <row r="7673" spans="8:8">
      <c r="H7673" s="12"/>
    </row>
    <row r="7674" spans="8:8">
      <c r="H7674" s="12"/>
    </row>
    <row r="7675" spans="8:8">
      <c r="H7675" s="12"/>
    </row>
    <row r="7676" spans="8:8">
      <c r="H7676" s="12"/>
    </row>
    <row r="7677" spans="8:8">
      <c r="H7677" s="12"/>
    </row>
    <row r="7678" spans="8:8">
      <c r="H7678" s="12"/>
    </row>
    <row r="7679" spans="8:8">
      <c r="H7679" s="12"/>
    </row>
    <row r="7680" spans="8:8">
      <c r="H7680" s="12"/>
    </row>
    <row r="7681" spans="8:8">
      <c r="H7681" s="12"/>
    </row>
    <row r="7682" spans="8:8">
      <c r="H7682" s="12"/>
    </row>
    <row r="7683" spans="8:8">
      <c r="H7683" s="12"/>
    </row>
    <row r="7684" spans="8:8">
      <c r="H7684" s="12"/>
    </row>
    <row r="7685" spans="8:8">
      <c r="H7685" s="12"/>
    </row>
    <row r="7686" spans="8:8">
      <c r="H7686" s="12"/>
    </row>
    <row r="7687" spans="8:8">
      <c r="H7687" s="12"/>
    </row>
    <row r="7688" spans="8:8">
      <c r="H7688" s="12"/>
    </row>
    <row r="7689" spans="8:8">
      <c r="H7689" s="12"/>
    </row>
    <row r="7690" spans="8:8">
      <c r="H7690" s="12"/>
    </row>
    <row r="7691" spans="8:8">
      <c r="H7691" s="12"/>
    </row>
    <row r="7692" spans="8:8">
      <c r="H7692" s="12"/>
    </row>
    <row r="7693" spans="8:8">
      <c r="H7693" s="12"/>
    </row>
    <row r="7694" spans="8:8">
      <c r="H7694" s="12"/>
    </row>
    <row r="7695" spans="8:8">
      <c r="H7695" s="12"/>
    </row>
    <row r="7696" spans="8:8">
      <c r="H7696" s="12"/>
    </row>
    <row r="7697" spans="8:8">
      <c r="H7697" s="12"/>
    </row>
    <row r="7698" spans="8:8">
      <c r="H7698" s="12"/>
    </row>
    <row r="7699" spans="8:8">
      <c r="H7699" s="12"/>
    </row>
    <row r="7700" spans="8:8">
      <c r="H7700" s="12"/>
    </row>
    <row r="7701" spans="8:8">
      <c r="H7701" s="12"/>
    </row>
    <row r="7702" spans="8:8">
      <c r="H7702" s="12"/>
    </row>
    <row r="7703" spans="8:8">
      <c r="H7703" s="12"/>
    </row>
    <row r="7704" spans="8:8">
      <c r="H7704" s="12"/>
    </row>
    <row r="7705" spans="8:8">
      <c r="H7705" s="12"/>
    </row>
    <row r="7706" spans="8:8">
      <c r="H7706" s="12"/>
    </row>
    <row r="7707" spans="8:8">
      <c r="H7707" s="12"/>
    </row>
    <row r="7708" spans="8:8">
      <c r="H7708" s="12"/>
    </row>
    <row r="7709" spans="8:8">
      <c r="H7709" s="12"/>
    </row>
    <row r="7710" spans="8:8">
      <c r="H7710" s="12"/>
    </row>
    <row r="7711" spans="8:8">
      <c r="H7711" s="12"/>
    </row>
    <row r="7712" spans="8:8">
      <c r="H7712" s="12"/>
    </row>
    <row r="7713" spans="8:8">
      <c r="H7713" s="12"/>
    </row>
    <row r="7714" spans="8:8">
      <c r="H7714" s="12"/>
    </row>
    <row r="7715" spans="8:8">
      <c r="H7715" s="12"/>
    </row>
    <row r="7716" spans="8:8">
      <c r="H7716" s="12"/>
    </row>
    <row r="7717" spans="8:8">
      <c r="H7717" s="12"/>
    </row>
    <row r="7718" spans="8:8">
      <c r="H7718" s="12"/>
    </row>
    <row r="7719" spans="8:8">
      <c r="H7719" s="12"/>
    </row>
    <row r="7720" spans="8:8">
      <c r="H7720" s="12"/>
    </row>
    <row r="7721" spans="8:8">
      <c r="H7721" s="12"/>
    </row>
    <row r="7722" spans="8:8">
      <c r="H7722" s="12"/>
    </row>
    <row r="7723" spans="8:8">
      <c r="H7723" s="12"/>
    </row>
    <row r="7724" spans="8:8">
      <c r="H7724" s="12"/>
    </row>
    <row r="7725" spans="8:8">
      <c r="H7725" s="12"/>
    </row>
    <row r="7726" spans="8:8">
      <c r="H7726" s="12"/>
    </row>
    <row r="7727" spans="8:8">
      <c r="H7727" s="12"/>
    </row>
    <row r="7728" spans="8:8">
      <c r="H7728" s="12"/>
    </row>
    <row r="7729" spans="8:8">
      <c r="H7729" s="12"/>
    </row>
    <row r="7730" spans="8:8">
      <c r="H7730" s="12"/>
    </row>
    <row r="7731" spans="8:8">
      <c r="H7731" s="12"/>
    </row>
    <row r="7732" spans="8:8">
      <c r="H7732" s="12"/>
    </row>
    <row r="7733" spans="8:8">
      <c r="H7733" s="12"/>
    </row>
    <row r="7734" spans="8:8">
      <c r="H7734" s="12"/>
    </row>
    <row r="7735" spans="8:8">
      <c r="H7735" s="12"/>
    </row>
    <row r="7736" spans="8:8">
      <c r="H7736" s="12"/>
    </row>
    <row r="7737" spans="8:8">
      <c r="H7737" s="12"/>
    </row>
    <row r="7738" spans="8:8">
      <c r="H7738" s="12"/>
    </row>
    <row r="7739" spans="8:8">
      <c r="H7739" s="12"/>
    </row>
    <row r="7740" spans="8:8">
      <c r="H7740" s="12"/>
    </row>
    <row r="7741" spans="8:8">
      <c r="H7741" s="12"/>
    </row>
    <row r="7742" spans="8:8">
      <c r="H7742" s="12"/>
    </row>
    <row r="7743" spans="8:8">
      <c r="H7743" s="12"/>
    </row>
    <row r="7744" spans="8:8">
      <c r="H7744" s="12"/>
    </row>
    <row r="7745" spans="8:8">
      <c r="H7745" s="12"/>
    </row>
    <row r="7746" spans="8:8">
      <c r="H7746" s="12"/>
    </row>
    <row r="7747" spans="8:8">
      <c r="H7747" s="12"/>
    </row>
    <row r="7748" spans="8:8">
      <c r="H7748" s="12"/>
    </row>
    <row r="7749" spans="8:8">
      <c r="H7749" s="12"/>
    </row>
    <row r="7750" spans="8:8">
      <c r="H7750" s="12"/>
    </row>
    <row r="7751" spans="8:8">
      <c r="H7751" s="12"/>
    </row>
    <row r="7752" spans="8:8">
      <c r="H7752" s="12"/>
    </row>
    <row r="7753" spans="8:8">
      <c r="H7753" s="12"/>
    </row>
    <row r="7754" spans="8:8">
      <c r="H7754" s="12"/>
    </row>
    <row r="7755" spans="8:8">
      <c r="H7755" s="12"/>
    </row>
    <row r="7756" spans="8:8">
      <c r="H7756" s="12"/>
    </row>
    <row r="7757" spans="8:8">
      <c r="H7757" s="12"/>
    </row>
    <row r="7758" spans="8:8">
      <c r="H7758" s="12"/>
    </row>
    <row r="7759" spans="8:8">
      <c r="H7759" s="12"/>
    </row>
    <row r="7760" spans="8:8">
      <c r="H7760" s="12"/>
    </row>
    <row r="7761" spans="8:8">
      <c r="H7761" s="12"/>
    </row>
    <row r="7762" spans="8:8">
      <c r="H7762" s="12"/>
    </row>
    <row r="7763" spans="8:8">
      <c r="H7763" s="12"/>
    </row>
    <row r="7764" spans="8:8">
      <c r="H7764" s="12"/>
    </row>
    <row r="7765" spans="8:8">
      <c r="H7765" s="12"/>
    </row>
    <row r="7766" spans="8:8">
      <c r="H7766" s="12"/>
    </row>
    <row r="7767" spans="8:8">
      <c r="H7767" s="12"/>
    </row>
    <row r="7768" spans="8:8">
      <c r="H7768" s="12"/>
    </row>
    <row r="7769" spans="8:8">
      <c r="H7769" s="12"/>
    </row>
    <row r="7770" spans="8:8">
      <c r="H7770" s="12"/>
    </row>
    <row r="7771" spans="8:8">
      <c r="H7771" s="12"/>
    </row>
    <row r="7772" spans="8:8">
      <c r="H7772" s="12"/>
    </row>
    <row r="7773" spans="8:8">
      <c r="H7773" s="12"/>
    </row>
    <row r="7774" spans="8:8">
      <c r="H7774" s="12"/>
    </row>
    <row r="7775" spans="8:8">
      <c r="H7775" s="12"/>
    </row>
    <row r="7776" spans="8:8">
      <c r="H7776" s="12"/>
    </row>
    <row r="7777" spans="8:8">
      <c r="H7777" s="12"/>
    </row>
    <row r="7778" spans="8:8">
      <c r="H7778" s="12"/>
    </row>
    <row r="7779" spans="8:8">
      <c r="H7779" s="12"/>
    </row>
    <row r="7780" spans="8:8">
      <c r="H7780" s="12"/>
    </row>
    <row r="7781" spans="8:8">
      <c r="H7781" s="12"/>
    </row>
    <row r="7782" spans="8:8">
      <c r="H7782" s="12"/>
    </row>
    <row r="7783" spans="8:8">
      <c r="H7783" s="12"/>
    </row>
    <row r="7784" spans="8:8">
      <c r="H7784" s="12"/>
    </row>
    <row r="7785" spans="8:8">
      <c r="H7785" s="12"/>
    </row>
    <row r="7786" spans="8:8">
      <c r="H7786" s="12"/>
    </row>
    <row r="7787" spans="8:8">
      <c r="H7787" s="12"/>
    </row>
    <row r="7788" spans="8:8">
      <c r="H7788" s="12"/>
    </row>
    <row r="7789" spans="8:8">
      <c r="H7789" s="12"/>
    </row>
    <row r="7790" spans="8:8">
      <c r="H7790" s="12"/>
    </row>
    <row r="7791" spans="8:8">
      <c r="H7791" s="12"/>
    </row>
    <row r="7792" spans="8:8">
      <c r="H7792" s="12"/>
    </row>
    <row r="7793" spans="8:8">
      <c r="H7793" s="12"/>
    </row>
    <row r="7794" spans="8:8">
      <c r="H7794" s="12"/>
    </row>
    <row r="7795" spans="8:8">
      <c r="H7795" s="12"/>
    </row>
    <row r="7796" spans="8:8">
      <c r="H7796" s="12"/>
    </row>
    <row r="7797" spans="8:8">
      <c r="H7797" s="12"/>
    </row>
    <row r="7798" spans="8:8">
      <c r="H7798" s="12"/>
    </row>
    <row r="7799" spans="8:8">
      <c r="H7799" s="12"/>
    </row>
    <row r="7800" spans="8:8">
      <c r="H7800" s="12"/>
    </row>
    <row r="7801" spans="8:8">
      <c r="H7801" s="12"/>
    </row>
    <row r="7802" spans="8:8">
      <c r="H7802" s="12"/>
    </row>
    <row r="7803" spans="8:8">
      <c r="H7803" s="12"/>
    </row>
    <row r="7804" spans="8:8">
      <c r="H7804" s="12"/>
    </row>
    <row r="7805" spans="8:8">
      <c r="H7805" s="12"/>
    </row>
    <row r="7806" spans="8:8">
      <c r="H7806" s="12"/>
    </row>
    <row r="7807" spans="8:8">
      <c r="H7807" s="12"/>
    </row>
    <row r="7808" spans="8:8">
      <c r="H7808" s="12"/>
    </row>
    <row r="7809" spans="8:8">
      <c r="H7809" s="12"/>
    </row>
    <row r="7810" spans="8:8">
      <c r="H7810" s="12"/>
    </row>
    <row r="7811" spans="8:8">
      <c r="H7811" s="12"/>
    </row>
    <row r="7812" spans="8:8">
      <c r="H7812" s="12"/>
    </row>
    <row r="7813" spans="8:8">
      <c r="H7813" s="12"/>
    </row>
    <row r="7814" spans="8:8">
      <c r="H7814" s="12"/>
    </row>
    <row r="7815" spans="8:8">
      <c r="H7815" s="12"/>
    </row>
    <row r="7816" spans="8:8">
      <c r="H7816" s="12"/>
    </row>
    <row r="7817" spans="8:8">
      <c r="H7817" s="12"/>
    </row>
    <row r="7818" spans="8:8">
      <c r="H7818" s="12"/>
    </row>
    <row r="7819" spans="8:8">
      <c r="H7819" s="12"/>
    </row>
    <row r="7820" spans="8:8">
      <c r="H7820" s="12"/>
    </row>
    <row r="7821" spans="8:8">
      <c r="H7821" s="12"/>
    </row>
    <row r="7822" spans="8:8">
      <c r="H7822" s="12"/>
    </row>
    <row r="7823" spans="8:8">
      <c r="H7823" s="12"/>
    </row>
    <row r="7824" spans="8:8">
      <c r="H7824" s="12"/>
    </row>
    <row r="7825" spans="8:8">
      <c r="H7825" s="12"/>
    </row>
    <row r="7826" spans="8:8">
      <c r="H7826" s="12"/>
    </row>
    <row r="7827" spans="8:8">
      <c r="H7827" s="12"/>
    </row>
    <row r="7828" spans="8:8">
      <c r="H7828" s="12"/>
    </row>
    <row r="7829" spans="8:8">
      <c r="H7829" s="12"/>
    </row>
    <row r="7830" spans="8:8">
      <c r="H7830" s="12"/>
    </row>
    <row r="7831" spans="8:8">
      <c r="H7831" s="12"/>
    </row>
    <row r="7832" spans="8:8">
      <c r="H7832" s="12"/>
    </row>
    <row r="7833" spans="8:8">
      <c r="H7833" s="12"/>
    </row>
    <row r="7834" spans="8:8">
      <c r="H7834" s="12"/>
    </row>
    <row r="7835" spans="8:8">
      <c r="H7835" s="12"/>
    </row>
    <row r="7836" spans="8:8">
      <c r="H7836" s="12"/>
    </row>
    <row r="7837" spans="8:8">
      <c r="H7837" s="12"/>
    </row>
    <row r="7838" spans="8:8">
      <c r="H7838" s="12"/>
    </row>
    <row r="7839" spans="8:8">
      <c r="H7839" s="12"/>
    </row>
    <row r="7840" spans="8:8">
      <c r="H7840" s="12"/>
    </row>
    <row r="7841" spans="8:8">
      <c r="H7841" s="12"/>
    </row>
    <row r="7842" spans="8:8">
      <c r="H7842" s="12"/>
    </row>
    <row r="7843" spans="8:8">
      <c r="H7843" s="12"/>
    </row>
    <row r="7844" spans="8:8">
      <c r="H7844" s="12"/>
    </row>
    <row r="7845" spans="8:8">
      <c r="H7845" s="12"/>
    </row>
    <row r="7846" spans="8:8">
      <c r="H7846" s="12"/>
    </row>
    <row r="7847" spans="8:8">
      <c r="H7847" s="12"/>
    </row>
    <row r="7848" spans="8:8">
      <c r="H7848" s="12"/>
    </row>
    <row r="7849" spans="8:8">
      <c r="H7849" s="12"/>
    </row>
    <row r="7850" spans="8:8">
      <c r="H7850" s="12"/>
    </row>
    <row r="7851" spans="8:8">
      <c r="H7851" s="12"/>
    </row>
    <row r="7852" spans="8:8">
      <c r="H7852" s="12"/>
    </row>
    <row r="7853" spans="8:8">
      <c r="H7853" s="12"/>
    </row>
    <row r="7854" spans="8:8">
      <c r="H7854" s="12"/>
    </row>
    <row r="7855" spans="8:8">
      <c r="H7855" s="12"/>
    </row>
    <row r="7856" spans="8:8">
      <c r="H7856" s="12"/>
    </row>
    <row r="7857" spans="8:8">
      <c r="H7857" s="12"/>
    </row>
    <row r="7858" spans="8:8">
      <c r="H7858" s="12"/>
    </row>
    <row r="7859" spans="8:8">
      <c r="H7859" s="12"/>
    </row>
    <row r="7860" spans="8:8">
      <c r="H7860" s="12"/>
    </row>
    <row r="7861" spans="8:8">
      <c r="H7861" s="12"/>
    </row>
    <row r="7862" spans="8:8">
      <c r="H7862" s="12"/>
    </row>
    <row r="7863" spans="8:8">
      <c r="H7863" s="12"/>
    </row>
    <row r="7864" spans="8:8">
      <c r="H7864" s="12"/>
    </row>
    <row r="7865" spans="8:8">
      <c r="H7865" s="12"/>
    </row>
    <row r="7866" spans="8:8">
      <c r="H7866" s="12"/>
    </row>
    <row r="7867" spans="8:8">
      <c r="H7867" s="12"/>
    </row>
    <row r="7868" spans="8:8">
      <c r="H7868" s="12"/>
    </row>
    <row r="7869" spans="8:8">
      <c r="H7869" s="12"/>
    </row>
    <row r="7870" spans="8:8">
      <c r="H7870" s="12"/>
    </row>
    <row r="7871" spans="8:8">
      <c r="H7871" s="12"/>
    </row>
    <row r="7872" spans="8:8">
      <c r="H7872" s="12"/>
    </row>
    <row r="7873" spans="8:8">
      <c r="H7873" s="12"/>
    </row>
    <row r="7874" spans="8:8">
      <c r="H7874" s="12"/>
    </row>
    <row r="7875" spans="8:8">
      <c r="H7875" s="12"/>
    </row>
    <row r="7876" spans="8:8">
      <c r="H7876" s="12"/>
    </row>
    <row r="7877" spans="8:8">
      <c r="H7877" s="12"/>
    </row>
    <row r="7878" spans="8:8">
      <c r="H7878" s="12"/>
    </row>
    <row r="7879" spans="8:8">
      <c r="H7879" s="12"/>
    </row>
    <row r="7880" spans="8:8">
      <c r="H7880" s="12"/>
    </row>
    <row r="7881" spans="8:8">
      <c r="H7881" s="12"/>
    </row>
    <row r="7882" spans="8:8">
      <c r="H7882" s="12"/>
    </row>
    <row r="7883" spans="8:8">
      <c r="H7883" s="12"/>
    </row>
    <row r="7884" spans="8:8">
      <c r="H7884" s="12"/>
    </row>
    <row r="7885" spans="8:8">
      <c r="H7885" s="12"/>
    </row>
    <row r="7886" spans="8:8">
      <c r="H7886" s="12"/>
    </row>
    <row r="7887" spans="8:8">
      <c r="H7887" s="12"/>
    </row>
    <row r="7888" spans="8:8">
      <c r="H7888" s="12"/>
    </row>
    <row r="7889" spans="8:8">
      <c r="H7889" s="12"/>
    </row>
    <row r="7890" spans="8:8">
      <c r="H7890" s="12"/>
    </row>
    <row r="7891" spans="8:8">
      <c r="H7891" s="12"/>
    </row>
    <row r="7892" spans="8:8">
      <c r="H7892" s="12"/>
    </row>
    <row r="7893" spans="8:8">
      <c r="H7893" s="12"/>
    </row>
    <row r="7894" spans="8:8">
      <c r="H7894" s="12"/>
    </row>
    <row r="7895" spans="8:8">
      <c r="H7895" s="12"/>
    </row>
    <row r="7896" spans="8:8">
      <c r="H7896" s="12"/>
    </row>
    <row r="7897" spans="8:8">
      <c r="H7897" s="12"/>
    </row>
    <row r="7898" spans="8:8">
      <c r="H7898" s="12"/>
    </row>
    <row r="7899" spans="8:8">
      <c r="H7899" s="12"/>
    </row>
    <row r="7900" spans="8:8">
      <c r="H7900" s="12"/>
    </row>
    <row r="7901" spans="8:8">
      <c r="H7901" s="12"/>
    </row>
    <row r="7902" spans="8:8">
      <c r="H7902" s="12"/>
    </row>
    <row r="7903" spans="8:8">
      <c r="H7903" s="12"/>
    </row>
    <row r="7904" spans="8:8">
      <c r="H7904" s="12"/>
    </row>
    <row r="7905" spans="8:8">
      <c r="H7905" s="12"/>
    </row>
    <row r="7906" spans="8:8">
      <c r="H7906" s="12"/>
    </row>
    <row r="7907" spans="8:8">
      <c r="H7907" s="12"/>
    </row>
    <row r="7908" spans="8:8">
      <c r="H7908" s="12"/>
    </row>
    <row r="7909" spans="8:8">
      <c r="H7909" s="12"/>
    </row>
    <row r="7910" spans="8:8">
      <c r="H7910" s="12"/>
    </row>
    <row r="7911" spans="8:8">
      <c r="H7911" s="12"/>
    </row>
    <row r="7912" spans="8:8">
      <c r="H7912" s="12"/>
    </row>
    <row r="7913" spans="8:8">
      <c r="H7913" s="12"/>
    </row>
    <row r="7914" spans="8:8">
      <c r="H7914" s="12"/>
    </row>
    <row r="7915" spans="8:8">
      <c r="H7915" s="12"/>
    </row>
    <row r="7916" spans="8:8">
      <c r="H7916" s="12"/>
    </row>
    <row r="7917" spans="8:8">
      <c r="H7917" s="12"/>
    </row>
    <row r="7918" spans="8:8">
      <c r="H7918" s="12"/>
    </row>
    <row r="7919" spans="8:8">
      <c r="H7919" s="12"/>
    </row>
    <row r="7920" spans="8:8">
      <c r="H7920" s="12"/>
    </row>
    <row r="7921" spans="8:8">
      <c r="H7921" s="12"/>
    </row>
    <row r="7922" spans="8:8">
      <c r="H7922" s="12"/>
    </row>
    <row r="7923" spans="8:8">
      <c r="H7923" s="12"/>
    </row>
    <row r="7924" spans="8:8">
      <c r="H7924" s="12"/>
    </row>
    <row r="7925" spans="8:8">
      <c r="H7925" s="12"/>
    </row>
    <row r="7926" spans="8:8">
      <c r="H7926" s="12"/>
    </row>
    <row r="7927" spans="8:8">
      <c r="H7927" s="12"/>
    </row>
    <row r="7928" spans="8:8">
      <c r="H7928" s="12"/>
    </row>
    <row r="7929" spans="8:8">
      <c r="H7929" s="12"/>
    </row>
    <row r="7930" spans="8:8">
      <c r="H7930" s="12"/>
    </row>
    <row r="7931" spans="8:8">
      <c r="H7931" s="12"/>
    </row>
    <row r="7932" spans="8:8">
      <c r="H7932" s="12"/>
    </row>
    <row r="7933" spans="8:8">
      <c r="H7933" s="12"/>
    </row>
    <row r="7934" spans="8:8">
      <c r="H7934" s="12"/>
    </row>
    <row r="7935" spans="8:8">
      <c r="H7935" s="12"/>
    </row>
    <row r="7936" spans="8:8">
      <c r="H7936" s="12"/>
    </row>
    <row r="7937" spans="8:8">
      <c r="H7937" s="12"/>
    </row>
    <row r="7938" spans="8:8">
      <c r="H7938" s="12"/>
    </row>
    <row r="7939" spans="8:8">
      <c r="H7939" s="12"/>
    </row>
    <row r="7940" spans="8:8">
      <c r="H7940" s="12"/>
    </row>
    <row r="7941" spans="8:8">
      <c r="H7941" s="12"/>
    </row>
    <row r="7942" spans="8:8">
      <c r="H7942" s="12"/>
    </row>
    <row r="7943" spans="8:8">
      <c r="H7943" s="12"/>
    </row>
    <row r="7944" spans="8:8">
      <c r="H7944" s="12"/>
    </row>
    <row r="7945" spans="8:8">
      <c r="H7945" s="12"/>
    </row>
    <row r="7946" spans="8:8">
      <c r="H7946" s="12"/>
    </row>
    <row r="7947" spans="8:8">
      <c r="H7947" s="12"/>
    </row>
    <row r="7948" spans="8:8">
      <c r="H7948" s="12"/>
    </row>
    <row r="7949" spans="8:8">
      <c r="H7949" s="12"/>
    </row>
    <row r="7950" spans="8:8">
      <c r="H7950" s="12"/>
    </row>
    <row r="7951" spans="8:8">
      <c r="H7951" s="12"/>
    </row>
    <row r="7952" spans="8:8">
      <c r="H7952" s="12"/>
    </row>
    <row r="7953" spans="8:8">
      <c r="H7953" s="12"/>
    </row>
    <row r="7954" spans="8:8">
      <c r="H7954" s="12"/>
    </row>
    <row r="7955" spans="8:8">
      <c r="H7955" s="12"/>
    </row>
    <row r="7956" spans="8:8">
      <c r="H7956" s="12"/>
    </row>
    <row r="7957" spans="8:8">
      <c r="H7957" s="12"/>
    </row>
    <row r="7958" spans="8:8">
      <c r="H7958" s="12"/>
    </row>
    <row r="7959" spans="8:8">
      <c r="H7959" s="12"/>
    </row>
    <row r="7960" spans="8:8">
      <c r="H7960" s="12"/>
    </row>
    <row r="7961" spans="8:8">
      <c r="H7961" s="12"/>
    </row>
    <row r="7962" spans="8:8">
      <c r="H7962" s="12"/>
    </row>
    <row r="7963" spans="8:8">
      <c r="H7963" s="12"/>
    </row>
    <row r="7964" spans="8:8">
      <c r="H7964" s="12"/>
    </row>
    <row r="7965" spans="8:8">
      <c r="H7965" s="12"/>
    </row>
    <row r="7966" spans="8:8">
      <c r="H7966" s="12"/>
    </row>
    <row r="7967" spans="8:8">
      <c r="H7967" s="12"/>
    </row>
    <row r="7968" spans="8:8">
      <c r="H7968" s="12"/>
    </row>
    <row r="7969" spans="8:8">
      <c r="H7969" s="12"/>
    </row>
    <row r="7970" spans="8:8">
      <c r="H7970" s="12"/>
    </row>
    <row r="7971" spans="8:8">
      <c r="H7971" s="12"/>
    </row>
    <row r="7972" spans="8:8">
      <c r="H7972" s="12"/>
    </row>
    <row r="7973" spans="8:8">
      <c r="H7973" s="12"/>
    </row>
    <row r="7974" spans="8:8">
      <c r="H7974" s="12"/>
    </row>
    <row r="7975" spans="8:8">
      <c r="H7975" s="12"/>
    </row>
    <row r="7976" spans="8:8">
      <c r="H7976" s="12"/>
    </row>
    <row r="7977" spans="8:8">
      <c r="H7977" s="12"/>
    </row>
    <row r="7978" spans="8:8">
      <c r="H7978" s="12"/>
    </row>
    <row r="7979" spans="8:8">
      <c r="H7979" s="12"/>
    </row>
    <row r="7980" spans="8:8">
      <c r="H7980" s="12"/>
    </row>
    <row r="7981" spans="8:8">
      <c r="H7981" s="12"/>
    </row>
    <row r="7982" spans="8:8">
      <c r="H7982" s="12"/>
    </row>
    <row r="7983" spans="8:8">
      <c r="H7983" s="12"/>
    </row>
    <row r="7984" spans="8:8">
      <c r="H7984" s="12"/>
    </row>
    <row r="7985" spans="8:8">
      <c r="H7985" s="12"/>
    </row>
    <row r="7986" spans="8:8">
      <c r="H7986" s="12"/>
    </row>
    <row r="7987" spans="8:8">
      <c r="H7987" s="12"/>
    </row>
    <row r="7988" spans="8:8">
      <c r="H7988" s="12"/>
    </row>
    <row r="7989" spans="8:8">
      <c r="H7989" s="12"/>
    </row>
    <row r="7990" spans="8:8">
      <c r="H7990" s="12"/>
    </row>
    <row r="7991" spans="8:8">
      <c r="H7991" s="12"/>
    </row>
    <row r="7992" spans="8:8">
      <c r="H7992" s="12"/>
    </row>
    <row r="7993" spans="8:8">
      <c r="H7993" s="12"/>
    </row>
    <row r="7994" spans="8:8">
      <c r="H7994" s="12"/>
    </row>
    <row r="7995" spans="8:8">
      <c r="H7995" s="12"/>
    </row>
    <row r="7996" spans="8:8">
      <c r="H7996" s="12"/>
    </row>
    <row r="7997" spans="8:8">
      <c r="H7997" s="12"/>
    </row>
    <row r="7998" spans="8:8">
      <c r="H7998" s="12"/>
    </row>
    <row r="7999" spans="8:8">
      <c r="H7999" s="12"/>
    </row>
    <row r="8000" spans="8:8">
      <c r="H8000" s="12"/>
    </row>
    <row r="8001" spans="8:8">
      <c r="H8001" s="12"/>
    </row>
    <row r="8002" spans="8:8">
      <c r="H8002" s="12"/>
    </row>
    <row r="8003" spans="8:8">
      <c r="H8003" s="12"/>
    </row>
    <row r="8004" spans="8:8">
      <c r="H8004" s="12"/>
    </row>
    <row r="8005" spans="8:8">
      <c r="H8005" s="12"/>
    </row>
    <row r="8006" spans="8:8">
      <c r="H8006" s="12"/>
    </row>
    <row r="8007" spans="8:8">
      <c r="H8007" s="12"/>
    </row>
    <row r="8008" spans="8:8">
      <c r="H8008" s="12"/>
    </row>
    <row r="8009" spans="8:8">
      <c r="H8009" s="12"/>
    </row>
    <row r="8010" spans="8:8">
      <c r="H8010" s="12"/>
    </row>
    <row r="8011" spans="8:8">
      <c r="H8011" s="12"/>
    </row>
    <row r="8012" spans="8:8">
      <c r="H8012" s="12"/>
    </row>
    <row r="8013" spans="8:8">
      <c r="H8013" s="12"/>
    </row>
    <row r="8014" spans="8:8">
      <c r="H8014" s="12"/>
    </row>
    <row r="8015" spans="8:8">
      <c r="H8015" s="12"/>
    </row>
    <row r="8016" spans="8:8">
      <c r="H8016" s="12"/>
    </row>
    <row r="8017" spans="8:8">
      <c r="H8017" s="12"/>
    </row>
    <row r="8018" spans="8:8">
      <c r="H8018" s="12"/>
    </row>
    <row r="8019" spans="8:8">
      <c r="H8019" s="12"/>
    </row>
    <row r="8020" spans="8:8">
      <c r="H8020" s="12"/>
    </row>
    <row r="8021" spans="8:8">
      <c r="H8021" s="12"/>
    </row>
    <row r="8022" spans="8:8">
      <c r="H8022" s="12"/>
    </row>
    <row r="8023" spans="8:8">
      <c r="H8023" s="12"/>
    </row>
    <row r="8024" spans="8:8">
      <c r="H8024" s="12"/>
    </row>
    <row r="8025" spans="8:8">
      <c r="H8025" s="12"/>
    </row>
    <row r="8026" spans="8:8">
      <c r="H8026" s="12"/>
    </row>
    <row r="8027" spans="8:8">
      <c r="H8027" s="12"/>
    </row>
    <row r="8028" spans="8:8">
      <c r="H8028" s="12"/>
    </row>
    <row r="8029" spans="8:8">
      <c r="H8029" s="12"/>
    </row>
    <row r="8030" spans="8:8">
      <c r="H8030" s="12"/>
    </row>
    <row r="8031" spans="8:8">
      <c r="H8031" s="12"/>
    </row>
    <row r="8032" spans="8:8">
      <c r="H8032" s="12"/>
    </row>
    <row r="8033" spans="8:8">
      <c r="H8033" s="12"/>
    </row>
    <row r="8034" spans="8:8">
      <c r="H8034" s="12"/>
    </row>
    <row r="8035" spans="8:8">
      <c r="H8035" s="12"/>
    </row>
    <row r="8036" spans="8:8">
      <c r="H8036" s="12"/>
    </row>
    <row r="8037" spans="8:8">
      <c r="H8037" s="12"/>
    </row>
    <row r="8038" spans="8:8">
      <c r="H8038" s="12"/>
    </row>
    <row r="8039" spans="8:8">
      <c r="H8039" s="12"/>
    </row>
    <row r="8040" spans="8:8">
      <c r="H8040" s="12"/>
    </row>
    <row r="8041" spans="8:8">
      <c r="H8041" s="12"/>
    </row>
    <row r="8042" spans="8:8">
      <c r="H8042" s="12"/>
    </row>
    <row r="8043" spans="8:8">
      <c r="H8043" s="12"/>
    </row>
    <row r="8044" spans="8:8">
      <c r="H8044" s="12"/>
    </row>
    <row r="8045" spans="8:8">
      <c r="H8045" s="12"/>
    </row>
    <row r="8046" spans="8:8">
      <c r="H8046" s="12"/>
    </row>
    <row r="8047" spans="8:8">
      <c r="H8047" s="12"/>
    </row>
    <row r="8048" spans="8:8">
      <c r="H8048" s="12"/>
    </row>
    <row r="8049" spans="8:8">
      <c r="H8049" s="12"/>
    </row>
    <row r="8050" spans="8:8">
      <c r="H8050" s="12"/>
    </row>
    <row r="8051" spans="8:8">
      <c r="H8051" s="12"/>
    </row>
    <row r="8052" spans="8:8">
      <c r="H8052" s="12"/>
    </row>
    <row r="8053" spans="8:8">
      <c r="H8053" s="12"/>
    </row>
    <row r="8054" spans="8:8">
      <c r="H8054" s="12"/>
    </row>
    <row r="8055" spans="8:8">
      <c r="H8055" s="12"/>
    </row>
    <row r="8056" spans="8:8">
      <c r="H8056" s="12"/>
    </row>
    <row r="8057" spans="8:8">
      <c r="H8057" s="12"/>
    </row>
    <row r="8058" spans="8:8">
      <c r="H8058" s="12"/>
    </row>
    <row r="8059" spans="8:8">
      <c r="H8059" s="12"/>
    </row>
    <row r="8060" spans="8:8">
      <c r="H8060" s="12"/>
    </row>
    <row r="8061" spans="8:8">
      <c r="H8061" s="12"/>
    </row>
    <row r="8062" spans="8:8">
      <c r="H8062" s="12"/>
    </row>
    <row r="8063" spans="8:8">
      <c r="H8063" s="12"/>
    </row>
    <row r="8064" spans="8:8">
      <c r="H8064" s="12"/>
    </row>
    <row r="8065" spans="8:8">
      <c r="H8065" s="12"/>
    </row>
    <row r="8066" spans="8:8">
      <c r="H8066" s="12"/>
    </row>
    <row r="8067" spans="8:8">
      <c r="H8067" s="12"/>
    </row>
    <row r="8068" spans="8:8">
      <c r="H8068" s="12"/>
    </row>
    <row r="8069" spans="8:8">
      <c r="H8069" s="12"/>
    </row>
    <row r="8070" spans="8:8">
      <c r="H8070" s="12"/>
    </row>
    <row r="8071" spans="8:8">
      <c r="H8071" s="12"/>
    </row>
    <row r="8072" spans="8:8">
      <c r="H8072" s="12"/>
    </row>
    <row r="8073" spans="8:8">
      <c r="H8073" s="12"/>
    </row>
    <row r="8074" spans="8:8">
      <c r="H8074" s="12"/>
    </row>
    <row r="8075" spans="8:8">
      <c r="H8075" s="12"/>
    </row>
    <row r="8076" spans="8:8">
      <c r="H8076" s="12"/>
    </row>
    <row r="8077" spans="8:8">
      <c r="H8077" s="12"/>
    </row>
    <row r="8078" spans="8:8">
      <c r="H8078" s="12"/>
    </row>
    <row r="8079" spans="8:8">
      <c r="H8079" s="12"/>
    </row>
    <row r="8080" spans="8:8">
      <c r="H8080" s="12"/>
    </row>
    <row r="8081" spans="8:8">
      <c r="H8081" s="12"/>
    </row>
    <row r="8082" spans="8:8">
      <c r="H8082" s="12"/>
    </row>
    <row r="8083" spans="8:8">
      <c r="H8083" s="12"/>
    </row>
    <row r="8084" spans="8:8">
      <c r="H8084" s="12"/>
    </row>
    <row r="8085" spans="8:8">
      <c r="H8085" s="12"/>
    </row>
    <row r="8086" spans="8:8">
      <c r="H8086" s="12"/>
    </row>
    <row r="8087" spans="8:8">
      <c r="H8087" s="12"/>
    </row>
    <row r="8088" spans="8:8">
      <c r="H8088" s="12"/>
    </row>
    <row r="8089" spans="8:8">
      <c r="H8089" s="12"/>
    </row>
    <row r="8090" spans="8:8">
      <c r="H8090" s="12"/>
    </row>
    <row r="8091" spans="8:8">
      <c r="H8091" s="12"/>
    </row>
    <row r="8092" spans="8:8">
      <c r="H8092" s="12"/>
    </row>
    <row r="8093" spans="8:8">
      <c r="H8093" s="12"/>
    </row>
    <row r="8094" spans="8:8">
      <c r="H8094" s="12"/>
    </row>
    <row r="8095" spans="8:8">
      <c r="H8095" s="12"/>
    </row>
    <row r="8096" spans="8:8">
      <c r="H8096" s="12"/>
    </row>
    <row r="8097" spans="8:8">
      <c r="H8097" s="12"/>
    </row>
    <row r="8098" spans="8:8">
      <c r="H8098" s="12"/>
    </row>
    <row r="8099" spans="8:8">
      <c r="H8099" s="12"/>
    </row>
    <row r="8100" spans="8:8">
      <c r="H8100" s="12"/>
    </row>
    <row r="8101" spans="8:8">
      <c r="H8101" s="12"/>
    </row>
    <row r="8102" spans="8:8">
      <c r="H8102" s="12"/>
    </row>
    <row r="8103" spans="8:8">
      <c r="H8103" s="12"/>
    </row>
    <row r="8104" spans="8:8">
      <c r="H8104" s="12"/>
    </row>
    <row r="8105" spans="8:8">
      <c r="H8105" s="12"/>
    </row>
    <row r="8106" spans="8:8">
      <c r="H8106" s="12"/>
    </row>
    <row r="8107" spans="8:8">
      <c r="H8107" s="12"/>
    </row>
    <row r="8108" spans="8:8">
      <c r="H8108" s="12"/>
    </row>
    <row r="8109" spans="8:8">
      <c r="H8109" s="12"/>
    </row>
    <row r="8110" spans="8:8">
      <c r="H8110" s="12"/>
    </row>
    <row r="8111" spans="8:8">
      <c r="H8111" s="12"/>
    </row>
    <row r="8112" spans="8:8">
      <c r="H8112" s="12"/>
    </row>
    <row r="8113" spans="8:8">
      <c r="H8113" s="12"/>
    </row>
    <row r="8114" spans="8:8">
      <c r="H8114" s="12"/>
    </row>
    <row r="8115" spans="8:8">
      <c r="H8115" s="12"/>
    </row>
    <row r="8116" spans="8:8">
      <c r="H8116" s="12"/>
    </row>
    <row r="8117" spans="8:8">
      <c r="H8117" s="12"/>
    </row>
    <row r="8118" spans="8:8">
      <c r="H8118" s="12"/>
    </row>
    <row r="8119" spans="8:8">
      <c r="H8119" s="12"/>
    </row>
    <row r="8120" spans="8:8">
      <c r="H8120" s="12"/>
    </row>
    <row r="8121" spans="8:8">
      <c r="H8121" s="12"/>
    </row>
    <row r="8122" spans="8:8">
      <c r="H8122" s="12"/>
    </row>
    <row r="8123" spans="8:8">
      <c r="H8123" s="12"/>
    </row>
    <row r="8124" spans="8:8">
      <c r="H8124" s="12"/>
    </row>
    <row r="8125" spans="8:8">
      <c r="H8125" s="12"/>
    </row>
    <row r="8126" spans="8:8">
      <c r="H8126" s="12"/>
    </row>
    <row r="8127" spans="8:8">
      <c r="H8127" s="12"/>
    </row>
    <row r="8128" spans="8:8">
      <c r="H8128" s="12"/>
    </row>
    <row r="8129" spans="8:8">
      <c r="H8129" s="12"/>
    </row>
    <row r="8130" spans="8:8">
      <c r="H8130" s="12"/>
    </row>
    <row r="8131" spans="8:8">
      <c r="H8131" s="12"/>
    </row>
    <row r="8132" spans="8:8">
      <c r="H8132" s="12"/>
    </row>
    <row r="8133" spans="8:8">
      <c r="H8133" s="12"/>
    </row>
    <row r="8134" spans="8:8">
      <c r="H8134" s="12"/>
    </row>
    <row r="8135" spans="8:8">
      <c r="H8135" s="12"/>
    </row>
    <row r="8136" spans="8:8">
      <c r="H8136" s="12"/>
    </row>
    <row r="8137" spans="8:8">
      <c r="H8137" s="12"/>
    </row>
    <row r="8138" spans="8:8">
      <c r="H8138" s="12"/>
    </row>
    <row r="8139" spans="8:8">
      <c r="H8139" s="12"/>
    </row>
    <row r="8140" spans="8:8">
      <c r="H8140" s="12"/>
    </row>
    <row r="8141" spans="8:8">
      <c r="H8141" s="12"/>
    </row>
    <row r="8142" spans="8:8">
      <c r="H8142" s="12"/>
    </row>
    <row r="8143" spans="8:8">
      <c r="H8143" s="12"/>
    </row>
    <row r="8144" spans="8:8">
      <c r="H8144" s="12"/>
    </row>
    <row r="8145" spans="8:8">
      <c r="H8145" s="12"/>
    </row>
    <row r="8146" spans="8:8">
      <c r="H8146" s="12"/>
    </row>
    <row r="8147" spans="8:8">
      <c r="H8147" s="12"/>
    </row>
    <row r="8148" spans="8:8">
      <c r="H8148" s="12"/>
    </row>
    <row r="8149" spans="8:8">
      <c r="H8149" s="12"/>
    </row>
    <row r="8150" spans="8:8">
      <c r="H8150" s="12"/>
    </row>
    <row r="8151" spans="8:8">
      <c r="H8151" s="12"/>
    </row>
    <row r="8152" spans="8:8">
      <c r="H8152" s="12"/>
    </row>
    <row r="8153" spans="8:8">
      <c r="H8153" s="12"/>
    </row>
    <row r="8154" spans="8:8">
      <c r="H8154" s="12"/>
    </row>
    <row r="8155" spans="8:8">
      <c r="H8155" s="12"/>
    </row>
    <row r="8156" spans="8:8">
      <c r="H8156" s="12"/>
    </row>
    <row r="8157" spans="8:8">
      <c r="H8157" s="12"/>
    </row>
    <row r="8158" spans="8:8">
      <c r="H8158" s="12"/>
    </row>
    <row r="8159" spans="8:8">
      <c r="H8159" s="12"/>
    </row>
    <row r="8160" spans="8:8">
      <c r="H8160" s="12"/>
    </row>
    <row r="8161" spans="8:8">
      <c r="H8161" s="12"/>
    </row>
    <row r="8162" spans="8:8">
      <c r="H8162" s="12"/>
    </row>
    <row r="8163" spans="8:8">
      <c r="H8163" s="12"/>
    </row>
    <row r="8164" spans="8:8">
      <c r="H8164" s="12"/>
    </row>
    <row r="8165" spans="8:8">
      <c r="H8165" s="12"/>
    </row>
    <row r="8166" spans="8:8">
      <c r="H8166" s="12"/>
    </row>
    <row r="8167" spans="8:8">
      <c r="H8167" s="12"/>
    </row>
    <row r="8168" spans="8:8">
      <c r="H8168" s="12"/>
    </row>
    <row r="8169" spans="8:8">
      <c r="H8169" s="12"/>
    </row>
    <row r="8170" spans="8:8">
      <c r="H8170" s="12"/>
    </row>
    <row r="8171" spans="8:8">
      <c r="H8171" s="12"/>
    </row>
    <row r="8172" spans="8:8">
      <c r="H8172" s="12"/>
    </row>
    <row r="8173" spans="8:8">
      <c r="H8173" s="12"/>
    </row>
    <row r="8174" spans="8:8">
      <c r="H8174" s="12"/>
    </row>
    <row r="8175" spans="8:8">
      <c r="H8175" s="12"/>
    </row>
    <row r="8176" spans="8:8">
      <c r="H8176" s="12"/>
    </row>
    <row r="8177" spans="8:8">
      <c r="H8177" s="12"/>
    </row>
    <row r="8178" spans="8:8">
      <c r="H8178" s="12"/>
    </row>
    <row r="8179" spans="8:8">
      <c r="H8179" s="12"/>
    </row>
    <row r="8180" spans="8:8">
      <c r="H8180" s="12"/>
    </row>
    <row r="8181" spans="8:8">
      <c r="H8181" s="12"/>
    </row>
    <row r="8182" spans="8:8">
      <c r="H8182" s="12"/>
    </row>
    <row r="8183" spans="8:8">
      <c r="H8183" s="12"/>
    </row>
    <row r="8184" spans="8:8">
      <c r="H8184" s="12"/>
    </row>
    <row r="8185" spans="8:8">
      <c r="H8185" s="12"/>
    </row>
    <row r="8186" spans="8:8">
      <c r="H8186" s="12"/>
    </row>
    <row r="8187" spans="8:8">
      <c r="H8187" s="12"/>
    </row>
    <row r="8188" spans="8:8">
      <c r="H8188" s="12"/>
    </row>
    <row r="8189" spans="8:8">
      <c r="H8189" s="12"/>
    </row>
    <row r="8190" spans="8:8">
      <c r="H8190" s="12"/>
    </row>
    <row r="8191" spans="8:8">
      <c r="H8191" s="12"/>
    </row>
    <row r="8192" spans="8:8">
      <c r="H8192" s="12"/>
    </row>
    <row r="8193" spans="8:8">
      <c r="H8193" s="12"/>
    </row>
    <row r="8194" spans="8:8">
      <c r="H8194" s="12"/>
    </row>
    <row r="8195" spans="8:8">
      <c r="H8195" s="12"/>
    </row>
    <row r="8196" spans="8:8">
      <c r="H8196" s="12"/>
    </row>
    <row r="8197" spans="8:8">
      <c r="H8197" s="12"/>
    </row>
    <row r="8198" spans="8:8">
      <c r="H8198" s="12"/>
    </row>
    <row r="8199" spans="8:8">
      <c r="H8199" s="12"/>
    </row>
    <row r="8200" spans="8:8">
      <c r="H8200" s="12"/>
    </row>
    <row r="8201" spans="8:8">
      <c r="H8201" s="12"/>
    </row>
    <row r="8202" spans="8:8">
      <c r="H8202" s="12"/>
    </row>
    <row r="8203" spans="8:8">
      <c r="H8203" s="12"/>
    </row>
    <row r="8204" spans="8:8">
      <c r="H8204" s="12"/>
    </row>
    <row r="8205" spans="8:8">
      <c r="H8205" s="12"/>
    </row>
    <row r="8206" spans="8:8">
      <c r="H8206" s="12"/>
    </row>
    <row r="8207" spans="8:8">
      <c r="H8207" s="12"/>
    </row>
    <row r="8208" spans="8:8">
      <c r="H8208" s="12"/>
    </row>
    <row r="8209" spans="8:8">
      <c r="H8209" s="12"/>
    </row>
    <row r="8210" spans="8:8">
      <c r="H8210" s="12"/>
    </row>
    <row r="8211" spans="8:8">
      <c r="H8211" s="12"/>
    </row>
    <row r="8212" spans="8:8">
      <c r="H8212" s="12"/>
    </row>
    <row r="8213" spans="8:8">
      <c r="H8213" s="12"/>
    </row>
    <row r="8214" spans="8:8">
      <c r="H8214" s="12"/>
    </row>
    <row r="8215" spans="8:8">
      <c r="H8215" s="12"/>
    </row>
    <row r="8216" spans="8:8">
      <c r="H8216" s="12"/>
    </row>
    <row r="8217" spans="8:8">
      <c r="H8217" s="12"/>
    </row>
    <row r="8218" spans="8:8">
      <c r="H8218" s="12"/>
    </row>
    <row r="8219" spans="8:8">
      <c r="H8219" s="12"/>
    </row>
    <row r="8220" spans="8:8">
      <c r="H8220" s="12"/>
    </row>
    <row r="8221" spans="8:8">
      <c r="H8221" s="12"/>
    </row>
    <row r="8222" spans="8:8">
      <c r="H8222" s="12"/>
    </row>
    <row r="8223" spans="8:8">
      <c r="H8223" s="12"/>
    </row>
    <row r="8224" spans="8:8">
      <c r="H8224" s="12"/>
    </row>
    <row r="8225" spans="8:8">
      <c r="H8225" s="12"/>
    </row>
    <row r="8226" spans="8:8">
      <c r="H8226" s="12"/>
    </row>
    <row r="8227" spans="8:8">
      <c r="H8227" s="12"/>
    </row>
    <row r="8228" spans="8:8">
      <c r="H8228" s="12"/>
    </row>
    <row r="8229" spans="8:8">
      <c r="H8229" s="12"/>
    </row>
    <row r="8230" spans="8:8">
      <c r="H8230" s="12"/>
    </row>
    <row r="8231" spans="8:8">
      <c r="H8231" s="12"/>
    </row>
    <row r="8232" spans="8:8">
      <c r="H8232" s="12"/>
    </row>
    <row r="8233" spans="8:8">
      <c r="H8233" s="12"/>
    </row>
    <row r="8234" spans="8:8">
      <c r="H8234" s="12"/>
    </row>
    <row r="8235" spans="8:8">
      <c r="H8235" s="12"/>
    </row>
    <row r="8236" spans="8:8">
      <c r="H8236" s="12"/>
    </row>
    <row r="8237" spans="8:8">
      <c r="H8237" s="12"/>
    </row>
    <row r="8238" spans="8:8">
      <c r="H8238" s="12"/>
    </row>
    <row r="8239" spans="8:8">
      <c r="H8239" s="12"/>
    </row>
    <row r="8240" spans="8:8">
      <c r="H8240" s="12"/>
    </row>
    <row r="8241" spans="8:8">
      <c r="H8241" s="12"/>
    </row>
    <row r="8242" spans="8:8">
      <c r="H8242" s="12"/>
    </row>
    <row r="8243" spans="8:8">
      <c r="H8243" s="12"/>
    </row>
    <row r="8244" spans="8:8">
      <c r="H8244" s="12"/>
    </row>
    <row r="8245" spans="8:8">
      <c r="H8245" s="12"/>
    </row>
    <row r="8246" spans="8:8">
      <c r="H8246" s="12"/>
    </row>
    <row r="8247" spans="8:8">
      <c r="H8247" s="12"/>
    </row>
    <row r="8248" spans="8:8">
      <c r="H8248" s="12"/>
    </row>
    <row r="8249" spans="8:8">
      <c r="H8249" s="12"/>
    </row>
    <row r="8250" spans="8:8">
      <c r="H8250" s="12"/>
    </row>
    <row r="8251" spans="8:8">
      <c r="H8251" s="12"/>
    </row>
    <row r="8252" spans="8:8">
      <c r="H8252" s="12"/>
    </row>
    <row r="8253" spans="8:8">
      <c r="H8253" s="12"/>
    </row>
    <row r="8254" spans="8:8">
      <c r="H8254" s="12"/>
    </row>
    <row r="8255" spans="8:8">
      <c r="H8255" s="12"/>
    </row>
    <row r="8256" spans="8:8">
      <c r="H8256" s="12"/>
    </row>
    <row r="8257" spans="8:8">
      <c r="H8257" s="12"/>
    </row>
    <row r="8258" spans="8:8">
      <c r="H8258" s="12"/>
    </row>
    <row r="8259" spans="8:8">
      <c r="H8259" s="12"/>
    </row>
    <row r="8260" spans="8:8">
      <c r="H8260" s="12"/>
    </row>
    <row r="8261" spans="8:8">
      <c r="H8261" s="12"/>
    </row>
    <row r="8262" spans="8:8">
      <c r="H8262" s="12"/>
    </row>
    <row r="8263" spans="8:8">
      <c r="H8263" s="12"/>
    </row>
    <row r="8264" spans="8:8">
      <c r="H8264" s="12"/>
    </row>
    <row r="8265" spans="8:8">
      <c r="H8265" s="12"/>
    </row>
    <row r="8266" spans="8:8">
      <c r="H8266" s="12"/>
    </row>
    <row r="8267" spans="8:8">
      <c r="H8267" s="12"/>
    </row>
    <row r="8268" spans="8:8">
      <c r="H8268" s="12"/>
    </row>
    <row r="8269" spans="8:8">
      <c r="H8269" s="12"/>
    </row>
    <row r="8270" spans="8:8">
      <c r="H8270" s="12"/>
    </row>
    <row r="8271" spans="8:8">
      <c r="H8271" s="12"/>
    </row>
    <row r="8272" spans="8:8">
      <c r="H8272" s="12"/>
    </row>
    <row r="8273" spans="8:8">
      <c r="H8273" s="12"/>
    </row>
    <row r="8274" spans="8:8">
      <c r="H8274" s="12"/>
    </row>
    <row r="8275" spans="8:8">
      <c r="H8275" s="12"/>
    </row>
    <row r="8276" spans="8:8">
      <c r="H8276" s="12"/>
    </row>
    <row r="8277" spans="8:8">
      <c r="H8277" s="12"/>
    </row>
    <row r="8278" spans="8:8">
      <c r="H8278" s="12"/>
    </row>
    <row r="8279" spans="8:8">
      <c r="H8279" s="12"/>
    </row>
    <row r="8280" spans="8:8">
      <c r="H8280" s="12"/>
    </row>
    <row r="8281" spans="8:8">
      <c r="H8281" s="12"/>
    </row>
    <row r="8282" spans="8:8">
      <c r="H8282" s="12"/>
    </row>
    <row r="8283" spans="8:8">
      <c r="H8283" s="12"/>
    </row>
    <row r="8284" spans="8:8">
      <c r="H8284" s="12"/>
    </row>
    <row r="8285" spans="8:8">
      <c r="H8285" s="12"/>
    </row>
    <row r="8286" spans="8:8">
      <c r="H8286" s="12"/>
    </row>
    <row r="8287" spans="8:8">
      <c r="H8287" s="12"/>
    </row>
    <row r="8288" spans="8:8">
      <c r="H8288" s="12"/>
    </row>
    <row r="8289" spans="8:8">
      <c r="H8289" s="12"/>
    </row>
    <row r="8290" spans="8:8">
      <c r="H8290" s="12"/>
    </row>
    <row r="8291" spans="8:8">
      <c r="H8291" s="12"/>
    </row>
    <row r="8292" spans="8:8">
      <c r="H8292" s="12"/>
    </row>
    <row r="8293" spans="8:8">
      <c r="H8293" s="12"/>
    </row>
    <row r="8294" spans="8:8">
      <c r="H8294" s="12"/>
    </row>
    <row r="8295" spans="8:8">
      <c r="H8295" s="12"/>
    </row>
    <row r="8296" spans="8:8">
      <c r="H8296" s="12"/>
    </row>
    <row r="8297" spans="8:8">
      <c r="H8297" s="12"/>
    </row>
    <row r="8298" spans="8:8">
      <c r="H8298" s="12"/>
    </row>
    <row r="8299" spans="8:8">
      <c r="H8299" s="12"/>
    </row>
    <row r="8300" spans="8:8">
      <c r="H8300" s="12"/>
    </row>
    <row r="8301" spans="8:8">
      <c r="H8301" s="12"/>
    </row>
    <row r="8302" spans="8:8">
      <c r="H8302" s="12"/>
    </row>
    <row r="8303" spans="8:8">
      <c r="H8303" s="12"/>
    </row>
    <row r="8304" spans="8:8">
      <c r="H8304" s="12"/>
    </row>
    <row r="8305" spans="8:8">
      <c r="H8305" s="12"/>
    </row>
    <row r="8306" spans="8:8">
      <c r="H8306" s="12"/>
    </row>
    <row r="8307" spans="8:8">
      <c r="H8307" s="12"/>
    </row>
    <row r="8308" spans="8:8">
      <c r="H8308" s="12"/>
    </row>
    <row r="8309" spans="8:8">
      <c r="H8309" s="12"/>
    </row>
    <row r="8310" spans="8:8">
      <c r="H8310" s="12"/>
    </row>
    <row r="8311" spans="8:8">
      <c r="H8311" s="12"/>
    </row>
    <row r="8312" spans="8:8">
      <c r="H8312" s="12"/>
    </row>
    <row r="8313" spans="8:8">
      <c r="H8313" s="12"/>
    </row>
    <row r="8314" spans="8:8">
      <c r="H8314" s="12"/>
    </row>
    <row r="8315" spans="8:8">
      <c r="H8315" s="12"/>
    </row>
    <row r="8316" spans="8:8">
      <c r="H8316" s="12"/>
    </row>
    <row r="8317" spans="8:8">
      <c r="H8317" s="12"/>
    </row>
    <row r="8318" spans="8:8">
      <c r="H8318" s="12"/>
    </row>
    <row r="8319" spans="8:8">
      <c r="H8319" s="12"/>
    </row>
    <row r="8320" spans="8:8">
      <c r="H8320" s="12"/>
    </row>
    <row r="8321" spans="8:8">
      <c r="H8321" s="12"/>
    </row>
    <row r="8322" spans="8:8">
      <c r="H8322" s="12"/>
    </row>
    <row r="8323" spans="8:8">
      <c r="H8323" s="12"/>
    </row>
    <row r="8324" spans="8:8">
      <c r="H8324" s="12"/>
    </row>
    <row r="8325" spans="8:8">
      <c r="H8325" s="12"/>
    </row>
    <row r="8326" spans="8:8">
      <c r="H8326" s="12"/>
    </row>
    <row r="8327" spans="8:8">
      <c r="H8327" s="12"/>
    </row>
    <row r="8328" spans="8:8">
      <c r="H8328" s="12"/>
    </row>
    <row r="8329" spans="8:8">
      <c r="H8329" s="12"/>
    </row>
    <row r="8330" spans="8:8">
      <c r="H8330" s="12"/>
    </row>
    <row r="8331" spans="8:8">
      <c r="H8331" s="12"/>
    </row>
    <row r="8332" spans="8:8">
      <c r="H8332" s="12"/>
    </row>
    <row r="8333" spans="8:8">
      <c r="H8333" s="12"/>
    </row>
    <row r="8334" spans="8:8">
      <c r="H8334" s="12"/>
    </row>
    <row r="8335" spans="8:8">
      <c r="H8335" s="12"/>
    </row>
    <row r="8336" spans="8:8">
      <c r="H8336" s="12"/>
    </row>
    <row r="8337" spans="8:8">
      <c r="H8337" s="12"/>
    </row>
    <row r="8338" spans="8:8">
      <c r="H8338" s="12"/>
    </row>
    <row r="8339" spans="8:8">
      <c r="H8339" s="12"/>
    </row>
    <row r="8340" spans="8:8">
      <c r="H8340" s="12"/>
    </row>
    <row r="8341" spans="8:8">
      <c r="H8341" s="12"/>
    </row>
    <row r="8342" spans="8:8">
      <c r="H8342" s="12"/>
    </row>
    <row r="8343" spans="8:8">
      <c r="H8343" s="12"/>
    </row>
    <row r="8344" spans="8:8">
      <c r="H8344" s="12"/>
    </row>
    <row r="8345" spans="8:8">
      <c r="H8345" s="12"/>
    </row>
    <row r="8346" spans="8:8">
      <c r="H8346" s="12"/>
    </row>
    <row r="8347" spans="8:8">
      <c r="H8347" s="12"/>
    </row>
    <row r="8348" spans="8:8">
      <c r="H8348" s="12"/>
    </row>
    <row r="8349" spans="8:8">
      <c r="H8349" s="12"/>
    </row>
    <row r="8350" spans="8:8">
      <c r="H8350" s="12"/>
    </row>
    <row r="8351" spans="8:8">
      <c r="H8351" s="12"/>
    </row>
    <row r="8352" spans="8:8">
      <c r="H8352" s="12"/>
    </row>
    <row r="8353" spans="8:8">
      <c r="H8353" s="12"/>
    </row>
    <row r="8354" spans="8:8">
      <c r="H8354" s="12"/>
    </row>
    <row r="8355" spans="8:8">
      <c r="H8355" s="12"/>
    </row>
    <row r="8356" spans="8:8">
      <c r="H8356" s="12"/>
    </row>
    <row r="8357" spans="8:8">
      <c r="H8357" s="12"/>
    </row>
    <row r="8358" spans="8:8">
      <c r="H8358" s="12"/>
    </row>
    <row r="8359" spans="8:8">
      <c r="H8359" s="12"/>
    </row>
    <row r="8360" spans="8:8">
      <c r="H8360" s="12"/>
    </row>
    <row r="8361" spans="8:8">
      <c r="H8361" s="12"/>
    </row>
    <row r="8362" spans="8:8">
      <c r="H8362" s="12"/>
    </row>
    <row r="8363" spans="8:8">
      <c r="H8363" s="12"/>
    </row>
    <row r="8364" spans="8:8">
      <c r="H8364" s="12"/>
    </row>
    <row r="8365" spans="8:8">
      <c r="H8365" s="12"/>
    </row>
    <row r="8366" spans="8:8">
      <c r="H8366" s="12"/>
    </row>
    <row r="8367" spans="8:8">
      <c r="H8367" s="12"/>
    </row>
    <row r="8368" spans="8:8">
      <c r="H8368" s="12"/>
    </row>
    <row r="8369" spans="8:8">
      <c r="H8369" s="12"/>
    </row>
    <row r="8370" spans="8:8">
      <c r="H8370" s="12"/>
    </row>
    <row r="8371" spans="8:8">
      <c r="H8371" s="12"/>
    </row>
    <row r="8372" spans="8:8">
      <c r="H8372" s="12"/>
    </row>
    <row r="8373" spans="8:8">
      <c r="H8373" s="12"/>
    </row>
    <row r="8374" spans="8:8">
      <c r="H8374" s="12"/>
    </row>
    <row r="8375" spans="8:8">
      <c r="H8375" s="12"/>
    </row>
    <row r="8376" spans="8:8">
      <c r="H8376" s="12"/>
    </row>
    <row r="8377" spans="8:8">
      <c r="H8377" s="12"/>
    </row>
    <row r="8378" spans="8:8">
      <c r="H8378" s="12"/>
    </row>
    <row r="8379" spans="8:8">
      <c r="H8379" s="12"/>
    </row>
    <row r="8380" spans="8:8">
      <c r="H8380" s="12"/>
    </row>
    <row r="8381" spans="8:8">
      <c r="H8381" s="12"/>
    </row>
    <row r="8382" spans="8:8">
      <c r="H8382" s="12"/>
    </row>
    <row r="8383" spans="8:8">
      <c r="H8383" s="12"/>
    </row>
    <row r="8384" spans="8:8">
      <c r="H8384" s="12"/>
    </row>
    <row r="8385" spans="8:8">
      <c r="H8385" s="12"/>
    </row>
    <row r="8386" spans="8:8">
      <c r="H8386" s="12"/>
    </row>
    <row r="8387" spans="8:8">
      <c r="H8387" s="12"/>
    </row>
    <row r="8388" spans="8:8">
      <c r="H8388" s="12"/>
    </row>
    <row r="8389" spans="8:8">
      <c r="H8389" s="12"/>
    </row>
    <row r="8390" spans="8:8">
      <c r="H8390" s="12"/>
    </row>
    <row r="8391" spans="8:8">
      <c r="H8391" s="12"/>
    </row>
    <row r="8392" spans="8:8">
      <c r="H8392" s="12"/>
    </row>
    <row r="8393" spans="8:8">
      <c r="H8393" s="12"/>
    </row>
    <row r="8394" spans="8:8">
      <c r="H8394" s="12"/>
    </row>
    <row r="8395" spans="8:8">
      <c r="H8395" s="12"/>
    </row>
    <row r="8396" spans="8:8">
      <c r="H8396" s="12"/>
    </row>
    <row r="8397" spans="8:8">
      <c r="H8397" s="12"/>
    </row>
    <row r="8398" spans="8:8">
      <c r="H8398" s="12"/>
    </row>
    <row r="8399" spans="8:8">
      <c r="H8399" s="12"/>
    </row>
    <row r="8400" spans="8:8">
      <c r="H8400" s="12"/>
    </row>
    <row r="8401" spans="8:8">
      <c r="H8401" s="12"/>
    </row>
    <row r="8402" spans="8:8">
      <c r="H8402" s="12"/>
    </row>
    <row r="8403" spans="8:8">
      <c r="H8403" s="12"/>
    </row>
    <row r="8404" spans="8:8">
      <c r="H8404" s="12"/>
    </row>
    <row r="8405" spans="8:8">
      <c r="H8405" s="12"/>
    </row>
    <row r="8406" spans="8:8">
      <c r="H8406" s="12"/>
    </row>
    <row r="8407" spans="8:8">
      <c r="H8407" s="12"/>
    </row>
    <row r="8408" spans="8:8">
      <c r="H8408" s="12"/>
    </row>
    <row r="8409" spans="8:8">
      <c r="H8409" s="12"/>
    </row>
    <row r="8410" spans="8:8">
      <c r="H8410" s="12"/>
    </row>
    <row r="8411" spans="8:8">
      <c r="H8411" s="12"/>
    </row>
    <row r="8412" spans="8:8">
      <c r="H8412" s="12"/>
    </row>
    <row r="8413" spans="8:8">
      <c r="H8413" s="12"/>
    </row>
    <row r="8414" spans="8:8">
      <c r="H8414" s="12"/>
    </row>
    <row r="8415" spans="8:8">
      <c r="H8415" s="12"/>
    </row>
    <row r="8416" spans="8:8">
      <c r="H8416" s="12"/>
    </row>
    <row r="8417" spans="8:8">
      <c r="H8417" s="12"/>
    </row>
    <row r="8418" spans="8:8">
      <c r="H8418" s="12"/>
    </row>
    <row r="8419" spans="8:8">
      <c r="H8419" s="12"/>
    </row>
    <row r="8420" spans="8:8">
      <c r="H8420" s="12"/>
    </row>
    <row r="8421" spans="8:8">
      <c r="H8421" s="12"/>
    </row>
    <row r="8422" spans="8:8">
      <c r="H8422" s="12"/>
    </row>
    <row r="8423" spans="8:8">
      <c r="H8423" s="12"/>
    </row>
    <row r="8424" spans="8:8">
      <c r="H8424" s="12"/>
    </row>
    <row r="8425" spans="8:8">
      <c r="H8425" s="12"/>
    </row>
    <row r="8426" spans="8:8">
      <c r="H8426" s="12"/>
    </row>
    <row r="8427" spans="8:8">
      <c r="H8427" s="12"/>
    </row>
    <row r="8428" spans="8:8">
      <c r="H8428" s="12"/>
    </row>
    <row r="8429" spans="8:8">
      <c r="H8429" s="12"/>
    </row>
    <row r="8430" spans="8:8">
      <c r="H8430" s="12"/>
    </row>
    <row r="8431" spans="8:8">
      <c r="H8431" s="12"/>
    </row>
    <row r="8432" spans="8:8">
      <c r="H8432" s="12"/>
    </row>
    <row r="8433" spans="8:8">
      <c r="H8433" s="12"/>
    </row>
    <row r="8434" spans="8:8">
      <c r="H8434" s="12"/>
    </row>
    <row r="8435" spans="8:8">
      <c r="H8435" s="12"/>
    </row>
    <row r="8436" spans="8:8">
      <c r="H8436" s="12"/>
    </row>
    <row r="8437" spans="8:8">
      <c r="H8437" s="12"/>
    </row>
    <row r="8438" spans="8:8">
      <c r="H8438" s="12"/>
    </row>
    <row r="8439" spans="8:8">
      <c r="H8439" s="12"/>
    </row>
    <row r="8440" spans="8:8">
      <c r="H8440" s="12"/>
    </row>
    <row r="8441" spans="8:8">
      <c r="H8441" s="12"/>
    </row>
    <row r="8442" spans="8:8">
      <c r="H8442" s="12"/>
    </row>
    <row r="8443" spans="8:8">
      <c r="H8443" s="12"/>
    </row>
    <row r="8444" spans="8:8">
      <c r="H8444" s="12"/>
    </row>
    <row r="8445" spans="8:8">
      <c r="H8445" s="12"/>
    </row>
    <row r="8446" spans="8:8">
      <c r="H8446" s="12"/>
    </row>
    <row r="8447" spans="8:8">
      <c r="H8447" s="12"/>
    </row>
    <row r="8448" spans="8:8">
      <c r="H8448" s="12"/>
    </row>
    <row r="8449" spans="8:8">
      <c r="H8449" s="12"/>
    </row>
    <row r="8450" spans="8:8">
      <c r="H8450" s="12"/>
    </row>
    <row r="8451" spans="8:8">
      <c r="H8451" s="12"/>
    </row>
    <row r="8452" spans="8:8">
      <c r="H8452" s="12"/>
    </row>
    <row r="8453" spans="8:8">
      <c r="H8453" s="12"/>
    </row>
    <row r="8454" spans="8:8">
      <c r="H8454" s="12"/>
    </row>
    <row r="8455" spans="8:8">
      <c r="H8455" s="12"/>
    </row>
    <row r="8456" spans="8:8">
      <c r="H8456" s="12"/>
    </row>
    <row r="8457" spans="8:8">
      <c r="H8457" s="12"/>
    </row>
    <row r="8458" spans="8:8">
      <c r="H8458" s="12"/>
    </row>
    <row r="8459" spans="8:8">
      <c r="H8459" s="12"/>
    </row>
    <row r="8460" spans="8:8">
      <c r="H8460" s="12"/>
    </row>
    <row r="8461" spans="8:8">
      <c r="H8461" s="12"/>
    </row>
    <row r="8462" spans="8:8">
      <c r="H8462" s="12"/>
    </row>
    <row r="8463" spans="8:8">
      <c r="H8463" s="12"/>
    </row>
    <row r="8464" spans="8:8">
      <c r="H8464" s="12"/>
    </row>
    <row r="8465" spans="8:8">
      <c r="H8465" s="12"/>
    </row>
    <row r="8466" spans="8:8">
      <c r="H8466" s="12"/>
    </row>
    <row r="8467" spans="8:8">
      <c r="H8467" s="12"/>
    </row>
    <row r="8468" spans="8:8">
      <c r="H8468" s="12"/>
    </row>
    <row r="8469" spans="8:8">
      <c r="H8469" s="12"/>
    </row>
    <row r="8470" spans="8:8">
      <c r="H8470" s="12"/>
    </row>
    <row r="8471" spans="8:8">
      <c r="H8471" s="12"/>
    </row>
    <row r="8472" spans="8:8">
      <c r="H8472" s="12"/>
    </row>
    <row r="8473" spans="8:8">
      <c r="H8473" s="12"/>
    </row>
    <row r="8474" spans="8:8">
      <c r="H8474" s="12"/>
    </row>
    <row r="8475" spans="8:8">
      <c r="H8475" s="12"/>
    </row>
    <row r="8476" spans="8:8">
      <c r="H8476" s="12"/>
    </row>
    <row r="8477" spans="8:8">
      <c r="H8477" s="12"/>
    </row>
    <row r="8478" spans="8:8">
      <c r="H8478" s="12"/>
    </row>
    <row r="8479" spans="8:8">
      <c r="H8479" s="12"/>
    </row>
    <row r="8480" spans="8:8">
      <c r="H8480" s="12"/>
    </row>
    <row r="8481" spans="8:8">
      <c r="H8481" s="12"/>
    </row>
    <row r="8482" spans="8:8">
      <c r="H8482" s="12"/>
    </row>
    <row r="8483" spans="8:8">
      <c r="H8483" s="12"/>
    </row>
    <row r="8484" spans="8:8">
      <c r="H8484" s="12"/>
    </row>
    <row r="8485" spans="8:8">
      <c r="H8485" s="12"/>
    </row>
    <row r="8486" spans="8:8">
      <c r="H8486" s="12"/>
    </row>
    <row r="8487" spans="8:8">
      <c r="H8487" s="12"/>
    </row>
    <row r="8488" spans="8:8">
      <c r="H8488" s="12"/>
    </row>
    <row r="8489" spans="8:8">
      <c r="H8489" s="12"/>
    </row>
    <row r="8490" spans="8:8">
      <c r="H8490" s="12"/>
    </row>
    <row r="8491" spans="8:8">
      <c r="H8491" s="12"/>
    </row>
    <row r="8492" spans="8:8">
      <c r="H8492" s="12"/>
    </row>
    <row r="8493" spans="8:8">
      <c r="H8493" s="12"/>
    </row>
    <row r="8494" spans="8:8">
      <c r="H8494" s="12"/>
    </row>
    <row r="8495" spans="8:8">
      <c r="H8495" s="12"/>
    </row>
    <row r="8496" spans="8:8">
      <c r="H8496" s="12"/>
    </row>
    <row r="8497" spans="8:8">
      <c r="H8497" s="12"/>
    </row>
    <row r="8498" spans="8:8">
      <c r="H8498" s="12"/>
    </row>
    <row r="8499" spans="8:8">
      <c r="H8499" s="12"/>
    </row>
    <row r="8500" spans="8:8">
      <c r="H8500" s="12"/>
    </row>
    <row r="8501" spans="8:8">
      <c r="H8501" s="12"/>
    </row>
    <row r="8502" spans="8:8">
      <c r="H8502" s="12"/>
    </row>
    <row r="8503" spans="8:8">
      <c r="H8503" s="12"/>
    </row>
    <row r="8504" spans="8:8">
      <c r="H8504" s="12"/>
    </row>
    <row r="8505" spans="8:8">
      <c r="H8505" s="12"/>
    </row>
    <row r="8506" spans="8:8">
      <c r="H8506" s="12"/>
    </row>
    <row r="8507" spans="8:8">
      <c r="H8507" s="12"/>
    </row>
    <row r="8508" spans="8:8">
      <c r="H8508" s="12"/>
    </row>
    <row r="8509" spans="8:8">
      <c r="H8509" s="12"/>
    </row>
    <row r="8510" spans="8:8">
      <c r="H8510" s="12"/>
    </row>
    <row r="8511" spans="8:8">
      <c r="H8511" s="12"/>
    </row>
    <row r="8512" spans="8:8">
      <c r="H8512" s="12"/>
    </row>
    <row r="8513" spans="8:8">
      <c r="H8513" s="12"/>
    </row>
    <row r="8514" spans="8:8">
      <c r="H8514" s="12"/>
    </row>
    <row r="8515" spans="8:8">
      <c r="H8515" s="12"/>
    </row>
    <row r="8516" spans="8:8">
      <c r="H8516" s="12"/>
    </row>
    <row r="8517" spans="8:8">
      <c r="H8517" s="12"/>
    </row>
    <row r="8518" spans="8:8">
      <c r="H8518" s="12"/>
    </row>
    <row r="8519" spans="8:8">
      <c r="H8519" s="12"/>
    </row>
    <row r="8520" spans="8:8">
      <c r="H8520" s="12"/>
    </row>
    <row r="8521" spans="8:8">
      <c r="H8521" s="12"/>
    </row>
    <row r="8522" spans="8:8">
      <c r="H8522" s="12"/>
    </row>
    <row r="8523" spans="8:8">
      <c r="H8523" s="12"/>
    </row>
    <row r="8524" spans="8:8">
      <c r="H8524" s="12"/>
    </row>
    <row r="8525" spans="8:8">
      <c r="H8525" s="12"/>
    </row>
    <row r="8526" spans="8:8">
      <c r="H8526" s="12"/>
    </row>
    <row r="8527" spans="8:8">
      <c r="H8527" s="12"/>
    </row>
    <row r="8528" spans="8:8">
      <c r="H8528" s="12"/>
    </row>
    <row r="8529" spans="8:8">
      <c r="H8529" s="12"/>
    </row>
    <row r="8530" spans="8:8">
      <c r="H8530" s="12"/>
    </row>
    <row r="8531" spans="8:8">
      <c r="H8531" s="12"/>
    </row>
    <row r="8532" spans="8:8">
      <c r="H8532" s="12"/>
    </row>
    <row r="8533" spans="8:8">
      <c r="H8533" s="12"/>
    </row>
    <row r="8534" spans="8:8">
      <c r="H8534" s="12"/>
    </row>
    <row r="8535" spans="8:8">
      <c r="H8535" s="12"/>
    </row>
    <row r="8536" spans="8:8">
      <c r="H8536" s="12"/>
    </row>
    <row r="8537" spans="8:8">
      <c r="H8537" s="12"/>
    </row>
    <row r="8538" spans="8:8">
      <c r="H8538" s="12"/>
    </row>
    <row r="8539" spans="8:8">
      <c r="H8539" s="12"/>
    </row>
    <row r="8540" spans="8:8">
      <c r="H8540" s="12"/>
    </row>
    <row r="8541" spans="8:8">
      <c r="H8541" s="12"/>
    </row>
    <row r="8542" spans="8:8">
      <c r="H8542" s="12"/>
    </row>
    <row r="8543" spans="8:8">
      <c r="H8543" s="12"/>
    </row>
    <row r="8544" spans="8:8">
      <c r="H8544" s="12"/>
    </row>
    <row r="8545" spans="8:8">
      <c r="H8545" s="12"/>
    </row>
    <row r="8546" spans="8:8">
      <c r="H8546" s="12"/>
    </row>
    <row r="8547" spans="8:8">
      <c r="H8547" s="12"/>
    </row>
    <row r="8548" spans="8:8">
      <c r="H8548" s="12"/>
    </row>
    <row r="8549" spans="8:8">
      <c r="H8549" s="12"/>
    </row>
    <row r="8550" spans="8:8">
      <c r="H8550" s="12"/>
    </row>
    <row r="8551" spans="8:8">
      <c r="H8551" s="12"/>
    </row>
    <row r="8552" spans="8:8">
      <c r="H8552" s="12"/>
    </row>
    <row r="8553" spans="8:8">
      <c r="H8553" s="12"/>
    </row>
    <row r="8554" spans="8:8">
      <c r="H8554" s="12"/>
    </row>
    <row r="8555" spans="8:8">
      <c r="H8555" s="12"/>
    </row>
    <row r="8556" spans="8:8">
      <c r="H8556" s="12"/>
    </row>
    <row r="8557" spans="8:8">
      <c r="H8557" s="12"/>
    </row>
    <row r="8558" spans="8:8">
      <c r="H8558" s="12"/>
    </row>
    <row r="8559" spans="8:8">
      <c r="H8559" s="12"/>
    </row>
    <row r="8560" spans="8:8">
      <c r="H8560" s="12"/>
    </row>
    <row r="8561" spans="8:8">
      <c r="H8561" s="12"/>
    </row>
    <row r="8562" spans="8:8">
      <c r="H8562" s="12"/>
    </row>
    <row r="8563" spans="8:8">
      <c r="H8563" s="12"/>
    </row>
    <row r="8564" spans="8:8">
      <c r="H8564" s="12"/>
    </row>
    <row r="8565" spans="8:8">
      <c r="H8565" s="12"/>
    </row>
    <row r="8566" spans="8:8">
      <c r="H8566" s="12"/>
    </row>
    <row r="8567" spans="8:8">
      <c r="H8567" s="12"/>
    </row>
    <row r="8568" spans="8:8">
      <c r="H8568" s="12"/>
    </row>
    <row r="8569" spans="8:8">
      <c r="H8569" s="12"/>
    </row>
    <row r="8570" spans="8:8">
      <c r="H8570" s="12"/>
    </row>
    <row r="8571" spans="8:8">
      <c r="H8571" s="12"/>
    </row>
    <row r="8572" spans="8:8">
      <c r="H8572" s="12"/>
    </row>
    <row r="8573" spans="8:8">
      <c r="H8573" s="12"/>
    </row>
    <row r="8574" spans="8:8">
      <c r="H8574" s="12"/>
    </row>
    <row r="8575" spans="8:8">
      <c r="H8575" s="12"/>
    </row>
    <row r="8576" spans="8:8">
      <c r="H8576" s="12"/>
    </row>
    <row r="8577" spans="8:8">
      <c r="H8577" s="12"/>
    </row>
    <row r="8578" spans="8:8">
      <c r="H8578" s="12"/>
    </row>
    <row r="8579" spans="8:8">
      <c r="H8579" s="12"/>
    </row>
    <row r="8580" spans="8:8">
      <c r="H8580" s="12"/>
    </row>
    <row r="8581" spans="8:8">
      <c r="H8581" s="12"/>
    </row>
    <row r="8582" spans="8:8">
      <c r="H8582" s="12"/>
    </row>
    <row r="8583" spans="8:8">
      <c r="H8583" s="12"/>
    </row>
    <row r="8584" spans="8:8">
      <c r="H8584" s="12"/>
    </row>
    <row r="8585" spans="8:8">
      <c r="H8585" s="12"/>
    </row>
    <row r="8586" spans="8:8">
      <c r="H8586" s="12"/>
    </row>
    <row r="8587" spans="8:8">
      <c r="H8587" s="12"/>
    </row>
    <row r="8588" spans="8:8">
      <c r="H8588" s="12"/>
    </row>
    <row r="8589" spans="8:8">
      <c r="H8589" s="12"/>
    </row>
    <row r="8590" spans="8:8">
      <c r="H8590" s="12"/>
    </row>
    <row r="8591" spans="8:8">
      <c r="H8591" s="12"/>
    </row>
    <row r="8592" spans="8:8">
      <c r="H8592" s="12"/>
    </row>
    <row r="8593" spans="8:8">
      <c r="H8593" s="12"/>
    </row>
    <row r="8594" spans="8:8">
      <c r="H8594" s="12"/>
    </row>
    <row r="8595" spans="8:8">
      <c r="H8595" s="12"/>
    </row>
    <row r="8596" spans="8:8">
      <c r="H8596" s="12"/>
    </row>
    <row r="8597" spans="8:8">
      <c r="H8597" s="12"/>
    </row>
    <row r="8598" spans="8:8">
      <c r="H8598" s="12"/>
    </row>
    <row r="8599" spans="8:8">
      <c r="H8599" s="12"/>
    </row>
    <row r="8600" spans="8:8">
      <c r="H8600" s="12"/>
    </row>
    <row r="8601" spans="8:8">
      <c r="H8601" s="12"/>
    </row>
    <row r="8602" spans="8:8">
      <c r="H8602" s="12"/>
    </row>
    <row r="8603" spans="8:8">
      <c r="H8603" s="12"/>
    </row>
    <row r="8604" spans="8:8">
      <c r="H8604" s="12"/>
    </row>
    <row r="8605" spans="8:8">
      <c r="H8605" s="12"/>
    </row>
    <row r="8606" spans="8:8">
      <c r="H8606" s="12"/>
    </row>
    <row r="8607" spans="8:8">
      <c r="H8607" s="12"/>
    </row>
    <row r="8608" spans="8:8">
      <c r="H8608" s="12"/>
    </row>
    <row r="8609" spans="8:8">
      <c r="H8609" s="12"/>
    </row>
    <row r="8610" spans="8:8">
      <c r="H8610" s="12"/>
    </row>
    <row r="8611" spans="8:8">
      <c r="H8611" s="12"/>
    </row>
    <row r="8612" spans="8:8">
      <c r="H8612" s="12"/>
    </row>
    <row r="8613" spans="8:8">
      <c r="H8613" s="12"/>
    </row>
    <row r="8614" spans="8:8">
      <c r="H8614" s="12"/>
    </row>
    <row r="8615" spans="8:8">
      <c r="H8615" s="12"/>
    </row>
    <row r="8616" spans="8:8">
      <c r="H8616" s="12"/>
    </row>
    <row r="8617" spans="8:8">
      <c r="H8617" s="12"/>
    </row>
    <row r="8618" spans="8:8">
      <c r="H8618" s="12"/>
    </row>
    <row r="8619" spans="8:8">
      <c r="H8619" s="12"/>
    </row>
    <row r="8620" spans="8:8">
      <c r="H8620" s="12"/>
    </row>
    <row r="8621" spans="8:8">
      <c r="H8621" s="12"/>
    </row>
    <row r="8622" spans="8:8">
      <c r="H8622" s="12"/>
    </row>
    <row r="8623" spans="8:8">
      <c r="H8623" s="12"/>
    </row>
    <row r="8624" spans="8:8">
      <c r="H8624" s="12"/>
    </row>
    <row r="8625" spans="8:8">
      <c r="H8625" s="12"/>
    </row>
    <row r="8626" spans="8:8">
      <c r="H8626" s="12"/>
    </row>
    <row r="8627" spans="8:8">
      <c r="H8627" s="12"/>
    </row>
    <row r="8628" spans="8:8">
      <c r="H8628" s="12"/>
    </row>
    <row r="8629" spans="8:8">
      <c r="H8629" s="12"/>
    </row>
    <row r="8630" spans="8:8">
      <c r="H8630" s="12"/>
    </row>
    <row r="8631" spans="8:8">
      <c r="H8631" s="12"/>
    </row>
    <row r="8632" spans="8:8">
      <c r="H8632" s="12"/>
    </row>
    <row r="8633" spans="8:8">
      <c r="H8633" s="12"/>
    </row>
    <row r="8634" spans="8:8">
      <c r="H8634" s="12"/>
    </row>
    <row r="8635" spans="8:8">
      <c r="H8635" s="12"/>
    </row>
    <row r="8636" spans="8:8">
      <c r="H8636" s="12"/>
    </row>
    <row r="8637" spans="8:8">
      <c r="H8637" s="12"/>
    </row>
    <row r="8638" spans="8:8">
      <c r="H8638" s="12"/>
    </row>
    <row r="8639" spans="8:8">
      <c r="H8639" s="12"/>
    </row>
    <row r="8640" spans="8:8">
      <c r="H8640" s="12"/>
    </row>
    <row r="8641" spans="8:8">
      <c r="H8641" s="12"/>
    </row>
    <row r="8642" spans="8:8">
      <c r="H8642" s="12"/>
    </row>
    <row r="8643" spans="8:8">
      <c r="H8643" s="12"/>
    </row>
    <row r="8644" spans="8:8">
      <c r="H8644" s="12"/>
    </row>
    <row r="8645" spans="8:8">
      <c r="H8645" s="12"/>
    </row>
    <row r="8646" spans="8:8">
      <c r="H8646" s="12"/>
    </row>
    <row r="8647" spans="8:8">
      <c r="H8647" s="12"/>
    </row>
    <row r="8648" spans="8:8">
      <c r="H8648" s="12"/>
    </row>
    <row r="8649" spans="8:8">
      <c r="H8649" s="12"/>
    </row>
    <row r="8650" spans="8:8">
      <c r="H8650" s="12"/>
    </row>
    <row r="8651" spans="8:8">
      <c r="H8651" s="12"/>
    </row>
    <row r="8652" spans="8:8">
      <c r="H8652" s="12"/>
    </row>
    <row r="8653" spans="8:8">
      <c r="H8653" s="12"/>
    </row>
    <row r="8654" spans="8:8">
      <c r="H8654" s="12"/>
    </row>
    <row r="8655" spans="8:8">
      <c r="H8655" s="12"/>
    </row>
    <row r="8656" spans="8:8">
      <c r="H8656" s="12"/>
    </row>
    <row r="8657" spans="8:8">
      <c r="H8657" s="12"/>
    </row>
    <row r="8658" spans="8:8">
      <c r="H8658" s="12"/>
    </row>
    <row r="8659" spans="8:8">
      <c r="H8659" s="12"/>
    </row>
    <row r="8660" spans="8:8">
      <c r="H8660" s="12"/>
    </row>
    <row r="8661" spans="8:8">
      <c r="H8661" s="12"/>
    </row>
    <row r="8662" spans="8:8">
      <c r="H8662" s="12"/>
    </row>
    <row r="8663" spans="8:8">
      <c r="H8663" s="12"/>
    </row>
    <row r="8664" spans="8:8">
      <c r="H8664" s="12"/>
    </row>
    <row r="8665" spans="8:8">
      <c r="H8665" s="12"/>
    </row>
    <row r="8666" spans="8:8">
      <c r="H8666" s="12"/>
    </row>
    <row r="8667" spans="8:8">
      <c r="H8667" s="12"/>
    </row>
    <row r="8668" spans="8:8">
      <c r="H8668" s="12"/>
    </row>
    <row r="8669" spans="8:8">
      <c r="H8669" s="12"/>
    </row>
    <row r="8670" spans="8:8">
      <c r="H8670" s="12"/>
    </row>
    <row r="8671" spans="8:8">
      <c r="H8671" s="12"/>
    </row>
    <row r="8672" spans="8:8">
      <c r="H8672" s="12"/>
    </row>
    <row r="8673" spans="8:8">
      <c r="H8673" s="12"/>
    </row>
    <row r="8674" spans="8:8">
      <c r="H8674" s="12"/>
    </row>
    <row r="8675" spans="8:8">
      <c r="H8675" s="12"/>
    </row>
    <row r="8676" spans="8:8">
      <c r="H8676" s="12"/>
    </row>
    <row r="8677" spans="8:8">
      <c r="H8677" s="12"/>
    </row>
    <row r="8678" spans="8:8">
      <c r="H8678" s="12"/>
    </row>
    <row r="8679" spans="8:8">
      <c r="H8679" s="12"/>
    </row>
    <row r="8680" spans="8:8">
      <c r="H8680" s="12"/>
    </row>
    <row r="8681" spans="8:8">
      <c r="H8681" s="12"/>
    </row>
    <row r="8682" spans="8:8">
      <c r="H8682" s="12"/>
    </row>
    <row r="8683" spans="8:8">
      <c r="H8683" s="12"/>
    </row>
    <row r="8684" spans="8:8">
      <c r="H8684" s="12"/>
    </row>
    <row r="8685" spans="8:8">
      <c r="H8685" s="12"/>
    </row>
    <row r="8686" spans="8:8">
      <c r="H8686" s="12"/>
    </row>
    <row r="8687" spans="8:8">
      <c r="H8687" s="12"/>
    </row>
    <row r="8688" spans="8:8">
      <c r="H8688" s="12"/>
    </row>
    <row r="8689" spans="8:8">
      <c r="H8689" s="12"/>
    </row>
    <row r="8690" spans="8:8">
      <c r="H8690" s="12"/>
    </row>
    <row r="8691" spans="8:8">
      <c r="H8691" s="12"/>
    </row>
    <row r="8692" spans="8:8">
      <c r="H8692" s="12"/>
    </row>
    <row r="8693" spans="8:8">
      <c r="H8693" s="12"/>
    </row>
    <row r="8694" spans="8:8">
      <c r="H8694" s="12"/>
    </row>
    <row r="8695" spans="8:8">
      <c r="H8695" s="12"/>
    </row>
    <row r="8696" spans="8:8">
      <c r="H8696" s="12"/>
    </row>
    <row r="8697" spans="8:8">
      <c r="H8697" s="12"/>
    </row>
    <row r="8698" spans="8:8">
      <c r="H8698" s="12"/>
    </row>
    <row r="8699" spans="8:8">
      <c r="H8699" s="12"/>
    </row>
    <row r="8700" spans="8:8">
      <c r="H8700" s="12"/>
    </row>
    <row r="8701" spans="8:8">
      <c r="H8701" s="12"/>
    </row>
    <row r="8702" spans="8:8">
      <c r="H8702" s="12"/>
    </row>
    <row r="8703" spans="8:8">
      <c r="H8703" s="12"/>
    </row>
    <row r="8704" spans="8:8">
      <c r="H8704" s="12"/>
    </row>
    <row r="8705" spans="8:8">
      <c r="H8705" s="12"/>
    </row>
    <row r="8706" spans="8:8">
      <c r="H8706" s="12"/>
    </row>
    <row r="8707" spans="8:8">
      <c r="H8707" s="12"/>
    </row>
    <row r="8708" spans="8:8">
      <c r="H8708" s="12"/>
    </row>
    <row r="8709" spans="8:8">
      <c r="H8709" s="12"/>
    </row>
    <row r="8710" spans="8:8">
      <c r="H8710" s="12"/>
    </row>
    <row r="8711" spans="8:8">
      <c r="H8711" s="12"/>
    </row>
    <row r="8712" spans="8:8">
      <c r="H8712" s="12"/>
    </row>
    <row r="8713" spans="8:8">
      <c r="H8713" s="12"/>
    </row>
    <row r="8714" spans="8:8">
      <c r="H8714" s="12"/>
    </row>
    <row r="8715" spans="8:8">
      <c r="H8715" s="12"/>
    </row>
    <row r="8716" spans="8:8">
      <c r="H8716" s="12"/>
    </row>
    <row r="8717" spans="8:8">
      <c r="H8717" s="12"/>
    </row>
    <row r="8718" spans="8:8">
      <c r="H8718" s="12"/>
    </row>
    <row r="8719" spans="8:8">
      <c r="H8719" s="12"/>
    </row>
    <row r="8720" spans="8:8">
      <c r="H8720" s="12"/>
    </row>
    <row r="8721" spans="8:8">
      <c r="H8721" s="12"/>
    </row>
    <row r="8722" spans="8:8">
      <c r="H8722" s="12"/>
    </row>
    <row r="8723" spans="8:8">
      <c r="H8723" s="12"/>
    </row>
    <row r="8724" spans="8:8">
      <c r="H8724" s="12"/>
    </row>
    <row r="8725" spans="8:8">
      <c r="H8725" s="12"/>
    </row>
    <row r="8726" spans="8:8">
      <c r="H8726" s="12"/>
    </row>
    <row r="8727" spans="8:8">
      <c r="H8727" s="12"/>
    </row>
    <row r="8728" spans="8:8">
      <c r="H8728" s="12"/>
    </row>
    <row r="8729" spans="8:8">
      <c r="H8729" s="12"/>
    </row>
    <row r="8730" spans="8:8">
      <c r="H8730" s="12"/>
    </row>
    <row r="8731" spans="8:8">
      <c r="H8731" s="12"/>
    </row>
    <row r="8732" spans="8:8">
      <c r="H8732" s="12"/>
    </row>
    <row r="8733" spans="8:8">
      <c r="H8733" s="12"/>
    </row>
    <row r="8734" spans="8:8">
      <c r="H8734" s="12"/>
    </row>
    <row r="8735" spans="8:8">
      <c r="H8735" s="12"/>
    </row>
    <row r="8736" spans="8:8">
      <c r="H8736" s="12"/>
    </row>
    <row r="8737" spans="8:8">
      <c r="H8737" s="12"/>
    </row>
    <row r="8738" spans="8:8">
      <c r="H8738" s="12"/>
    </row>
    <row r="8739" spans="8:8">
      <c r="H8739" s="12"/>
    </row>
    <row r="8740" spans="8:8">
      <c r="H8740" s="12"/>
    </row>
    <row r="8741" spans="8:8">
      <c r="H8741" s="12"/>
    </row>
    <row r="8742" spans="8:8">
      <c r="H8742" s="12"/>
    </row>
    <row r="8743" spans="8:8">
      <c r="H8743" s="12"/>
    </row>
    <row r="8744" spans="8:8">
      <c r="H8744" s="12"/>
    </row>
    <row r="8745" spans="8:8">
      <c r="H8745" s="12"/>
    </row>
    <row r="8746" spans="8:8">
      <c r="H8746" s="12"/>
    </row>
    <row r="8747" spans="8:8">
      <c r="H8747" s="12"/>
    </row>
    <row r="8748" spans="8:8">
      <c r="H8748" s="12"/>
    </row>
    <row r="8749" spans="8:8">
      <c r="H8749" s="12"/>
    </row>
    <row r="8750" spans="8:8">
      <c r="H8750" s="12"/>
    </row>
    <row r="8751" spans="8:8">
      <c r="H8751" s="12"/>
    </row>
    <row r="8752" spans="8:8">
      <c r="H8752" s="12"/>
    </row>
    <row r="8753" spans="8:8">
      <c r="H8753" s="12"/>
    </row>
    <row r="8754" spans="8:8">
      <c r="H8754" s="12"/>
    </row>
    <row r="8755" spans="8:8">
      <c r="H8755" s="12"/>
    </row>
    <row r="8756" spans="8:8">
      <c r="H8756" s="12"/>
    </row>
    <row r="8757" spans="8:8">
      <c r="H8757" s="12"/>
    </row>
    <row r="8758" spans="8:8">
      <c r="H8758" s="12"/>
    </row>
    <row r="8759" spans="8:8">
      <c r="H8759" s="12"/>
    </row>
    <row r="8760" spans="8:8">
      <c r="H8760" s="12"/>
    </row>
    <row r="8761" spans="8:8">
      <c r="H8761" s="12"/>
    </row>
    <row r="8762" spans="8:8">
      <c r="H8762" s="12"/>
    </row>
    <row r="8763" spans="8:8">
      <c r="H8763" s="12"/>
    </row>
    <row r="8764" spans="8:8">
      <c r="H8764" s="12"/>
    </row>
    <row r="8765" spans="8:8">
      <c r="H8765" s="12"/>
    </row>
    <row r="8766" spans="8:8">
      <c r="H8766" s="12"/>
    </row>
    <row r="8767" spans="8:8">
      <c r="H8767" s="12"/>
    </row>
    <row r="8768" spans="8:8">
      <c r="H8768" s="12"/>
    </row>
    <row r="8769" spans="8:8">
      <c r="H8769" s="12"/>
    </row>
    <row r="8770" spans="8:8">
      <c r="H8770" s="12"/>
    </row>
    <row r="8771" spans="8:8">
      <c r="H8771" s="12"/>
    </row>
    <row r="8772" spans="8:8">
      <c r="H8772" s="12"/>
    </row>
    <row r="8773" spans="8:8">
      <c r="H8773" s="12"/>
    </row>
    <row r="8774" spans="8:8">
      <c r="H8774" s="12"/>
    </row>
    <row r="8775" spans="8:8">
      <c r="H8775" s="12"/>
    </row>
    <row r="8776" spans="8:8">
      <c r="H8776" s="12"/>
    </row>
    <row r="8777" spans="8:8">
      <c r="H8777" s="12"/>
    </row>
    <row r="8778" spans="8:8">
      <c r="H8778" s="12"/>
    </row>
    <row r="8779" spans="8:8">
      <c r="H8779" s="12"/>
    </row>
    <row r="8780" spans="8:8">
      <c r="H8780" s="12"/>
    </row>
    <row r="8781" spans="8:8">
      <c r="H8781" s="12"/>
    </row>
    <row r="8782" spans="8:8">
      <c r="H8782" s="12"/>
    </row>
    <row r="8783" spans="8:8">
      <c r="H8783" s="12"/>
    </row>
    <row r="8784" spans="8:8">
      <c r="H8784" s="12"/>
    </row>
    <row r="8785" spans="8:8">
      <c r="H8785" s="12"/>
    </row>
    <row r="8786" spans="8:8">
      <c r="H8786" s="12"/>
    </row>
    <row r="8787" spans="8:8">
      <c r="H8787" s="12"/>
    </row>
    <row r="8788" spans="8:8">
      <c r="H8788" s="12"/>
    </row>
    <row r="8789" spans="8:8">
      <c r="H8789" s="12"/>
    </row>
    <row r="8790" spans="8:8">
      <c r="H8790" s="12"/>
    </row>
    <row r="8791" spans="8:8">
      <c r="H8791" s="12"/>
    </row>
    <row r="8792" spans="8:8">
      <c r="H8792" s="12"/>
    </row>
    <row r="8793" spans="8:8">
      <c r="H8793" s="12"/>
    </row>
    <row r="8794" spans="8:8">
      <c r="H8794" s="12"/>
    </row>
    <row r="8795" spans="8:8">
      <c r="H8795" s="12"/>
    </row>
    <row r="8796" spans="8:8">
      <c r="H8796" s="12"/>
    </row>
    <row r="8797" spans="8:8">
      <c r="H8797" s="12"/>
    </row>
    <row r="8798" spans="8:8">
      <c r="H8798" s="12"/>
    </row>
    <row r="8799" spans="8:8">
      <c r="H8799" s="12"/>
    </row>
    <row r="8800" spans="8:8">
      <c r="H8800" s="12"/>
    </row>
    <row r="8801" spans="8:8">
      <c r="H8801" s="12"/>
    </row>
    <row r="8802" spans="8:8">
      <c r="H8802" s="12"/>
    </row>
    <row r="8803" spans="8:8">
      <c r="H8803" s="12"/>
    </row>
    <row r="8804" spans="8:8">
      <c r="H8804" s="12"/>
    </row>
    <row r="8805" spans="8:8">
      <c r="H8805" s="12"/>
    </row>
    <row r="8806" spans="8:8">
      <c r="H8806" s="12"/>
    </row>
    <row r="8807" spans="8:8">
      <c r="H8807" s="12"/>
    </row>
    <row r="8808" spans="8:8">
      <c r="H8808" s="12"/>
    </row>
    <row r="8809" spans="8:8">
      <c r="H8809" s="12"/>
    </row>
    <row r="8810" spans="8:8">
      <c r="H8810" s="12"/>
    </row>
    <row r="8811" spans="8:8">
      <c r="H8811" s="12"/>
    </row>
    <row r="8812" spans="8:8">
      <c r="H8812" s="12"/>
    </row>
    <row r="8813" spans="8:8">
      <c r="H8813" s="12"/>
    </row>
    <row r="8814" spans="8:8">
      <c r="H8814" s="12"/>
    </row>
    <row r="8815" spans="8:8">
      <c r="H8815" s="12"/>
    </row>
    <row r="8816" spans="8:8">
      <c r="H8816" s="12"/>
    </row>
    <row r="8817" spans="8:8">
      <c r="H8817" s="12"/>
    </row>
    <row r="8818" spans="8:8">
      <c r="H8818" s="12"/>
    </row>
    <row r="8819" spans="8:8">
      <c r="H8819" s="12"/>
    </row>
    <row r="8820" spans="8:8">
      <c r="H8820" s="12"/>
    </row>
    <row r="8821" spans="8:8">
      <c r="H8821" s="12"/>
    </row>
    <row r="8822" spans="8:8">
      <c r="H8822" s="12"/>
    </row>
    <row r="8823" spans="8:8">
      <c r="H8823" s="12"/>
    </row>
    <row r="8824" spans="8:8">
      <c r="H8824" s="12"/>
    </row>
    <row r="8825" spans="8:8">
      <c r="H8825" s="12"/>
    </row>
    <row r="8826" spans="8:8">
      <c r="H8826" s="12"/>
    </row>
    <row r="8827" spans="8:8">
      <c r="H8827" s="12"/>
    </row>
    <row r="8828" spans="8:8">
      <c r="H8828" s="12"/>
    </row>
    <row r="8829" spans="8:8">
      <c r="H8829" s="12"/>
    </row>
    <row r="8830" spans="8:8">
      <c r="H8830" s="12"/>
    </row>
    <row r="8831" spans="8:8">
      <c r="H8831" s="12"/>
    </row>
    <row r="8832" spans="8:8">
      <c r="H8832" s="12"/>
    </row>
    <row r="8833" spans="8:8">
      <c r="H8833" s="12"/>
    </row>
    <row r="8834" spans="8:8">
      <c r="H8834" s="12"/>
    </row>
    <row r="8835" spans="8:8">
      <c r="H8835" s="12"/>
    </row>
    <row r="8836" spans="8:8">
      <c r="H8836" s="12"/>
    </row>
    <row r="8837" spans="8:8">
      <c r="H8837" s="12"/>
    </row>
    <row r="8838" spans="8:8">
      <c r="H8838" s="12"/>
    </row>
    <row r="8839" spans="8:8">
      <c r="H8839" s="12"/>
    </row>
    <row r="8840" spans="8:8">
      <c r="H8840" s="12"/>
    </row>
    <row r="8841" spans="8:8">
      <c r="H8841" s="12"/>
    </row>
    <row r="8842" spans="8:8">
      <c r="H8842" s="12"/>
    </row>
    <row r="8843" spans="8:8">
      <c r="H8843" s="12"/>
    </row>
    <row r="8844" spans="8:8">
      <c r="H8844" s="12"/>
    </row>
    <row r="8845" spans="8:8">
      <c r="H8845" s="12"/>
    </row>
    <row r="8846" spans="8:8">
      <c r="H8846" s="12"/>
    </row>
    <row r="8847" spans="8:8">
      <c r="H8847" s="12"/>
    </row>
    <row r="8848" spans="8:8">
      <c r="H8848" s="12"/>
    </row>
    <row r="8849" spans="8:8">
      <c r="H8849" s="12"/>
    </row>
    <row r="8850" spans="8:8">
      <c r="H8850" s="12"/>
    </row>
    <row r="8851" spans="8:8">
      <c r="H8851" s="12"/>
    </row>
    <row r="8852" spans="8:8">
      <c r="H8852" s="12"/>
    </row>
    <row r="8853" spans="8:8">
      <c r="H8853" s="12"/>
    </row>
    <row r="8854" spans="8:8">
      <c r="H8854" s="12"/>
    </row>
    <row r="8855" spans="8:8">
      <c r="H8855" s="12"/>
    </row>
    <row r="8856" spans="8:8">
      <c r="H8856" s="12"/>
    </row>
    <row r="8857" spans="8:8">
      <c r="H8857" s="12"/>
    </row>
    <row r="8858" spans="8:8">
      <c r="H8858" s="12"/>
    </row>
    <row r="8859" spans="8:8">
      <c r="H8859" s="12"/>
    </row>
    <row r="8860" spans="8:8">
      <c r="H8860" s="12"/>
    </row>
    <row r="8861" spans="8:8">
      <c r="H8861" s="12"/>
    </row>
    <row r="8862" spans="8:8">
      <c r="H8862" s="12"/>
    </row>
    <row r="8863" spans="8:8">
      <c r="H8863" s="12"/>
    </row>
    <row r="8864" spans="8:8">
      <c r="H8864" s="12"/>
    </row>
    <row r="8865" spans="8:8">
      <c r="H8865" s="12"/>
    </row>
    <row r="8866" spans="8:8">
      <c r="H8866" s="12"/>
    </row>
    <row r="8867" spans="8:8">
      <c r="H8867" s="12"/>
    </row>
    <row r="8868" spans="8:8">
      <c r="H8868" s="12"/>
    </row>
    <row r="8869" spans="8:8">
      <c r="H8869" s="12"/>
    </row>
    <row r="8870" spans="8:8">
      <c r="H8870" s="12"/>
    </row>
    <row r="8871" spans="8:8">
      <c r="H8871" s="12"/>
    </row>
    <row r="8872" spans="8:8">
      <c r="H8872" s="12"/>
    </row>
    <row r="8873" spans="8:8">
      <c r="H8873" s="12"/>
    </row>
    <row r="8874" spans="8:8">
      <c r="H8874" s="12"/>
    </row>
    <row r="8875" spans="8:8">
      <c r="H8875" s="12"/>
    </row>
    <row r="8876" spans="8:8">
      <c r="H8876" s="12"/>
    </row>
    <row r="8877" spans="8:8">
      <c r="H8877" s="12"/>
    </row>
    <row r="8878" spans="8:8">
      <c r="H8878" s="12"/>
    </row>
    <row r="8879" spans="8:8">
      <c r="H8879" s="12"/>
    </row>
    <row r="8880" spans="8:8">
      <c r="H8880" s="12"/>
    </row>
    <row r="8881" spans="8:8">
      <c r="H8881" s="12"/>
    </row>
    <row r="8882" spans="8:8">
      <c r="H8882" s="12"/>
    </row>
    <row r="8883" spans="8:8">
      <c r="H8883" s="12"/>
    </row>
    <row r="8884" spans="8:8">
      <c r="H8884" s="12"/>
    </row>
    <row r="8885" spans="8:8">
      <c r="H8885" s="12"/>
    </row>
    <row r="8886" spans="8:8">
      <c r="H8886" s="12"/>
    </row>
    <row r="8887" spans="8:8">
      <c r="H8887" s="12"/>
    </row>
    <row r="8888" spans="8:8">
      <c r="H8888" s="12"/>
    </row>
    <row r="8889" spans="8:8">
      <c r="H8889" s="12"/>
    </row>
    <row r="8890" spans="8:8">
      <c r="H8890" s="12"/>
    </row>
    <row r="8891" spans="8:8">
      <c r="H8891" s="12"/>
    </row>
    <row r="8892" spans="8:8">
      <c r="H8892" s="12"/>
    </row>
    <row r="8893" spans="8:8">
      <c r="H8893" s="12"/>
    </row>
    <row r="8894" spans="8:8">
      <c r="H8894" s="12"/>
    </row>
    <row r="8895" spans="8:8">
      <c r="H8895" s="12"/>
    </row>
    <row r="8896" spans="8:8">
      <c r="H8896" s="12"/>
    </row>
    <row r="8897" spans="8:8">
      <c r="H8897" s="12"/>
    </row>
    <row r="8898" spans="8:8">
      <c r="H8898" s="12"/>
    </row>
    <row r="8899" spans="8:8">
      <c r="H8899" s="12"/>
    </row>
    <row r="8900" spans="8:8">
      <c r="H8900" s="12"/>
    </row>
    <row r="8901" spans="8:8">
      <c r="H8901" s="12"/>
    </row>
    <row r="8902" spans="8:8">
      <c r="H8902" s="12"/>
    </row>
    <row r="8903" spans="8:8">
      <c r="H8903" s="12"/>
    </row>
    <row r="8904" spans="8:8">
      <c r="H8904" s="12"/>
    </row>
    <row r="8905" spans="8:8">
      <c r="H8905" s="12"/>
    </row>
    <row r="8906" spans="8:8">
      <c r="H8906" s="12"/>
    </row>
    <row r="8907" spans="8:8">
      <c r="H8907" s="12"/>
    </row>
    <row r="8908" spans="8:8">
      <c r="H8908" s="12"/>
    </row>
    <row r="8909" spans="8:8">
      <c r="H8909" s="12"/>
    </row>
    <row r="8910" spans="8:8">
      <c r="H8910" s="12"/>
    </row>
    <row r="8911" spans="8:8">
      <c r="H8911" s="12"/>
    </row>
    <row r="8912" spans="8:8">
      <c r="H8912" s="12"/>
    </row>
    <row r="8913" spans="8:8">
      <c r="H8913" s="12"/>
    </row>
    <row r="8914" spans="8:8">
      <c r="H8914" s="12"/>
    </row>
    <row r="8915" spans="8:8">
      <c r="H8915" s="12"/>
    </row>
    <row r="8916" spans="8:8">
      <c r="H8916" s="12"/>
    </row>
    <row r="8917" spans="8:8">
      <c r="H8917" s="12"/>
    </row>
    <row r="8918" spans="8:8">
      <c r="H8918" s="12"/>
    </row>
    <row r="8919" spans="8:8">
      <c r="H8919" s="12"/>
    </row>
    <row r="8920" spans="8:8">
      <c r="H8920" s="12"/>
    </row>
    <row r="8921" spans="8:8">
      <c r="H8921" s="12"/>
    </row>
    <row r="8922" spans="8:8">
      <c r="H8922" s="12"/>
    </row>
    <row r="8923" spans="8:8">
      <c r="H8923" s="12"/>
    </row>
    <row r="8924" spans="8:8">
      <c r="H8924" s="12"/>
    </row>
    <row r="8925" spans="8:8">
      <c r="H8925" s="12"/>
    </row>
    <row r="8926" spans="8:8">
      <c r="H8926" s="12"/>
    </row>
    <row r="8927" spans="8:8">
      <c r="H8927" s="12"/>
    </row>
    <row r="8928" spans="8:8">
      <c r="H8928" s="12"/>
    </row>
    <row r="8929" spans="8:8">
      <c r="H8929" s="12"/>
    </row>
    <row r="8930" spans="8:8">
      <c r="H8930" s="12"/>
    </row>
    <row r="8931" spans="8:8">
      <c r="H8931" s="12"/>
    </row>
    <row r="8932" spans="8:8">
      <c r="H8932" s="12"/>
    </row>
    <row r="8933" spans="8:8">
      <c r="H8933" s="12"/>
    </row>
    <row r="8934" spans="8:8">
      <c r="H8934" s="12"/>
    </row>
    <row r="8935" spans="8:8">
      <c r="H8935" s="12"/>
    </row>
    <row r="8936" spans="8:8">
      <c r="H8936" s="12"/>
    </row>
    <row r="8937" spans="8:8">
      <c r="H8937" s="12"/>
    </row>
    <row r="8938" spans="8:8">
      <c r="H8938" s="12"/>
    </row>
    <row r="8939" spans="8:8">
      <c r="H8939" s="12"/>
    </row>
    <row r="8940" spans="8:8">
      <c r="H8940" s="12"/>
    </row>
    <row r="8941" spans="8:8">
      <c r="H8941" s="12"/>
    </row>
    <row r="8942" spans="8:8">
      <c r="H8942" s="12"/>
    </row>
    <row r="8943" spans="8:8">
      <c r="H8943" s="12"/>
    </row>
    <row r="8944" spans="8:8">
      <c r="H8944" s="12"/>
    </row>
    <row r="8945" spans="8:8">
      <c r="H8945" s="12"/>
    </row>
    <row r="8946" spans="8:8">
      <c r="H8946" s="12"/>
    </row>
    <row r="8947" spans="8:8">
      <c r="H8947" s="12"/>
    </row>
    <row r="8948" spans="8:8">
      <c r="H8948" s="12"/>
    </row>
    <row r="8949" spans="8:8">
      <c r="H8949" s="12"/>
    </row>
    <row r="8950" spans="8:8">
      <c r="H8950" s="12"/>
    </row>
    <row r="8951" spans="8:8">
      <c r="H8951" s="12"/>
    </row>
    <row r="8952" spans="8:8">
      <c r="H8952" s="12"/>
    </row>
    <row r="8953" spans="8:8">
      <c r="H8953" s="12"/>
    </row>
    <row r="8954" spans="8:8">
      <c r="H8954" s="12"/>
    </row>
    <row r="8955" spans="8:8">
      <c r="H8955" s="12"/>
    </row>
    <row r="8956" spans="8:8">
      <c r="H8956" s="12"/>
    </row>
    <row r="8957" spans="8:8">
      <c r="H8957" s="12"/>
    </row>
    <row r="8958" spans="8:8">
      <c r="H8958" s="12"/>
    </row>
    <row r="8959" spans="8:8">
      <c r="H8959" s="12"/>
    </row>
    <row r="8960" spans="8:8">
      <c r="H8960" s="12"/>
    </row>
    <row r="8961" spans="8:8">
      <c r="H8961" s="12"/>
    </row>
    <row r="8962" spans="8:8">
      <c r="H8962" s="12"/>
    </row>
    <row r="8963" spans="8:8">
      <c r="H8963" s="12"/>
    </row>
    <row r="8964" spans="8:8">
      <c r="H8964" s="12"/>
    </row>
    <row r="8965" spans="8:8">
      <c r="H8965" s="12"/>
    </row>
    <row r="8966" spans="8:8">
      <c r="H8966" s="12"/>
    </row>
    <row r="8967" spans="8:8">
      <c r="H8967" s="12"/>
    </row>
    <row r="8968" spans="8:8">
      <c r="H8968" s="12"/>
    </row>
    <row r="8969" spans="8:8">
      <c r="H8969" s="12"/>
    </row>
    <row r="8970" spans="8:8">
      <c r="H8970" s="12"/>
    </row>
    <row r="8971" spans="8:8">
      <c r="H8971" s="12"/>
    </row>
    <row r="8972" spans="8:8">
      <c r="H8972" s="12"/>
    </row>
    <row r="8973" spans="8:8">
      <c r="H8973" s="12"/>
    </row>
    <row r="8974" spans="8:8">
      <c r="H8974" s="12"/>
    </row>
    <row r="8975" spans="8:8">
      <c r="H8975" s="12"/>
    </row>
    <row r="8976" spans="8:8">
      <c r="H8976" s="12"/>
    </row>
    <row r="8977" spans="8:8">
      <c r="H8977" s="12"/>
    </row>
    <row r="8978" spans="8:8">
      <c r="H8978" s="12"/>
    </row>
    <row r="8979" spans="8:8">
      <c r="H8979" s="12"/>
    </row>
    <row r="8980" spans="8:8">
      <c r="H8980" s="12"/>
    </row>
    <row r="8981" spans="8:8">
      <c r="H8981" s="12"/>
    </row>
    <row r="8982" spans="8:8">
      <c r="H8982" s="12"/>
    </row>
    <row r="8983" spans="8:8">
      <c r="H8983" s="12"/>
    </row>
    <row r="8984" spans="8:8">
      <c r="H8984" s="12"/>
    </row>
    <row r="8985" spans="8:8">
      <c r="H8985" s="12"/>
    </row>
    <row r="8986" spans="8:8">
      <c r="H8986" s="12"/>
    </row>
    <row r="8987" spans="8:8">
      <c r="H8987" s="12"/>
    </row>
    <row r="8988" spans="8:8">
      <c r="H8988" s="12"/>
    </row>
    <row r="8989" spans="8:8">
      <c r="H8989" s="12"/>
    </row>
    <row r="8990" spans="8:8">
      <c r="H8990" s="12"/>
    </row>
    <row r="8991" spans="8:8">
      <c r="H8991" s="12"/>
    </row>
    <row r="8992" spans="8:8">
      <c r="H8992" s="12"/>
    </row>
    <row r="8993" spans="8:8">
      <c r="H8993" s="12"/>
    </row>
    <row r="8994" spans="8:8">
      <c r="H8994" s="12"/>
    </row>
    <row r="8995" spans="8:8">
      <c r="H8995" s="12"/>
    </row>
    <row r="8996" spans="8:8">
      <c r="H8996" s="12"/>
    </row>
    <row r="8997" spans="8:8">
      <c r="H8997" s="12"/>
    </row>
    <row r="8998" spans="8:8">
      <c r="H8998" s="12"/>
    </row>
    <row r="8999" spans="8:8">
      <c r="H8999" s="12"/>
    </row>
    <row r="9000" spans="8:8">
      <c r="H9000" s="12"/>
    </row>
    <row r="9001" spans="8:8">
      <c r="H9001" s="12"/>
    </row>
    <row r="9002" spans="8:8">
      <c r="H9002" s="12"/>
    </row>
    <row r="9003" spans="8:8">
      <c r="H9003" s="12"/>
    </row>
    <row r="9004" spans="8:8">
      <c r="H9004" s="12"/>
    </row>
    <row r="9005" spans="8:8">
      <c r="H9005" s="12"/>
    </row>
    <row r="9006" spans="8:8">
      <c r="H9006" s="12"/>
    </row>
    <row r="9007" spans="8:8">
      <c r="H9007" s="12"/>
    </row>
    <row r="9008" spans="8:8">
      <c r="H9008" s="12"/>
    </row>
    <row r="9009" spans="8:8">
      <c r="H9009" s="12"/>
    </row>
    <row r="9010" spans="8:8">
      <c r="H9010" s="12"/>
    </row>
    <row r="9011" spans="8:8">
      <c r="H9011" s="12"/>
    </row>
    <row r="9012" spans="8:8">
      <c r="H9012" s="12"/>
    </row>
    <row r="9013" spans="8:8">
      <c r="H9013" s="12"/>
    </row>
    <row r="9014" spans="8:8">
      <c r="H9014" s="12"/>
    </row>
    <row r="9015" spans="8:8">
      <c r="H9015" s="12"/>
    </row>
    <row r="9016" spans="8:8">
      <c r="H9016" s="12"/>
    </row>
    <row r="9017" spans="8:8">
      <c r="H9017" s="12"/>
    </row>
    <row r="9018" spans="8:8">
      <c r="H9018" s="12"/>
    </row>
    <row r="9019" spans="8:8">
      <c r="H9019" s="12"/>
    </row>
    <row r="9020" spans="8:8">
      <c r="H9020" s="12"/>
    </row>
    <row r="9021" spans="8:8">
      <c r="H9021" s="12"/>
    </row>
    <row r="9022" spans="8:8">
      <c r="H9022" s="12"/>
    </row>
    <row r="9023" spans="8:8">
      <c r="H9023" s="12"/>
    </row>
    <row r="9024" spans="8:8">
      <c r="H9024" s="12"/>
    </row>
    <row r="9025" spans="8:8">
      <c r="H9025" s="12"/>
    </row>
    <row r="9026" spans="8:8">
      <c r="H9026" s="12"/>
    </row>
    <row r="9027" spans="8:8">
      <c r="H9027" s="12"/>
    </row>
    <row r="9028" spans="8:8">
      <c r="H9028" s="12"/>
    </row>
    <row r="9029" spans="8:8">
      <c r="H9029" s="12"/>
    </row>
    <row r="9030" spans="8:8">
      <c r="H9030" s="12"/>
    </row>
    <row r="9031" spans="8:8">
      <c r="H9031" s="12"/>
    </row>
    <row r="9032" spans="8:8">
      <c r="H9032" s="12"/>
    </row>
    <row r="9033" spans="8:8">
      <c r="H9033" s="12"/>
    </row>
    <row r="9034" spans="8:8">
      <c r="H9034" s="12"/>
    </row>
    <row r="9035" spans="8:8">
      <c r="H9035" s="12"/>
    </row>
    <row r="9036" spans="8:8">
      <c r="H9036" s="12"/>
    </row>
    <row r="9037" spans="8:8">
      <c r="H9037" s="12"/>
    </row>
    <row r="9038" spans="8:8">
      <c r="H9038" s="12"/>
    </row>
    <row r="9039" spans="8:8">
      <c r="H9039" s="12"/>
    </row>
    <row r="9040" spans="8:8">
      <c r="H9040" s="12"/>
    </row>
    <row r="9041" spans="8:8">
      <c r="H9041" s="12"/>
    </row>
    <row r="9042" spans="8:8">
      <c r="H9042" s="12"/>
    </row>
    <row r="9043" spans="8:8">
      <c r="H9043" s="12"/>
    </row>
    <row r="9044" spans="8:8">
      <c r="H9044" s="12"/>
    </row>
    <row r="9045" spans="8:8">
      <c r="H9045" s="12"/>
    </row>
    <row r="9046" spans="8:8">
      <c r="H9046" s="12"/>
    </row>
    <row r="9047" spans="8:8">
      <c r="H9047" s="12"/>
    </row>
    <row r="9048" spans="8:8">
      <c r="H9048" s="12"/>
    </row>
    <row r="9049" spans="8:8">
      <c r="H9049" s="12"/>
    </row>
    <row r="9050" spans="8:8">
      <c r="H9050" s="12"/>
    </row>
    <row r="9051" spans="8:8">
      <c r="H9051" s="12"/>
    </row>
    <row r="9052" spans="8:8">
      <c r="H9052" s="12"/>
    </row>
    <row r="9053" spans="8:8">
      <c r="H9053" s="12"/>
    </row>
    <row r="9054" spans="8:8">
      <c r="H9054" s="12"/>
    </row>
    <row r="9055" spans="8:8">
      <c r="H9055" s="12"/>
    </row>
    <row r="9056" spans="8:8">
      <c r="H9056" s="12"/>
    </row>
    <row r="9057" spans="8:8">
      <c r="H9057" s="12"/>
    </row>
    <row r="9058" spans="8:8">
      <c r="H9058" s="12"/>
    </row>
    <row r="9059" spans="8:8">
      <c r="H9059" s="12"/>
    </row>
    <row r="9060" spans="8:8">
      <c r="H9060" s="12"/>
    </row>
    <row r="9061" spans="8:8">
      <c r="H9061" s="12"/>
    </row>
    <row r="9062" spans="8:8">
      <c r="H9062" s="12"/>
    </row>
    <row r="9063" spans="8:8">
      <c r="H9063" s="12"/>
    </row>
    <row r="9064" spans="8:8">
      <c r="H9064" s="12"/>
    </row>
    <row r="9065" spans="8:8">
      <c r="H9065" s="12"/>
    </row>
    <row r="9066" spans="8:8">
      <c r="H9066" s="12"/>
    </row>
    <row r="9067" spans="8:8">
      <c r="H9067" s="12"/>
    </row>
    <row r="9068" spans="8:8">
      <c r="H9068" s="12"/>
    </row>
    <row r="9069" spans="8:8">
      <c r="H9069" s="12"/>
    </row>
    <row r="9070" spans="8:8">
      <c r="H9070" s="12"/>
    </row>
    <row r="9071" spans="8:8">
      <c r="H9071" s="12"/>
    </row>
    <row r="9072" spans="8:8">
      <c r="H9072" s="12"/>
    </row>
    <row r="9073" spans="8:8">
      <c r="H9073" s="12"/>
    </row>
    <row r="9074" spans="8:8">
      <c r="H9074" s="12"/>
    </row>
    <row r="9075" spans="8:8">
      <c r="H9075" s="12"/>
    </row>
    <row r="9076" spans="8:8">
      <c r="H9076" s="12"/>
    </row>
    <row r="9077" spans="8:8">
      <c r="H9077" s="12"/>
    </row>
    <row r="9078" spans="8:8">
      <c r="H9078" s="12"/>
    </row>
    <row r="9079" spans="8:8">
      <c r="H9079" s="12"/>
    </row>
    <row r="9080" spans="8:8">
      <c r="H9080" s="12"/>
    </row>
    <row r="9081" spans="8:8">
      <c r="H9081" s="12"/>
    </row>
    <row r="9082" spans="8:8">
      <c r="H9082" s="12"/>
    </row>
    <row r="9083" spans="8:8">
      <c r="H9083" s="12"/>
    </row>
    <row r="9084" spans="8:8">
      <c r="H9084" s="12"/>
    </row>
    <row r="9085" spans="8:8">
      <c r="H9085" s="12"/>
    </row>
    <row r="9086" spans="8:8">
      <c r="H9086" s="12"/>
    </row>
    <row r="9087" spans="8:8">
      <c r="H9087" s="12"/>
    </row>
    <row r="9088" spans="8:8">
      <c r="H9088" s="12"/>
    </row>
    <row r="9089" spans="8:8">
      <c r="H9089" s="12"/>
    </row>
    <row r="9090" spans="8:8">
      <c r="H9090" s="12"/>
    </row>
    <row r="9091" spans="8:8">
      <c r="H9091" s="12"/>
    </row>
    <row r="9092" spans="8:8">
      <c r="H9092" s="12"/>
    </row>
    <row r="9093" spans="8:8">
      <c r="H9093" s="12"/>
    </row>
    <row r="9094" spans="8:8">
      <c r="H9094" s="12"/>
    </row>
    <row r="9095" spans="8:8">
      <c r="H9095" s="12"/>
    </row>
    <row r="9096" spans="8:8">
      <c r="H9096" s="12"/>
    </row>
    <row r="9097" spans="8:8">
      <c r="H9097" s="12"/>
    </row>
    <row r="9098" spans="8:8">
      <c r="H9098" s="12"/>
    </row>
    <row r="9099" spans="8:8">
      <c r="H9099" s="12"/>
    </row>
    <row r="9100" spans="8:8">
      <c r="H9100" s="12"/>
    </row>
    <row r="9101" spans="8:8">
      <c r="H9101" s="12"/>
    </row>
    <row r="9102" spans="8:8">
      <c r="H9102" s="12"/>
    </row>
    <row r="9103" spans="8:8">
      <c r="H9103" s="12"/>
    </row>
    <row r="9104" spans="8:8">
      <c r="H9104" s="12"/>
    </row>
    <row r="9105" spans="8:8">
      <c r="H9105" s="12"/>
    </row>
    <row r="9106" spans="8:8">
      <c r="H9106" s="12"/>
    </row>
    <row r="9107" spans="8:8">
      <c r="H9107" s="12"/>
    </row>
    <row r="9108" spans="8:8">
      <c r="H9108" s="12"/>
    </row>
    <row r="9109" spans="8:8">
      <c r="H9109" s="12"/>
    </row>
    <row r="9110" spans="8:8">
      <c r="H9110" s="12"/>
    </row>
    <row r="9111" spans="8:8">
      <c r="H9111" s="12"/>
    </row>
    <row r="9112" spans="8:8">
      <c r="H9112" s="12"/>
    </row>
    <row r="9113" spans="8:8">
      <c r="H9113" s="12"/>
    </row>
    <row r="9114" spans="8:8">
      <c r="H9114" s="12"/>
    </row>
    <row r="9115" spans="8:8">
      <c r="H9115" s="12"/>
    </row>
    <row r="9116" spans="8:8">
      <c r="H9116" s="12"/>
    </row>
    <row r="9117" spans="8:8">
      <c r="H9117" s="12"/>
    </row>
    <row r="9118" spans="8:8">
      <c r="H9118" s="12"/>
    </row>
    <row r="9119" spans="8:8">
      <c r="H9119" s="12"/>
    </row>
    <row r="9120" spans="8:8">
      <c r="H9120" s="12"/>
    </row>
    <row r="9121" spans="8:8">
      <c r="H9121" s="12"/>
    </row>
    <row r="9122" spans="8:8">
      <c r="H9122" s="12"/>
    </row>
    <row r="9123" spans="8:8">
      <c r="H9123" s="12"/>
    </row>
    <row r="9124" spans="8:8">
      <c r="H9124" s="12"/>
    </row>
    <row r="9125" spans="8:8">
      <c r="H9125" s="12"/>
    </row>
    <row r="9126" spans="8:8">
      <c r="H9126" s="12"/>
    </row>
    <row r="9127" spans="8:8">
      <c r="H9127" s="12"/>
    </row>
    <row r="9128" spans="8:8">
      <c r="H9128" s="12"/>
    </row>
    <row r="9129" spans="8:8">
      <c r="H9129" s="12"/>
    </row>
    <row r="9130" spans="8:8">
      <c r="H9130" s="12"/>
    </row>
    <row r="9131" spans="8:8">
      <c r="H9131" s="12"/>
    </row>
    <row r="9132" spans="8:8">
      <c r="H9132" s="12"/>
    </row>
    <row r="9133" spans="8:8">
      <c r="H9133" s="12"/>
    </row>
    <row r="9134" spans="8:8">
      <c r="H9134" s="12"/>
    </row>
    <row r="9135" spans="8:8">
      <c r="H9135" s="12"/>
    </row>
    <row r="9136" spans="8:8">
      <c r="H9136" s="12"/>
    </row>
    <row r="9137" spans="8:8">
      <c r="H9137" s="12"/>
    </row>
    <row r="9138" spans="8:8">
      <c r="H9138" s="12"/>
    </row>
    <row r="9139" spans="8:8">
      <c r="H9139" s="12"/>
    </row>
    <row r="9140" spans="8:8">
      <c r="H9140" s="12"/>
    </row>
    <row r="9141" spans="8:8">
      <c r="H9141" s="12"/>
    </row>
    <row r="9142" spans="8:8">
      <c r="H9142" s="12"/>
    </row>
    <row r="9143" spans="8:8">
      <c r="H9143" s="12"/>
    </row>
    <row r="9144" spans="8:8">
      <c r="H9144" s="12"/>
    </row>
    <row r="9145" spans="8:8">
      <c r="H9145" s="12"/>
    </row>
    <row r="9146" spans="8:8">
      <c r="H9146" s="12"/>
    </row>
    <row r="9147" spans="8:8">
      <c r="H9147" s="12"/>
    </row>
    <row r="9148" spans="8:8">
      <c r="H9148" s="12"/>
    </row>
    <row r="9149" spans="8:8">
      <c r="H9149" s="12"/>
    </row>
    <row r="9150" spans="8:8">
      <c r="H9150" s="12"/>
    </row>
    <row r="9151" spans="8:8">
      <c r="H9151" s="12"/>
    </row>
    <row r="9152" spans="8:8">
      <c r="H9152" s="12"/>
    </row>
    <row r="9153" spans="8:8">
      <c r="H9153" s="12"/>
    </row>
    <row r="9154" spans="8:8">
      <c r="H9154" s="12"/>
    </row>
    <row r="9155" spans="8:8">
      <c r="H9155" s="12"/>
    </row>
    <row r="9156" spans="8:8">
      <c r="H9156" s="12"/>
    </row>
    <row r="9157" spans="8:8">
      <c r="H9157" s="12"/>
    </row>
    <row r="9158" spans="8:8">
      <c r="H9158" s="12"/>
    </row>
    <row r="9159" spans="8:8">
      <c r="H9159" s="12"/>
    </row>
    <row r="9160" spans="8:8">
      <c r="H9160" s="12"/>
    </row>
    <row r="9161" spans="8:8">
      <c r="H9161" s="12"/>
    </row>
    <row r="9162" spans="8:8">
      <c r="H9162" s="12"/>
    </row>
    <row r="9163" spans="8:8">
      <c r="H9163" s="12"/>
    </row>
    <row r="9164" spans="8:8">
      <c r="H9164" s="12"/>
    </row>
    <row r="9165" spans="8:8">
      <c r="H9165" s="12"/>
    </row>
    <row r="9166" spans="8:8">
      <c r="H9166" s="12"/>
    </row>
    <row r="9167" spans="8:8">
      <c r="H9167" s="12"/>
    </row>
    <row r="9168" spans="8:8">
      <c r="H9168" s="12"/>
    </row>
    <row r="9169" spans="8:8">
      <c r="H9169" s="12"/>
    </row>
    <row r="9170" spans="8:8">
      <c r="H9170" s="12"/>
    </row>
    <row r="9171" spans="8:8">
      <c r="H9171" s="12"/>
    </row>
    <row r="9172" spans="8:8">
      <c r="H9172" s="12"/>
    </row>
    <row r="9173" spans="8:8">
      <c r="H9173" s="12"/>
    </row>
    <row r="9174" spans="8:8">
      <c r="H9174" s="12"/>
    </row>
    <row r="9175" spans="8:8">
      <c r="H9175" s="12"/>
    </row>
    <row r="9176" spans="8:8">
      <c r="H9176" s="12"/>
    </row>
    <row r="9177" spans="8:8">
      <c r="H9177" s="12"/>
    </row>
    <row r="9178" spans="8:8">
      <c r="H9178" s="12"/>
    </row>
    <row r="9179" spans="8:8">
      <c r="H9179" s="12"/>
    </row>
    <row r="9180" spans="8:8">
      <c r="H9180" s="12"/>
    </row>
    <row r="9181" spans="8:8">
      <c r="H9181" s="12"/>
    </row>
    <row r="9182" spans="8:8">
      <c r="H9182" s="12"/>
    </row>
    <row r="9183" spans="8:8">
      <c r="H9183" s="12"/>
    </row>
    <row r="9184" spans="8:8">
      <c r="H9184" s="12"/>
    </row>
    <row r="9185" spans="8:8">
      <c r="H9185" s="12"/>
    </row>
    <row r="9186" spans="8:8">
      <c r="H9186" s="12"/>
    </row>
    <row r="9187" spans="8:8">
      <c r="H9187" s="12"/>
    </row>
    <row r="9188" spans="8:8">
      <c r="H9188" s="12"/>
    </row>
    <row r="9189" spans="8:8">
      <c r="H9189" s="12"/>
    </row>
    <row r="9190" spans="8:8">
      <c r="H9190" s="12"/>
    </row>
    <row r="9191" spans="8:8">
      <c r="H9191" s="12"/>
    </row>
    <row r="9192" spans="8:8">
      <c r="H9192" s="12"/>
    </row>
    <row r="9193" spans="8:8">
      <c r="H9193" s="12"/>
    </row>
    <row r="9194" spans="8:8">
      <c r="H9194" s="12"/>
    </row>
    <row r="9195" spans="8:8">
      <c r="H9195" s="12"/>
    </row>
    <row r="9196" spans="8:8">
      <c r="H9196" s="12"/>
    </row>
    <row r="9197" spans="8:8">
      <c r="H9197" s="12"/>
    </row>
    <row r="9198" spans="8:8">
      <c r="H9198" s="12"/>
    </row>
    <row r="9199" spans="8:8">
      <c r="H9199" s="12"/>
    </row>
    <row r="9200" spans="8:8">
      <c r="H9200" s="12"/>
    </row>
    <row r="9201" spans="8:8">
      <c r="H9201" s="12"/>
    </row>
    <row r="9202" spans="8:8">
      <c r="H9202" s="12"/>
    </row>
    <row r="9203" spans="8:8">
      <c r="H9203" s="12"/>
    </row>
    <row r="9204" spans="8:8">
      <c r="H9204" s="12"/>
    </row>
    <row r="9205" spans="8:8">
      <c r="H9205" s="12"/>
    </row>
    <row r="9206" spans="8:8">
      <c r="H9206" s="12"/>
    </row>
    <row r="9207" spans="8:8">
      <c r="H9207" s="12"/>
    </row>
    <row r="9208" spans="8:8">
      <c r="H9208" s="12"/>
    </row>
    <row r="9209" spans="8:8">
      <c r="H9209" s="12"/>
    </row>
    <row r="9210" spans="8:8">
      <c r="H9210" s="12"/>
    </row>
    <row r="9211" spans="8:8">
      <c r="H9211" s="12"/>
    </row>
    <row r="9212" spans="8:8">
      <c r="H9212" s="12"/>
    </row>
    <row r="9213" spans="8:8">
      <c r="H9213" s="12"/>
    </row>
    <row r="9214" spans="8:8">
      <c r="H9214" s="12"/>
    </row>
    <row r="9215" spans="8:8">
      <c r="H9215" s="12"/>
    </row>
    <row r="9216" spans="8:8">
      <c r="H9216" s="12"/>
    </row>
    <row r="9217" spans="8:8">
      <c r="H9217" s="12"/>
    </row>
    <row r="9218" spans="8:8">
      <c r="H9218" s="12"/>
    </row>
    <row r="9219" spans="8:8">
      <c r="H9219" s="12"/>
    </row>
    <row r="9220" spans="8:8">
      <c r="H9220" s="12"/>
    </row>
    <row r="9221" spans="8:8">
      <c r="H9221" s="12"/>
    </row>
    <row r="9222" spans="8:8">
      <c r="H9222" s="12"/>
    </row>
    <row r="9223" spans="8:8">
      <c r="H9223" s="12"/>
    </row>
    <row r="9224" spans="8:8">
      <c r="H9224" s="12"/>
    </row>
    <row r="9225" spans="8:8">
      <c r="H9225" s="12"/>
    </row>
    <row r="9226" spans="8:8">
      <c r="H9226" s="12"/>
    </row>
    <row r="9227" spans="8:8">
      <c r="H9227" s="12"/>
    </row>
    <row r="9228" spans="8:8">
      <c r="H9228" s="12"/>
    </row>
    <row r="9229" spans="8:8">
      <c r="H9229" s="12"/>
    </row>
    <row r="9230" spans="8:8">
      <c r="H9230" s="12"/>
    </row>
    <row r="9231" spans="8:8">
      <c r="H9231" s="12"/>
    </row>
    <row r="9232" spans="8:8">
      <c r="H9232" s="12"/>
    </row>
    <row r="9233" spans="8:8">
      <c r="H9233" s="12"/>
    </row>
    <row r="9234" spans="8:8">
      <c r="H9234" s="12"/>
    </row>
    <row r="9235" spans="8:8">
      <c r="H9235" s="12"/>
    </row>
    <row r="9236" spans="8:8">
      <c r="H9236" s="12"/>
    </row>
    <row r="9237" spans="8:8">
      <c r="H9237" s="12"/>
    </row>
    <row r="9238" spans="8:8">
      <c r="H9238" s="12"/>
    </row>
    <row r="9239" spans="8:8">
      <c r="H9239" s="12"/>
    </row>
    <row r="9240" spans="8:8">
      <c r="H9240" s="12"/>
    </row>
    <row r="9241" spans="8:8">
      <c r="H9241" s="12"/>
    </row>
    <row r="9242" spans="8:8">
      <c r="H9242" s="12"/>
    </row>
    <row r="9243" spans="8:8">
      <c r="H9243" s="12"/>
    </row>
    <row r="9244" spans="8:8">
      <c r="H9244" s="12"/>
    </row>
    <row r="9245" spans="8:8">
      <c r="H9245" s="12"/>
    </row>
    <row r="9246" spans="8:8">
      <c r="H9246" s="12"/>
    </row>
    <row r="9247" spans="8:8">
      <c r="H9247" s="12"/>
    </row>
    <row r="9248" spans="8:8">
      <c r="H9248" s="12"/>
    </row>
    <row r="9249" spans="8:8">
      <c r="H9249" s="12"/>
    </row>
    <row r="9250" spans="8:8">
      <c r="H9250" s="12"/>
    </row>
    <row r="9251" spans="8:8">
      <c r="H9251" s="12"/>
    </row>
    <row r="9252" spans="8:8">
      <c r="H9252" s="12"/>
    </row>
    <row r="9253" spans="8:8">
      <c r="H9253" s="12"/>
    </row>
    <row r="9254" spans="8:8">
      <c r="H9254" s="12"/>
    </row>
    <row r="9255" spans="8:8">
      <c r="H9255" s="12"/>
    </row>
    <row r="9256" spans="8:8">
      <c r="H9256" s="12"/>
    </row>
    <row r="9257" spans="8:8">
      <c r="H9257" s="12"/>
    </row>
    <row r="9258" spans="8:8">
      <c r="H9258" s="12"/>
    </row>
    <row r="9259" spans="8:8">
      <c r="H9259" s="12"/>
    </row>
    <row r="9260" spans="8:8">
      <c r="H9260" s="12"/>
    </row>
    <row r="9261" spans="8:8">
      <c r="H9261" s="12"/>
    </row>
    <row r="9262" spans="8:8">
      <c r="H9262" s="12"/>
    </row>
    <row r="9263" spans="8:8">
      <c r="H9263" s="12"/>
    </row>
    <row r="9264" spans="8:8">
      <c r="H9264" s="12"/>
    </row>
    <row r="9265" spans="8:8">
      <c r="H9265" s="12"/>
    </row>
    <row r="9266" spans="8:8">
      <c r="H9266" s="12"/>
    </row>
    <row r="9267" spans="8:8">
      <c r="H9267" s="12"/>
    </row>
    <row r="9268" spans="8:8">
      <c r="H9268" s="12"/>
    </row>
    <row r="9269" spans="8:8">
      <c r="H9269" s="12"/>
    </row>
    <row r="9270" spans="8:8">
      <c r="H9270" s="12"/>
    </row>
    <row r="9271" spans="8:8">
      <c r="H9271" s="12"/>
    </row>
    <row r="9272" spans="8:8">
      <c r="H9272" s="12"/>
    </row>
    <row r="9273" spans="8:8">
      <c r="H9273" s="12"/>
    </row>
    <row r="9274" spans="8:8">
      <c r="H9274" s="12"/>
    </row>
    <row r="9275" spans="8:8">
      <c r="H9275" s="12"/>
    </row>
    <row r="9276" spans="8:8">
      <c r="H9276" s="12"/>
    </row>
    <row r="9277" spans="8:8">
      <c r="H9277" s="12"/>
    </row>
    <row r="9278" spans="8:8">
      <c r="H9278" s="12"/>
    </row>
    <row r="9279" spans="8:8">
      <c r="H9279" s="12"/>
    </row>
    <row r="9280" spans="8:8">
      <c r="H9280" s="12"/>
    </row>
    <row r="9281" spans="8:8">
      <c r="H9281" s="12"/>
    </row>
    <row r="9282" spans="8:8">
      <c r="H9282" s="12"/>
    </row>
    <row r="9283" spans="8:8">
      <c r="H9283" s="12"/>
    </row>
    <row r="9284" spans="8:8">
      <c r="H9284" s="12"/>
    </row>
    <row r="9285" spans="8:8">
      <c r="H9285" s="12"/>
    </row>
    <row r="9286" spans="8:8">
      <c r="H9286" s="12"/>
    </row>
    <row r="9287" spans="8:8">
      <c r="H9287" s="12"/>
    </row>
    <row r="9288" spans="8:8">
      <c r="H9288" s="12"/>
    </row>
    <row r="9289" spans="8:8">
      <c r="H9289" s="12"/>
    </row>
    <row r="9290" spans="8:8">
      <c r="H9290" s="12"/>
    </row>
    <row r="9291" spans="8:8">
      <c r="H9291" s="12"/>
    </row>
    <row r="9292" spans="8:8">
      <c r="H9292" s="12"/>
    </row>
    <row r="9293" spans="8:8">
      <c r="H9293" s="12"/>
    </row>
    <row r="9294" spans="8:8">
      <c r="H9294" s="12"/>
    </row>
    <row r="9295" spans="8:8">
      <c r="H9295" s="12"/>
    </row>
    <row r="9296" spans="8:8">
      <c r="H9296" s="12"/>
    </row>
    <row r="9297" spans="8:8">
      <c r="H9297" s="12"/>
    </row>
    <row r="9298" spans="8:8">
      <c r="H9298" s="12"/>
    </row>
    <row r="9299" spans="8:8">
      <c r="H9299" s="12"/>
    </row>
    <row r="9300" spans="8:8">
      <c r="H9300" s="12"/>
    </row>
    <row r="9301" spans="8:8">
      <c r="H9301" s="12"/>
    </row>
    <row r="9302" spans="8:8">
      <c r="H9302" s="12"/>
    </row>
    <row r="9303" spans="8:8">
      <c r="H9303" s="12"/>
    </row>
    <row r="9304" spans="8:8">
      <c r="H9304" s="12"/>
    </row>
    <row r="9305" spans="8:8">
      <c r="H9305" s="12"/>
    </row>
    <row r="9306" spans="8:8">
      <c r="H9306" s="12"/>
    </row>
    <row r="9307" spans="8:8">
      <c r="H9307" s="12"/>
    </row>
    <row r="9308" spans="8:8">
      <c r="H9308" s="12"/>
    </row>
    <row r="9309" spans="8:8">
      <c r="H9309" s="12"/>
    </row>
    <row r="9310" spans="8:8">
      <c r="H9310" s="12"/>
    </row>
    <row r="9311" spans="8:8">
      <c r="H9311" s="12"/>
    </row>
    <row r="9312" spans="8:8">
      <c r="H9312" s="12"/>
    </row>
    <row r="9313" spans="8:8">
      <c r="H9313" s="12"/>
    </row>
    <row r="9314" spans="8:8">
      <c r="H9314" s="12"/>
    </row>
    <row r="9315" spans="8:8">
      <c r="H9315" s="12"/>
    </row>
    <row r="9316" spans="8:8">
      <c r="H9316" s="12"/>
    </row>
    <row r="9317" spans="8:8">
      <c r="H9317" s="12"/>
    </row>
    <row r="9318" spans="8:8">
      <c r="H9318" s="12"/>
    </row>
    <row r="9319" spans="8:8">
      <c r="H9319" s="12"/>
    </row>
    <row r="9320" spans="8:8">
      <c r="H9320" s="12"/>
    </row>
    <row r="9321" spans="8:8">
      <c r="H9321" s="12"/>
    </row>
    <row r="9322" spans="8:8">
      <c r="H9322" s="12"/>
    </row>
    <row r="9323" spans="8:8">
      <c r="H9323" s="12"/>
    </row>
    <row r="9324" spans="8:8">
      <c r="H9324" s="12"/>
    </row>
    <row r="9325" spans="8:8">
      <c r="H9325" s="12"/>
    </row>
    <row r="9326" spans="8:8">
      <c r="H9326" s="12"/>
    </row>
    <row r="9327" spans="8:8">
      <c r="H9327" s="12"/>
    </row>
    <row r="9328" spans="8:8">
      <c r="H9328" s="12"/>
    </row>
    <row r="9329" spans="8:8">
      <c r="H9329" s="12"/>
    </row>
    <row r="9330" spans="8:8">
      <c r="H9330" s="12"/>
    </row>
    <row r="9331" spans="8:8">
      <c r="H9331" s="12"/>
    </row>
    <row r="9332" spans="8:8">
      <c r="H9332" s="12"/>
    </row>
    <row r="9333" spans="8:8">
      <c r="H9333" s="12"/>
    </row>
    <row r="9334" spans="8:8">
      <c r="H9334" s="12"/>
    </row>
    <row r="9335" spans="8:8">
      <c r="H9335" s="12"/>
    </row>
    <row r="9336" spans="8:8">
      <c r="H9336" s="12"/>
    </row>
    <row r="9337" spans="8:8">
      <c r="H9337" s="12"/>
    </row>
    <row r="9338" spans="8:8">
      <c r="H9338" s="12"/>
    </row>
    <row r="9339" spans="8:8">
      <c r="H9339" s="12"/>
    </row>
    <row r="9340" spans="8:8">
      <c r="H9340" s="12"/>
    </row>
    <row r="9341" spans="8:8">
      <c r="H9341" s="12"/>
    </row>
    <row r="9342" spans="8:8">
      <c r="H9342" s="12"/>
    </row>
    <row r="9343" spans="8:8">
      <c r="H9343" s="12"/>
    </row>
    <row r="9344" spans="8:8">
      <c r="H9344" s="12"/>
    </row>
    <row r="9345" spans="8:8">
      <c r="H9345" s="12"/>
    </row>
    <row r="9346" spans="8:8">
      <c r="H9346" s="12"/>
    </row>
    <row r="9347" spans="8:8">
      <c r="H9347" s="12"/>
    </row>
    <row r="9348" spans="8:8">
      <c r="H9348" s="12"/>
    </row>
    <row r="9349" spans="8:8">
      <c r="H9349" s="12"/>
    </row>
    <row r="9350" spans="8:8">
      <c r="H9350" s="12"/>
    </row>
    <row r="9351" spans="8:8">
      <c r="H9351" s="12"/>
    </row>
    <row r="9352" spans="8:8">
      <c r="H9352" s="12"/>
    </row>
    <row r="9353" spans="8:8">
      <c r="H9353" s="12"/>
    </row>
    <row r="9354" spans="8:8">
      <c r="H9354" s="12"/>
    </row>
    <row r="9355" spans="8:8">
      <c r="H9355" s="12"/>
    </row>
    <row r="9356" spans="8:8">
      <c r="H9356" s="12"/>
    </row>
    <row r="9357" spans="8:8">
      <c r="H9357" s="12"/>
    </row>
    <row r="9358" spans="8:8">
      <c r="H9358" s="12"/>
    </row>
    <row r="9359" spans="8:8">
      <c r="H9359" s="12"/>
    </row>
    <row r="9360" spans="8:8">
      <c r="H9360" s="12"/>
    </row>
    <row r="9361" spans="8:8">
      <c r="H9361" s="12"/>
    </row>
    <row r="9362" spans="8:8">
      <c r="H9362" s="12"/>
    </row>
    <row r="9363" spans="8:8">
      <c r="H9363" s="12"/>
    </row>
    <row r="9364" spans="8:8">
      <c r="H9364" s="12"/>
    </row>
    <row r="9365" spans="8:8">
      <c r="H9365" s="12"/>
    </row>
    <row r="9366" spans="8:8">
      <c r="H9366" s="12"/>
    </row>
    <row r="9367" spans="8:8">
      <c r="H9367" s="12"/>
    </row>
    <row r="9368" spans="8:8">
      <c r="H9368" s="12"/>
    </row>
    <row r="9369" spans="8:8">
      <c r="H9369" s="12"/>
    </row>
    <row r="9370" spans="8:8">
      <c r="H9370" s="12"/>
    </row>
    <row r="9371" spans="8:8">
      <c r="H9371" s="12"/>
    </row>
    <row r="9372" spans="8:8">
      <c r="H9372" s="12"/>
    </row>
    <row r="9373" spans="8:8">
      <c r="H9373" s="12"/>
    </row>
    <row r="9374" spans="8:8">
      <c r="H9374" s="12"/>
    </row>
    <row r="9375" spans="8:8">
      <c r="H9375" s="12"/>
    </row>
    <row r="9376" spans="8:8">
      <c r="H9376" s="12"/>
    </row>
    <row r="9377" spans="8:8">
      <c r="H9377" s="12"/>
    </row>
    <row r="9378" spans="8:8">
      <c r="H9378" s="12"/>
    </row>
    <row r="9379" spans="8:8">
      <c r="H9379" s="12"/>
    </row>
    <row r="9380" spans="8:8">
      <c r="H9380" s="12"/>
    </row>
    <row r="9381" spans="8:8">
      <c r="H9381" s="12"/>
    </row>
    <row r="9382" spans="8:8">
      <c r="H9382" s="12"/>
    </row>
    <row r="9383" spans="8:8">
      <c r="H9383" s="12"/>
    </row>
    <row r="9384" spans="8:8">
      <c r="H9384" s="12"/>
    </row>
    <row r="9385" spans="8:8">
      <c r="H9385" s="12"/>
    </row>
    <row r="9386" spans="8:8">
      <c r="H9386" s="12"/>
    </row>
    <row r="9387" spans="8:8">
      <c r="H9387" s="12"/>
    </row>
    <row r="9388" spans="8:8">
      <c r="H9388" s="12"/>
    </row>
    <row r="9389" spans="8:8">
      <c r="H9389" s="12"/>
    </row>
    <row r="9390" spans="8:8">
      <c r="H9390" s="12"/>
    </row>
    <row r="9391" spans="8:8">
      <c r="H9391" s="12"/>
    </row>
    <row r="9392" spans="8:8">
      <c r="H9392" s="12"/>
    </row>
    <row r="9393" spans="8:8">
      <c r="H9393" s="12"/>
    </row>
    <row r="9394" spans="8:8">
      <c r="H9394" s="12"/>
    </row>
    <row r="9395" spans="8:8">
      <c r="H9395" s="12"/>
    </row>
    <row r="9396" spans="8:8">
      <c r="H9396" s="12"/>
    </row>
    <row r="9397" spans="8:8">
      <c r="H9397" s="12"/>
    </row>
    <row r="9398" spans="8:8">
      <c r="H9398" s="12"/>
    </row>
    <row r="9399" spans="8:8">
      <c r="H9399" s="12"/>
    </row>
    <row r="9400" spans="8:8">
      <c r="H9400" s="12"/>
    </row>
    <row r="9401" spans="8:8">
      <c r="H9401" s="12"/>
    </row>
    <row r="9402" spans="8:8">
      <c r="H9402" s="12"/>
    </row>
    <row r="9403" spans="8:8">
      <c r="H9403" s="12"/>
    </row>
    <row r="9404" spans="8:8">
      <c r="H9404" s="12"/>
    </row>
    <row r="9405" spans="8:8">
      <c r="H9405" s="12"/>
    </row>
    <row r="9406" spans="8:8">
      <c r="H9406" s="12"/>
    </row>
    <row r="9407" spans="8:8">
      <c r="H9407" s="12"/>
    </row>
    <row r="9408" spans="8:8">
      <c r="H9408" s="12"/>
    </row>
    <row r="9409" spans="8:8">
      <c r="H9409" s="12"/>
    </row>
    <row r="9410" spans="8:8">
      <c r="H9410" s="12"/>
    </row>
    <row r="9411" spans="8:8">
      <c r="H9411" s="12"/>
    </row>
    <row r="9412" spans="8:8">
      <c r="H9412" s="12"/>
    </row>
    <row r="9413" spans="8:8">
      <c r="H9413" s="12"/>
    </row>
    <row r="9414" spans="8:8">
      <c r="H9414" s="12"/>
    </row>
    <row r="9415" spans="8:8">
      <c r="H9415" s="12"/>
    </row>
    <row r="9416" spans="8:8">
      <c r="H9416" s="12"/>
    </row>
    <row r="9417" spans="8:8">
      <c r="H9417" s="12"/>
    </row>
    <row r="9418" spans="8:8">
      <c r="H9418" s="12"/>
    </row>
    <row r="9419" spans="8:8">
      <c r="H9419" s="12"/>
    </row>
    <row r="9420" spans="8:8">
      <c r="H9420" s="12"/>
    </row>
    <row r="9421" spans="8:8">
      <c r="H9421" s="12"/>
    </row>
    <row r="9422" spans="8:8">
      <c r="H9422" s="12"/>
    </row>
    <row r="9423" spans="8:8">
      <c r="H9423" s="12"/>
    </row>
    <row r="9424" spans="8:8">
      <c r="H9424" s="12"/>
    </row>
    <row r="9425" spans="8:8">
      <c r="H9425" s="12"/>
    </row>
    <row r="9426" spans="8:8">
      <c r="H9426" s="12"/>
    </row>
    <row r="9427" spans="8:8">
      <c r="H9427" s="12"/>
    </row>
    <row r="9428" spans="8:8">
      <c r="H9428" s="12"/>
    </row>
    <row r="9429" spans="8:8">
      <c r="H9429" s="12"/>
    </row>
    <row r="9430" spans="8:8">
      <c r="H9430" s="12"/>
    </row>
    <row r="9431" spans="8:8">
      <c r="H9431" s="12"/>
    </row>
    <row r="9432" spans="8:8">
      <c r="H9432" s="12"/>
    </row>
    <row r="9433" spans="8:8">
      <c r="H9433" s="12"/>
    </row>
    <row r="9434" spans="8:8">
      <c r="H9434" s="12"/>
    </row>
    <row r="9435" spans="8:8">
      <c r="H9435" s="12"/>
    </row>
    <row r="9436" spans="8:8">
      <c r="H9436" s="12"/>
    </row>
    <row r="9437" spans="8:8">
      <c r="H9437" s="12"/>
    </row>
    <row r="9438" spans="8:8">
      <c r="H9438" s="12"/>
    </row>
    <row r="9439" spans="8:8">
      <c r="H9439" s="12"/>
    </row>
    <row r="9440" spans="8:8">
      <c r="H9440" s="12"/>
    </row>
    <row r="9441" spans="8:8">
      <c r="H9441" s="12"/>
    </row>
    <row r="9442" spans="8:8">
      <c r="H9442" s="12"/>
    </row>
    <row r="9443" spans="8:8">
      <c r="H9443" s="12"/>
    </row>
    <row r="9444" spans="8:8">
      <c r="H9444" s="12"/>
    </row>
    <row r="9445" spans="8:8">
      <c r="H9445" s="12"/>
    </row>
    <row r="9446" spans="8:8">
      <c r="H9446" s="12"/>
    </row>
    <row r="9447" spans="8:8">
      <c r="H9447" s="12"/>
    </row>
    <row r="9448" spans="8:8">
      <c r="H9448" s="12"/>
    </row>
    <row r="9449" spans="8:8">
      <c r="H9449" s="12"/>
    </row>
    <row r="9450" spans="8:8">
      <c r="H9450" s="12"/>
    </row>
    <row r="9451" spans="8:8">
      <c r="H9451" s="12"/>
    </row>
    <row r="9452" spans="8:8">
      <c r="H9452" s="12"/>
    </row>
    <row r="9453" spans="8:8">
      <c r="H9453" s="12"/>
    </row>
    <row r="9454" spans="8:8">
      <c r="H9454" s="12"/>
    </row>
    <row r="9455" spans="8:8">
      <c r="H9455" s="12"/>
    </row>
    <row r="9456" spans="8:8">
      <c r="H9456" s="12"/>
    </row>
    <row r="9457" spans="8:8">
      <c r="H9457" s="12"/>
    </row>
    <row r="9458" spans="8:8">
      <c r="H9458" s="12"/>
    </row>
    <row r="9459" spans="8:8">
      <c r="H9459" s="12"/>
    </row>
    <row r="9460" spans="8:8">
      <c r="H9460" s="12"/>
    </row>
    <row r="9461" spans="8:8">
      <c r="H9461" s="12"/>
    </row>
    <row r="9462" spans="8:8">
      <c r="H9462" s="12"/>
    </row>
    <row r="9463" spans="8:8">
      <c r="H9463" s="12"/>
    </row>
    <row r="9464" spans="8:8">
      <c r="H9464" s="12"/>
    </row>
    <row r="9465" spans="8:8">
      <c r="H9465" s="12"/>
    </row>
    <row r="9466" spans="8:8">
      <c r="H9466" s="12"/>
    </row>
    <row r="9467" spans="8:8">
      <c r="H9467" s="12"/>
    </row>
    <row r="9468" spans="8:8">
      <c r="H9468" s="12"/>
    </row>
    <row r="9469" spans="8:8">
      <c r="H9469" s="12"/>
    </row>
    <row r="9470" spans="8:8">
      <c r="H9470" s="12"/>
    </row>
    <row r="9471" spans="8:8">
      <c r="H9471" s="12"/>
    </row>
    <row r="9472" spans="8:8">
      <c r="H9472" s="12"/>
    </row>
    <row r="9473" spans="8:8">
      <c r="H9473" s="12"/>
    </row>
    <row r="9474" spans="8:8">
      <c r="H9474" s="12"/>
    </row>
    <row r="9475" spans="8:8">
      <c r="H9475" s="12"/>
    </row>
    <row r="9476" spans="8:8">
      <c r="H9476" s="12"/>
    </row>
    <row r="9477" spans="8:8">
      <c r="H9477" s="12"/>
    </row>
    <row r="9478" spans="8:8">
      <c r="H9478" s="12"/>
    </row>
    <row r="9479" spans="8:8">
      <c r="H9479" s="12"/>
    </row>
    <row r="9480" spans="8:8">
      <c r="H9480" s="12"/>
    </row>
    <row r="9481" spans="8:8">
      <c r="H9481" s="12"/>
    </row>
    <row r="9482" spans="8:8">
      <c r="H9482" s="12"/>
    </row>
    <row r="9483" spans="8:8">
      <c r="H9483" s="12"/>
    </row>
    <row r="9484" spans="8:8">
      <c r="H9484" s="12"/>
    </row>
    <row r="9485" spans="8:8">
      <c r="H9485" s="12"/>
    </row>
    <row r="9486" spans="8:8">
      <c r="H9486" s="12"/>
    </row>
    <row r="9487" spans="8:8">
      <c r="H9487" s="12"/>
    </row>
    <row r="9488" spans="8:8">
      <c r="H9488" s="12"/>
    </row>
    <row r="9489" spans="8:8">
      <c r="H9489" s="12"/>
    </row>
    <row r="9490" spans="8:8">
      <c r="H9490" s="12"/>
    </row>
    <row r="9491" spans="8:8">
      <c r="H9491" s="12"/>
    </row>
    <row r="9492" spans="8:8">
      <c r="H9492" s="12"/>
    </row>
    <row r="9493" spans="8:8">
      <c r="H9493" s="12"/>
    </row>
    <row r="9494" spans="8:8">
      <c r="H9494" s="12"/>
    </row>
    <row r="9495" spans="8:8">
      <c r="H9495" s="12"/>
    </row>
    <row r="9496" spans="8:8">
      <c r="H9496" s="12"/>
    </row>
    <row r="9497" spans="8:8">
      <c r="H9497" s="12"/>
    </row>
    <row r="9498" spans="8:8">
      <c r="H9498" s="12"/>
    </row>
    <row r="9499" spans="8:8">
      <c r="H9499" s="12"/>
    </row>
    <row r="9500" spans="8:8">
      <c r="H9500" s="12"/>
    </row>
    <row r="9501" spans="8:8">
      <c r="H9501" s="12"/>
    </row>
    <row r="9502" spans="8:8">
      <c r="H9502" s="12"/>
    </row>
    <row r="9503" spans="8:8">
      <c r="H9503" s="12"/>
    </row>
    <row r="9504" spans="8:8">
      <c r="H9504" s="12"/>
    </row>
    <row r="9505" spans="8:8">
      <c r="H9505" s="12"/>
    </row>
    <row r="9506" spans="8:8">
      <c r="H9506" s="12"/>
    </row>
    <row r="9507" spans="8:8">
      <c r="H9507" s="12"/>
    </row>
    <row r="9508" spans="8:8">
      <c r="H9508" s="12"/>
    </row>
    <row r="9509" spans="8:8">
      <c r="H9509" s="12"/>
    </row>
    <row r="9510" spans="8:8">
      <c r="H9510" s="12"/>
    </row>
    <row r="9511" spans="8:8">
      <c r="H9511" s="12"/>
    </row>
    <row r="9512" spans="8:8">
      <c r="H9512" s="12"/>
    </row>
    <row r="9513" spans="8:8">
      <c r="H9513" s="12"/>
    </row>
    <row r="9514" spans="8:8">
      <c r="H9514" s="12"/>
    </row>
    <row r="9515" spans="8:8">
      <c r="H9515" s="12"/>
    </row>
    <row r="9516" spans="8:8">
      <c r="H9516" s="12"/>
    </row>
    <row r="9517" spans="8:8">
      <c r="H9517" s="12"/>
    </row>
    <row r="9518" spans="8:8">
      <c r="H9518" s="12"/>
    </row>
    <row r="9519" spans="8:8">
      <c r="H9519" s="12"/>
    </row>
    <row r="9520" spans="8:8">
      <c r="H9520" s="12"/>
    </row>
    <row r="9521" spans="8:8">
      <c r="H9521" s="12"/>
    </row>
    <row r="9522" spans="8:8">
      <c r="H9522" s="12"/>
    </row>
    <row r="9523" spans="8:8">
      <c r="H9523" s="12"/>
    </row>
    <row r="9524" spans="8:8">
      <c r="H9524" s="12"/>
    </row>
    <row r="9525" spans="8:8">
      <c r="H9525" s="12"/>
    </row>
    <row r="9526" spans="8:8">
      <c r="H9526" s="12"/>
    </row>
    <row r="9527" spans="8:8">
      <c r="H9527" s="12"/>
    </row>
    <row r="9528" spans="8:8">
      <c r="H9528" s="12"/>
    </row>
    <row r="9529" spans="8:8">
      <c r="H9529" s="12"/>
    </row>
    <row r="9530" spans="8:8">
      <c r="H9530" s="12"/>
    </row>
    <row r="9531" spans="8:8">
      <c r="H9531" s="12"/>
    </row>
    <row r="9532" spans="8:8">
      <c r="H9532" s="12"/>
    </row>
    <row r="9533" spans="8:8">
      <c r="H9533" s="12"/>
    </row>
    <row r="9534" spans="8:8">
      <c r="H9534" s="12"/>
    </row>
    <row r="9535" spans="8:8">
      <c r="H9535" s="12"/>
    </row>
    <row r="9536" spans="8:8">
      <c r="H9536" s="12"/>
    </row>
    <row r="9537" spans="8:8">
      <c r="H9537" s="12"/>
    </row>
    <row r="9538" spans="8:8">
      <c r="H9538" s="12"/>
    </row>
    <row r="9539" spans="8:8">
      <c r="H9539" s="12"/>
    </row>
    <row r="9540" spans="8:8">
      <c r="H9540" s="12"/>
    </row>
    <row r="9541" spans="8:8">
      <c r="H9541" s="12"/>
    </row>
    <row r="9542" spans="8:8">
      <c r="H9542" s="12"/>
    </row>
    <row r="9543" spans="8:8">
      <c r="H9543" s="12"/>
    </row>
    <row r="9544" spans="8:8">
      <c r="H9544" s="12"/>
    </row>
    <row r="9545" spans="8:8">
      <c r="H9545" s="12"/>
    </row>
    <row r="9546" spans="8:8">
      <c r="H9546" s="12"/>
    </row>
    <row r="9547" spans="8:8">
      <c r="H9547" s="12"/>
    </row>
    <row r="9548" spans="8:8">
      <c r="H9548" s="12"/>
    </row>
    <row r="9549" spans="8:8">
      <c r="H9549" s="12"/>
    </row>
    <row r="9550" spans="8:8">
      <c r="H9550" s="12"/>
    </row>
    <row r="9551" spans="8:8">
      <c r="H9551" s="12"/>
    </row>
    <row r="9552" spans="8:8">
      <c r="H9552" s="12"/>
    </row>
    <row r="9553" spans="8:8">
      <c r="H9553" s="12"/>
    </row>
    <row r="9554" spans="8:8">
      <c r="H9554" s="12"/>
    </row>
    <row r="9555" spans="8:8">
      <c r="H9555" s="12"/>
    </row>
    <row r="9556" spans="8:8">
      <c r="H9556" s="12"/>
    </row>
    <row r="9557" spans="8:8">
      <c r="H9557" s="12"/>
    </row>
    <row r="9558" spans="8:8">
      <c r="H9558" s="12"/>
    </row>
    <row r="9559" spans="8:8">
      <c r="H9559" s="12"/>
    </row>
    <row r="9560" spans="8:8">
      <c r="H9560" s="12"/>
    </row>
    <row r="9561" spans="8:8">
      <c r="H9561" s="12"/>
    </row>
    <row r="9562" spans="8:8">
      <c r="H9562" s="12"/>
    </row>
    <row r="9563" spans="8:8">
      <c r="H9563" s="12"/>
    </row>
    <row r="9564" spans="8:8">
      <c r="H9564" s="12"/>
    </row>
    <row r="9565" spans="8:8">
      <c r="H9565" s="12"/>
    </row>
    <row r="9566" spans="8:8">
      <c r="H9566" s="12"/>
    </row>
    <row r="9567" spans="8:8">
      <c r="H9567" s="12"/>
    </row>
    <row r="9568" spans="8:8">
      <c r="H9568" s="12"/>
    </row>
    <row r="9569" spans="8:8">
      <c r="H9569" s="12"/>
    </row>
    <row r="9570" spans="8:8">
      <c r="H9570" s="12"/>
    </row>
    <row r="9571" spans="8:8">
      <c r="H9571" s="12"/>
    </row>
    <row r="9572" spans="8:8">
      <c r="H9572" s="12"/>
    </row>
    <row r="9573" spans="8:8">
      <c r="H9573" s="12"/>
    </row>
    <row r="9574" spans="8:8">
      <c r="H9574" s="12"/>
    </row>
    <row r="9575" spans="8:8">
      <c r="H9575" s="12"/>
    </row>
    <row r="9576" spans="8:8">
      <c r="H9576" s="12"/>
    </row>
    <row r="9577" spans="8:8">
      <c r="H9577" s="12"/>
    </row>
    <row r="9578" spans="8:8">
      <c r="H9578" s="12"/>
    </row>
    <row r="9579" spans="8:8">
      <c r="H9579" s="12"/>
    </row>
    <row r="9580" spans="8:8">
      <c r="H9580" s="12"/>
    </row>
    <row r="9581" spans="8:8">
      <c r="H9581" s="12"/>
    </row>
    <row r="9582" spans="8:8">
      <c r="H9582" s="12"/>
    </row>
    <row r="9583" spans="8:8">
      <c r="H9583" s="12"/>
    </row>
    <row r="9584" spans="8:8">
      <c r="H9584" s="12"/>
    </row>
    <row r="9585" spans="8:8">
      <c r="H9585" s="12"/>
    </row>
    <row r="9586" spans="8:8">
      <c r="H9586" s="12"/>
    </row>
    <row r="9587" spans="8:8">
      <c r="H9587" s="12"/>
    </row>
    <row r="9588" spans="8:8">
      <c r="H9588" s="12"/>
    </row>
    <row r="9589" spans="8:8">
      <c r="H9589" s="12"/>
    </row>
    <row r="9590" spans="8:8">
      <c r="H9590" s="12"/>
    </row>
    <row r="9591" spans="8:8">
      <c r="H9591" s="12"/>
    </row>
    <row r="9592" spans="8:8">
      <c r="H9592" s="12"/>
    </row>
    <row r="9593" spans="8:8">
      <c r="H9593" s="12"/>
    </row>
    <row r="9594" spans="8:8">
      <c r="H9594" s="12"/>
    </row>
    <row r="9595" spans="8:8">
      <c r="H9595" s="12"/>
    </row>
    <row r="9596" spans="8:8">
      <c r="H9596" s="12"/>
    </row>
    <row r="9597" spans="8:8">
      <c r="H9597" s="12"/>
    </row>
    <row r="9598" spans="8:8">
      <c r="H9598" s="12"/>
    </row>
    <row r="9599" spans="8:8">
      <c r="H9599" s="12"/>
    </row>
    <row r="9600" spans="8:8">
      <c r="H9600" s="12"/>
    </row>
    <row r="9601" spans="8:8">
      <c r="H9601" s="12"/>
    </row>
    <row r="9602" spans="8:8">
      <c r="H9602" s="12"/>
    </row>
    <row r="9603" spans="8:8">
      <c r="H9603" s="12"/>
    </row>
    <row r="9604" spans="8:8">
      <c r="H9604" s="12"/>
    </row>
    <row r="9605" spans="8:8">
      <c r="H9605" s="12"/>
    </row>
    <row r="9606" spans="8:8">
      <c r="H9606" s="12"/>
    </row>
    <row r="9607" spans="8:8">
      <c r="H9607" s="12"/>
    </row>
    <row r="9608" spans="8:8">
      <c r="H9608" s="12"/>
    </row>
    <row r="9609" spans="8:8">
      <c r="H9609" s="12"/>
    </row>
    <row r="9610" spans="8:8">
      <c r="H9610" s="12"/>
    </row>
    <row r="9611" spans="8:8">
      <c r="H9611" s="12"/>
    </row>
    <row r="9612" spans="8:8">
      <c r="H9612" s="12"/>
    </row>
    <row r="9613" spans="8:8">
      <c r="H9613" s="12"/>
    </row>
    <row r="9614" spans="8:8">
      <c r="H9614" s="12"/>
    </row>
    <row r="9615" spans="8:8">
      <c r="H9615" s="12"/>
    </row>
    <row r="9616" spans="8:8">
      <c r="H9616" s="12"/>
    </row>
    <row r="9617" spans="8:8">
      <c r="H9617" s="12"/>
    </row>
    <row r="9618" spans="8:8">
      <c r="H9618" s="12"/>
    </row>
    <row r="9619" spans="8:8">
      <c r="H9619" s="12"/>
    </row>
    <row r="9620" spans="8:8">
      <c r="H9620" s="12"/>
    </row>
    <row r="9621" spans="8:8">
      <c r="H9621" s="12"/>
    </row>
    <row r="9622" spans="8:8">
      <c r="H9622" s="12"/>
    </row>
    <row r="9623" spans="8:8">
      <c r="H9623" s="12"/>
    </row>
    <row r="9624" spans="8:8">
      <c r="H9624" s="12"/>
    </row>
    <row r="9625" spans="8:8">
      <c r="H9625" s="12"/>
    </row>
    <row r="9626" spans="8:8">
      <c r="H9626" s="12"/>
    </row>
    <row r="9627" spans="8:8">
      <c r="H9627" s="12"/>
    </row>
    <row r="9628" spans="8:8">
      <c r="H9628" s="12"/>
    </row>
    <row r="9629" spans="8:8">
      <c r="H9629" s="12"/>
    </row>
    <row r="9630" spans="8:8">
      <c r="H9630" s="12"/>
    </row>
    <row r="9631" spans="8:8">
      <c r="H9631" s="12"/>
    </row>
    <row r="9632" spans="8:8">
      <c r="H9632" s="12"/>
    </row>
    <row r="9633" spans="8:8">
      <c r="H9633" s="12"/>
    </row>
    <row r="9634" spans="8:8">
      <c r="H9634" s="12"/>
    </row>
    <row r="9635" spans="8:8">
      <c r="H9635" s="12"/>
    </row>
    <row r="9636" spans="8:8">
      <c r="H9636" s="12"/>
    </row>
    <row r="9637" spans="8:8">
      <c r="H9637" s="12"/>
    </row>
    <row r="9638" spans="8:8">
      <c r="H9638" s="12"/>
    </row>
    <row r="9639" spans="8:8">
      <c r="H9639" s="12"/>
    </row>
    <row r="9640" spans="8:8">
      <c r="H9640" s="12"/>
    </row>
    <row r="9641" spans="8:8">
      <c r="H9641" s="12"/>
    </row>
    <row r="9642" spans="8:8">
      <c r="H9642" s="12"/>
    </row>
    <row r="9643" spans="8:8">
      <c r="H9643" s="12"/>
    </row>
    <row r="9644" spans="8:8">
      <c r="H9644" s="12"/>
    </row>
    <row r="9645" spans="8:8">
      <c r="H9645" s="12"/>
    </row>
    <row r="9646" spans="8:8">
      <c r="H9646" s="12"/>
    </row>
    <row r="9647" spans="8:8">
      <c r="H9647" s="12"/>
    </row>
    <row r="9648" spans="8:8">
      <c r="H9648" s="12"/>
    </row>
    <row r="9649" spans="8:8">
      <c r="H9649" s="12"/>
    </row>
    <row r="9650" spans="8:8">
      <c r="H9650" s="12"/>
    </row>
    <row r="9651" spans="8:8">
      <c r="H9651" s="12"/>
    </row>
    <row r="9652" spans="8:8">
      <c r="H9652" s="12"/>
    </row>
    <row r="9653" spans="8:8">
      <c r="H9653" s="12"/>
    </row>
    <row r="9654" spans="8:8">
      <c r="H9654" s="12"/>
    </row>
    <row r="9655" spans="8:8">
      <c r="H9655" s="12"/>
    </row>
    <row r="9656" spans="8:8">
      <c r="H9656" s="12"/>
    </row>
    <row r="9657" spans="8:8">
      <c r="H9657" s="12"/>
    </row>
    <row r="9658" spans="8:8">
      <c r="H9658" s="12"/>
    </row>
    <row r="9659" spans="8:8">
      <c r="H9659" s="12"/>
    </row>
    <row r="9660" spans="8:8">
      <c r="H9660" s="12"/>
    </row>
    <row r="9661" spans="8:8">
      <c r="H9661" s="12"/>
    </row>
    <row r="9662" spans="8:8">
      <c r="H9662" s="12"/>
    </row>
    <row r="9663" spans="8:8">
      <c r="H9663" s="12"/>
    </row>
    <row r="9664" spans="8:8">
      <c r="H9664" s="12"/>
    </row>
    <row r="9665" spans="8:8">
      <c r="H9665" s="12"/>
    </row>
    <row r="9666" spans="8:8">
      <c r="H9666" s="12"/>
    </row>
    <row r="9667" spans="8:8">
      <c r="H9667" s="12"/>
    </row>
    <row r="9668" spans="8:8">
      <c r="H9668" s="12"/>
    </row>
    <row r="9669" spans="8:8">
      <c r="H9669" s="12"/>
    </row>
    <row r="9670" spans="8:8">
      <c r="H9670" s="12"/>
    </row>
    <row r="9671" spans="8:8">
      <c r="H9671" s="12"/>
    </row>
    <row r="9672" spans="8:8">
      <c r="H9672" s="12"/>
    </row>
    <row r="9673" spans="8:8">
      <c r="H9673" s="12"/>
    </row>
    <row r="9674" spans="8:8">
      <c r="H9674" s="12"/>
    </row>
    <row r="9675" spans="8:8">
      <c r="H9675" s="12"/>
    </row>
    <row r="9676" spans="8:8">
      <c r="H9676" s="12"/>
    </row>
    <row r="9677" spans="8:8">
      <c r="H9677" s="12"/>
    </row>
    <row r="9678" spans="8:8">
      <c r="H9678" s="12"/>
    </row>
    <row r="9679" spans="8:8">
      <c r="H9679" s="12"/>
    </row>
    <row r="9680" spans="8:8">
      <c r="H9680" s="12"/>
    </row>
    <row r="9681" spans="8:8">
      <c r="H9681" s="12"/>
    </row>
    <row r="9682" spans="8:8">
      <c r="H9682" s="12"/>
    </row>
    <row r="9683" spans="8:8">
      <c r="H9683" s="12"/>
    </row>
    <row r="9684" spans="8:8">
      <c r="H9684" s="12"/>
    </row>
    <row r="9685" spans="8:8">
      <c r="H9685" s="12"/>
    </row>
    <row r="9686" spans="8:8">
      <c r="H9686" s="12"/>
    </row>
    <row r="9687" spans="8:8">
      <c r="H9687" s="12"/>
    </row>
    <row r="9688" spans="8:8">
      <c r="H9688" s="12"/>
    </row>
    <row r="9689" spans="8:8">
      <c r="H9689" s="12"/>
    </row>
    <row r="9690" spans="8:8">
      <c r="H9690" s="12"/>
    </row>
    <row r="9691" spans="8:8">
      <c r="H9691" s="12"/>
    </row>
    <row r="9692" spans="8:8">
      <c r="H9692" s="12"/>
    </row>
    <row r="9693" spans="8:8">
      <c r="H9693" s="12"/>
    </row>
    <row r="9694" spans="8:8">
      <c r="H9694" s="12"/>
    </row>
    <row r="9695" spans="8:8">
      <c r="H9695" s="12"/>
    </row>
    <row r="9696" spans="8:8">
      <c r="H9696" s="12"/>
    </row>
    <row r="9697" spans="8:8">
      <c r="H9697" s="12"/>
    </row>
    <row r="9698" spans="8:8">
      <c r="H9698" s="12"/>
    </row>
    <row r="9699" spans="8:8">
      <c r="H9699" s="12"/>
    </row>
    <row r="9700" spans="8:8">
      <c r="H9700" s="12"/>
    </row>
    <row r="9701" spans="8:8">
      <c r="H9701" s="12"/>
    </row>
    <row r="9702" spans="8:8">
      <c r="H9702" s="12"/>
    </row>
    <row r="9703" spans="8:8">
      <c r="H9703" s="12"/>
    </row>
    <row r="9704" spans="8:8">
      <c r="H9704" s="12"/>
    </row>
    <row r="9705" spans="8:8">
      <c r="H9705" s="12"/>
    </row>
    <row r="9706" spans="8:8">
      <c r="H9706" s="12"/>
    </row>
    <row r="9707" spans="8:8">
      <c r="H9707" s="12"/>
    </row>
    <row r="9708" spans="8:8">
      <c r="H9708" s="12"/>
    </row>
    <row r="9709" spans="8:8">
      <c r="H9709" s="12"/>
    </row>
    <row r="9710" spans="8:8">
      <c r="H9710" s="12"/>
    </row>
    <row r="9711" spans="8:8">
      <c r="H9711" s="12"/>
    </row>
    <row r="9712" spans="8:8">
      <c r="H9712" s="12"/>
    </row>
    <row r="9713" spans="8:8">
      <c r="H9713" s="12"/>
    </row>
    <row r="9714" spans="8:8">
      <c r="H9714" s="12"/>
    </row>
    <row r="9715" spans="8:8">
      <c r="H9715" s="12"/>
    </row>
    <row r="9716" spans="8:8">
      <c r="H9716" s="12"/>
    </row>
    <row r="9717" spans="8:8">
      <c r="H9717" s="12"/>
    </row>
    <row r="9718" spans="8:8">
      <c r="H9718" s="12"/>
    </row>
    <row r="9719" spans="8:8">
      <c r="H9719" s="12"/>
    </row>
    <row r="9720" spans="8:8">
      <c r="H9720" s="12"/>
    </row>
    <row r="9721" spans="8:8">
      <c r="H9721" s="12"/>
    </row>
    <row r="9722" spans="8:8">
      <c r="H9722" s="12"/>
    </row>
    <row r="9723" spans="8:8">
      <c r="H9723" s="12"/>
    </row>
    <row r="9724" spans="8:8">
      <c r="H9724" s="12"/>
    </row>
    <row r="9725" spans="8:8">
      <c r="H9725" s="12"/>
    </row>
    <row r="9726" spans="8:8">
      <c r="H9726" s="12"/>
    </row>
    <row r="9727" spans="8:8">
      <c r="H9727" s="12"/>
    </row>
    <row r="9728" spans="8:8">
      <c r="H9728" s="12"/>
    </row>
    <row r="9729" spans="8:8">
      <c r="H9729" s="12"/>
    </row>
    <row r="9730" spans="8:8">
      <c r="H9730" s="12"/>
    </row>
    <row r="9731" spans="8:8">
      <c r="H9731" s="12"/>
    </row>
    <row r="9732" spans="8:8">
      <c r="H9732" s="12"/>
    </row>
    <row r="9733" spans="8:8">
      <c r="H9733" s="12"/>
    </row>
    <row r="9734" spans="8:8">
      <c r="H9734" s="12"/>
    </row>
    <row r="9735" spans="8:8">
      <c r="H9735" s="12"/>
    </row>
    <row r="9736" spans="8:8">
      <c r="H9736" s="12"/>
    </row>
    <row r="9737" spans="8:8">
      <c r="H9737" s="12"/>
    </row>
    <row r="9738" spans="8:8">
      <c r="H9738" s="12"/>
    </row>
    <row r="9739" spans="8:8">
      <c r="H9739" s="12"/>
    </row>
    <row r="9740" spans="8:8">
      <c r="H9740" s="12"/>
    </row>
    <row r="9741" spans="8:8">
      <c r="H9741" s="12"/>
    </row>
    <row r="9742" spans="8:8">
      <c r="H9742" s="12"/>
    </row>
    <row r="9743" spans="8:8">
      <c r="H9743" s="12"/>
    </row>
    <row r="9744" spans="8:8">
      <c r="H9744" s="12"/>
    </row>
    <row r="9745" spans="8:8">
      <c r="H9745" s="12"/>
    </row>
    <row r="9746" spans="8:8">
      <c r="H9746" s="12"/>
    </row>
    <row r="9747" spans="8:8">
      <c r="H9747" s="12"/>
    </row>
    <row r="9748" spans="8:8">
      <c r="H9748" s="12"/>
    </row>
    <row r="9749" spans="8:8">
      <c r="H9749" s="12"/>
    </row>
    <row r="9750" spans="8:8">
      <c r="H9750" s="12"/>
    </row>
    <row r="9751" spans="8:8">
      <c r="H9751" s="12"/>
    </row>
    <row r="9752" spans="8:8">
      <c r="H9752" s="12"/>
    </row>
    <row r="9753" spans="8:8">
      <c r="H9753" s="12"/>
    </row>
    <row r="9754" spans="8:8">
      <c r="H9754" s="12"/>
    </row>
    <row r="9755" spans="8:8">
      <c r="H9755" s="12"/>
    </row>
    <row r="9756" spans="8:8">
      <c r="H9756" s="12"/>
    </row>
    <row r="9757" spans="8:8">
      <c r="H9757" s="12"/>
    </row>
    <row r="9758" spans="8:8">
      <c r="H9758" s="12"/>
    </row>
    <row r="9759" spans="8:8">
      <c r="H9759" s="12"/>
    </row>
    <row r="9760" spans="8:8">
      <c r="H9760" s="12"/>
    </row>
    <row r="9761" spans="8:8">
      <c r="H9761" s="12"/>
    </row>
    <row r="9762" spans="8:8">
      <c r="H9762" s="12"/>
    </row>
    <row r="9763" spans="8:8">
      <c r="H9763" s="12"/>
    </row>
    <row r="9764" spans="8:8">
      <c r="H9764" s="12"/>
    </row>
    <row r="9765" spans="8:8">
      <c r="H9765" s="12"/>
    </row>
    <row r="9766" spans="8:8">
      <c r="H9766" s="12"/>
    </row>
    <row r="9767" spans="8:8">
      <c r="H9767" s="12"/>
    </row>
    <row r="9768" spans="8:8">
      <c r="H9768" s="12"/>
    </row>
    <row r="9769" spans="8:8">
      <c r="H9769" s="12"/>
    </row>
    <row r="9770" spans="8:8">
      <c r="H9770" s="12"/>
    </row>
    <row r="9771" spans="8:8">
      <c r="H9771" s="12"/>
    </row>
    <row r="9772" spans="8:8">
      <c r="H9772" s="12"/>
    </row>
    <row r="9773" spans="8:8">
      <c r="H9773" s="12"/>
    </row>
    <row r="9774" spans="8:8">
      <c r="H9774" s="12"/>
    </row>
    <row r="9775" spans="8:8">
      <c r="H9775" s="12"/>
    </row>
    <row r="9776" spans="8:8">
      <c r="H9776" s="12"/>
    </row>
    <row r="9777" spans="8:8">
      <c r="H9777" s="12"/>
    </row>
    <row r="9778" spans="8:8">
      <c r="H9778" s="12"/>
    </row>
    <row r="9779" spans="8:8">
      <c r="H9779" s="12"/>
    </row>
    <row r="9780" spans="8:8">
      <c r="H9780" s="12"/>
    </row>
    <row r="9781" spans="8:8">
      <c r="H9781" s="12"/>
    </row>
    <row r="9782" spans="8:8">
      <c r="H9782" s="12"/>
    </row>
    <row r="9783" spans="8:8">
      <c r="H9783" s="12"/>
    </row>
    <row r="9784" spans="8:8">
      <c r="H9784" s="12"/>
    </row>
    <row r="9785" spans="8:8">
      <c r="H9785" s="12"/>
    </row>
    <row r="9786" spans="8:8">
      <c r="H9786" s="12"/>
    </row>
    <row r="9787" spans="8:8">
      <c r="H9787" s="12"/>
    </row>
    <row r="9788" spans="8:8">
      <c r="H9788" s="12"/>
    </row>
    <row r="9789" spans="8:8">
      <c r="H9789" s="12"/>
    </row>
    <row r="9790" spans="8:8">
      <c r="H9790" s="12"/>
    </row>
    <row r="9791" spans="8:8">
      <c r="H9791" s="12"/>
    </row>
    <row r="9792" spans="8:8">
      <c r="H9792" s="12"/>
    </row>
    <row r="9793" spans="8:8">
      <c r="H9793" s="12"/>
    </row>
    <row r="9794" spans="8:8">
      <c r="H9794" s="12"/>
    </row>
    <row r="9795" spans="8:8">
      <c r="H9795" s="12"/>
    </row>
    <row r="9796" spans="8:8">
      <c r="H9796" s="12"/>
    </row>
    <row r="9797" spans="8:8">
      <c r="H9797" s="12"/>
    </row>
    <row r="9798" spans="8:8">
      <c r="H9798" s="12"/>
    </row>
    <row r="9799" spans="8:8">
      <c r="H9799" s="12"/>
    </row>
    <row r="9800" spans="8:8">
      <c r="H9800" s="12"/>
    </row>
    <row r="9801" spans="8:8">
      <c r="H9801" s="12"/>
    </row>
    <row r="9802" spans="8:8">
      <c r="H9802" s="12"/>
    </row>
    <row r="9803" spans="8:8">
      <c r="H9803" s="12"/>
    </row>
    <row r="9804" spans="8:8">
      <c r="H9804" s="12"/>
    </row>
    <row r="9805" spans="8:8">
      <c r="H9805" s="12"/>
    </row>
    <row r="9806" spans="8:8">
      <c r="H9806" s="12"/>
    </row>
    <row r="9807" spans="8:8">
      <c r="H9807" s="12"/>
    </row>
    <row r="9808" spans="8:8">
      <c r="H9808" s="12"/>
    </row>
    <row r="9809" spans="8:8">
      <c r="H9809" s="12"/>
    </row>
    <row r="9810" spans="8:8">
      <c r="H9810" s="12"/>
    </row>
    <row r="9811" spans="8:8">
      <c r="H9811" s="12"/>
    </row>
    <row r="9812" spans="8:8">
      <c r="H9812" s="12"/>
    </row>
    <row r="9813" spans="8:8">
      <c r="H9813" s="12"/>
    </row>
    <row r="9814" spans="8:8">
      <c r="H9814" s="12"/>
    </row>
    <row r="9815" spans="8:8">
      <c r="H9815" s="12"/>
    </row>
    <row r="9816" spans="8:8">
      <c r="H9816" s="12"/>
    </row>
    <row r="9817" spans="8:8">
      <c r="H9817" s="12"/>
    </row>
    <row r="9818" spans="8:8">
      <c r="H9818" s="12"/>
    </row>
    <row r="9819" spans="8:8">
      <c r="H9819" s="12"/>
    </row>
    <row r="9820" spans="8:8">
      <c r="H9820" s="12"/>
    </row>
    <row r="9821" spans="8:8">
      <c r="H9821" s="12"/>
    </row>
    <row r="9822" spans="8:8">
      <c r="H9822" s="12"/>
    </row>
    <row r="9823" spans="8:8">
      <c r="H9823" s="12"/>
    </row>
    <row r="9824" spans="8:8">
      <c r="H9824" s="12"/>
    </row>
    <row r="9825" spans="8:8">
      <c r="H9825" s="12"/>
    </row>
    <row r="9826" spans="8:8">
      <c r="H9826" s="12"/>
    </row>
    <row r="9827" spans="8:8">
      <c r="H9827" s="12"/>
    </row>
    <row r="9828" spans="8:8">
      <c r="H9828" s="12"/>
    </row>
    <row r="9829" spans="8:8">
      <c r="H9829" s="12"/>
    </row>
    <row r="9830" spans="8:8">
      <c r="H9830" s="12"/>
    </row>
    <row r="9831" spans="8:8">
      <c r="H9831" s="12"/>
    </row>
    <row r="9832" spans="8:8">
      <c r="H9832" s="12"/>
    </row>
    <row r="9833" spans="8:8">
      <c r="H9833" s="12"/>
    </row>
    <row r="9834" spans="8:8">
      <c r="H9834" s="12"/>
    </row>
    <row r="9835" spans="8:8">
      <c r="H9835" s="12"/>
    </row>
    <row r="9836" spans="8:8">
      <c r="H9836" s="12"/>
    </row>
    <row r="9837" spans="8:8">
      <c r="H9837" s="12"/>
    </row>
    <row r="9838" spans="8:8">
      <c r="H9838" s="12"/>
    </row>
    <row r="9839" spans="8:8">
      <c r="H9839" s="12"/>
    </row>
    <row r="9840" spans="8:8">
      <c r="H9840" s="12"/>
    </row>
    <row r="9841" spans="8:8">
      <c r="H9841" s="12"/>
    </row>
    <row r="9842" spans="8:8">
      <c r="H9842" s="12"/>
    </row>
    <row r="9843" spans="8:8">
      <c r="H9843" s="12"/>
    </row>
    <row r="9844" spans="8:8">
      <c r="H9844" s="12"/>
    </row>
    <row r="9845" spans="8:8">
      <c r="H9845" s="12"/>
    </row>
    <row r="9846" spans="8:8">
      <c r="H9846" s="12"/>
    </row>
    <row r="9847" spans="8:8">
      <c r="H9847" s="12"/>
    </row>
    <row r="9848" spans="8:8">
      <c r="H9848" s="12"/>
    </row>
    <row r="9849" spans="8:8">
      <c r="H9849" s="12"/>
    </row>
    <row r="9850" spans="8:8">
      <c r="H9850" s="12"/>
    </row>
    <row r="9851" spans="8:8">
      <c r="H9851" s="12"/>
    </row>
    <row r="9852" spans="8:8">
      <c r="H9852" s="12"/>
    </row>
    <row r="9853" spans="8:8">
      <c r="H9853" s="12"/>
    </row>
    <row r="9854" spans="8:8">
      <c r="H9854" s="12"/>
    </row>
    <row r="9855" spans="8:8">
      <c r="H9855" s="12"/>
    </row>
    <row r="9856" spans="8:8">
      <c r="H9856" s="12"/>
    </row>
    <row r="9857" spans="8:8">
      <c r="H9857" s="12"/>
    </row>
    <row r="9858" spans="8:8">
      <c r="H9858" s="12"/>
    </row>
    <row r="9859" spans="8:8">
      <c r="H9859" s="12"/>
    </row>
    <row r="9860" spans="8:8">
      <c r="H9860" s="12"/>
    </row>
    <row r="9861" spans="8:8">
      <c r="H9861" s="12"/>
    </row>
    <row r="9862" spans="8:8">
      <c r="H9862" s="12"/>
    </row>
    <row r="9863" spans="8:8">
      <c r="H9863" s="12"/>
    </row>
    <row r="9864" spans="8:8">
      <c r="H9864" s="12"/>
    </row>
    <row r="9865" spans="8:8">
      <c r="H9865" s="12"/>
    </row>
    <row r="9866" spans="8:8">
      <c r="H9866" s="12"/>
    </row>
    <row r="9867" spans="8:8">
      <c r="H9867" s="12"/>
    </row>
    <row r="9868" spans="8:8">
      <c r="H9868" s="12"/>
    </row>
    <row r="9869" spans="8:8">
      <c r="H9869" s="12"/>
    </row>
    <row r="9870" spans="8:8">
      <c r="H9870" s="12"/>
    </row>
    <row r="9871" spans="8:8">
      <c r="H9871" s="12"/>
    </row>
    <row r="9872" spans="8:8">
      <c r="H9872" s="12"/>
    </row>
    <row r="9873" spans="8:8">
      <c r="H9873" s="12"/>
    </row>
    <row r="9874" spans="8:8">
      <c r="H9874" s="12"/>
    </row>
    <row r="9875" spans="8:8">
      <c r="H9875" s="12"/>
    </row>
    <row r="9876" spans="8:8">
      <c r="H9876" s="12"/>
    </row>
    <row r="9877" spans="8:8">
      <c r="H9877" s="12"/>
    </row>
    <row r="9878" spans="8:8">
      <c r="H9878" s="12"/>
    </row>
    <row r="9879" spans="8:8">
      <c r="H9879" s="12"/>
    </row>
    <row r="9880" spans="8:8">
      <c r="H9880" s="12"/>
    </row>
    <row r="9881" spans="8:8">
      <c r="H9881" s="12"/>
    </row>
    <row r="9882" spans="8:8">
      <c r="H9882" s="12"/>
    </row>
    <row r="9883" spans="8:8">
      <c r="H9883" s="12"/>
    </row>
    <row r="9884" spans="8:8">
      <c r="H9884" s="12"/>
    </row>
    <row r="9885" spans="8:8">
      <c r="H9885" s="12"/>
    </row>
    <row r="9886" spans="8:8">
      <c r="H9886" s="12"/>
    </row>
    <row r="9887" spans="8:8">
      <c r="H9887" s="12"/>
    </row>
    <row r="9888" spans="8:8">
      <c r="H9888" s="12"/>
    </row>
    <row r="9889" spans="8:8">
      <c r="H9889" s="12"/>
    </row>
    <row r="9890" spans="8:8">
      <c r="H9890" s="12"/>
    </row>
    <row r="9891" spans="8:8">
      <c r="H9891" s="12"/>
    </row>
    <row r="9892" spans="8:8">
      <c r="H9892" s="12"/>
    </row>
    <row r="9893" spans="8:8">
      <c r="H9893" s="12"/>
    </row>
    <row r="9894" spans="8:8">
      <c r="H9894" s="12"/>
    </row>
    <row r="9895" spans="8:8">
      <c r="H9895" s="12"/>
    </row>
    <row r="9896" spans="8:8">
      <c r="H9896" s="12"/>
    </row>
    <row r="9897" spans="8:8">
      <c r="H9897" s="12"/>
    </row>
    <row r="9898" spans="8:8">
      <c r="H9898" s="12"/>
    </row>
    <row r="9899" spans="8:8">
      <c r="H9899" s="12"/>
    </row>
    <row r="9900" spans="8:8">
      <c r="H9900" s="12"/>
    </row>
    <row r="9901" spans="8:8">
      <c r="H9901" s="12"/>
    </row>
    <row r="9902" spans="8:8">
      <c r="H9902" s="12"/>
    </row>
    <row r="9903" spans="8:8">
      <c r="H9903" s="12"/>
    </row>
    <row r="9904" spans="8:8">
      <c r="H9904" s="12"/>
    </row>
    <row r="9905" spans="8:8">
      <c r="H9905" s="12"/>
    </row>
    <row r="9906" spans="8:8">
      <c r="H9906" s="12"/>
    </row>
    <row r="9907" spans="8:8">
      <c r="H9907" s="12"/>
    </row>
    <row r="9908" spans="8:8">
      <c r="H9908" s="12"/>
    </row>
    <row r="9909" spans="8:8">
      <c r="H9909" s="12"/>
    </row>
    <row r="9910" spans="8:8">
      <c r="H9910" s="12"/>
    </row>
    <row r="9911" spans="8:8">
      <c r="H9911" s="12"/>
    </row>
    <row r="9912" spans="8:8">
      <c r="H9912" s="12"/>
    </row>
    <row r="9913" spans="8:8">
      <c r="H9913" s="12"/>
    </row>
    <row r="9914" spans="8:8">
      <c r="H9914" s="12"/>
    </row>
    <row r="9915" spans="8:8">
      <c r="H9915" s="12"/>
    </row>
    <row r="9916" spans="8:8">
      <c r="H9916" s="12"/>
    </row>
    <row r="9917" spans="8:8">
      <c r="H9917" s="12"/>
    </row>
    <row r="9918" spans="8:8">
      <c r="H9918" s="12"/>
    </row>
    <row r="9919" spans="8:8">
      <c r="H9919" s="12"/>
    </row>
    <row r="9920" spans="8:8">
      <c r="H9920" s="12"/>
    </row>
    <row r="9921" spans="8:8">
      <c r="H9921" s="12"/>
    </row>
    <row r="9922" spans="8:8">
      <c r="H9922" s="12"/>
    </row>
    <row r="9923" spans="8:8">
      <c r="H9923" s="12"/>
    </row>
    <row r="9924" spans="8:8">
      <c r="H9924" s="12"/>
    </row>
    <row r="9925" spans="8:8">
      <c r="H9925" s="12"/>
    </row>
    <row r="9926" spans="8:8">
      <c r="H9926" s="12"/>
    </row>
    <row r="9927" spans="8:8">
      <c r="H9927" s="12"/>
    </row>
    <row r="9928" spans="8:8">
      <c r="H9928" s="12"/>
    </row>
    <row r="9929" spans="8:8">
      <c r="H9929" s="12"/>
    </row>
    <row r="9930" spans="8:8">
      <c r="H9930" s="12"/>
    </row>
    <row r="9931" spans="8:8">
      <c r="H9931" s="12"/>
    </row>
    <row r="9932" spans="8:8">
      <c r="H9932" s="12"/>
    </row>
    <row r="9933" spans="8:8">
      <c r="H9933" s="12"/>
    </row>
    <row r="9934" spans="8:8">
      <c r="H9934" s="12"/>
    </row>
    <row r="9935" spans="8:8">
      <c r="H9935" s="12"/>
    </row>
    <row r="9936" spans="8:8">
      <c r="H9936" s="12"/>
    </row>
    <row r="9937" spans="8:8">
      <c r="H9937" s="12"/>
    </row>
    <row r="9938" spans="8:8">
      <c r="H9938" s="12"/>
    </row>
    <row r="9939" spans="8:8">
      <c r="H9939" s="12"/>
    </row>
    <row r="9940" spans="8:8">
      <c r="H9940" s="12"/>
    </row>
    <row r="9941" spans="8:8">
      <c r="H9941" s="12"/>
    </row>
    <row r="9942" spans="8:8">
      <c r="H9942" s="12"/>
    </row>
    <row r="9943" spans="8:8">
      <c r="H9943" s="12"/>
    </row>
    <row r="9944" spans="8:8">
      <c r="H9944" s="12"/>
    </row>
    <row r="9945" spans="8:8">
      <c r="H9945" s="12"/>
    </row>
    <row r="9946" spans="8:8">
      <c r="H9946" s="12"/>
    </row>
    <row r="9947" spans="8:8">
      <c r="H9947" s="12"/>
    </row>
    <row r="9948" spans="8:8">
      <c r="H9948" s="12"/>
    </row>
    <row r="9949" spans="8:8">
      <c r="H9949" s="12"/>
    </row>
    <row r="9950" spans="8:8">
      <c r="H9950" s="12"/>
    </row>
    <row r="9951" spans="8:8">
      <c r="H9951" s="12"/>
    </row>
    <row r="9952" spans="8:8">
      <c r="H9952" s="12"/>
    </row>
    <row r="9953" spans="8:8">
      <c r="H9953" s="12"/>
    </row>
    <row r="9954" spans="8:8">
      <c r="H9954" s="12"/>
    </row>
    <row r="9955" spans="8:8">
      <c r="H9955" s="12"/>
    </row>
    <row r="9956" spans="8:8">
      <c r="H9956" s="12"/>
    </row>
    <row r="9957" spans="8:8">
      <c r="H9957" s="12"/>
    </row>
    <row r="9958" spans="8:8">
      <c r="H9958" s="12"/>
    </row>
    <row r="9959" spans="8:8">
      <c r="H9959" s="12"/>
    </row>
    <row r="9960" spans="8:8">
      <c r="H9960" s="12"/>
    </row>
    <row r="9961" spans="8:8">
      <c r="H9961" s="12"/>
    </row>
    <row r="9962" spans="8:8">
      <c r="H9962" s="12"/>
    </row>
    <row r="9963" spans="8:8">
      <c r="H9963" s="12"/>
    </row>
    <row r="9964" spans="8:8">
      <c r="H9964" s="12"/>
    </row>
    <row r="9965" spans="8:8">
      <c r="H9965" s="12"/>
    </row>
    <row r="9966" spans="8:8">
      <c r="H9966" s="12"/>
    </row>
    <row r="9967" spans="8:8">
      <c r="H9967" s="12"/>
    </row>
    <row r="9968" spans="8:8">
      <c r="H9968" s="12"/>
    </row>
    <row r="9969" spans="8:8">
      <c r="H9969" s="12"/>
    </row>
    <row r="9970" spans="8:8">
      <c r="H9970" s="12"/>
    </row>
    <row r="9971" spans="8:8">
      <c r="H9971" s="12"/>
    </row>
    <row r="9972" spans="8:8">
      <c r="H9972" s="12"/>
    </row>
    <row r="9973" spans="8:8">
      <c r="H9973" s="12"/>
    </row>
    <row r="9974" spans="8:8">
      <c r="H9974" s="12"/>
    </row>
    <row r="9975" spans="8:8">
      <c r="H9975" s="12"/>
    </row>
    <row r="9976" spans="8:8">
      <c r="H9976" s="12"/>
    </row>
    <row r="9977" spans="8:8">
      <c r="H9977" s="12"/>
    </row>
    <row r="9978" spans="8:8">
      <c r="H9978" s="12"/>
    </row>
    <row r="9979" spans="8:8">
      <c r="H9979" s="12"/>
    </row>
    <row r="9980" spans="8:8">
      <c r="H9980" s="12"/>
    </row>
    <row r="9981" spans="8:8">
      <c r="H9981" s="12"/>
    </row>
    <row r="9982" spans="8:8">
      <c r="H9982" s="12"/>
    </row>
    <row r="9983" spans="8:8">
      <c r="H9983" s="12"/>
    </row>
    <row r="9984" spans="8:8">
      <c r="H9984" s="12"/>
    </row>
    <row r="9985" spans="8:8">
      <c r="H9985" s="12"/>
    </row>
    <row r="9986" spans="8:8">
      <c r="H9986" s="12"/>
    </row>
    <row r="9987" spans="8:8">
      <c r="H9987" s="12"/>
    </row>
    <row r="9988" spans="8:8">
      <c r="H9988" s="12"/>
    </row>
    <row r="9989" spans="8:8">
      <c r="H9989" s="12"/>
    </row>
    <row r="9990" spans="8:8">
      <c r="H9990" s="12"/>
    </row>
    <row r="9991" spans="8:8">
      <c r="H9991" s="12"/>
    </row>
    <row r="9992" spans="8:8">
      <c r="H9992" s="12"/>
    </row>
    <row r="9993" spans="8:8">
      <c r="H9993" s="12"/>
    </row>
    <row r="9994" spans="8:8">
      <c r="H9994" s="12"/>
    </row>
    <row r="9995" spans="8:8">
      <c r="H9995" s="12"/>
    </row>
    <row r="9996" spans="8:8">
      <c r="H9996" s="12"/>
    </row>
    <row r="9997" spans="8:8">
      <c r="H9997" s="12"/>
    </row>
    <row r="9998" spans="8:8">
      <c r="H9998" s="12"/>
    </row>
    <row r="9999" spans="8:8">
      <c r="H9999" s="12"/>
    </row>
    <row r="10000" spans="8:8">
      <c r="H10000" s="12"/>
    </row>
    <row r="10001" spans="8:8">
      <c r="H10001" s="12"/>
    </row>
    <row r="10002" spans="8:8">
      <c r="H10002" s="12"/>
    </row>
    <row r="10003" spans="8:8">
      <c r="H10003" s="12"/>
    </row>
    <row r="10004" spans="8:8">
      <c r="H10004" s="12"/>
    </row>
    <row r="10005" spans="8:8">
      <c r="H10005" s="12"/>
    </row>
    <row r="10006" spans="8:8">
      <c r="H10006" s="12"/>
    </row>
    <row r="10007" spans="8:8">
      <c r="H10007" s="12"/>
    </row>
    <row r="10008" spans="8:8">
      <c r="H10008" s="12"/>
    </row>
    <row r="10009" spans="8:8">
      <c r="H10009" s="12"/>
    </row>
    <row r="10010" spans="8:8">
      <c r="H10010" s="12"/>
    </row>
    <row r="10011" spans="8:8">
      <c r="H10011" s="12"/>
    </row>
    <row r="10012" spans="8:8">
      <c r="H10012" s="12"/>
    </row>
    <row r="10013" spans="8:8">
      <c r="H10013" s="12"/>
    </row>
    <row r="10014" spans="8:8">
      <c r="H10014" s="12"/>
    </row>
    <row r="10015" spans="8:8">
      <c r="H10015" s="12"/>
    </row>
    <row r="10016" spans="8:8">
      <c r="H10016" s="12"/>
    </row>
    <row r="10017" spans="8:8">
      <c r="H10017" s="12"/>
    </row>
    <row r="10018" spans="8:8">
      <c r="H10018" s="12"/>
    </row>
    <row r="10019" spans="8:8">
      <c r="H10019" s="12"/>
    </row>
    <row r="10020" spans="8:8">
      <c r="H10020" s="12"/>
    </row>
    <row r="10021" spans="8:8">
      <c r="H10021" s="12"/>
    </row>
    <row r="10022" spans="8:8">
      <c r="H10022" s="12"/>
    </row>
    <row r="10023" spans="8:8">
      <c r="H10023" s="12"/>
    </row>
    <row r="10024" spans="8:8">
      <c r="H10024" s="12"/>
    </row>
    <row r="10025" spans="8:8">
      <c r="H10025" s="12"/>
    </row>
    <row r="10026" spans="8:8">
      <c r="H10026" s="12"/>
    </row>
    <row r="10027" spans="8:8">
      <c r="H10027" s="12"/>
    </row>
    <row r="10028" spans="8:8">
      <c r="H10028" s="12"/>
    </row>
    <row r="10029" spans="8:8">
      <c r="H10029" s="12"/>
    </row>
    <row r="10030" spans="8:8">
      <c r="H10030" s="12"/>
    </row>
    <row r="10031" spans="8:8">
      <c r="H10031" s="12"/>
    </row>
    <row r="10032" spans="8:8">
      <c r="H10032" s="12"/>
    </row>
    <row r="10033" spans="8:8">
      <c r="H10033" s="12"/>
    </row>
    <row r="10034" spans="8:8">
      <c r="H10034" s="12"/>
    </row>
    <row r="10035" spans="8:8">
      <c r="H10035" s="12"/>
    </row>
    <row r="10036" spans="8:8">
      <c r="H10036" s="12"/>
    </row>
    <row r="10037" spans="8:8">
      <c r="H10037" s="12"/>
    </row>
    <row r="10038" spans="8:8">
      <c r="H10038" s="12"/>
    </row>
    <row r="10039" spans="8:8">
      <c r="H10039" s="12"/>
    </row>
    <row r="10040" spans="8:8">
      <c r="H10040" s="12"/>
    </row>
    <row r="10041" spans="8:8">
      <c r="H10041" s="12"/>
    </row>
    <row r="10042" spans="8:8">
      <c r="H10042" s="12"/>
    </row>
    <row r="10043" spans="8:8">
      <c r="H10043" s="12"/>
    </row>
    <row r="10044" spans="8:8">
      <c r="H10044" s="12"/>
    </row>
    <row r="10045" spans="8:8">
      <c r="H10045" s="12"/>
    </row>
    <row r="10046" spans="8:8">
      <c r="H10046" s="12"/>
    </row>
    <row r="10047" spans="8:8">
      <c r="H10047" s="12"/>
    </row>
    <row r="10048" spans="8:8">
      <c r="H10048" s="12"/>
    </row>
    <row r="10049" spans="8:8">
      <c r="H10049" s="12"/>
    </row>
    <row r="10050" spans="8:8">
      <c r="H10050" s="12"/>
    </row>
    <row r="10051" spans="8:8">
      <c r="H10051" s="12"/>
    </row>
    <row r="10052" spans="8:8">
      <c r="H10052" s="12"/>
    </row>
    <row r="10053" spans="8:8">
      <c r="H10053" s="12"/>
    </row>
    <row r="10054" spans="8:8">
      <c r="H10054" s="12"/>
    </row>
    <row r="10055" spans="8:8">
      <c r="H10055" s="12"/>
    </row>
    <row r="10056" spans="8:8">
      <c r="H10056" s="12"/>
    </row>
    <row r="10057" spans="8:8">
      <c r="H10057" s="12"/>
    </row>
    <row r="10058" spans="8:8">
      <c r="H10058" s="12"/>
    </row>
    <row r="10059" spans="8:8">
      <c r="H10059" s="12"/>
    </row>
    <row r="10060" spans="8:8">
      <c r="H10060" s="12"/>
    </row>
    <row r="10061" spans="8:8">
      <c r="H10061" s="12"/>
    </row>
    <row r="10062" spans="8:8">
      <c r="H10062" s="12"/>
    </row>
    <row r="10063" spans="8:8">
      <c r="H10063" s="12"/>
    </row>
    <row r="10064" spans="8:8">
      <c r="H10064" s="12"/>
    </row>
    <row r="10065" spans="8:8">
      <c r="H10065" s="12"/>
    </row>
    <row r="10066" spans="8:8">
      <c r="H10066" s="12"/>
    </row>
    <row r="10067" spans="8:8">
      <c r="H10067" s="12"/>
    </row>
    <row r="10068" spans="8:8">
      <c r="H10068" s="12"/>
    </row>
    <row r="10069" spans="8:8">
      <c r="H10069" s="12"/>
    </row>
    <row r="10070" spans="8:8">
      <c r="H10070" s="12"/>
    </row>
    <row r="10071" spans="8:8">
      <c r="H10071" s="12"/>
    </row>
    <row r="10072" spans="8:8">
      <c r="H10072" s="12"/>
    </row>
    <row r="10073" spans="8:8">
      <c r="H10073" s="12"/>
    </row>
    <row r="10074" spans="8:8">
      <c r="H10074" s="12"/>
    </row>
    <row r="10075" spans="8:8">
      <c r="H10075" s="12"/>
    </row>
    <row r="10076" spans="8:8">
      <c r="H10076" s="12"/>
    </row>
    <row r="10077" spans="8:8">
      <c r="H10077" s="12"/>
    </row>
    <row r="10078" spans="8:8">
      <c r="H10078" s="12"/>
    </row>
    <row r="10079" spans="8:8">
      <c r="H10079" s="12"/>
    </row>
    <row r="10080" spans="8:8">
      <c r="H10080" s="12"/>
    </row>
    <row r="10081" spans="8:8">
      <c r="H10081" s="12"/>
    </row>
    <row r="10082" spans="8:8">
      <c r="H10082" s="12"/>
    </row>
    <row r="10083" spans="8:8">
      <c r="H10083" s="12"/>
    </row>
    <row r="10084" spans="8:8">
      <c r="H10084" s="12"/>
    </row>
    <row r="10085" spans="8:8">
      <c r="H10085" s="12"/>
    </row>
    <row r="10086" spans="8:8">
      <c r="H10086" s="12"/>
    </row>
    <row r="10087" spans="8:8">
      <c r="H10087" s="12"/>
    </row>
    <row r="10088" spans="8:8">
      <c r="H10088" s="12"/>
    </row>
    <row r="10089" spans="8:8">
      <c r="H10089" s="12"/>
    </row>
    <row r="10090" spans="8:8">
      <c r="H10090" s="12"/>
    </row>
    <row r="10091" spans="8:8">
      <c r="H10091" s="12"/>
    </row>
    <row r="10092" spans="8:8">
      <c r="H10092" s="12"/>
    </row>
    <row r="10093" spans="8:8">
      <c r="H10093" s="12"/>
    </row>
    <row r="10094" spans="8:8">
      <c r="H10094" s="12"/>
    </row>
    <row r="10095" spans="8:8">
      <c r="H10095" s="12"/>
    </row>
    <row r="10096" spans="8:8">
      <c r="H10096" s="12"/>
    </row>
    <row r="10097" spans="8:8">
      <c r="H10097" s="12"/>
    </row>
    <row r="10098" spans="8:8">
      <c r="H10098" s="12"/>
    </row>
    <row r="10099" spans="8:8">
      <c r="H10099" s="12"/>
    </row>
    <row r="10100" spans="8:8">
      <c r="H10100" s="12"/>
    </row>
    <row r="10101" spans="8:8">
      <c r="H10101" s="12"/>
    </row>
    <row r="10102" spans="8:8">
      <c r="H10102" s="12"/>
    </row>
    <row r="10103" spans="8:8">
      <c r="H10103" s="12"/>
    </row>
    <row r="10104" spans="8:8">
      <c r="H10104" s="12"/>
    </row>
    <row r="10105" spans="8:8">
      <c r="H10105" s="12"/>
    </row>
    <row r="10106" spans="8:8">
      <c r="H10106" s="12"/>
    </row>
    <row r="10107" spans="8:8">
      <c r="H10107" s="12"/>
    </row>
    <row r="10108" spans="8:8">
      <c r="H10108" s="12"/>
    </row>
    <row r="10109" spans="8:8">
      <c r="H10109" s="12"/>
    </row>
    <row r="10110" spans="8:8">
      <c r="H10110" s="12"/>
    </row>
    <row r="10111" spans="8:8">
      <c r="H10111" s="12"/>
    </row>
    <row r="10112" spans="8:8">
      <c r="H10112" s="12"/>
    </row>
    <row r="10113" spans="8:8">
      <c r="H10113" s="12"/>
    </row>
    <row r="10114" spans="8:8">
      <c r="H10114" s="12"/>
    </row>
    <row r="10115" spans="8:8">
      <c r="H10115" s="12"/>
    </row>
    <row r="10116" spans="8:8">
      <c r="H10116" s="12"/>
    </row>
    <row r="10117" spans="8:8">
      <c r="H10117" s="12"/>
    </row>
    <row r="10118" spans="8:8">
      <c r="H10118" s="12"/>
    </row>
    <row r="10119" spans="8:8">
      <c r="H10119" s="12"/>
    </row>
    <row r="10120" spans="8:8">
      <c r="H10120" s="12"/>
    </row>
    <row r="10121" spans="8:8">
      <c r="H10121" s="12"/>
    </row>
    <row r="10122" spans="8:8">
      <c r="H10122" s="12"/>
    </row>
    <row r="10123" spans="8:8">
      <c r="H10123" s="12"/>
    </row>
    <row r="10124" spans="8:8">
      <c r="H10124" s="12"/>
    </row>
    <row r="10125" spans="8:8">
      <c r="H10125" s="12"/>
    </row>
    <row r="10126" spans="8:8">
      <c r="H10126" s="12"/>
    </row>
    <row r="10127" spans="8:8">
      <c r="H10127" s="12"/>
    </row>
    <row r="10128" spans="8:8">
      <c r="H10128" s="12"/>
    </row>
    <row r="10129" spans="8:8">
      <c r="H10129" s="12"/>
    </row>
    <row r="10130" spans="8:8">
      <c r="H10130" s="12"/>
    </row>
    <row r="10131" spans="8:8">
      <c r="H10131" s="12"/>
    </row>
    <row r="10132" spans="8:8">
      <c r="H10132" s="12"/>
    </row>
    <row r="10133" spans="8:8">
      <c r="H10133" s="12"/>
    </row>
    <row r="10134" spans="8:8">
      <c r="H10134" s="12"/>
    </row>
    <row r="10135" spans="8:8">
      <c r="H10135" s="12"/>
    </row>
    <row r="10136" spans="8:8">
      <c r="H10136" s="12"/>
    </row>
    <row r="10137" spans="8:8">
      <c r="H10137" s="12"/>
    </row>
    <row r="10138" spans="8:8">
      <c r="H10138" s="12"/>
    </row>
    <row r="10139" spans="8:8">
      <c r="H10139" s="12"/>
    </row>
    <row r="10140" spans="8:8">
      <c r="H10140" s="12"/>
    </row>
    <row r="10141" spans="8:8">
      <c r="H10141" s="12"/>
    </row>
    <row r="10142" spans="8:8">
      <c r="H10142" s="12"/>
    </row>
    <row r="10143" spans="8:8">
      <c r="H10143" s="12"/>
    </row>
    <row r="10144" spans="8:8">
      <c r="H10144" s="12"/>
    </row>
    <row r="10145" spans="8:8">
      <c r="H10145" s="12"/>
    </row>
    <row r="10146" spans="8:8">
      <c r="H10146" s="12"/>
    </row>
    <row r="10147" spans="8:8">
      <c r="H10147" s="12"/>
    </row>
    <row r="10148" spans="8:8">
      <c r="H10148" s="12"/>
    </row>
    <row r="10149" spans="8:8">
      <c r="H10149" s="12"/>
    </row>
    <row r="10150" spans="8:8">
      <c r="H10150" s="12"/>
    </row>
    <row r="10151" spans="8:8">
      <c r="H10151" s="12"/>
    </row>
    <row r="10152" spans="8:8">
      <c r="H10152" s="12"/>
    </row>
    <row r="10153" spans="8:8">
      <c r="H10153" s="12"/>
    </row>
    <row r="10154" spans="8:8">
      <c r="H10154" s="12"/>
    </row>
    <row r="10155" spans="8:8">
      <c r="H10155" s="12"/>
    </row>
    <row r="10156" spans="8:8">
      <c r="H10156" s="12"/>
    </row>
    <row r="10157" spans="8:8">
      <c r="H10157" s="12"/>
    </row>
    <row r="10158" spans="8:8">
      <c r="H10158" s="12"/>
    </row>
    <row r="10159" spans="8:8">
      <c r="H10159" s="12"/>
    </row>
    <row r="10160" spans="8:8">
      <c r="H10160" s="12"/>
    </row>
    <row r="10161" spans="8:8">
      <c r="H10161" s="12"/>
    </row>
    <row r="10162" spans="8:8">
      <c r="H10162" s="12"/>
    </row>
    <row r="10163" spans="8:8">
      <c r="H10163" s="12"/>
    </row>
    <row r="10164" spans="8:8">
      <c r="H10164" s="12"/>
    </row>
    <row r="10165" spans="8:8">
      <c r="H10165" s="12"/>
    </row>
    <row r="10166" spans="8:8">
      <c r="H10166" s="12"/>
    </row>
    <row r="10167" spans="8:8">
      <c r="H10167" s="12"/>
    </row>
    <row r="10168" spans="8:8">
      <c r="H10168" s="12"/>
    </row>
    <row r="10169" spans="8:8">
      <c r="H10169" s="12"/>
    </row>
    <row r="10170" spans="8:8">
      <c r="H10170" s="12"/>
    </row>
    <row r="10171" spans="8:8">
      <c r="H10171" s="12"/>
    </row>
    <row r="10172" spans="8:8">
      <c r="H10172" s="12"/>
    </row>
    <row r="10173" spans="8:8">
      <c r="H10173" s="12"/>
    </row>
    <row r="10174" spans="8:8">
      <c r="H10174" s="12"/>
    </row>
    <row r="10175" spans="8:8">
      <c r="H10175" s="12"/>
    </row>
    <row r="10176" spans="8:8">
      <c r="H10176" s="12"/>
    </row>
    <row r="10177" spans="8:8">
      <c r="H10177" s="12"/>
    </row>
    <row r="10178" spans="8:8">
      <c r="H10178" s="12"/>
    </row>
    <row r="10179" spans="8:8">
      <c r="H10179" s="12"/>
    </row>
    <row r="10180" spans="8:8">
      <c r="H10180" s="12"/>
    </row>
    <row r="10181" spans="8:8">
      <c r="H10181" s="12"/>
    </row>
    <row r="10182" spans="8:8">
      <c r="H10182" s="12"/>
    </row>
    <row r="10183" spans="8:8">
      <c r="H10183" s="12"/>
    </row>
    <row r="10184" spans="8:8">
      <c r="H10184" s="12"/>
    </row>
    <row r="10185" spans="8:8">
      <c r="H10185" s="12"/>
    </row>
    <row r="10186" spans="8:8">
      <c r="H10186" s="12"/>
    </row>
    <row r="10187" spans="8:8">
      <c r="H10187" s="12"/>
    </row>
    <row r="10188" spans="8:8">
      <c r="H10188" s="12"/>
    </row>
    <row r="10189" spans="8:8">
      <c r="H10189" s="12"/>
    </row>
    <row r="10190" spans="8:8">
      <c r="H10190" s="12"/>
    </row>
    <row r="10191" spans="8:8">
      <c r="H10191" s="12"/>
    </row>
    <row r="10192" spans="8:8">
      <c r="H10192" s="12"/>
    </row>
    <row r="10193" spans="8:8">
      <c r="H10193" s="12"/>
    </row>
    <row r="10194" spans="8:8">
      <c r="H10194" s="12"/>
    </row>
    <row r="10195" spans="8:8">
      <c r="H10195" s="12"/>
    </row>
    <row r="10196" spans="8:8">
      <c r="H10196" s="12"/>
    </row>
    <row r="10197" spans="8:8">
      <c r="H10197" s="12"/>
    </row>
    <row r="10198" spans="8:8">
      <c r="H10198" s="12"/>
    </row>
    <row r="10199" spans="8:8">
      <c r="H10199" s="12"/>
    </row>
    <row r="10200" spans="8:8">
      <c r="H10200" s="12"/>
    </row>
    <row r="10201" spans="8:8">
      <c r="H10201" s="12"/>
    </row>
    <row r="10202" spans="8:8">
      <c r="H10202" s="12"/>
    </row>
    <row r="10203" spans="8:8">
      <c r="H10203" s="12"/>
    </row>
    <row r="10204" spans="8:8">
      <c r="H10204" s="12"/>
    </row>
    <row r="10205" spans="8:8">
      <c r="H10205" s="12"/>
    </row>
    <row r="10206" spans="8:8">
      <c r="H10206" s="12"/>
    </row>
    <row r="10207" spans="8:8">
      <c r="H10207" s="12"/>
    </row>
    <row r="10208" spans="8:8">
      <c r="H10208" s="12"/>
    </row>
    <row r="10209" spans="8:8">
      <c r="H10209" s="12"/>
    </row>
    <row r="10210" spans="8:8">
      <c r="H10210" s="12"/>
    </row>
    <row r="10211" spans="8:8">
      <c r="H10211" s="12"/>
    </row>
    <row r="10212" spans="8:8">
      <c r="H10212" s="12"/>
    </row>
    <row r="10213" spans="8:8">
      <c r="H10213" s="12"/>
    </row>
    <row r="10214" spans="8:8">
      <c r="H10214" s="12"/>
    </row>
    <row r="10215" spans="8:8">
      <c r="H10215" s="12"/>
    </row>
    <row r="10216" spans="8:8">
      <c r="H10216" s="12"/>
    </row>
    <row r="10217" spans="8:8">
      <c r="H10217" s="12"/>
    </row>
    <row r="10218" spans="8:8">
      <c r="H10218" s="12"/>
    </row>
    <row r="10219" spans="8:8">
      <c r="H10219" s="12"/>
    </row>
    <row r="10220" spans="8:8">
      <c r="H10220" s="12"/>
    </row>
    <row r="10221" spans="8:8">
      <c r="H10221" s="12"/>
    </row>
    <row r="10222" spans="8:8">
      <c r="H10222" s="12"/>
    </row>
    <row r="10223" spans="8:8">
      <c r="H10223" s="12"/>
    </row>
    <row r="10224" spans="8:8">
      <c r="H10224" s="12"/>
    </row>
    <row r="10225" spans="8:8">
      <c r="H10225" s="12"/>
    </row>
    <row r="10226" spans="8:8">
      <c r="H10226" s="12"/>
    </row>
    <row r="10227" spans="8:8">
      <c r="H10227" s="12"/>
    </row>
    <row r="10228" spans="8:8">
      <c r="H10228" s="12"/>
    </row>
    <row r="10229" spans="8:8">
      <c r="H10229" s="12"/>
    </row>
    <row r="10230" spans="8:8">
      <c r="H10230" s="12"/>
    </row>
    <row r="10231" spans="8:8">
      <c r="H10231" s="12"/>
    </row>
    <row r="10232" spans="8:8">
      <c r="H10232" s="12"/>
    </row>
    <row r="10233" spans="8:8">
      <c r="H10233" s="12"/>
    </row>
    <row r="10234" spans="8:8">
      <c r="H10234" s="12"/>
    </row>
    <row r="10235" spans="8:8">
      <c r="H10235" s="12"/>
    </row>
    <row r="10236" spans="8:8">
      <c r="H10236" s="12"/>
    </row>
    <row r="10237" spans="8:8">
      <c r="H10237" s="12"/>
    </row>
    <row r="10238" spans="8:8">
      <c r="H10238" s="12"/>
    </row>
    <row r="10239" spans="8:8">
      <c r="H10239" s="12"/>
    </row>
    <row r="10240" spans="8:8">
      <c r="H10240" s="12"/>
    </row>
    <row r="10241" spans="8:8">
      <c r="H10241" s="12"/>
    </row>
    <row r="10242" spans="8:8">
      <c r="H10242" s="12"/>
    </row>
    <row r="10243" spans="8:8">
      <c r="H10243" s="12"/>
    </row>
    <row r="10244" spans="8:8">
      <c r="H10244" s="12"/>
    </row>
    <row r="10245" spans="8:8">
      <c r="H10245" s="12"/>
    </row>
    <row r="10246" spans="8:8">
      <c r="H10246" s="12"/>
    </row>
    <row r="10247" spans="8:8">
      <c r="H10247" s="12"/>
    </row>
    <row r="10248" spans="8:8">
      <c r="H10248" s="12"/>
    </row>
    <row r="10249" spans="8:8">
      <c r="H10249" s="12"/>
    </row>
    <row r="10250" spans="8:8">
      <c r="H10250" s="12"/>
    </row>
    <row r="10251" spans="8:8">
      <c r="H10251" s="12"/>
    </row>
    <row r="10252" spans="8:8">
      <c r="H10252" s="12"/>
    </row>
    <row r="10253" spans="8:8">
      <c r="H10253" s="12"/>
    </row>
    <row r="10254" spans="8:8">
      <c r="H10254" s="12"/>
    </row>
    <row r="10255" spans="8:8">
      <c r="H10255" s="12"/>
    </row>
    <row r="10256" spans="8:8">
      <c r="H10256" s="12"/>
    </row>
    <row r="10257" spans="8:8">
      <c r="H10257" s="12"/>
    </row>
    <row r="10258" spans="8:8">
      <c r="H10258" s="12"/>
    </row>
    <row r="10259" spans="8:8">
      <c r="H10259" s="12"/>
    </row>
    <row r="10260" spans="8:8">
      <c r="H10260" s="12"/>
    </row>
    <row r="10261" spans="8:8">
      <c r="H10261" s="12"/>
    </row>
    <row r="10262" spans="8:8">
      <c r="H10262" s="12"/>
    </row>
    <row r="10263" spans="8:8">
      <c r="H10263" s="12"/>
    </row>
    <row r="10264" spans="8:8">
      <c r="H10264" s="12"/>
    </row>
    <row r="10265" spans="8:8">
      <c r="H10265" s="12"/>
    </row>
    <row r="10266" spans="8:8">
      <c r="H10266" s="12"/>
    </row>
    <row r="10267" spans="8:8">
      <c r="H10267" s="12"/>
    </row>
    <row r="10268" spans="8:8">
      <c r="H10268" s="12"/>
    </row>
    <row r="10269" spans="8:8">
      <c r="H10269" s="12"/>
    </row>
    <row r="10270" spans="8:8">
      <c r="H10270" s="12"/>
    </row>
    <row r="10271" spans="8:8">
      <c r="H10271" s="12"/>
    </row>
    <row r="10272" spans="8:8">
      <c r="H10272" s="12"/>
    </row>
    <row r="10273" spans="8:8">
      <c r="H10273" s="12"/>
    </row>
    <row r="10274" spans="8:8">
      <c r="H10274" s="12"/>
    </row>
    <row r="10275" spans="8:8">
      <c r="H10275" s="12"/>
    </row>
    <row r="10276" spans="8:8">
      <c r="H10276" s="12"/>
    </row>
    <row r="10277" spans="8:8">
      <c r="H10277" s="12"/>
    </row>
    <row r="10278" spans="8:8">
      <c r="H10278" s="12"/>
    </row>
    <row r="10279" spans="8:8">
      <c r="H10279" s="12"/>
    </row>
    <row r="10280" spans="8:8">
      <c r="H10280" s="12"/>
    </row>
    <row r="10281" spans="8:8">
      <c r="H10281" s="12"/>
    </row>
    <row r="10282" spans="8:8">
      <c r="H10282" s="12"/>
    </row>
    <row r="10283" spans="8:8">
      <c r="H10283" s="12"/>
    </row>
    <row r="10284" spans="8:8">
      <c r="H10284" s="12"/>
    </row>
    <row r="10285" spans="8:8">
      <c r="H10285" s="12"/>
    </row>
    <row r="10286" spans="8:8">
      <c r="H10286" s="12"/>
    </row>
    <row r="10287" spans="8:8">
      <c r="H10287" s="12"/>
    </row>
    <row r="10288" spans="8:8">
      <c r="H10288" s="12"/>
    </row>
    <row r="10289" spans="8:8">
      <c r="H10289" s="12"/>
    </row>
    <row r="10290" spans="8:8">
      <c r="H10290" s="12"/>
    </row>
    <row r="10291" spans="8:8">
      <c r="H10291" s="12"/>
    </row>
    <row r="10292" spans="8:8">
      <c r="H10292" s="12"/>
    </row>
    <row r="10293" spans="8:8">
      <c r="H10293" s="12"/>
    </row>
    <row r="10294" spans="8:8">
      <c r="H10294" s="12"/>
    </row>
    <row r="10295" spans="8:8">
      <c r="H10295" s="12"/>
    </row>
    <row r="10296" spans="8:8">
      <c r="H10296" s="12"/>
    </row>
    <row r="10297" spans="8:8">
      <c r="H10297" s="12"/>
    </row>
    <row r="10298" spans="8:8">
      <c r="H10298" s="12"/>
    </row>
    <row r="10299" spans="8:8">
      <c r="H10299" s="12"/>
    </row>
    <row r="10300" spans="8:8">
      <c r="H10300" s="12"/>
    </row>
    <row r="10301" spans="8:8">
      <c r="H10301" s="12"/>
    </row>
    <row r="10302" spans="8:8">
      <c r="H10302" s="12"/>
    </row>
    <row r="10303" spans="8:8">
      <c r="H10303" s="12"/>
    </row>
    <row r="10304" spans="8:8">
      <c r="H10304" s="12"/>
    </row>
    <row r="10305" spans="8:8">
      <c r="H10305" s="12"/>
    </row>
    <row r="10306" spans="8:8">
      <c r="H10306" s="12"/>
    </row>
    <row r="10307" spans="8:8">
      <c r="H10307" s="12"/>
    </row>
    <row r="10308" spans="8:8">
      <c r="H10308" s="12"/>
    </row>
    <row r="10309" spans="8:8">
      <c r="H10309" s="12"/>
    </row>
    <row r="10310" spans="8:8">
      <c r="H10310" s="12"/>
    </row>
    <row r="10311" spans="8:8">
      <c r="H10311" s="12"/>
    </row>
    <row r="10312" spans="8:8">
      <c r="H10312" s="12"/>
    </row>
    <row r="10313" spans="8:8">
      <c r="H10313" s="12"/>
    </row>
    <row r="10314" spans="8:8">
      <c r="H10314" s="12"/>
    </row>
    <row r="10315" spans="8:8">
      <c r="H10315" s="12"/>
    </row>
    <row r="10316" spans="8:8">
      <c r="H10316" s="12"/>
    </row>
    <row r="10317" spans="8:8">
      <c r="H10317" s="12"/>
    </row>
    <row r="10318" spans="8:8">
      <c r="H10318" s="12"/>
    </row>
    <row r="10319" spans="8:8">
      <c r="H10319" s="12"/>
    </row>
    <row r="10320" spans="8:8">
      <c r="H10320" s="12"/>
    </row>
    <row r="10321" spans="8:8">
      <c r="H10321" s="12"/>
    </row>
    <row r="10322" spans="8:8">
      <c r="H10322" s="12"/>
    </row>
    <row r="10323" spans="8:8">
      <c r="H10323" s="12"/>
    </row>
    <row r="10324" spans="8:8">
      <c r="H10324" s="12"/>
    </row>
    <row r="10325" spans="8:8">
      <c r="H10325" s="12"/>
    </row>
    <row r="10326" spans="8:8">
      <c r="H10326" s="12"/>
    </row>
    <row r="10327" spans="8:8">
      <c r="H10327" s="12"/>
    </row>
    <row r="10328" spans="8:8">
      <c r="H10328" s="12"/>
    </row>
    <row r="10329" spans="8:8">
      <c r="H10329" s="12"/>
    </row>
    <row r="10330" spans="8:8">
      <c r="H10330" s="12"/>
    </row>
    <row r="10331" spans="8:8">
      <c r="H10331" s="12"/>
    </row>
    <row r="10332" spans="8:8">
      <c r="H10332" s="12"/>
    </row>
    <row r="10333" spans="8:8">
      <c r="H10333" s="12"/>
    </row>
    <row r="10334" spans="8:8">
      <c r="H10334" s="12"/>
    </row>
    <row r="10335" spans="8:8">
      <c r="H10335" s="12"/>
    </row>
    <row r="10336" spans="8:8">
      <c r="H10336" s="12"/>
    </row>
    <row r="10337" spans="8:8">
      <c r="H10337" s="12"/>
    </row>
    <row r="10338" spans="8:8">
      <c r="H10338" s="12"/>
    </row>
    <row r="10339" spans="8:8">
      <c r="H10339" s="12"/>
    </row>
    <row r="10340" spans="8:8">
      <c r="H10340" s="12"/>
    </row>
    <row r="10341" spans="8:8">
      <c r="H10341" s="12"/>
    </row>
    <row r="10342" spans="8:8">
      <c r="H10342" s="12"/>
    </row>
    <row r="10343" spans="8:8">
      <c r="H10343" s="12"/>
    </row>
    <row r="10344" spans="8:8">
      <c r="H10344" s="12"/>
    </row>
    <row r="10345" spans="8:8">
      <c r="H10345" s="12"/>
    </row>
    <row r="10346" spans="8:8">
      <c r="H10346" s="12"/>
    </row>
    <row r="10347" spans="8:8">
      <c r="H10347" s="12"/>
    </row>
    <row r="10348" spans="8:8">
      <c r="H10348" s="12"/>
    </row>
    <row r="10349" spans="8:8">
      <c r="H10349" s="12"/>
    </row>
    <row r="10350" spans="8:8">
      <c r="H10350" s="12"/>
    </row>
    <row r="10351" spans="8:8">
      <c r="H10351" s="12"/>
    </row>
    <row r="10352" spans="8:8">
      <c r="H10352" s="12"/>
    </row>
    <row r="10353" spans="8:8">
      <c r="H10353" s="12"/>
    </row>
    <row r="10354" spans="8:8">
      <c r="H10354" s="12"/>
    </row>
    <row r="10355" spans="8:8">
      <c r="H10355" s="12"/>
    </row>
    <row r="10356" spans="8:8">
      <c r="H10356" s="12"/>
    </row>
    <row r="10357" spans="8:8">
      <c r="H10357" s="12"/>
    </row>
    <row r="10358" spans="8:8">
      <c r="H10358" s="12"/>
    </row>
    <row r="10359" spans="8:8">
      <c r="H10359" s="12"/>
    </row>
    <row r="10360" spans="8:8">
      <c r="H10360" s="12"/>
    </row>
    <row r="10361" spans="8:8">
      <c r="H10361" s="12"/>
    </row>
    <row r="10362" spans="8:8">
      <c r="H10362" s="12"/>
    </row>
    <row r="10363" spans="8:8">
      <c r="H10363" s="12"/>
    </row>
    <row r="10364" spans="8:8">
      <c r="H10364" s="12"/>
    </row>
    <row r="10365" spans="8:8">
      <c r="H10365" s="12"/>
    </row>
    <row r="10366" spans="8:8">
      <c r="H10366" s="12"/>
    </row>
    <row r="10367" spans="8:8">
      <c r="H10367" s="12"/>
    </row>
    <row r="10368" spans="8:8">
      <c r="H10368" s="12"/>
    </row>
    <row r="10369" spans="8:8">
      <c r="H10369" s="12"/>
    </row>
    <row r="10370" spans="8:8">
      <c r="H10370" s="12"/>
    </row>
    <row r="10371" spans="8:8">
      <c r="H10371" s="12"/>
    </row>
    <row r="10372" spans="8:8">
      <c r="H10372" s="12"/>
    </row>
    <row r="10373" spans="8:8">
      <c r="H10373" s="12"/>
    </row>
    <row r="10374" spans="8:8">
      <c r="H10374" s="12"/>
    </row>
    <row r="10375" spans="8:8">
      <c r="H10375" s="12"/>
    </row>
    <row r="10376" spans="8:8">
      <c r="H10376" s="12"/>
    </row>
    <row r="10377" spans="8:8">
      <c r="H10377" s="12"/>
    </row>
    <row r="10378" spans="8:8">
      <c r="H10378" s="12"/>
    </row>
    <row r="10379" spans="8:8">
      <c r="H10379" s="12"/>
    </row>
    <row r="10380" spans="8:8">
      <c r="H10380" s="12"/>
    </row>
    <row r="10381" spans="8:8">
      <c r="H10381" s="12"/>
    </row>
    <row r="10382" spans="8:8">
      <c r="H10382" s="12"/>
    </row>
    <row r="10383" spans="8:8">
      <c r="H10383" s="12"/>
    </row>
    <row r="10384" spans="8:8">
      <c r="H10384" s="12"/>
    </row>
    <row r="10385" spans="8:8">
      <c r="H10385" s="12"/>
    </row>
    <row r="10386" spans="8:8">
      <c r="H10386" s="12"/>
    </row>
    <row r="10387" spans="8:8">
      <c r="H10387" s="12"/>
    </row>
    <row r="10388" spans="8:8">
      <c r="H10388" s="12"/>
    </row>
    <row r="10389" spans="8:8">
      <c r="H10389" s="12"/>
    </row>
    <row r="10390" spans="8:8">
      <c r="H10390" s="12"/>
    </row>
    <row r="10391" spans="8:8">
      <c r="H10391" s="12"/>
    </row>
    <row r="10392" spans="8:8">
      <c r="H10392" s="12"/>
    </row>
    <row r="10393" spans="8:8">
      <c r="H10393" s="12"/>
    </row>
    <row r="10394" spans="8:8">
      <c r="H10394" s="12"/>
    </row>
    <row r="10395" spans="8:8">
      <c r="H10395" s="12"/>
    </row>
    <row r="10396" spans="8:8">
      <c r="H10396" s="12"/>
    </row>
    <row r="10397" spans="8:8">
      <c r="H10397" s="12"/>
    </row>
    <row r="10398" spans="8:8">
      <c r="H10398" s="12"/>
    </row>
    <row r="10399" spans="8:8">
      <c r="H10399" s="12"/>
    </row>
    <row r="10400" spans="8:8">
      <c r="H10400" s="12"/>
    </row>
    <row r="10401" spans="8:8">
      <c r="H10401" s="12"/>
    </row>
    <row r="10402" spans="8:8">
      <c r="H10402" s="12"/>
    </row>
    <row r="10403" spans="8:8">
      <c r="H10403" s="12"/>
    </row>
    <row r="10404" spans="8:8">
      <c r="H10404" s="12"/>
    </row>
    <row r="10405" spans="8:8">
      <c r="H10405" s="12"/>
    </row>
    <row r="10406" spans="8:8">
      <c r="H10406" s="12"/>
    </row>
    <row r="10407" spans="8:8">
      <c r="H10407" s="12"/>
    </row>
    <row r="10408" spans="8:8">
      <c r="H10408" s="12"/>
    </row>
    <row r="10409" spans="8:8">
      <c r="H10409" s="12"/>
    </row>
    <row r="10410" spans="8:8">
      <c r="H10410" s="12"/>
    </row>
    <row r="10411" spans="8:8">
      <c r="H10411" s="12"/>
    </row>
    <row r="10412" spans="8:8">
      <c r="H10412" s="12"/>
    </row>
    <row r="10413" spans="8:8">
      <c r="H10413" s="12"/>
    </row>
    <row r="10414" spans="8:8">
      <c r="H10414" s="12"/>
    </row>
    <row r="10415" spans="8:8">
      <c r="H10415" s="12"/>
    </row>
    <row r="10416" spans="8:8">
      <c r="H10416" s="12"/>
    </row>
    <row r="10417" spans="8:8">
      <c r="H10417" s="12"/>
    </row>
    <row r="10418" spans="8:8">
      <c r="H10418" s="12"/>
    </row>
    <row r="10419" spans="8:8">
      <c r="H10419" s="12"/>
    </row>
    <row r="10420" spans="8:8">
      <c r="H10420" s="12"/>
    </row>
    <row r="10421" spans="8:8">
      <c r="H10421" s="12"/>
    </row>
    <row r="10422" spans="8:8">
      <c r="H10422" s="12"/>
    </row>
    <row r="10423" spans="8:8">
      <c r="H10423" s="12"/>
    </row>
    <row r="10424" spans="8:8">
      <c r="H10424" s="12"/>
    </row>
    <row r="10425" spans="8:8">
      <c r="H10425" s="12"/>
    </row>
    <row r="10426" spans="8:8">
      <c r="H10426" s="12"/>
    </row>
    <row r="10427" spans="8:8">
      <c r="H10427" s="12"/>
    </row>
    <row r="10428" spans="8:8">
      <c r="H10428" s="12"/>
    </row>
    <row r="10429" spans="8:8">
      <c r="H10429" s="12"/>
    </row>
    <row r="10430" spans="8:8">
      <c r="H10430" s="12"/>
    </row>
    <row r="10431" spans="8:8">
      <c r="H10431" s="12"/>
    </row>
    <row r="10432" spans="8:8">
      <c r="H10432" s="12"/>
    </row>
    <row r="10433" spans="8:8">
      <c r="H10433" s="12"/>
    </row>
    <row r="10434" spans="8:8">
      <c r="H10434" s="12"/>
    </row>
    <row r="10435" spans="8:8">
      <c r="H10435" s="12"/>
    </row>
    <row r="10436" spans="8:8">
      <c r="H10436" s="12"/>
    </row>
    <row r="10437" spans="8:8">
      <c r="H10437" s="12"/>
    </row>
    <row r="10438" spans="8:8">
      <c r="H10438" s="12"/>
    </row>
    <row r="10439" spans="8:8">
      <c r="H10439" s="12"/>
    </row>
    <row r="10440" spans="8:8">
      <c r="H10440" s="12"/>
    </row>
    <row r="10441" spans="8:8">
      <c r="H10441" s="12"/>
    </row>
    <row r="10442" spans="8:8">
      <c r="H10442" s="12"/>
    </row>
    <row r="10443" spans="8:8">
      <c r="H10443" s="12"/>
    </row>
    <row r="10444" spans="8:8">
      <c r="H10444" s="12"/>
    </row>
    <row r="10445" spans="8:8">
      <c r="H10445" s="12"/>
    </row>
    <row r="10446" spans="8:8">
      <c r="H10446" s="12"/>
    </row>
    <row r="10447" spans="8:8">
      <c r="H10447" s="12"/>
    </row>
    <row r="10448" spans="8:8">
      <c r="H10448" s="12"/>
    </row>
    <row r="10449" spans="8:8">
      <c r="H10449" s="12"/>
    </row>
    <row r="10450" spans="8:8">
      <c r="H10450" s="12"/>
    </row>
    <row r="10451" spans="8:8">
      <c r="H10451" s="12"/>
    </row>
    <row r="10452" spans="8:8">
      <c r="H10452" s="12"/>
    </row>
    <row r="10453" spans="8:8">
      <c r="H10453" s="12"/>
    </row>
    <row r="10454" spans="8:8">
      <c r="H10454" s="12"/>
    </row>
    <row r="10455" spans="8:8">
      <c r="H10455" s="12"/>
    </row>
    <row r="10456" spans="8:8">
      <c r="H10456" s="12"/>
    </row>
    <row r="10457" spans="8:8">
      <c r="H10457" s="12"/>
    </row>
    <row r="10458" spans="8:8">
      <c r="H10458" s="12"/>
    </row>
    <row r="10459" spans="8:8">
      <c r="H10459" s="12"/>
    </row>
    <row r="10460" spans="8:8">
      <c r="H10460" s="12"/>
    </row>
    <row r="10461" spans="8:8">
      <c r="H10461" s="12"/>
    </row>
    <row r="10462" spans="8:8">
      <c r="H10462" s="12"/>
    </row>
    <row r="10463" spans="8:8">
      <c r="H10463" s="12"/>
    </row>
    <row r="10464" spans="8:8">
      <c r="H10464" s="12"/>
    </row>
    <row r="10465" spans="8:8">
      <c r="H10465" s="12"/>
    </row>
    <row r="10466" spans="8:8">
      <c r="H10466" s="12"/>
    </row>
    <row r="10467" spans="8:8">
      <c r="H10467" s="12"/>
    </row>
    <row r="10468" spans="8:8">
      <c r="H10468" s="12"/>
    </row>
    <row r="10469" spans="8:8">
      <c r="H10469" s="12"/>
    </row>
    <row r="10470" spans="8:8">
      <c r="H10470" s="12"/>
    </row>
    <row r="10471" spans="8:8">
      <c r="H10471" s="12"/>
    </row>
    <row r="10472" spans="8:8">
      <c r="H10472" s="12"/>
    </row>
    <row r="10473" spans="8:8">
      <c r="H10473" s="12"/>
    </row>
    <row r="10474" spans="8:8">
      <c r="H10474" s="12"/>
    </row>
    <row r="10475" spans="8:8">
      <c r="H10475" s="12"/>
    </row>
    <row r="10476" spans="8:8">
      <c r="H10476" s="12"/>
    </row>
    <row r="10477" spans="8:8">
      <c r="H10477" s="12"/>
    </row>
    <row r="10478" spans="8:8">
      <c r="H10478" s="12"/>
    </row>
    <row r="10479" spans="8:8">
      <c r="H10479" s="12"/>
    </row>
    <row r="10480" spans="8:8">
      <c r="H10480" s="12"/>
    </row>
    <row r="10481" spans="8:8">
      <c r="H10481" s="12"/>
    </row>
    <row r="10482" spans="8:8">
      <c r="H10482" s="12"/>
    </row>
    <row r="10483" spans="8:8">
      <c r="H10483" s="12"/>
    </row>
    <row r="10484" spans="8:8">
      <c r="H10484" s="12"/>
    </row>
    <row r="10485" spans="8:8">
      <c r="H10485" s="12"/>
    </row>
    <row r="10486" spans="8:8">
      <c r="H10486" s="12"/>
    </row>
    <row r="10487" spans="8:8">
      <c r="H10487" s="12"/>
    </row>
    <row r="10488" spans="8:8">
      <c r="H10488" s="12"/>
    </row>
    <row r="10489" spans="8:8">
      <c r="H10489" s="12"/>
    </row>
    <row r="10490" spans="8:8">
      <c r="H10490" s="12"/>
    </row>
    <row r="10491" spans="8:8">
      <c r="H10491" s="12"/>
    </row>
    <row r="10492" spans="8:8">
      <c r="H10492" s="12"/>
    </row>
    <row r="10493" spans="8:8">
      <c r="H10493" s="12"/>
    </row>
    <row r="10494" spans="8:8">
      <c r="H10494" s="12"/>
    </row>
    <row r="10495" spans="8:8">
      <c r="H10495" s="12"/>
    </row>
    <row r="10496" spans="8:8">
      <c r="H10496" s="12"/>
    </row>
    <row r="10497" spans="8:8">
      <c r="H10497" s="12"/>
    </row>
    <row r="10498" spans="8:8">
      <c r="H10498" s="12"/>
    </row>
    <row r="10499" spans="8:8">
      <c r="H10499" s="12"/>
    </row>
    <row r="10500" spans="8:8">
      <c r="H10500" s="12"/>
    </row>
    <row r="10501" spans="8:8">
      <c r="H10501" s="12"/>
    </row>
    <row r="10502" spans="8:8">
      <c r="H10502" s="12"/>
    </row>
    <row r="10503" spans="8:8">
      <c r="H10503" s="12"/>
    </row>
    <row r="10504" spans="8:8">
      <c r="H10504" s="12"/>
    </row>
    <row r="10505" spans="8:8">
      <c r="H10505" s="12"/>
    </row>
    <row r="10506" spans="8:8">
      <c r="H10506" s="12"/>
    </row>
    <row r="10507" spans="8:8">
      <c r="H10507" s="12"/>
    </row>
    <row r="10508" spans="8:8">
      <c r="H10508" s="12"/>
    </row>
    <row r="10509" spans="8:8">
      <c r="H10509" s="12"/>
    </row>
    <row r="10510" spans="8:8">
      <c r="H10510" s="12"/>
    </row>
    <row r="10511" spans="8:8">
      <c r="H10511" s="12"/>
    </row>
    <row r="10512" spans="8:8">
      <c r="H10512" s="12"/>
    </row>
    <row r="10513" spans="8:8">
      <c r="H10513" s="12"/>
    </row>
    <row r="10514" spans="8:8">
      <c r="H10514" s="12"/>
    </row>
    <row r="10515" spans="8:8">
      <c r="H10515" s="12"/>
    </row>
    <row r="10516" spans="8:8">
      <c r="H10516" s="12"/>
    </row>
    <row r="10517" spans="8:8">
      <c r="H10517" s="12"/>
    </row>
    <row r="10518" spans="8:8">
      <c r="H10518" s="12"/>
    </row>
    <row r="10519" spans="8:8">
      <c r="H10519" s="12"/>
    </row>
    <row r="10520" spans="8:8">
      <c r="H10520" s="12"/>
    </row>
    <row r="10521" spans="8:8">
      <c r="H10521" s="12"/>
    </row>
    <row r="10522" spans="8:8">
      <c r="H10522" s="12"/>
    </row>
    <row r="10523" spans="8:8">
      <c r="H10523" s="12"/>
    </row>
    <row r="10524" spans="8:8">
      <c r="H10524" s="12"/>
    </row>
    <row r="10525" spans="8:8">
      <c r="H10525" s="12"/>
    </row>
    <row r="10526" spans="8:8">
      <c r="H10526" s="12"/>
    </row>
    <row r="10527" spans="8:8">
      <c r="H10527" s="12"/>
    </row>
    <row r="10528" spans="8:8">
      <c r="H10528" s="12"/>
    </row>
    <row r="10529" spans="8:8">
      <c r="H10529" s="12"/>
    </row>
    <row r="10530" spans="8:8">
      <c r="H10530" s="12"/>
    </row>
    <row r="10531" spans="8:8">
      <c r="H10531" s="12"/>
    </row>
    <row r="10532" spans="8:8">
      <c r="H10532" s="12"/>
    </row>
    <row r="10533" spans="8:8">
      <c r="H10533" s="12"/>
    </row>
    <row r="10534" spans="8:8">
      <c r="H10534" s="12"/>
    </row>
    <row r="10535" spans="8:8">
      <c r="H10535" s="12"/>
    </row>
    <row r="10536" spans="8:8">
      <c r="H10536" s="12"/>
    </row>
    <row r="10537" spans="8:8">
      <c r="H10537" s="12"/>
    </row>
    <row r="10538" spans="8:8">
      <c r="H10538" s="12"/>
    </row>
    <row r="10539" spans="8:8">
      <c r="H10539" s="12"/>
    </row>
    <row r="10540" spans="8:8">
      <c r="H10540" s="12"/>
    </row>
    <row r="10541" spans="8:8">
      <c r="H10541" s="12"/>
    </row>
    <row r="10542" spans="8:8">
      <c r="H10542" s="12"/>
    </row>
    <row r="10543" spans="8:8">
      <c r="H10543" s="12"/>
    </row>
    <row r="10544" spans="8:8">
      <c r="H10544" s="12"/>
    </row>
    <row r="10545" spans="8:8">
      <c r="H10545" s="12"/>
    </row>
    <row r="10546" spans="8:8">
      <c r="H10546" s="12"/>
    </row>
    <row r="10547" spans="8:8">
      <c r="H10547" s="12"/>
    </row>
    <row r="10548" spans="8:8">
      <c r="H10548" s="12"/>
    </row>
    <row r="10549" spans="8:8">
      <c r="H10549" s="12"/>
    </row>
    <row r="10550" spans="8:8">
      <c r="H10550" s="12"/>
    </row>
    <row r="10551" spans="8:8">
      <c r="H10551" s="12"/>
    </row>
    <row r="10552" spans="8:8">
      <c r="H10552" s="12"/>
    </row>
    <row r="10553" spans="8:8">
      <c r="H10553" s="12"/>
    </row>
    <row r="10554" spans="8:8">
      <c r="H10554" s="12"/>
    </row>
    <row r="10555" spans="8:8">
      <c r="H10555" s="12"/>
    </row>
    <row r="10556" spans="8:8">
      <c r="H10556" s="12"/>
    </row>
    <row r="10557" spans="8:8">
      <c r="H10557" s="12"/>
    </row>
    <row r="10558" spans="8:8">
      <c r="H10558" s="12"/>
    </row>
    <row r="10559" spans="8:8">
      <c r="H10559" s="12"/>
    </row>
    <row r="10560" spans="8:8">
      <c r="H10560" s="12"/>
    </row>
    <row r="10561" spans="8:8">
      <c r="H10561" s="12"/>
    </row>
    <row r="10562" spans="8:8">
      <c r="H10562" s="12"/>
    </row>
    <row r="10563" spans="8:8">
      <c r="H10563" s="12"/>
    </row>
    <row r="10564" spans="8:8">
      <c r="H10564" s="12"/>
    </row>
    <row r="10565" spans="8:8">
      <c r="H10565" s="12"/>
    </row>
    <row r="10566" spans="8:8">
      <c r="H10566" s="12"/>
    </row>
    <row r="10567" spans="8:8">
      <c r="H10567" s="12"/>
    </row>
    <row r="10568" spans="8:8">
      <c r="H10568" s="12"/>
    </row>
    <row r="10569" spans="8:8">
      <c r="H10569" s="12"/>
    </row>
    <row r="10570" spans="8:8">
      <c r="H10570" s="12"/>
    </row>
    <row r="10571" spans="8:8">
      <c r="H10571" s="12"/>
    </row>
    <row r="10572" spans="8:8">
      <c r="H10572" s="12"/>
    </row>
    <row r="10573" spans="8:8">
      <c r="H10573" s="12"/>
    </row>
    <row r="10574" spans="8:8">
      <c r="H10574" s="12"/>
    </row>
    <row r="10575" spans="8:8">
      <c r="H10575" s="12"/>
    </row>
    <row r="10576" spans="8:8">
      <c r="H10576" s="12"/>
    </row>
    <row r="10577" spans="8:8">
      <c r="H10577" s="12"/>
    </row>
    <row r="10578" spans="8:8">
      <c r="H10578" s="12"/>
    </row>
    <row r="10579" spans="8:8">
      <c r="H10579" s="12"/>
    </row>
    <row r="10580" spans="8:8">
      <c r="H10580" s="12"/>
    </row>
    <row r="10581" spans="8:8">
      <c r="H10581" s="12"/>
    </row>
    <row r="10582" spans="8:8">
      <c r="H10582" s="12"/>
    </row>
    <row r="10583" spans="8:8">
      <c r="H10583" s="12"/>
    </row>
    <row r="10584" spans="8:8">
      <c r="H10584" s="12"/>
    </row>
    <row r="10585" spans="8:8">
      <c r="H10585" s="12"/>
    </row>
    <row r="10586" spans="8:8">
      <c r="H10586" s="12"/>
    </row>
    <row r="10587" spans="8:8">
      <c r="H10587" s="12"/>
    </row>
    <row r="10588" spans="8:8">
      <c r="H10588" s="12"/>
    </row>
    <row r="10589" spans="8:8">
      <c r="H10589" s="12"/>
    </row>
    <row r="10590" spans="8:8">
      <c r="H10590" s="12"/>
    </row>
    <row r="10591" spans="8:8">
      <c r="H10591" s="12"/>
    </row>
    <row r="10592" spans="8:8">
      <c r="H10592" s="12"/>
    </row>
    <row r="10593" spans="8:8">
      <c r="H10593" s="12"/>
    </row>
    <row r="10594" spans="8:8">
      <c r="H10594" s="12"/>
    </row>
    <row r="10595" spans="8:8">
      <c r="H10595" s="12"/>
    </row>
    <row r="10596" spans="8:8">
      <c r="H10596" s="12"/>
    </row>
    <row r="10597" spans="8:8">
      <c r="H10597" s="12"/>
    </row>
    <row r="10598" spans="8:8">
      <c r="H10598" s="12"/>
    </row>
    <row r="10599" spans="8:8">
      <c r="H10599" s="12"/>
    </row>
    <row r="10600" spans="8:8">
      <c r="H10600" s="12"/>
    </row>
    <row r="10601" spans="8:8">
      <c r="H10601" s="12"/>
    </row>
    <row r="10602" spans="8:8">
      <c r="H10602" s="12"/>
    </row>
    <row r="10603" spans="8:8">
      <c r="H10603" s="12"/>
    </row>
    <row r="10604" spans="8:8">
      <c r="H10604" s="12"/>
    </row>
    <row r="10605" spans="8:8">
      <c r="H10605" s="12"/>
    </row>
    <row r="10606" spans="8:8">
      <c r="H10606" s="12"/>
    </row>
    <row r="10607" spans="8:8">
      <c r="H10607" s="12"/>
    </row>
    <row r="10608" spans="8:8">
      <c r="H10608" s="12"/>
    </row>
    <row r="10609" spans="8:8">
      <c r="H10609" s="12"/>
    </row>
    <row r="10610" spans="8:8">
      <c r="H10610" s="12"/>
    </row>
    <row r="10611" spans="8:8">
      <c r="H10611" s="12"/>
    </row>
    <row r="10612" spans="8:8">
      <c r="H10612" s="12"/>
    </row>
    <row r="10613" spans="8:8">
      <c r="H10613" s="12"/>
    </row>
    <row r="10614" spans="8:8">
      <c r="H10614" s="12"/>
    </row>
    <row r="10615" spans="8:8">
      <c r="H10615" s="12"/>
    </row>
    <row r="10616" spans="8:8">
      <c r="H10616" s="12"/>
    </row>
    <row r="10617" spans="8:8">
      <c r="H10617" s="12"/>
    </row>
    <row r="10618" spans="8:8">
      <c r="H10618" s="12"/>
    </row>
    <row r="10619" spans="8:8">
      <c r="H10619" s="12"/>
    </row>
    <row r="10620" spans="8:8">
      <c r="H10620" s="12"/>
    </row>
    <row r="10621" spans="8:8">
      <c r="H10621" s="12"/>
    </row>
    <row r="10622" spans="8:8">
      <c r="H10622" s="12"/>
    </row>
    <row r="10623" spans="8:8">
      <c r="H10623" s="12"/>
    </row>
    <row r="10624" spans="8:8">
      <c r="H10624" s="12"/>
    </row>
    <row r="10625" spans="8:8">
      <c r="H10625" s="12"/>
    </row>
    <row r="10626" spans="8:8">
      <c r="H10626" s="12"/>
    </row>
    <row r="10627" spans="8:8">
      <c r="H10627" s="12"/>
    </row>
    <row r="10628" spans="8:8">
      <c r="H10628" s="12"/>
    </row>
    <row r="10629" spans="8:8">
      <c r="H10629" s="12"/>
    </row>
    <row r="10630" spans="8:8">
      <c r="H10630" s="12"/>
    </row>
    <row r="10631" spans="8:8">
      <c r="H10631" s="12"/>
    </row>
    <row r="10632" spans="8:8">
      <c r="H10632" s="12"/>
    </row>
    <row r="10633" spans="8:8">
      <c r="H10633" s="12"/>
    </row>
    <row r="10634" spans="8:8">
      <c r="H10634" s="12"/>
    </row>
    <row r="10635" spans="8:8">
      <c r="H10635" s="12"/>
    </row>
    <row r="10636" spans="8:8">
      <c r="H10636" s="12"/>
    </row>
    <row r="10637" spans="8:8">
      <c r="H10637" s="12"/>
    </row>
    <row r="10638" spans="8:8">
      <c r="H10638" s="12"/>
    </row>
    <row r="10639" spans="8:8">
      <c r="H10639" s="12"/>
    </row>
    <row r="10640" spans="8:8">
      <c r="H10640" s="12"/>
    </row>
    <row r="10641" spans="8:8">
      <c r="H10641" s="12"/>
    </row>
    <row r="10642" spans="8:8">
      <c r="H10642" s="12"/>
    </row>
    <row r="10643" spans="8:8">
      <c r="H10643" s="12"/>
    </row>
    <row r="10644" spans="8:8">
      <c r="H10644" s="12"/>
    </row>
    <row r="10645" spans="8:8">
      <c r="H10645" s="12"/>
    </row>
    <row r="10646" spans="8:8">
      <c r="H10646" s="12"/>
    </row>
    <row r="10647" spans="8:8">
      <c r="H10647" s="12"/>
    </row>
    <row r="10648" spans="8:8">
      <c r="H10648" s="12"/>
    </row>
    <row r="10649" spans="8:8">
      <c r="H10649" s="12"/>
    </row>
    <row r="10650" spans="8:8">
      <c r="H10650" s="12"/>
    </row>
    <row r="10651" spans="8:8">
      <c r="H10651" s="12"/>
    </row>
    <row r="10652" spans="8:8">
      <c r="H10652" s="12"/>
    </row>
    <row r="10653" spans="8:8">
      <c r="H10653" s="12"/>
    </row>
    <row r="10654" spans="8:8">
      <c r="H10654" s="12"/>
    </row>
    <row r="10655" spans="8:8">
      <c r="H10655" s="12"/>
    </row>
    <row r="10656" spans="8:8">
      <c r="H10656" s="12"/>
    </row>
    <row r="10657" spans="8:8">
      <c r="H10657" s="12"/>
    </row>
    <row r="10658" spans="8:8">
      <c r="H10658" s="12"/>
    </row>
    <row r="10659" spans="8:8">
      <c r="H10659" s="12"/>
    </row>
    <row r="10660" spans="8:8">
      <c r="H10660" s="12"/>
    </row>
    <row r="10661" spans="8:8">
      <c r="H10661" s="12"/>
    </row>
    <row r="10662" spans="8:8">
      <c r="H10662" s="12"/>
    </row>
    <row r="10663" spans="8:8">
      <c r="H10663" s="12"/>
    </row>
    <row r="10664" spans="8:8">
      <c r="H10664" s="12"/>
    </row>
    <row r="10665" spans="8:8">
      <c r="H10665" s="12"/>
    </row>
    <row r="10666" spans="8:8">
      <c r="H10666" s="12"/>
    </row>
    <row r="10667" spans="8:8">
      <c r="H10667" s="12"/>
    </row>
    <row r="10668" spans="8:8">
      <c r="H10668" s="12"/>
    </row>
    <row r="10669" spans="8:8">
      <c r="H10669" s="12"/>
    </row>
    <row r="10670" spans="8:8">
      <c r="H10670" s="12"/>
    </row>
    <row r="10671" spans="8:8">
      <c r="H10671" s="12"/>
    </row>
    <row r="10672" spans="8:8">
      <c r="H10672" s="12"/>
    </row>
    <row r="10673" spans="8:8">
      <c r="H10673" s="12"/>
    </row>
    <row r="10674" spans="8:8">
      <c r="H10674" s="12"/>
    </row>
    <row r="10675" spans="8:8">
      <c r="H10675" s="12"/>
    </row>
    <row r="10676" spans="8:8">
      <c r="H10676" s="12"/>
    </row>
    <row r="10677" spans="8:8">
      <c r="H10677" s="12"/>
    </row>
    <row r="10678" spans="8:8">
      <c r="H10678" s="12"/>
    </row>
    <row r="10679" spans="8:8">
      <c r="H10679" s="12"/>
    </row>
    <row r="10680" spans="8:8">
      <c r="H10680" s="12"/>
    </row>
    <row r="10681" spans="8:8">
      <c r="H10681" s="12"/>
    </row>
    <row r="10682" spans="8:8">
      <c r="H10682" s="12"/>
    </row>
    <row r="10683" spans="8:8">
      <c r="H10683" s="12"/>
    </row>
    <row r="10684" spans="8:8">
      <c r="H10684" s="12"/>
    </row>
    <row r="10685" spans="8:8">
      <c r="H10685" s="12"/>
    </row>
    <row r="10686" spans="8:8">
      <c r="H10686" s="12"/>
    </row>
    <row r="10687" spans="8:8">
      <c r="H10687" s="12"/>
    </row>
    <row r="10688" spans="8:8">
      <c r="H10688" s="12"/>
    </row>
    <row r="10689" spans="8:8">
      <c r="H10689" s="12"/>
    </row>
    <row r="10690" spans="8:8">
      <c r="H10690" s="12"/>
    </row>
    <row r="10691" spans="8:8">
      <c r="H10691" s="12"/>
    </row>
    <row r="10692" spans="8:8">
      <c r="H10692" s="12"/>
    </row>
    <row r="10693" spans="8:8">
      <c r="H10693" s="12"/>
    </row>
    <row r="10694" spans="8:8">
      <c r="H10694" s="12"/>
    </row>
    <row r="10695" spans="8:8">
      <c r="H10695" s="12"/>
    </row>
    <row r="10696" spans="8:8">
      <c r="H10696" s="12"/>
    </row>
    <row r="10697" spans="8:8">
      <c r="H10697" s="12"/>
    </row>
    <row r="10698" spans="8:8">
      <c r="H10698" s="12"/>
    </row>
    <row r="10699" spans="8:8">
      <c r="H10699" s="12"/>
    </row>
    <row r="10700" spans="8:8">
      <c r="H10700" s="12"/>
    </row>
    <row r="10701" spans="8:8">
      <c r="H10701" s="12"/>
    </row>
    <row r="10702" spans="8:8">
      <c r="H10702" s="12"/>
    </row>
    <row r="10703" spans="8:8">
      <c r="H10703" s="12"/>
    </row>
    <row r="10704" spans="8:8">
      <c r="H10704" s="12"/>
    </row>
    <row r="10705" spans="8:8">
      <c r="H10705" s="12"/>
    </row>
    <row r="10706" spans="8:8">
      <c r="H10706" s="12"/>
    </row>
    <row r="10707" spans="8:8">
      <c r="H10707" s="12"/>
    </row>
    <row r="10708" spans="8:8">
      <c r="H10708" s="12"/>
    </row>
    <row r="10709" spans="8:8">
      <c r="H10709" s="12"/>
    </row>
    <row r="10710" spans="8:8">
      <c r="H10710" s="12"/>
    </row>
    <row r="10711" spans="8:8">
      <c r="H10711" s="12"/>
    </row>
    <row r="10712" spans="8:8">
      <c r="H10712" s="12"/>
    </row>
    <row r="10713" spans="8:8">
      <c r="H10713" s="12"/>
    </row>
    <row r="10714" spans="8:8">
      <c r="H10714" s="12"/>
    </row>
    <row r="10715" spans="8:8">
      <c r="H10715" s="12"/>
    </row>
    <row r="10716" spans="8:8">
      <c r="H10716" s="12"/>
    </row>
    <row r="10717" spans="8:8">
      <c r="H10717" s="12"/>
    </row>
    <row r="10718" spans="8:8">
      <c r="H10718" s="12"/>
    </row>
    <row r="10719" spans="8:8">
      <c r="H10719" s="12"/>
    </row>
    <row r="10720" spans="8:8">
      <c r="H10720" s="12"/>
    </row>
    <row r="10721" spans="8:8">
      <c r="H10721" s="12"/>
    </row>
    <row r="10722" spans="8:8">
      <c r="H10722" s="12"/>
    </row>
    <row r="10723" spans="8:8">
      <c r="H10723" s="12"/>
    </row>
    <row r="10724" spans="8:8">
      <c r="H10724" s="12"/>
    </row>
    <row r="10725" spans="8:8">
      <c r="H10725" s="12"/>
    </row>
    <row r="10726" spans="8:8">
      <c r="H10726" s="12"/>
    </row>
    <row r="10727" spans="8:8">
      <c r="H10727" s="12"/>
    </row>
    <row r="10728" spans="8:8">
      <c r="H10728" s="12"/>
    </row>
    <row r="10729" spans="8:8">
      <c r="H10729" s="12"/>
    </row>
    <row r="10730" spans="8:8">
      <c r="H10730" s="12"/>
    </row>
    <row r="10731" spans="8:8">
      <c r="H10731" s="12"/>
    </row>
    <row r="10732" spans="8:8">
      <c r="H10732" s="12"/>
    </row>
    <row r="10733" spans="8:8">
      <c r="H10733" s="12"/>
    </row>
    <row r="10734" spans="8:8">
      <c r="H10734" s="12"/>
    </row>
    <row r="10735" spans="8:8">
      <c r="H10735" s="12"/>
    </row>
    <row r="10736" spans="8:8">
      <c r="H10736" s="12"/>
    </row>
    <row r="10737" spans="8:8">
      <c r="H10737" s="12"/>
    </row>
    <row r="10738" spans="8:8">
      <c r="H10738" s="12"/>
    </row>
    <row r="10739" spans="8:8">
      <c r="H10739" s="12"/>
    </row>
    <row r="10740" spans="8:8">
      <c r="H10740" s="12"/>
    </row>
    <row r="10741" spans="8:8">
      <c r="H10741" s="12"/>
    </row>
    <row r="10742" spans="8:8">
      <c r="H10742" s="12"/>
    </row>
    <row r="10743" spans="8:8">
      <c r="H10743" s="12"/>
    </row>
    <row r="10744" spans="8:8">
      <c r="H10744" s="12"/>
    </row>
    <row r="10745" spans="8:8">
      <c r="H10745" s="12"/>
    </row>
    <row r="10746" spans="8:8">
      <c r="H10746" s="12"/>
    </row>
    <row r="10747" spans="8:8">
      <c r="H10747" s="12"/>
    </row>
    <row r="10748" spans="8:8">
      <c r="H10748" s="12"/>
    </row>
    <row r="10749" spans="8:8">
      <c r="H10749" s="12"/>
    </row>
    <row r="10750" spans="8:8">
      <c r="H10750" s="12"/>
    </row>
    <row r="10751" spans="8:8">
      <c r="H10751" s="12"/>
    </row>
    <row r="10752" spans="8:8">
      <c r="H10752" s="12"/>
    </row>
    <row r="10753" spans="8:8">
      <c r="H10753" s="12"/>
    </row>
    <row r="10754" spans="8:8">
      <c r="H10754" s="12"/>
    </row>
    <row r="10755" spans="8:8">
      <c r="H10755" s="12"/>
    </row>
    <row r="10756" spans="8:8">
      <c r="H10756" s="12"/>
    </row>
    <row r="10757" spans="8:8">
      <c r="H10757" s="12"/>
    </row>
    <row r="10758" spans="8:8">
      <c r="H10758" s="12"/>
    </row>
    <row r="10759" spans="8:8">
      <c r="H10759" s="12"/>
    </row>
    <row r="10760" spans="8:8">
      <c r="H10760" s="12"/>
    </row>
    <row r="10761" spans="8:8">
      <c r="H10761" s="12"/>
    </row>
    <row r="10762" spans="8:8">
      <c r="H10762" s="12"/>
    </row>
    <row r="10763" spans="8:8">
      <c r="H10763" s="12"/>
    </row>
    <row r="10764" spans="8:8">
      <c r="H10764" s="12"/>
    </row>
    <row r="10765" spans="8:8">
      <c r="H10765" s="12"/>
    </row>
    <row r="10766" spans="8:8">
      <c r="H10766" s="12"/>
    </row>
    <row r="10767" spans="8:8">
      <c r="H10767" s="12"/>
    </row>
    <row r="10768" spans="8:8">
      <c r="H10768" s="12"/>
    </row>
    <row r="10769" spans="8:8">
      <c r="H10769" s="12"/>
    </row>
    <row r="10770" spans="8:8">
      <c r="H10770" s="12"/>
    </row>
    <row r="10771" spans="8:8">
      <c r="H10771" s="12"/>
    </row>
    <row r="10772" spans="8:8">
      <c r="H10772" s="12"/>
    </row>
    <row r="10773" spans="8:8">
      <c r="H10773" s="12"/>
    </row>
    <row r="10774" spans="8:8">
      <c r="H10774" s="12"/>
    </row>
    <row r="10775" spans="8:8">
      <c r="H10775" s="12"/>
    </row>
    <row r="10776" spans="8:8">
      <c r="H10776" s="12"/>
    </row>
    <row r="10777" spans="8:8">
      <c r="H10777" s="12"/>
    </row>
    <row r="10778" spans="8:8">
      <c r="H10778" s="12"/>
    </row>
    <row r="10779" spans="8:8">
      <c r="H10779" s="12"/>
    </row>
    <row r="10780" spans="8:8">
      <c r="H10780" s="12"/>
    </row>
    <row r="10781" spans="8:8">
      <c r="H10781" s="12"/>
    </row>
    <row r="10782" spans="8:8">
      <c r="H10782" s="12"/>
    </row>
    <row r="10783" spans="8:8">
      <c r="H10783" s="12"/>
    </row>
    <row r="10784" spans="8:8">
      <c r="H10784" s="12"/>
    </row>
    <row r="10785" spans="8:8">
      <c r="H10785" s="12"/>
    </row>
    <row r="10786" spans="8:8">
      <c r="H10786" s="12"/>
    </row>
    <row r="10787" spans="8:8">
      <c r="H10787" s="12"/>
    </row>
    <row r="10788" spans="8:8">
      <c r="H10788" s="12"/>
    </row>
    <row r="10789" spans="8:8">
      <c r="H10789" s="12"/>
    </row>
    <row r="10790" spans="8:8">
      <c r="H10790" s="12"/>
    </row>
    <row r="10791" spans="8:8">
      <c r="H10791" s="12"/>
    </row>
    <row r="10792" spans="8:8">
      <c r="H10792" s="12"/>
    </row>
    <row r="10793" spans="8:8">
      <c r="H10793" s="12"/>
    </row>
    <row r="10794" spans="8:8">
      <c r="H10794" s="12"/>
    </row>
    <row r="10795" spans="8:8">
      <c r="H10795" s="12"/>
    </row>
    <row r="10796" spans="8:8">
      <c r="H10796" s="12"/>
    </row>
    <row r="10797" spans="8:8">
      <c r="H10797" s="12"/>
    </row>
    <row r="10798" spans="8:8">
      <c r="H10798" s="12"/>
    </row>
    <row r="10799" spans="8:8">
      <c r="H10799" s="12"/>
    </row>
    <row r="10800" spans="8:8">
      <c r="H10800" s="12"/>
    </row>
    <row r="10801" spans="8:8">
      <c r="H10801" s="12"/>
    </row>
    <row r="10802" spans="8:8">
      <c r="H10802" s="12"/>
    </row>
    <row r="10803" spans="8:8">
      <c r="H10803" s="12"/>
    </row>
    <row r="10804" spans="8:8">
      <c r="H10804" s="12"/>
    </row>
    <row r="10805" spans="8:8">
      <c r="H10805" s="12"/>
    </row>
    <row r="10806" spans="8:8">
      <c r="H10806" s="12"/>
    </row>
    <row r="10807" spans="8:8">
      <c r="H10807" s="12"/>
    </row>
    <row r="10808" spans="8:8">
      <c r="H10808" s="12"/>
    </row>
    <row r="10809" spans="8:8">
      <c r="H10809" s="12"/>
    </row>
    <row r="10810" spans="8:8">
      <c r="H10810" s="12"/>
    </row>
    <row r="10811" spans="8:8">
      <c r="H10811" s="12"/>
    </row>
    <row r="10812" spans="8:8">
      <c r="H10812" s="12"/>
    </row>
    <row r="10813" spans="8:8">
      <c r="H10813" s="12"/>
    </row>
    <row r="10814" spans="8:8">
      <c r="H10814" s="12"/>
    </row>
    <row r="10815" spans="8:8">
      <c r="H10815" s="12"/>
    </row>
    <row r="10816" spans="8:8">
      <c r="H10816" s="12"/>
    </row>
    <row r="10817" spans="8:8">
      <c r="H10817" s="12"/>
    </row>
    <row r="10818" spans="8:8">
      <c r="H10818" s="12"/>
    </row>
    <row r="10819" spans="8:8">
      <c r="H10819" s="12"/>
    </row>
    <row r="10820" spans="8:8">
      <c r="H10820" s="12"/>
    </row>
    <row r="10821" spans="8:8">
      <c r="H10821" s="12"/>
    </row>
    <row r="10822" spans="8:8">
      <c r="H10822" s="12"/>
    </row>
    <row r="10823" spans="8:8">
      <c r="H10823" s="12"/>
    </row>
    <row r="10824" spans="8:8">
      <c r="H10824" s="12"/>
    </row>
    <row r="10825" spans="8:8">
      <c r="H10825" s="12"/>
    </row>
    <row r="10826" spans="8:8">
      <c r="H10826" s="12"/>
    </row>
    <row r="10827" spans="8:8">
      <c r="H10827" s="12"/>
    </row>
    <row r="10828" spans="8:8">
      <c r="H10828" s="12"/>
    </row>
    <row r="10829" spans="8:8">
      <c r="H10829" s="12"/>
    </row>
    <row r="10830" spans="8:8">
      <c r="H10830" s="12"/>
    </row>
    <row r="10831" spans="8:8">
      <c r="H10831" s="12"/>
    </row>
    <row r="10832" spans="8:8">
      <c r="H10832" s="12"/>
    </row>
    <row r="10833" spans="8:8">
      <c r="H10833" s="12"/>
    </row>
    <row r="10834" spans="8:8">
      <c r="H10834" s="12"/>
    </row>
    <row r="10835" spans="8:8">
      <c r="H10835" s="12"/>
    </row>
    <row r="10836" spans="8:8">
      <c r="H10836" s="12"/>
    </row>
    <row r="10837" spans="8:8">
      <c r="H10837" s="12"/>
    </row>
    <row r="10838" spans="8:8">
      <c r="H10838" s="12"/>
    </row>
    <row r="10839" spans="8:8">
      <c r="H10839" s="12"/>
    </row>
    <row r="10840" spans="8:8">
      <c r="H10840" s="12"/>
    </row>
    <row r="10841" spans="8:8">
      <c r="H10841" s="12"/>
    </row>
    <row r="10842" spans="8:8">
      <c r="H10842" s="12"/>
    </row>
    <row r="10843" spans="8:8">
      <c r="H10843" s="12"/>
    </row>
    <row r="10844" spans="8:8">
      <c r="H10844" s="12"/>
    </row>
    <row r="10845" spans="8:8">
      <c r="H10845" s="12"/>
    </row>
    <row r="10846" spans="8:8">
      <c r="H10846" s="12"/>
    </row>
    <row r="10847" spans="8:8">
      <c r="H10847" s="12"/>
    </row>
    <row r="10848" spans="8:8">
      <c r="H10848" s="12"/>
    </row>
    <row r="10849" spans="8:8">
      <c r="H10849" s="12"/>
    </row>
    <row r="10850" spans="8:8">
      <c r="H10850" s="12"/>
    </row>
    <row r="10851" spans="8:8">
      <c r="H10851" s="12"/>
    </row>
    <row r="10852" spans="8:8">
      <c r="H10852" s="12"/>
    </row>
    <row r="10853" spans="8:8">
      <c r="H10853" s="12"/>
    </row>
    <row r="10854" spans="8:8">
      <c r="H10854" s="12"/>
    </row>
    <row r="10855" spans="8:8">
      <c r="H10855" s="12"/>
    </row>
    <row r="10856" spans="8:8">
      <c r="H10856" s="12"/>
    </row>
    <row r="10857" spans="8:8">
      <c r="H10857" s="12"/>
    </row>
    <row r="10858" spans="8:8">
      <c r="H10858" s="12"/>
    </row>
    <row r="10859" spans="8:8">
      <c r="H10859" s="12"/>
    </row>
    <row r="10860" spans="8:8">
      <c r="H10860" s="12"/>
    </row>
    <row r="10861" spans="8:8">
      <c r="H10861" s="12"/>
    </row>
    <row r="10862" spans="8:8">
      <c r="H10862" s="12"/>
    </row>
    <row r="10863" spans="8:8">
      <c r="H10863" s="12"/>
    </row>
    <row r="10864" spans="8:8">
      <c r="H10864" s="12"/>
    </row>
    <row r="10865" spans="8:8">
      <c r="H10865" s="12"/>
    </row>
    <row r="10866" spans="8:8">
      <c r="H10866" s="12"/>
    </row>
    <row r="10867" spans="8:8">
      <c r="H10867" s="12"/>
    </row>
    <row r="10868" spans="8:8">
      <c r="H10868" s="12"/>
    </row>
    <row r="10869" spans="8:8">
      <c r="H10869" s="12"/>
    </row>
    <row r="10870" spans="8:8">
      <c r="H10870" s="12"/>
    </row>
    <row r="10871" spans="8:8">
      <c r="H10871" s="12"/>
    </row>
    <row r="10872" spans="8:8">
      <c r="H10872" s="12"/>
    </row>
    <row r="10873" spans="8:8">
      <c r="H10873" s="12"/>
    </row>
    <row r="10874" spans="8:8">
      <c r="H10874" s="12"/>
    </row>
    <row r="10875" spans="8:8">
      <c r="H10875" s="12"/>
    </row>
    <row r="10876" spans="8:8">
      <c r="H10876" s="12"/>
    </row>
    <row r="10877" spans="8:8">
      <c r="H10877" s="12"/>
    </row>
    <row r="10878" spans="8:8">
      <c r="H10878" s="12"/>
    </row>
    <row r="10879" spans="8:8">
      <c r="H10879" s="12"/>
    </row>
    <row r="10880" spans="8:8">
      <c r="H10880" s="12"/>
    </row>
    <row r="10881" spans="8:8">
      <c r="H10881" s="12"/>
    </row>
    <row r="10882" spans="8:8">
      <c r="H10882" s="12"/>
    </row>
    <row r="10883" spans="8:8">
      <c r="H10883" s="12"/>
    </row>
    <row r="10884" spans="8:8">
      <c r="H10884" s="12"/>
    </row>
    <row r="10885" spans="8:8">
      <c r="H10885" s="12"/>
    </row>
    <row r="10886" spans="8:8">
      <c r="H10886" s="12"/>
    </row>
    <row r="10887" spans="8:8">
      <c r="H10887" s="12"/>
    </row>
    <row r="10888" spans="8:8">
      <c r="H10888" s="12"/>
    </row>
    <row r="10889" spans="8:8">
      <c r="H10889" s="12"/>
    </row>
    <row r="10890" spans="8:8">
      <c r="H10890" s="12"/>
    </row>
    <row r="10891" spans="8:8">
      <c r="H10891" s="12"/>
    </row>
    <row r="10892" spans="8:8">
      <c r="H10892" s="12"/>
    </row>
    <row r="10893" spans="8:8">
      <c r="H10893" s="12"/>
    </row>
    <row r="10894" spans="8:8">
      <c r="H10894" s="12"/>
    </row>
    <row r="10895" spans="8:8">
      <c r="H10895" s="12"/>
    </row>
    <row r="10896" spans="8:8">
      <c r="H10896" s="12"/>
    </row>
    <row r="10897" spans="8:8">
      <c r="H10897" s="12"/>
    </row>
    <row r="10898" spans="8:8">
      <c r="H10898" s="12"/>
    </row>
    <row r="10899" spans="8:8">
      <c r="H10899" s="12"/>
    </row>
    <row r="10900" spans="8:8">
      <c r="H10900" s="12"/>
    </row>
    <row r="10901" spans="8:8">
      <c r="H10901" s="12"/>
    </row>
    <row r="10902" spans="8:8">
      <c r="H10902" s="12"/>
    </row>
    <row r="10903" spans="8:8">
      <c r="H10903" s="12"/>
    </row>
    <row r="10904" spans="8:8">
      <c r="H10904" s="12"/>
    </row>
    <row r="10905" spans="8:8">
      <c r="H10905" s="12"/>
    </row>
    <row r="10906" spans="8:8">
      <c r="H10906" s="12"/>
    </row>
    <row r="10907" spans="8:8">
      <c r="H10907" s="12"/>
    </row>
    <row r="10908" spans="8:8">
      <c r="H10908" s="12"/>
    </row>
    <row r="10909" spans="8:8">
      <c r="H10909" s="12"/>
    </row>
    <row r="10910" spans="8:8">
      <c r="H10910" s="12"/>
    </row>
    <row r="10911" spans="8:8">
      <c r="H10911" s="12"/>
    </row>
    <row r="10912" spans="8:8">
      <c r="H10912" s="12"/>
    </row>
    <row r="10913" spans="8:8">
      <c r="H10913" s="12"/>
    </row>
    <row r="10914" spans="8:8">
      <c r="H10914" s="12"/>
    </row>
    <row r="10915" spans="8:8">
      <c r="H10915" s="12"/>
    </row>
    <row r="10916" spans="8:8">
      <c r="H10916" s="12"/>
    </row>
    <row r="10917" spans="8:8">
      <c r="H10917" s="12"/>
    </row>
    <row r="10918" spans="8:8">
      <c r="H10918" s="12"/>
    </row>
    <row r="10919" spans="8:8">
      <c r="H10919" s="12"/>
    </row>
    <row r="10920" spans="8:8">
      <c r="H10920" s="12"/>
    </row>
    <row r="10921" spans="8:8">
      <c r="H10921" s="12"/>
    </row>
    <row r="10922" spans="8:8">
      <c r="H10922" s="12"/>
    </row>
    <row r="10923" spans="8:8">
      <c r="H10923" s="12"/>
    </row>
    <row r="10924" spans="8:8">
      <c r="H10924" s="12"/>
    </row>
    <row r="10925" spans="8:8">
      <c r="H10925" s="12"/>
    </row>
    <row r="10926" spans="8:8">
      <c r="H10926" s="12"/>
    </row>
    <row r="10927" spans="8:8">
      <c r="H10927" s="12"/>
    </row>
    <row r="10928" spans="8:8">
      <c r="H10928" s="12"/>
    </row>
    <row r="10929" spans="8:8">
      <c r="H10929" s="12"/>
    </row>
    <row r="10930" spans="8:8">
      <c r="H10930" s="12"/>
    </row>
    <row r="10931" spans="8:8">
      <c r="H10931" s="12"/>
    </row>
    <row r="10932" spans="8:8">
      <c r="H10932" s="12"/>
    </row>
    <row r="10933" spans="8:8">
      <c r="H10933" s="12"/>
    </row>
    <row r="10934" spans="8:8">
      <c r="H10934" s="12"/>
    </row>
    <row r="10935" spans="8:8">
      <c r="H10935" s="12"/>
    </row>
    <row r="10936" spans="8:8">
      <c r="H10936" s="12"/>
    </row>
    <row r="10937" spans="8:8">
      <c r="H10937" s="12"/>
    </row>
    <row r="10938" spans="8:8">
      <c r="H10938" s="12"/>
    </row>
    <row r="10939" spans="8:8">
      <c r="H10939" s="12"/>
    </row>
    <row r="10940" spans="8:8">
      <c r="H10940" s="12"/>
    </row>
    <row r="10941" spans="8:8">
      <c r="H10941" s="12"/>
    </row>
    <row r="10942" spans="8:8">
      <c r="H10942" s="12"/>
    </row>
    <row r="10943" spans="8:8">
      <c r="H10943" s="12"/>
    </row>
    <row r="10944" spans="8:8">
      <c r="H10944" s="12"/>
    </row>
    <row r="10945" spans="8:8">
      <c r="H10945" s="12"/>
    </row>
    <row r="10946" spans="8:8">
      <c r="H10946" s="12"/>
    </row>
    <row r="10947" spans="8:8">
      <c r="H10947" s="12"/>
    </row>
    <row r="10948" spans="8:8">
      <c r="H10948" s="12"/>
    </row>
    <row r="10949" spans="8:8">
      <c r="H10949" s="12"/>
    </row>
    <row r="10950" spans="8:8">
      <c r="H10950" s="12"/>
    </row>
    <row r="10951" spans="8:8">
      <c r="H10951" s="12"/>
    </row>
    <row r="10952" spans="8:8">
      <c r="H10952" s="12"/>
    </row>
    <row r="10953" spans="8:8">
      <c r="H10953" s="12"/>
    </row>
    <row r="10954" spans="8:8">
      <c r="H10954" s="12"/>
    </row>
    <row r="10955" spans="8:8">
      <c r="H10955" s="12"/>
    </row>
    <row r="10956" spans="8:8">
      <c r="H10956" s="12"/>
    </row>
    <row r="10957" spans="8:8">
      <c r="H10957" s="12"/>
    </row>
    <row r="10958" spans="8:8">
      <c r="H10958" s="12"/>
    </row>
    <row r="10959" spans="8:8">
      <c r="H10959" s="12"/>
    </row>
    <row r="10960" spans="8:8">
      <c r="H10960" s="12"/>
    </row>
    <row r="10961" spans="8:8">
      <c r="H10961" s="12"/>
    </row>
    <row r="10962" spans="8:8">
      <c r="H10962" s="12"/>
    </row>
    <row r="10963" spans="8:8">
      <c r="H10963" s="12"/>
    </row>
    <row r="10964" spans="8:8">
      <c r="H10964" s="12"/>
    </row>
    <row r="10965" spans="8:8">
      <c r="H10965" s="12"/>
    </row>
    <row r="10966" spans="8:8">
      <c r="H10966" s="12"/>
    </row>
    <row r="10967" spans="8:8">
      <c r="H10967" s="12"/>
    </row>
    <row r="10968" spans="8:8">
      <c r="H10968" s="12"/>
    </row>
    <row r="10969" spans="8:8">
      <c r="H10969" s="12"/>
    </row>
    <row r="10970" spans="8:8">
      <c r="H10970" s="12"/>
    </row>
    <row r="10971" spans="8:8">
      <c r="H10971" s="12"/>
    </row>
    <row r="10972" spans="8:8">
      <c r="H10972" s="12"/>
    </row>
    <row r="10973" spans="8:8">
      <c r="H10973" s="12"/>
    </row>
    <row r="10974" spans="8:8">
      <c r="H10974" s="12"/>
    </row>
    <row r="10975" spans="8:8">
      <c r="H10975" s="12"/>
    </row>
    <row r="10976" spans="8:8">
      <c r="H10976" s="12"/>
    </row>
    <row r="10977" spans="8:8">
      <c r="H10977" s="12"/>
    </row>
    <row r="10978" spans="8:8">
      <c r="H10978" s="12"/>
    </row>
    <row r="10979" spans="8:8">
      <c r="H10979" s="12"/>
    </row>
    <row r="10980" spans="8:8">
      <c r="H10980" s="12"/>
    </row>
    <row r="10981" spans="8:8">
      <c r="H10981" s="12"/>
    </row>
    <row r="10982" spans="8:8">
      <c r="H10982" s="12"/>
    </row>
    <row r="10983" spans="8:8">
      <c r="H10983" s="12"/>
    </row>
    <row r="10984" spans="8:8">
      <c r="H10984" s="12"/>
    </row>
    <row r="10985" spans="8:8">
      <c r="H10985" s="12"/>
    </row>
    <row r="10986" spans="8:8">
      <c r="H10986" s="12"/>
    </row>
    <row r="10987" spans="8:8">
      <c r="H10987" s="12"/>
    </row>
    <row r="10988" spans="8:8">
      <c r="H10988" s="12"/>
    </row>
    <row r="10989" spans="8:8">
      <c r="H10989" s="12"/>
    </row>
    <row r="10990" spans="8:8">
      <c r="H10990" s="12"/>
    </row>
    <row r="10991" spans="8:8">
      <c r="H10991" s="12"/>
    </row>
    <row r="10992" spans="8:8">
      <c r="H10992" s="12"/>
    </row>
    <row r="10993" spans="8:8">
      <c r="H10993" s="12"/>
    </row>
    <row r="10994" spans="8:8">
      <c r="H10994" s="12"/>
    </row>
    <row r="10995" spans="8:8">
      <c r="H10995" s="12"/>
    </row>
    <row r="10996" spans="8:8">
      <c r="H10996" s="12"/>
    </row>
    <row r="10997" spans="8:8">
      <c r="H10997" s="12"/>
    </row>
    <row r="10998" spans="8:8">
      <c r="H10998" s="12"/>
    </row>
    <row r="10999" spans="8:8">
      <c r="H10999" s="12"/>
    </row>
    <row r="11000" spans="8:8">
      <c r="H11000" s="12"/>
    </row>
    <row r="11001" spans="8:8">
      <c r="H11001" s="12"/>
    </row>
    <row r="11002" spans="8:8">
      <c r="H11002" s="12"/>
    </row>
    <row r="11003" spans="8:8">
      <c r="H11003" s="12"/>
    </row>
    <row r="11004" spans="8:8">
      <c r="H11004" s="12"/>
    </row>
    <row r="11005" spans="8:8">
      <c r="H11005" s="12"/>
    </row>
    <row r="11006" spans="8:8">
      <c r="H11006" s="12"/>
    </row>
    <row r="11007" spans="8:8">
      <c r="H11007" s="12"/>
    </row>
    <row r="11008" spans="8:8">
      <c r="H11008" s="12"/>
    </row>
    <row r="11009" spans="8:8">
      <c r="H11009" s="12"/>
    </row>
    <row r="11010" spans="8:8">
      <c r="H11010" s="12"/>
    </row>
    <row r="11011" spans="8:8">
      <c r="H11011" s="12"/>
    </row>
    <row r="11012" spans="8:8">
      <c r="H11012" s="12"/>
    </row>
    <row r="11013" spans="8:8">
      <c r="H11013" s="12"/>
    </row>
    <row r="11014" spans="8:8">
      <c r="H11014" s="12"/>
    </row>
    <row r="11015" spans="8:8">
      <c r="H11015" s="12"/>
    </row>
    <row r="11016" spans="8:8">
      <c r="H11016" s="12"/>
    </row>
    <row r="11017" spans="8:8">
      <c r="H11017" s="12"/>
    </row>
    <row r="11018" spans="8:8">
      <c r="H11018" s="12"/>
    </row>
    <row r="11019" spans="8:8">
      <c r="H11019" s="12"/>
    </row>
    <row r="11020" spans="8:8">
      <c r="H11020" s="12"/>
    </row>
    <row r="11021" spans="8:8">
      <c r="H11021" s="12"/>
    </row>
    <row r="11022" spans="8:8">
      <c r="H11022" s="12"/>
    </row>
    <row r="11023" spans="8:8">
      <c r="H11023" s="12"/>
    </row>
    <row r="11024" spans="8:8">
      <c r="H11024" s="12"/>
    </row>
    <row r="11025" spans="8:8">
      <c r="H11025" s="12"/>
    </row>
    <row r="11026" spans="8:8">
      <c r="H11026" s="12"/>
    </row>
    <row r="11027" spans="8:8">
      <c r="H11027" s="12"/>
    </row>
    <row r="11028" spans="8:8">
      <c r="H11028" s="12"/>
    </row>
    <row r="11029" spans="8:8">
      <c r="H11029" s="12"/>
    </row>
    <row r="11030" spans="8:8">
      <c r="H11030" s="12"/>
    </row>
    <row r="11031" spans="8:8">
      <c r="H11031" s="12"/>
    </row>
    <row r="11032" spans="8:8">
      <c r="H11032" s="12"/>
    </row>
    <row r="11033" spans="8:8">
      <c r="H11033" s="12"/>
    </row>
    <row r="11034" spans="8:8">
      <c r="H11034" s="12"/>
    </row>
    <row r="11035" spans="8:8">
      <c r="H11035" s="12"/>
    </row>
    <row r="11036" spans="8:8">
      <c r="H11036" s="12"/>
    </row>
    <row r="11037" spans="8:8">
      <c r="H11037" s="12"/>
    </row>
    <row r="11038" spans="8:8">
      <c r="H11038" s="12"/>
    </row>
    <row r="11039" spans="8:8">
      <c r="H11039" s="12"/>
    </row>
    <row r="11040" spans="8:8">
      <c r="H11040" s="12"/>
    </row>
    <row r="11041" spans="8:8">
      <c r="H11041" s="12"/>
    </row>
    <row r="11042" spans="8:8">
      <c r="H11042" s="12"/>
    </row>
    <row r="11043" spans="8:8">
      <c r="H11043" s="12"/>
    </row>
    <row r="11044" spans="8:8">
      <c r="H11044" s="12"/>
    </row>
    <row r="11045" spans="8:8">
      <c r="H11045" s="12"/>
    </row>
    <row r="11046" spans="8:8">
      <c r="H11046" s="12"/>
    </row>
    <row r="11047" spans="8:8">
      <c r="H11047" s="12"/>
    </row>
    <row r="11048" spans="8:8">
      <c r="H11048" s="12"/>
    </row>
    <row r="11049" spans="8:8">
      <c r="H11049" s="12"/>
    </row>
    <row r="11050" spans="8:8">
      <c r="H11050" s="12"/>
    </row>
    <row r="11051" spans="8:8">
      <c r="H11051" s="12"/>
    </row>
    <row r="11052" spans="8:8">
      <c r="H11052" s="12"/>
    </row>
    <row r="11053" spans="8:8">
      <c r="H11053" s="12"/>
    </row>
    <row r="11054" spans="8:8">
      <c r="H11054" s="12"/>
    </row>
    <row r="11055" spans="8:8">
      <c r="H11055" s="12"/>
    </row>
    <row r="11056" spans="8:8">
      <c r="H11056" s="12"/>
    </row>
    <row r="11057" spans="8:8">
      <c r="H11057" s="12"/>
    </row>
    <row r="11058" spans="8:8">
      <c r="H11058" s="12"/>
    </row>
    <row r="11059" spans="8:8">
      <c r="H11059" s="12"/>
    </row>
    <row r="11060" spans="8:8">
      <c r="H11060" s="12"/>
    </row>
    <row r="11061" spans="8:8">
      <c r="H11061" s="12"/>
    </row>
    <row r="11062" spans="8:8">
      <c r="H11062" s="12"/>
    </row>
    <row r="11063" spans="8:8">
      <c r="H11063" s="12"/>
    </row>
    <row r="11064" spans="8:8">
      <c r="H11064" s="12"/>
    </row>
    <row r="11065" spans="8:8">
      <c r="H11065" s="12"/>
    </row>
    <row r="11066" spans="8:8">
      <c r="H11066" s="12"/>
    </row>
    <row r="11067" spans="8:8">
      <c r="H11067" s="12"/>
    </row>
    <row r="11068" spans="8:8">
      <c r="H11068" s="12"/>
    </row>
    <row r="11069" spans="8:8">
      <c r="H11069" s="12"/>
    </row>
    <row r="11070" spans="8:8">
      <c r="H11070" s="12"/>
    </row>
    <row r="11071" spans="8:8">
      <c r="H11071" s="12"/>
    </row>
    <row r="11072" spans="8:8">
      <c r="H11072" s="12"/>
    </row>
    <row r="11073" spans="8:8">
      <c r="H11073" s="12"/>
    </row>
    <row r="11074" spans="8:8">
      <c r="H11074" s="12"/>
    </row>
    <row r="11075" spans="8:8">
      <c r="H11075" s="12"/>
    </row>
    <row r="11076" spans="8:8">
      <c r="H11076" s="12"/>
    </row>
    <row r="11077" spans="8:8">
      <c r="H11077" s="12"/>
    </row>
    <row r="11078" spans="8:8">
      <c r="H11078" s="12"/>
    </row>
    <row r="11079" spans="8:8">
      <c r="H11079" s="12"/>
    </row>
    <row r="11080" spans="8:8">
      <c r="H11080" s="12"/>
    </row>
    <row r="11081" spans="8:8">
      <c r="H11081" s="12"/>
    </row>
    <row r="11082" spans="8:8">
      <c r="H11082" s="12"/>
    </row>
    <row r="11083" spans="8:8">
      <c r="H11083" s="12"/>
    </row>
    <row r="11084" spans="8:8">
      <c r="H11084" s="12"/>
    </row>
    <row r="11085" spans="8:8">
      <c r="H11085" s="12"/>
    </row>
    <row r="11086" spans="8:8">
      <c r="H11086" s="12"/>
    </row>
    <row r="11087" spans="8:8">
      <c r="H11087" s="12"/>
    </row>
    <row r="11088" spans="8:8">
      <c r="H11088" s="12"/>
    </row>
    <row r="11089" spans="8:8">
      <c r="H11089" s="12"/>
    </row>
    <row r="11090" spans="8:8">
      <c r="H11090" s="12"/>
    </row>
    <row r="11091" spans="8:8">
      <c r="H11091" s="12"/>
    </row>
    <row r="11092" spans="8:8">
      <c r="H11092" s="12"/>
    </row>
    <row r="11093" spans="8:8">
      <c r="H11093" s="12"/>
    </row>
    <row r="11094" spans="8:8">
      <c r="H11094" s="12"/>
    </row>
    <row r="11095" spans="8:8">
      <c r="H11095" s="12"/>
    </row>
    <row r="11096" spans="8:8">
      <c r="H11096" s="12"/>
    </row>
    <row r="11097" spans="8:8">
      <c r="H11097" s="12"/>
    </row>
    <row r="11098" spans="8:8">
      <c r="H11098" s="12"/>
    </row>
    <row r="11099" spans="8:8">
      <c r="H11099" s="12"/>
    </row>
    <row r="11100" spans="8:8">
      <c r="H11100" s="12"/>
    </row>
    <row r="11101" spans="8:8">
      <c r="H11101" s="12"/>
    </row>
    <row r="11102" spans="8:8">
      <c r="H11102" s="12"/>
    </row>
    <row r="11103" spans="8:8">
      <c r="H11103" s="12"/>
    </row>
    <row r="11104" spans="8:8">
      <c r="H11104" s="12"/>
    </row>
    <row r="11105" spans="8:8">
      <c r="H11105" s="12"/>
    </row>
    <row r="11106" spans="8:8">
      <c r="H11106" s="12"/>
    </row>
    <row r="11107" spans="8:8">
      <c r="H11107" s="12"/>
    </row>
    <row r="11108" spans="8:8">
      <c r="H11108" s="12"/>
    </row>
    <row r="11109" spans="8:8">
      <c r="H11109" s="12"/>
    </row>
    <row r="11110" spans="8:8">
      <c r="H11110" s="12"/>
    </row>
    <row r="11111" spans="8:8">
      <c r="H11111" s="12"/>
    </row>
    <row r="11112" spans="8:8">
      <c r="H11112" s="12"/>
    </row>
    <row r="11113" spans="8:8">
      <c r="H11113" s="12"/>
    </row>
    <row r="11114" spans="8:8">
      <c r="H11114" s="12"/>
    </row>
    <row r="11115" spans="8:8">
      <c r="H11115" s="12"/>
    </row>
    <row r="11116" spans="8:8">
      <c r="H11116" s="12"/>
    </row>
    <row r="11117" spans="8:8">
      <c r="H11117" s="12"/>
    </row>
    <row r="11118" spans="8:8">
      <c r="H11118" s="12"/>
    </row>
    <row r="11119" spans="8:8">
      <c r="H11119" s="12"/>
    </row>
    <row r="11120" spans="8:8">
      <c r="H11120" s="12"/>
    </row>
    <row r="11121" spans="8:8">
      <c r="H11121" s="12"/>
    </row>
    <row r="11122" spans="8:8">
      <c r="H11122" s="12"/>
    </row>
    <row r="11123" spans="8:8">
      <c r="H11123" s="12"/>
    </row>
    <row r="11124" spans="8:8">
      <c r="H11124" s="12"/>
    </row>
    <row r="11125" spans="8:8">
      <c r="H11125" s="12"/>
    </row>
    <row r="11126" spans="8:8">
      <c r="H11126" s="12"/>
    </row>
    <row r="11127" spans="8:8">
      <c r="H11127" s="12"/>
    </row>
    <row r="11128" spans="8:8">
      <c r="H11128" s="12"/>
    </row>
    <row r="11129" spans="8:8">
      <c r="H11129" s="12"/>
    </row>
    <row r="11130" spans="8:8">
      <c r="H11130" s="12"/>
    </row>
    <row r="11131" spans="8:8">
      <c r="H11131" s="12"/>
    </row>
    <row r="11132" spans="8:8">
      <c r="H11132" s="12"/>
    </row>
    <row r="11133" spans="8:8">
      <c r="H11133" s="12"/>
    </row>
    <row r="11134" spans="8:8">
      <c r="H11134" s="12"/>
    </row>
    <row r="11135" spans="8:8">
      <c r="H11135" s="12"/>
    </row>
    <row r="11136" spans="8:8">
      <c r="H11136" s="12"/>
    </row>
    <row r="11137" spans="8:8">
      <c r="H11137" s="12"/>
    </row>
    <row r="11138" spans="8:8">
      <c r="H11138" s="12"/>
    </row>
    <row r="11139" spans="8:8">
      <c r="H11139" s="12"/>
    </row>
    <row r="11140" spans="8:8">
      <c r="H11140" s="12"/>
    </row>
    <row r="11141" spans="8:8">
      <c r="H11141" s="12"/>
    </row>
    <row r="11142" spans="8:8">
      <c r="H11142" s="12"/>
    </row>
    <row r="11143" spans="8:8">
      <c r="H11143" s="12"/>
    </row>
    <row r="11144" spans="8:8">
      <c r="H11144" s="12"/>
    </row>
    <row r="11145" spans="8:8">
      <c r="H11145" s="12"/>
    </row>
    <row r="11146" spans="8:8">
      <c r="H11146" s="12"/>
    </row>
    <row r="11147" spans="8:8">
      <c r="H11147" s="12"/>
    </row>
    <row r="11148" spans="8:8">
      <c r="H11148" s="12"/>
    </row>
    <row r="11149" spans="8:8">
      <c r="H11149" s="12"/>
    </row>
    <row r="11150" spans="8:8">
      <c r="H11150" s="12"/>
    </row>
    <row r="11151" spans="8:8">
      <c r="H11151" s="12"/>
    </row>
    <row r="11152" spans="8:8">
      <c r="H11152" s="12"/>
    </row>
    <row r="11153" spans="8:8">
      <c r="H11153" s="12"/>
    </row>
    <row r="11154" spans="8:8">
      <c r="H11154" s="12"/>
    </row>
    <row r="11155" spans="8:8">
      <c r="H11155" s="12"/>
    </row>
    <row r="11156" spans="8:8">
      <c r="H11156" s="12"/>
    </row>
    <row r="11157" spans="8:8">
      <c r="H11157" s="12"/>
    </row>
    <row r="11158" spans="8:8">
      <c r="H11158" s="12"/>
    </row>
    <row r="11159" spans="8:8">
      <c r="H11159" s="12"/>
    </row>
    <row r="11160" spans="8:8">
      <c r="H11160" s="12"/>
    </row>
    <row r="11161" spans="8:8">
      <c r="H11161" s="12"/>
    </row>
    <row r="11162" spans="8:8">
      <c r="H11162" s="12"/>
    </row>
    <row r="11163" spans="8:8">
      <c r="H11163" s="12"/>
    </row>
    <row r="11164" spans="8:8">
      <c r="H11164" s="12"/>
    </row>
    <row r="11165" spans="8:8">
      <c r="H11165" s="12"/>
    </row>
    <row r="11166" spans="8:8">
      <c r="H11166" s="12"/>
    </row>
    <row r="11167" spans="8:8">
      <c r="H11167" s="12"/>
    </row>
    <row r="11168" spans="8:8">
      <c r="H11168" s="12"/>
    </row>
    <row r="11169" spans="8:8">
      <c r="H11169" s="12"/>
    </row>
    <row r="11170" spans="8:8">
      <c r="H11170" s="12"/>
    </row>
    <row r="11171" spans="8:8">
      <c r="H11171" s="12"/>
    </row>
    <row r="11172" spans="8:8">
      <c r="H11172" s="12"/>
    </row>
    <row r="11173" spans="8:8">
      <c r="H11173" s="12"/>
    </row>
    <row r="11174" spans="8:8">
      <c r="H11174" s="12"/>
    </row>
    <row r="11175" spans="8:8">
      <c r="H11175" s="12"/>
    </row>
    <row r="11176" spans="8:8">
      <c r="H11176" s="12"/>
    </row>
    <row r="11177" spans="8:8">
      <c r="H11177" s="12"/>
    </row>
    <row r="11178" spans="8:8">
      <c r="H11178" s="12"/>
    </row>
    <row r="11179" spans="8:8">
      <c r="H11179" s="12"/>
    </row>
    <row r="11180" spans="8:8">
      <c r="H11180" s="12"/>
    </row>
    <row r="11181" spans="8:8">
      <c r="H11181" s="12"/>
    </row>
    <row r="11182" spans="8:8">
      <c r="H11182" s="12"/>
    </row>
    <row r="11183" spans="8:8">
      <c r="H11183" s="12"/>
    </row>
    <row r="11184" spans="8:8">
      <c r="H11184" s="12"/>
    </row>
    <row r="11185" spans="8:8">
      <c r="H11185" s="12"/>
    </row>
    <row r="11186" spans="8:8">
      <c r="H11186" s="12"/>
    </row>
    <row r="11187" spans="8:8">
      <c r="H11187" s="12"/>
    </row>
    <row r="11188" spans="8:8">
      <c r="H11188" s="12"/>
    </row>
    <row r="11189" spans="8:8">
      <c r="H11189" s="12"/>
    </row>
    <row r="11190" spans="8:8">
      <c r="H11190" s="12"/>
    </row>
    <row r="11191" spans="8:8">
      <c r="H11191" s="12"/>
    </row>
    <row r="11192" spans="8:8">
      <c r="H11192" s="12"/>
    </row>
    <row r="11193" spans="8:8">
      <c r="H11193" s="12"/>
    </row>
    <row r="11194" spans="8:8">
      <c r="H11194" s="12"/>
    </row>
    <row r="11195" spans="8:8">
      <c r="H11195" s="12"/>
    </row>
    <row r="11196" spans="8:8">
      <c r="H11196" s="12"/>
    </row>
    <row r="11197" spans="8:8">
      <c r="H11197" s="12"/>
    </row>
    <row r="11198" spans="8:8">
      <c r="H11198" s="12"/>
    </row>
    <row r="11199" spans="8:8">
      <c r="H11199" s="12"/>
    </row>
    <row r="11200" spans="8:8">
      <c r="H11200" s="12"/>
    </row>
    <row r="11201" spans="8:8">
      <c r="H11201" s="12"/>
    </row>
    <row r="11202" spans="8:8">
      <c r="H11202" s="12"/>
    </row>
    <row r="11203" spans="8:8">
      <c r="H11203" s="12"/>
    </row>
    <row r="11204" spans="8:8">
      <c r="H11204" s="12"/>
    </row>
    <row r="11205" spans="8:8">
      <c r="H11205" s="12"/>
    </row>
    <row r="11206" spans="8:8">
      <c r="H11206" s="12"/>
    </row>
    <row r="11207" spans="8:8">
      <c r="H11207" s="12"/>
    </row>
    <row r="11208" spans="8:8">
      <c r="H11208" s="12"/>
    </row>
    <row r="11209" spans="8:8">
      <c r="H11209" s="12"/>
    </row>
    <row r="11210" spans="8:8">
      <c r="H11210" s="12"/>
    </row>
    <row r="11211" spans="8:8">
      <c r="H11211" s="12"/>
    </row>
    <row r="11212" spans="8:8">
      <c r="H11212" s="12"/>
    </row>
    <row r="11213" spans="8:8">
      <c r="H11213" s="12"/>
    </row>
    <row r="11214" spans="8:8">
      <c r="H11214" s="12"/>
    </row>
    <row r="11215" spans="8:8">
      <c r="H11215" s="12"/>
    </row>
    <row r="11216" spans="8:8">
      <c r="H11216" s="12"/>
    </row>
    <row r="11217" spans="8:8">
      <c r="H11217" s="12"/>
    </row>
    <row r="11218" spans="8:8">
      <c r="H11218" s="12"/>
    </row>
    <row r="11219" spans="8:8">
      <c r="H11219" s="12"/>
    </row>
    <row r="11220" spans="8:8">
      <c r="H11220" s="12"/>
    </row>
    <row r="11221" spans="8:8">
      <c r="H11221" s="12"/>
    </row>
    <row r="11222" spans="8:8">
      <c r="H11222" s="12"/>
    </row>
    <row r="11223" spans="8:8">
      <c r="H11223" s="12"/>
    </row>
    <row r="11224" spans="8:8">
      <c r="H11224" s="12"/>
    </row>
    <row r="11225" spans="8:8">
      <c r="H11225" s="12"/>
    </row>
    <row r="11226" spans="8:8">
      <c r="H11226" s="12"/>
    </row>
    <row r="11227" spans="8:8">
      <c r="H11227" s="12"/>
    </row>
    <row r="11228" spans="8:8">
      <c r="H11228" s="12"/>
    </row>
    <row r="11229" spans="8:8">
      <c r="H11229" s="12"/>
    </row>
    <row r="11230" spans="8:8">
      <c r="H11230" s="12"/>
    </row>
    <row r="11231" spans="8:8">
      <c r="H11231" s="12"/>
    </row>
    <row r="11232" spans="8:8">
      <c r="H11232" s="12"/>
    </row>
    <row r="11233" spans="8:8">
      <c r="H11233" s="12"/>
    </row>
    <row r="11234" spans="8:8">
      <c r="H11234" s="12"/>
    </row>
    <row r="11235" spans="8:8">
      <c r="H11235" s="12"/>
    </row>
    <row r="11236" spans="8:8">
      <c r="H11236" s="12"/>
    </row>
    <row r="11237" spans="8:8">
      <c r="H11237" s="12"/>
    </row>
    <row r="11238" spans="8:8">
      <c r="H11238" s="12"/>
    </row>
    <row r="11239" spans="8:8">
      <c r="H11239" s="12"/>
    </row>
    <row r="11240" spans="8:8">
      <c r="H11240" s="12"/>
    </row>
    <row r="11241" spans="8:8">
      <c r="H11241" s="12"/>
    </row>
    <row r="11242" spans="8:8">
      <c r="H11242" s="12"/>
    </row>
    <row r="11243" spans="8:8">
      <c r="H11243" s="12"/>
    </row>
    <row r="11244" spans="8:8">
      <c r="H11244" s="12"/>
    </row>
    <row r="11245" spans="8:8">
      <c r="H11245" s="12"/>
    </row>
    <row r="11246" spans="8:8">
      <c r="H11246" s="12"/>
    </row>
    <row r="11247" spans="8:8">
      <c r="H11247" s="12"/>
    </row>
    <row r="11248" spans="8:8">
      <c r="H11248" s="12"/>
    </row>
    <row r="11249" spans="8:8">
      <c r="H11249" s="12"/>
    </row>
    <row r="11250" spans="8:8">
      <c r="H11250" s="12"/>
    </row>
    <row r="11251" spans="8:8">
      <c r="H11251" s="12"/>
    </row>
    <row r="11252" spans="8:8">
      <c r="H11252" s="12"/>
    </row>
    <row r="11253" spans="8:8">
      <c r="H11253" s="12"/>
    </row>
    <row r="11254" spans="8:8">
      <c r="H11254" s="12"/>
    </row>
    <row r="11255" spans="8:8">
      <c r="H11255" s="12"/>
    </row>
    <row r="11256" spans="8:8">
      <c r="H11256" s="12"/>
    </row>
    <row r="11257" spans="8:8">
      <c r="H11257" s="12"/>
    </row>
    <row r="11258" spans="8:8">
      <c r="H11258" s="12"/>
    </row>
    <row r="11259" spans="8:8">
      <c r="H11259" s="12"/>
    </row>
    <row r="11260" spans="8:8">
      <c r="H11260" s="12"/>
    </row>
    <row r="11261" spans="8:8">
      <c r="H11261" s="12"/>
    </row>
    <row r="11262" spans="8:8">
      <c r="H11262" s="12"/>
    </row>
    <row r="11263" spans="8:8">
      <c r="H11263" s="12"/>
    </row>
    <row r="11264" spans="8:8">
      <c r="H11264" s="12"/>
    </row>
    <row r="11265" spans="8:8">
      <c r="H11265" s="12"/>
    </row>
    <row r="11266" spans="8:8">
      <c r="H11266" s="12"/>
    </row>
    <row r="11267" spans="8:8">
      <c r="H11267" s="12"/>
    </row>
    <row r="11268" spans="8:8">
      <c r="H11268" s="12"/>
    </row>
    <row r="11269" spans="8:8">
      <c r="H11269" s="12"/>
    </row>
    <row r="11270" spans="8:8">
      <c r="H11270" s="12"/>
    </row>
    <row r="11271" spans="8:8">
      <c r="H11271" s="12"/>
    </row>
    <row r="11272" spans="8:8">
      <c r="H11272" s="12"/>
    </row>
    <row r="11273" spans="8:8">
      <c r="H11273" s="12"/>
    </row>
    <row r="11274" spans="8:8">
      <c r="H11274" s="12"/>
    </row>
    <row r="11275" spans="8:8">
      <c r="H11275" s="12"/>
    </row>
    <row r="11276" spans="8:8">
      <c r="H11276" s="12"/>
    </row>
    <row r="11277" spans="8:8">
      <c r="H11277" s="12"/>
    </row>
    <row r="11278" spans="8:8">
      <c r="H11278" s="12"/>
    </row>
    <row r="11279" spans="8:8">
      <c r="H11279" s="12"/>
    </row>
    <row r="11280" spans="8:8">
      <c r="H11280" s="12"/>
    </row>
    <row r="11281" spans="8:8">
      <c r="H11281" s="12"/>
    </row>
    <row r="11282" spans="8:8">
      <c r="H11282" s="12"/>
    </row>
    <row r="11283" spans="8:8">
      <c r="H11283" s="12"/>
    </row>
    <row r="11284" spans="8:8">
      <c r="H11284" s="12"/>
    </row>
    <row r="11285" spans="8:8">
      <c r="H11285" s="12"/>
    </row>
    <row r="11286" spans="8:8">
      <c r="H11286" s="12"/>
    </row>
    <row r="11287" spans="8:8">
      <c r="H11287" s="12"/>
    </row>
    <row r="11288" spans="8:8">
      <c r="H11288" s="12"/>
    </row>
    <row r="11289" spans="8:8">
      <c r="H11289" s="12"/>
    </row>
    <row r="11290" spans="8:8">
      <c r="H11290" s="12"/>
    </row>
    <row r="11291" spans="8:8">
      <c r="H11291" s="12"/>
    </row>
    <row r="11292" spans="8:8">
      <c r="H11292" s="12"/>
    </row>
    <row r="11293" spans="8:8">
      <c r="H11293" s="12"/>
    </row>
    <row r="11294" spans="8:8">
      <c r="H11294" s="12"/>
    </row>
    <row r="11295" spans="8:8">
      <c r="H11295" s="12"/>
    </row>
    <row r="11296" spans="8:8">
      <c r="H11296" s="12"/>
    </row>
    <row r="11297" spans="8:8">
      <c r="H11297" s="12"/>
    </row>
    <row r="11298" spans="8:8">
      <c r="H11298" s="12"/>
    </row>
    <row r="11299" spans="8:8">
      <c r="H11299" s="12"/>
    </row>
    <row r="11300" spans="8:8">
      <c r="H11300" s="12"/>
    </row>
    <row r="11301" spans="8:8">
      <c r="H11301" s="12"/>
    </row>
    <row r="11302" spans="8:8">
      <c r="H11302" s="12"/>
    </row>
    <row r="11303" spans="8:8">
      <c r="H11303" s="12"/>
    </row>
    <row r="11304" spans="8:8">
      <c r="H11304" s="12"/>
    </row>
    <row r="11305" spans="8:8">
      <c r="H11305" s="12"/>
    </row>
    <row r="11306" spans="8:8">
      <c r="H11306" s="12"/>
    </row>
    <row r="11307" spans="8:8">
      <c r="H11307" s="12"/>
    </row>
    <row r="11308" spans="8:8">
      <c r="H11308" s="12"/>
    </row>
    <row r="11309" spans="8:8">
      <c r="H11309" s="12"/>
    </row>
    <row r="11310" spans="8:8">
      <c r="H11310" s="12"/>
    </row>
    <row r="11311" spans="8:8">
      <c r="H11311" s="12"/>
    </row>
    <row r="11312" spans="8:8">
      <c r="H11312" s="12"/>
    </row>
    <row r="11313" spans="8:8">
      <c r="H11313" s="12"/>
    </row>
    <row r="11314" spans="8:8">
      <c r="H11314" s="12"/>
    </row>
    <row r="11315" spans="8:8">
      <c r="H11315" s="12"/>
    </row>
    <row r="11316" spans="8:8">
      <c r="H11316" s="12"/>
    </row>
    <row r="11317" spans="8:8">
      <c r="H11317" s="12"/>
    </row>
    <row r="11318" spans="8:8">
      <c r="H11318" s="12"/>
    </row>
    <row r="11319" spans="8:8">
      <c r="H11319" s="12"/>
    </row>
    <row r="11320" spans="8:8">
      <c r="H11320" s="12"/>
    </row>
    <row r="11321" spans="8:8">
      <c r="H11321" s="12"/>
    </row>
    <row r="11322" spans="8:8">
      <c r="H11322" s="12"/>
    </row>
    <row r="11323" spans="8:8">
      <c r="H11323" s="12"/>
    </row>
    <row r="11324" spans="8:8">
      <c r="H11324" s="12"/>
    </row>
    <row r="11325" spans="8:8">
      <c r="H11325" s="12"/>
    </row>
    <row r="11326" spans="8:8">
      <c r="H11326" s="12"/>
    </row>
    <row r="11327" spans="8:8">
      <c r="H11327" s="12"/>
    </row>
    <row r="11328" spans="8:8">
      <c r="H11328" s="12"/>
    </row>
    <row r="11329" spans="8:8">
      <c r="H11329" s="12"/>
    </row>
    <row r="11330" spans="8:8">
      <c r="H11330" s="12"/>
    </row>
    <row r="11331" spans="8:8">
      <c r="H11331" s="12"/>
    </row>
    <row r="11332" spans="8:8">
      <c r="H11332" s="12"/>
    </row>
    <row r="11333" spans="8:8">
      <c r="H11333" s="12"/>
    </row>
    <row r="11334" spans="8:8">
      <c r="H11334" s="12"/>
    </row>
    <row r="11335" spans="8:8">
      <c r="H11335" s="12"/>
    </row>
    <row r="11336" spans="8:8">
      <c r="H11336" s="12"/>
    </row>
    <row r="11337" spans="8:8">
      <c r="H11337" s="12"/>
    </row>
    <row r="11338" spans="8:8">
      <c r="H11338" s="12"/>
    </row>
    <row r="11339" spans="8:8">
      <c r="H11339" s="12"/>
    </row>
    <row r="11340" spans="8:8">
      <c r="H11340" s="12"/>
    </row>
    <row r="11341" spans="8:8">
      <c r="H11341" s="12"/>
    </row>
    <row r="11342" spans="8:8">
      <c r="H11342" s="12"/>
    </row>
    <row r="11343" spans="8:8">
      <c r="H11343" s="12"/>
    </row>
    <row r="11344" spans="8:8">
      <c r="H11344" s="12"/>
    </row>
    <row r="11345" spans="8:8">
      <c r="H11345" s="12"/>
    </row>
    <row r="11346" spans="8:8">
      <c r="H11346" s="12"/>
    </row>
    <row r="11347" spans="8:8">
      <c r="H11347" s="12"/>
    </row>
    <row r="11348" spans="8:8">
      <c r="H11348" s="12"/>
    </row>
    <row r="11349" spans="8:8">
      <c r="H11349" s="12"/>
    </row>
    <row r="11350" spans="8:8">
      <c r="H11350" s="12"/>
    </row>
    <row r="11351" spans="8:8">
      <c r="H11351" s="12"/>
    </row>
    <row r="11352" spans="8:8">
      <c r="H11352" s="12"/>
    </row>
    <row r="11353" spans="8:8">
      <c r="H11353" s="12"/>
    </row>
    <row r="11354" spans="8:8">
      <c r="H11354" s="12"/>
    </row>
    <row r="11355" spans="8:8">
      <c r="H11355" s="12"/>
    </row>
    <row r="11356" spans="8:8">
      <c r="H11356" s="12"/>
    </row>
    <row r="11357" spans="8:8">
      <c r="H11357" s="12"/>
    </row>
    <row r="11358" spans="8:8">
      <c r="H11358" s="12"/>
    </row>
    <row r="11359" spans="8:8">
      <c r="H11359" s="12"/>
    </row>
    <row r="11360" spans="8:8">
      <c r="H11360" s="12"/>
    </row>
    <row r="11361" spans="8:8">
      <c r="H11361" s="12"/>
    </row>
    <row r="11362" spans="8:8">
      <c r="H11362" s="12"/>
    </row>
    <row r="11363" spans="8:8">
      <c r="H11363" s="12"/>
    </row>
    <row r="11364" spans="8:8">
      <c r="H11364" s="12"/>
    </row>
    <row r="11365" spans="8:8">
      <c r="H11365" s="12"/>
    </row>
    <row r="11366" spans="8:8">
      <c r="H11366" s="12"/>
    </row>
    <row r="11367" spans="8:8">
      <c r="H11367" s="12"/>
    </row>
    <row r="11368" spans="8:8">
      <c r="H11368" s="12"/>
    </row>
    <row r="11369" spans="8:8">
      <c r="H11369" s="12"/>
    </row>
    <row r="11370" spans="8:8">
      <c r="H11370" s="12"/>
    </row>
    <row r="11371" spans="8:8">
      <c r="H11371" s="12"/>
    </row>
    <row r="11372" spans="8:8">
      <c r="H11372" s="12"/>
    </row>
    <row r="11373" spans="8:8">
      <c r="H11373" s="12"/>
    </row>
    <row r="11374" spans="8:8">
      <c r="H11374" s="12"/>
    </row>
    <row r="11375" spans="8:8">
      <c r="H11375" s="12"/>
    </row>
    <row r="11376" spans="8:8">
      <c r="H11376" s="12"/>
    </row>
    <row r="11377" spans="8:8">
      <c r="H11377" s="12"/>
    </row>
    <row r="11378" spans="8:8">
      <c r="H11378" s="12"/>
    </row>
    <row r="11379" spans="8:8">
      <c r="H11379" s="12"/>
    </row>
    <row r="11380" spans="8:8">
      <c r="H11380" s="12"/>
    </row>
    <row r="11381" spans="8:8">
      <c r="H11381" s="12"/>
    </row>
    <row r="11382" spans="8:8">
      <c r="H11382" s="12"/>
    </row>
    <row r="11383" spans="8:8">
      <c r="H11383" s="12"/>
    </row>
    <row r="11384" spans="8:8">
      <c r="H11384" s="12"/>
    </row>
    <row r="11385" spans="8:8">
      <c r="H11385" s="12"/>
    </row>
    <row r="11386" spans="8:8">
      <c r="H11386" s="12"/>
    </row>
    <row r="11387" spans="8:8">
      <c r="H11387" s="12"/>
    </row>
    <row r="11388" spans="8:8">
      <c r="H11388" s="12"/>
    </row>
    <row r="11389" spans="8:8">
      <c r="H11389" s="12"/>
    </row>
    <row r="11390" spans="8:8">
      <c r="H11390" s="12"/>
    </row>
    <row r="11391" spans="8:8">
      <c r="H11391" s="12"/>
    </row>
    <row r="11392" spans="8:8">
      <c r="H11392" s="12"/>
    </row>
    <row r="11393" spans="8:8">
      <c r="H11393" s="12"/>
    </row>
    <row r="11394" spans="8:8">
      <c r="H11394" s="12"/>
    </row>
    <row r="11395" spans="8:8">
      <c r="H11395" s="12"/>
    </row>
    <row r="11396" spans="8:8">
      <c r="H11396" s="12"/>
    </row>
    <row r="11397" spans="8:8">
      <c r="H11397" s="12"/>
    </row>
    <row r="11398" spans="8:8">
      <c r="H11398" s="12"/>
    </row>
    <row r="11399" spans="8:8">
      <c r="H11399" s="12"/>
    </row>
    <row r="11400" spans="8:8">
      <c r="H11400" s="12"/>
    </row>
    <row r="11401" spans="8:8">
      <c r="H11401" s="12"/>
    </row>
    <row r="11402" spans="8:8">
      <c r="H11402" s="12"/>
    </row>
    <row r="11403" spans="8:8">
      <c r="H11403" s="12"/>
    </row>
    <row r="11404" spans="8:8">
      <c r="H11404" s="12"/>
    </row>
    <row r="11405" spans="8:8">
      <c r="H11405" s="12"/>
    </row>
    <row r="11406" spans="8:8">
      <c r="H11406" s="12"/>
    </row>
    <row r="11407" spans="8:8">
      <c r="H11407" s="12"/>
    </row>
    <row r="11408" spans="8:8">
      <c r="H11408" s="12"/>
    </row>
    <row r="11409" spans="8:8">
      <c r="H11409" s="12"/>
    </row>
    <row r="11410" spans="8:8">
      <c r="H11410" s="12"/>
    </row>
    <row r="11411" spans="8:8">
      <c r="H11411" s="12"/>
    </row>
    <row r="11412" spans="8:8">
      <c r="H11412" s="12"/>
    </row>
    <row r="11413" spans="8:8">
      <c r="H11413" s="12"/>
    </row>
    <row r="11414" spans="8:8">
      <c r="H11414" s="12"/>
    </row>
    <row r="11415" spans="8:8">
      <c r="H11415" s="12"/>
    </row>
    <row r="11416" spans="8:8">
      <c r="H11416" s="12"/>
    </row>
    <row r="11417" spans="8:8">
      <c r="H11417" s="12"/>
    </row>
    <row r="11418" spans="8:8">
      <c r="H11418" s="12"/>
    </row>
    <row r="11419" spans="8:8">
      <c r="H11419" s="12"/>
    </row>
    <row r="11420" spans="8:8">
      <c r="H11420" s="12"/>
    </row>
    <row r="11421" spans="8:8">
      <c r="H11421" s="12"/>
    </row>
    <row r="11422" spans="8:8">
      <c r="H11422" s="12"/>
    </row>
    <row r="11423" spans="8:8">
      <c r="H11423" s="12"/>
    </row>
    <row r="11424" spans="8:8">
      <c r="H11424" s="12"/>
    </row>
    <row r="11425" spans="8:8">
      <c r="H11425" s="12"/>
    </row>
    <row r="11426" spans="8:8">
      <c r="H11426" s="12"/>
    </row>
    <row r="11427" spans="8:8">
      <c r="H11427" s="12"/>
    </row>
    <row r="11428" spans="8:8">
      <c r="H11428" s="12"/>
    </row>
    <row r="11429" spans="8:8">
      <c r="H11429" s="12"/>
    </row>
    <row r="11430" spans="8:8">
      <c r="H11430" s="12"/>
    </row>
    <row r="11431" spans="8:8">
      <c r="H11431" s="12"/>
    </row>
    <row r="11432" spans="8:8">
      <c r="H11432" s="12"/>
    </row>
    <row r="11433" spans="8:8">
      <c r="H11433" s="12"/>
    </row>
    <row r="11434" spans="8:8">
      <c r="H11434" s="12"/>
    </row>
    <row r="11435" spans="8:8">
      <c r="H11435" s="12"/>
    </row>
    <row r="11436" spans="8:8">
      <c r="H11436" s="12"/>
    </row>
    <row r="11437" spans="8:8">
      <c r="H11437" s="12"/>
    </row>
    <row r="11438" spans="8:8">
      <c r="H11438" s="12"/>
    </row>
    <row r="11439" spans="8:8">
      <c r="H11439" s="12"/>
    </row>
    <row r="11440" spans="8:8">
      <c r="H11440" s="12"/>
    </row>
    <row r="11441" spans="8:8">
      <c r="H11441" s="12"/>
    </row>
    <row r="11442" spans="8:8">
      <c r="H11442" s="12"/>
    </row>
    <row r="11443" spans="8:8">
      <c r="H11443" s="12"/>
    </row>
    <row r="11444" spans="8:8">
      <c r="H11444" s="12"/>
    </row>
    <row r="11445" spans="8:8">
      <c r="H11445" s="12"/>
    </row>
    <row r="11446" spans="8:8">
      <c r="H11446" s="12"/>
    </row>
    <row r="11447" spans="8:8">
      <c r="H11447" s="12"/>
    </row>
    <row r="11448" spans="8:8">
      <c r="H11448" s="12"/>
    </row>
    <row r="11449" spans="8:8">
      <c r="H11449" s="12"/>
    </row>
    <row r="11450" spans="8:8">
      <c r="H11450" s="12"/>
    </row>
    <row r="11451" spans="8:8">
      <c r="H11451" s="12"/>
    </row>
    <row r="11452" spans="8:8">
      <c r="H11452" s="12"/>
    </row>
    <row r="11453" spans="8:8">
      <c r="H11453" s="12"/>
    </row>
    <row r="11454" spans="8:8">
      <c r="H11454" s="12"/>
    </row>
    <row r="11455" spans="8:8">
      <c r="H11455" s="12"/>
    </row>
    <row r="11456" spans="8:8">
      <c r="H11456" s="12"/>
    </row>
    <row r="11457" spans="8:8">
      <c r="H11457" s="12"/>
    </row>
    <row r="11458" spans="8:8">
      <c r="H11458" s="12"/>
    </row>
    <row r="11459" spans="8:8">
      <c r="H11459" s="12"/>
    </row>
    <row r="11460" spans="8:8">
      <c r="H11460" s="12"/>
    </row>
    <row r="11461" spans="8:8">
      <c r="H11461" s="12"/>
    </row>
    <row r="11462" spans="8:8">
      <c r="H11462" s="12"/>
    </row>
    <row r="11463" spans="8:8">
      <c r="H11463" s="12"/>
    </row>
    <row r="11464" spans="8:8">
      <c r="H11464" s="12"/>
    </row>
    <row r="11465" spans="8:8">
      <c r="H11465" s="12"/>
    </row>
    <row r="11466" spans="8:8">
      <c r="H11466" s="12"/>
    </row>
    <row r="11467" spans="8:8">
      <c r="H11467" s="12"/>
    </row>
    <row r="11468" spans="8:8">
      <c r="H11468" s="12"/>
    </row>
    <row r="11469" spans="8:8">
      <c r="H11469" s="12"/>
    </row>
    <row r="11470" spans="8:8">
      <c r="H11470" s="12"/>
    </row>
    <row r="11471" spans="8:8">
      <c r="H11471" s="12"/>
    </row>
    <row r="11472" spans="8:8">
      <c r="H11472" s="12"/>
    </row>
    <row r="11473" spans="8:8">
      <c r="H11473" s="12"/>
    </row>
    <row r="11474" spans="8:8">
      <c r="H11474" s="12"/>
    </row>
    <row r="11475" spans="8:8">
      <c r="H11475" s="12"/>
    </row>
    <row r="11476" spans="8:8">
      <c r="H11476" s="12"/>
    </row>
    <row r="11477" spans="8:8">
      <c r="H11477" s="12"/>
    </row>
    <row r="11478" spans="8:8">
      <c r="H11478" s="12"/>
    </row>
    <row r="11479" spans="8:8">
      <c r="H11479" s="12"/>
    </row>
    <row r="11480" spans="8:8">
      <c r="H11480" s="12"/>
    </row>
    <row r="11481" spans="8:8">
      <c r="H11481" s="12"/>
    </row>
    <row r="11482" spans="8:8">
      <c r="H11482" s="12"/>
    </row>
    <row r="11483" spans="8:8">
      <c r="H11483" s="12"/>
    </row>
    <row r="11484" spans="8:8">
      <c r="H11484" s="12"/>
    </row>
    <row r="11485" spans="8:8">
      <c r="H11485" s="12"/>
    </row>
    <row r="11486" spans="8:8">
      <c r="H11486" s="12"/>
    </row>
    <row r="11487" spans="8:8">
      <c r="H11487" s="12"/>
    </row>
    <row r="11488" spans="8:8">
      <c r="H11488" s="12"/>
    </row>
    <row r="11489" spans="8:8">
      <c r="H11489" s="12"/>
    </row>
    <row r="11490" spans="8:8">
      <c r="H11490" s="12"/>
    </row>
    <row r="11491" spans="8:8">
      <c r="H11491" s="12"/>
    </row>
    <row r="11492" spans="8:8">
      <c r="H11492" s="12"/>
    </row>
    <row r="11493" spans="8:8">
      <c r="H11493" s="12"/>
    </row>
    <row r="11494" spans="8:8">
      <c r="H11494" s="12"/>
    </row>
    <row r="11495" spans="8:8">
      <c r="H11495" s="12"/>
    </row>
    <row r="11496" spans="8:8">
      <c r="H11496" s="12"/>
    </row>
    <row r="11497" spans="8:8">
      <c r="H11497" s="12"/>
    </row>
    <row r="11498" spans="8:8">
      <c r="H11498" s="12"/>
    </row>
    <row r="11499" spans="8:8">
      <c r="H11499" s="12"/>
    </row>
    <row r="11500" spans="8:8">
      <c r="H11500" s="12"/>
    </row>
    <row r="11501" spans="8:8">
      <c r="H11501" s="12"/>
    </row>
    <row r="11502" spans="8:8">
      <c r="H11502" s="12"/>
    </row>
    <row r="11503" spans="8:8">
      <c r="H11503" s="12"/>
    </row>
    <row r="11504" spans="8:8">
      <c r="H11504" s="12"/>
    </row>
    <row r="11505" spans="8:8">
      <c r="H11505" s="12"/>
    </row>
    <row r="11506" spans="8:8">
      <c r="H11506" s="12"/>
    </row>
    <row r="11507" spans="8:8">
      <c r="H11507" s="12"/>
    </row>
    <row r="11508" spans="8:8">
      <c r="H11508" s="12"/>
    </row>
    <row r="11509" spans="8:8">
      <c r="H11509" s="12"/>
    </row>
    <row r="11510" spans="8:8">
      <c r="H11510" s="12"/>
    </row>
    <row r="11511" spans="8:8">
      <c r="H11511" s="12"/>
    </row>
    <row r="11512" spans="8:8">
      <c r="H11512" s="12"/>
    </row>
    <row r="11513" spans="8:8">
      <c r="H11513" s="12"/>
    </row>
    <row r="11514" spans="8:8">
      <c r="H11514" s="12"/>
    </row>
    <row r="11515" spans="8:8">
      <c r="H11515" s="12"/>
    </row>
    <row r="11516" spans="8:8">
      <c r="H11516" s="12"/>
    </row>
    <row r="11517" spans="8:8">
      <c r="H11517" s="12"/>
    </row>
    <row r="11518" spans="8:8">
      <c r="H11518" s="12"/>
    </row>
    <row r="11519" spans="8:8">
      <c r="H11519" s="12"/>
    </row>
    <row r="11520" spans="8:8">
      <c r="H11520" s="12"/>
    </row>
    <row r="11521" spans="8:8">
      <c r="H11521" s="12"/>
    </row>
    <row r="11522" spans="8:8">
      <c r="H11522" s="12"/>
    </row>
    <row r="11523" spans="8:8">
      <c r="H11523" s="12"/>
    </row>
    <row r="11524" spans="8:8">
      <c r="H11524" s="12"/>
    </row>
    <row r="11525" spans="8:8">
      <c r="H11525" s="12"/>
    </row>
    <row r="11526" spans="8:8">
      <c r="H11526" s="12"/>
    </row>
    <row r="11527" spans="8:8">
      <c r="H11527" s="12"/>
    </row>
    <row r="11528" spans="8:8">
      <c r="H11528" s="12"/>
    </row>
    <row r="11529" spans="8:8">
      <c r="H11529" s="12"/>
    </row>
    <row r="11530" spans="8:8">
      <c r="H11530" s="12"/>
    </row>
    <row r="11531" spans="8:8">
      <c r="H11531" s="12"/>
    </row>
    <row r="11532" spans="8:8">
      <c r="H11532" s="12"/>
    </row>
    <row r="11533" spans="8:8">
      <c r="H11533" s="12"/>
    </row>
    <row r="11534" spans="8:8">
      <c r="H11534" s="12"/>
    </row>
    <row r="11535" spans="8:8">
      <c r="H11535" s="12"/>
    </row>
    <row r="11536" spans="8:8">
      <c r="H11536" s="12"/>
    </row>
    <row r="11537" spans="8:8">
      <c r="H11537" s="12"/>
    </row>
    <row r="11538" spans="8:8">
      <c r="H11538" s="12"/>
    </row>
    <row r="11539" spans="8:8">
      <c r="H11539" s="12"/>
    </row>
    <row r="11540" spans="8:8">
      <c r="H11540" s="12"/>
    </row>
    <row r="11541" spans="8:8">
      <c r="H11541" s="12"/>
    </row>
    <row r="11542" spans="8:8">
      <c r="H11542" s="12"/>
    </row>
    <row r="11543" spans="8:8">
      <c r="H11543" s="12"/>
    </row>
    <row r="11544" spans="8:8">
      <c r="H11544" s="12"/>
    </row>
    <row r="11545" spans="8:8">
      <c r="H11545" s="12"/>
    </row>
    <row r="11546" spans="8:8">
      <c r="H11546" s="12"/>
    </row>
    <row r="11547" spans="8:8">
      <c r="H11547" s="12"/>
    </row>
    <row r="11548" spans="8:8">
      <c r="H11548" s="12"/>
    </row>
    <row r="11549" spans="8:8">
      <c r="H11549" s="12"/>
    </row>
    <row r="11550" spans="8:8">
      <c r="H11550" s="12"/>
    </row>
    <row r="11551" spans="8:8">
      <c r="H11551" s="12"/>
    </row>
    <row r="11552" spans="8:8">
      <c r="H11552" s="12"/>
    </row>
    <row r="11553" spans="8:8">
      <c r="H11553" s="12"/>
    </row>
    <row r="11554" spans="8:8">
      <c r="H11554" s="12"/>
    </row>
    <row r="11555" spans="8:8">
      <c r="H11555" s="12"/>
    </row>
    <row r="11556" spans="8:8">
      <c r="H11556" s="12"/>
    </row>
    <row r="11557" spans="8:8">
      <c r="H11557" s="12"/>
    </row>
    <row r="11558" spans="8:8">
      <c r="H11558" s="12"/>
    </row>
    <row r="11559" spans="8:8">
      <c r="H11559" s="12"/>
    </row>
    <row r="11560" spans="8:8">
      <c r="H11560" s="12"/>
    </row>
    <row r="11561" spans="8:8">
      <c r="H11561" s="12"/>
    </row>
    <row r="11562" spans="8:8">
      <c r="H11562" s="12"/>
    </row>
    <row r="11563" spans="8:8">
      <c r="H11563" s="12"/>
    </row>
    <row r="11564" spans="8:8">
      <c r="H11564" s="12"/>
    </row>
    <row r="11565" spans="8:8">
      <c r="H11565" s="12"/>
    </row>
    <row r="11566" spans="8:8">
      <c r="H11566" s="12"/>
    </row>
    <row r="11567" spans="8:8">
      <c r="H11567" s="12"/>
    </row>
    <row r="11568" spans="8:8">
      <c r="H11568" s="12"/>
    </row>
    <row r="11569" spans="8:8">
      <c r="H11569" s="12"/>
    </row>
    <row r="11570" spans="8:8">
      <c r="H11570" s="12"/>
    </row>
    <row r="11571" spans="8:8">
      <c r="H11571" s="12"/>
    </row>
    <row r="11572" spans="8:8">
      <c r="H11572" s="12"/>
    </row>
    <row r="11573" spans="8:8">
      <c r="H11573" s="12"/>
    </row>
    <row r="11574" spans="8:8">
      <c r="H11574" s="12"/>
    </row>
    <row r="11575" spans="8:8">
      <c r="H11575" s="12"/>
    </row>
    <row r="11576" spans="8:8">
      <c r="H11576" s="12"/>
    </row>
    <row r="11577" spans="8:8">
      <c r="H11577" s="12"/>
    </row>
    <row r="11578" spans="8:8">
      <c r="H11578" s="12"/>
    </row>
    <row r="11579" spans="8:8">
      <c r="H11579" s="12"/>
    </row>
    <row r="11580" spans="8:8">
      <c r="H11580" s="12"/>
    </row>
    <row r="11581" spans="8:8">
      <c r="H11581" s="12"/>
    </row>
    <row r="11582" spans="8:8">
      <c r="H11582" s="12"/>
    </row>
    <row r="11583" spans="8:8">
      <c r="H11583" s="12"/>
    </row>
    <row r="11584" spans="8:8">
      <c r="H11584" s="12"/>
    </row>
    <row r="11585" spans="8:8">
      <c r="H11585" s="12"/>
    </row>
    <row r="11586" spans="8:8">
      <c r="H11586" s="12"/>
    </row>
    <row r="11587" spans="8:8">
      <c r="H11587" s="12"/>
    </row>
    <row r="11588" spans="8:8">
      <c r="H11588" s="12"/>
    </row>
    <row r="11589" spans="8:8">
      <c r="H11589" s="12"/>
    </row>
    <row r="11590" spans="8:8">
      <c r="H11590" s="12"/>
    </row>
    <row r="11591" spans="8:8">
      <c r="H11591" s="12"/>
    </row>
    <row r="11592" spans="8:8">
      <c r="H11592" s="12"/>
    </row>
    <row r="11593" spans="8:8">
      <c r="H11593" s="12"/>
    </row>
    <row r="11594" spans="8:8">
      <c r="H11594" s="12"/>
    </row>
    <row r="11595" spans="8:8">
      <c r="H11595" s="12"/>
    </row>
    <row r="11596" spans="8:8">
      <c r="H11596" s="12"/>
    </row>
    <row r="11597" spans="8:8">
      <c r="H11597" s="12"/>
    </row>
    <row r="11598" spans="8:8">
      <c r="H11598" s="12"/>
    </row>
    <row r="11599" spans="8:8">
      <c r="H11599" s="12"/>
    </row>
    <row r="11600" spans="8:8">
      <c r="H11600" s="12"/>
    </row>
    <row r="11601" spans="8:8">
      <c r="H11601" s="12"/>
    </row>
    <row r="11602" spans="8:8">
      <c r="H11602" s="12"/>
    </row>
    <row r="11603" spans="8:8">
      <c r="H11603" s="12"/>
    </row>
    <row r="11604" spans="8:8">
      <c r="H11604" s="12"/>
    </row>
    <row r="11605" spans="8:8">
      <c r="H11605" s="12"/>
    </row>
    <row r="11606" spans="8:8">
      <c r="H11606" s="12"/>
    </row>
    <row r="11607" spans="8:8">
      <c r="H11607" s="12"/>
    </row>
    <row r="11608" spans="8:8">
      <c r="H11608" s="12"/>
    </row>
    <row r="11609" spans="8:8">
      <c r="H11609" s="12"/>
    </row>
    <row r="11610" spans="8:8">
      <c r="H11610" s="12"/>
    </row>
    <row r="11611" spans="8:8">
      <c r="H11611" s="12"/>
    </row>
    <row r="11612" spans="8:8">
      <c r="H11612" s="12"/>
    </row>
    <row r="11613" spans="8:8">
      <c r="H11613" s="12"/>
    </row>
    <row r="11614" spans="8:8">
      <c r="H11614" s="12"/>
    </row>
    <row r="11615" spans="8:8">
      <c r="H11615" s="12"/>
    </row>
    <row r="11616" spans="8:8">
      <c r="H11616" s="12"/>
    </row>
    <row r="11617" spans="8:8">
      <c r="H11617" s="12"/>
    </row>
    <row r="11618" spans="8:8">
      <c r="H11618" s="12"/>
    </row>
    <row r="11619" spans="8:8">
      <c r="H11619" s="12"/>
    </row>
    <row r="11620" spans="8:8">
      <c r="H11620" s="12"/>
    </row>
    <row r="11621" spans="8:8">
      <c r="H11621" s="12"/>
    </row>
    <row r="11622" spans="8:8">
      <c r="H11622" s="12"/>
    </row>
    <row r="11623" spans="8:8">
      <c r="H11623" s="12"/>
    </row>
    <row r="11624" spans="8:8">
      <c r="H11624" s="12"/>
    </row>
    <row r="11625" spans="8:8">
      <c r="H11625" s="12"/>
    </row>
    <row r="11626" spans="8:8">
      <c r="H11626" s="12"/>
    </row>
    <row r="11627" spans="8:8">
      <c r="H11627" s="12"/>
    </row>
    <row r="11628" spans="8:8">
      <c r="H11628" s="12"/>
    </row>
    <row r="11629" spans="8:8">
      <c r="H11629" s="12"/>
    </row>
    <row r="11630" spans="8:8">
      <c r="H11630" s="12"/>
    </row>
    <row r="11631" spans="8:8">
      <c r="H11631" s="12"/>
    </row>
    <row r="11632" spans="8:8">
      <c r="H11632" s="12"/>
    </row>
    <row r="11633" spans="8:8">
      <c r="H11633" s="12"/>
    </row>
    <row r="11634" spans="8:8">
      <c r="H11634" s="12"/>
    </row>
    <row r="11635" spans="8:8">
      <c r="H11635" s="12"/>
    </row>
    <row r="11636" spans="8:8">
      <c r="H11636" s="12"/>
    </row>
    <row r="11637" spans="8:8">
      <c r="H11637" s="12"/>
    </row>
    <row r="11638" spans="8:8">
      <c r="H11638" s="12"/>
    </row>
    <row r="11639" spans="8:8">
      <c r="H11639" s="12"/>
    </row>
    <row r="11640" spans="8:8">
      <c r="H11640" s="12"/>
    </row>
    <row r="11641" spans="8:8">
      <c r="H11641" s="12"/>
    </row>
    <row r="11642" spans="8:8">
      <c r="H11642" s="12"/>
    </row>
    <row r="11643" spans="8:8">
      <c r="H11643" s="12"/>
    </row>
    <row r="11644" spans="8:8">
      <c r="H11644" s="12"/>
    </row>
    <row r="11645" spans="8:8">
      <c r="H11645" s="12"/>
    </row>
    <row r="11646" spans="8:8">
      <c r="H11646" s="12"/>
    </row>
    <row r="11647" spans="8:8">
      <c r="H11647" s="12"/>
    </row>
    <row r="11648" spans="8:8">
      <c r="H11648" s="12"/>
    </row>
    <row r="11649" spans="8:8">
      <c r="H11649" s="12"/>
    </row>
    <row r="11650" spans="8:8">
      <c r="H11650" s="12"/>
    </row>
    <row r="11651" spans="8:8">
      <c r="H11651" s="12"/>
    </row>
    <row r="11652" spans="8:8">
      <c r="H11652" s="12"/>
    </row>
    <row r="11653" spans="8:8">
      <c r="H11653" s="12"/>
    </row>
    <row r="11654" spans="8:8">
      <c r="H11654" s="12"/>
    </row>
    <row r="11655" spans="8:8">
      <c r="H11655" s="12"/>
    </row>
    <row r="11656" spans="8:8">
      <c r="H11656" s="12"/>
    </row>
    <row r="11657" spans="8:8">
      <c r="H11657" s="12"/>
    </row>
    <row r="11658" spans="8:8">
      <c r="H11658" s="12"/>
    </row>
    <row r="11659" spans="8:8">
      <c r="H11659" s="12"/>
    </row>
    <row r="11660" spans="8:8">
      <c r="H11660" s="12"/>
    </row>
    <row r="11661" spans="8:8">
      <c r="H11661" s="12"/>
    </row>
    <row r="11662" spans="8:8">
      <c r="H11662" s="12"/>
    </row>
    <row r="11663" spans="8:8">
      <c r="H11663" s="12"/>
    </row>
    <row r="11664" spans="8:8">
      <c r="H11664" s="12"/>
    </row>
    <row r="11665" spans="8:8">
      <c r="H11665" s="12"/>
    </row>
    <row r="11666" spans="8:8">
      <c r="H11666" s="12"/>
    </row>
    <row r="11667" spans="8:8">
      <c r="H11667" s="12"/>
    </row>
    <row r="11668" spans="8:8">
      <c r="H11668" s="12"/>
    </row>
    <row r="11669" spans="8:8">
      <c r="H11669" s="12"/>
    </row>
    <row r="11670" spans="8:8">
      <c r="H11670" s="12"/>
    </row>
    <row r="11671" spans="8:8">
      <c r="H11671" s="12"/>
    </row>
    <row r="11672" spans="8:8">
      <c r="H11672" s="12"/>
    </row>
    <row r="11673" spans="8:8">
      <c r="H11673" s="12"/>
    </row>
    <row r="11674" spans="8:8">
      <c r="H11674" s="12"/>
    </row>
    <row r="11675" spans="8:8">
      <c r="H11675" s="12"/>
    </row>
    <row r="11676" spans="8:8">
      <c r="H11676" s="12"/>
    </row>
    <row r="11677" spans="8:8">
      <c r="H11677" s="12"/>
    </row>
    <row r="11678" spans="8:8">
      <c r="H11678" s="12"/>
    </row>
    <row r="11679" spans="8:8">
      <c r="H11679" s="12"/>
    </row>
    <row r="11680" spans="8:8">
      <c r="H11680" s="12"/>
    </row>
    <row r="11681" spans="8:8">
      <c r="H11681" s="12"/>
    </row>
    <row r="11682" spans="8:8">
      <c r="H11682" s="12"/>
    </row>
    <row r="11683" spans="8:8">
      <c r="H11683" s="12"/>
    </row>
    <row r="11684" spans="8:8">
      <c r="H11684" s="12"/>
    </row>
    <row r="11685" spans="8:8">
      <c r="H11685" s="12"/>
    </row>
    <row r="11686" spans="8:8">
      <c r="H11686" s="12"/>
    </row>
    <row r="11687" spans="8:8">
      <c r="H11687" s="12"/>
    </row>
    <row r="11688" spans="8:8">
      <c r="H11688" s="12"/>
    </row>
    <row r="11689" spans="8:8">
      <c r="H11689" s="12"/>
    </row>
    <row r="11690" spans="8:8">
      <c r="H11690" s="12"/>
    </row>
    <row r="11691" spans="8:8">
      <c r="H11691" s="12"/>
    </row>
    <row r="11692" spans="8:8">
      <c r="H11692" s="12"/>
    </row>
    <row r="11693" spans="8:8">
      <c r="H11693" s="12"/>
    </row>
    <row r="11694" spans="8:8">
      <c r="H11694" s="12"/>
    </row>
    <row r="11695" spans="8:8">
      <c r="H11695" s="12"/>
    </row>
    <row r="11696" spans="8:8">
      <c r="H11696" s="12"/>
    </row>
    <row r="11697" spans="8:8">
      <c r="H11697" s="12"/>
    </row>
    <row r="11698" spans="8:8">
      <c r="H11698" s="12"/>
    </row>
    <row r="11699" spans="8:8">
      <c r="H11699" s="12"/>
    </row>
    <row r="11700" spans="8:8">
      <c r="H11700" s="12"/>
    </row>
    <row r="11701" spans="8:8">
      <c r="H11701" s="12"/>
    </row>
    <row r="11702" spans="8:8">
      <c r="H11702" s="12"/>
    </row>
    <row r="11703" spans="8:8">
      <c r="H11703" s="12"/>
    </row>
    <row r="11704" spans="8:8">
      <c r="H11704" s="12"/>
    </row>
    <row r="11705" spans="8:8">
      <c r="H11705" s="12"/>
    </row>
    <row r="11706" spans="8:8">
      <c r="H11706" s="12"/>
    </row>
    <row r="11707" spans="8:8">
      <c r="H11707" s="12"/>
    </row>
    <row r="11708" spans="8:8">
      <c r="H11708" s="12"/>
    </row>
    <row r="11709" spans="8:8">
      <c r="H11709" s="12"/>
    </row>
    <row r="11710" spans="8:8">
      <c r="H11710" s="12"/>
    </row>
    <row r="11711" spans="8:8">
      <c r="H11711" s="12"/>
    </row>
    <row r="11712" spans="8:8">
      <c r="H11712" s="12"/>
    </row>
    <row r="11713" spans="8:8">
      <c r="H11713" s="12"/>
    </row>
    <row r="11714" spans="8:8">
      <c r="H11714" s="12"/>
    </row>
    <row r="11715" spans="8:8">
      <c r="H11715" s="12"/>
    </row>
    <row r="11716" spans="8:8">
      <c r="H11716" s="12"/>
    </row>
    <row r="11717" spans="8:8">
      <c r="H11717" s="12"/>
    </row>
    <row r="11718" spans="8:8">
      <c r="H11718" s="12"/>
    </row>
    <row r="11719" spans="8:8">
      <c r="H11719" s="12"/>
    </row>
    <row r="11720" spans="8:8">
      <c r="H11720" s="12"/>
    </row>
    <row r="11721" spans="8:8">
      <c r="H11721" s="12"/>
    </row>
    <row r="11722" spans="8:8">
      <c r="H11722" s="12"/>
    </row>
    <row r="11723" spans="8:8">
      <c r="H11723" s="12"/>
    </row>
    <row r="11724" spans="8:8">
      <c r="H11724" s="12"/>
    </row>
    <row r="11725" spans="8:8">
      <c r="H11725" s="12"/>
    </row>
    <row r="11726" spans="8:8">
      <c r="H11726" s="12"/>
    </row>
    <row r="11727" spans="8:8">
      <c r="H11727" s="12"/>
    </row>
    <row r="11728" spans="8:8">
      <c r="H11728" s="12"/>
    </row>
    <row r="11729" spans="8:8">
      <c r="H11729" s="12"/>
    </row>
    <row r="11730" spans="8:8">
      <c r="H11730" s="12"/>
    </row>
    <row r="11731" spans="8:8">
      <c r="H11731" s="12"/>
    </row>
    <row r="11732" spans="8:8">
      <c r="H11732" s="12"/>
    </row>
    <row r="11733" spans="8:8">
      <c r="H11733" s="12"/>
    </row>
    <row r="11734" spans="8:8">
      <c r="H11734" s="12"/>
    </row>
    <row r="11735" spans="8:8">
      <c r="H11735" s="12"/>
    </row>
    <row r="11736" spans="8:8">
      <c r="H11736" s="12"/>
    </row>
    <row r="11737" spans="8:8">
      <c r="H11737" s="12"/>
    </row>
    <row r="11738" spans="8:8">
      <c r="H11738" s="12"/>
    </row>
    <row r="11739" spans="8:8">
      <c r="H11739" s="12"/>
    </row>
    <row r="11740" spans="8:8">
      <c r="H11740" s="12"/>
    </row>
    <row r="11741" spans="8:8">
      <c r="H11741" s="12"/>
    </row>
    <row r="11742" spans="8:8">
      <c r="H11742" s="12"/>
    </row>
    <row r="11743" spans="8:8">
      <c r="H11743" s="12"/>
    </row>
    <row r="11744" spans="8:8">
      <c r="H11744" s="12"/>
    </row>
    <row r="11745" spans="8:8">
      <c r="H11745" s="12"/>
    </row>
    <row r="11746" spans="8:8">
      <c r="H11746" s="12"/>
    </row>
    <row r="11747" spans="8:8">
      <c r="H11747" s="12"/>
    </row>
    <row r="11748" spans="8:8">
      <c r="H11748" s="12"/>
    </row>
    <row r="11749" spans="8:8">
      <c r="H11749" s="12"/>
    </row>
    <row r="11750" spans="8:8">
      <c r="H11750" s="12"/>
    </row>
    <row r="11751" spans="8:8">
      <c r="H11751" s="12"/>
    </row>
    <row r="11752" spans="8:8">
      <c r="H11752" s="12"/>
    </row>
    <row r="11753" spans="8:8">
      <c r="H11753" s="12"/>
    </row>
    <row r="11754" spans="8:8">
      <c r="H11754" s="12"/>
    </row>
    <row r="11755" spans="8:8">
      <c r="H11755" s="12"/>
    </row>
    <row r="11756" spans="8:8">
      <c r="H11756" s="12"/>
    </row>
    <row r="11757" spans="8:8">
      <c r="H11757" s="12"/>
    </row>
    <row r="11758" spans="8:8">
      <c r="H11758" s="12"/>
    </row>
    <row r="11759" spans="8:8">
      <c r="H11759" s="12"/>
    </row>
    <row r="11760" spans="8:8">
      <c r="H11760" s="12"/>
    </row>
    <row r="11761" spans="8:8">
      <c r="H11761" s="12"/>
    </row>
    <row r="11762" spans="8:8">
      <c r="H11762" s="12"/>
    </row>
    <row r="11763" spans="8:8">
      <c r="H11763" s="12"/>
    </row>
    <row r="11764" spans="8:8">
      <c r="H11764" s="12"/>
    </row>
    <row r="11765" spans="8:8">
      <c r="H11765" s="12"/>
    </row>
    <row r="11766" spans="8:8">
      <c r="H11766" s="12"/>
    </row>
    <row r="11767" spans="8:8">
      <c r="H11767" s="12"/>
    </row>
    <row r="11768" spans="8:8">
      <c r="H11768" s="12"/>
    </row>
    <row r="11769" spans="8:8">
      <c r="H11769" s="12"/>
    </row>
    <row r="11770" spans="8:8">
      <c r="H11770" s="12"/>
    </row>
    <row r="11771" spans="8:8">
      <c r="H11771" s="12"/>
    </row>
    <row r="11772" spans="8:8">
      <c r="H11772" s="12"/>
    </row>
    <row r="11773" spans="8:8">
      <c r="H11773" s="12"/>
    </row>
    <row r="11774" spans="8:8">
      <c r="H11774" s="12"/>
    </row>
    <row r="11775" spans="8:8">
      <c r="H11775" s="12"/>
    </row>
    <row r="11776" spans="8:8">
      <c r="H11776" s="12"/>
    </row>
    <row r="11777" spans="8:8">
      <c r="H11777" s="12"/>
    </row>
    <row r="11778" spans="8:8">
      <c r="H11778" s="12"/>
    </row>
    <row r="11779" spans="8:8">
      <c r="H11779" s="12"/>
    </row>
    <row r="11780" spans="8:8">
      <c r="H11780" s="12"/>
    </row>
    <row r="11781" spans="8:8">
      <c r="H11781" s="12"/>
    </row>
    <row r="11782" spans="8:8">
      <c r="H11782" s="12"/>
    </row>
    <row r="11783" spans="8:8">
      <c r="H11783" s="12"/>
    </row>
    <row r="11784" spans="8:8">
      <c r="H11784" s="12"/>
    </row>
    <row r="11785" spans="8:8">
      <c r="H11785" s="12"/>
    </row>
    <row r="11786" spans="8:8">
      <c r="H11786" s="12"/>
    </row>
    <row r="11787" spans="8:8">
      <c r="H11787" s="12"/>
    </row>
    <row r="11788" spans="8:8">
      <c r="H11788" s="12"/>
    </row>
    <row r="11789" spans="8:8">
      <c r="H11789" s="12"/>
    </row>
    <row r="11790" spans="8:8">
      <c r="H11790" s="12"/>
    </row>
    <row r="11791" spans="8:8">
      <c r="H11791" s="12"/>
    </row>
    <row r="11792" spans="8:8">
      <c r="H11792" s="12"/>
    </row>
    <row r="11793" spans="8:8">
      <c r="H11793" s="12"/>
    </row>
    <row r="11794" spans="8:8">
      <c r="H11794" s="12"/>
    </row>
    <row r="11795" spans="8:8">
      <c r="H11795" s="12"/>
    </row>
    <row r="11796" spans="8:8">
      <c r="H11796" s="12"/>
    </row>
    <row r="11797" spans="8:8">
      <c r="H11797" s="12"/>
    </row>
    <row r="11798" spans="8:8">
      <c r="H11798" s="12"/>
    </row>
    <row r="11799" spans="8:8">
      <c r="H11799" s="12"/>
    </row>
    <row r="11800" spans="8:8">
      <c r="H11800" s="12"/>
    </row>
    <row r="11801" spans="8:8">
      <c r="H11801" s="12"/>
    </row>
    <row r="11802" spans="8:8">
      <c r="H11802" s="12"/>
    </row>
    <row r="11803" spans="8:8">
      <c r="H11803" s="12"/>
    </row>
    <row r="11804" spans="8:8">
      <c r="H11804" s="12"/>
    </row>
    <row r="11805" spans="8:8">
      <c r="H11805" s="12"/>
    </row>
    <row r="11806" spans="8:8">
      <c r="H11806" s="12"/>
    </row>
    <row r="11807" spans="8:8">
      <c r="H11807" s="12"/>
    </row>
    <row r="11808" spans="8:8">
      <c r="H11808" s="12"/>
    </row>
    <row r="11809" spans="8:8">
      <c r="H11809" s="12"/>
    </row>
    <row r="11810" spans="8:8">
      <c r="H11810" s="12"/>
    </row>
    <row r="11811" spans="8:8">
      <c r="H11811" s="12"/>
    </row>
    <row r="11812" spans="8:8">
      <c r="H11812" s="12"/>
    </row>
    <row r="11813" spans="8:8">
      <c r="H11813" s="12"/>
    </row>
    <row r="11814" spans="8:8">
      <c r="H11814" s="12"/>
    </row>
    <row r="11815" spans="8:8">
      <c r="H11815" s="12"/>
    </row>
    <row r="11816" spans="8:8">
      <c r="H11816" s="12"/>
    </row>
    <row r="11817" spans="8:8">
      <c r="H11817" s="12"/>
    </row>
    <row r="11818" spans="8:8">
      <c r="H11818" s="12"/>
    </row>
    <row r="11819" spans="8:8">
      <c r="H11819" s="12"/>
    </row>
    <row r="11820" spans="8:8">
      <c r="H11820" s="12"/>
    </row>
    <row r="11821" spans="8:8">
      <c r="H11821" s="12"/>
    </row>
    <row r="11822" spans="8:8">
      <c r="H11822" s="12"/>
    </row>
    <row r="11823" spans="8:8">
      <c r="H11823" s="12"/>
    </row>
    <row r="11824" spans="8:8">
      <c r="H11824" s="12"/>
    </row>
    <row r="11825" spans="8:8">
      <c r="H11825" s="12"/>
    </row>
    <row r="11826" spans="8:8">
      <c r="H11826" s="12"/>
    </row>
    <row r="11827" spans="8:8">
      <c r="H11827" s="12"/>
    </row>
    <row r="11828" spans="8:8">
      <c r="H11828" s="12"/>
    </row>
    <row r="11829" spans="8:8">
      <c r="H11829" s="12"/>
    </row>
    <row r="11830" spans="8:8">
      <c r="H11830" s="12"/>
    </row>
    <row r="11831" spans="8:8">
      <c r="H11831" s="12"/>
    </row>
    <row r="11832" spans="8:8">
      <c r="H11832" s="12"/>
    </row>
    <row r="11833" spans="8:8">
      <c r="H11833" s="12"/>
    </row>
    <row r="11834" spans="8:8">
      <c r="H11834" s="12"/>
    </row>
    <row r="11835" spans="8:8">
      <c r="H11835" s="12"/>
    </row>
    <row r="11836" spans="8:8">
      <c r="H11836" s="12"/>
    </row>
    <row r="11837" spans="8:8">
      <c r="H11837" s="12"/>
    </row>
    <row r="11838" spans="8:8">
      <c r="H11838" s="12"/>
    </row>
    <row r="11839" spans="8:8">
      <c r="H11839" s="12"/>
    </row>
    <row r="11840" spans="8:8">
      <c r="H11840" s="12"/>
    </row>
    <row r="11841" spans="8:8">
      <c r="H11841" s="12"/>
    </row>
    <row r="11842" spans="8:8">
      <c r="H11842" s="12"/>
    </row>
    <row r="11843" spans="8:8">
      <c r="H11843" s="12"/>
    </row>
    <row r="11844" spans="8:8">
      <c r="H11844" s="12"/>
    </row>
    <row r="11845" spans="8:8">
      <c r="H11845" s="12"/>
    </row>
    <row r="11846" spans="8:8">
      <c r="H11846" s="12"/>
    </row>
    <row r="11847" spans="8:8">
      <c r="H11847" s="12"/>
    </row>
    <row r="11848" spans="8:8">
      <c r="H11848" s="12"/>
    </row>
    <row r="11849" spans="8:8">
      <c r="H11849" s="12"/>
    </row>
    <row r="11850" spans="8:8">
      <c r="H11850" s="12"/>
    </row>
    <row r="11851" spans="8:8">
      <c r="H11851" s="12"/>
    </row>
    <row r="11852" spans="8:8">
      <c r="H11852" s="12"/>
    </row>
    <row r="11853" spans="8:8">
      <c r="H11853" s="12"/>
    </row>
    <row r="11854" spans="8:8">
      <c r="H11854" s="12"/>
    </row>
    <row r="11855" spans="8:8">
      <c r="H11855" s="12"/>
    </row>
    <row r="11856" spans="8:8">
      <c r="H11856" s="12"/>
    </row>
    <row r="11857" spans="8:8">
      <c r="H11857" s="12"/>
    </row>
    <row r="11858" spans="8:8">
      <c r="H11858" s="12"/>
    </row>
    <row r="11859" spans="8:8">
      <c r="H11859" s="12"/>
    </row>
    <row r="11860" spans="8:8">
      <c r="H11860" s="12"/>
    </row>
    <row r="11861" spans="8:8">
      <c r="H11861" s="12"/>
    </row>
    <row r="11862" spans="8:8">
      <c r="H11862" s="12"/>
    </row>
    <row r="11863" spans="8:8">
      <c r="H11863" s="12"/>
    </row>
    <row r="11864" spans="8:8">
      <c r="H11864" s="12"/>
    </row>
    <row r="11865" spans="8:8">
      <c r="H11865" s="12"/>
    </row>
    <row r="11866" spans="8:8">
      <c r="H11866" s="12"/>
    </row>
    <row r="11867" spans="8:8">
      <c r="H11867" s="12"/>
    </row>
    <row r="11868" spans="8:8">
      <c r="H11868" s="12"/>
    </row>
    <row r="11869" spans="8:8">
      <c r="H11869" s="12"/>
    </row>
    <row r="11870" spans="8:8">
      <c r="H11870" s="12"/>
    </row>
    <row r="11871" spans="8:8">
      <c r="H11871" s="12"/>
    </row>
    <row r="11872" spans="8:8">
      <c r="H11872" s="12"/>
    </row>
    <row r="11873" spans="8:8">
      <c r="H11873" s="12"/>
    </row>
    <row r="11874" spans="8:8">
      <c r="H11874" s="12"/>
    </row>
    <row r="11875" spans="8:8">
      <c r="H11875" s="12"/>
    </row>
    <row r="11876" spans="8:8">
      <c r="H11876" s="12"/>
    </row>
    <row r="11877" spans="8:8">
      <c r="H11877" s="12"/>
    </row>
    <row r="11878" spans="8:8">
      <c r="H11878" s="12"/>
    </row>
    <row r="11879" spans="8:8">
      <c r="H11879" s="12"/>
    </row>
    <row r="11880" spans="8:8">
      <c r="H11880" s="12"/>
    </row>
    <row r="11881" spans="8:8">
      <c r="H11881" s="12"/>
    </row>
    <row r="11882" spans="8:8">
      <c r="H11882" s="12"/>
    </row>
    <row r="11883" spans="8:8">
      <c r="H11883" s="12"/>
    </row>
    <row r="11884" spans="8:8">
      <c r="H11884" s="12"/>
    </row>
    <row r="11885" spans="8:8">
      <c r="H11885" s="12"/>
    </row>
    <row r="11886" spans="8:8">
      <c r="H11886" s="12"/>
    </row>
    <row r="11887" spans="8:8">
      <c r="H11887" s="12"/>
    </row>
    <row r="11888" spans="8:8">
      <c r="H11888" s="12"/>
    </row>
    <row r="11889" spans="8:8">
      <c r="H11889" s="12"/>
    </row>
    <row r="11890" spans="8:8">
      <c r="H11890" s="12"/>
    </row>
    <row r="11891" spans="8:8">
      <c r="H11891" s="12"/>
    </row>
    <row r="11892" spans="8:8">
      <c r="H11892" s="12"/>
    </row>
    <row r="11893" spans="8:8">
      <c r="H11893" s="12"/>
    </row>
    <row r="11894" spans="8:8">
      <c r="H11894" s="12"/>
    </row>
    <row r="11895" spans="8:8">
      <c r="H11895" s="12"/>
    </row>
    <row r="11896" spans="8:8">
      <c r="H11896" s="12"/>
    </row>
    <row r="11897" spans="8:8">
      <c r="H11897" s="12"/>
    </row>
    <row r="11898" spans="8:8">
      <c r="H11898" s="12"/>
    </row>
    <row r="11899" spans="8:8">
      <c r="H11899" s="12"/>
    </row>
    <row r="11900" spans="8:8">
      <c r="H11900" s="12"/>
    </row>
    <row r="11901" spans="8:8">
      <c r="H11901" s="12"/>
    </row>
    <row r="11902" spans="8:8">
      <c r="H11902" s="12"/>
    </row>
    <row r="11903" spans="8:8">
      <c r="H11903" s="12"/>
    </row>
    <row r="11904" spans="8:8">
      <c r="H11904" s="12"/>
    </row>
    <row r="11905" spans="8:8">
      <c r="H11905" s="12"/>
    </row>
    <row r="11906" spans="8:8">
      <c r="H11906" s="12"/>
    </row>
    <row r="11907" spans="8:8">
      <c r="H11907" s="12"/>
    </row>
    <row r="11908" spans="8:8">
      <c r="H11908" s="12"/>
    </row>
    <row r="11909" spans="8:8">
      <c r="H11909" s="12"/>
    </row>
    <row r="11910" spans="8:8">
      <c r="H11910" s="12"/>
    </row>
    <row r="11911" spans="8:8">
      <c r="H11911" s="12"/>
    </row>
    <row r="11912" spans="8:8">
      <c r="H11912" s="12"/>
    </row>
    <row r="11913" spans="8:8">
      <c r="H11913" s="12"/>
    </row>
    <row r="11914" spans="8:8">
      <c r="H11914" s="12"/>
    </row>
    <row r="11915" spans="8:8">
      <c r="H11915" s="12"/>
    </row>
    <row r="11916" spans="8:8">
      <c r="H11916" s="12"/>
    </row>
    <row r="11917" spans="8:8">
      <c r="H11917" s="12"/>
    </row>
    <row r="11918" spans="8:8">
      <c r="H11918" s="12"/>
    </row>
    <row r="11919" spans="8:8">
      <c r="H11919" s="12"/>
    </row>
    <row r="11920" spans="8:8">
      <c r="H11920" s="12"/>
    </row>
    <row r="11921" spans="8:8">
      <c r="H11921" s="12"/>
    </row>
    <row r="11922" spans="8:8">
      <c r="H11922" s="12"/>
    </row>
    <row r="11923" spans="8:8">
      <c r="H11923" s="12"/>
    </row>
    <row r="11924" spans="8:8">
      <c r="H11924" s="12"/>
    </row>
    <row r="11925" spans="8:8">
      <c r="H11925" s="12"/>
    </row>
    <row r="11926" spans="8:8">
      <c r="H11926" s="12"/>
    </row>
    <row r="11927" spans="8:8">
      <c r="H11927" s="12"/>
    </row>
    <row r="11928" spans="8:8">
      <c r="H11928" s="12"/>
    </row>
    <row r="11929" spans="8:8">
      <c r="H11929" s="12"/>
    </row>
    <row r="11930" spans="8:8">
      <c r="H11930" s="12"/>
    </row>
    <row r="11931" spans="8:8">
      <c r="H11931" s="12"/>
    </row>
    <row r="11932" spans="8:8">
      <c r="H11932" s="12"/>
    </row>
    <row r="11933" spans="8:8">
      <c r="H11933" s="12"/>
    </row>
    <row r="11934" spans="8:8">
      <c r="H11934" s="12"/>
    </row>
    <row r="11935" spans="8:8">
      <c r="H11935" s="12"/>
    </row>
    <row r="11936" spans="8:8">
      <c r="H11936" s="12"/>
    </row>
    <row r="11937" spans="8:8">
      <c r="H11937" s="12"/>
    </row>
    <row r="11938" spans="8:8">
      <c r="H11938" s="12"/>
    </row>
    <row r="11939" spans="8:8">
      <c r="H11939" s="12"/>
    </row>
    <row r="11940" spans="8:8">
      <c r="H11940" s="12"/>
    </row>
    <row r="11941" spans="8:8">
      <c r="H11941" s="12"/>
    </row>
    <row r="11942" spans="8:8">
      <c r="H11942" s="12"/>
    </row>
    <row r="11943" spans="8:8">
      <c r="H11943" s="12"/>
    </row>
    <row r="11944" spans="8:8">
      <c r="H11944" s="12"/>
    </row>
    <row r="11945" spans="8:8">
      <c r="H11945" s="12"/>
    </row>
    <row r="11946" spans="8:8">
      <c r="H11946" s="12"/>
    </row>
    <row r="11947" spans="8:8">
      <c r="H11947" s="12"/>
    </row>
    <row r="11948" spans="8:8">
      <c r="H11948" s="12"/>
    </row>
    <row r="11949" spans="8:8">
      <c r="H11949" s="12"/>
    </row>
    <row r="11950" spans="8:8">
      <c r="H11950" s="12"/>
    </row>
    <row r="11951" spans="8:8">
      <c r="H11951" s="12"/>
    </row>
    <row r="11952" spans="8:8">
      <c r="H11952" s="12"/>
    </row>
    <row r="11953" spans="8:8">
      <c r="H11953" s="12"/>
    </row>
    <row r="11954" spans="8:8">
      <c r="H11954" s="12"/>
    </row>
    <row r="11955" spans="8:8">
      <c r="H11955" s="12"/>
    </row>
    <row r="11956" spans="8:8">
      <c r="H11956" s="12"/>
    </row>
    <row r="11957" spans="8:8">
      <c r="H11957" s="12"/>
    </row>
    <row r="11958" spans="8:8">
      <c r="H11958" s="12"/>
    </row>
    <row r="11959" spans="8:8">
      <c r="H11959" s="12"/>
    </row>
    <row r="11960" spans="8:8">
      <c r="H11960" s="12"/>
    </row>
    <row r="11961" spans="8:8">
      <c r="H11961" s="12"/>
    </row>
    <row r="11962" spans="8:8">
      <c r="H11962" s="12"/>
    </row>
    <row r="11963" spans="8:8">
      <c r="H11963" s="12"/>
    </row>
    <row r="11964" spans="8:8">
      <c r="H11964" s="12"/>
    </row>
    <row r="11965" spans="8:8">
      <c r="H11965" s="12"/>
    </row>
    <row r="11966" spans="8:8">
      <c r="H11966" s="12"/>
    </row>
    <row r="11967" spans="8:8">
      <c r="H11967" s="12"/>
    </row>
    <row r="11968" spans="8:8">
      <c r="H11968" s="12"/>
    </row>
    <row r="11969" spans="8:8">
      <c r="H11969" s="12"/>
    </row>
    <row r="11970" spans="8:8">
      <c r="H11970" s="12"/>
    </row>
    <row r="11971" spans="8:8">
      <c r="H11971" s="12"/>
    </row>
    <row r="11972" spans="8:8">
      <c r="H11972" s="12"/>
    </row>
    <row r="11973" spans="8:8">
      <c r="H11973" s="12"/>
    </row>
    <row r="11974" spans="8:8">
      <c r="H11974" s="12"/>
    </row>
    <row r="11975" spans="8:8">
      <c r="H11975" s="12"/>
    </row>
    <row r="11976" spans="8:8">
      <c r="H11976" s="12"/>
    </row>
    <row r="11977" spans="8:8">
      <c r="H11977" s="12"/>
    </row>
    <row r="11978" spans="8:8">
      <c r="H11978" s="12"/>
    </row>
    <row r="11979" spans="8:8">
      <c r="H11979" s="12"/>
    </row>
    <row r="11980" spans="8:8">
      <c r="H11980" s="12"/>
    </row>
    <row r="11981" spans="8:8">
      <c r="H11981" s="12"/>
    </row>
    <row r="11982" spans="8:8">
      <c r="H11982" s="12"/>
    </row>
    <row r="11983" spans="8:8">
      <c r="H11983" s="12"/>
    </row>
    <row r="11984" spans="8:8">
      <c r="H11984" s="12"/>
    </row>
    <row r="11985" spans="8:8">
      <c r="H11985" s="12"/>
    </row>
    <row r="11986" spans="8:8">
      <c r="H11986" s="12"/>
    </row>
    <row r="11987" spans="8:8">
      <c r="H11987" s="12"/>
    </row>
    <row r="11988" spans="8:8">
      <c r="H11988" s="12"/>
    </row>
    <row r="11989" spans="8:8">
      <c r="H11989" s="12"/>
    </row>
    <row r="11990" spans="8:8">
      <c r="H11990" s="12"/>
    </row>
    <row r="11991" spans="8:8">
      <c r="H11991" s="12"/>
    </row>
    <row r="11992" spans="8:8">
      <c r="H11992" s="12"/>
    </row>
    <row r="11993" spans="8:8">
      <c r="H11993" s="12"/>
    </row>
    <row r="11994" spans="8:8">
      <c r="H11994" s="12"/>
    </row>
    <row r="11995" spans="8:8">
      <c r="H11995" s="12"/>
    </row>
    <row r="11996" spans="8:8">
      <c r="H11996" s="12"/>
    </row>
    <row r="11997" spans="8:8">
      <c r="H11997" s="12"/>
    </row>
    <row r="11998" spans="8:8">
      <c r="H11998" s="12"/>
    </row>
    <row r="11999" spans="8:8">
      <c r="H11999" s="12"/>
    </row>
    <row r="12000" spans="8:8">
      <c r="H12000" s="12"/>
    </row>
    <row r="12001" spans="8:8">
      <c r="H12001" s="12"/>
    </row>
    <row r="12002" spans="8:8">
      <c r="H12002" s="12"/>
    </row>
    <row r="12003" spans="8:8">
      <c r="H12003" s="12"/>
    </row>
    <row r="12004" spans="8:8">
      <c r="H12004" s="12"/>
    </row>
    <row r="12005" spans="8:8">
      <c r="H12005" s="12"/>
    </row>
    <row r="12006" spans="8:8">
      <c r="H12006" s="12"/>
    </row>
    <row r="12007" spans="8:8">
      <c r="H12007" s="12"/>
    </row>
    <row r="12008" spans="8:8">
      <c r="H12008" s="12"/>
    </row>
    <row r="12009" spans="8:8">
      <c r="H12009" s="12"/>
    </row>
    <row r="12010" spans="8:8">
      <c r="H12010" s="12"/>
    </row>
    <row r="12011" spans="8:8">
      <c r="H12011" s="12"/>
    </row>
    <row r="12012" spans="8:8">
      <c r="H12012" s="12"/>
    </row>
    <row r="12013" spans="8:8">
      <c r="H12013" s="12"/>
    </row>
    <row r="12014" spans="8:8">
      <c r="H12014" s="12"/>
    </row>
    <row r="12015" spans="8:8">
      <c r="H12015" s="12"/>
    </row>
    <row r="12016" spans="8:8">
      <c r="H12016" s="12"/>
    </row>
    <row r="12017" spans="8:8">
      <c r="H12017" s="12"/>
    </row>
    <row r="12018" spans="8:8">
      <c r="H12018" s="12"/>
    </row>
    <row r="12019" spans="8:8">
      <c r="H12019" s="12"/>
    </row>
    <row r="12020" spans="8:8">
      <c r="H12020" s="12"/>
    </row>
    <row r="12021" spans="8:8">
      <c r="H12021" s="12"/>
    </row>
    <row r="12022" spans="8:8">
      <c r="H12022" s="12"/>
    </row>
    <row r="12023" spans="8:8">
      <c r="H12023" s="12"/>
    </row>
    <row r="12024" spans="8:8">
      <c r="H12024" s="12"/>
    </row>
    <row r="12025" spans="8:8">
      <c r="H12025" s="12"/>
    </row>
    <row r="12026" spans="8:8">
      <c r="H12026" s="12"/>
    </row>
    <row r="12027" spans="8:8">
      <c r="H12027" s="12"/>
    </row>
    <row r="12028" spans="8:8">
      <c r="H12028" s="12"/>
    </row>
    <row r="12029" spans="8:8">
      <c r="H12029" s="12"/>
    </row>
    <row r="12030" spans="8:8">
      <c r="H12030" s="12"/>
    </row>
    <row r="12031" spans="8:8">
      <c r="H12031" s="12"/>
    </row>
    <row r="12032" spans="8:8">
      <c r="H12032" s="12"/>
    </row>
    <row r="12033" spans="8:8">
      <c r="H12033" s="12"/>
    </row>
    <row r="12034" spans="8:8">
      <c r="H12034" s="12"/>
    </row>
    <row r="12035" spans="8:8">
      <c r="H12035" s="12"/>
    </row>
    <row r="12036" spans="8:8">
      <c r="H12036" s="12"/>
    </row>
    <row r="12037" spans="8:8">
      <c r="H12037" s="12"/>
    </row>
    <row r="12038" spans="8:8">
      <c r="H12038" s="12"/>
    </row>
    <row r="12039" spans="8:8">
      <c r="H12039" s="12"/>
    </row>
    <row r="12040" spans="8:8">
      <c r="H12040" s="12"/>
    </row>
    <row r="12041" spans="8:8">
      <c r="H12041" s="12"/>
    </row>
    <row r="12042" spans="8:8">
      <c r="H12042" s="12"/>
    </row>
    <row r="12043" spans="8:8">
      <c r="H12043" s="12"/>
    </row>
    <row r="12044" spans="8:8">
      <c r="H12044" s="12"/>
    </row>
    <row r="12045" spans="8:8">
      <c r="H12045" s="12"/>
    </row>
    <row r="12046" spans="8:8">
      <c r="H12046" s="12"/>
    </row>
    <row r="12047" spans="8:8">
      <c r="H12047" s="12"/>
    </row>
    <row r="12048" spans="8:8">
      <c r="H12048" s="12"/>
    </row>
    <row r="12049" spans="8:8">
      <c r="H12049" s="12"/>
    </row>
    <row r="12050" spans="8:8">
      <c r="H12050" s="12"/>
    </row>
    <row r="12051" spans="8:8">
      <c r="H12051" s="12"/>
    </row>
    <row r="12052" spans="8:8">
      <c r="H12052" s="12"/>
    </row>
    <row r="12053" spans="8:8">
      <c r="H12053" s="12"/>
    </row>
    <row r="12054" spans="8:8">
      <c r="H12054" s="12"/>
    </row>
    <row r="12055" spans="8:8">
      <c r="H12055" s="12"/>
    </row>
    <row r="12056" spans="8:8">
      <c r="H12056" s="12"/>
    </row>
    <row r="12057" spans="8:8">
      <c r="H12057" s="12"/>
    </row>
    <row r="12058" spans="8:8">
      <c r="H12058" s="12"/>
    </row>
    <row r="12059" spans="8:8">
      <c r="H12059" s="12"/>
    </row>
    <row r="12060" spans="8:8">
      <c r="H12060" s="12"/>
    </row>
    <row r="12061" spans="8:8">
      <c r="H12061" s="12"/>
    </row>
    <row r="12062" spans="8:8">
      <c r="H12062" s="12"/>
    </row>
    <row r="12063" spans="8:8">
      <c r="H12063" s="12"/>
    </row>
    <row r="12064" spans="8:8">
      <c r="H12064" s="12"/>
    </row>
    <row r="12065" spans="8:8">
      <c r="H12065" s="12"/>
    </row>
    <row r="12066" spans="8:8">
      <c r="H12066" s="12"/>
    </row>
    <row r="12067" spans="8:8">
      <c r="H12067" s="12"/>
    </row>
    <row r="12068" spans="8:8">
      <c r="H12068" s="12"/>
    </row>
    <row r="12069" spans="8:8">
      <c r="H12069" s="12"/>
    </row>
    <row r="12070" spans="8:8">
      <c r="H12070" s="12"/>
    </row>
    <row r="12071" spans="8:8">
      <c r="H12071" s="12"/>
    </row>
    <row r="12072" spans="8:8">
      <c r="H12072" s="12"/>
    </row>
    <row r="12073" spans="8:8">
      <c r="H12073" s="12"/>
    </row>
    <row r="12074" spans="8:8">
      <c r="H12074" s="12"/>
    </row>
    <row r="12075" spans="8:8">
      <c r="H12075" s="12"/>
    </row>
    <row r="12076" spans="8:8">
      <c r="H12076" s="12"/>
    </row>
    <row r="12077" spans="8:8">
      <c r="H12077" s="12"/>
    </row>
    <row r="12078" spans="8:8">
      <c r="H12078" s="12"/>
    </row>
    <row r="12079" spans="8:8">
      <c r="H12079" s="12"/>
    </row>
    <row r="12080" spans="8:8">
      <c r="H12080" s="12"/>
    </row>
    <row r="12081" spans="8:8">
      <c r="H12081" s="12"/>
    </row>
    <row r="12082" spans="8:8">
      <c r="H12082" s="12"/>
    </row>
    <row r="12083" spans="8:8">
      <c r="H12083" s="12"/>
    </row>
    <row r="12084" spans="8:8">
      <c r="H12084" s="12"/>
    </row>
    <row r="12085" spans="8:8">
      <c r="H12085" s="12"/>
    </row>
    <row r="12086" spans="8:8">
      <c r="H12086" s="12"/>
    </row>
    <row r="12087" spans="8:8">
      <c r="H12087" s="12"/>
    </row>
    <row r="12088" spans="8:8">
      <c r="H12088" s="12"/>
    </row>
    <row r="12089" spans="8:8">
      <c r="H12089" s="12"/>
    </row>
    <row r="12090" spans="8:8">
      <c r="H12090" s="12"/>
    </row>
    <row r="12091" spans="8:8">
      <c r="H12091" s="12"/>
    </row>
    <row r="12092" spans="8:8">
      <c r="H12092" s="12"/>
    </row>
    <row r="12093" spans="8:8">
      <c r="H12093" s="12"/>
    </row>
    <row r="12094" spans="8:8">
      <c r="H12094" s="12"/>
    </row>
    <row r="12095" spans="8:8">
      <c r="H12095" s="12"/>
    </row>
    <row r="12096" spans="8:8">
      <c r="H12096" s="12"/>
    </row>
    <row r="12097" spans="8:8">
      <c r="H12097" s="12"/>
    </row>
    <row r="12098" spans="8:8">
      <c r="H12098" s="12"/>
    </row>
    <row r="12099" spans="8:8">
      <c r="H12099" s="12"/>
    </row>
    <row r="12100" spans="8:8">
      <c r="H12100" s="12"/>
    </row>
    <row r="12101" spans="8:8">
      <c r="H12101" s="12"/>
    </row>
    <row r="12102" spans="8:8">
      <c r="H12102" s="12"/>
    </row>
    <row r="12103" spans="8:8">
      <c r="H12103" s="12"/>
    </row>
    <row r="12104" spans="8:8">
      <c r="H12104" s="12"/>
    </row>
    <row r="12105" spans="8:8">
      <c r="H12105" s="12"/>
    </row>
    <row r="12106" spans="8:8">
      <c r="H12106" s="12"/>
    </row>
    <row r="12107" spans="8:8">
      <c r="H12107" s="12"/>
    </row>
    <row r="12108" spans="8:8">
      <c r="H12108" s="12"/>
    </row>
    <row r="12109" spans="8:8">
      <c r="H12109" s="12"/>
    </row>
    <row r="12110" spans="8:8">
      <c r="H12110" s="12"/>
    </row>
    <row r="12111" spans="8:8">
      <c r="H12111" s="12"/>
    </row>
    <row r="12112" spans="8:8">
      <c r="H12112" s="12"/>
    </row>
    <row r="12113" spans="8:8">
      <c r="H12113" s="12"/>
    </row>
    <row r="12114" spans="8:8">
      <c r="H12114" s="12"/>
    </row>
    <row r="12115" spans="8:8">
      <c r="H12115" s="12"/>
    </row>
    <row r="12116" spans="8:8">
      <c r="H12116" s="12"/>
    </row>
    <row r="12117" spans="8:8">
      <c r="H12117" s="12"/>
    </row>
    <row r="12118" spans="8:8">
      <c r="H12118" s="12"/>
    </row>
    <row r="12119" spans="8:8">
      <c r="H12119" s="12"/>
    </row>
    <row r="12120" spans="8:8">
      <c r="H12120" s="12"/>
    </row>
    <row r="12121" spans="8:8">
      <c r="H12121" s="12"/>
    </row>
    <row r="12122" spans="8:8">
      <c r="H12122" s="12"/>
    </row>
    <row r="12123" spans="8:8">
      <c r="H12123" s="12"/>
    </row>
    <row r="12124" spans="8:8">
      <c r="H12124" s="12"/>
    </row>
    <row r="12125" spans="8:8">
      <c r="H12125" s="12"/>
    </row>
    <row r="12126" spans="8:8">
      <c r="H12126" s="12"/>
    </row>
    <row r="12127" spans="8:8">
      <c r="H12127" s="12"/>
    </row>
    <row r="12128" spans="8:8">
      <c r="H12128" s="12"/>
    </row>
    <row r="12129" spans="8:8">
      <c r="H12129" s="12"/>
    </row>
    <row r="12130" spans="8:8">
      <c r="H12130" s="12"/>
    </row>
    <row r="12131" spans="8:8">
      <c r="H12131" s="12"/>
    </row>
    <row r="12132" spans="8:8">
      <c r="H12132" s="12"/>
    </row>
    <row r="12133" spans="8:8">
      <c r="H12133" s="12"/>
    </row>
    <row r="12134" spans="8:8">
      <c r="H12134" s="12"/>
    </row>
    <row r="12135" spans="8:8">
      <c r="H12135" s="12"/>
    </row>
    <row r="12136" spans="8:8">
      <c r="H12136" s="12"/>
    </row>
    <row r="12137" spans="8:8">
      <c r="H12137" s="12"/>
    </row>
    <row r="12138" spans="8:8">
      <c r="H12138" s="12"/>
    </row>
    <row r="12139" spans="8:8">
      <c r="H12139" s="12"/>
    </row>
    <row r="12140" spans="8:8">
      <c r="H12140" s="12"/>
    </row>
    <row r="12141" spans="8:8">
      <c r="H12141" s="12"/>
    </row>
    <row r="12142" spans="8:8">
      <c r="H12142" s="12"/>
    </row>
    <row r="12143" spans="8:8">
      <c r="H12143" s="12"/>
    </row>
    <row r="12144" spans="8:8">
      <c r="H12144" s="12"/>
    </row>
    <row r="12145" spans="8:8">
      <c r="H12145" s="12"/>
    </row>
    <row r="12146" spans="8:8">
      <c r="H12146" s="12"/>
    </row>
    <row r="12147" spans="8:8">
      <c r="H12147" s="12"/>
    </row>
    <row r="12148" spans="8:8">
      <c r="H12148" s="12"/>
    </row>
    <row r="12149" spans="8:8">
      <c r="H12149" s="12"/>
    </row>
    <row r="12150" spans="8:8">
      <c r="H12150" s="12"/>
    </row>
    <row r="12151" spans="8:8">
      <c r="H12151" s="12"/>
    </row>
    <row r="12152" spans="8:8">
      <c r="H12152" s="12"/>
    </row>
    <row r="12153" spans="8:8">
      <c r="H12153" s="12"/>
    </row>
    <row r="12154" spans="8:8">
      <c r="H12154" s="12"/>
    </row>
    <row r="12155" spans="8:8">
      <c r="H12155" s="12"/>
    </row>
    <row r="12156" spans="8:8">
      <c r="H12156" s="12"/>
    </row>
    <row r="12157" spans="8:8">
      <c r="H12157" s="12"/>
    </row>
    <row r="12158" spans="8:8">
      <c r="H12158" s="12"/>
    </row>
    <row r="12159" spans="8:8">
      <c r="H12159" s="12"/>
    </row>
    <row r="12160" spans="8:8">
      <c r="H12160" s="12"/>
    </row>
    <row r="12161" spans="8:8">
      <c r="H12161" s="12"/>
    </row>
    <row r="12162" spans="8:8">
      <c r="H12162" s="12"/>
    </row>
    <row r="12163" spans="8:8">
      <c r="H12163" s="12"/>
    </row>
    <row r="12164" spans="8:8">
      <c r="H12164" s="12"/>
    </row>
    <row r="12165" spans="8:8">
      <c r="H12165" s="12"/>
    </row>
    <row r="12166" spans="8:8">
      <c r="H12166" s="12"/>
    </row>
    <row r="12167" spans="8:8">
      <c r="H12167" s="12"/>
    </row>
    <row r="12168" spans="8:8">
      <c r="H12168" s="12"/>
    </row>
    <row r="12169" spans="8:8">
      <c r="H12169" s="12"/>
    </row>
    <row r="12170" spans="8:8">
      <c r="H12170" s="12"/>
    </row>
    <row r="12171" spans="8:8">
      <c r="H12171" s="12"/>
    </row>
    <row r="12172" spans="8:8">
      <c r="H12172" s="12"/>
    </row>
    <row r="12173" spans="8:8">
      <c r="H12173" s="12"/>
    </row>
    <row r="12174" spans="8:8">
      <c r="H12174" s="12"/>
    </row>
    <row r="12175" spans="8:8">
      <c r="H12175" s="12"/>
    </row>
    <row r="12176" spans="8:8">
      <c r="H12176" s="12"/>
    </row>
    <row r="12177" spans="8:8">
      <c r="H12177" s="12"/>
    </row>
    <row r="12178" spans="8:8">
      <c r="H12178" s="12"/>
    </row>
    <row r="12179" spans="8:8">
      <c r="H12179" s="12"/>
    </row>
    <row r="12180" spans="8:8">
      <c r="H12180" s="12"/>
    </row>
    <row r="12181" spans="8:8">
      <c r="H12181" s="12"/>
    </row>
    <row r="12182" spans="8:8">
      <c r="H12182" s="12"/>
    </row>
    <row r="12183" spans="8:8">
      <c r="H12183" s="12"/>
    </row>
    <row r="12184" spans="8:8">
      <c r="H12184" s="12"/>
    </row>
    <row r="12185" spans="8:8">
      <c r="H12185" s="12"/>
    </row>
    <row r="12186" spans="8:8">
      <c r="H12186" s="12"/>
    </row>
    <row r="12187" spans="8:8">
      <c r="H12187" s="12"/>
    </row>
    <row r="12188" spans="8:8">
      <c r="H12188" s="12"/>
    </row>
    <row r="12189" spans="8:8">
      <c r="H12189" s="12"/>
    </row>
    <row r="12190" spans="8:8">
      <c r="H12190" s="12"/>
    </row>
    <row r="12191" spans="8:8">
      <c r="H12191" s="12"/>
    </row>
    <row r="12192" spans="8:8">
      <c r="H12192" s="12"/>
    </row>
    <row r="12193" spans="8:8">
      <c r="H12193" s="12"/>
    </row>
    <row r="12194" spans="8:8">
      <c r="H12194" s="12"/>
    </row>
    <row r="12195" spans="8:8">
      <c r="H12195" s="12"/>
    </row>
    <row r="12196" spans="8:8">
      <c r="H12196" s="12"/>
    </row>
    <row r="12197" spans="8:8">
      <c r="H12197" s="12"/>
    </row>
    <row r="12198" spans="8:8">
      <c r="H12198" s="12"/>
    </row>
    <row r="12199" spans="8:8">
      <c r="H12199" s="12"/>
    </row>
    <row r="12200" spans="8:8">
      <c r="H12200" s="12"/>
    </row>
    <row r="12201" spans="8:8">
      <c r="H12201" s="12"/>
    </row>
    <row r="12202" spans="8:8">
      <c r="H12202" s="12"/>
    </row>
    <row r="12203" spans="8:8">
      <c r="H12203" s="12"/>
    </row>
    <row r="12204" spans="8:8">
      <c r="H12204" s="12"/>
    </row>
    <row r="12205" spans="8:8">
      <c r="H12205" s="12"/>
    </row>
    <row r="12206" spans="8:8">
      <c r="H12206" s="12"/>
    </row>
    <row r="12207" spans="8:8">
      <c r="H12207" s="12"/>
    </row>
    <row r="12208" spans="8:8">
      <c r="H12208" s="12"/>
    </row>
    <row r="12209" spans="8:8">
      <c r="H12209" s="12"/>
    </row>
    <row r="12210" spans="8:8">
      <c r="H12210" s="12"/>
    </row>
    <row r="12211" spans="8:8">
      <c r="H12211" s="12"/>
    </row>
    <row r="12212" spans="8:8">
      <c r="H12212" s="12"/>
    </row>
    <row r="12213" spans="8:8">
      <c r="H12213" s="12"/>
    </row>
    <row r="12214" spans="8:8">
      <c r="H12214" s="12"/>
    </row>
    <row r="12215" spans="8:8">
      <c r="H12215" s="12"/>
    </row>
    <row r="12216" spans="8:8">
      <c r="H12216" s="12"/>
    </row>
    <row r="12217" spans="8:8">
      <c r="H12217" s="12"/>
    </row>
    <row r="12218" spans="8:8">
      <c r="H12218" s="12"/>
    </row>
    <row r="12219" spans="8:8">
      <c r="H12219" s="12"/>
    </row>
    <row r="12220" spans="8:8">
      <c r="H12220" s="12"/>
    </row>
    <row r="12221" spans="8:8">
      <c r="H12221" s="12"/>
    </row>
    <row r="12222" spans="8:8">
      <c r="H12222" s="12"/>
    </row>
    <row r="12223" spans="8:8">
      <c r="H12223" s="12"/>
    </row>
    <row r="12224" spans="8:8">
      <c r="H12224" s="12"/>
    </row>
    <row r="12225" spans="8:8">
      <c r="H12225" s="12"/>
    </row>
    <row r="12226" spans="8:8">
      <c r="H12226" s="12"/>
    </row>
    <row r="12227" spans="8:8">
      <c r="H12227" s="12"/>
    </row>
    <row r="12228" spans="8:8">
      <c r="H12228" s="12"/>
    </row>
    <row r="12229" spans="8:8">
      <c r="H12229" s="12"/>
    </row>
    <row r="12230" spans="8:8">
      <c r="H12230" s="12"/>
    </row>
    <row r="12231" spans="8:8">
      <c r="H12231" s="12"/>
    </row>
    <row r="12232" spans="8:8">
      <c r="H12232" s="12"/>
    </row>
    <row r="12233" spans="8:8">
      <c r="H12233" s="12"/>
    </row>
    <row r="12234" spans="8:8">
      <c r="H12234" s="12"/>
    </row>
    <row r="12235" spans="8:8">
      <c r="H12235" s="12"/>
    </row>
    <row r="12236" spans="8:8">
      <c r="H12236" s="12"/>
    </row>
    <row r="12237" spans="8:8">
      <c r="H12237" s="12"/>
    </row>
    <row r="12238" spans="8:8">
      <c r="H12238" s="12"/>
    </row>
    <row r="12239" spans="8:8">
      <c r="H12239" s="12"/>
    </row>
    <row r="12240" spans="8:8">
      <c r="H12240" s="12"/>
    </row>
    <row r="12241" spans="8:8">
      <c r="H12241" s="12"/>
    </row>
    <row r="12242" spans="8:8">
      <c r="H12242" s="12"/>
    </row>
    <row r="12243" spans="8:8">
      <c r="H12243" s="12"/>
    </row>
    <row r="12244" spans="8:8">
      <c r="H12244" s="12"/>
    </row>
    <row r="12245" spans="8:8">
      <c r="H12245" s="12"/>
    </row>
    <row r="12246" spans="8:8">
      <c r="H12246" s="12"/>
    </row>
    <row r="12247" spans="8:8">
      <c r="H12247" s="12"/>
    </row>
    <row r="12248" spans="8:8">
      <c r="H12248" s="12"/>
    </row>
    <row r="12249" spans="8:8">
      <c r="H12249" s="12"/>
    </row>
    <row r="12250" spans="8:8">
      <c r="H12250" s="12"/>
    </row>
    <row r="12251" spans="8:8">
      <c r="H12251" s="12"/>
    </row>
    <row r="12252" spans="8:8">
      <c r="H12252" s="12"/>
    </row>
    <row r="12253" spans="8:8">
      <c r="H12253" s="12"/>
    </row>
    <row r="12254" spans="8:8">
      <c r="H12254" s="12"/>
    </row>
    <row r="12255" spans="8:8">
      <c r="H12255" s="12"/>
    </row>
    <row r="12256" spans="8:8">
      <c r="H12256" s="12"/>
    </row>
    <row r="12257" spans="8:8">
      <c r="H12257" s="12"/>
    </row>
    <row r="12258" spans="8:8">
      <c r="H12258" s="12"/>
    </row>
    <row r="12259" spans="8:8">
      <c r="H12259" s="12"/>
    </row>
    <row r="12260" spans="8:8">
      <c r="H12260" s="12"/>
    </row>
    <row r="12261" spans="8:8">
      <c r="H12261" s="12"/>
    </row>
    <row r="12262" spans="8:8">
      <c r="H12262" s="12"/>
    </row>
    <row r="12263" spans="8:8">
      <c r="H12263" s="12"/>
    </row>
    <row r="12264" spans="8:8">
      <c r="H12264" s="12"/>
    </row>
    <row r="12265" spans="8:8">
      <c r="H12265" s="12"/>
    </row>
    <row r="12266" spans="8:8">
      <c r="H12266" s="12"/>
    </row>
    <row r="12267" spans="8:8">
      <c r="H12267" s="12"/>
    </row>
    <row r="12268" spans="8:8">
      <c r="H12268" s="12"/>
    </row>
    <row r="12269" spans="8:8">
      <c r="H12269" s="12"/>
    </row>
    <row r="12270" spans="8:8">
      <c r="H12270" s="12"/>
    </row>
    <row r="12271" spans="8:8">
      <c r="H12271" s="12"/>
    </row>
    <row r="12272" spans="8:8">
      <c r="H12272" s="12"/>
    </row>
    <row r="12273" spans="8:8">
      <c r="H12273" s="12"/>
    </row>
    <row r="12274" spans="8:8">
      <c r="H12274" s="12"/>
    </row>
    <row r="12275" spans="8:8">
      <c r="H12275" s="12"/>
    </row>
    <row r="12276" spans="8:8">
      <c r="H12276" s="12"/>
    </row>
    <row r="12277" spans="8:8">
      <c r="H12277" s="12"/>
    </row>
    <row r="12278" spans="8:8">
      <c r="H12278" s="12"/>
    </row>
    <row r="12279" spans="8:8">
      <c r="H12279" s="12"/>
    </row>
    <row r="12280" spans="8:8">
      <c r="H12280" s="12"/>
    </row>
    <row r="12281" spans="8:8">
      <c r="H12281" s="12"/>
    </row>
    <row r="12282" spans="8:8">
      <c r="H12282" s="12"/>
    </row>
    <row r="12283" spans="8:8">
      <c r="H12283" s="12"/>
    </row>
    <row r="12284" spans="8:8">
      <c r="H12284" s="12"/>
    </row>
    <row r="12285" spans="8:8">
      <c r="H12285" s="12"/>
    </row>
    <row r="12286" spans="8:8">
      <c r="H12286" s="12"/>
    </row>
    <row r="12287" spans="8:8">
      <c r="H12287" s="12"/>
    </row>
    <row r="12288" spans="8:8">
      <c r="H12288" s="12"/>
    </row>
    <row r="12289" spans="8:8">
      <c r="H12289" s="12"/>
    </row>
    <row r="12290" spans="8:8">
      <c r="H12290" s="12"/>
    </row>
    <row r="12291" spans="8:8">
      <c r="H12291" s="12"/>
    </row>
    <row r="12292" spans="8:8">
      <c r="H12292" s="12"/>
    </row>
    <row r="12293" spans="8:8">
      <c r="H12293" s="12"/>
    </row>
    <row r="12294" spans="8:8">
      <c r="H12294" s="12"/>
    </row>
    <row r="12295" spans="8:8">
      <c r="H12295" s="12"/>
    </row>
    <row r="12296" spans="8:8">
      <c r="H12296" s="12"/>
    </row>
    <row r="12297" spans="8:8">
      <c r="H12297" s="12"/>
    </row>
    <row r="12298" spans="8:8">
      <c r="H12298" s="12"/>
    </row>
    <row r="12299" spans="8:8">
      <c r="H12299" s="12"/>
    </row>
    <row r="12300" spans="8:8">
      <c r="H12300" s="12"/>
    </row>
    <row r="12301" spans="8:8">
      <c r="H12301" s="12"/>
    </row>
    <row r="12302" spans="8:8">
      <c r="H12302" s="12"/>
    </row>
    <row r="12303" spans="8:8">
      <c r="H12303" s="12"/>
    </row>
    <row r="12304" spans="8:8">
      <c r="H12304" s="12"/>
    </row>
    <row r="12305" spans="8:8">
      <c r="H12305" s="12"/>
    </row>
    <row r="12306" spans="8:8">
      <c r="H12306" s="12"/>
    </row>
    <row r="12307" spans="8:8">
      <c r="H12307" s="12"/>
    </row>
    <row r="12308" spans="8:8">
      <c r="H12308" s="12"/>
    </row>
    <row r="12309" spans="8:8">
      <c r="H12309" s="12"/>
    </row>
    <row r="12310" spans="8:8">
      <c r="H12310" s="12"/>
    </row>
    <row r="12311" spans="8:8">
      <c r="H12311" s="12"/>
    </row>
    <row r="12312" spans="8:8">
      <c r="H12312" s="12"/>
    </row>
    <row r="12313" spans="8:8">
      <c r="H12313" s="12"/>
    </row>
    <row r="12314" spans="8:8">
      <c r="H12314" s="12"/>
    </row>
    <row r="12315" spans="8:8">
      <c r="H12315" s="12"/>
    </row>
    <row r="12316" spans="8:8">
      <c r="H12316" s="12"/>
    </row>
    <row r="12317" spans="8:8">
      <c r="H12317" s="12"/>
    </row>
    <row r="12318" spans="8:8">
      <c r="H12318" s="12"/>
    </row>
    <row r="12319" spans="8:8">
      <c r="H12319" s="12"/>
    </row>
    <row r="12320" spans="8:8">
      <c r="H12320" s="12"/>
    </row>
    <row r="12321" spans="8:8">
      <c r="H12321" s="12"/>
    </row>
    <row r="12322" spans="8:8">
      <c r="H12322" s="12"/>
    </row>
    <row r="12323" spans="8:8">
      <c r="H12323" s="12"/>
    </row>
    <row r="12324" spans="8:8">
      <c r="H12324" s="12"/>
    </row>
    <row r="12325" spans="8:8">
      <c r="H12325" s="12"/>
    </row>
    <row r="12326" spans="8:8">
      <c r="H12326" s="12"/>
    </row>
    <row r="12327" spans="8:8">
      <c r="H12327" s="12"/>
    </row>
    <row r="12328" spans="8:8">
      <c r="H12328" s="12"/>
    </row>
    <row r="12329" spans="8:8">
      <c r="H12329" s="12"/>
    </row>
    <row r="12330" spans="8:8">
      <c r="H12330" s="12"/>
    </row>
    <row r="12331" spans="8:8">
      <c r="H12331" s="12"/>
    </row>
    <row r="12332" spans="8:8">
      <c r="H12332" s="12"/>
    </row>
    <row r="12333" spans="8:8">
      <c r="H12333" s="12"/>
    </row>
    <row r="12334" spans="8:8">
      <c r="H12334" s="12"/>
    </row>
    <row r="12335" spans="8:8">
      <c r="H12335" s="12"/>
    </row>
    <row r="12336" spans="8:8">
      <c r="H12336" s="12"/>
    </row>
    <row r="12337" spans="8:8">
      <c r="H12337" s="12"/>
    </row>
    <row r="12338" spans="8:8">
      <c r="H12338" s="12"/>
    </row>
    <row r="12339" spans="8:8">
      <c r="H12339" s="12"/>
    </row>
    <row r="12340" spans="8:8">
      <c r="H12340" s="12"/>
    </row>
    <row r="12341" spans="8:8">
      <c r="H12341" s="12"/>
    </row>
    <row r="12342" spans="8:8">
      <c r="H12342" s="12"/>
    </row>
    <row r="12343" spans="8:8">
      <c r="H12343" s="12"/>
    </row>
    <row r="12344" spans="8:8">
      <c r="H12344" s="12"/>
    </row>
    <row r="12345" spans="8:8">
      <c r="H12345" s="12"/>
    </row>
    <row r="12346" spans="8:8">
      <c r="H12346" s="12"/>
    </row>
    <row r="12347" spans="8:8">
      <c r="H12347" s="12"/>
    </row>
    <row r="12348" spans="8:8">
      <c r="H12348" s="12"/>
    </row>
    <row r="12349" spans="8:8">
      <c r="H12349" s="12"/>
    </row>
    <row r="12350" spans="8:8">
      <c r="H12350" s="12"/>
    </row>
    <row r="12351" spans="8:8">
      <c r="H12351" s="12"/>
    </row>
    <row r="12352" spans="8:8">
      <c r="H12352" s="12"/>
    </row>
    <row r="12353" spans="8:8">
      <c r="H12353" s="12"/>
    </row>
    <row r="12354" spans="8:8">
      <c r="H12354" s="12"/>
    </row>
    <row r="12355" spans="8:8">
      <c r="H12355" s="12"/>
    </row>
    <row r="12356" spans="8:8">
      <c r="H12356" s="12"/>
    </row>
    <row r="12357" spans="8:8">
      <c r="H12357" s="12"/>
    </row>
    <row r="12358" spans="8:8">
      <c r="H12358" s="12"/>
    </row>
    <row r="12359" spans="8:8">
      <c r="H12359" s="12"/>
    </row>
    <row r="12360" spans="8:8">
      <c r="H12360" s="12"/>
    </row>
    <row r="12361" spans="8:8">
      <c r="H12361" s="12"/>
    </row>
    <row r="12362" spans="8:8">
      <c r="H12362" s="12"/>
    </row>
    <row r="12363" spans="8:8">
      <c r="H12363" s="12"/>
    </row>
    <row r="12364" spans="8:8">
      <c r="H12364" s="12"/>
    </row>
    <row r="12365" spans="8:8">
      <c r="H12365" s="12"/>
    </row>
    <row r="12366" spans="8:8">
      <c r="H12366" s="12"/>
    </row>
    <row r="12367" spans="8:8">
      <c r="H12367" s="12"/>
    </row>
    <row r="12368" spans="8:8">
      <c r="H12368" s="12"/>
    </row>
    <row r="12369" spans="8:8">
      <c r="H12369" s="12"/>
    </row>
    <row r="12370" spans="8:8">
      <c r="H12370" s="12"/>
    </row>
    <row r="12371" spans="8:8">
      <c r="H12371" s="12"/>
    </row>
    <row r="12372" spans="8:8">
      <c r="H12372" s="12"/>
    </row>
    <row r="12373" spans="8:8">
      <c r="H12373" s="12"/>
    </row>
    <row r="12374" spans="8:8">
      <c r="H12374" s="12"/>
    </row>
    <row r="12375" spans="8:8">
      <c r="H12375" s="12"/>
    </row>
    <row r="12376" spans="8:8">
      <c r="H12376" s="12"/>
    </row>
    <row r="12377" spans="8:8">
      <c r="H12377" s="12"/>
    </row>
    <row r="12378" spans="8:8">
      <c r="H12378" s="12"/>
    </row>
    <row r="12379" spans="8:8">
      <c r="H12379" s="12"/>
    </row>
    <row r="12380" spans="8:8">
      <c r="H12380" s="12"/>
    </row>
    <row r="12381" spans="8:8">
      <c r="H12381" s="12"/>
    </row>
    <row r="12382" spans="8:8">
      <c r="H12382" s="12"/>
    </row>
    <row r="12383" spans="8:8">
      <c r="H12383" s="12"/>
    </row>
    <row r="12384" spans="8:8">
      <c r="H12384" s="12"/>
    </row>
    <row r="12385" spans="8:8">
      <c r="H12385" s="12"/>
    </row>
    <row r="12386" spans="8:8">
      <c r="H12386" s="12"/>
    </row>
    <row r="12387" spans="8:8">
      <c r="H12387" s="12"/>
    </row>
    <row r="12388" spans="8:8">
      <c r="H12388" s="12"/>
    </row>
    <row r="12389" spans="8:8">
      <c r="H12389" s="12"/>
    </row>
    <row r="12390" spans="8:8">
      <c r="H12390" s="12"/>
    </row>
    <row r="12391" spans="8:8">
      <c r="H12391" s="12"/>
    </row>
    <row r="12392" spans="8:8">
      <c r="H12392" s="12"/>
    </row>
    <row r="12393" spans="8:8">
      <c r="H12393" s="12"/>
    </row>
    <row r="12394" spans="8:8">
      <c r="H12394" s="12"/>
    </row>
    <row r="12395" spans="8:8">
      <c r="H12395" s="12"/>
    </row>
    <row r="12396" spans="8:8">
      <c r="H12396" s="12"/>
    </row>
    <row r="12397" spans="8:8">
      <c r="H12397" s="12"/>
    </row>
    <row r="12398" spans="8:8">
      <c r="H12398" s="12"/>
    </row>
    <row r="12399" spans="8:8">
      <c r="H12399" s="12"/>
    </row>
    <row r="12400" spans="8:8">
      <c r="H12400" s="12"/>
    </row>
    <row r="12401" spans="8:8">
      <c r="H12401" s="12"/>
    </row>
    <row r="12402" spans="8:8">
      <c r="H12402" s="12"/>
    </row>
    <row r="12403" spans="8:8">
      <c r="H12403" s="12"/>
    </row>
    <row r="12404" spans="8:8">
      <c r="H12404" s="12"/>
    </row>
    <row r="12405" spans="8:8">
      <c r="H12405" s="12"/>
    </row>
    <row r="12406" spans="8:8">
      <c r="H12406" s="12"/>
    </row>
    <row r="12407" spans="8:8">
      <c r="H12407" s="12"/>
    </row>
    <row r="12408" spans="8:8">
      <c r="H12408" s="12"/>
    </row>
    <row r="12409" spans="8:8">
      <c r="H12409" s="12"/>
    </row>
    <row r="12410" spans="8:8">
      <c r="H12410" s="12"/>
    </row>
    <row r="12411" spans="8:8">
      <c r="H12411" s="12"/>
    </row>
    <row r="12412" spans="8:8">
      <c r="H12412" s="12"/>
    </row>
    <row r="12413" spans="8:8">
      <c r="H12413" s="12"/>
    </row>
    <row r="12414" spans="8:8">
      <c r="H12414" s="12"/>
    </row>
    <row r="12415" spans="8:8">
      <c r="H12415" s="12"/>
    </row>
    <row r="12416" spans="8:8">
      <c r="H12416" s="12"/>
    </row>
    <row r="12417" spans="8:8">
      <c r="H12417" s="12"/>
    </row>
    <row r="12418" spans="8:8">
      <c r="H12418" s="12"/>
    </row>
    <row r="12419" spans="8:8">
      <c r="H12419" s="12"/>
    </row>
    <row r="12420" spans="8:8">
      <c r="H12420" s="12"/>
    </row>
    <row r="12421" spans="8:8">
      <c r="H12421" s="12"/>
    </row>
    <row r="12422" spans="8:8">
      <c r="H12422" s="12"/>
    </row>
    <row r="12423" spans="8:8">
      <c r="H12423" s="12"/>
    </row>
    <row r="12424" spans="8:8">
      <c r="H12424" s="12"/>
    </row>
    <row r="12425" spans="8:8">
      <c r="H12425" s="12"/>
    </row>
    <row r="12426" spans="8:8">
      <c r="H12426" s="12"/>
    </row>
    <row r="12427" spans="8:8">
      <c r="H12427" s="12"/>
    </row>
    <row r="12428" spans="8:8">
      <c r="H12428" s="12"/>
    </row>
    <row r="12429" spans="8:8">
      <c r="H12429" s="12"/>
    </row>
    <row r="12430" spans="8:8">
      <c r="H12430" s="12"/>
    </row>
    <row r="12431" spans="8:8">
      <c r="H12431" s="12"/>
    </row>
    <row r="12432" spans="8:8">
      <c r="H12432" s="12"/>
    </row>
    <row r="12433" spans="8:8">
      <c r="H12433" s="12"/>
    </row>
    <row r="12434" spans="8:8">
      <c r="H12434" s="12"/>
    </row>
    <row r="12435" spans="8:8">
      <c r="H12435" s="12"/>
    </row>
    <row r="12436" spans="8:8">
      <c r="H12436" s="12"/>
    </row>
    <row r="12437" spans="8:8">
      <c r="H12437" s="12"/>
    </row>
    <row r="12438" spans="8:8">
      <c r="H12438" s="12"/>
    </row>
    <row r="12439" spans="8:8">
      <c r="H12439" s="12"/>
    </row>
    <row r="12440" spans="8:8">
      <c r="H12440" s="12"/>
    </row>
    <row r="12441" spans="8:8">
      <c r="H12441" s="12"/>
    </row>
    <row r="12442" spans="8:8">
      <c r="H12442" s="12"/>
    </row>
    <row r="12443" spans="8:8">
      <c r="H12443" s="12"/>
    </row>
    <row r="12444" spans="8:8">
      <c r="H12444" s="12"/>
    </row>
    <row r="12445" spans="8:8">
      <c r="H12445" s="12"/>
    </row>
    <row r="12446" spans="8:8">
      <c r="H12446" s="12"/>
    </row>
    <row r="12447" spans="8:8">
      <c r="H12447" s="12"/>
    </row>
    <row r="12448" spans="8:8">
      <c r="H12448" s="12"/>
    </row>
    <row r="12449" spans="8:8">
      <c r="H12449" s="12"/>
    </row>
    <row r="12450" spans="8:8">
      <c r="H12450" s="12"/>
    </row>
    <row r="12451" spans="8:8">
      <c r="H12451" s="12"/>
    </row>
    <row r="12452" spans="8:8">
      <c r="H12452" s="12"/>
    </row>
    <row r="12453" spans="8:8">
      <c r="H12453" s="12"/>
    </row>
    <row r="12454" spans="8:8">
      <c r="H12454" s="12"/>
    </row>
    <row r="12455" spans="8:8">
      <c r="H12455" s="12"/>
    </row>
    <row r="12456" spans="8:8">
      <c r="H12456" s="12"/>
    </row>
    <row r="12457" spans="8:8">
      <c r="H12457" s="12"/>
    </row>
    <row r="12458" spans="8:8">
      <c r="H12458" s="12"/>
    </row>
    <row r="12459" spans="8:8">
      <c r="H12459" s="12"/>
    </row>
    <row r="12460" spans="8:8">
      <c r="H12460" s="12"/>
    </row>
    <row r="12461" spans="8:8">
      <c r="H12461" s="12"/>
    </row>
    <row r="12462" spans="8:8">
      <c r="H12462" s="12"/>
    </row>
    <row r="12463" spans="8:8">
      <c r="H12463" s="12"/>
    </row>
    <row r="12464" spans="8:8">
      <c r="H12464" s="12"/>
    </row>
    <row r="12465" spans="8:8">
      <c r="H12465" s="12"/>
    </row>
    <row r="12466" spans="8:8">
      <c r="H12466" s="12"/>
    </row>
    <row r="12467" spans="8:8">
      <c r="H12467" s="12"/>
    </row>
    <row r="12468" spans="8:8">
      <c r="H12468" s="12"/>
    </row>
    <row r="12469" spans="8:8">
      <c r="H12469" s="12"/>
    </row>
    <row r="12470" spans="8:8">
      <c r="H12470" s="12"/>
    </row>
    <row r="12471" spans="8:8">
      <c r="H12471" s="12"/>
    </row>
    <row r="12472" spans="8:8">
      <c r="H12472" s="12"/>
    </row>
    <row r="12473" spans="8:8">
      <c r="H12473" s="12"/>
    </row>
    <row r="12474" spans="8:8">
      <c r="H12474" s="12"/>
    </row>
    <row r="12475" spans="8:8">
      <c r="H12475" s="12"/>
    </row>
    <row r="12476" spans="8:8">
      <c r="H12476" s="12"/>
    </row>
    <row r="12477" spans="8:8">
      <c r="H12477" s="12"/>
    </row>
    <row r="12478" spans="8:8">
      <c r="H12478" s="12"/>
    </row>
    <row r="12479" spans="8:8">
      <c r="H12479" s="12"/>
    </row>
    <row r="12480" spans="8:8">
      <c r="H12480" s="12"/>
    </row>
    <row r="12481" spans="8:8">
      <c r="H12481" s="12"/>
    </row>
    <row r="12482" spans="8:8">
      <c r="H12482" s="12"/>
    </row>
    <row r="12483" spans="8:8">
      <c r="H12483" s="12"/>
    </row>
    <row r="12484" spans="8:8">
      <c r="H12484" s="12"/>
    </row>
    <row r="12485" spans="8:8">
      <c r="H12485" s="12"/>
    </row>
    <row r="12486" spans="8:8">
      <c r="H12486" s="12"/>
    </row>
    <row r="12487" spans="8:8">
      <c r="H12487" s="12"/>
    </row>
    <row r="12488" spans="8:8">
      <c r="H12488" s="12"/>
    </row>
    <row r="12489" spans="8:8">
      <c r="H12489" s="12"/>
    </row>
    <row r="12490" spans="8:8">
      <c r="H12490" s="12"/>
    </row>
    <row r="12491" spans="8:8">
      <c r="H12491" s="12"/>
    </row>
    <row r="12492" spans="8:8">
      <c r="H12492" s="12"/>
    </row>
    <row r="12493" spans="8:8">
      <c r="H12493" s="12"/>
    </row>
    <row r="12494" spans="8:8">
      <c r="H12494" s="12"/>
    </row>
    <row r="12495" spans="8:8">
      <c r="H12495" s="12"/>
    </row>
    <row r="12496" spans="8:8">
      <c r="H12496" s="12"/>
    </row>
    <row r="12497" spans="8:8">
      <c r="H12497" s="12"/>
    </row>
    <row r="12498" spans="8:8">
      <c r="H12498" s="12"/>
    </row>
    <row r="12499" spans="8:8">
      <c r="H12499" s="12"/>
    </row>
    <row r="12500" spans="8:8">
      <c r="H12500" s="12"/>
    </row>
    <row r="12501" spans="8:8">
      <c r="H12501" s="12"/>
    </row>
    <row r="12502" spans="8:8">
      <c r="H12502" s="12"/>
    </row>
    <row r="12503" spans="8:8">
      <c r="H12503" s="12"/>
    </row>
    <row r="12504" spans="8:8">
      <c r="H12504" s="12"/>
    </row>
    <row r="12505" spans="8:8">
      <c r="H12505" s="12"/>
    </row>
    <row r="12506" spans="8:8">
      <c r="H12506" s="12"/>
    </row>
    <row r="12507" spans="8:8">
      <c r="H12507" s="12"/>
    </row>
    <row r="12508" spans="8:8">
      <c r="H12508" s="12"/>
    </row>
    <row r="12509" spans="8:8">
      <c r="H12509" s="12"/>
    </row>
    <row r="12510" spans="8:8">
      <c r="H12510" s="12"/>
    </row>
    <row r="12511" spans="8:8">
      <c r="H12511" s="12"/>
    </row>
    <row r="12512" spans="8:8">
      <c r="H12512" s="12"/>
    </row>
    <row r="12513" spans="8:8">
      <c r="H12513" s="12"/>
    </row>
    <row r="12514" spans="8:8">
      <c r="H12514" s="12"/>
    </row>
    <row r="12515" spans="8:8">
      <c r="H12515" s="12"/>
    </row>
    <row r="12516" spans="8:8">
      <c r="H12516" s="12"/>
    </row>
    <row r="12517" spans="8:8">
      <c r="H12517" s="12"/>
    </row>
    <row r="12518" spans="8:8">
      <c r="H12518" s="12"/>
    </row>
    <row r="12519" spans="8:8">
      <c r="H12519" s="12"/>
    </row>
    <row r="12520" spans="8:8">
      <c r="H12520" s="12"/>
    </row>
    <row r="12521" spans="8:8">
      <c r="H12521" s="12"/>
    </row>
    <row r="12522" spans="8:8">
      <c r="H12522" s="12"/>
    </row>
    <row r="12523" spans="8:8">
      <c r="H12523" s="12"/>
    </row>
    <row r="12524" spans="8:8">
      <c r="H12524" s="12"/>
    </row>
    <row r="12525" spans="8:8">
      <c r="H12525" s="12"/>
    </row>
    <row r="12526" spans="8:8">
      <c r="H12526" s="12"/>
    </row>
    <row r="12527" spans="8:8">
      <c r="H12527" s="12"/>
    </row>
    <row r="12528" spans="8:8">
      <c r="H12528" s="12"/>
    </row>
    <row r="12529" spans="8:8">
      <c r="H12529" s="12"/>
    </row>
    <row r="12530" spans="8:8">
      <c r="H12530" s="12"/>
    </row>
    <row r="12531" spans="8:8">
      <c r="H12531" s="12"/>
    </row>
    <row r="12532" spans="8:8">
      <c r="H12532" s="12"/>
    </row>
    <row r="12533" spans="8:8">
      <c r="H12533" s="12"/>
    </row>
    <row r="12534" spans="8:8">
      <c r="H12534" s="12"/>
    </row>
    <row r="12535" spans="8:8">
      <c r="H12535" s="12"/>
    </row>
    <row r="12536" spans="8:8">
      <c r="H12536" s="12"/>
    </row>
    <row r="12537" spans="8:8">
      <c r="H12537" s="12"/>
    </row>
    <row r="12538" spans="8:8">
      <c r="H12538" s="12"/>
    </row>
    <row r="12539" spans="8:8">
      <c r="H12539" s="12"/>
    </row>
    <row r="12540" spans="8:8">
      <c r="H12540" s="12"/>
    </row>
    <row r="12541" spans="8:8">
      <c r="H12541" s="12"/>
    </row>
    <row r="12542" spans="8:8">
      <c r="H12542" s="12"/>
    </row>
    <row r="12543" spans="8:8">
      <c r="H12543" s="12"/>
    </row>
    <row r="12544" spans="8:8">
      <c r="H12544" s="12"/>
    </row>
    <row r="12545" spans="8:8">
      <c r="H12545" s="12"/>
    </row>
    <row r="12546" spans="8:8">
      <c r="H12546" s="12"/>
    </row>
    <row r="12547" spans="8:8">
      <c r="H12547" s="12"/>
    </row>
    <row r="12548" spans="8:8">
      <c r="H12548" s="12"/>
    </row>
    <row r="12549" spans="8:8">
      <c r="H12549" s="12"/>
    </row>
    <row r="12550" spans="8:8">
      <c r="H12550" s="12"/>
    </row>
    <row r="12551" spans="8:8">
      <c r="H12551" s="12"/>
    </row>
    <row r="12552" spans="8:8">
      <c r="H12552" s="12"/>
    </row>
    <row r="12553" spans="8:8">
      <c r="H12553" s="12"/>
    </row>
    <row r="12554" spans="8:8">
      <c r="H12554" s="12"/>
    </row>
    <row r="12555" spans="8:8">
      <c r="H12555" s="12"/>
    </row>
    <row r="12556" spans="8:8">
      <c r="H12556" s="12"/>
    </row>
    <row r="12557" spans="8:8">
      <c r="H12557" s="12"/>
    </row>
    <row r="12558" spans="8:8">
      <c r="H12558" s="12"/>
    </row>
    <row r="12559" spans="8:8">
      <c r="H12559" s="12"/>
    </row>
    <row r="12560" spans="8:8">
      <c r="H12560" s="12"/>
    </row>
    <row r="12561" spans="8:8">
      <c r="H12561" s="12"/>
    </row>
    <row r="12562" spans="8:8">
      <c r="H12562" s="12"/>
    </row>
    <row r="12563" spans="8:8">
      <c r="H12563" s="12"/>
    </row>
    <row r="12564" spans="8:8">
      <c r="H12564" s="12"/>
    </row>
    <row r="12565" spans="8:8">
      <c r="H12565" s="12"/>
    </row>
    <row r="12566" spans="8:8">
      <c r="H12566" s="12"/>
    </row>
    <row r="12567" spans="8:8">
      <c r="H12567" s="12"/>
    </row>
    <row r="12568" spans="8:8">
      <c r="H12568" s="12"/>
    </row>
    <row r="12569" spans="8:8">
      <c r="H12569" s="12"/>
    </row>
    <row r="12570" spans="8:8">
      <c r="H12570" s="12"/>
    </row>
    <row r="12571" spans="8:8">
      <c r="H12571" s="12"/>
    </row>
    <row r="12572" spans="8:8">
      <c r="H12572" s="12"/>
    </row>
    <row r="12573" spans="8:8">
      <c r="H12573" s="12"/>
    </row>
    <row r="12574" spans="8:8">
      <c r="H12574" s="12"/>
    </row>
    <row r="12575" spans="8:8">
      <c r="H12575" s="12"/>
    </row>
    <row r="12576" spans="8:8">
      <c r="H12576" s="12"/>
    </row>
    <row r="12577" spans="8:8">
      <c r="H12577" s="12"/>
    </row>
    <row r="12578" spans="8:8">
      <c r="H12578" s="12"/>
    </row>
    <row r="12579" spans="8:8">
      <c r="H12579" s="12"/>
    </row>
    <row r="12580" spans="8:8">
      <c r="H12580" s="12"/>
    </row>
    <row r="12581" spans="8:8">
      <c r="H12581" s="12"/>
    </row>
    <row r="12582" spans="8:8">
      <c r="H12582" s="12"/>
    </row>
    <row r="12583" spans="8:8">
      <c r="H12583" s="12"/>
    </row>
    <row r="12584" spans="8:8">
      <c r="H12584" s="12"/>
    </row>
    <row r="12585" spans="8:8">
      <c r="H12585" s="12"/>
    </row>
    <row r="12586" spans="8:8">
      <c r="H12586" s="12"/>
    </row>
    <row r="12587" spans="8:8">
      <c r="H12587" s="12"/>
    </row>
    <row r="12588" spans="8:8">
      <c r="H12588" s="12"/>
    </row>
    <row r="12589" spans="8:8">
      <c r="H12589" s="12"/>
    </row>
    <row r="12590" spans="8:8">
      <c r="H12590" s="12"/>
    </row>
    <row r="12591" spans="8:8">
      <c r="H12591" s="12"/>
    </row>
    <row r="12592" spans="8:8">
      <c r="H12592" s="12"/>
    </row>
    <row r="12593" spans="8:8">
      <c r="H12593" s="12"/>
    </row>
    <row r="12594" spans="8:8">
      <c r="H12594" s="12"/>
    </row>
    <row r="12595" spans="8:8">
      <c r="H12595" s="12"/>
    </row>
    <row r="12596" spans="8:8">
      <c r="H12596" s="12"/>
    </row>
    <row r="12597" spans="8:8">
      <c r="H12597" s="12"/>
    </row>
    <row r="12598" spans="8:8">
      <c r="H12598" s="12"/>
    </row>
    <row r="12599" spans="8:8">
      <c r="H12599" s="12"/>
    </row>
    <row r="12600" spans="8:8">
      <c r="H12600" s="12"/>
    </row>
    <row r="12601" spans="8:8">
      <c r="H12601" s="12"/>
    </row>
    <row r="12602" spans="8:8">
      <c r="H12602" s="12"/>
    </row>
    <row r="12603" spans="8:8">
      <c r="H12603" s="12"/>
    </row>
    <row r="12604" spans="8:8">
      <c r="H12604" s="12"/>
    </row>
    <row r="12605" spans="8:8">
      <c r="H12605" s="12"/>
    </row>
    <row r="12606" spans="8:8">
      <c r="H12606" s="12"/>
    </row>
    <row r="12607" spans="8:8">
      <c r="H12607" s="12"/>
    </row>
    <row r="12608" spans="8:8">
      <c r="H12608" s="12"/>
    </row>
    <row r="12609" spans="8:8">
      <c r="H12609" s="12"/>
    </row>
    <row r="12610" spans="8:8">
      <c r="H12610" s="12"/>
    </row>
    <row r="12611" spans="8:8">
      <c r="H12611" s="12"/>
    </row>
    <row r="12612" spans="8:8">
      <c r="H12612" s="12"/>
    </row>
    <row r="12613" spans="8:8">
      <c r="H12613" s="12"/>
    </row>
    <row r="12614" spans="8:8">
      <c r="H12614" s="12"/>
    </row>
    <row r="12615" spans="8:8">
      <c r="H12615" s="12"/>
    </row>
    <row r="12616" spans="8:8">
      <c r="H12616" s="12"/>
    </row>
    <row r="12617" spans="8:8">
      <c r="H12617" s="12"/>
    </row>
    <row r="12618" spans="8:8">
      <c r="H12618" s="12"/>
    </row>
    <row r="12619" spans="8:8">
      <c r="H12619" s="12"/>
    </row>
    <row r="12620" spans="8:8">
      <c r="H12620" s="12"/>
    </row>
    <row r="12621" spans="8:8">
      <c r="H12621" s="12"/>
    </row>
    <row r="12622" spans="8:8">
      <c r="H12622" s="12"/>
    </row>
    <row r="12623" spans="8:8">
      <c r="H12623" s="12"/>
    </row>
    <row r="12624" spans="8:8">
      <c r="H12624" s="12"/>
    </row>
    <row r="12625" spans="8:8">
      <c r="H12625" s="12"/>
    </row>
    <row r="12626" spans="8:8">
      <c r="H12626" s="12"/>
    </row>
    <row r="12627" spans="8:8">
      <c r="H12627" s="12"/>
    </row>
    <row r="12628" spans="8:8">
      <c r="H12628" s="12"/>
    </row>
    <row r="12629" spans="8:8">
      <c r="H12629" s="12"/>
    </row>
    <row r="12630" spans="8:8">
      <c r="H12630" s="12"/>
    </row>
    <row r="12631" spans="8:8">
      <c r="H12631" s="12"/>
    </row>
    <row r="12632" spans="8:8">
      <c r="H12632" s="12"/>
    </row>
    <row r="12633" spans="8:8">
      <c r="H12633" s="12"/>
    </row>
    <row r="12634" spans="8:8">
      <c r="H12634" s="12"/>
    </row>
    <row r="12635" spans="8:8">
      <c r="H12635" s="12"/>
    </row>
    <row r="12636" spans="8:8">
      <c r="H12636" s="12"/>
    </row>
    <row r="12637" spans="8:8">
      <c r="H12637" s="12"/>
    </row>
    <row r="12638" spans="8:8">
      <c r="H12638" s="12"/>
    </row>
    <row r="12639" spans="8:8">
      <c r="H12639" s="12"/>
    </row>
    <row r="12640" spans="8:8">
      <c r="H12640" s="12"/>
    </row>
    <row r="12641" spans="8:8">
      <c r="H12641" s="12"/>
    </row>
    <row r="12642" spans="8:8">
      <c r="H12642" s="12"/>
    </row>
    <row r="12643" spans="8:8">
      <c r="H12643" s="12"/>
    </row>
    <row r="12644" spans="8:8">
      <c r="H12644" s="12"/>
    </row>
    <row r="12645" spans="8:8">
      <c r="H12645" s="12"/>
    </row>
    <row r="12646" spans="8:8">
      <c r="H12646" s="12"/>
    </row>
    <row r="12647" spans="8:8">
      <c r="H12647" s="12"/>
    </row>
    <row r="12648" spans="8:8">
      <c r="H12648" s="12"/>
    </row>
    <row r="12649" spans="8:8">
      <c r="H12649" s="12"/>
    </row>
    <row r="12650" spans="8:8">
      <c r="H12650" s="12"/>
    </row>
    <row r="12651" spans="8:8">
      <c r="H12651" s="12"/>
    </row>
    <row r="12652" spans="8:8">
      <c r="H12652" s="12"/>
    </row>
    <row r="12653" spans="8:8">
      <c r="H12653" s="12"/>
    </row>
    <row r="12654" spans="8:8">
      <c r="H12654" s="12"/>
    </row>
    <row r="12655" spans="8:8">
      <c r="H12655" s="12"/>
    </row>
    <row r="12656" spans="8:8">
      <c r="H12656" s="12"/>
    </row>
    <row r="12657" spans="8:8">
      <c r="H12657" s="12"/>
    </row>
    <row r="12658" spans="8:8">
      <c r="H12658" s="12"/>
    </row>
    <row r="12659" spans="8:8">
      <c r="H12659" s="12"/>
    </row>
    <row r="12660" spans="8:8">
      <c r="H12660" s="12"/>
    </row>
    <row r="12661" spans="8:8">
      <c r="H12661" s="12"/>
    </row>
    <row r="12662" spans="8:8">
      <c r="H12662" s="12"/>
    </row>
    <row r="12663" spans="8:8">
      <c r="H12663" s="12"/>
    </row>
    <row r="12664" spans="8:8">
      <c r="H12664" s="12"/>
    </row>
    <row r="12665" spans="8:8">
      <c r="H12665" s="12"/>
    </row>
    <row r="12666" spans="8:8">
      <c r="H12666" s="12"/>
    </row>
    <row r="12667" spans="8:8">
      <c r="H12667" s="12"/>
    </row>
    <row r="12668" spans="8:8">
      <c r="H12668" s="12"/>
    </row>
    <row r="12669" spans="8:8">
      <c r="H12669" s="12"/>
    </row>
    <row r="12670" spans="8:8">
      <c r="H12670" s="12"/>
    </row>
    <row r="12671" spans="8:8">
      <c r="H12671" s="12"/>
    </row>
    <row r="12672" spans="8:8">
      <c r="H12672" s="12"/>
    </row>
    <row r="12673" spans="8:8">
      <c r="H12673" s="12"/>
    </row>
    <row r="12674" spans="8:8">
      <c r="H12674" s="12"/>
    </row>
    <row r="12675" spans="8:8">
      <c r="H12675" s="12"/>
    </row>
    <row r="12676" spans="8:8">
      <c r="H12676" s="12"/>
    </row>
    <row r="12677" spans="8:8">
      <c r="H12677" s="12"/>
    </row>
    <row r="12678" spans="8:8">
      <c r="H12678" s="12"/>
    </row>
    <row r="12679" spans="8:8">
      <c r="H12679" s="12"/>
    </row>
    <row r="12680" spans="8:8">
      <c r="H12680" s="12"/>
    </row>
    <row r="12681" spans="8:8">
      <c r="H12681" s="12"/>
    </row>
    <row r="12682" spans="8:8">
      <c r="H12682" s="12"/>
    </row>
    <row r="12683" spans="8:8">
      <c r="H12683" s="12"/>
    </row>
    <row r="12684" spans="8:8">
      <c r="H12684" s="12"/>
    </row>
    <row r="12685" spans="8:8">
      <c r="H12685" s="12"/>
    </row>
    <row r="12686" spans="8:8">
      <c r="H12686" s="12"/>
    </row>
    <row r="12687" spans="8:8">
      <c r="H12687" s="12"/>
    </row>
    <row r="12688" spans="8:8">
      <c r="H12688" s="12"/>
    </row>
    <row r="12689" spans="8:8">
      <c r="H12689" s="12"/>
    </row>
    <row r="12690" spans="8:8">
      <c r="H12690" s="12"/>
    </row>
    <row r="12691" spans="8:8">
      <c r="H12691" s="12"/>
    </row>
    <row r="12692" spans="8:8">
      <c r="H12692" s="12"/>
    </row>
    <row r="12693" spans="8:8">
      <c r="H12693" s="12"/>
    </row>
    <row r="12694" spans="8:8">
      <c r="H12694" s="12"/>
    </row>
    <row r="12695" spans="8:8">
      <c r="H12695" s="12"/>
    </row>
    <row r="12696" spans="8:8">
      <c r="H12696" s="12"/>
    </row>
    <row r="12697" spans="8:8">
      <c r="H12697" s="12"/>
    </row>
    <row r="12698" spans="8:8">
      <c r="H12698" s="12"/>
    </row>
    <row r="12699" spans="8:8">
      <c r="H12699" s="12"/>
    </row>
    <row r="12700" spans="8:8">
      <c r="H12700" s="12"/>
    </row>
    <row r="12701" spans="8:8">
      <c r="H12701" s="12"/>
    </row>
    <row r="12702" spans="8:8">
      <c r="H12702" s="12"/>
    </row>
    <row r="12703" spans="8:8">
      <c r="H12703" s="12"/>
    </row>
    <row r="12704" spans="8:8">
      <c r="H12704" s="12"/>
    </row>
    <row r="12705" spans="8:8">
      <c r="H12705" s="12"/>
    </row>
    <row r="12706" spans="8:8">
      <c r="H12706" s="12"/>
    </row>
    <row r="12707" spans="8:8">
      <c r="H12707" s="12"/>
    </row>
    <row r="12708" spans="8:8">
      <c r="H12708" s="12"/>
    </row>
    <row r="12709" spans="8:8">
      <c r="H12709" s="12"/>
    </row>
    <row r="12710" spans="8:8">
      <c r="H12710" s="12"/>
    </row>
    <row r="12711" spans="8:8">
      <c r="H12711" s="12"/>
    </row>
    <row r="12712" spans="8:8">
      <c r="H12712" s="12"/>
    </row>
    <row r="12713" spans="8:8">
      <c r="H12713" s="12"/>
    </row>
    <row r="12714" spans="8:8">
      <c r="H12714" s="12"/>
    </row>
    <row r="12715" spans="8:8">
      <c r="H12715" s="12"/>
    </row>
    <row r="12716" spans="8:8">
      <c r="H12716" s="12"/>
    </row>
    <row r="12717" spans="8:8">
      <c r="H12717" s="12"/>
    </row>
    <row r="12718" spans="8:8">
      <c r="H12718" s="12"/>
    </row>
    <row r="12719" spans="8:8">
      <c r="H12719" s="12"/>
    </row>
    <row r="12720" spans="8:8">
      <c r="H12720" s="12"/>
    </row>
    <row r="12721" spans="8:8">
      <c r="H12721" s="12"/>
    </row>
    <row r="12722" spans="8:8">
      <c r="H12722" s="12"/>
    </row>
    <row r="12723" spans="8:8">
      <c r="H12723" s="12"/>
    </row>
    <row r="12724" spans="8:8">
      <c r="H12724" s="12"/>
    </row>
    <row r="12725" spans="8:8">
      <c r="H12725" s="12"/>
    </row>
    <row r="12726" spans="8:8">
      <c r="H12726" s="12"/>
    </row>
    <row r="12727" spans="8:8">
      <c r="H12727" s="12"/>
    </row>
    <row r="12728" spans="8:8">
      <c r="H12728" s="12"/>
    </row>
    <row r="12729" spans="8:8">
      <c r="H12729" s="12"/>
    </row>
    <row r="12730" spans="8:8">
      <c r="H12730" s="12"/>
    </row>
    <row r="12731" spans="8:8">
      <c r="H12731" s="12"/>
    </row>
    <row r="12732" spans="8:8">
      <c r="H12732" s="12"/>
    </row>
    <row r="12733" spans="8:8">
      <c r="H12733" s="12"/>
    </row>
    <row r="12734" spans="8:8">
      <c r="H12734" s="12"/>
    </row>
    <row r="12735" spans="8:8">
      <c r="H12735" s="12"/>
    </row>
    <row r="12736" spans="8:8">
      <c r="H12736" s="12"/>
    </row>
    <row r="12737" spans="8:8">
      <c r="H12737" s="12"/>
    </row>
    <row r="12738" spans="8:8">
      <c r="H12738" s="12"/>
    </row>
    <row r="12739" spans="8:8">
      <c r="H12739" s="12"/>
    </row>
    <row r="12740" spans="8:8">
      <c r="H12740" s="12"/>
    </row>
    <row r="12741" spans="8:8">
      <c r="H12741" s="12"/>
    </row>
    <row r="12742" spans="8:8">
      <c r="H12742" s="12"/>
    </row>
    <row r="12743" spans="8:8">
      <c r="H12743" s="12"/>
    </row>
    <row r="12744" spans="8:8">
      <c r="H12744" s="12"/>
    </row>
    <row r="12745" spans="8:8">
      <c r="H12745" s="12"/>
    </row>
    <row r="12746" spans="8:8">
      <c r="H12746" s="12"/>
    </row>
    <row r="12747" spans="8:8">
      <c r="H12747" s="12"/>
    </row>
    <row r="12748" spans="8:8">
      <c r="H12748" s="12"/>
    </row>
    <row r="12749" spans="8:8">
      <c r="H12749" s="12"/>
    </row>
    <row r="12750" spans="8:8">
      <c r="H12750" s="12"/>
    </row>
    <row r="12751" spans="8:8">
      <c r="H12751" s="12"/>
    </row>
    <row r="12752" spans="8:8">
      <c r="H12752" s="12"/>
    </row>
    <row r="12753" spans="8:8">
      <c r="H12753" s="12"/>
    </row>
    <row r="12754" spans="8:8">
      <c r="H12754" s="12"/>
    </row>
    <row r="12755" spans="8:8">
      <c r="H12755" s="12"/>
    </row>
    <row r="12756" spans="8:8">
      <c r="H12756" s="12"/>
    </row>
    <row r="12757" spans="8:8">
      <c r="H12757" s="12"/>
    </row>
    <row r="12758" spans="8:8">
      <c r="H12758" s="12"/>
    </row>
    <row r="12759" spans="8:8">
      <c r="H12759" s="12"/>
    </row>
    <row r="12760" spans="8:8">
      <c r="H12760" s="12"/>
    </row>
    <row r="12761" spans="8:8">
      <c r="H12761" s="12"/>
    </row>
    <row r="12762" spans="8:8">
      <c r="H12762" s="12"/>
    </row>
    <row r="12763" spans="8:8">
      <c r="H12763" s="12"/>
    </row>
    <row r="12764" spans="8:8">
      <c r="H12764" s="12"/>
    </row>
    <row r="12765" spans="8:8">
      <c r="H12765" s="12"/>
    </row>
    <row r="12766" spans="8:8">
      <c r="H12766" s="12"/>
    </row>
    <row r="12767" spans="8:8">
      <c r="H12767" s="12"/>
    </row>
    <row r="12768" spans="8:8">
      <c r="H12768" s="12"/>
    </row>
    <row r="12769" spans="8:8">
      <c r="H12769" s="12"/>
    </row>
    <row r="12770" spans="8:8">
      <c r="H12770" s="12"/>
    </row>
    <row r="12771" spans="8:8">
      <c r="H12771" s="12"/>
    </row>
    <row r="12772" spans="8:8">
      <c r="H12772" s="12"/>
    </row>
    <row r="12773" spans="8:8">
      <c r="H12773" s="12"/>
    </row>
    <row r="12774" spans="8:8">
      <c r="H12774" s="12"/>
    </row>
    <row r="12775" spans="8:8">
      <c r="H12775" s="12"/>
    </row>
    <row r="12776" spans="8:8">
      <c r="H12776" s="12"/>
    </row>
    <row r="12777" spans="8:8">
      <c r="H12777" s="12"/>
    </row>
    <row r="12778" spans="8:8">
      <c r="H12778" s="12"/>
    </row>
    <row r="12779" spans="8:8">
      <c r="H12779" s="12"/>
    </row>
    <row r="12780" spans="8:8">
      <c r="H12780" s="12"/>
    </row>
    <row r="12781" spans="8:8">
      <c r="H12781" s="12"/>
    </row>
    <row r="12782" spans="8:8">
      <c r="H12782" s="12"/>
    </row>
    <row r="12783" spans="8:8">
      <c r="H12783" s="12"/>
    </row>
    <row r="12784" spans="8:8">
      <c r="H12784" s="12"/>
    </row>
    <row r="12785" spans="8:8">
      <c r="H12785" s="12"/>
    </row>
    <row r="12786" spans="8:8">
      <c r="H12786" s="12"/>
    </row>
    <row r="12787" spans="8:8">
      <c r="H12787" s="12"/>
    </row>
    <row r="12788" spans="8:8">
      <c r="H12788" s="12"/>
    </row>
    <row r="12789" spans="8:8">
      <c r="H12789" s="12"/>
    </row>
    <row r="12790" spans="8:8">
      <c r="H12790" s="12"/>
    </row>
    <row r="12791" spans="8:8">
      <c r="H12791" s="12"/>
    </row>
    <row r="12792" spans="8:8">
      <c r="H12792" s="12"/>
    </row>
    <row r="12793" spans="8:8">
      <c r="H12793" s="12"/>
    </row>
    <row r="12794" spans="8:8">
      <c r="H12794" s="12"/>
    </row>
    <row r="12795" spans="8:8">
      <c r="H12795" s="12"/>
    </row>
    <row r="12796" spans="8:8">
      <c r="H12796" s="12"/>
    </row>
    <row r="12797" spans="8:8">
      <c r="H12797" s="12"/>
    </row>
    <row r="12798" spans="8:8">
      <c r="H12798" s="12"/>
    </row>
    <row r="12799" spans="8:8">
      <c r="H12799" s="12"/>
    </row>
    <row r="12800" spans="8:8">
      <c r="H12800" s="12"/>
    </row>
    <row r="12801" spans="8:8">
      <c r="H12801" s="12"/>
    </row>
    <row r="12802" spans="8:8">
      <c r="H12802" s="12"/>
    </row>
    <row r="12803" spans="8:8">
      <c r="H12803" s="12"/>
    </row>
    <row r="12804" spans="8:8">
      <c r="H12804" s="12"/>
    </row>
    <row r="12805" spans="8:8">
      <c r="H12805" s="12"/>
    </row>
    <row r="12806" spans="8:8">
      <c r="H12806" s="12"/>
    </row>
    <row r="12807" spans="8:8">
      <c r="H12807" s="12"/>
    </row>
    <row r="12808" spans="8:8">
      <c r="H12808" s="12"/>
    </row>
    <row r="12809" spans="8:8">
      <c r="H12809" s="12"/>
    </row>
    <row r="12810" spans="8:8">
      <c r="H12810" s="12"/>
    </row>
    <row r="12811" spans="8:8">
      <c r="H12811" s="12"/>
    </row>
    <row r="12812" spans="8:8">
      <c r="H12812" s="12"/>
    </row>
    <row r="12813" spans="8:8">
      <c r="H12813" s="12"/>
    </row>
    <row r="12814" spans="8:8">
      <c r="H12814" s="12"/>
    </row>
    <row r="12815" spans="8:8">
      <c r="H12815" s="12"/>
    </row>
    <row r="12816" spans="8:8">
      <c r="H12816" s="12"/>
    </row>
    <row r="12817" spans="8:8">
      <c r="H12817" s="12"/>
    </row>
    <row r="12818" spans="8:8">
      <c r="H12818" s="12"/>
    </row>
    <row r="12819" spans="8:8">
      <c r="H12819" s="12"/>
    </row>
    <row r="12820" spans="8:8">
      <c r="H12820" s="12"/>
    </row>
    <row r="12821" spans="8:8">
      <c r="H12821" s="12"/>
    </row>
    <row r="12822" spans="8:8">
      <c r="H12822" s="12"/>
    </row>
    <row r="12823" spans="8:8">
      <c r="H12823" s="12"/>
    </row>
    <row r="12824" spans="8:8">
      <c r="H12824" s="12"/>
    </row>
    <row r="12825" spans="8:8">
      <c r="H12825" s="12"/>
    </row>
    <row r="12826" spans="8:8">
      <c r="H12826" s="12"/>
    </row>
    <row r="12827" spans="8:8">
      <c r="H12827" s="12"/>
    </row>
    <row r="12828" spans="8:8">
      <c r="H12828" s="12"/>
    </row>
    <row r="12829" spans="8:8">
      <c r="H12829" s="12"/>
    </row>
    <row r="12830" spans="8:8">
      <c r="H12830" s="12"/>
    </row>
    <row r="12831" spans="8:8">
      <c r="H12831" s="12"/>
    </row>
    <row r="12832" spans="8:8">
      <c r="H12832" s="12"/>
    </row>
    <row r="12833" spans="8:8">
      <c r="H12833" s="12"/>
    </row>
    <row r="12834" spans="8:8">
      <c r="H12834" s="12"/>
    </row>
    <row r="12835" spans="8:8">
      <c r="H12835" s="12"/>
    </row>
    <row r="12836" spans="8:8">
      <c r="H12836" s="12"/>
    </row>
    <row r="12837" spans="8:8">
      <c r="H12837" s="12"/>
    </row>
    <row r="12838" spans="8:8">
      <c r="H12838" s="12"/>
    </row>
    <row r="12839" spans="8:8">
      <c r="H12839" s="12"/>
    </row>
    <row r="12840" spans="8:8">
      <c r="H12840" s="12"/>
    </row>
    <row r="12841" spans="8:8">
      <c r="H12841" s="12"/>
    </row>
    <row r="12842" spans="8:8">
      <c r="H12842" s="12"/>
    </row>
    <row r="12843" spans="8:8">
      <c r="H12843" s="12"/>
    </row>
    <row r="12844" spans="8:8">
      <c r="H12844" s="12"/>
    </row>
    <row r="12845" spans="8:8">
      <c r="H12845" s="12"/>
    </row>
    <row r="12846" spans="8:8">
      <c r="H12846" s="12"/>
    </row>
    <row r="12847" spans="8:8">
      <c r="H12847" s="12"/>
    </row>
    <row r="12848" spans="8:8">
      <c r="H12848" s="12"/>
    </row>
    <row r="12849" spans="8:8">
      <c r="H12849" s="12"/>
    </row>
    <row r="12850" spans="8:8">
      <c r="H12850" s="12"/>
    </row>
    <row r="12851" spans="8:8">
      <c r="H12851" s="12"/>
    </row>
    <row r="12852" spans="8:8">
      <c r="H12852" s="12"/>
    </row>
    <row r="12853" spans="8:8">
      <c r="H12853" s="12"/>
    </row>
    <row r="12854" spans="8:8">
      <c r="H12854" s="12"/>
    </row>
    <row r="12855" spans="8:8">
      <c r="H12855" s="12"/>
    </row>
    <row r="12856" spans="8:8">
      <c r="H12856" s="12"/>
    </row>
    <row r="12857" spans="8:8">
      <c r="H12857" s="12"/>
    </row>
    <row r="12858" spans="8:8">
      <c r="H12858" s="12"/>
    </row>
    <row r="12859" spans="8:8">
      <c r="H12859" s="12"/>
    </row>
    <row r="12860" spans="8:8">
      <c r="H12860" s="12"/>
    </row>
    <row r="12861" spans="8:8">
      <c r="H12861" s="12"/>
    </row>
    <row r="12862" spans="8:8">
      <c r="H12862" s="12"/>
    </row>
    <row r="12863" spans="8:8">
      <c r="H12863" s="12"/>
    </row>
    <row r="12864" spans="8:8">
      <c r="H12864" s="12"/>
    </row>
    <row r="12865" spans="8:8">
      <c r="H12865" s="12"/>
    </row>
    <row r="12866" spans="8:8">
      <c r="H12866" s="12"/>
    </row>
    <row r="12867" spans="8:8">
      <c r="H12867" s="12"/>
    </row>
    <row r="12868" spans="8:8">
      <c r="H12868" s="12"/>
    </row>
    <row r="12869" spans="8:8">
      <c r="H12869" s="12"/>
    </row>
    <row r="12870" spans="8:8">
      <c r="H12870" s="12"/>
    </row>
    <row r="12871" spans="8:8">
      <c r="H12871" s="12"/>
    </row>
    <row r="12872" spans="8:8">
      <c r="H12872" s="12"/>
    </row>
    <row r="12873" spans="8:8">
      <c r="H12873" s="12"/>
    </row>
    <row r="12874" spans="8:8">
      <c r="H12874" s="12"/>
    </row>
    <row r="12875" spans="8:8">
      <c r="H12875" s="12"/>
    </row>
    <row r="12876" spans="8:8">
      <c r="H12876" s="12"/>
    </row>
    <row r="12877" spans="8:8">
      <c r="H12877" s="12"/>
    </row>
    <row r="12878" spans="8:8">
      <c r="H12878" s="12"/>
    </row>
    <row r="12879" spans="8:8">
      <c r="H12879" s="12"/>
    </row>
    <row r="12880" spans="8:8">
      <c r="H12880" s="12"/>
    </row>
    <row r="12881" spans="8:8">
      <c r="H12881" s="12"/>
    </row>
    <row r="12882" spans="8:8">
      <c r="H12882" s="12"/>
    </row>
    <row r="12883" spans="8:8">
      <c r="H12883" s="12"/>
    </row>
    <row r="12884" spans="8:8">
      <c r="H12884" s="12"/>
    </row>
    <row r="12885" spans="8:8">
      <c r="H12885" s="12"/>
    </row>
    <row r="12886" spans="8:8">
      <c r="H12886" s="12"/>
    </row>
    <row r="12887" spans="8:8">
      <c r="H12887" s="12"/>
    </row>
    <row r="12888" spans="8:8">
      <c r="H12888" s="12"/>
    </row>
    <row r="12889" spans="8:8">
      <c r="H12889" s="12"/>
    </row>
    <row r="12890" spans="8:8">
      <c r="H12890" s="12"/>
    </row>
    <row r="12891" spans="8:8">
      <c r="H12891" s="12"/>
    </row>
    <row r="12892" spans="8:8">
      <c r="H12892" s="12"/>
    </row>
    <row r="12893" spans="8:8">
      <c r="H12893" s="12"/>
    </row>
    <row r="12894" spans="8:8">
      <c r="H12894" s="12"/>
    </row>
    <row r="12895" spans="8:8">
      <c r="H12895" s="12"/>
    </row>
    <row r="12896" spans="8:8">
      <c r="H12896" s="12"/>
    </row>
    <row r="12897" spans="8:8">
      <c r="H12897" s="12"/>
    </row>
    <row r="12898" spans="8:8">
      <c r="H12898" s="12"/>
    </row>
    <row r="12899" spans="8:8">
      <c r="H12899" s="12"/>
    </row>
    <row r="12900" spans="8:8">
      <c r="H12900" s="12"/>
    </row>
    <row r="12901" spans="8:8">
      <c r="H12901" s="12"/>
    </row>
    <row r="12902" spans="8:8">
      <c r="H12902" s="12"/>
    </row>
    <row r="12903" spans="8:8">
      <c r="H12903" s="12"/>
    </row>
    <row r="12904" spans="8:8">
      <c r="H12904" s="12"/>
    </row>
    <row r="12905" spans="8:8">
      <c r="H12905" s="12"/>
    </row>
    <row r="12906" spans="8:8">
      <c r="H12906" s="12"/>
    </row>
    <row r="12907" spans="8:8">
      <c r="H12907" s="12"/>
    </row>
    <row r="12908" spans="8:8">
      <c r="H12908" s="12"/>
    </row>
    <row r="12909" spans="8:8">
      <c r="H12909" s="12"/>
    </row>
    <row r="12910" spans="8:8">
      <c r="H12910" s="12"/>
    </row>
    <row r="12911" spans="8:8">
      <c r="H12911" s="12"/>
    </row>
    <row r="12912" spans="8:8">
      <c r="H12912" s="12"/>
    </row>
    <row r="12913" spans="8:8">
      <c r="H12913" s="12"/>
    </row>
    <row r="12914" spans="8:8">
      <c r="H12914" s="12"/>
    </row>
    <row r="12915" spans="8:8">
      <c r="H12915" s="12"/>
    </row>
    <row r="12916" spans="8:8">
      <c r="H12916" s="12"/>
    </row>
    <row r="12917" spans="8:8">
      <c r="H12917" s="12"/>
    </row>
    <row r="12918" spans="8:8">
      <c r="H12918" s="12"/>
    </row>
    <row r="12919" spans="8:8">
      <c r="H12919" s="12"/>
    </row>
    <row r="12920" spans="8:8">
      <c r="H12920" s="12"/>
    </row>
    <row r="12921" spans="8:8">
      <c r="H12921" s="12"/>
    </row>
    <row r="12922" spans="8:8">
      <c r="H12922" s="12"/>
    </row>
    <row r="12923" spans="8:8">
      <c r="H12923" s="12"/>
    </row>
    <row r="12924" spans="8:8">
      <c r="H12924" s="12"/>
    </row>
    <row r="12925" spans="8:8">
      <c r="H12925" s="12"/>
    </row>
    <row r="12926" spans="8:8">
      <c r="H12926" s="12"/>
    </row>
    <row r="12927" spans="8:8">
      <c r="H12927" s="12"/>
    </row>
    <row r="12928" spans="8:8">
      <c r="H12928" s="12"/>
    </row>
    <row r="12929" spans="8:8">
      <c r="H12929" s="12"/>
    </row>
    <row r="12930" spans="8:8">
      <c r="H12930" s="12"/>
    </row>
    <row r="12931" spans="8:8">
      <c r="H12931" s="12"/>
    </row>
    <row r="12932" spans="8:8">
      <c r="H12932" s="12"/>
    </row>
    <row r="12933" spans="8:8">
      <c r="H12933" s="12"/>
    </row>
    <row r="12934" spans="8:8">
      <c r="H12934" s="12"/>
    </row>
    <row r="12935" spans="8:8">
      <c r="H12935" s="12"/>
    </row>
    <row r="12936" spans="8:8">
      <c r="H12936" s="12"/>
    </row>
    <row r="12937" spans="8:8">
      <c r="H12937" s="12"/>
    </row>
    <row r="12938" spans="8:8">
      <c r="H12938" s="12"/>
    </row>
    <row r="12939" spans="8:8">
      <c r="H12939" s="12"/>
    </row>
    <row r="12940" spans="8:8">
      <c r="H12940" s="12"/>
    </row>
    <row r="12941" spans="8:8">
      <c r="H12941" s="12"/>
    </row>
    <row r="12942" spans="8:8">
      <c r="H12942" s="12"/>
    </row>
    <row r="12943" spans="8:8">
      <c r="H12943" s="12"/>
    </row>
    <row r="12944" spans="8:8">
      <c r="H12944" s="12"/>
    </row>
    <row r="12945" spans="8:8">
      <c r="H12945" s="12"/>
    </row>
    <row r="12946" spans="8:8">
      <c r="H12946" s="12"/>
    </row>
    <row r="12947" spans="8:8">
      <c r="H12947" s="12"/>
    </row>
    <row r="12948" spans="8:8">
      <c r="H12948" s="12"/>
    </row>
    <row r="12949" spans="8:8">
      <c r="H12949" s="12"/>
    </row>
    <row r="12950" spans="8:8">
      <c r="H12950" s="12"/>
    </row>
    <row r="12951" spans="8:8">
      <c r="H12951" s="12"/>
    </row>
    <row r="12952" spans="8:8">
      <c r="H12952" s="12"/>
    </row>
    <row r="12953" spans="8:8">
      <c r="H12953" s="12"/>
    </row>
    <row r="12954" spans="8:8">
      <c r="H12954" s="12"/>
    </row>
    <row r="12955" spans="8:8">
      <c r="H12955" s="12"/>
    </row>
    <row r="12956" spans="8:8">
      <c r="H12956" s="12"/>
    </row>
    <row r="12957" spans="8:8">
      <c r="H12957" s="12"/>
    </row>
    <row r="12958" spans="8:8">
      <c r="H12958" s="12"/>
    </row>
    <row r="12959" spans="8:8">
      <c r="H12959" s="12"/>
    </row>
    <row r="12960" spans="8:8">
      <c r="H12960" s="12"/>
    </row>
    <row r="12961" spans="8:8">
      <c r="H12961" s="12"/>
    </row>
    <row r="12962" spans="8:8">
      <c r="H12962" s="12"/>
    </row>
    <row r="12963" spans="8:8">
      <c r="H12963" s="12"/>
    </row>
    <row r="12964" spans="8:8">
      <c r="H12964" s="12"/>
    </row>
    <row r="12965" spans="8:8">
      <c r="H12965" s="12"/>
    </row>
    <row r="12966" spans="8:8">
      <c r="H12966" s="12"/>
    </row>
    <row r="12967" spans="8:8">
      <c r="H12967" s="12"/>
    </row>
    <row r="12968" spans="8:8">
      <c r="H12968" s="12"/>
    </row>
    <row r="12969" spans="8:8">
      <c r="H12969" s="12"/>
    </row>
    <row r="12970" spans="8:8">
      <c r="H12970" s="12"/>
    </row>
    <row r="12971" spans="8:8">
      <c r="H12971" s="12"/>
    </row>
    <row r="12972" spans="8:8">
      <c r="H12972" s="12"/>
    </row>
    <row r="12973" spans="8:8">
      <c r="H12973" s="12"/>
    </row>
    <row r="12974" spans="8:8">
      <c r="H12974" s="12"/>
    </row>
    <row r="12975" spans="8:8">
      <c r="H12975" s="12"/>
    </row>
    <row r="12976" spans="8:8">
      <c r="H12976" s="12"/>
    </row>
    <row r="12977" spans="8:8">
      <c r="H12977" s="12"/>
    </row>
    <row r="12978" spans="8:8">
      <c r="H12978" s="12"/>
    </row>
    <row r="12979" spans="8:8">
      <c r="H12979" s="12"/>
    </row>
    <row r="12980" spans="8:8">
      <c r="H12980" s="12"/>
    </row>
    <row r="12981" spans="8:8">
      <c r="H12981" s="12"/>
    </row>
    <row r="12982" spans="8:8">
      <c r="H12982" s="12"/>
    </row>
    <row r="12983" spans="8:8">
      <c r="H12983" s="12"/>
    </row>
    <row r="12984" spans="8:8">
      <c r="H12984" s="12"/>
    </row>
    <row r="12985" spans="8:8">
      <c r="H12985" s="12"/>
    </row>
    <row r="12986" spans="8:8">
      <c r="H12986" s="12"/>
    </row>
    <row r="12987" spans="8:8">
      <c r="H12987" s="12"/>
    </row>
    <row r="12988" spans="8:8">
      <c r="H12988" s="12"/>
    </row>
    <row r="12989" spans="8:8">
      <c r="H12989" s="12"/>
    </row>
    <row r="12990" spans="8:8">
      <c r="H12990" s="12"/>
    </row>
    <row r="12991" spans="8:8">
      <c r="H12991" s="12"/>
    </row>
    <row r="12992" spans="8:8">
      <c r="H12992" s="12"/>
    </row>
    <row r="12993" spans="8:8">
      <c r="H12993" s="12"/>
    </row>
    <row r="12994" spans="8:8">
      <c r="H12994" s="12"/>
    </row>
    <row r="12995" spans="8:8">
      <c r="H12995" s="12"/>
    </row>
    <row r="12996" spans="8:8">
      <c r="H12996" s="12"/>
    </row>
    <row r="12997" spans="8:8">
      <c r="H12997" s="12"/>
    </row>
    <row r="12998" spans="8:8">
      <c r="H12998" s="12"/>
    </row>
    <row r="12999" spans="8:8">
      <c r="H12999" s="12"/>
    </row>
    <row r="13000" spans="8:8">
      <c r="H13000" s="12"/>
    </row>
    <row r="13001" spans="8:8">
      <c r="H13001" s="12"/>
    </row>
    <row r="13002" spans="8:8">
      <c r="H13002" s="12"/>
    </row>
    <row r="13003" spans="8:8">
      <c r="H13003" s="12"/>
    </row>
    <row r="13004" spans="8:8">
      <c r="H13004" s="12"/>
    </row>
    <row r="13005" spans="8:8">
      <c r="H13005" s="12"/>
    </row>
    <row r="13006" spans="8:8">
      <c r="H13006" s="12"/>
    </row>
    <row r="13007" spans="8:8">
      <c r="H13007" s="12"/>
    </row>
    <row r="13008" spans="8:8">
      <c r="H13008" s="12"/>
    </row>
    <row r="13009" spans="8:8">
      <c r="H13009" s="12"/>
    </row>
    <row r="13010" spans="8:8">
      <c r="H13010" s="12"/>
    </row>
    <row r="13011" spans="8:8">
      <c r="H13011" s="12"/>
    </row>
    <row r="13012" spans="8:8">
      <c r="H13012" s="12"/>
    </row>
    <row r="13013" spans="8:8">
      <c r="H13013" s="12"/>
    </row>
    <row r="13014" spans="8:8">
      <c r="H13014" s="12"/>
    </row>
    <row r="13015" spans="8:8">
      <c r="H13015" s="12"/>
    </row>
    <row r="13016" spans="8:8">
      <c r="H13016" s="12"/>
    </row>
    <row r="13017" spans="8:8">
      <c r="H13017" s="12"/>
    </row>
    <row r="13018" spans="8:8">
      <c r="H13018" s="12"/>
    </row>
    <row r="13019" spans="8:8">
      <c r="H13019" s="12"/>
    </row>
    <row r="13020" spans="8:8">
      <c r="H13020" s="12"/>
    </row>
    <row r="13021" spans="8:8">
      <c r="H13021" s="12"/>
    </row>
    <row r="13022" spans="8:8">
      <c r="H13022" s="12"/>
    </row>
    <row r="13023" spans="8:8">
      <c r="H13023" s="12"/>
    </row>
    <row r="13024" spans="8:8">
      <c r="H13024" s="12"/>
    </row>
    <row r="13025" spans="8:8">
      <c r="H13025" s="12"/>
    </row>
    <row r="13026" spans="8:8">
      <c r="H13026" s="12"/>
    </row>
    <row r="13027" spans="8:8">
      <c r="H13027" s="12"/>
    </row>
    <row r="13028" spans="8:8">
      <c r="H13028" s="12"/>
    </row>
    <row r="13029" spans="8:8">
      <c r="H13029" s="12"/>
    </row>
    <row r="13030" spans="8:8">
      <c r="H13030" s="12"/>
    </row>
    <row r="13031" spans="8:8">
      <c r="H13031" s="12"/>
    </row>
    <row r="13032" spans="8:8">
      <c r="H13032" s="12"/>
    </row>
    <row r="13033" spans="8:8">
      <c r="H13033" s="12"/>
    </row>
    <row r="13034" spans="8:8">
      <c r="H13034" s="12"/>
    </row>
    <row r="13035" spans="8:8">
      <c r="H13035" s="12"/>
    </row>
    <row r="13036" spans="8:8">
      <c r="H13036" s="12"/>
    </row>
    <row r="13037" spans="8:8">
      <c r="H13037" s="12"/>
    </row>
    <row r="13038" spans="8:8">
      <c r="H13038" s="12"/>
    </row>
    <row r="13039" spans="8:8">
      <c r="H13039" s="12"/>
    </row>
    <row r="13040" spans="8:8">
      <c r="H13040" s="12"/>
    </row>
    <row r="13041" spans="8:8">
      <c r="H13041" s="12"/>
    </row>
    <row r="13042" spans="8:8">
      <c r="H13042" s="12"/>
    </row>
    <row r="13043" spans="8:8">
      <c r="H13043" s="12"/>
    </row>
    <row r="13044" spans="8:8">
      <c r="H13044" s="12"/>
    </row>
    <row r="13045" spans="8:8">
      <c r="H13045" s="12"/>
    </row>
    <row r="13046" spans="8:8">
      <c r="H13046" s="12"/>
    </row>
    <row r="13047" spans="8:8">
      <c r="H13047" s="12"/>
    </row>
    <row r="13048" spans="8:8">
      <c r="H13048" s="12"/>
    </row>
    <row r="13049" spans="8:8">
      <c r="H13049" s="12"/>
    </row>
    <row r="13050" spans="8:8">
      <c r="H13050" s="12"/>
    </row>
    <row r="13051" spans="8:8">
      <c r="H13051" s="12"/>
    </row>
    <row r="13052" spans="8:8">
      <c r="H13052" s="12"/>
    </row>
    <row r="13053" spans="8:8">
      <c r="H13053" s="12"/>
    </row>
    <row r="13054" spans="8:8">
      <c r="H13054" s="12"/>
    </row>
    <row r="13055" spans="8:8">
      <c r="H13055" s="12"/>
    </row>
    <row r="13056" spans="8:8">
      <c r="H13056" s="12"/>
    </row>
    <row r="13057" spans="8:8">
      <c r="H13057" s="12"/>
    </row>
    <row r="13058" spans="8:8">
      <c r="H13058" s="12"/>
    </row>
    <row r="13059" spans="8:8">
      <c r="H13059" s="12"/>
    </row>
    <row r="13060" spans="8:8">
      <c r="H13060" s="12"/>
    </row>
    <row r="13061" spans="8:8">
      <c r="H13061" s="12"/>
    </row>
    <row r="13062" spans="8:8">
      <c r="H13062" s="12"/>
    </row>
    <row r="13063" spans="8:8">
      <c r="H13063" s="12"/>
    </row>
    <row r="13064" spans="8:8">
      <c r="H13064" s="12"/>
    </row>
    <row r="13065" spans="8:8">
      <c r="H13065" s="12"/>
    </row>
    <row r="13066" spans="8:8">
      <c r="H13066" s="12"/>
    </row>
    <row r="13067" spans="8:8">
      <c r="H13067" s="12"/>
    </row>
    <row r="13068" spans="8:8">
      <c r="H13068" s="12"/>
    </row>
    <row r="13069" spans="8:8">
      <c r="H13069" s="12"/>
    </row>
    <row r="13070" spans="8:8">
      <c r="H13070" s="12"/>
    </row>
    <row r="13071" spans="8:8">
      <c r="H13071" s="12"/>
    </row>
    <row r="13072" spans="8:8">
      <c r="H13072" s="12"/>
    </row>
    <row r="13073" spans="8:8">
      <c r="H13073" s="12"/>
    </row>
    <row r="13074" spans="8:8">
      <c r="H13074" s="12"/>
    </row>
    <row r="13075" spans="8:8">
      <c r="H13075" s="12"/>
    </row>
    <row r="13076" spans="8:8">
      <c r="H13076" s="12"/>
    </row>
    <row r="13077" spans="8:8">
      <c r="H13077" s="12"/>
    </row>
    <row r="13078" spans="8:8">
      <c r="H13078" s="12"/>
    </row>
    <row r="13079" spans="8:8">
      <c r="H13079" s="12"/>
    </row>
    <row r="13080" spans="8:8">
      <c r="H13080" s="12"/>
    </row>
    <row r="13081" spans="8:8">
      <c r="H13081" s="12"/>
    </row>
    <row r="13082" spans="8:8">
      <c r="H13082" s="12"/>
    </row>
    <row r="13083" spans="8:8">
      <c r="H13083" s="12"/>
    </row>
    <row r="13084" spans="8:8">
      <c r="H13084" s="12"/>
    </row>
    <row r="13085" spans="8:8">
      <c r="H13085" s="12"/>
    </row>
    <row r="13086" spans="8:8">
      <c r="H13086" s="12"/>
    </row>
    <row r="13087" spans="8:8">
      <c r="H13087" s="12"/>
    </row>
    <row r="13088" spans="8:8">
      <c r="H13088" s="12"/>
    </row>
    <row r="13089" spans="8:8">
      <c r="H13089" s="12"/>
    </row>
    <row r="13090" spans="8:8">
      <c r="H13090" s="12"/>
    </row>
    <row r="13091" spans="8:8">
      <c r="H13091" s="12"/>
    </row>
    <row r="13092" spans="8:8">
      <c r="H13092" s="12"/>
    </row>
    <row r="13093" spans="8:8">
      <c r="H13093" s="12"/>
    </row>
    <row r="13094" spans="8:8">
      <c r="H13094" s="12"/>
    </row>
    <row r="13095" spans="8:8">
      <c r="H13095" s="12"/>
    </row>
    <row r="13096" spans="8:8">
      <c r="H13096" s="12"/>
    </row>
    <row r="13097" spans="8:8">
      <c r="H13097" s="12"/>
    </row>
    <row r="13098" spans="8:8">
      <c r="H13098" s="12"/>
    </row>
    <row r="13099" spans="8:8">
      <c r="H13099" s="12"/>
    </row>
    <row r="13100" spans="8:8">
      <c r="H13100" s="12"/>
    </row>
    <row r="13101" spans="8:8">
      <c r="H13101" s="12"/>
    </row>
    <row r="13102" spans="8:8">
      <c r="H13102" s="12"/>
    </row>
    <row r="13103" spans="8:8">
      <c r="H13103" s="12"/>
    </row>
    <row r="13104" spans="8:8">
      <c r="H13104" s="12"/>
    </row>
    <row r="13105" spans="8:8">
      <c r="H13105" s="12"/>
    </row>
    <row r="13106" spans="8:8">
      <c r="H13106" s="12"/>
    </row>
    <row r="13107" spans="8:8">
      <c r="H13107" s="12"/>
    </row>
    <row r="13108" spans="8:8">
      <c r="H13108" s="12"/>
    </row>
    <row r="13109" spans="8:8">
      <c r="H13109" s="12"/>
    </row>
    <row r="13110" spans="8:8">
      <c r="H13110" s="12"/>
    </row>
    <row r="13111" spans="8:8">
      <c r="H13111" s="12"/>
    </row>
    <row r="13112" spans="8:8">
      <c r="H13112" s="12"/>
    </row>
    <row r="13113" spans="8:8">
      <c r="H13113" s="12"/>
    </row>
    <row r="13114" spans="8:8">
      <c r="H13114" s="12"/>
    </row>
    <row r="13115" spans="8:8">
      <c r="H13115" s="12"/>
    </row>
    <row r="13116" spans="8:8">
      <c r="H13116" s="12"/>
    </row>
    <row r="13117" spans="8:8">
      <c r="H13117" s="12"/>
    </row>
    <row r="13118" spans="8:8">
      <c r="H13118" s="12"/>
    </row>
    <row r="13119" spans="8:8">
      <c r="H13119" s="12"/>
    </row>
    <row r="13120" spans="8:8">
      <c r="H13120" s="12"/>
    </row>
    <row r="13121" spans="8:8">
      <c r="H13121" s="12"/>
    </row>
    <row r="13122" spans="8:8">
      <c r="H13122" s="12"/>
    </row>
    <row r="13123" spans="8:8">
      <c r="H13123" s="12"/>
    </row>
    <row r="13124" spans="8:8">
      <c r="H13124" s="12"/>
    </row>
    <row r="13125" spans="8:8">
      <c r="H13125" s="12"/>
    </row>
    <row r="13126" spans="8:8">
      <c r="H13126" s="12"/>
    </row>
    <row r="13127" spans="8:8">
      <c r="H13127" s="12"/>
    </row>
    <row r="13128" spans="8:8">
      <c r="H13128" s="12"/>
    </row>
    <row r="13129" spans="8:8">
      <c r="H13129" s="12"/>
    </row>
    <row r="13130" spans="8:8">
      <c r="H13130" s="12"/>
    </row>
    <row r="13131" spans="8:8">
      <c r="H13131" s="12"/>
    </row>
    <row r="13132" spans="8:8">
      <c r="H13132" s="12"/>
    </row>
    <row r="13133" spans="8:8">
      <c r="H13133" s="12"/>
    </row>
    <row r="13134" spans="8:8">
      <c r="H13134" s="12"/>
    </row>
    <row r="13135" spans="8:8">
      <c r="H13135" s="12"/>
    </row>
    <row r="13136" spans="8:8">
      <c r="H13136" s="12"/>
    </row>
    <row r="13137" spans="8:8">
      <c r="H13137" s="12"/>
    </row>
    <row r="13138" spans="8:8">
      <c r="H13138" s="12"/>
    </row>
    <row r="13139" spans="8:8">
      <c r="H13139" s="12"/>
    </row>
    <row r="13140" spans="8:8">
      <c r="H13140" s="12"/>
    </row>
    <row r="13141" spans="8:8">
      <c r="H13141" s="12"/>
    </row>
    <row r="13142" spans="8:8">
      <c r="H13142" s="12"/>
    </row>
    <row r="13143" spans="8:8">
      <c r="H13143" s="12"/>
    </row>
    <row r="13144" spans="8:8">
      <c r="H13144" s="12"/>
    </row>
    <row r="13145" spans="8:8">
      <c r="H13145" s="12"/>
    </row>
    <row r="13146" spans="8:8">
      <c r="H13146" s="12"/>
    </row>
    <row r="13147" spans="8:8">
      <c r="H13147" s="12"/>
    </row>
    <row r="13148" spans="8:8">
      <c r="H13148" s="12"/>
    </row>
    <row r="13149" spans="8:8">
      <c r="H13149" s="12"/>
    </row>
    <row r="13150" spans="8:8">
      <c r="H13150" s="12"/>
    </row>
    <row r="13151" spans="8:8">
      <c r="H13151" s="12"/>
    </row>
    <row r="13152" spans="8:8">
      <c r="H13152" s="12"/>
    </row>
    <row r="13153" spans="8:8">
      <c r="H13153" s="12"/>
    </row>
    <row r="13154" spans="8:8">
      <c r="H13154" s="12"/>
    </row>
    <row r="13155" spans="8:8">
      <c r="H13155" s="12"/>
    </row>
    <row r="13156" spans="8:8">
      <c r="H13156" s="12"/>
    </row>
    <row r="13157" spans="8:8">
      <c r="H13157" s="12"/>
    </row>
    <row r="13158" spans="8:8">
      <c r="H13158" s="12"/>
    </row>
    <row r="13159" spans="8:8">
      <c r="H13159" s="12"/>
    </row>
    <row r="13160" spans="8:8">
      <c r="H13160" s="12"/>
    </row>
    <row r="13161" spans="8:8">
      <c r="H13161" s="12"/>
    </row>
    <row r="13162" spans="8:8">
      <c r="H13162" s="12"/>
    </row>
    <row r="13163" spans="8:8">
      <c r="H13163" s="12"/>
    </row>
    <row r="13164" spans="8:8">
      <c r="H13164" s="12"/>
    </row>
    <row r="13165" spans="8:8">
      <c r="H13165" s="12"/>
    </row>
    <row r="13166" spans="8:8">
      <c r="H13166" s="12"/>
    </row>
    <row r="13167" spans="8:8">
      <c r="H13167" s="12"/>
    </row>
    <row r="13168" spans="8:8">
      <c r="H13168" s="12"/>
    </row>
    <row r="13169" spans="8:8">
      <c r="H13169" s="12"/>
    </row>
    <row r="13170" spans="8:8">
      <c r="H13170" s="12"/>
    </row>
    <row r="13171" spans="8:8">
      <c r="H13171" s="12"/>
    </row>
    <row r="13172" spans="8:8">
      <c r="H13172" s="12"/>
    </row>
    <row r="13173" spans="8:8">
      <c r="H13173" s="12"/>
    </row>
    <row r="13174" spans="8:8">
      <c r="H13174" s="12"/>
    </row>
    <row r="13175" spans="8:8">
      <c r="H13175" s="12"/>
    </row>
    <row r="13176" spans="8:8">
      <c r="H13176" s="12"/>
    </row>
    <row r="13177" spans="8:8">
      <c r="H13177" s="12"/>
    </row>
    <row r="13178" spans="8:8">
      <c r="H13178" s="12"/>
    </row>
    <row r="13179" spans="8:8">
      <c r="H13179" s="12"/>
    </row>
    <row r="13180" spans="8:8">
      <c r="H13180" s="12"/>
    </row>
    <row r="13181" spans="8:8">
      <c r="H13181" s="12"/>
    </row>
    <row r="13182" spans="8:8">
      <c r="H13182" s="12"/>
    </row>
    <row r="13183" spans="8:8">
      <c r="H13183" s="12"/>
    </row>
    <row r="13184" spans="8:8">
      <c r="H13184" s="12"/>
    </row>
    <row r="13185" spans="8:8">
      <c r="H13185" s="12"/>
    </row>
    <row r="13186" spans="8:8">
      <c r="H13186" s="12"/>
    </row>
    <row r="13187" spans="8:8">
      <c r="H13187" s="12"/>
    </row>
    <row r="13188" spans="8:8">
      <c r="H13188" s="12"/>
    </row>
    <row r="13189" spans="8:8">
      <c r="H13189" s="12"/>
    </row>
    <row r="13190" spans="8:8">
      <c r="H13190" s="12"/>
    </row>
    <row r="13191" spans="8:8">
      <c r="H13191" s="12"/>
    </row>
    <row r="13192" spans="8:8">
      <c r="H13192" s="12"/>
    </row>
    <row r="13193" spans="8:8">
      <c r="H13193" s="12"/>
    </row>
    <row r="13194" spans="8:8">
      <c r="H13194" s="12"/>
    </row>
    <row r="13195" spans="8:8">
      <c r="H13195" s="12"/>
    </row>
    <row r="13196" spans="8:8">
      <c r="H13196" s="12"/>
    </row>
    <row r="13197" spans="8:8">
      <c r="H13197" s="12"/>
    </row>
    <row r="13198" spans="8:8">
      <c r="H13198" s="12"/>
    </row>
    <row r="13199" spans="8:8">
      <c r="H13199" s="12"/>
    </row>
    <row r="13200" spans="8:8">
      <c r="H13200" s="12"/>
    </row>
    <row r="13201" spans="8:8">
      <c r="H13201" s="12"/>
    </row>
    <row r="13202" spans="8:8">
      <c r="H13202" s="12"/>
    </row>
    <row r="13203" spans="8:8">
      <c r="H13203" s="12"/>
    </row>
    <row r="13204" spans="8:8">
      <c r="H13204" s="12"/>
    </row>
    <row r="13205" spans="8:8">
      <c r="H13205" s="12"/>
    </row>
    <row r="13206" spans="8:8">
      <c r="H13206" s="12"/>
    </row>
    <row r="13207" spans="8:8">
      <c r="H13207" s="12"/>
    </row>
    <row r="13208" spans="8:8">
      <c r="H13208" s="12"/>
    </row>
    <row r="13209" spans="8:8">
      <c r="H13209" s="12"/>
    </row>
    <row r="13210" spans="8:8">
      <c r="H13210" s="12"/>
    </row>
    <row r="13211" spans="8:8">
      <c r="H13211" s="12"/>
    </row>
    <row r="13212" spans="8:8">
      <c r="H13212" s="12"/>
    </row>
    <row r="13213" spans="8:8">
      <c r="H13213" s="12"/>
    </row>
    <row r="13214" spans="8:8">
      <c r="H13214" s="12"/>
    </row>
    <row r="13215" spans="8:8">
      <c r="H13215" s="12"/>
    </row>
    <row r="13216" spans="8:8">
      <c r="H13216" s="12"/>
    </row>
    <row r="13217" spans="8:8">
      <c r="H13217" s="12"/>
    </row>
    <row r="13218" spans="8:8">
      <c r="H13218" s="12"/>
    </row>
    <row r="13219" spans="8:8">
      <c r="H13219" s="12"/>
    </row>
    <row r="13220" spans="8:8">
      <c r="H13220" s="12"/>
    </row>
    <row r="13221" spans="8:8">
      <c r="H13221" s="12"/>
    </row>
    <row r="13222" spans="8:8">
      <c r="H13222" s="12"/>
    </row>
    <row r="13223" spans="8:8">
      <c r="H13223" s="12"/>
    </row>
    <row r="13224" spans="8:8">
      <c r="H13224" s="12"/>
    </row>
    <row r="13225" spans="8:8">
      <c r="H13225" s="12"/>
    </row>
    <row r="13226" spans="8:8">
      <c r="H13226" s="12"/>
    </row>
    <row r="13227" spans="8:8">
      <c r="H13227" s="12"/>
    </row>
    <row r="13228" spans="8:8">
      <c r="H13228" s="12"/>
    </row>
    <row r="13229" spans="8:8">
      <c r="H13229" s="12"/>
    </row>
    <row r="13230" spans="8:8">
      <c r="H13230" s="12"/>
    </row>
    <row r="13231" spans="8:8">
      <c r="H13231" s="12"/>
    </row>
    <row r="13232" spans="8:8">
      <c r="H13232" s="12"/>
    </row>
    <row r="13233" spans="8:8">
      <c r="H13233" s="12"/>
    </row>
    <row r="13234" spans="8:8">
      <c r="H13234" s="12"/>
    </row>
    <row r="13235" spans="8:8">
      <c r="H13235" s="12"/>
    </row>
    <row r="13236" spans="8:8">
      <c r="H13236" s="12"/>
    </row>
    <row r="13237" spans="8:8">
      <c r="H13237" s="12"/>
    </row>
    <row r="13238" spans="8:8">
      <c r="H13238" s="12"/>
    </row>
    <row r="13239" spans="8:8">
      <c r="H13239" s="12"/>
    </row>
    <row r="13240" spans="8:8">
      <c r="H13240" s="12"/>
    </row>
    <row r="13241" spans="8:8">
      <c r="H13241" s="12"/>
    </row>
    <row r="13242" spans="8:8">
      <c r="H13242" s="12"/>
    </row>
    <row r="13243" spans="8:8">
      <c r="H13243" s="12"/>
    </row>
    <row r="13244" spans="8:8">
      <c r="H13244" s="12"/>
    </row>
    <row r="13245" spans="8:8">
      <c r="H13245" s="12"/>
    </row>
    <row r="13246" spans="8:8">
      <c r="H13246" s="12"/>
    </row>
    <row r="13247" spans="8:8">
      <c r="H13247" s="12"/>
    </row>
    <row r="13248" spans="8:8">
      <c r="H13248" s="12"/>
    </row>
    <row r="13249" spans="8:8">
      <c r="H13249" s="12"/>
    </row>
    <row r="13250" spans="8:8">
      <c r="H13250" s="12"/>
    </row>
    <row r="13251" spans="8:8">
      <c r="H13251" s="12"/>
    </row>
    <row r="13252" spans="8:8">
      <c r="H13252" s="12"/>
    </row>
    <row r="13253" spans="8:8">
      <c r="H13253" s="12"/>
    </row>
    <row r="13254" spans="8:8">
      <c r="H13254" s="12"/>
    </row>
    <row r="13255" spans="8:8">
      <c r="H13255" s="12"/>
    </row>
    <row r="13256" spans="8:8">
      <c r="H13256" s="12"/>
    </row>
    <row r="13257" spans="8:8">
      <c r="H13257" s="12"/>
    </row>
    <row r="13258" spans="8:8">
      <c r="H13258" s="12"/>
    </row>
    <row r="13259" spans="8:8">
      <c r="H13259" s="12"/>
    </row>
    <row r="13260" spans="8:8">
      <c r="H13260" s="12"/>
    </row>
    <row r="13261" spans="8:8">
      <c r="H13261" s="12"/>
    </row>
    <row r="13262" spans="8:8">
      <c r="H13262" s="12"/>
    </row>
    <row r="13263" spans="8:8">
      <c r="H13263" s="12"/>
    </row>
    <row r="13264" spans="8:8">
      <c r="H13264" s="12"/>
    </row>
    <row r="13265" spans="8:8">
      <c r="H13265" s="12"/>
    </row>
    <row r="13266" spans="8:8">
      <c r="H13266" s="12"/>
    </row>
    <row r="13267" spans="8:8">
      <c r="H13267" s="12"/>
    </row>
    <row r="13268" spans="8:8">
      <c r="H13268" s="12"/>
    </row>
    <row r="13269" spans="8:8">
      <c r="H13269" s="12"/>
    </row>
    <row r="13270" spans="8:8">
      <c r="H13270" s="12"/>
    </row>
    <row r="13271" spans="8:8">
      <c r="H13271" s="12"/>
    </row>
    <row r="13272" spans="8:8">
      <c r="H13272" s="12"/>
    </row>
    <row r="13273" spans="8:8">
      <c r="H13273" s="12"/>
    </row>
    <row r="13274" spans="8:8">
      <c r="H13274" s="12"/>
    </row>
    <row r="13275" spans="8:8">
      <c r="H13275" s="12"/>
    </row>
    <row r="13276" spans="8:8">
      <c r="H13276" s="12"/>
    </row>
    <row r="13277" spans="8:8">
      <c r="H13277" s="12"/>
    </row>
    <row r="13278" spans="8:8">
      <c r="H13278" s="12"/>
    </row>
    <row r="13279" spans="8:8">
      <c r="H13279" s="12"/>
    </row>
    <row r="13280" spans="8:8">
      <c r="H13280" s="12"/>
    </row>
    <row r="13281" spans="8:8">
      <c r="H13281" s="12"/>
    </row>
    <row r="13282" spans="8:8">
      <c r="H13282" s="12"/>
    </row>
    <row r="13283" spans="8:8">
      <c r="H13283" s="12"/>
    </row>
    <row r="13284" spans="8:8">
      <c r="H13284" s="12"/>
    </row>
    <row r="13285" spans="8:8">
      <c r="H13285" s="12"/>
    </row>
    <row r="13286" spans="8:8">
      <c r="H13286" s="12"/>
    </row>
    <row r="13287" spans="8:8">
      <c r="H13287" s="12"/>
    </row>
    <row r="13288" spans="8:8">
      <c r="H13288" s="12"/>
    </row>
    <row r="13289" spans="8:8">
      <c r="H13289" s="12"/>
    </row>
    <row r="13290" spans="8:8">
      <c r="H13290" s="12"/>
    </row>
    <row r="13291" spans="8:8">
      <c r="H13291" s="12"/>
    </row>
    <row r="13292" spans="8:8">
      <c r="H13292" s="12"/>
    </row>
    <row r="13293" spans="8:8">
      <c r="H13293" s="12"/>
    </row>
    <row r="13294" spans="8:8">
      <c r="H13294" s="12"/>
    </row>
    <row r="13295" spans="8:8">
      <c r="H13295" s="12"/>
    </row>
    <row r="13296" spans="8:8">
      <c r="H13296" s="12"/>
    </row>
    <row r="13297" spans="8:8">
      <c r="H13297" s="12"/>
    </row>
    <row r="13298" spans="8:8">
      <c r="H13298" s="12"/>
    </row>
    <row r="13299" spans="8:8">
      <c r="H13299" s="12"/>
    </row>
    <row r="13300" spans="8:8">
      <c r="H13300" s="12"/>
    </row>
    <row r="13301" spans="8:8">
      <c r="H13301" s="12"/>
    </row>
    <row r="13302" spans="8:8">
      <c r="H13302" s="12"/>
    </row>
    <row r="13303" spans="8:8">
      <c r="H13303" s="12"/>
    </row>
    <row r="13304" spans="8:8">
      <c r="H13304" s="12"/>
    </row>
    <row r="13305" spans="8:8">
      <c r="H13305" s="12"/>
    </row>
    <row r="13306" spans="8:8">
      <c r="H13306" s="12"/>
    </row>
    <row r="13307" spans="8:8">
      <c r="H13307" s="12"/>
    </row>
    <row r="13308" spans="8:8">
      <c r="H13308" s="12"/>
    </row>
    <row r="13309" spans="8:8">
      <c r="H13309" s="12"/>
    </row>
    <row r="13310" spans="8:8">
      <c r="H13310" s="12"/>
    </row>
    <row r="13311" spans="8:8">
      <c r="H13311" s="12"/>
    </row>
    <row r="13312" spans="8:8">
      <c r="H13312" s="12"/>
    </row>
    <row r="13313" spans="8:8">
      <c r="H13313" s="12"/>
    </row>
    <row r="13314" spans="8:8">
      <c r="H13314" s="12"/>
    </row>
    <row r="13315" spans="8:8">
      <c r="H13315" s="12"/>
    </row>
    <row r="13316" spans="8:8">
      <c r="H13316" s="12"/>
    </row>
    <row r="13317" spans="8:8">
      <c r="H13317" s="12"/>
    </row>
    <row r="13318" spans="8:8">
      <c r="H13318" s="12"/>
    </row>
    <row r="13319" spans="8:8">
      <c r="H13319" s="12"/>
    </row>
    <row r="13320" spans="8:8">
      <c r="H13320" s="12"/>
    </row>
    <row r="13321" spans="8:8">
      <c r="H13321" s="12"/>
    </row>
    <row r="13322" spans="8:8">
      <c r="H13322" s="12"/>
    </row>
    <row r="13323" spans="8:8">
      <c r="H13323" s="12"/>
    </row>
    <row r="13324" spans="8:8">
      <c r="H13324" s="12"/>
    </row>
    <row r="13325" spans="8:8">
      <c r="H13325" s="12"/>
    </row>
    <row r="13326" spans="8:8">
      <c r="H13326" s="12"/>
    </row>
    <row r="13327" spans="8:8">
      <c r="H13327" s="12"/>
    </row>
    <row r="13328" spans="8:8">
      <c r="H13328" s="12"/>
    </row>
    <row r="13329" spans="8:8">
      <c r="H13329" s="12"/>
    </row>
    <row r="13330" spans="8:8">
      <c r="H13330" s="12"/>
    </row>
    <row r="13331" spans="8:8">
      <c r="H13331" s="12"/>
    </row>
    <row r="13332" spans="8:8">
      <c r="H13332" s="12"/>
    </row>
    <row r="13333" spans="8:8">
      <c r="H13333" s="12"/>
    </row>
    <row r="13334" spans="8:8">
      <c r="H13334" s="12"/>
    </row>
    <row r="13335" spans="8:8">
      <c r="H13335" s="12"/>
    </row>
    <row r="13336" spans="8:8">
      <c r="H13336" s="12"/>
    </row>
    <row r="13337" spans="8:8">
      <c r="H13337" s="12"/>
    </row>
    <row r="13338" spans="8:8">
      <c r="H13338" s="12"/>
    </row>
    <row r="13339" spans="8:8">
      <c r="H13339" s="12"/>
    </row>
    <row r="13340" spans="8:8">
      <c r="H13340" s="12"/>
    </row>
    <row r="13341" spans="8:8">
      <c r="H13341" s="12"/>
    </row>
    <row r="13342" spans="8:8">
      <c r="H13342" s="12"/>
    </row>
    <row r="13343" spans="8:8">
      <c r="H13343" s="12"/>
    </row>
    <row r="13344" spans="8:8">
      <c r="H13344" s="12"/>
    </row>
    <row r="13345" spans="8:8">
      <c r="H13345" s="12"/>
    </row>
    <row r="13346" spans="8:8">
      <c r="H13346" s="12"/>
    </row>
    <row r="13347" spans="8:8">
      <c r="H13347" s="12"/>
    </row>
    <row r="13348" spans="8:8">
      <c r="H13348" s="12"/>
    </row>
    <row r="13349" spans="8:8">
      <c r="H13349" s="12"/>
    </row>
    <row r="13350" spans="8:8">
      <c r="H13350" s="12"/>
    </row>
    <row r="13351" spans="8:8">
      <c r="H13351" s="12"/>
    </row>
    <row r="13352" spans="8:8">
      <c r="H13352" s="12"/>
    </row>
    <row r="13353" spans="8:8">
      <c r="H13353" s="12"/>
    </row>
    <row r="13354" spans="8:8">
      <c r="H13354" s="12"/>
    </row>
    <row r="13355" spans="8:8">
      <c r="H13355" s="12"/>
    </row>
    <row r="13356" spans="8:8">
      <c r="H13356" s="12"/>
    </row>
    <row r="13357" spans="8:8">
      <c r="H13357" s="12"/>
    </row>
    <row r="13358" spans="8:8">
      <c r="H13358" s="12"/>
    </row>
    <row r="13359" spans="8:8">
      <c r="H13359" s="12"/>
    </row>
    <row r="13360" spans="8:8">
      <c r="H13360" s="12"/>
    </row>
    <row r="13361" spans="8:8">
      <c r="H13361" s="12"/>
    </row>
    <row r="13362" spans="8:8">
      <c r="H13362" s="12"/>
    </row>
    <row r="13363" spans="8:8">
      <c r="H13363" s="12"/>
    </row>
    <row r="13364" spans="8:8">
      <c r="H13364" s="12"/>
    </row>
    <row r="13365" spans="8:8">
      <c r="H13365" s="12"/>
    </row>
    <row r="13366" spans="8:8">
      <c r="H13366" s="12"/>
    </row>
    <row r="13367" spans="8:8">
      <c r="H13367" s="12"/>
    </row>
    <row r="13368" spans="8:8">
      <c r="H13368" s="12"/>
    </row>
    <row r="13369" spans="8:8">
      <c r="H13369" s="12"/>
    </row>
    <row r="13370" spans="8:8">
      <c r="H13370" s="12"/>
    </row>
    <row r="13371" spans="8:8">
      <c r="H13371" s="12"/>
    </row>
    <row r="13372" spans="8:8">
      <c r="H13372" s="12"/>
    </row>
    <row r="13373" spans="8:8">
      <c r="H13373" s="12"/>
    </row>
    <row r="13374" spans="8:8">
      <c r="H13374" s="12"/>
    </row>
    <row r="13375" spans="8:8">
      <c r="H13375" s="12"/>
    </row>
    <row r="13376" spans="8:8">
      <c r="H13376" s="12"/>
    </row>
    <row r="13377" spans="8:8">
      <c r="H13377" s="12"/>
    </row>
    <row r="13378" spans="8:8">
      <c r="H13378" s="12"/>
    </row>
    <row r="13379" spans="8:8">
      <c r="H13379" s="12"/>
    </row>
    <row r="13380" spans="8:8">
      <c r="H13380" s="12"/>
    </row>
    <row r="13381" spans="8:8">
      <c r="H13381" s="12"/>
    </row>
    <row r="13382" spans="8:8">
      <c r="H13382" s="12"/>
    </row>
    <row r="13383" spans="8:8">
      <c r="H13383" s="12"/>
    </row>
    <row r="13384" spans="8:8">
      <c r="H13384" s="12"/>
    </row>
    <row r="13385" spans="8:8">
      <c r="H13385" s="12"/>
    </row>
    <row r="13386" spans="8:8">
      <c r="H13386" s="12"/>
    </row>
    <row r="13387" spans="8:8">
      <c r="H13387" s="12"/>
    </row>
    <row r="13388" spans="8:8">
      <c r="H13388" s="12"/>
    </row>
    <row r="13389" spans="8:8">
      <c r="H13389" s="12"/>
    </row>
    <row r="13390" spans="8:8">
      <c r="H13390" s="12"/>
    </row>
    <row r="13391" spans="8:8">
      <c r="H13391" s="12"/>
    </row>
    <row r="13392" spans="8:8">
      <c r="H13392" s="12"/>
    </row>
    <row r="13393" spans="8:8">
      <c r="H13393" s="12"/>
    </row>
    <row r="13394" spans="8:8">
      <c r="H13394" s="12"/>
    </row>
    <row r="13395" spans="8:8">
      <c r="H13395" s="12"/>
    </row>
    <row r="13396" spans="8:8">
      <c r="H13396" s="12"/>
    </row>
    <row r="13397" spans="8:8">
      <c r="H13397" s="12"/>
    </row>
    <row r="13398" spans="8:8">
      <c r="H13398" s="12"/>
    </row>
    <row r="13399" spans="8:8">
      <c r="H13399" s="12"/>
    </row>
    <row r="13400" spans="8:8">
      <c r="H13400" s="12"/>
    </row>
    <row r="13401" spans="8:8">
      <c r="H13401" s="12"/>
    </row>
    <row r="13402" spans="8:8">
      <c r="H13402" s="12"/>
    </row>
    <row r="13403" spans="8:8">
      <c r="H13403" s="12"/>
    </row>
    <row r="13404" spans="8:8">
      <c r="H13404" s="12"/>
    </row>
    <row r="13405" spans="8:8">
      <c r="H13405" s="12"/>
    </row>
    <row r="13406" spans="8:8">
      <c r="H13406" s="12"/>
    </row>
    <row r="13407" spans="8:8">
      <c r="H13407" s="12"/>
    </row>
    <row r="13408" spans="8:8">
      <c r="H13408" s="12"/>
    </row>
    <row r="13409" spans="8:8">
      <c r="H13409" s="12"/>
    </row>
    <row r="13410" spans="8:8">
      <c r="H13410" s="12"/>
    </row>
    <row r="13411" spans="8:8">
      <c r="H13411" s="12"/>
    </row>
    <row r="13412" spans="8:8">
      <c r="H13412" s="12"/>
    </row>
    <row r="13413" spans="8:8">
      <c r="H13413" s="12"/>
    </row>
    <row r="13414" spans="8:8">
      <c r="H13414" s="12"/>
    </row>
    <row r="13415" spans="8:8">
      <c r="H13415" s="12"/>
    </row>
    <row r="13416" spans="8:8">
      <c r="H13416" s="12"/>
    </row>
    <row r="13417" spans="8:8">
      <c r="H13417" s="12"/>
    </row>
    <row r="13418" spans="8:8">
      <c r="H13418" s="12"/>
    </row>
    <row r="13419" spans="8:8">
      <c r="H13419" s="12"/>
    </row>
    <row r="13420" spans="8:8">
      <c r="H13420" s="12"/>
    </row>
    <row r="13421" spans="8:8">
      <c r="H13421" s="12"/>
    </row>
    <row r="13422" spans="8:8">
      <c r="H13422" s="12"/>
    </row>
    <row r="13423" spans="8:8">
      <c r="H13423" s="12"/>
    </row>
    <row r="13424" spans="8:8">
      <c r="H13424" s="12"/>
    </row>
    <row r="13425" spans="8:8">
      <c r="H13425" s="12"/>
    </row>
    <row r="13426" spans="8:8">
      <c r="H13426" s="12"/>
    </row>
    <row r="13427" spans="8:8">
      <c r="H13427" s="12"/>
    </row>
    <row r="13428" spans="8:8">
      <c r="H13428" s="12"/>
    </row>
    <row r="13429" spans="8:8">
      <c r="H13429" s="12"/>
    </row>
    <row r="13430" spans="8:8">
      <c r="H13430" s="12"/>
    </row>
    <row r="13431" spans="8:8">
      <c r="H13431" s="12"/>
    </row>
    <row r="13432" spans="8:8">
      <c r="H13432" s="12"/>
    </row>
    <row r="13433" spans="8:8">
      <c r="H13433" s="12"/>
    </row>
    <row r="13434" spans="8:8">
      <c r="H13434" s="12"/>
    </row>
    <row r="13435" spans="8:8">
      <c r="H13435" s="12"/>
    </row>
    <row r="13436" spans="8:8">
      <c r="H13436" s="12"/>
    </row>
    <row r="13437" spans="8:8">
      <c r="H13437" s="12"/>
    </row>
    <row r="13438" spans="8:8">
      <c r="H13438" s="12"/>
    </row>
    <row r="13439" spans="8:8">
      <c r="H13439" s="12"/>
    </row>
    <row r="13440" spans="8:8">
      <c r="H13440" s="12"/>
    </row>
    <row r="13441" spans="8:8">
      <c r="H13441" s="12"/>
    </row>
    <row r="13442" spans="8:8">
      <c r="H13442" s="12"/>
    </row>
    <row r="13443" spans="8:8">
      <c r="H13443" s="12"/>
    </row>
    <row r="13444" spans="8:8">
      <c r="H13444" s="12"/>
    </row>
    <row r="13445" spans="8:8">
      <c r="H13445" s="12"/>
    </row>
    <row r="13446" spans="8:8">
      <c r="H13446" s="12"/>
    </row>
    <row r="13447" spans="8:8">
      <c r="H13447" s="12"/>
    </row>
    <row r="13448" spans="8:8">
      <c r="H13448" s="12"/>
    </row>
    <row r="13449" spans="8:8">
      <c r="H13449" s="12"/>
    </row>
    <row r="13450" spans="8:8">
      <c r="H13450" s="12"/>
    </row>
    <row r="13451" spans="8:8">
      <c r="H13451" s="12"/>
    </row>
    <row r="13452" spans="8:8">
      <c r="H13452" s="12"/>
    </row>
    <row r="13453" spans="8:8">
      <c r="H13453" s="12"/>
    </row>
    <row r="13454" spans="8:8">
      <c r="H13454" s="12"/>
    </row>
    <row r="13455" spans="8:8">
      <c r="H13455" s="12"/>
    </row>
    <row r="13456" spans="8:8">
      <c r="H13456" s="12"/>
    </row>
    <row r="13457" spans="8:8">
      <c r="H13457" s="12"/>
    </row>
    <row r="13458" spans="8:8">
      <c r="H13458" s="12"/>
    </row>
    <row r="13459" spans="8:8">
      <c r="H13459" s="12"/>
    </row>
    <row r="13460" spans="8:8">
      <c r="H13460" s="12"/>
    </row>
    <row r="13461" spans="8:8">
      <c r="H13461" s="12"/>
    </row>
    <row r="13462" spans="8:8">
      <c r="H13462" s="12"/>
    </row>
    <row r="13463" spans="8:8">
      <c r="H13463" s="12"/>
    </row>
    <row r="13464" spans="8:8">
      <c r="H13464" s="12"/>
    </row>
    <row r="13465" spans="8:8">
      <c r="H13465" s="12"/>
    </row>
    <row r="13466" spans="8:8">
      <c r="H13466" s="12"/>
    </row>
    <row r="13467" spans="8:8">
      <c r="H13467" s="12"/>
    </row>
    <row r="13468" spans="8:8">
      <c r="H13468" s="12"/>
    </row>
    <row r="13469" spans="8:8">
      <c r="H13469" s="12"/>
    </row>
    <row r="13470" spans="8:8">
      <c r="H13470" s="12"/>
    </row>
    <row r="13471" spans="8:8">
      <c r="H13471" s="12"/>
    </row>
    <row r="13472" spans="8:8">
      <c r="H13472" s="12"/>
    </row>
    <row r="13473" spans="8:8">
      <c r="H13473" s="12"/>
    </row>
    <row r="13474" spans="8:8">
      <c r="H13474" s="12"/>
    </row>
    <row r="13475" spans="8:8">
      <c r="H13475" s="12"/>
    </row>
    <row r="13476" spans="8:8">
      <c r="H13476" s="12"/>
    </row>
    <row r="13477" spans="8:8">
      <c r="H13477" s="12"/>
    </row>
    <row r="13478" spans="8:8">
      <c r="H13478" s="12"/>
    </row>
    <row r="13479" spans="8:8">
      <c r="H13479" s="12"/>
    </row>
    <row r="13480" spans="8:8">
      <c r="H13480" s="12"/>
    </row>
    <row r="13481" spans="8:8">
      <c r="H13481" s="12"/>
    </row>
    <row r="13482" spans="8:8">
      <c r="H13482" s="12"/>
    </row>
    <row r="13483" spans="8:8">
      <c r="H13483" s="12"/>
    </row>
    <row r="13484" spans="8:8">
      <c r="H13484" s="12"/>
    </row>
    <row r="13485" spans="8:8">
      <c r="H13485" s="12"/>
    </row>
    <row r="13486" spans="8:8">
      <c r="H13486" s="12"/>
    </row>
    <row r="13487" spans="8:8">
      <c r="H13487" s="12"/>
    </row>
    <row r="13488" spans="8:8">
      <c r="H13488" s="12"/>
    </row>
    <row r="13489" spans="8:8">
      <c r="H13489" s="12"/>
    </row>
    <row r="13490" spans="8:8">
      <c r="H13490" s="12"/>
    </row>
    <row r="13491" spans="8:8">
      <c r="H13491" s="12"/>
    </row>
    <row r="13492" spans="8:8">
      <c r="H13492" s="12"/>
    </row>
    <row r="13493" spans="8:8">
      <c r="H13493" s="12"/>
    </row>
    <row r="13494" spans="8:8">
      <c r="H13494" s="12"/>
    </row>
    <row r="13495" spans="8:8">
      <c r="H13495" s="12"/>
    </row>
    <row r="13496" spans="8:8">
      <c r="H13496" s="12"/>
    </row>
    <row r="13497" spans="8:8">
      <c r="H13497" s="12"/>
    </row>
    <row r="13498" spans="8:8">
      <c r="H13498" s="12"/>
    </row>
    <row r="13499" spans="8:8">
      <c r="H13499" s="12"/>
    </row>
    <row r="13500" spans="8:8">
      <c r="H13500" s="12"/>
    </row>
    <row r="13501" spans="8:8">
      <c r="H13501" s="12"/>
    </row>
    <row r="13502" spans="8:8">
      <c r="H13502" s="12"/>
    </row>
    <row r="13503" spans="8:8">
      <c r="H13503" s="12"/>
    </row>
    <row r="13504" spans="8:8">
      <c r="H13504" s="12"/>
    </row>
    <row r="13505" spans="8:8">
      <c r="H13505" s="12"/>
    </row>
    <row r="13506" spans="8:8">
      <c r="H13506" s="12"/>
    </row>
    <row r="13507" spans="8:8">
      <c r="H13507" s="12"/>
    </row>
    <row r="13508" spans="8:8">
      <c r="H13508" s="12"/>
    </row>
    <row r="13509" spans="8:8">
      <c r="H13509" s="12"/>
    </row>
    <row r="13510" spans="8:8">
      <c r="H13510" s="12"/>
    </row>
    <row r="13511" spans="8:8">
      <c r="H13511" s="12"/>
    </row>
    <row r="13512" spans="8:8">
      <c r="H13512" s="12"/>
    </row>
    <row r="13513" spans="8:8">
      <c r="H13513" s="12"/>
    </row>
    <row r="13514" spans="8:8">
      <c r="H13514" s="12"/>
    </row>
    <row r="13515" spans="8:8">
      <c r="H13515" s="12"/>
    </row>
    <row r="13516" spans="8:8">
      <c r="H13516" s="12"/>
    </row>
    <row r="13517" spans="8:8">
      <c r="H13517" s="12"/>
    </row>
    <row r="13518" spans="8:8">
      <c r="H13518" s="12"/>
    </row>
    <row r="13519" spans="8:8">
      <c r="H13519" s="12"/>
    </row>
    <row r="13520" spans="8:8">
      <c r="H13520" s="12"/>
    </row>
    <row r="13521" spans="8:8">
      <c r="H13521" s="12"/>
    </row>
    <row r="13522" spans="8:8">
      <c r="H13522" s="12"/>
    </row>
    <row r="13523" spans="8:8">
      <c r="H13523" s="12"/>
    </row>
    <row r="13524" spans="8:8">
      <c r="H13524" s="12"/>
    </row>
    <row r="13525" spans="8:8">
      <c r="H13525" s="12"/>
    </row>
    <row r="13526" spans="8:8">
      <c r="H13526" s="12"/>
    </row>
    <row r="13527" spans="8:8">
      <c r="H13527" s="12"/>
    </row>
    <row r="13528" spans="8:8">
      <c r="H13528" s="12"/>
    </row>
    <row r="13529" spans="8:8">
      <c r="H13529" s="12"/>
    </row>
    <row r="13530" spans="8:8">
      <c r="H13530" s="12"/>
    </row>
    <row r="13531" spans="8:8">
      <c r="H13531" s="12"/>
    </row>
    <row r="13532" spans="8:8">
      <c r="H13532" s="12"/>
    </row>
    <row r="13533" spans="8:8">
      <c r="H13533" s="12"/>
    </row>
    <row r="13534" spans="8:8">
      <c r="H13534" s="12"/>
    </row>
    <row r="13535" spans="8:8">
      <c r="H13535" s="12"/>
    </row>
    <row r="13536" spans="8:8">
      <c r="H13536" s="12"/>
    </row>
    <row r="13537" spans="8:8">
      <c r="H13537" s="12"/>
    </row>
    <row r="13538" spans="8:8">
      <c r="H13538" s="12"/>
    </row>
    <row r="13539" spans="8:8">
      <c r="H13539" s="12"/>
    </row>
    <row r="13540" spans="8:8">
      <c r="H13540" s="12"/>
    </row>
    <row r="13541" spans="8:8">
      <c r="H13541" s="12"/>
    </row>
    <row r="13542" spans="8:8">
      <c r="H13542" s="12"/>
    </row>
    <row r="13543" spans="8:8">
      <c r="H13543" s="12"/>
    </row>
    <row r="13544" spans="8:8">
      <c r="H13544" s="12"/>
    </row>
    <row r="13545" spans="8:8">
      <c r="H13545" s="12"/>
    </row>
    <row r="13546" spans="8:8">
      <c r="H13546" s="12"/>
    </row>
    <row r="13547" spans="8:8">
      <c r="H13547" s="12"/>
    </row>
    <row r="13548" spans="8:8">
      <c r="H13548" s="12"/>
    </row>
    <row r="13549" spans="8:8">
      <c r="H13549" s="12"/>
    </row>
    <row r="13550" spans="8:8">
      <c r="H13550" s="12"/>
    </row>
    <row r="13551" spans="8:8">
      <c r="H13551" s="12"/>
    </row>
    <row r="13552" spans="8:8">
      <c r="H13552" s="12"/>
    </row>
    <row r="13553" spans="8:8">
      <c r="H13553" s="12"/>
    </row>
    <row r="13554" spans="8:8">
      <c r="H13554" s="12"/>
    </row>
    <row r="13555" spans="8:8">
      <c r="H13555" s="12"/>
    </row>
    <row r="13556" spans="8:8">
      <c r="H13556" s="12"/>
    </row>
    <row r="13557" spans="8:8">
      <c r="H13557" s="12"/>
    </row>
    <row r="13558" spans="8:8">
      <c r="H13558" s="12"/>
    </row>
    <row r="13559" spans="8:8">
      <c r="H13559" s="12"/>
    </row>
    <row r="13560" spans="8:8">
      <c r="H13560" s="12"/>
    </row>
    <row r="13561" spans="8:8">
      <c r="H13561" s="12"/>
    </row>
    <row r="13562" spans="8:8">
      <c r="H13562" s="12"/>
    </row>
    <row r="13563" spans="8:8">
      <c r="H13563" s="12"/>
    </row>
    <row r="13564" spans="8:8">
      <c r="H13564" s="12"/>
    </row>
    <row r="13565" spans="8:8">
      <c r="H13565" s="12"/>
    </row>
    <row r="13566" spans="8:8">
      <c r="H13566" s="12"/>
    </row>
    <row r="13567" spans="8:8">
      <c r="H13567" s="12"/>
    </row>
    <row r="13568" spans="8:8">
      <c r="H13568" s="12"/>
    </row>
    <row r="13569" spans="8:8">
      <c r="H13569" s="12"/>
    </row>
    <row r="13570" spans="8:8">
      <c r="H13570" s="12"/>
    </row>
    <row r="13571" spans="8:8">
      <c r="H13571" s="12"/>
    </row>
    <row r="13572" spans="8:8">
      <c r="H13572" s="12"/>
    </row>
    <row r="13573" spans="8:8">
      <c r="H13573" s="12"/>
    </row>
    <row r="13574" spans="8:8">
      <c r="H13574" s="12"/>
    </row>
    <row r="13575" spans="8:8">
      <c r="H13575" s="12"/>
    </row>
    <row r="13576" spans="8:8">
      <c r="H13576" s="12"/>
    </row>
    <row r="13577" spans="8:8">
      <c r="H13577" s="12"/>
    </row>
    <row r="13578" spans="8:8">
      <c r="H13578" s="12"/>
    </row>
    <row r="13579" spans="8:8">
      <c r="H13579" s="12"/>
    </row>
    <row r="13580" spans="8:8">
      <c r="H13580" s="12"/>
    </row>
    <row r="13581" spans="8:8">
      <c r="H13581" s="12"/>
    </row>
    <row r="13582" spans="8:8">
      <c r="H13582" s="12"/>
    </row>
    <row r="13583" spans="8:8">
      <c r="H13583" s="12"/>
    </row>
    <row r="13584" spans="8:8">
      <c r="H13584" s="12"/>
    </row>
    <row r="13585" spans="8:8">
      <c r="H13585" s="12"/>
    </row>
    <row r="13586" spans="8:8">
      <c r="H13586" s="12"/>
    </row>
    <row r="13587" spans="8:8">
      <c r="H13587" s="12"/>
    </row>
    <row r="13588" spans="8:8">
      <c r="H13588" s="12"/>
    </row>
    <row r="13589" spans="8:8">
      <c r="H13589" s="12"/>
    </row>
    <row r="13590" spans="8:8">
      <c r="H13590" s="12"/>
    </row>
    <row r="13591" spans="8:8">
      <c r="H13591" s="12"/>
    </row>
    <row r="13592" spans="8:8">
      <c r="H13592" s="12"/>
    </row>
    <row r="13593" spans="8:8">
      <c r="H13593" s="12"/>
    </row>
    <row r="13594" spans="8:8">
      <c r="H13594" s="12"/>
    </row>
    <row r="13595" spans="8:8">
      <c r="H13595" s="12"/>
    </row>
    <row r="13596" spans="8:8">
      <c r="H13596" s="12"/>
    </row>
    <row r="13597" spans="8:8">
      <c r="H13597" s="12"/>
    </row>
    <row r="13598" spans="8:8">
      <c r="H13598" s="12"/>
    </row>
    <row r="13599" spans="8:8">
      <c r="H13599" s="12"/>
    </row>
    <row r="13600" spans="8:8">
      <c r="H13600" s="12"/>
    </row>
    <row r="13601" spans="8:8">
      <c r="H13601" s="12"/>
    </row>
    <row r="13602" spans="8:8">
      <c r="H13602" s="12"/>
    </row>
    <row r="13603" spans="8:8">
      <c r="H13603" s="12"/>
    </row>
    <row r="13604" spans="8:8">
      <c r="H13604" s="12"/>
    </row>
    <row r="13605" spans="8:8">
      <c r="H13605" s="12"/>
    </row>
    <row r="13606" spans="8:8">
      <c r="H13606" s="12"/>
    </row>
    <row r="13607" spans="8:8">
      <c r="H13607" s="12"/>
    </row>
    <row r="13608" spans="8:8">
      <c r="H13608" s="12"/>
    </row>
    <row r="13609" spans="8:8">
      <c r="H13609" s="12"/>
    </row>
    <row r="13610" spans="8:8">
      <c r="H13610" s="12"/>
    </row>
    <row r="13611" spans="8:8">
      <c r="H13611" s="12"/>
    </row>
    <row r="13612" spans="8:8">
      <c r="H13612" s="12"/>
    </row>
    <row r="13613" spans="8:8">
      <c r="H13613" s="12"/>
    </row>
    <row r="13614" spans="8:8">
      <c r="H13614" s="12"/>
    </row>
    <row r="13615" spans="8:8">
      <c r="H13615" s="12"/>
    </row>
    <row r="13616" spans="8:8">
      <c r="H13616" s="12"/>
    </row>
    <row r="13617" spans="8:8">
      <c r="H13617" s="12"/>
    </row>
    <row r="13618" spans="8:8">
      <c r="H13618" s="12"/>
    </row>
    <row r="13619" spans="8:8">
      <c r="H13619" s="12"/>
    </row>
    <row r="13620" spans="8:8">
      <c r="H13620" s="12"/>
    </row>
    <row r="13621" spans="8:8">
      <c r="H13621" s="12"/>
    </row>
    <row r="13622" spans="8:8">
      <c r="H13622" s="12"/>
    </row>
    <row r="13623" spans="8:8">
      <c r="H13623" s="12"/>
    </row>
    <row r="13624" spans="8:8">
      <c r="H13624" s="12"/>
    </row>
    <row r="13625" spans="8:8">
      <c r="H13625" s="12"/>
    </row>
    <row r="13626" spans="8:8">
      <c r="H13626" s="12"/>
    </row>
    <row r="13627" spans="8:8">
      <c r="H13627" s="12"/>
    </row>
    <row r="13628" spans="8:8">
      <c r="H13628" s="12"/>
    </row>
    <row r="13629" spans="8:8">
      <c r="H13629" s="12"/>
    </row>
    <row r="13630" spans="8:8">
      <c r="H13630" s="12"/>
    </row>
    <row r="13631" spans="8:8">
      <c r="H13631" s="12"/>
    </row>
    <row r="13632" spans="8:8">
      <c r="H13632" s="12"/>
    </row>
    <row r="13633" spans="8:8">
      <c r="H13633" s="12"/>
    </row>
    <row r="13634" spans="8:8">
      <c r="H13634" s="12"/>
    </row>
    <row r="13635" spans="8:8">
      <c r="H13635" s="12"/>
    </row>
    <row r="13636" spans="8:8">
      <c r="H13636" s="12"/>
    </row>
    <row r="13637" spans="8:8">
      <c r="H13637" s="12"/>
    </row>
    <row r="13638" spans="8:8">
      <c r="H13638" s="12"/>
    </row>
    <row r="13639" spans="8:8">
      <c r="H13639" s="12"/>
    </row>
    <row r="13640" spans="8:8">
      <c r="H13640" s="12"/>
    </row>
    <row r="13641" spans="8:8">
      <c r="H13641" s="12"/>
    </row>
    <row r="13642" spans="8:8">
      <c r="H13642" s="12"/>
    </row>
    <row r="13643" spans="8:8">
      <c r="H13643" s="12"/>
    </row>
    <row r="13644" spans="8:8">
      <c r="H13644" s="12"/>
    </row>
    <row r="13645" spans="8:8">
      <c r="H13645" s="12"/>
    </row>
    <row r="13646" spans="8:8">
      <c r="H13646" s="12"/>
    </row>
    <row r="13647" spans="8:8">
      <c r="H13647" s="12"/>
    </row>
    <row r="13648" spans="8:8">
      <c r="H13648" s="12"/>
    </row>
    <row r="13649" spans="8:8">
      <c r="H13649" s="12"/>
    </row>
    <row r="13650" spans="8:8">
      <c r="H13650" s="12"/>
    </row>
    <row r="13651" spans="8:8">
      <c r="H13651" s="12"/>
    </row>
    <row r="13652" spans="8:8">
      <c r="H13652" s="12"/>
    </row>
    <row r="13653" spans="8:8">
      <c r="H13653" s="12"/>
    </row>
    <row r="13654" spans="8:8">
      <c r="H13654" s="12"/>
    </row>
    <row r="13655" spans="8:8">
      <c r="H13655" s="12"/>
    </row>
    <row r="13656" spans="8:8">
      <c r="H13656" s="12"/>
    </row>
    <row r="13657" spans="8:8">
      <c r="H13657" s="12"/>
    </row>
    <row r="13658" spans="8:8">
      <c r="H13658" s="12"/>
    </row>
    <row r="13659" spans="8:8">
      <c r="H13659" s="12"/>
    </row>
    <row r="13660" spans="8:8">
      <c r="H13660" s="12"/>
    </row>
    <row r="13661" spans="8:8">
      <c r="H13661" s="12"/>
    </row>
    <row r="13662" spans="8:8">
      <c r="H13662" s="12"/>
    </row>
    <row r="13663" spans="8:8">
      <c r="H13663" s="12"/>
    </row>
    <row r="13664" spans="8:8">
      <c r="H13664" s="12"/>
    </row>
    <row r="13665" spans="8:8">
      <c r="H13665" s="12"/>
    </row>
    <row r="13666" spans="8:8">
      <c r="H13666" s="12"/>
    </row>
    <row r="13667" spans="8:8">
      <c r="H13667" s="12"/>
    </row>
    <row r="13668" spans="8:8">
      <c r="H13668" s="12"/>
    </row>
    <row r="13669" spans="8:8">
      <c r="H13669" s="12"/>
    </row>
    <row r="13670" spans="8:8">
      <c r="H13670" s="12"/>
    </row>
    <row r="13671" spans="8:8">
      <c r="H13671" s="12"/>
    </row>
    <row r="13672" spans="8:8">
      <c r="H13672" s="12"/>
    </row>
    <row r="13673" spans="8:8">
      <c r="H13673" s="12"/>
    </row>
    <row r="13674" spans="8:8">
      <c r="H13674" s="12"/>
    </row>
    <row r="13675" spans="8:8">
      <c r="H13675" s="12"/>
    </row>
    <row r="13676" spans="8:8">
      <c r="H13676" s="12"/>
    </row>
    <row r="13677" spans="8:8">
      <c r="H13677" s="12"/>
    </row>
    <row r="13678" spans="8:8">
      <c r="H13678" s="12"/>
    </row>
    <row r="13679" spans="8:8">
      <c r="H13679" s="12"/>
    </row>
    <row r="13680" spans="8:8">
      <c r="H13680" s="12"/>
    </row>
    <row r="13681" spans="8:8">
      <c r="H13681" s="12"/>
    </row>
    <row r="13682" spans="8:8">
      <c r="H13682" s="12"/>
    </row>
    <row r="13683" spans="8:8">
      <c r="H13683" s="12"/>
    </row>
    <row r="13684" spans="8:8">
      <c r="H13684" s="12"/>
    </row>
    <row r="13685" spans="8:8">
      <c r="H13685" s="12"/>
    </row>
    <row r="13686" spans="8:8">
      <c r="H13686" s="12"/>
    </row>
    <row r="13687" spans="8:8">
      <c r="H13687" s="12"/>
    </row>
    <row r="13688" spans="8:8">
      <c r="H13688" s="12"/>
    </row>
    <row r="13689" spans="8:8">
      <c r="H13689" s="12"/>
    </row>
    <row r="13690" spans="8:8">
      <c r="H13690" s="12"/>
    </row>
    <row r="13691" spans="8:8">
      <c r="H13691" s="12"/>
    </row>
    <row r="13692" spans="8:8">
      <c r="H13692" s="12"/>
    </row>
    <row r="13693" spans="8:8">
      <c r="H13693" s="12"/>
    </row>
    <row r="13694" spans="8:8">
      <c r="H13694" s="12"/>
    </row>
    <row r="13695" spans="8:8">
      <c r="H13695" s="12"/>
    </row>
    <row r="13696" spans="8:8">
      <c r="H13696" s="12"/>
    </row>
    <row r="13697" spans="8:8">
      <c r="H13697" s="12"/>
    </row>
    <row r="13698" spans="8:8">
      <c r="H13698" s="12"/>
    </row>
    <row r="13699" spans="8:8">
      <c r="H13699" s="12"/>
    </row>
    <row r="13700" spans="8:8">
      <c r="H13700" s="12"/>
    </row>
    <row r="13701" spans="8:8">
      <c r="H13701" s="12"/>
    </row>
    <row r="13702" spans="8:8">
      <c r="H13702" s="12"/>
    </row>
    <row r="13703" spans="8:8">
      <c r="H13703" s="12"/>
    </row>
    <row r="13704" spans="8:8">
      <c r="H13704" s="12"/>
    </row>
    <row r="13705" spans="8:8">
      <c r="H13705" s="12"/>
    </row>
    <row r="13706" spans="8:8">
      <c r="H13706" s="12"/>
    </row>
    <row r="13707" spans="8:8">
      <c r="H13707" s="12"/>
    </row>
    <row r="13708" spans="8:8">
      <c r="H13708" s="12"/>
    </row>
    <row r="13709" spans="8:8">
      <c r="H13709" s="12"/>
    </row>
    <row r="13710" spans="8:8">
      <c r="H13710" s="12"/>
    </row>
    <row r="13711" spans="8:8">
      <c r="H13711" s="12"/>
    </row>
    <row r="13712" spans="8:8">
      <c r="H13712" s="12"/>
    </row>
    <row r="13713" spans="8:8">
      <c r="H13713" s="12"/>
    </row>
    <row r="13714" spans="8:8">
      <c r="H13714" s="12"/>
    </row>
    <row r="13715" spans="8:8">
      <c r="H13715" s="12"/>
    </row>
    <row r="13716" spans="8:8">
      <c r="H13716" s="12"/>
    </row>
    <row r="13717" spans="8:8">
      <c r="H13717" s="12"/>
    </row>
    <row r="13718" spans="8:8">
      <c r="H13718" s="12"/>
    </row>
    <row r="13719" spans="8:8">
      <c r="H13719" s="12"/>
    </row>
    <row r="13720" spans="8:8">
      <c r="H13720" s="12"/>
    </row>
    <row r="13721" spans="8:8">
      <c r="H13721" s="12"/>
    </row>
    <row r="13722" spans="8:8">
      <c r="H13722" s="12"/>
    </row>
    <row r="13723" spans="8:8">
      <c r="H13723" s="12"/>
    </row>
    <row r="13724" spans="8:8">
      <c r="H13724" s="12"/>
    </row>
    <row r="13725" spans="8:8">
      <c r="H13725" s="12"/>
    </row>
    <row r="13726" spans="8:8">
      <c r="H13726" s="12"/>
    </row>
    <row r="13727" spans="8:8">
      <c r="H13727" s="12"/>
    </row>
    <row r="13728" spans="8:8">
      <c r="H13728" s="12"/>
    </row>
    <row r="13729" spans="8:8">
      <c r="H13729" s="12"/>
    </row>
    <row r="13730" spans="8:8">
      <c r="H13730" s="12"/>
    </row>
    <row r="13731" spans="8:8">
      <c r="H13731" s="12"/>
    </row>
    <row r="13732" spans="8:8">
      <c r="H13732" s="12"/>
    </row>
    <row r="13733" spans="8:8">
      <c r="H13733" s="12"/>
    </row>
    <row r="13734" spans="8:8">
      <c r="H13734" s="12"/>
    </row>
    <row r="13735" spans="8:8">
      <c r="H13735" s="12"/>
    </row>
    <row r="13736" spans="8:8">
      <c r="H13736" s="12"/>
    </row>
    <row r="13737" spans="8:8">
      <c r="H13737" s="12"/>
    </row>
    <row r="13738" spans="8:8">
      <c r="H13738" s="12"/>
    </row>
    <row r="13739" spans="8:8">
      <c r="H13739" s="12"/>
    </row>
    <row r="13740" spans="8:8">
      <c r="H13740" s="12"/>
    </row>
    <row r="13741" spans="8:8">
      <c r="H13741" s="12"/>
    </row>
    <row r="13742" spans="8:8">
      <c r="H13742" s="12"/>
    </row>
    <row r="13743" spans="8:8">
      <c r="H13743" s="12"/>
    </row>
    <row r="13744" spans="8:8">
      <c r="H13744" s="12"/>
    </row>
    <row r="13745" spans="8:8">
      <c r="H13745" s="12"/>
    </row>
    <row r="13746" spans="8:8">
      <c r="H13746" s="12"/>
    </row>
    <row r="13747" spans="8:8">
      <c r="H13747" s="12"/>
    </row>
    <row r="13748" spans="8:8">
      <c r="H13748" s="12"/>
    </row>
    <row r="13749" spans="8:8">
      <c r="H13749" s="12"/>
    </row>
    <row r="13750" spans="8:8">
      <c r="H13750" s="12"/>
    </row>
    <row r="13751" spans="8:8">
      <c r="H13751" s="12"/>
    </row>
    <row r="13752" spans="8:8">
      <c r="H13752" s="12"/>
    </row>
    <row r="13753" spans="8:8">
      <c r="H13753" s="12"/>
    </row>
    <row r="13754" spans="8:8">
      <c r="H13754" s="12"/>
    </row>
    <row r="13755" spans="8:8">
      <c r="H13755" s="12"/>
    </row>
    <row r="13756" spans="8:8">
      <c r="H13756" s="12"/>
    </row>
    <row r="13757" spans="8:8">
      <c r="H13757" s="12"/>
    </row>
    <row r="13758" spans="8:8">
      <c r="H13758" s="12"/>
    </row>
    <row r="13759" spans="8:8">
      <c r="H13759" s="12"/>
    </row>
    <row r="13760" spans="8:8">
      <c r="H13760" s="12"/>
    </row>
    <row r="13761" spans="8:8">
      <c r="H13761" s="12"/>
    </row>
    <row r="13762" spans="8:8">
      <c r="H13762" s="12"/>
    </row>
    <row r="13763" spans="8:8">
      <c r="H13763" s="12"/>
    </row>
    <row r="13764" spans="8:8">
      <c r="H13764" s="12"/>
    </row>
    <row r="13765" spans="8:8">
      <c r="H13765" s="12"/>
    </row>
    <row r="13766" spans="8:8">
      <c r="H13766" s="12"/>
    </row>
    <row r="13767" spans="8:8">
      <c r="H13767" s="12"/>
    </row>
    <row r="13768" spans="8:8">
      <c r="H13768" s="12"/>
    </row>
    <row r="13769" spans="8:8">
      <c r="H13769" s="12"/>
    </row>
    <row r="13770" spans="8:8">
      <c r="H13770" s="12"/>
    </row>
    <row r="13771" spans="8:8">
      <c r="H13771" s="12"/>
    </row>
    <row r="13772" spans="8:8">
      <c r="H13772" s="12"/>
    </row>
    <row r="13773" spans="8:8">
      <c r="H13773" s="12"/>
    </row>
    <row r="13774" spans="8:8">
      <c r="H13774" s="12"/>
    </row>
    <row r="13775" spans="8:8">
      <c r="H13775" s="12"/>
    </row>
    <row r="13776" spans="8:8">
      <c r="H13776" s="12"/>
    </row>
    <row r="13777" spans="8:8">
      <c r="H13777" s="12"/>
    </row>
    <row r="13778" spans="8:8">
      <c r="H13778" s="12"/>
    </row>
    <row r="13779" spans="8:8">
      <c r="H13779" s="12"/>
    </row>
    <row r="13780" spans="8:8">
      <c r="H13780" s="12"/>
    </row>
    <row r="13781" spans="8:8">
      <c r="H13781" s="12"/>
    </row>
    <row r="13782" spans="8:8">
      <c r="H13782" s="12"/>
    </row>
    <row r="13783" spans="8:8">
      <c r="H13783" s="12"/>
    </row>
    <row r="13784" spans="8:8">
      <c r="H13784" s="12"/>
    </row>
    <row r="13785" spans="8:8">
      <c r="H13785" s="12"/>
    </row>
    <row r="13786" spans="8:8">
      <c r="H13786" s="12"/>
    </row>
    <row r="13787" spans="8:8">
      <c r="H13787" s="12"/>
    </row>
    <row r="13788" spans="8:8">
      <c r="H13788" s="12"/>
    </row>
    <row r="13789" spans="8:8">
      <c r="H13789" s="12"/>
    </row>
    <row r="13790" spans="8:8">
      <c r="H13790" s="12"/>
    </row>
    <row r="13791" spans="8:8">
      <c r="H13791" s="12"/>
    </row>
    <row r="13792" spans="8:8">
      <c r="H13792" s="12"/>
    </row>
    <row r="13793" spans="8:8">
      <c r="H13793" s="12"/>
    </row>
    <row r="13794" spans="8:8">
      <c r="H13794" s="12"/>
    </row>
    <row r="13795" spans="8:8">
      <c r="H13795" s="12"/>
    </row>
    <row r="13796" spans="8:8">
      <c r="H13796" s="12"/>
    </row>
    <row r="13797" spans="8:8">
      <c r="H13797" s="12"/>
    </row>
    <row r="13798" spans="8:8">
      <c r="H13798" s="12"/>
    </row>
    <row r="13799" spans="8:8">
      <c r="H13799" s="12"/>
    </row>
    <row r="13800" spans="8:8">
      <c r="H13800" s="12"/>
    </row>
    <row r="13801" spans="8:8">
      <c r="H13801" s="12"/>
    </row>
    <row r="13802" spans="8:8">
      <c r="H13802" s="12"/>
    </row>
    <row r="13803" spans="8:8">
      <c r="H13803" s="12"/>
    </row>
    <row r="13804" spans="8:8">
      <c r="H13804" s="12"/>
    </row>
    <row r="13805" spans="8:8">
      <c r="H13805" s="12"/>
    </row>
    <row r="13806" spans="8:8">
      <c r="H13806" s="12"/>
    </row>
    <row r="13807" spans="8:8">
      <c r="H13807" s="12"/>
    </row>
    <row r="13808" spans="8:8">
      <c r="H13808" s="12"/>
    </row>
    <row r="13809" spans="8:8">
      <c r="H13809" s="12"/>
    </row>
    <row r="13810" spans="8:8">
      <c r="H13810" s="12"/>
    </row>
    <row r="13811" spans="8:8">
      <c r="H13811" s="12"/>
    </row>
    <row r="13812" spans="8:8">
      <c r="H13812" s="12"/>
    </row>
    <row r="13813" spans="8:8">
      <c r="H13813" s="12"/>
    </row>
    <row r="13814" spans="8:8">
      <c r="H13814" s="12"/>
    </row>
    <row r="13815" spans="8:8">
      <c r="H13815" s="12"/>
    </row>
    <row r="13816" spans="8:8">
      <c r="H13816" s="12"/>
    </row>
    <row r="13817" spans="8:8">
      <c r="H13817" s="12"/>
    </row>
    <row r="13818" spans="8:8">
      <c r="H13818" s="12"/>
    </row>
    <row r="13819" spans="8:8">
      <c r="H13819" s="12"/>
    </row>
    <row r="13820" spans="8:8">
      <c r="H13820" s="12"/>
    </row>
    <row r="13821" spans="8:8">
      <c r="H13821" s="12"/>
    </row>
    <row r="13822" spans="8:8">
      <c r="H13822" s="12"/>
    </row>
    <row r="13823" spans="8:8">
      <c r="H13823" s="12"/>
    </row>
    <row r="13824" spans="8:8">
      <c r="H13824" s="12"/>
    </row>
    <row r="13825" spans="8:8">
      <c r="H13825" s="12"/>
    </row>
    <row r="13826" spans="8:8">
      <c r="H13826" s="12"/>
    </row>
    <row r="13827" spans="8:8">
      <c r="H13827" s="12"/>
    </row>
    <row r="13828" spans="8:8">
      <c r="H13828" s="12"/>
    </row>
    <row r="13829" spans="8:8">
      <c r="H13829" s="12"/>
    </row>
    <row r="13830" spans="8:8">
      <c r="H13830" s="12"/>
    </row>
    <row r="13831" spans="8:8">
      <c r="H13831" s="12"/>
    </row>
    <row r="13832" spans="8:8">
      <c r="H13832" s="12"/>
    </row>
    <row r="13833" spans="8:8">
      <c r="H13833" s="12"/>
    </row>
    <row r="13834" spans="8:8">
      <c r="H13834" s="12"/>
    </row>
    <row r="13835" spans="8:8">
      <c r="H13835" s="12"/>
    </row>
    <row r="13836" spans="8:8">
      <c r="H13836" s="12"/>
    </row>
    <row r="13837" spans="8:8">
      <c r="H13837" s="12"/>
    </row>
    <row r="13838" spans="8:8">
      <c r="H13838" s="12"/>
    </row>
    <row r="13839" spans="8:8">
      <c r="H13839" s="12"/>
    </row>
    <row r="13840" spans="8:8">
      <c r="H13840" s="12"/>
    </row>
    <row r="13841" spans="8:8">
      <c r="H13841" s="12"/>
    </row>
    <row r="13842" spans="8:8">
      <c r="H13842" s="12"/>
    </row>
    <row r="13843" spans="8:8">
      <c r="H13843" s="12"/>
    </row>
    <row r="13844" spans="8:8">
      <c r="H13844" s="12"/>
    </row>
    <row r="13845" spans="8:8">
      <c r="H13845" s="12"/>
    </row>
    <row r="13846" spans="8:8">
      <c r="H13846" s="12"/>
    </row>
    <row r="13847" spans="8:8">
      <c r="H13847" s="12"/>
    </row>
    <row r="13848" spans="8:8">
      <c r="H13848" s="12"/>
    </row>
    <row r="13849" spans="8:8">
      <c r="H13849" s="12"/>
    </row>
    <row r="13850" spans="8:8">
      <c r="H13850" s="12"/>
    </row>
    <row r="13851" spans="8:8">
      <c r="H13851" s="12"/>
    </row>
    <row r="13852" spans="8:8">
      <c r="H13852" s="12"/>
    </row>
    <row r="13853" spans="8:8">
      <c r="H13853" s="12"/>
    </row>
    <row r="13854" spans="8:8">
      <c r="H13854" s="12"/>
    </row>
    <row r="13855" spans="8:8">
      <c r="H13855" s="12"/>
    </row>
    <row r="13856" spans="8:8">
      <c r="H13856" s="12"/>
    </row>
    <row r="13857" spans="8:8">
      <c r="H13857" s="12"/>
    </row>
    <row r="13858" spans="8:8">
      <c r="H13858" s="12"/>
    </row>
    <row r="13859" spans="8:8">
      <c r="H13859" s="12"/>
    </row>
    <row r="13860" spans="8:8">
      <c r="H13860" s="12"/>
    </row>
    <row r="13861" spans="8:8">
      <c r="H13861" s="12"/>
    </row>
    <row r="13862" spans="8:8">
      <c r="H13862" s="12"/>
    </row>
    <row r="13863" spans="8:8">
      <c r="H13863" s="12"/>
    </row>
    <row r="13864" spans="8:8">
      <c r="H13864" s="12"/>
    </row>
    <row r="13865" spans="8:8">
      <c r="H13865" s="12"/>
    </row>
    <row r="13866" spans="8:8">
      <c r="H13866" s="12"/>
    </row>
    <row r="13867" spans="8:8">
      <c r="H13867" s="12"/>
    </row>
    <row r="13868" spans="8:8">
      <c r="H13868" s="12"/>
    </row>
    <row r="13869" spans="8:8">
      <c r="H13869" s="12"/>
    </row>
    <row r="13870" spans="8:8">
      <c r="H13870" s="12"/>
    </row>
    <row r="13871" spans="8:8">
      <c r="H13871" s="12"/>
    </row>
    <row r="13872" spans="8:8">
      <c r="H13872" s="12"/>
    </row>
    <row r="13873" spans="8:8">
      <c r="H13873" s="12"/>
    </row>
    <row r="13874" spans="8:8">
      <c r="H13874" s="12"/>
    </row>
    <row r="13875" spans="8:8">
      <c r="H13875" s="12"/>
    </row>
    <row r="13876" spans="8:8">
      <c r="H13876" s="12"/>
    </row>
    <row r="13877" spans="8:8">
      <c r="H13877" s="12"/>
    </row>
    <row r="13878" spans="8:8">
      <c r="H13878" s="12"/>
    </row>
    <row r="13879" spans="8:8">
      <c r="H13879" s="12"/>
    </row>
    <row r="13880" spans="8:8">
      <c r="H13880" s="12"/>
    </row>
    <row r="13881" spans="8:8">
      <c r="H13881" s="12"/>
    </row>
    <row r="13882" spans="8:8">
      <c r="H13882" s="12"/>
    </row>
    <row r="13883" spans="8:8">
      <c r="H13883" s="12"/>
    </row>
    <row r="13884" spans="8:8">
      <c r="H13884" s="12"/>
    </row>
    <row r="13885" spans="8:8">
      <c r="H13885" s="12"/>
    </row>
    <row r="13886" spans="8:8">
      <c r="H13886" s="12"/>
    </row>
    <row r="13887" spans="8:8">
      <c r="H13887" s="12"/>
    </row>
    <row r="13888" spans="8:8">
      <c r="H13888" s="12"/>
    </row>
    <row r="13889" spans="8:8">
      <c r="H13889" s="12"/>
    </row>
    <row r="13890" spans="8:8">
      <c r="H13890" s="12"/>
    </row>
    <row r="13891" spans="8:8">
      <c r="H13891" s="12"/>
    </row>
    <row r="13892" spans="8:8">
      <c r="H13892" s="12"/>
    </row>
    <row r="13893" spans="8:8">
      <c r="H13893" s="12"/>
    </row>
    <row r="13894" spans="8:8">
      <c r="H13894" s="12"/>
    </row>
    <row r="13895" spans="8:8">
      <c r="H13895" s="12"/>
    </row>
    <row r="13896" spans="8:8">
      <c r="H13896" s="12"/>
    </row>
    <row r="13897" spans="8:8">
      <c r="H13897" s="12"/>
    </row>
    <row r="13898" spans="8:8">
      <c r="H13898" s="12"/>
    </row>
    <row r="13899" spans="8:8">
      <c r="H13899" s="12"/>
    </row>
    <row r="13900" spans="8:8">
      <c r="H13900" s="12"/>
    </row>
    <row r="13901" spans="8:8">
      <c r="H13901" s="12"/>
    </row>
    <row r="13902" spans="8:8">
      <c r="H13902" s="12"/>
    </row>
    <row r="13903" spans="8:8">
      <c r="H13903" s="12"/>
    </row>
    <row r="13904" spans="8:8">
      <c r="H13904" s="12"/>
    </row>
    <row r="13905" spans="8:8">
      <c r="H13905" s="12"/>
    </row>
    <row r="13906" spans="8:8">
      <c r="H13906" s="12"/>
    </row>
    <row r="13907" spans="8:8">
      <c r="H13907" s="12"/>
    </row>
    <row r="13908" spans="8:8">
      <c r="H13908" s="12"/>
    </row>
    <row r="13909" spans="8:8">
      <c r="H13909" s="12"/>
    </row>
    <row r="13910" spans="8:8">
      <c r="H13910" s="12"/>
    </row>
    <row r="13911" spans="8:8">
      <c r="H13911" s="12"/>
    </row>
    <row r="13912" spans="8:8">
      <c r="H13912" s="12"/>
    </row>
    <row r="13913" spans="8:8">
      <c r="H13913" s="12"/>
    </row>
    <row r="13914" spans="8:8">
      <c r="H13914" s="12"/>
    </row>
    <row r="13915" spans="8:8">
      <c r="H13915" s="12"/>
    </row>
    <row r="13916" spans="8:8">
      <c r="H13916" s="12"/>
    </row>
    <row r="13917" spans="8:8">
      <c r="H13917" s="12"/>
    </row>
    <row r="13918" spans="8:8">
      <c r="H13918" s="12"/>
    </row>
    <row r="13919" spans="8:8">
      <c r="H13919" s="12"/>
    </row>
    <row r="13920" spans="8:8">
      <c r="H13920" s="12"/>
    </row>
    <row r="13921" spans="8:8">
      <c r="H13921" s="12"/>
    </row>
    <row r="13922" spans="8:8">
      <c r="H13922" s="12"/>
    </row>
    <row r="13923" spans="8:8">
      <c r="H13923" s="12"/>
    </row>
    <row r="13924" spans="8:8">
      <c r="H13924" s="12"/>
    </row>
    <row r="13925" spans="8:8">
      <c r="H13925" s="12"/>
    </row>
    <row r="13926" spans="8:8">
      <c r="H13926" s="12"/>
    </row>
    <row r="13927" spans="8:8">
      <c r="H13927" s="12"/>
    </row>
    <row r="13928" spans="8:8">
      <c r="H13928" s="12"/>
    </row>
    <row r="13929" spans="8:8">
      <c r="H13929" s="12"/>
    </row>
    <row r="13930" spans="8:8">
      <c r="H13930" s="12"/>
    </row>
    <row r="13931" spans="8:8">
      <c r="H13931" s="12"/>
    </row>
    <row r="13932" spans="8:8">
      <c r="H13932" s="12"/>
    </row>
    <row r="13933" spans="8:8">
      <c r="H13933" s="12"/>
    </row>
    <row r="13934" spans="8:8">
      <c r="H13934" s="12"/>
    </row>
    <row r="13935" spans="8:8">
      <c r="H13935" s="12"/>
    </row>
    <row r="13936" spans="8:8">
      <c r="H13936" s="12"/>
    </row>
    <row r="13937" spans="8:8">
      <c r="H13937" s="12"/>
    </row>
    <row r="13938" spans="8:8">
      <c r="H13938" s="12"/>
    </row>
    <row r="13939" spans="8:8">
      <c r="H13939" s="12"/>
    </row>
    <row r="13940" spans="8:8">
      <c r="H13940" s="12"/>
    </row>
    <row r="13941" spans="8:8">
      <c r="H13941" s="12"/>
    </row>
    <row r="13942" spans="8:8">
      <c r="H13942" s="12"/>
    </row>
    <row r="13943" spans="8:8">
      <c r="H13943" s="12"/>
    </row>
    <row r="13944" spans="8:8">
      <c r="H13944" s="12"/>
    </row>
    <row r="13945" spans="8:8">
      <c r="H13945" s="12"/>
    </row>
    <row r="13946" spans="8:8">
      <c r="H13946" s="12"/>
    </row>
    <row r="13947" spans="8:8">
      <c r="H13947" s="12"/>
    </row>
    <row r="13948" spans="8:8">
      <c r="H13948" s="12"/>
    </row>
    <row r="13949" spans="8:8">
      <c r="H13949" s="12"/>
    </row>
    <row r="13950" spans="8:8">
      <c r="H13950" s="12"/>
    </row>
    <row r="13951" spans="8:8">
      <c r="H13951" s="12"/>
    </row>
    <row r="13952" spans="8:8">
      <c r="H13952" s="12"/>
    </row>
    <row r="13953" spans="8:8">
      <c r="H13953" s="12"/>
    </row>
    <row r="13954" spans="8:8">
      <c r="H13954" s="12"/>
    </row>
    <row r="13955" spans="8:8">
      <c r="H13955" s="12"/>
    </row>
    <row r="13956" spans="8:8">
      <c r="H13956" s="12"/>
    </row>
    <row r="13957" spans="8:8">
      <c r="H13957" s="12"/>
    </row>
    <row r="13958" spans="8:8">
      <c r="H13958" s="12"/>
    </row>
    <row r="13959" spans="8:8">
      <c r="H13959" s="12"/>
    </row>
    <row r="13960" spans="8:8">
      <c r="H13960" s="12"/>
    </row>
    <row r="13961" spans="8:8">
      <c r="H13961" s="12"/>
    </row>
    <row r="13962" spans="8:8">
      <c r="H13962" s="12"/>
    </row>
    <row r="13963" spans="8:8">
      <c r="H13963" s="12"/>
    </row>
    <row r="13964" spans="8:8">
      <c r="H13964" s="12"/>
    </row>
    <row r="13965" spans="8:8">
      <c r="H13965" s="12"/>
    </row>
    <row r="13966" spans="8:8">
      <c r="H13966" s="12"/>
    </row>
    <row r="13967" spans="8:8">
      <c r="H13967" s="12"/>
    </row>
    <row r="13968" spans="8:8">
      <c r="H13968" s="12"/>
    </row>
    <row r="13969" spans="8:8">
      <c r="H13969" s="12"/>
    </row>
    <row r="13970" spans="8:8">
      <c r="H13970" s="12"/>
    </row>
    <row r="13971" spans="8:8">
      <c r="H13971" s="12"/>
    </row>
    <row r="13972" spans="8:8">
      <c r="H13972" s="12"/>
    </row>
    <row r="13973" spans="8:8">
      <c r="H13973" s="12"/>
    </row>
    <row r="13974" spans="8:8">
      <c r="H13974" s="12"/>
    </row>
    <row r="13975" spans="8:8">
      <c r="H13975" s="12"/>
    </row>
    <row r="13976" spans="8:8">
      <c r="H13976" s="12"/>
    </row>
    <row r="13977" spans="8:8">
      <c r="H13977" s="12"/>
    </row>
    <row r="13978" spans="8:8">
      <c r="H13978" s="12"/>
    </row>
    <row r="13979" spans="8:8">
      <c r="H13979" s="12"/>
    </row>
    <row r="13980" spans="8:8">
      <c r="H13980" s="12"/>
    </row>
    <row r="13981" spans="8:8">
      <c r="H13981" s="12"/>
    </row>
    <row r="13982" spans="8:8">
      <c r="H13982" s="12"/>
    </row>
    <row r="13983" spans="8:8">
      <c r="H13983" s="12"/>
    </row>
    <row r="13984" spans="8:8">
      <c r="H13984" s="12"/>
    </row>
    <row r="13985" spans="8:8">
      <c r="H13985" s="12"/>
    </row>
    <row r="13986" spans="8:8">
      <c r="H13986" s="12"/>
    </row>
    <row r="13987" spans="8:8">
      <c r="H13987" s="12"/>
    </row>
    <row r="13988" spans="8:8">
      <c r="H13988" s="12"/>
    </row>
    <row r="13989" spans="8:8">
      <c r="H13989" s="12"/>
    </row>
    <row r="13990" spans="8:8">
      <c r="H13990" s="12"/>
    </row>
    <row r="13991" spans="8:8">
      <c r="H13991" s="12"/>
    </row>
    <row r="13992" spans="8:8">
      <c r="H13992" s="12"/>
    </row>
    <row r="13993" spans="8:8">
      <c r="H13993" s="12"/>
    </row>
    <row r="13994" spans="8:8">
      <c r="H13994" s="12"/>
    </row>
    <row r="13995" spans="8:8">
      <c r="H13995" s="12"/>
    </row>
    <row r="13996" spans="8:8">
      <c r="H13996" s="12"/>
    </row>
    <row r="13997" spans="8:8">
      <c r="H13997" s="12"/>
    </row>
    <row r="13998" spans="8:8">
      <c r="H13998" s="12"/>
    </row>
    <row r="13999" spans="8:8">
      <c r="H13999" s="12"/>
    </row>
    <row r="14000" spans="8:8">
      <c r="H14000" s="12"/>
    </row>
    <row r="14001" spans="8:8">
      <c r="H14001" s="12"/>
    </row>
    <row r="14002" spans="8:8">
      <c r="H14002" s="12"/>
    </row>
    <row r="14003" spans="8:8">
      <c r="H14003" s="12"/>
    </row>
    <row r="14004" spans="8:8">
      <c r="H14004" s="12"/>
    </row>
    <row r="14005" spans="8:8">
      <c r="H14005" s="12"/>
    </row>
    <row r="14006" spans="8:8">
      <c r="H14006" s="12"/>
    </row>
    <row r="14007" spans="8:8">
      <c r="H14007" s="12"/>
    </row>
    <row r="14008" spans="8:8">
      <c r="H14008" s="12"/>
    </row>
    <row r="14009" spans="8:8">
      <c r="H14009" s="12"/>
    </row>
    <row r="14010" spans="8:8">
      <c r="H14010" s="12"/>
    </row>
    <row r="14011" spans="8:8">
      <c r="H14011" s="12"/>
    </row>
    <row r="14012" spans="8:8">
      <c r="H14012" s="12"/>
    </row>
    <row r="14013" spans="8:8">
      <c r="H14013" s="12"/>
    </row>
    <row r="14014" spans="8:8">
      <c r="H14014" s="12"/>
    </row>
    <row r="14015" spans="8:8">
      <c r="H14015" s="12"/>
    </row>
    <row r="14016" spans="8:8">
      <c r="H14016" s="12"/>
    </row>
    <row r="14017" spans="8:8">
      <c r="H14017" s="12"/>
    </row>
    <row r="14018" spans="8:8">
      <c r="H14018" s="12"/>
    </row>
    <row r="14019" spans="8:8">
      <c r="H14019" s="12"/>
    </row>
    <row r="14020" spans="8:8">
      <c r="H14020" s="12"/>
    </row>
    <row r="14021" spans="8:8">
      <c r="H14021" s="12"/>
    </row>
    <row r="14022" spans="8:8">
      <c r="H14022" s="12"/>
    </row>
    <row r="14023" spans="8:8">
      <c r="H14023" s="12"/>
    </row>
    <row r="14024" spans="8:8">
      <c r="H14024" s="12"/>
    </row>
    <row r="14025" spans="8:8">
      <c r="H14025" s="12"/>
    </row>
    <row r="14026" spans="8:8">
      <c r="H14026" s="12"/>
    </row>
    <row r="14027" spans="8:8">
      <c r="H14027" s="12"/>
    </row>
    <row r="14028" spans="8:8">
      <c r="H14028" s="12"/>
    </row>
    <row r="14029" spans="8:8">
      <c r="H14029" s="12"/>
    </row>
    <row r="14030" spans="8:8">
      <c r="H14030" s="12"/>
    </row>
    <row r="14031" spans="8:8">
      <c r="H14031" s="12"/>
    </row>
    <row r="14032" spans="8:8">
      <c r="H14032" s="12"/>
    </row>
    <row r="14033" spans="8:8">
      <c r="H14033" s="12"/>
    </row>
    <row r="14034" spans="8:8">
      <c r="H14034" s="12"/>
    </row>
    <row r="14035" spans="8:8">
      <c r="H14035" s="12"/>
    </row>
    <row r="14036" spans="8:8">
      <c r="H14036" s="12"/>
    </row>
    <row r="14037" spans="8:8">
      <c r="H14037" s="12"/>
    </row>
    <row r="14038" spans="8:8">
      <c r="H14038" s="12"/>
    </row>
    <row r="14039" spans="8:8">
      <c r="H14039" s="12"/>
    </row>
    <row r="14040" spans="8:8">
      <c r="H14040" s="12"/>
    </row>
    <row r="14041" spans="8:8">
      <c r="H14041" s="12"/>
    </row>
    <row r="14042" spans="8:8">
      <c r="H14042" s="12"/>
    </row>
    <row r="14043" spans="8:8">
      <c r="H14043" s="12"/>
    </row>
    <row r="14044" spans="8:8">
      <c r="H14044" s="12"/>
    </row>
    <row r="14045" spans="8:8">
      <c r="H14045" s="12"/>
    </row>
    <row r="14046" spans="8:8">
      <c r="H14046" s="12"/>
    </row>
    <row r="14047" spans="8:8">
      <c r="H14047" s="12"/>
    </row>
    <row r="14048" spans="8:8">
      <c r="H14048" s="12"/>
    </row>
    <row r="14049" spans="8:8">
      <c r="H14049" s="12"/>
    </row>
    <row r="14050" spans="8:8">
      <c r="H14050" s="12"/>
    </row>
    <row r="14051" spans="8:8">
      <c r="H14051" s="12"/>
    </row>
    <row r="14052" spans="8:8">
      <c r="H14052" s="12"/>
    </row>
    <row r="14053" spans="8:8">
      <c r="H14053" s="12"/>
    </row>
    <row r="14054" spans="8:8">
      <c r="H14054" s="12"/>
    </row>
    <row r="14055" spans="8:8">
      <c r="H14055" s="12"/>
    </row>
    <row r="14056" spans="8:8">
      <c r="H14056" s="12"/>
    </row>
    <row r="14057" spans="8:8">
      <c r="H14057" s="12"/>
    </row>
    <row r="14058" spans="8:8">
      <c r="H14058" s="12"/>
    </row>
    <row r="14059" spans="8:8">
      <c r="H14059" s="12"/>
    </row>
    <row r="14060" spans="8:8">
      <c r="H14060" s="12"/>
    </row>
    <row r="14061" spans="8:8">
      <c r="H14061" s="12"/>
    </row>
    <row r="14062" spans="8:8">
      <c r="H14062" s="12"/>
    </row>
    <row r="14063" spans="8:8">
      <c r="H14063" s="12"/>
    </row>
    <row r="14064" spans="8:8">
      <c r="H14064" s="12"/>
    </row>
    <row r="14065" spans="8:8">
      <c r="H14065" s="12"/>
    </row>
    <row r="14066" spans="8:8">
      <c r="H14066" s="12"/>
    </row>
    <row r="14067" spans="8:8">
      <c r="H14067" s="12"/>
    </row>
    <row r="14068" spans="8:8">
      <c r="H14068" s="12"/>
    </row>
    <row r="14069" spans="8:8">
      <c r="H14069" s="12"/>
    </row>
    <row r="14070" spans="8:8">
      <c r="H14070" s="12"/>
    </row>
    <row r="14071" spans="8:8">
      <c r="H14071" s="12"/>
    </row>
    <row r="14072" spans="8:8">
      <c r="H14072" s="12"/>
    </row>
    <row r="14073" spans="8:8">
      <c r="H14073" s="12"/>
    </row>
    <row r="14074" spans="8:8">
      <c r="H14074" s="12"/>
    </row>
    <row r="14075" spans="8:8">
      <c r="H14075" s="12"/>
    </row>
    <row r="14076" spans="8:8">
      <c r="H14076" s="12"/>
    </row>
    <row r="14077" spans="8:8">
      <c r="H14077" s="12"/>
    </row>
    <row r="14078" spans="8:8">
      <c r="H14078" s="12"/>
    </row>
    <row r="14079" spans="8:8">
      <c r="H14079" s="12"/>
    </row>
    <row r="14080" spans="8:8">
      <c r="H14080" s="12"/>
    </row>
    <row r="14081" spans="8:8">
      <c r="H14081" s="12"/>
    </row>
    <row r="14082" spans="8:8">
      <c r="H14082" s="12"/>
    </row>
    <row r="14083" spans="8:8">
      <c r="H14083" s="12"/>
    </row>
    <row r="14084" spans="8:8">
      <c r="H14084" s="12"/>
    </row>
    <row r="14085" spans="8:8">
      <c r="H14085" s="12"/>
    </row>
    <row r="14086" spans="8:8">
      <c r="H14086" s="12"/>
    </row>
    <row r="14087" spans="8:8">
      <c r="H14087" s="12"/>
    </row>
    <row r="14088" spans="8:8">
      <c r="H14088" s="12"/>
    </row>
    <row r="14089" spans="8:8">
      <c r="H14089" s="12"/>
    </row>
    <row r="14090" spans="8:8">
      <c r="H14090" s="12"/>
    </row>
    <row r="14091" spans="8:8">
      <c r="H14091" s="12"/>
    </row>
    <row r="14092" spans="8:8">
      <c r="H14092" s="12"/>
    </row>
    <row r="14093" spans="8:8">
      <c r="H14093" s="12"/>
    </row>
    <row r="14094" spans="8:8">
      <c r="H14094" s="12"/>
    </row>
    <row r="14095" spans="8:8">
      <c r="H14095" s="12"/>
    </row>
    <row r="14096" spans="8:8">
      <c r="H14096" s="12"/>
    </row>
    <row r="14097" spans="8:8">
      <c r="H14097" s="12"/>
    </row>
    <row r="14098" spans="8:8">
      <c r="H14098" s="12"/>
    </row>
    <row r="14099" spans="8:8">
      <c r="H14099" s="12"/>
    </row>
    <row r="14100" spans="8:8">
      <c r="H14100" s="12"/>
    </row>
    <row r="14101" spans="8:8">
      <c r="H14101" s="12"/>
    </row>
    <row r="14102" spans="8:8">
      <c r="H14102" s="12"/>
    </row>
    <row r="14103" spans="8:8">
      <c r="H14103" s="12"/>
    </row>
    <row r="14104" spans="8:8">
      <c r="H14104" s="12"/>
    </row>
    <row r="14105" spans="8:8">
      <c r="H14105" s="12"/>
    </row>
    <row r="14106" spans="8:8">
      <c r="H14106" s="12"/>
    </row>
    <row r="14107" spans="8:8">
      <c r="H14107" s="12"/>
    </row>
    <row r="14108" spans="8:8">
      <c r="H14108" s="12"/>
    </row>
    <row r="14109" spans="8:8">
      <c r="H14109" s="12"/>
    </row>
    <row r="14110" spans="8:8">
      <c r="H14110" s="12"/>
    </row>
    <row r="14111" spans="8:8">
      <c r="H14111" s="12"/>
    </row>
    <row r="14112" spans="8:8">
      <c r="H14112" s="12"/>
    </row>
    <row r="14113" spans="8:8">
      <c r="H14113" s="12"/>
    </row>
    <row r="14114" spans="8:8">
      <c r="H14114" s="12"/>
    </row>
    <row r="14115" spans="8:8">
      <c r="H14115" s="12"/>
    </row>
    <row r="14116" spans="8:8">
      <c r="H14116" s="12"/>
    </row>
    <row r="14117" spans="8:8">
      <c r="H14117" s="12"/>
    </row>
    <row r="14118" spans="8:8">
      <c r="H14118" s="12"/>
    </row>
    <row r="14119" spans="8:8">
      <c r="H14119" s="12"/>
    </row>
    <row r="14120" spans="8:8">
      <c r="H14120" s="12"/>
    </row>
    <row r="14121" spans="8:8">
      <c r="H14121" s="12"/>
    </row>
    <row r="14122" spans="8:8">
      <c r="H14122" s="12"/>
    </row>
    <row r="14123" spans="8:8">
      <c r="H14123" s="12"/>
    </row>
    <row r="14124" spans="8:8">
      <c r="H14124" s="12"/>
    </row>
    <row r="14125" spans="8:8">
      <c r="H14125" s="12"/>
    </row>
    <row r="14126" spans="8:8">
      <c r="H14126" s="12"/>
    </row>
    <row r="14127" spans="8:8">
      <c r="H14127" s="12"/>
    </row>
    <row r="14128" spans="8:8">
      <c r="H14128" s="12"/>
    </row>
    <row r="14129" spans="8:8">
      <c r="H14129" s="12"/>
    </row>
    <row r="14130" spans="8:8">
      <c r="H14130" s="12"/>
    </row>
    <row r="14131" spans="8:8">
      <c r="H14131" s="12"/>
    </row>
    <row r="14132" spans="8:8">
      <c r="H14132" s="12"/>
    </row>
    <row r="14133" spans="8:8">
      <c r="H14133" s="12"/>
    </row>
    <row r="14134" spans="8:8">
      <c r="H14134" s="12"/>
    </row>
    <row r="14135" spans="8:8">
      <c r="H14135" s="12"/>
    </row>
    <row r="14136" spans="8:8">
      <c r="H14136" s="12"/>
    </row>
    <row r="14137" spans="8:8">
      <c r="H14137" s="12"/>
    </row>
    <row r="14138" spans="8:8">
      <c r="H14138" s="12"/>
    </row>
    <row r="14139" spans="8:8">
      <c r="H14139" s="12"/>
    </row>
    <row r="14140" spans="8:8">
      <c r="H14140" s="12"/>
    </row>
    <row r="14141" spans="8:8">
      <c r="H14141" s="12"/>
    </row>
    <row r="14142" spans="8:8">
      <c r="H14142" s="12"/>
    </row>
    <row r="14143" spans="8:8">
      <c r="H14143" s="12"/>
    </row>
    <row r="14144" spans="8:8">
      <c r="H14144" s="12"/>
    </row>
    <row r="14145" spans="8:8">
      <c r="H14145" s="12"/>
    </row>
    <row r="14146" spans="8:8">
      <c r="H14146" s="12"/>
    </row>
    <row r="14147" spans="8:8">
      <c r="H14147" s="12"/>
    </row>
    <row r="14148" spans="8:8">
      <c r="H14148" s="12"/>
    </row>
    <row r="14149" spans="8:8">
      <c r="H14149" s="12"/>
    </row>
    <row r="14150" spans="8:8">
      <c r="H14150" s="12"/>
    </row>
    <row r="14151" spans="8:8">
      <c r="H14151" s="12"/>
    </row>
    <row r="14152" spans="8:8">
      <c r="H14152" s="12"/>
    </row>
    <row r="14153" spans="8:8">
      <c r="H14153" s="12"/>
    </row>
    <row r="14154" spans="8:8">
      <c r="H14154" s="12"/>
    </row>
    <row r="14155" spans="8:8">
      <c r="H14155" s="12"/>
    </row>
    <row r="14156" spans="8:8">
      <c r="H14156" s="12"/>
    </row>
    <row r="14157" spans="8:8">
      <c r="H14157" s="12"/>
    </row>
    <row r="14158" spans="8:8">
      <c r="H14158" s="12"/>
    </row>
    <row r="14159" spans="8:8">
      <c r="H14159" s="12"/>
    </row>
    <row r="14160" spans="8:8">
      <c r="H14160" s="12"/>
    </row>
    <row r="14161" spans="8:8">
      <c r="H14161" s="12"/>
    </row>
    <row r="14162" spans="8:8">
      <c r="H14162" s="12"/>
    </row>
    <row r="14163" spans="8:8">
      <c r="H14163" s="12"/>
    </row>
    <row r="14164" spans="8:8">
      <c r="H14164" s="12"/>
    </row>
    <row r="14165" spans="8:8">
      <c r="H14165" s="12"/>
    </row>
    <row r="14166" spans="8:8">
      <c r="H14166" s="12"/>
    </row>
    <row r="14167" spans="8:8">
      <c r="H14167" s="12"/>
    </row>
    <row r="14168" spans="8:8">
      <c r="H14168" s="12"/>
    </row>
    <row r="14169" spans="8:8">
      <c r="H14169" s="12"/>
    </row>
    <row r="14170" spans="8:8">
      <c r="H14170" s="12"/>
    </row>
    <row r="14171" spans="8:8">
      <c r="H14171" s="12"/>
    </row>
    <row r="14172" spans="8:8">
      <c r="H14172" s="12"/>
    </row>
    <row r="14173" spans="8:8">
      <c r="H14173" s="12"/>
    </row>
    <row r="14174" spans="8:8">
      <c r="H14174" s="12"/>
    </row>
    <row r="14175" spans="8:8">
      <c r="H14175" s="12"/>
    </row>
    <row r="14176" spans="8:8">
      <c r="H14176" s="12"/>
    </row>
    <row r="14177" spans="8:8">
      <c r="H14177" s="12"/>
    </row>
    <row r="14178" spans="8:8">
      <c r="H14178" s="12"/>
    </row>
    <row r="14179" spans="8:8">
      <c r="H14179" s="12"/>
    </row>
    <row r="14180" spans="8:8">
      <c r="H14180" s="12"/>
    </row>
    <row r="14181" spans="8:8">
      <c r="H14181" s="12"/>
    </row>
    <row r="14182" spans="8:8">
      <c r="H14182" s="12"/>
    </row>
    <row r="14183" spans="8:8">
      <c r="H14183" s="12"/>
    </row>
    <row r="14184" spans="8:8">
      <c r="H14184" s="12"/>
    </row>
    <row r="14185" spans="8:8">
      <c r="H14185" s="12"/>
    </row>
    <row r="14186" spans="8:8">
      <c r="H14186" s="12"/>
    </row>
    <row r="14187" spans="8:8">
      <c r="H14187" s="12"/>
    </row>
    <row r="14188" spans="8:8">
      <c r="H14188" s="12"/>
    </row>
    <row r="14189" spans="8:8">
      <c r="H14189" s="12"/>
    </row>
    <row r="14190" spans="8:8">
      <c r="H14190" s="12"/>
    </row>
    <row r="14191" spans="8:8">
      <c r="H14191" s="12"/>
    </row>
    <row r="14192" spans="8:8">
      <c r="H14192" s="12"/>
    </row>
    <row r="14193" spans="8:8">
      <c r="H14193" s="12"/>
    </row>
    <row r="14194" spans="8:8">
      <c r="H14194" s="12"/>
    </row>
    <row r="14195" spans="8:8">
      <c r="H14195" s="12"/>
    </row>
    <row r="14196" spans="8:8">
      <c r="H14196" s="12"/>
    </row>
    <row r="14197" spans="8:8">
      <c r="H14197" s="12"/>
    </row>
    <row r="14198" spans="8:8">
      <c r="H14198" s="12"/>
    </row>
    <row r="14199" spans="8:8">
      <c r="H14199" s="12"/>
    </row>
    <row r="14200" spans="8:8">
      <c r="H14200" s="12"/>
    </row>
    <row r="14201" spans="8:8">
      <c r="H14201" s="12"/>
    </row>
    <row r="14202" spans="8:8">
      <c r="H14202" s="12"/>
    </row>
    <row r="14203" spans="8:8">
      <c r="H14203" s="12"/>
    </row>
    <row r="14204" spans="8:8">
      <c r="H14204" s="12"/>
    </row>
    <row r="14205" spans="8:8">
      <c r="H14205" s="12"/>
    </row>
    <row r="14206" spans="8:8">
      <c r="H14206" s="12"/>
    </row>
    <row r="14207" spans="8:8">
      <c r="H14207" s="12"/>
    </row>
    <row r="14208" spans="8:8">
      <c r="H14208" s="12"/>
    </row>
    <row r="14209" spans="8:8">
      <c r="H14209" s="12"/>
    </row>
    <row r="14210" spans="8:8">
      <c r="H14210" s="12"/>
    </row>
    <row r="14211" spans="8:8">
      <c r="H14211" s="12"/>
    </row>
    <row r="14212" spans="8:8">
      <c r="H14212" s="12"/>
    </row>
    <row r="14213" spans="8:8">
      <c r="H14213" s="12"/>
    </row>
    <row r="14214" spans="8:8">
      <c r="H14214" s="12"/>
    </row>
    <row r="14215" spans="8:8">
      <c r="H14215" s="12"/>
    </row>
    <row r="14216" spans="8:8">
      <c r="H14216" s="12"/>
    </row>
    <row r="14217" spans="8:8">
      <c r="H14217" s="12"/>
    </row>
    <row r="14218" spans="8:8">
      <c r="H14218" s="12"/>
    </row>
    <row r="14219" spans="8:8">
      <c r="H14219" s="12"/>
    </row>
    <row r="14220" spans="8:8">
      <c r="H14220" s="12"/>
    </row>
    <row r="14221" spans="8:8">
      <c r="H14221" s="12"/>
    </row>
    <row r="14222" spans="8:8">
      <c r="H14222" s="12"/>
    </row>
    <row r="14223" spans="8:8">
      <c r="H14223" s="12"/>
    </row>
    <row r="14224" spans="8:8">
      <c r="H14224" s="12"/>
    </row>
    <row r="14225" spans="8:8">
      <c r="H14225" s="12"/>
    </row>
    <row r="14226" spans="8:8">
      <c r="H14226" s="12"/>
    </row>
    <row r="14227" spans="8:8">
      <c r="H14227" s="12"/>
    </row>
    <row r="14228" spans="8:8">
      <c r="H14228" s="12"/>
    </row>
    <row r="14229" spans="8:8">
      <c r="H14229" s="12"/>
    </row>
    <row r="14230" spans="8:8">
      <c r="H14230" s="12"/>
    </row>
    <row r="14231" spans="8:8">
      <c r="H14231" s="12"/>
    </row>
    <row r="14232" spans="8:8">
      <c r="H14232" s="12"/>
    </row>
    <row r="14233" spans="8:8">
      <c r="H14233" s="12"/>
    </row>
    <row r="14234" spans="8:8">
      <c r="H14234" s="12"/>
    </row>
    <row r="14235" spans="8:8">
      <c r="H14235" s="12"/>
    </row>
    <row r="14236" spans="8:8">
      <c r="H14236" s="12"/>
    </row>
    <row r="14237" spans="8:8">
      <c r="H14237" s="12"/>
    </row>
    <row r="14238" spans="8:8">
      <c r="H14238" s="12"/>
    </row>
    <row r="14239" spans="8:8">
      <c r="H14239" s="12"/>
    </row>
    <row r="14240" spans="8:8">
      <c r="H14240" s="12"/>
    </row>
    <row r="14241" spans="8:8">
      <c r="H14241" s="12"/>
    </row>
    <row r="14242" spans="8:8">
      <c r="H14242" s="12"/>
    </row>
    <row r="14243" spans="8:8">
      <c r="H14243" s="12"/>
    </row>
    <row r="14244" spans="8:8">
      <c r="H14244" s="12"/>
    </row>
    <row r="14245" spans="8:8">
      <c r="H14245" s="12"/>
    </row>
    <row r="14246" spans="8:8">
      <c r="H14246" s="12"/>
    </row>
    <row r="14247" spans="8:8">
      <c r="H14247" s="12"/>
    </row>
    <row r="14248" spans="8:8">
      <c r="H14248" s="12"/>
    </row>
    <row r="14249" spans="8:8">
      <c r="H14249" s="12"/>
    </row>
    <row r="14250" spans="8:8">
      <c r="H14250" s="12"/>
    </row>
    <row r="14251" spans="8:8">
      <c r="H14251" s="12"/>
    </row>
    <row r="14252" spans="8:8">
      <c r="H14252" s="12"/>
    </row>
    <row r="14253" spans="8:8">
      <c r="H14253" s="12"/>
    </row>
    <row r="14254" spans="8:8">
      <c r="H14254" s="12"/>
    </row>
    <row r="14255" spans="8:8">
      <c r="H14255" s="12"/>
    </row>
    <row r="14256" spans="8:8">
      <c r="H14256" s="12"/>
    </row>
    <row r="14257" spans="8:8">
      <c r="H14257" s="12"/>
    </row>
    <row r="14258" spans="8:8">
      <c r="H14258" s="12"/>
    </row>
    <row r="14259" spans="8:8">
      <c r="H14259" s="12"/>
    </row>
    <row r="14260" spans="8:8">
      <c r="H14260" s="12"/>
    </row>
    <row r="14261" spans="8:8">
      <c r="H14261" s="12"/>
    </row>
    <row r="14262" spans="8:8">
      <c r="H14262" s="12"/>
    </row>
    <row r="14263" spans="8:8">
      <c r="H14263" s="12"/>
    </row>
    <row r="14264" spans="8:8">
      <c r="H14264" s="12"/>
    </row>
    <row r="14265" spans="8:8">
      <c r="H14265" s="12"/>
    </row>
    <row r="14266" spans="8:8">
      <c r="H14266" s="12"/>
    </row>
    <row r="14267" spans="8:8">
      <c r="H14267" s="12"/>
    </row>
    <row r="14268" spans="8:8">
      <c r="H14268" s="12"/>
    </row>
    <row r="14269" spans="8:8">
      <c r="H14269" s="12"/>
    </row>
    <row r="14270" spans="8:8">
      <c r="H14270" s="12"/>
    </row>
    <row r="14271" spans="8:8">
      <c r="H14271" s="12"/>
    </row>
    <row r="14272" spans="8:8">
      <c r="H14272" s="12"/>
    </row>
    <row r="14273" spans="8:8">
      <c r="H14273" s="12"/>
    </row>
    <row r="14274" spans="8:8">
      <c r="H14274" s="12"/>
    </row>
    <row r="14275" spans="8:8">
      <c r="H14275" s="12"/>
    </row>
    <row r="14276" spans="8:8">
      <c r="H14276" s="12"/>
    </row>
    <row r="14277" spans="8:8">
      <c r="H14277" s="12"/>
    </row>
    <row r="14278" spans="8:8">
      <c r="H14278" s="12"/>
    </row>
    <row r="14279" spans="8:8">
      <c r="H14279" s="12"/>
    </row>
    <row r="14280" spans="8:8">
      <c r="H14280" s="12"/>
    </row>
    <row r="14281" spans="8:8">
      <c r="H14281" s="12"/>
    </row>
    <row r="14282" spans="8:8">
      <c r="H14282" s="12"/>
    </row>
    <row r="14283" spans="8:8">
      <c r="H14283" s="12"/>
    </row>
    <row r="14284" spans="8:8">
      <c r="H14284" s="12"/>
    </row>
    <row r="14285" spans="8:8">
      <c r="H14285" s="12"/>
    </row>
    <row r="14286" spans="8:8">
      <c r="H14286" s="12"/>
    </row>
    <row r="14287" spans="8:8">
      <c r="H14287" s="12"/>
    </row>
    <row r="14288" spans="8:8">
      <c r="H14288" s="12"/>
    </row>
    <row r="14289" spans="8:8">
      <c r="H14289" s="12"/>
    </row>
    <row r="14290" spans="8:8">
      <c r="H14290" s="12"/>
    </row>
    <row r="14291" spans="8:8">
      <c r="H14291" s="12"/>
    </row>
    <row r="14292" spans="8:8">
      <c r="H14292" s="12"/>
    </row>
    <row r="14293" spans="8:8">
      <c r="H14293" s="12"/>
    </row>
    <row r="14294" spans="8:8">
      <c r="H14294" s="12"/>
    </row>
    <row r="14295" spans="8:8">
      <c r="H14295" s="12"/>
    </row>
    <row r="14296" spans="8:8">
      <c r="H14296" s="12"/>
    </row>
    <row r="14297" spans="8:8">
      <c r="H14297" s="12"/>
    </row>
    <row r="14298" spans="8:8">
      <c r="H14298" s="12"/>
    </row>
    <row r="14299" spans="8:8">
      <c r="H14299" s="12"/>
    </row>
    <row r="14300" spans="8:8">
      <c r="H14300" s="12"/>
    </row>
    <row r="14301" spans="8:8">
      <c r="H14301" s="12"/>
    </row>
    <row r="14302" spans="8:8">
      <c r="H14302" s="12"/>
    </row>
    <row r="14303" spans="8:8">
      <c r="H14303" s="12"/>
    </row>
    <row r="14304" spans="8:8">
      <c r="H14304" s="12"/>
    </row>
    <row r="14305" spans="8:8">
      <c r="H14305" s="12"/>
    </row>
    <row r="14306" spans="8:8">
      <c r="H14306" s="12"/>
    </row>
    <row r="14307" spans="8:8">
      <c r="H14307" s="12"/>
    </row>
    <row r="14308" spans="8:8">
      <c r="H14308" s="12"/>
    </row>
    <row r="14309" spans="8:8">
      <c r="H14309" s="12"/>
    </row>
    <row r="14310" spans="8:8">
      <c r="H14310" s="12"/>
    </row>
    <row r="14311" spans="8:8">
      <c r="H14311" s="12"/>
    </row>
    <row r="14312" spans="8:8">
      <c r="H14312" s="12"/>
    </row>
    <row r="14313" spans="8:8">
      <c r="H14313" s="12"/>
    </row>
    <row r="14314" spans="8:8">
      <c r="H14314" s="12"/>
    </row>
    <row r="14315" spans="8:8">
      <c r="H14315" s="12"/>
    </row>
    <row r="14316" spans="8:8">
      <c r="H14316" s="12"/>
    </row>
    <row r="14317" spans="8:8">
      <c r="H14317" s="12"/>
    </row>
    <row r="14318" spans="8:8">
      <c r="H14318" s="12"/>
    </row>
    <row r="14319" spans="8:8">
      <c r="H14319" s="12"/>
    </row>
    <row r="14320" spans="8:8">
      <c r="H14320" s="12"/>
    </row>
    <row r="14321" spans="8:8">
      <c r="H14321" s="12"/>
    </row>
    <row r="14322" spans="8:8">
      <c r="H14322" s="12"/>
    </row>
    <row r="14323" spans="8:8">
      <c r="H14323" s="12"/>
    </row>
    <row r="14324" spans="8:8">
      <c r="H14324" s="12"/>
    </row>
    <row r="14325" spans="8:8">
      <c r="H14325" s="12"/>
    </row>
    <row r="14326" spans="8:8">
      <c r="H14326" s="12"/>
    </row>
    <row r="14327" spans="8:8">
      <c r="H14327" s="12"/>
    </row>
    <row r="14328" spans="8:8">
      <c r="H14328" s="12"/>
    </row>
    <row r="14329" spans="8:8">
      <c r="H14329" s="12"/>
    </row>
    <row r="14330" spans="8:8">
      <c r="H14330" s="12"/>
    </row>
    <row r="14331" spans="8:8">
      <c r="H14331" s="12"/>
    </row>
    <row r="14332" spans="8:8">
      <c r="H14332" s="12"/>
    </row>
    <row r="14333" spans="8:8">
      <c r="H14333" s="12"/>
    </row>
    <row r="14334" spans="8:8">
      <c r="H14334" s="12"/>
    </row>
    <row r="14335" spans="8:8">
      <c r="H14335" s="12"/>
    </row>
    <row r="14336" spans="8:8">
      <c r="H14336" s="12"/>
    </row>
    <row r="14337" spans="8:8">
      <c r="H14337" s="12"/>
    </row>
    <row r="14338" spans="8:8">
      <c r="H14338" s="12"/>
    </row>
    <row r="14339" spans="8:8">
      <c r="H14339" s="12"/>
    </row>
    <row r="14340" spans="8:8">
      <c r="H14340" s="12"/>
    </row>
    <row r="14341" spans="8:8">
      <c r="H14341" s="12"/>
    </row>
    <row r="14342" spans="8:8">
      <c r="H14342" s="12"/>
    </row>
    <row r="14343" spans="8:8">
      <c r="H14343" s="12"/>
    </row>
    <row r="14344" spans="8:8">
      <c r="H14344" s="12"/>
    </row>
    <row r="14345" spans="8:8">
      <c r="H14345" s="12"/>
    </row>
    <row r="14346" spans="8:8">
      <c r="H14346" s="12"/>
    </row>
    <row r="14347" spans="8:8">
      <c r="H14347" s="12"/>
    </row>
    <row r="14348" spans="8:8">
      <c r="H14348" s="12"/>
    </row>
    <row r="14349" spans="8:8">
      <c r="H14349" s="12"/>
    </row>
    <row r="14350" spans="8:8">
      <c r="H14350" s="12"/>
    </row>
    <row r="14351" spans="8:8">
      <c r="H14351" s="12"/>
    </row>
    <row r="14352" spans="8:8">
      <c r="H14352" s="12"/>
    </row>
    <row r="14353" spans="8:8">
      <c r="H14353" s="12"/>
    </row>
    <row r="14354" spans="8:8">
      <c r="H14354" s="12"/>
    </row>
    <row r="14355" spans="8:8">
      <c r="H14355" s="12"/>
    </row>
    <row r="14356" spans="8:8">
      <c r="H14356" s="12"/>
    </row>
    <row r="14357" spans="8:8">
      <c r="H14357" s="12"/>
    </row>
    <row r="14358" spans="8:8">
      <c r="H14358" s="12"/>
    </row>
    <row r="14359" spans="8:8">
      <c r="H14359" s="12"/>
    </row>
    <row r="14360" spans="8:8">
      <c r="H14360" s="12"/>
    </row>
    <row r="14361" spans="8:8">
      <c r="H14361" s="12"/>
    </row>
    <row r="14362" spans="8:8">
      <c r="H14362" s="12"/>
    </row>
    <row r="14363" spans="8:8">
      <c r="H14363" s="12"/>
    </row>
    <row r="14364" spans="8:8">
      <c r="H14364" s="12"/>
    </row>
    <row r="14365" spans="8:8">
      <c r="H14365" s="12"/>
    </row>
    <row r="14366" spans="8:8">
      <c r="H14366" s="12"/>
    </row>
    <row r="14367" spans="8:8">
      <c r="H14367" s="12"/>
    </row>
    <row r="14368" spans="8:8">
      <c r="H14368" s="12"/>
    </row>
    <row r="14369" spans="8:8">
      <c r="H14369" s="12"/>
    </row>
    <row r="14370" spans="8:8">
      <c r="H14370" s="12"/>
    </row>
    <row r="14371" spans="8:8">
      <c r="H14371" s="12"/>
    </row>
    <row r="14372" spans="8:8">
      <c r="H14372" s="12"/>
    </row>
    <row r="14373" spans="8:8">
      <c r="H14373" s="12"/>
    </row>
    <row r="14374" spans="8:8">
      <c r="H14374" s="12"/>
    </row>
    <row r="14375" spans="8:8">
      <c r="H14375" s="12"/>
    </row>
    <row r="14376" spans="8:8">
      <c r="H14376" s="12"/>
    </row>
    <row r="14377" spans="8:8">
      <c r="H14377" s="12"/>
    </row>
    <row r="14378" spans="8:8">
      <c r="H14378" s="12"/>
    </row>
    <row r="14379" spans="8:8">
      <c r="H14379" s="12"/>
    </row>
    <row r="14380" spans="8:8">
      <c r="H14380" s="12"/>
    </row>
    <row r="14381" spans="8:8">
      <c r="H14381" s="12"/>
    </row>
    <row r="14382" spans="8:8">
      <c r="H14382" s="12"/>
    </row>
    <row r="14383" spans="8:8">
      <c r="H14383" s="12"/>
    </row>
    <row r="14384" spans="8:8">
      <c r="H14384" s="12"/>
    </row>
    <row r="14385" spans="8:8">
      <c r="H14385" s="12"/>
    </row>
    <row r="14386" spans="8:8">
      <c r="H14386" s="12"/>
    </row>
    <row r="14387" spans="8:8">
      <c r="H14387" s="12"/>
    </row>
    <row r="14388" spans="8:8">
      <c r="H14388" s="12"/>
    </row>
    <row r="14389" spans="8:8">
      <c r="H14389" s="12"/>
    </row>
    <row r="14390" spans="8:8">
      <c r="H14390" s="12"/>
    </row>
    <row r="14391" spans="8:8">
      <c r="H14391" s="12"/>
    </row>
    <row r="14392" spans="8:8">
      <c r="H14392" s="12"/>
    </row>
    <row r="14393" spans="8:8">
      <c r="H14393" s="12"/>
    </row>
    <row r="14394" spans="8:8">
      <c r="H14394" s="12"/>
    </row>
    <row r="14395" spans="8:8">
      <c r="H14395" s="12"/>
    </row>
    <row r="14396" spans="8:8">
      <c r="H14396" s="12"/>
    </row>
    <row r="14397" spans="8:8">
      <c r="H14397" s="12"/>
    </row>
    <row r="14398" spans="8:8">
      <c r="H14398" s="12"/>
    </row>
    <row r="14399" spans="8:8">
      <c r="H14399" s="12"/>
    </row>
    <row r="14400" spans="8:8">
      <c r="H14400" s="12"/>
    </row>
    <row r="14401" spans="8:8">
      <c r="H14401" s="12"/>
    </row>
    <row r="14402" spans="8:8">
      <c r="H14402" s="12"/>
    </row>
    <row r="14403" spans="8:8">
      <c r="H14403" s="12"/>
    </row>
    <row r="14404" spans="8:8">
      <c r="H14404" s="12"/>
    </row>
    <row r="14405" spans="8:8">
      <c r="H14405" s="12"/>
    </row>
    <row r="14406" spans="8:8">
      <c r="H14406" s="12"/>
    </row>
    <row r="14407" spans="8:8">
      <c r="H14407" s="12"/>
    </row>
    <row r="14408" spans="8:8">
      <c r="H14408" s="12"/>
    </row>
    <row r="14409" spans="8:8">
      <c r="H14409" s="12"/>
    </row>
    <row r="14410" spans="8:8">
      <c r="H14410" s="12"/>
    </row>
    <row r="14411" spans="8:8">
      <c r="H14411" s="12"/>
    </row>
    <row r="14412" spans="8:8">
      <c r="H14412" s="12"/>
    </row>
    <row r="14413" spans="8:8">
      <c r="H14413" s="12"/>
    </row>
    <row r="14414" spans="8:8">
      <c r="H14414" s="12"/>
    </row>
    <row r="14415" spans="8:8">
      <c r="H14415" s="12"/>
    </row>
    <row r="14416" spans="8:8">
      <c r="H14416" s="12"/>
    </row>
    <row r="14417" spans="8:8">
      <c r="H14417" s="12"/>
    </row>
    <row r="14418" spans="8:8">
      <c r="H14418" s="12"/>
    </row>
    <row r="14419" spans="8:8">
      <c r="H14419" s="12"/>
    </row>
    <row r="14420" spans="8:8">
      <c r="H14420" s="12"/>
    </row>
    <row r="14421" spans="8:8">
      <c r="H14421" s="12"/>
    </row>
    <row r="14422" spans="8:8">
      <c r="H14422" s="12"/>
    </row>
    <row r="14423" spans="8:8">
      <c r="H14423" s="12"/>
    </row>
    <row r="14424" spans="8:8">
      <c r="H14424" s="12"/>
    </row>
    <row r="14425" spans="8:8">
      <c r="H14425" s="12"/>
    </row>
    <row r="14426" spans="8:8">
      <c r="H14426" s="12"/>
    </row>
    <row r="14427" spans="8:8">
      <c r="H14427" s="12"/>
    </row>
    <row r="14428" spans="8:8">
      <c r="H14428" s="12"/>
    </row>
    <row r="14429" spans="8:8">
      <c r="H14429" s="12"/>
    </row>
    <row r="14430" spans="8:8">
      <c r="H14430" s="12"/>
    </row>
    <row r="14431" spans="8:8">
      <c r="H14431" s="12"/>
    </row>
    <row r="14432" spans="8:8">
      <c r="H14432" s="12"/>
    </row>
    <row r="14433" spans="8:8">
      <c r="H14433" s="12"/>
    </row>
    <row r="14434" spans="8:8">
      <c r="H14434" s="12"/>
    </row>
    <row r="14435" spans="8:8">
      <c r="H14435" s="12"/>
    </row>
    <row r="14436" spans="8:8">
      <c r="H14436" s="12"/>
    </row>
    <row r="14437" spans="8:8">
      <c r="H14437" s="12"/>
    </row>
    <row r="14438" spans="8:8">
      <c r="H14438" s="12"/>
    </row>
    <row r="14439" spans="8:8">
      <c r="H14439" s="12"/>
    </row>
    <row r="14440" spans="8:8">
      <c r="H14440" s="12"/>
    </row>
    <row r="14441" spans="8:8">
      <c r="H14441" s="12"/>
    </row>
    <row r="14442" spans="8:8">
      <c r="H14442" s="12"/>
    </row>
    <row r="14443" spans="8:8">
      <c r="H14443" s="12"/>
    </row>
    <row r="14444" spans="8:8">
      <c r="H14444" s="12"/>
    </row>
    <row r="14445" spans="8:8">
      <c r="H14445" s="12"/>
    </row>
    <row r="14446" spans="8:8">
      <c r="H14446" s="12"/>
    </row>
    <row r="14447" spans="8:8">
      <c r="H14447" s="12"/>
    </row>
    <row r="14448" spans="8:8">
      <c r="H14448" s="12"/>
    </row>
    <row r="14449" spans="8:8">
      <c r="H14449" s="12"/>
    </row>
    <row r="14450" spans="8:8">
      <c r="H14450" s="12"/>
    </row>
    <row r="14451" spans="8:8">
      <c r="H14451" s="12"/>
    </row>
    <row r="14452" spans="8:8">
      <c r="H14452" s="12"/>
    </row>
    <row r="14453" spans="8:8">
      <c r="H14453" s="12"/>
    </row>
    <row r="14454" spans="8:8">
      <c r="H14454" s="12"/>
    </row>
    <row r="14455" spans="8:8">
      <c r="H14455" s="12"/>
    </row>
    <row r="14456" spans="8:8">
      <c r="H14456" s="12"/>
    </row>
    <row r="14457" spans="8:8">
      <c r="H14457" s="12"/>
    </row>
    <row r="14458" spans="8:8">
      <c r="H14458" s="12"/>
    </row>
    <row r="14459" spans="8:8">
      <c r="H14459" s="12"/>
    </row>
    <row r="14460" spans="8:8">
      <c r="H14460" s="12"/>
    </row>
    <row r="14461" spans="8:8">
      <c r="H14461" s="12"/>
    </row>
    <row r="14462" spans="8:8">
      <c r="H14462" s="12"/>
    </row>
    <row r="14463" spans="8:8">
      <c r="H14463" s="12"/>
    </row>
    <row r="14464" spans="8:8">
      <c r="H14464" s="12"/>
    </row>
    <row r="14465" spans="8:8">
      <c r="H14465" s="12"/>
    </row>
    <row r="14466" spans="8:8">
      <c r="H14466" s="12"/>
    </row>
    <row r="14467" spans="8:8">
      <c r="H14467" s="12"/>
    </row>
    <row r="14468" spans="8:8">
      <c r="H14468" s="12"/>
    </row>
    <row r="14469" spans="8:8">
      <c r="H14469" s="12"/>
    </row>
    <row r="14470" spans="8:8">
      <c r="H14470" s="12"/>
    </row>
    <row r="14471" spans="8:8">
      <c r="H14471" s="12"/>
    </row>
    <row r="14472" spans="8:8">
      <c r="H14472" s="12"/>
    </row>
    <row r="14473" spans="8:8">
      <c r="H14473" s="12"/>
    </row>
    <row r="14474" spans="8:8">
      <c r="H14474" s="12"/>
    </row>
    <row r="14475" spans="8:8">
      <c r="H14475" s="12"/>
    </row>
    <row r="14476" spans="8:8">
      <c r="H14476" s="12"/>
    </row>
    <row r="14477" spans="8:8">
      <c r="H14477" s="12"/>
    </row>
    <row r="14478" spans="8:8">
      <c r="H14478" s="12"/>
    </row>
    <row r="14479" spans="8:8">
      <c r="H14479" s="12"/>
    </row>
    <row r="14480" spans="8:8">
      <c r="H14480" s="12"/>
    </row>
    <row r="14481" spans="8:8">
      <c r="H14481" s="12"/>
    </row>
    <row r="14482" spans="8:8">
      <c r="H14482" s="12"/>
    </row>
    <row r="14483" spans="8:8">
      <c r="H14483" s="12"/>
    </row>
    <row r="14484" spans="8:8">
      <c r="H14484" s="12"/>
    </row>
    <row r="14485" spans="8:8">
      <c r="H14485" s="12"/>
    </row>
    <row r="14486" spans="8:8">
      <c r="H14486" s="12"/>
    </row>
    <row r="14487" spans="8:8">
      <c r="H14487" s="12"/>
    </row>
    <row r="14488" spans="8:8">
      <c r="H14488" s="12"/>
    </row>
    <row r="14489" spans="8:8">
      <c r="H14489" s="12"/>
    </row>
    <row r="14490" spans="8:8">
      <c r="H14490" s="12"/>
    </row>
    <row r="14491" spans="8:8">
      <c r="H14491" s="12"/>
    </row>
    <row r="14492" spans="8:8">
      <c r="H14492" s="12"/>
    </row>
    <row r="14493" spans="8:8">
      <c r="H14493" s="12"/>
    </row>
    <row r="14494" spans="8:8">
      <c r="H14494" s="12"/>
    </row>
    <row r="14495" spans="8:8">
      <c r="H14495" s="12"/>
    </row>
    <row r="14496" spans="8:8">
      <c r="H14496" s="12"/>
    </row>
    <row r="14497" spans="8:8">
      <c r="H14497" s="12"/>
    </row>
    <row r="14498" spans="8:8">
      <c r="H14498" s="12"/>
    </row>
    <row r="14499" spans="8:8">
      <c r="H14499" s="12"/>
    </row>
    <row r="14500" spans="8:8">
      <c r="H14500" s="12"/>
    </row>
    <row r="14501" spans="8:8">
      <c r="H14501" s="12"/>
    </row>
    <row r="14502" spans="8:8">
      <c r="H14502" s="12"/>
    </row>
    <row r="14503" spans="8:8">
      <c r="H14503" s="12"/>
    </row>
    <row r="14504" spans="8:8">
      <c r="H14504" s="12"/>
    </row>
    <row r="14505" spans="8:8">
      <c r="H14505" s="12"/>
    </row>
    <row r="14506" spans="8:8">
      <c r="H14506" s="12"/>
    </row>
    <row r="14507" spans="8:8">
      <c r="H14507" s="12"/>
    </row>
    <row r="14508" spans="8:8">
      <c r="H14508" s="12"/>
    </row>
    <row r="14509" spans="8:8">
      <c r="H14509" s="12"/>
    </row>
    <row r="14510" spans="8:8">
      <c r="H14510" s="12"/>
    </row>
    <row r="14511" spans="8:8">
      <c r="H14511" s="12"/>
    </row>
    <row r="14512" spans="8:8">
      <c r="H14512" s="12"/>
    </row>
    <row r="14513" spans="8:8">
      <c r="H14513" s="12"/>
    </row>
    <row r="14514" spans="8:8">
      <c r="H14514" s="12"/>
    </row>
    <row r="14515" spans="8:8">
      <c r="H14515" s="12"/>
    </row>
    <row r="14516" spans="8:8">
      <c r="H14516" s="12"/>
    </row>
    <row r="14517" spans="8:8">
      <c r="H14517" s="12"/>
    </row>
    <row r="14518" spans="8:8">
      <c r="H14518" s="12"/>
    </row>
    <row r="14519" spans="8:8">
      <c r="H14519" s="12"/>
    </row>
    <row r="14520" spans="8:8">
      <c r="H14520" s="12"/>
    </row>
    <row r="14521" spans="8:8">
      <c r="H14521" s="12"/>
    </row>
    <row r="14522" spans="8:8">
      <c r="H14522" s="12"/>
    </row>
    <row r="14523" spans="8:8">
      <c r="H14523" s="12"/>
    </row>
    <row r="14524" spans="8:8">
      <c r="H14524" s="12"/>
    </row>
    <row r="14525" spans="8:8">
      <c r="H14525" s="12"/>
    </row>
    <row r="14526" spans="8:8">
      <c r="H14526" s="12"/>
    </row>
    <row r="14527" spans="8:8">
      <c r="H14527" s="12"/>
    </row>
    <row r="14528" spans="8:8">
      <c r="H14528" s="12"/>
    </row>
    <row r="14529" spans="8:8">
      <c r="H14529" s="12"/>
    </row>
    <row r="14530" spans="8:8">
      <c r="H14530" s="12"/>
    </row>
    <row r="14531" spans="8:8">
      <c r="H14531" s="12"/>
    </row>
    <row r="14532" spans="8:8">
      <c r="H14532" s="12"/>
    </row>
    <row r="14533" spans="8:8">
      <c r="H14533" s="12"/>
    </row>
    <row r="14534" spans="8:8">
      <c r="H14534" s="12"/>
    </row>
    <row r="14535" spans="8:8">
      <c r="H14535" s="12"/>
    </row>
    <row r="14536" spans="8:8">
      <c r="H14536" s="12"/>
    </row>
    <row r="14537" spans="8:8">
      <c r="H14537" s="12"/>
    </row>
    <row r="14538" spans="8:8">
      <c r="H14538" s="12"/>
    </row>
    <row r="14539" spans="8:8">
      <c r="H14539" s="12"/>
    </row>
    <row r="14540" spans="8:8">
      <c r="H14540" s="12"/>
    </row>
    <row r="14541" spans="8:8">
      <c r="H14541" s="12"/>
    </row>
    <row r="14542" spans="8:8">
      <c r="H14542" s="12"/>
    </row>
    <row r="14543" spans="8:8">
      <c r="H14543" s="12"/>
    </row>
    <row r="14544" spans="8:8">
      <c r="H14544" s="12"/>
    </row>
    <row r="14545" spans="8:8">
      <c r="H14545" s="12"/>
    </row>
    <row r="14546" spans="8:8">
      <c r="H14546" s="12"/>
    </row>
    <row r="14547" spans="8:8">
      <c r="H14547" s="12"/>
    </row>
    <row r="14548" spans="8:8">
      <c r="H14548" s="12"/>
    </row>
    <row r="14549" spans="8:8">
      <c r="H14549" s="12"/>
    </row>
    <row r="14550" spans="8:8">
      <c r="H14550" s="12"/>
    </row>
    <row r="14551" spans="8:8">
      <c r="H14551" s="12"/>
    </row>
    <row r="14552" spans="8:8">
      <c r="H14552" s="12"/>
    </row>
    <row r="14553" spans="8:8">
      <c r="H14553" s="12"/>
    </row>
    <row r="14554" spans="8:8">
      <c r="H14554" s="12"/>
    </row>
    <row r="14555" spans="8:8">
      <c r="H14555" s="12"/>
    </row>
    <row r="14556" spans="8:8">
      <c r="H14556" s="12"/>
    </row>
    <row r="14557" spans="8:8">
      <c r="H14557" s="12"/>
    </row>
    <row r="14558" spans="8:8">
      <c r="H14558" s="12"/>
    </row>
    <row r="14559" spans="8:8">
      <c r="H14559" s="12"/>
    </row>
    <row r="14560" spans="8:8">
      <c r="H14560" s="12"/>
    </row>
    <row r="14561" spans="8:8">
      <c r="H14561" s="12"/>
    </row>
    <row r="14562" spans="8:8">
      <c r="H14562" s="12"/>
    </row>
    <row r="14563" spans="8:8">
      <c r="H14563" s="12"/>
    </row>
    <row r="14564" spans="8:8">
      <c r="H14564" s="12"/>
    </row>
    <row r="14565" spans="8:8">
      <c r="H14565" s="12"/>
    </row>
    <row r="14566" spans="8:8">
      <c r="H14566" s="12"/>
    </row>
    <row r="14567" spans="8:8">
      <c r="H14567" s="12"/>
    </row>
    <row r="14568" spans="8:8">
      <c r="H14568" s="12"/>
    </row>
    <row r="14569" spans="8:8">
      <c r="H14569" s="12"/>
    </row>
    <row r="14570" spans="8:8">
      <c r="H14570" s="12"/>
    </row>
    <row r="14571" spans="8:8">
      <c r="H14571" s="12"/>
    </row>
    <row r="14572" spans="8:8">
      <c r="H14572" s="12"/>
    </row>
    <row r="14573" spans="8:8">
      <c r="H14573" s="12"/>
    </row>
    <row r="14574" spans="8:8">
      <c r="H14574" s="12"/>
    </row>
    <row r="14575" spans="8:8">
      <c r="H14575" s="12"/>
    </row>
    <row r="14576" spans="8:8">
      <c r="H14576" s="12"/>
    </row>
    <row r="14577" spans="8:8">
      <c r="H14577" s="12"/>
    </row>
    <row r="14578" spans="8:8">
      <c r="H14578" s="12"/>
    </row>
    <row r="14579" spans="8:8">
      <c r="H14579" s="12"/>
    </row>
    <row r="14580" spans="8:8">
      <c r="H14580" s="12"/>
    </row>
    <row r="14581" spans="8:8">
      <c r="H14581" s="12"/>
    </row>
    <row r="14582" spans="8:8">
      <c r="H14582" s="12"/>
    </row>
    <row r="14583" spans="8:8">
      <c r="H14583" s="12"/>
    </row>
    <row r="14584" spans="8:8">
      <c r="H14584" s="12"/>
    </row>
    <row r="14585" spans="8:8">
      <c r="H14585" s="12"/>
    </row>
    <row r="14586" spans="8:8">
      <c r="H14586" s="12"/>
    </row>
    <row r="14587" spans="8:8">
      <c r="H14587" s="12"/>
    </row>
    <row r="14588" spans="8:8">
      <c r="H14588" s="12"/>
    </row>
    <row r="14589" spans="8:8">
      <c r="H14589" s="12"/>
    </row>
    <row r="14590" spans="8:8">
      <c r="H14590" s="12"/>
    </row>
    <row r="14591" spans="8:8">
      <c r="H14591" s="12"/>
    </row>
    <row r="14592" spans="8:8">
      <c r="H14592" s="12"/>
    </row>
    <row r="14593" spans="8:8">
      <c r="H14593" s="12"/>
    </row>
    <row r="14594" spans="8:8">
      <c r="H14594" s="12"/>
    </row>
    <row r="14595" spans="8:8">
      <c r="H14595" s="12"/>
    </row>
    <row r="14596" spans="8:8">
      <c r="H14596" s="12"/>
    </row>
    <row r="14597" spans="8:8">
      <c r="H14597" s="12"/>
    </row>
    <row r="14598" spans="8:8">
      <c r="H14598" s="12"/>
    </row>
    <row r="14599" spans="8:8">
      <c r="H14599" s="12"/>
    </row>
    <row r="14600" spans="8:8">
      <c r="H14600" s="12"/>
    </row>
    <row r="14601" spans="8:8">
      <c r="H14601" s="12"/>
    </row>
    <row r="14602" spans="8:8">
      <c r="H14602" s="12"/>
    </row>
    <row r="14603" spans="8:8">
      <c r="H14603" s="12"/>
    </row>
    <row r="14604" spans="8:8">
      <c r="H14604" s="12"/>
    </row>
    <row r="14605" spans="8:8">
      <c r="H14605" s="12"/>
    </row>
    <row r="14606" spans="8:8">
      <c r="H14606" s="12"/>
    </row>
    <row r="14607" spans="8:8">
      <c r="H14607" s="12"/>
    </row>
    <row r="14608" spans="8:8">
      <c r="H14608" s="12"/>
    </row>
    <row r="14609" spans="8:8">
      <c r="H14609" s="12"/>
    </row>
    <row r="14610" spans="8:8">
      <c r="H14610" s="12"/>
    </row>
    <row r="14611" spans="8:8">
      <c r="H14611" s="12"/>
    </row>
    <row r="14612" spans="8:8">
      <c r="H14612" s="12"/>
    </row>
    <row r="14613" spans="8:8">
      <c r="H14613" s="12"/>
    </row>
    <row r="14614" spans="8:8">
      <c r="H14614" s="12"/>
    </row>
    <row r="14615" spans="8:8">
      <c r="H14615" s="12"/>
    </row>
    <row r="14616" spans="8:8">
      <c r="H14616" s="12"/>
    </row>
    <row r="14617" spans="8:8">
      <c r="H14617" s="12"/>
    </row>
    <row r="14618" spans="8:8">
      <c r="H14618" s="12"/>
    </row>
    <row r="14619" spans="8:8">
      <c r="H14619" s="12"/>
    </row>
    <row r="14620" spans="8:8">
      <c r="H14620" s="12"/>
    </row>
    <row r="14621" spans="8:8">
      <c r="H14621" s="12"/>
    </row>
    <row r="14622" spans="8:8">
      <c r="H14622" s="12"/>
    </row>
    <row r="14623" spans="8:8">
      <c r="H14623" s="12"/>
    </row>
    <row r="14624" spans="8:8">
      <c r="H14624" s="12"/>
    </row>
    <row r="14625" spans="8:8">
      <c r="H14625" s="12"/>
    </row>
    <row r="14626" spans="8:8">
      <c r="H14626" s="12"/>
    </row>
    <row r="14627" spans="8:8">
      <c r="H14627" s="12"/>
    </row>
    <row r="14628" spans="8:8">
      <c r="H14628" s="12"/>
    </row>
    <row r="14629" spans="8:8">
      <c r="H14629" s="12"/>
    </row>
    <row r="14630" spans="8:8">
      <c r="H14630" s="12"/>
    </row>
    <row r="14631" spans="8:8">
      <c r="H14631" s="12"/>
    </row>
    <row r="14632" spans="8:8">
      <c r="H14632" s="12"/>
    </row>
    <row r="14633" spans="8:8">
      <c r="H14633" s="12"/>
    </row>
    <row r="14634" spans="8:8">
      <c r="H14634" s="12"/>
    </row>
    <row r="14635" spans="8:8">
      <c r="H14635" s="12"/>
    </row>
    <row r="14636" spans="8:8">
      <c r="H14636" s="12"/>
    </row>
    <row r="14637" spans="8:8">
      <c r="H14637" s="12"/>
    </row>
    <row r="14638" spans="8:8">
      <c r="H14638" s="12"/>
    </row>
    <row r="14639" spans="8:8">
      <c r="H14639" s="12"/>
    </row>
    <row r="14640" spans="8:8">
      <c r="H14640" s="12"/>
    </row>
    <row r="14641" spans="8:8">
      <c r="H14641" s="12"/>
    </row>
    <row r="14642" spans="8:8">
      <c r="H14642" s="12"/>
    </row>
    <row r="14643" spans="8:8">
      <c r="H14643" s="12"/>
    </row>
    <row r="14644" spans="8:8">
      <c r="H14644" s="12"/>
    </row>
    <row r="14645" spans="8:8">
      <c r="H14645" s="12"/>
    </row>
    <row r="14646" spans="8:8">
      <c r="H14646" s="12"/>
    </row>
    <row r="14647" spans="8:8">
      <c r="H14647" s="12"/>
    </row>
    <row r="14648" spans="8:8">
      <c r="H14648" s="12"/>
    </row>
    <row r="14649" spans="8:8">
      <c r="H14649" s="12"/>
    </row>
    <row r="14650" spans="8:8">
      <c r="H14650" s="12"/>
    </row>
    <row r="14651" spans="8:8">
      <c r="H14651" s="12"/>
    </row>
    <row r="14652" spans="8:8">
      <c r="H14652" s="12"/>
    </row>
    <row r="14653" spans="8:8">
      <c r="H14653" s="12"/>
    </row>
    <row r="14654" spans="8:8">
      <c r="H14654" s="12"/>
    </row>
    <row r="14655" spans="8:8">
      <c r="H14655" s="12"/>
    </row>
    <row r="14656" spans="8:8">
      <c r="H14656" s="12"/>
    </row>
    <row r="14657" spans="8:8">
      <c r="H14657" s="12"/>
    </row>
    <row r="14658" spans="8:8">
      <c r="H14658" s="12"/>
    </row>
    <row r="14659" spans="8:8">
      <c r="H14659" s="12"/>
    </row>
    <row r="14660" spans="8:8">
      <c r="H14660" s="12"/>
    </row>
    <row r="14661" spans="8:8">
      <c r="H14661" s="12"/>
    </row>
    <row r="14662" spans="8:8">
      <c r="H14662" s="12"/>
    </row>
    <row r="14663" spans="8:8">
      <c r="H14663" s="12"/>
    </row>
    <row r="14664" spans="8:8">
      <c r="H14664" s="12"/>
    </row>
    <row r="14665" spans="8:8">
      <c r="H14665" s="12"/>
    </row>
    <row r="14666" spans="8:8">
      <c r="H14666" s="12"/>
    </row>
    <row r="14667" spans="8:8">
      <c r="H14667" s="12"/>
    </row>
    <row r="14668" spans="8:8">
      <c r="H14668" s="12"/>
    </row>
    <row r="14669" spans="8:8">
      <c r="H14669" s="12"/>
    </row>
    <row r="14670" spans="8:8">
      <c r="H14670" s="12"/>
    </row>
    <row r="14671" spans="8:8">
      <c r="H14671" s="12"/>
    </row>
    <row r="14672" spans="8:8">
      <c r="H14672" s="12"/>
    </row>
    <row r="14673" spans="8:8">
      <c r="H14673" s="12"/>
    </row>
    <row r="14674" spans="8:8">
      <c r="H14674" s="12"/>
    </row>
    <row r="14675" spans="8:8">
      <c r="H14675" s="12"/>
    </row>
    <row r="14676" spans="8:8">
      <c r="H14676" s="12"/>
    </row>
    <row r="14677" spans="8:8">
      <c r="H14677" s="12"/>
    </row>
    <row r="14678" spans="8:8">
      <c r="H14678" s="12"/>
    </row>
    <row r="14679" spans="8:8">
      <c r="H14679" s="12"/>
    </row>
    <row r="14680" spans="8:8">
      <c r="H14680" s="12"/>
    </row>
    <row r="14681" spans="8:8">
      <c r="H14681" s="12"/>
    </row>
    <row r="14682" spans="8:8">
      <c r="H14682" s="12"/>
    </row>
    <row r="14683" spans="8:8">
      <c r="H14683" s="12"/>
    </row>
    <row r="14684" spans="8:8">
      <c r="H14684" s="12"/>
    </row>
    <row r="14685" spans="8:8">
      <c r="H14685" s="12"/>
    </row>
    <row r="14686" spans="8:8">
      <c r="H14686" s="12"/>
    </row>
    <row r="14687" spans="8:8">
      <c r="H14687" s="12"/>
    </row>
    <row r="14688" spans="8:8">
      <c r="H14688" s="12"/>
    </row>
    <row r="14689" spans="8:8">
      <c r="H14689" s="12"/>
    </row>
    <row r="14690" spans="8:8">
      <c r="H14690" s="12"/>
    </row>
    <row r="14691" spans="8:8">
      <c r="H14691" s="12"/>
    </row>
    <row r="14692" spans="8:8">
      <c r="H14692" s="12"/>
    </row>
    <row r="14693" spans="8:8">
      <c r="H14693" s="12"/>
    </row>
    <row r="14694" spans="8:8">
      <c r="H14694" s="12"/>
    </row>
    <row r="14695" spans="8:8">
      <c r="H14695" s="12"/>
    </row>
    <row r="14696" spans="8:8">
      <c r="H14696" s="12"/>
    </row>
    <row r="14697" spans="8:8">
      <c r="H14697" s="12"/>
    </row>
    <row r="14698" spans="8:8">
      <c r="H14698" s="12"/>
    </row>
    <row r="14699" spans="8:8">
      <c r="H14699" s="12"/>
    </row>
    <row r="14700" spans="8:8">
      <c r="H14700" s="12"/>
    </row>
    <row r="14701" spans="8:8">
      <c r="H14701" s="12"/>
    </row>
    <row r="14702" spans="8:8">
      <c r="H14702" s="12"/>
    </row>
    <row r="14703" spans="8:8">
      <c r="H14703" s="12"/>
    </row>
    <row r="14704" spans="8:8">
      <c r="H14704" s="12"/>
    </row>
    <row r="14705" spans="8:8">
      <c r="H14705" s="12"/>
    </row>
    <row r="14706" spans="8:8">
      <c r="H14706" s="12"/>
    </row>
    <row r="14707" spans="8:8">
      <c r="H14707" s="12"/>
    </row>
    <row r="14708" spans="8:8">
      <c r="H14708" s="12"/>
    </row>
    <row r="14709" spans="8:8">
      <c r="H14709" s="12"/>
    </row>
    <row r="14710" spans="8:8">
      <c r="H14710" s="12"/>
    </row>
    <row r="14711" spans="8:8">
      <c r="H14711" s="12"/>
    </row>
    <row r="14712" spans="8:8">
      <c r="H14712" s="12"/>
    </row>
    <row r="14713" spans="8:8">
      <c r="H14713" s="12"/>
    </row>
    <row r="14714" spans="8:8">
      <c r="H14714" s="12"/>
    </row>
    <row r="14715" spans="8:8">
      <c r="H14715" s="12"/>
    </row>
    <row r="14716" spans="8:8">
      <c r="H14716" s="12"/>
    </row>
    <row r="14717" spans="8:8">
      <c r="H14717" s="12"/>
    </row>
    <row r="14718" spans="8:8">
      <c r="H14718" s="12"/>
    </row>
    <row r="14719" spans="8:8">
      <c r="H14719" s="12"/>
    </row>
    <row r="14720" spans="8:8">
      <c r="H14720" s="12"/>
    </row>
    <row r="14721" spans="8:8">
      <c r="H14721" s="12"/>
    </row>
    <row r="14722" spans="8:8">
      <c r="H14722" s="12"/>
    </row>
    <row r="14723" spans="8:8">
      <c r="H14723" s="12"/>
    </row>
    <row r="14724" spans="8:8">
      <c r="H14724" s="12"/>
    </row>
    <row r="14725" spans="8:8">
      <c r="H14725" s="12"/>
    </row>
    <row r="14726" spans="8:8">
      <c r="H14726" s="12"/>
    </row>
    <row r="14727" spans="8:8">
      <c r="H14727" s="12"/>
    </row>
    <row r="14728" spans="8:8">
      <c r="H14728" s="12"/>
    </row>
    <row r="14729" spans="8:8">
      <c r="H14729" s="12"/>
    </row>
    <row r="14730" spans="8:8">
      <c r="H14730" s="12"/>
    </row>
    <row r="14731" spans="8:8">
      <c r="H14731" s="12"/>
    </row>
    <row r="14732" spans="8:8">
      <c r="H14732" s="12"/>
    </row>
    <row r="14733" spans="8:8">
      <c r="H14733" s="12"/>
    </row>
    <row r="14734" spans="8:8">
      <c r="H14734" s="12"/>
    </row>
    <row r="14735" spans="8:8">
      <c r="H14735" s="12"/>
    </row>
    <row r="14736" spans="8:8">
      <c r="H14736" s="12"/>
    </row>
    <row r="14737" spans="8:8">
      <c r="H14737" s="12"/>
    </row>
    <row r="14738" spans="8:8">
      <c r="H14738" s="12"/>
    </row>
    <row r="14739" spans="8:8">
      <c r="H14739" s="12"/>
    </row>
    <row r="14740" spans="8:8">
      <c r="H14740" s="12"/>
    </row>
    <row r="14741" spans="8:8">
      <c r="H14741" s="12"/>
    </row>
    <row r="14742" spans="8:8">
      <c r="H14742" s="12"/>
    </row>
    <row r="14743" spans="8:8">
      <c r="H14743" s="12"/>
    </row>
    <row r="14744" spans="8:8">
      <c r="H14744" s="12"/>
    </row>
    <row r="14745" spans="8:8">
      <c r="H14745" s="12"/>
    </row>
    <row r="14746" spans="8:8">
      <c r="H14746" s="12"/>
    </row>
    <row r="14747" spans="8:8">
      <c r="H14747" s="12"/>
    </row>
    <row r="14748" spans="8:8">
      <c r="H14748" s="12"/>
    </row>
    <row r="14749" spans="8:8">
      <c r="H14749" s="12"/>
    </row>
    <row r="14750" spans="8:8">
      <c r="H14750" s="12"/>
    </row>
    <row r="14751" spans="8:8">
      <c r="H14751" s="12"/>
    </row>
    <row r="14752" spans="8:8">
      <c r="H14752" s="12"/>
    </row>
    <row r="14753" spans="8:8">
      <c r="H14753" s="12"/>
    </row>
    <row r="14754" spans="8:8">
      <c r="H14754" s="12"/>
    </row>
    <row r="14755" spans="8:8">
      <c r="H14755" s="12"/>
    </row>
    <row r="14756" spans="8:8">
      <c r="H14756" s="12"/>
    </row>
    <row r="14757" spans="8:8">
      <c r="H14757" s="12"/>
    </row>
    <row r="14758" spans="8:8">
      <c r="H14758" s="12"/>
    </row>
    <row r="14759" spans="8:8">
      <c r="H14759" s="12"/>
    </row>
    <row r="14760" spans="8:8">
      <c r="H14760" s="12"/>
    </row>
    <row r="14761" spans="8:8">
      <c r="H14761" s="12"/>
    </row>
    <row r="14762" spans="8:8">
      <c r="H14762" s="12"/>
    </row>
    <row r="14763" spans="8:8">
      <c r="H14763" s="12"/>
    </row>
    <row r="14764" spans="8:8">
      <c r="H14764" s="12"/>
    </row>
    <row r="14765" spans="8:8">
      <c r="H14765" s="12"/>
    </row>
    <row r="14766" spans="8:8">
      <c r="H14766" s="12"/>
    </row>
    <row r="14767" spans="8:8">
      <c r="H14767" s="12"/>
    </row>
    <row r="14768" spans="8:8">
      <c r="H14768" s="12"/>
    </row>
    <row r="14769" spans="8:8">
      <c r="H14769" s="12"/>
    </row>
    <row r="14770" spans="8:8">
      <c r="H14770" s="12"/>
    </row>
    <row r="14771" spans="8:8">
      <c r="H14771" s="12"/>
    </row>
    <row r="14772" spans="8:8">
      <c r="H14772" s="12"/>
    </row>
    <row r="14773" spans="8:8">
      <c r="H14773" s="12"/>
    </row>
    <row r="14774" spans="8:8">
      <c r="H14774" s="12"/>
    </row>
    <row r="14775" spans="8:8">
      <c r="H14775" s="12"/>
    </row>
    <row r="14776" spans="8:8">
      <c r="H14776" s="12"/>
    </row>
    <row r="14777" spans="8:8">
      <c r="H14777" s="12"/>
    </row>
    <row r="14778" spans="8:8">
      <c r="H14778" s="12"/>
    </row>
    <row r="14779" spans="8:8">
      <c r="H14779" s="12"/>
    </row>
    <row r="14780" spans="8:8">
      <c r="H14780" s="12"/>
    </row>
    <row r="14781" spans="8:8">
      <c r="H14781" s="12"/>
    </row>
    <row r="14782" spans="8:8">
      <c r="H14782" s="12"/>
    </row>
    <row r="14783" spans="8:8">
      <c r="H14783" s="12"/>
    </row>
    <row r="14784" spans="8:8">
      <c r="H14784" s="12"/>
    </row>
    <row r="14785" spans="8:8">
      <c r="H14785" s="12"/>
    </row>
    <row r="14786" spans="8:8">
      <c r="H14786" s="12"/>
    </row>
    <row r="14787" spans="8:8">
      <c r="H14787" s="12"/>
    </row>
    <row r="14788" spans="8:8">
      <c r="H14788" s="12"/>
    </row>
    <row r="14789" spans="8:8">
      <c r="H14789" s="12"/>
    </row>
    <row r="14790" spans="8:8">
      <c r="H14790" s="12"/>
    </row>
    <row r="14791" spans="8:8">
      <c r="H14791" s="12"/>
    </row>
    <row r="14792" spans="8:8">
      <c r="H14792" s="12"/>
    </row>
    <row r="14793" spans="8:8">
      <c r="H14793" s="12"/>
    </row>
    <row r="14794" spans="8:8">
      <c r="H14794" s="12"/>
    </row>
    <row r="14795" spans="8:8">
      <c r="H14795" s="12"/>
    </row>
    <row r="14796" spans="8:8">
      <c r="H14796" s="12"/>
    </row>
    <row r="14797" spans="8:8">
      <c r="H14797" s="12"/>
    </row>
    <row r="14798" spans="8:8">
      <c r="H14798" s="12"/>
    </row>
    <row r="14799" spans="8:8">
      <c r="H14799" s="12"/>
    </row>
    <row r="14800" spans="8:8">
      <c r="H14800" s="12"/>
    </row>
    <row r="14801" spans="8:8">
      <c r="H14801" s="12"/>
    </row>
    <row r="14802" spans="8:8">
      <c r="H14802" s="12"/>
    </row>
    <row r="14803" spans="8:8">
      <c r="H14803" s="12"/>
    </row>
    <row r="14804" spans="8:8">
      <c r="H14804" s="12"/>
    </row>
    <row r="14805" spans="8:8">
      <c r="H14805" s="12"/>
    </row>
    <row r="14806" spans="8:8">
      <c r="H14806" s="12"/>
    </row>
    <row r="14807" spans="8:8">
      <c r="H14807" s="12"/>
    </row>
    <row r="14808" spans="8:8">
      <c r="H14808" s="12"/>
    </row>
    <row r="14809" spans="8:8">
      <c r="H14809" s="12"/>
    </row>
    <row r="14810" spans="8:8">
      <c r="H14810" s="12"/>
    </row>
    <row r="14811" spans="8:8">
      <c r="H14811" s="12"/>
    </row>
    <row r="14812" spans="8:8">
      <c r="H14812" s="12"/>
    </row>
    <row r="14813" spans="8:8">
      <c r="H14813" s="12"/>
    </row>
    <row r="14814" spans="8:8">
      <c r="H14814" s="12"/>
    </row>
    <row r="14815" spans="8:8">
      <c r="H14815" s="12"/>
    </row>
    <row r="14816" spans="8:8">
      <c r="H14816" s="12"/>
    </row>
    <row r="14817" spans="8:8">
      <c r="H14817" s="12"/>
    </row>
    <row r="14818" spans="8:8">
      <c r="H14818" s="12"/>
    </row>
    <row r="14819" spans="8:8">
      <c r="H14819" s="12"/>
    </row>
    <row r="14820" spans="8:8">
      <c r="H14820" s="12"/>
    </row>
    <row r="14821" spans="8:8">
      <c r="H14821" s="12"/>
    </row>
    <row r="14822" spans="8:8">
      <c r="H14822" s="12"/>
    </row>
    <row r="14823" spans="8:8">
      <c r="H14823" s="12"/>
    </row>
    <row r="14824" spans="8:8">
      <c r="H14824" s="12"/>
    </row>
    <row r="14825" spans="8:8">
      <c r="H14825" s="12"/>
    </row>
    <row r="14826" spans="8:8">
      <c r="H14826" s="12"/>
    </row>
    <row r="14827" spans="8:8">
      <c r="H14827" s="12"/>
    </row>
    <row r="14828" spans="8:8">
      <c r="H14828" s="12"/>
    </row>
    <row r="14829" spans="8:8">
      <c r="H14829" s="12"/>
    </row>
    <row r="14830" spans="8:8">
      <c r="H14830" s="12"/>
    </row>
    <row r="14831" spans="8:8">
      <c r="H14831" s="12"/>
    </row>
    <row r="14832" spans="8:8">
      <c r="H14832" s="12"/>
    </row>
    <row r="14833" spans="8:8">
      <c r="H14833" s="12"/>
    </row>
    <row r="14834" spans="8:8">
      <c r="H14834" s="12"/>
    </row>
    <row r="14835" spans="8:8">
      <c r="H14835" s="12"/>
    </row>
    <row r="14836" spans="8:8">
      <c r="H14836" s="12"/>
    </row>
    <row r="14837" spans="8:8">
      <c r="H14837" s="12"/>
    </row>
    <row r="14838" spans="8:8">
      <c r="H14838" s="12"/>
    </row>
    <row r="14839" spans="8:8">
      <c r="H14839" s="12"/>
    </row>
    <row r="14840" spans="8:8">
      <c r="H14840" s="12"/>
    </row>
    <row r="14841" spans="8:8">
      <c r="H14841" s="12"/>
    </row>
    <row r="14842" spans="8:8">
      <c r="H14842" s="12"/>
    </row>
    <row r="14843" spans="8:8">
      <c r="H14843" s="12"/>
    </row>
    <row r="14844" spans="8:8">
      <c r="H14844" s="12"/>
    </row>
    <row r="14845" spans="8:8">
      <c r="H14845" s="12"/>
    </row>
    <row r="14846" spans="8:8">
      <c r="H14846" s="12"/>
    </row>
    <row r="14847" spans="8:8">
      <c r="H14847" s="12"/>
    </row>
    <row r="14848" spans="8:8">
      <c r="H14848" s="12"/>
    </row>
    <row r="14849" spans="8:8">
      <c r="H14849" s="12"/>
    </row>
    <row r="14850" spans="8:8">
      <c r="H14850" s="12"/>
    </row>
    <row r="14851" spans="8:8">
      <c r="H14851" s="12"/>
    </row>
    <row r="14852" spans="8:8">
      <c r="H14852" s="12"/>
    </row>
    <row r="14853" spans="8:8">
      <c r="H14853" s="12"/>
    </row>
    <row r="14854" spans="8:8">
      <c r="H14854" s="12"/>
    </row>
    <row r="14855" spans="8:8">
      <c r="H14855" s="12"/>
    </row>
    <row r="14856" spans="8:8">
      <c r="H14856" s="12"/>
    </row>
    <row r="14857" spans="8:8">
      <c r="H14857" s="12"/>
    </row>
    <row r="14858" spans="8:8">
      <c r="H14858" s="12"/>
    </row>
    <row r="14859" spans="8:8">
      <c r="H14859" s="12"/>
    </row>
    <row r="14860" spans="8:8">
      <c r="H14860" s="12"/>
    </row>
    <row r="14861" spans="8:8">
      <c r="H14861" s="12"/>
    </row>
    <row r="14862" spans="8:8">
      <c r="H14862" s="12"/>
    </row>
    <row r="14863" spans="8:8">
      <c r="H14863" s="12"/>
    </row>
    <row r="14864" spans="8:8">
      <c r="H14864" s="12"/>
    </row>
    <row r="14865" spans="8:8">
      <c r="H14865" s="12"/>
    </row>
    <row r="14866" spans="8:8">
      <c r="H14866" s="12"/>
    </row>
    <row r="14867" spans="8:8">
      <c r="H14867" s="12"/>
    </row>
    <row r="14868" spans="8:8">
      <c r="H14868" s="12"/>
    </row>
    <row r="14869" spans="8:8">
      <c r="H14869" s="12"/>
    </row>
    <row r="14870" spans="8:8">
      <c r="H14870" s="12"/>
    </row>
    <row r="14871" spans="8:8">
      <c r="H14871" s="12"/>
    </row>
    <row r="14872" spans="8:8">
      <c r="H14872" s="12"/>
    </row>
    <row r="14873" spans="8:8">
      <c r="H14873" s="12"/>
    </row>
    <row r="14874" spans="8:8">
      <c r="H14874" s="12"/>
    </row>
    <row r="14875" spans="8:8">
      <c r="H14875" s="12"/>
    </row>
    <row r="14876" spans="8:8">
      <c r="H14876" s="12"/>
    </row>
    <row r="14877" spans="8:8">
      <c r="H14877" s="12"/>
    </row>
    <row r="14878" spans="8:8">
      <c r="H14878" s="12"/>
    </row>
    <row r="14879" spans="8:8">
      <c r="H14879" s="12"/>
    </row>
    <row r="14880" spans="8:8">
      <c r="H14880" s="12"/>
    </row>
    <row r="14881" spans="8:8">
      <c r="H14881" s="12"/>
    </row>
    <row r="14882" spans="8:8">
      <c r="H14882" s="12"/>
    </row>
    <row r="14883" spans="8:8">
      <c r="H14883" s="12"/>
    </row>
    <row r="14884" spans="8:8">
      <c r="H14884" s="12"/>
    </row>
    <row r="14885" spans="8:8">
      <c r="H14885" s="12"/>
    </row>
    <row r="14886" spans="8:8">
      <c r="H14886" s="12"/>
    </row>
    <row r="14887" spans="8:8">
      <c r="H14887" s="12"/>
    </row>
    <row r="14888" spans="8:8">
      <c r="H14888" s="12"/>
    </row>
    <row r="14889" spans="8:8">
      <c r="H14889" s="12"/>
    </row>
    <row r="14890" spans="8:8">
      <c r="H14890" s="12"/>
    </row>
    <row r="14891" spans="8:8">
      <c r="H14891" s="12"/>
    </row>
    <row r="14892" spans="8:8">
      <c r="H14892" s="12"/>
    </row>
    <row r="14893" spans="8:8">
      <c r="H14893" s="12"/>
    </row>
    <row r="14894" spans="8:8">
      <c r="H14894" s="12"/>
    </row>
    <row r="14895" spans="8:8">
      <c r="H14895" s="12"/>
    </row>
    <row r="14896" spans="8:8">
      <c r="H14896" s="12"/>
    </row>
    <row r="14897" spans="8:8">
      <c r="H14897" s="12"/>
    </row>
    <row r="14898" spans="8:8">
      <c r="H14898" s="12"/>
    </row>
    <row r="14899" spans="8:8">
      <c r="H14899" s="12"/>
    </row>
    <row r="14900" spans="8:8">
      <c r="H14900" s="12"/>
    </row>
    <row r="14901" spans="8:8">
      <c r="H14901" s="12"/>
    </row>
    <row r="14902" spans="8:8">
      <c r="H14902" s="12"/>
    </row>
    <row r="14903" spans="8:8">
      <c r="H14903" s="12"/>
    </row>
    <row r="14904" spans="8:8">
      <c r="H14904" s="12"/>
    </row>
    <row r="14905" spans="8:8">
      <c r="H14905" s="12"/>
    </row>
    <row r="14906" spans="8:8">
      <c r="H14906" s="12"/>
    </row>
    <row r="14907" spans="8:8">
      <c r="H14907" s="12"/>
    </row>
    <row r="14908" spans="8:8">
      <c r="H14908" s="12"/>
    </row>
    <row r="14909" spans="8:8">
      <c r="H14909" s="12"/>
    </row>
    <row r="14910" spans="8:8">
      <c r="H14910" s="12"/>
    </row>
    <row r="14911" spans="8:8">
      <c r="H14911" s="12"/>
    </row>
    <row r="14912" spans="8:8">
      <c r="H14912" s="12"/>
    </row>
    <row r="14913" spans="8:8">
      <c r="H14913" s="12"/>
    </row>
    <row r="14914" spans="8:8">
      <c r="H14914" s="12"/>
    </row>
    <row r="14915" spans="8:8">
      <c r="H14915" s="12"/>
    </row>
    <row r="14916" spans="8:8">
      <c r="H14916" s="12"/>
    </row>
    <row r="14917" spans="8:8">
      <c r="H14917" s="12"/>
    </row>
    <row r="14918" spans="8:8">
      <c r="H14918" s="12"/>
    </row>
    <row r="14919" spans="8:8">
      <c r="H14919" s="12"/>
    </row>
    <row r="14920" spans="8:8">
      <c r="H14920" s="12"/>
    </row>
    <row r="14921" spans="8:8">
      <c r="H14921" s="12"/>
    </row>
    <row r="14922" spans="8:8">
      <c r="H14922" s="12"/>
    </row>
    <row r="14923" spans="8:8">
      <c r="H14923" s="12"/>
    </row>
    <row r="14924" spans="8:8">
      <c r="H14924" s="12"/>
    </row>
    <row r="14925" spans="8:8">
      <c r="H14925" s="12"/>
    </row>
    <row r="14926" spans="8:8">
      <c r="H14926" s="12"/>
    </row>
    <row r="14927" spans="8:8">
      <c r="H14927" s="12"/>
    </row>
    <row r="14928" spans="8:8">
      <c r="H14928" s="12"/>
    </row>
    <row r="14929" spans="8:8">
      <c r="H14929" s="12"/>
    </row>
    <row r="14930" spans="8:8">
      <c r="H14930" s="12"/>
    </row>
    <row r="14931" spans="8:8">
      <c r="H14931" s="12"/>
    </row>
    <row r="14932" spans="8:8">
      <c r="H14932" s="12"/>
    </row>
    <row r="14933" spans="8:8">
      <c r="H14933" s="12"/>
    </row>
    <row r="14934" spans="8:8">
      <c r="H14934" s="12"/>
    </row>
    <row r="14935" spans="8:8">
      <c r="H14935" s="12"/>
    </row>
    <row r="14936" spans="8:8">
      <c r="H14936" s="12"/>
    </row>
    <row r="14937" spans="8:8">
      <c r="H14937" s="12"/>
    </row>
    <row r="14938" spans="8:8">
      <c r="H14938" s="12"/>
    </row>
    <row r="14939" spans="8:8">
      <c r="H14939" s="12"/>
    </row>
    <row r="14940" spans="8:8">
      <c r="H14940" s="12"/>
    </row>
    <row r="14941" spans="8:8">
      <c r="H14941" s="12"/>
    </row>
    <row r="14942" spans="8:8">
      <c r="H14942" s="12"/>
    </row>
    <row r="14943" spans="8:8">
      <c r="H14943" s="12"/>
    </row>
    <row r="14944" spans="8:8">
      <c r="H14944" s="12"/>
    </row>
    <row r="14945" spans="8:8">
      <c r="H14945" s="12"/>
    </row>
    <row r="14946" spans="8:8">
      <c r="H14946" s="12"/>
    </row>
    <row r="14947" spans="8:8">
      <c r="H14947" s="12"/>
    </row>
    <row r="14948" spans="8:8">
      <c r="H14948" s="12"/>
    </row>
    <row r="14949" spans="8:8">
      <c r="H14949" s="12"/>
    </row>
    <row r="14950" spans="8:8">
      <c r="H14950" s="12"/>
    </row>
    <row r="14951" spans="8:8">
      <c r="H14951" s="12"/>
    </row>
    <row r="14952" spans="8:8">
      <c r="H14952" s="12"/>
    </row>
    <row r="14953" spans="8:8">
      <c r="H14953" s="12"/>
    </row>
    <row r="14954" spans="8:8">
      <c r="H14954" s="12"/>
    </row>
    <row r="14955" spans="8:8">
      <c r="H14955" s="12"/>
    </row>
    <row r="14956" spans="8:8">
      <c r="H14956" s="12"/>
    </row>
    <row r="14957" spans="8:8">
      <c r="H14957" s="12"/>
    </row>
    <row r="14958" spans="8:8">
      <c r="H14958" s="12"/>
    </row>
    <row r="14959" spans="8:8">
      <c r="H14959" s="12"/>
    </row>
    <row r="14960" spans="8:8">
      <c r="H14960" s="12"/>
    </row>
    <row r="14961" spans="8:8">
      <c r="H14961" s="12"/>
    </row>
    <row r="14962" spans="8:8">
      <c r="H14962" s="12"/>
    </row>
    <row r="14963" spans="8:8">
      <c r="H14963" s="12"/>
    </row>
    <row r="14964" spans="8:8">
      <c r="H14964" s="12"/>
    </row>
    <row r="14965" spans="8:8">
      <c r="H14965" s="12"/>
    </row>
    <row r="14966" spans="8:8">
      <c r="H14966" s="12"/>
    </row>
    <row r="14967" spans="8:8">
      <c r="H14967" s="12"/>
    </row>
    <row r="14968" spans="8:8">
      <c r="H14968" s="12"/>
    </row>
    <row r="14969" spans="8:8">
      <c r="H14969" s="12"/>
    </row>
    <row r="14970" spans="8:8">
      <c r="H14970" s="12"/>
    </row>
    <row r="14971" spans="8:8">
      <c r="H14971" s="12"/>
    </row>
    <row r="14972" spans="8:8">
      <c r="H14972" s="12"/>
    </row>
    <row r="14973" spans="8:8">
      <c r="H14973" s="12"/>
    </row>
    <row r="14974" spans="8:8">
      <c r="H14974" s="12"/>
    </row>
    <row r="14975" spans="8:8">
      <c r="H14975" s="12"/>
    </row>
    <row r="14976" spans="8:8">
      <c r="H14976" s="12"/>
    </row>
    <row r="14977" spans="8:8">
      <c r="H14977" s="12"/>
    </row>
    <row r="14978" spans="8:8">
      <c r="H14978" s="12"/>
    </row>
    <row r="14979" spans="8:8">
      <c r="H14979" s="12"/>
    </row>
    <row r="14980" spans="8:8">
      <c r="H14980" s="12"/>
    </row>
    <row r="14981" spans="8:8">
      <c r="H14981" s="12"/>
    </row>
    <row r="14982" spans="8:8">
      <c r="H14982" s="12"/>
    </row>
    <row r="14983" spans="8:8">
      <c r="H14983" s="12"/>
    </row>
    <row r="14984" spans="8:8">
      <c r="H14984" s="12"/>
    </row>
    <row r="14985" spans="8:8">
      <c r="H14985" s="12"/>
    </row>
    <row r="14986" spans="8:8">
      <c r="H14986" s="12"/>
    </row>
    <row r="14987" spans="8:8">
      <c r="H14987" s="12"/>
    </row>
    <row r="14988" spans="8:8">
      <c r="H14988" s="12"/>
    </row>
    <row r="14989" spans="8:8">
      <c r="H14989" s="12"/>
    </row>
    <row r="14990" spans="8:8">
      <c r="H14990" s="12"/>
    </row>
    <row r="14991" spans="8:8">
      <c r="H14991" s="12"/>
    </row>
    <row r="14992" spans="8:8">
      <c r="H14992" s="12"/>
    </row>
    <row r="14993" spans="8:8">
      <c r="H14993" s="12"/>
    </row>
    <row r="14994" spans="8:8">
      <c r="H14994" s="12"/>
    </row>
    <row r="14995" spans="8:8">
      <c r="H14995" s="12"/>
    </row>
    <row r="14996" spans="8:8">
      <c r="H14996" s="12"/>
    </row>
    <row r="14997" spans="8:8">
      <c r="H14997" s="12"/>
    </row>
    <row r="14998" spans="8:8">
      <c r="H14998" s="12"/>
    </row>
    <row r="14999" spans="8:8">
      <c r="H14999" s="12"/>
    </row>
    <row r="15000" spans="8:8">
      <c r="H15000" s="12"/>
    </row>
    <row r="15001" spans="8:8">
      <c r="H15001" s="12"/>
    </row>
    <row r="15002" spans="8:8">
      <c r="H15002" s="12"/>
    </row>
    <row r="15003" spans="8:8">
      <c r="H15003" s="12"/>
    </row>
    <row r="15004" spans="8:8">
      <c r="H15004" s="12"/>
    </row>
    <row r="15005" spans="8:8">
      <c r="H15005" s="12"/>
    </row>
    <row r="15006" spans="8:8">
      <c r="H15006" s="12"/>
    </row>
    <row r="15007" spans="8:8">
      <c r="H15007" s="12"/>
    </row>
    <row r="15008" spans="8:8">
      <c r="H15008" s="12"/>
    </row>
    <row r="15009" spans="8:8">
      <c r="H15009" s="12"/>
    </row>
    <row r="15010" spans="8:8">
      <c r="H15010" s="12"/>
    </row>
    <row r="15011" spans="8:8">
      <c r="H15011" s="12"/>
    </row>
    <row r="15012" spans="8:8">
      <c r="H15012" s="12"/>
    </row>
    <row r="15013" spans="8:8">
      <c r="H15013" s="12"/>
    </row>
    <row r="15014" spans="8:8">
      <c r="H15014" s="12"/>
    </row>
    <row r="15015" spans="8:8">
      <c r="H15015" s="12"/>
    </row>
    <row r="15016" spans="8:8">
      <c r="H15016" s="12"/>
    </row>
    <row r="15017" spans="8:8">
      <c r="H15017" s="12"/>
    </row>
    <row r="15018" spans="8:8">
      <c r="H15018" s="12"/>
    </row>
    <row r="15019" spans="8:8">
      <c r="H15019" s="12"/>
    </row>
    <row r="15020" spans="8:8">
      <c r="H15020" s="12"/>
    </row>
    <row r="15021" spans="8:8">
      <c r="H15021" s="12"/>
    </row>
    <row r="15022" spans="8:8">
      <c r="H15022" s="12"/>
    </row>
    <row r="15023" spans="8:8">
      <c r="H15023" s="12"/>
    </row>
    <row r="15024" spans="8:8">
      <c r="H15024" s="12"/>
    </row>
    <row r="15025" spans="8:8">
      <c r="H15025" s="12"/>
    </row>
    <row r="15026" spans="8:8">
      <c r="H15026" s="12"/>
    </row>
    <row r="15027" spans="8:8">
      <c r="H15027" s="12"/>
    </row>
    <row r="15028" spans="8:8">
      <c r="H15028" s="12"/>
    </row>
    <row r="15029" spans="8:8">
      <c r="H15029" s="12"/>
    </row>
    <row r="15030" spans="8:8">
      <c r="H15030" s="12"/>
    </row>
    <row r="15031" spans="8:8">
      <c r="H15031" s="12"/>
    </row>
    <row r="15032" spans="8:8">
      <c r="H15032" s="12"/>
    </row>
    <row r="15033" spans="8:8">
      <c r="H15033" s="12"/>
    </row>
    <row r="15034" spans="8:8">
      <c r="H15034" s="12"/>
    </row>
    <row r="15035" spans="8:8">
      <c r="H15035" s="12"/>
    </row>
    <row r="15036" spans="8:8">
      <c r="H15036" s="12"/>
    </row>
    <row r="15037" spans="8:8">
      <c r="H15037" s="12"/>
    </row>
    <row r="15038" spans="8:8">
      <c r="H15038" s="12"/>
    </row>
    <row r="15039" spans="8:8">
      <c r="H15039" s="12"/>
    </row>
    <row r="15040" spans="8:8">
      <c r="H15040" s="12"/>
    </row>
    <row r="15041" spans="8:8">
      <c r="H15041" s="12"/>
    </row>
    <row r="15042" spans="8:8">
      <c r="H15042" s="12"/>
    </row>
    <row r="15043" spans="8:8">
      <c r="H15043" s="12"/>
    </row>
    <row r="15044" spans="8:8">
      <c r="H15044" s="12"/>
    </row>
    <row r="15045" spans="8:8">
      <c r="H15045" s="12"/>
    </row>
    <row r="15046" spans="8:8">
      <c r="H15046" s="12"/>
    </row>
    <row r="15047" spans="8:8">
      <c r="H15047" s="12"/>
    </row>
    <row r="15048" spans="8:8">
      <c r="H15048" s="12"/>
    </row>
    <row r="15049" spans="8:8">
      <c r="H15049" s="12"/>
    </row>
    <row r="15050" spans="8:8">
      <c r="H15050" s="12"/>
    </row>
    <row r="15051" spans="8:8">
      <c r="H15051" s="12"/>
    </row>
    <row r="15052" spans="8:8">
      <c r="H15052" s="12"/>
    </row>
    <row r="15053" spans="8:8">
      <c r="H15053" s="12"/>
    </row>
    <row r="15054" spans="8:8">
      <c r="H15054" s="12"/>
    </row>
    <row r="15055" spans="8:8">
      <c r="H15055" s="12"/>
    </row>
    <row r="15056" spans="8:8">
      <c r="H15056" s="12"/>
    </row>
    <row r="15057" spans="8:8">
      <c r="H15057" s="12"/>
    </row>
    <row r="15058" spans="8:8">
      <c r="H15058" s="12"/>
    </row>
    <row r="15059" spans="8:8">
      <c r="H15059" s="12"/>
    </row>
    <row r="15060" spans="8:8">
      <c r="H15060" s="12"/>
    </row>
    <row r="15061" spans="8:8">
      <c r="H15061" s="12"/>
    </row>
    <row r="15062" spans="8:8">
      <c r="H15062" s="12"/>
    </row>
    <row r="15063" spans="8:8">
      <c r="H15063" s="12"/>
    </row>
    <row r="15064" spans="8:8">
      <c r="H15064" s="12"/>
    </row>
    <row r="15065" spans="8:8">
      <c r="H15065" s="12"/>
    </row>
    <row r="15066" spans="8:8">
      <c r="H15066" s="12"/>
    </row>
    <row r="15067" spans="8:8">
      <c r="H15067" s="12"/>
    </row>
    <row r="15068" spans="8:8">
      <c r="H15068" s="12"/>
    </row>
    <row r="15069" spans="8:8">
      <c r="H15069" s="12"/>
    </row>
    <row r="15070" spans="8:8">
      <c r="H15070" s="12"/>
    </row>
    <row r="15071" spans="8:8">
      <c r="H15071" s="12"/>
    </row>
    <row r="15072" spans="8:8">
      <c r="H15072" s="12"/>
    </row>
    <row r="15073" spans="8:8">
      <c r="H15073" s="12"/>
    </row>
    <row r="15074" spans="8:8">
      <c r="H15074" s="12"/>
    </row>
    <row r="15075" spans="8:8">
      <c r="H15075" s="12"/>
    </row>
    <row r="15076" spans="8:8">
      <c r="H15076" s="12"/>
    </row>
    <row r="15077" spans="8:8">
      <c r="H15077" s="12"/>
    </row>
    <row r="15078" spans="8:8">
      <c r="H15078" s="12"/>
    </row>
    <row r="15079" spans="8:8">
      <c r="H15079" s="12"/>
    </row>
    <row r="15080" spans="8:8">
      <c r="H15080" s="12"/>
    </row>
    <row r="15081" spans="8:8">
      <c r="H15081" s="12"/>
    </row>
    <row r="15082" spans="8:8">
      <c r="H15082" s="12"/>
    </row>
    <row r="15083" spans="8:8">
      <c r="H15083" s="12"/>
    </row>
    <row r="15084" spans="8:8">
      <c r="H15084" s="12"/>
    </row>
    <row r="15085" spans="8:8">
      <c r="H15085" s="12"/>
    </row>
    <row r="15086" spans="8:8">
      <c r="H15086" s="12"/>
    </row>
    <row r="15087" spans="8:8">
      <c r="H15087" s="12"/>
    </row>
    <row r="15088" spans="8:8">
      <c r="H15088" s="12"/>
    </row>
    <row r="15089" spans="8:8">
      <c r="H15089" s="12"/>
    </row>
    <row r="15090" spans="8:8">
      <c r="H15090" s="12"/>
    </row>
    <row r="15091" spans="8:8">
      <c r="H15091" s="12"/>
    </row>
    <row r="15092" spans="8:8">
      <c r="H15092" s="12"/>
    </row>
    <row r="15093" spans="8:8">
      <c r="H15093" s="12"/>
    </row>
    <row r="15094" spans="8:8">
      <c r="H15094" s="12"/>
    </row>
    <row r="15095" spans="8:8">
      <c r="H15095" s="12"/>
    </row>
    <row r="15096" spans="8:8">
      <c r="H15096" s="12"/>
    </row>
    <row r="15097" spans="8:8">
      <c r="H15097" s="12"/>
    </row>
    <row r="15098" spans="8:8">
      <c r="H15098" s="12"/>
    </row>
    <row r="15099" spans="8:8">
      <c r="H15099" s="12"/>
    </row>
    <row r="15100" spans="8:8">
      <c r="H15100" s="12"/>
    </row>
    <row r="15101" spans="8:8">
      <c r="H15101" s="12"/>
    </row>
    <row r="15102" spans="8:8">
      <c r="H15102" s="12"/>
    </row>
    <row r="15103" spans="8:8">
      <c r="H15103" s="12"/>
    </row>
    <row r="15104" spans="8:8">
      <c r="H15104" s="12"/>
    </row>
    <row r="15105" spans="8:8">
      <c r="H15105" s="12"/>
    </row>
    <row r="15106" spans="8:8">
      <c r="H15106" s="12"/>
    </row>
    <row r="15107" spans="8:8">
      <c r="H15107" s="12"/>
    </row>
    <row r="15108" spans="8:8">
      <c r="H15108" s="12"/>
    </row>
    <row r="15109" spans="8:8">
      <c r="H15109" s="12"/>
    </row>
    <row r="15110" spans="8:8">
      <c r="H15110" s="12"/>
    </row>
    <row r="15111" spans="8:8">
      <c r="H15111" s="12"/>
    </row>
    <row r="15112" spans="8:8">
      <c r="H15112" s="12"/>
    </row>
    <row r="15113" spans="8:8">
      <c r="H15113" s="12"/>
    </row>
    <row r="15114" spans="8:8">
      <c r="H15114" s="12"/>
    </row>
    <row r="15115" spans="8:8">
      <c r="H15115" s="12"/>
    </row>
    <row r="15116" spans="8:8">
      <c r="H15116" s="12"/>
    </row>
    <row r="15117" spans="8:8">
      <c r="H15117" s="12"/>
    </row>
    <row r="15118" spans="8:8">
      <c r="H15118" s="12"/>
    </row>
    <row r="15119" spans="8:8">
      <c r="H15119" s="12"/>
    </row>
    <row r="15120" spans="8:8">
      <c r="H15120" s="12"/>
    </row>
    <row r="15121" spans="8:8">
      <c r="H15121" s="12"/>
    </row>
    <row r="15122" spans="8:8">
      <c r="H15122" s="12"/>
    </row>
    <row r="15123" spans="8:8">
      <c r="H15123" s="12"/>
    </row>
    <row r="15124" spans="8:8">
      <c r="H15124" s="12"/>
    </row>
    <row r="15125" spans="8:8">
      <c r="H15125" s="12"/>
    </row>
    <row r="15126" spans="8:8">
      <c r="H15126" s="12"/>
    </row>
    <row r="15127" spans="8:8">
      <c r="H15127" s="12"/>
    </row>
    <row r="15128" spans="8:8">
      <c r="H15128" s="12"/>
    </row>
    <row r="15129" spans="8:8">
      <c r="H15129" s="12"/>
    </row>
    <row r="15130" spans="8:8">
      <c r="H15130" s="12"/>
    </row>
    <row r="15131" spans="8:8">
      <c r="H15131" s="12"/>
    </row>
    <row r="15132" spans="8:8">
      <c r="H15132" s="12"/>
    </row>
    <row r="15133" spans="8:8">
      <c r="H15133" s="12"/>
    </row>
    <row r="15134" spans="8:8">
      <c r="H15134" s="12"/>
    </row>
    <row r="15135" spans="8:8">
      <c r="H15135" s="12"/>
    </row>
    <row r="15136" spans="8:8">
      <c r="H15136" s="12"/>
    </row>
    <row r="15137" spans="8:8">
      <c r="H15137" s="12"/>
    </row>
    <row r="15138" spans="8:8">
      <c r="H15138" s="12"/>
    </row>
    <row r="15139" spans="8:8">
      <c r="H15139" s="12"/>
    </row>
    <row r="15140" spans="8:8">
      <c r="H15140" s="12"/>
    </row>
    <row r="15141" spans="8:8">
      <c r="H15141" s="12"/>
    </row>
    <row r="15142" spans="8:8">
      <c r="H15142" s="12"/>
    </row>
    <row r="15143" spans="8:8">
      <c r="H15143" s="12"/>
    </row>
    <row r="15144" spans="8:8">
      <c r="H15144" s="12"/>
    </row>
    <row r="15145" spans="8:8">
      <c r="H15145" s="12"/>
    </row>
    <row r="15146" spans="8:8">
      <c r="H15146" s="12"/>
    </row>
    <row r="15147" spans="8:8">
      <c r="H15147" s="12"/>
    </row>
    <row r="15148" spans="8:8">
      <c r="H15148" s="12"/>
    </row>
    <row r="15149" spans="8:8">
      <c r="H15149" s="12"/>
    </row>
    <row r="15150" spans="8:8">
      <c r="H15150" s="12"/>
    </row>
    <row r="15151" spans="8:8">
      <c r="H15151" s="12"/>
    </row>
    <row r="15152" spans="8:8">
      <c r="H15152" s="12"/>
    </row>
    <row r="15153" spans="8:8">
      <c r="H15153" s="12"/>
    </row>
    <row r="15154" spans="8:8">
      <c r="H15154" s="12"/>
    </row>
    <row r="15155" spans="8:8">
      <c r="H15155" s="12"/>
    </row>
    <row r="15156" spans="8:8">
      <c r="H15156" s="12"/>
    </row>
    <row r="15157" spans="8:8">
      <c r="H15157" s="12"/>
    </row>
    <row r="15158" spans="8:8">
      <c r="H15158" s="12"/>
    </row>
    <row r="15159" spans="8:8">
      <c r="H15159" s="12"/>
    </row>
    <row r="15160" spans="8:8">
      <c r="H15160" s="12"/>
    </row>
    <row r="15161" spans="8:8">
      <c r="H15161" s="12"/>
    </row>
    <row r="15162" spans="8:8">
      <c r="H15162" s="12"/>
    </row>
    <row r="15163" spans="8:8">
      <c r="H15163" s="12"/>
    </row>
    <row r="15164" spans="8:8">
      <c r="H15164" s="12"/>
    </row>
    <row r="15165" spans="8:8">
      <c r="H15165" s="12"/>
    </row>
    <row r="15166" spans="8:8">
      <c r="H15166" s="12"/>
    </row>
    <row r="15167" spans="8:8">
      <c r="H15167" s="12"/>
    </row>
    <row r="15168" spans="8:8">
      <c r="H15168" s="12"/>
    </row>
    <row r="15169" spans="8:8">
      <c r="H15169" s="12"/>
    </row>
    <row r="15170" spans="8:8">
      <c r="H15170" s="12"/>
    </row>
    <row r="15171" spans="8:8">
      <c r="H15171" s="12"/>
    </row>
    <row r="15172" spans="8:8">
      <c r="H15172" s="12"/>
    </row>
    <row r="15173" spans="8:8">
      <c r="H15173" s="12"/>
    </row>
    <row r="15174" spans="8:8">
      <c r="H15174" s="12"/>
    </row>
    <row r="15175" spans="8:8">
      <c r="H15175" s="12"/>
    </row>
    <row r="15176" spans="8:8">
      <c r="H15176" s="12"/>
    </row>
    <row r="15177" spans="8:8">
      <c r="H15177" s="12"/>
    </row>
    <row r="15178" spans="8:8">
      <c r="H15178" s="12"/>
    </row>
    <row r="15179" spans="8:8">
      <c r="H15179" s="12"/>
    </row>
    <row r="15180" spans="8:8">
      <c r="H15180" s="12"/>
    </row>
    <row r="15181" spans="8:8">
      <c r="H15181" s="12"/>
    </row>
    <row r="15182" spans="8:8">
      <c r="H15182" s="12"/>
    </row>
    <row r="15183" spans="8:8">
      <c r="H15183" s="12"/>
    </row>
    <row r="15184" spans="8:8">
      <c r="H15184" s="12"/>
    </row>
    <row r="15185" spans="8:8">
      <c r="H15185" s="12"/>
    </row>
    <row r="15186" spans="8:8">
      <c r="H15186" s="12"/>
    </row>
    <row r="15187" spans="8:8">
      <c r="H15187" s="12"/>
    </row>
    <row r="15188" spans="8:8">
      <c r="H15188" s="12"/>
    </row>
    <row r="15189" spans="8:8">
      <c r="H15189" s="12"/>
    </row>
    <row r="15190" spans="8:8">
      <c r="H15190" s="12"/>
    </row>
    <row r="15191" spans="8:8">
      <c r="H15191" s="12"/>
    </row>
    <row r="15192" spans="8:8">
      <c r="H15192" s="12"/>
    </row>
    <row r="15193" spans="8:8">
      <c r="H15193" s="12"/>
    </row>
    <row r="15194" spans="8:8">
      <c r="H15194" s="12"/>
    </row>
    <row r="15195" spans="8:8">
      <c r="H15195" s="12"/>
    </row>
    <row r="15196" spans="8:8">
      <c r="H15196" s="12"/>
    </row>
    <row r="15197" spans="8:8">
      <c r="H15197" s="12"/>
    </row>
    <row r="15198" spans="8:8">
      <c r="H15198" s="12"/>
    </row>
    <row r="15199" spans="8:8">
      <c r="H15199" s="12"/>
    </row>
    <row r="15200" spans="8:8">
      <c r="H15200" s="12"/>
    </row>
    <row r="15201" spans="8:8">
      <c r="H15201" s="12"/>
    </row>
    <row r="15202" spans="8:8">
      <c r="H15202" s="12"/>
    </row>
    <row r="15203" spans="8:8">
      <c r="H15203" s="12"/>
    </row>
    <row r="15204" spans="8:8">
      <c r="H15204" s="12"/>
    </row>
    <row r="15205" spans="8:8">
      <c r="H15205" s="12"/>
    </row>
    <row r="15206" spans="8:8">
      <c r="H15206" s="12"/>
    </row>
    <row r="15207" spans="8:8">
      <c r="H15207" s="12"/>
    </row>
    <row r="15208" spans="8:8">
      <c r="H15208" s="12"/>
    </row>
    <row r="15209" spans="8:8">
      <c r="H15209" s="12"/>
    </row>
    <row r="15210" spans="8:8">
      <c r="H15210" s="12"/>
    </row>
    <row r="15211" spans="8:8">
      <c r="H15211" s="12"/>
    </row>
    <row r="15212" spans="8:8">
      <c r="H15212" s="12"/>
    </row>
    <row r="15213" spans="8:8">
      <c r="H15213" s="12"/>
    </row>
    <row r="15214" spans="8:8">
      <c r="H15214" s="12"/>
    </row>
    <row r="15215" spans="8:8">
      <c r="H15215" s="12"/>
    </row>
    <row r="15216" spans="8:8">
      <c r="H15216" s="12"/>
    </row>
    <row r="15217" spans="8:8">
      <c r="H15217" s="12"/>
    </row>
    <row r="15218" spans="8:8">
      <c r="H15218" s="12"/>
    </row>
    <row r="15219" spans="8:8">
      <c r="H15219" s="12"/>
    </row>
    <row r="15220" spans="8:8">
      <c r="H15220" s="12"/>
    </row>
    <row r="15221" spans="8:8">
      <c r="H15221" s="12"/>
    </row>
    <row r="15222" spans="8:8">
      <c r="H15222" s="12"/>
    </row>
    <row r="15223" spans="8:8">
      <c r="H15223" s="12"/>
    </row>
    <row r="15224" spans="8:8">
      <c r="H15224" s="12"/>
    </row>
    <row r="15225" spans="8:8">
      <c r="H15225" s="12"/>
    </row>
    <row r="15226" spans="8:8">
      <c r="H15226" s="12"/>
    </row>
    <row r="15227" spans="8:8">
      <c r="H15227" s="12"/>
    </row>
    <row r="15228" spans="8:8">
      <c r="H15228" s="12"/>
    </row>
    <row r="15229" spans="8:8">
      <c r="H15229" s="12"/>
    </row>
    <row r="15230" spans="8:8">
      <c r="H15230" s="12"/>
    </row>
    <row r="15231" spans="8:8">
      <c r="H15231" s="12"/>
    </row>
    <row r="15232" spans="8:8">
      <c r="H15232" s="12"/>
    </row>
    <row r="15233" spans="8:8">
      <c r="H15233" s="12"/>
    </row>
    <row r="15234" spans="8:8">
      <c r="H15234" s="12"/>
    </row>
    <row r="15235" spans="8:8">
      <c r="H15235" s="12"/>
    </row>
    <row r="15236" spans="8:8">
      <c r="H15236" s="12"/>
    </row>
    <row r="15237" spans="8:8">
      <c r="H15237" s="12"/>
    </row>
    <row r="15238" spans="8:8">
      <c r="H15238" s="12"/>
    </row>
    <row r="15239" spans="8:8">
      <c r="H15239" s="12"/>
    </row>
    <row r="15240" spans="8:8">
      <c r="H15240" s="12"/>
    </row>
    <row r="15241" spans="8:8">
      <c r="H15241" s="12"/>
    </row>
    <row r="15242" spans="8:8">
      <c r="H15242" s="12"/>
    </row>
    <row r="15243" spans="8:8">
      <c r="H15243" s="12"/>
    </row>
    <row r="15244" spans="8:8">
      <c r="H15244" s="12"/>
    </row>
    <row r="15245" spans="8:8">
      <c r="H15245" s="12"/>
    </row>
    <row r="15246" spans="8:8">
      <c r="H15246" s="12"/>
    </row>
    <row r="15247" spans="8:8">
      <c r="H15247" s="12"/>
    </row>
    <row r="15248" spans="8:8">
      <c r="H15248" s="12"/>
    </row>
    <row r="15249" spans="8:8">
      <c r="H15249" s="12"/>
    </row>
    <row r="15250" spans="8:8">
      <c r="H15250" s="12"/>
    </row>
    <row r="15251" spans="8:8">
      <c r="H15251" s="12"/>
    </row>
    <row r="15252" spans="8:8">
      <c r="H15252" s="12"/>
    </row>
    <row r="15253" spans="8:8">
      <c r="H15253" s="12"/>
    </row>
    <row r="15254" spans="8:8">
      <c r="H15254" s="12"/>
    </row>
    <row r="15255" spans="8:8">
      <c r="H15255" s="12"/>
    </row>
    <row r="15256" spans="8:8">
      <c r="H15256" s="12"/>
    </row>
    <row r="15257" spans="8:8">
      <c r="H15257" s="12"/>
    </row>
    <row r="15258" spans="8:8">
      <c r="H15258" s="12"/>
    </row>
    <row r="15259" spans="8:8">
      <c r="H15259" s="12"/>
    </row>
    <row r="15260" spans="8:8">
      <c r="H15260" s="12"/>
    </row>
    <row r="15261" spans="8:8">
      <c r="H15261" s="12"/>
    </row>
    <row r="15262" spans="8:8">
      <c r="H15262" s="12"/>
    </row>
    <row r="15263" spans="8:8">
      <c r="H15263" s="12"/>
    </row>
    <row r="15264" spans="8:8">
      <c r="H15264" s="12"/>
    </row>
    <row r="15265" spans="8:8">
      <c r="H15265" s="12"/>
    </row>
    <row r="15266" spans="8:8">
      <c r="H15266" s="12"/>
    </row>
    <row r="15267" spans="8:8">
      <c r="H15267" s="12"/>
    </row>
    <row r="15268" spans="8:8">
      <c r="H15268" s="12"/>
    </row>
    <row r="15269" spans="8:8">
      <c r="H15269" s="12"/>
    </row>
    <row r="15270" spans="8:8">
      <c r="H15270" s="12"/>
    </row>
    <row r="15271" spans="8:8">
      <c r="H15271" s="12"/>
    </row>
    <row r="15272" spans="8:8">
      <c r="H15272" s="12"/>
    </row>
    <row r="15273" spans="8:8">
      <c r="H15273" s="12"/>
    </row>
    <row r="15274" spans="8:8">
      <c r="H15274" s="12"/>
    </row>
    <row r="15275" spans="8:8">
      <c r="H15275" s="12"/>
    </row>
    <row r="15276" spans="8:8">
      <c r="H15276" s="12"/>
    </row>
    <row r="15277" spans="8:8">
      <c r="H15277" s="12"/>
    </row>
    <row r="15278" spans="8:8">
      <c r="H15278" s="12"/>
    </row>
    <row r="15279" spans="8:8">
      <c r="H15279" s="12"/>
    </row>
    <row r="15280" spans="8:8">
      <c r="H15280" s="12"/>
    </row>
    <row r="15281" spans="8:8">
      <c r="H15281" s="12"/>
    </row>
    <row r="15282" spans="8:8">
      <c r="H15282" s="12"/>
    </row>
    <row r="15283" spans="8:8">
      <c r="H15283" s="12"/>
    </row>
    <row r="15284" spans="8:8">
      <c r="H15284" s="12"/>
    </row>
    <row r="15285" spans="8:8">
      <c r="H15285" s="12"/>
    </row>
    <row r="15286" spans="8:8">
      <c r="H15286" s="12"/>
    </row>
    <row r="15287" spans="8:8">
      <c r="H15287" s="12"/>
    </row>
    <row r="15288" spans="8:8">
      <c r="H15288" s="12"/>
    </row>
    <row r="15289" spans="8:8">
      <c r="H15289" s="12"/>
    </row>
    <row r="15290" spans="8:8">
      <c r="H15290" s="12"/>
    </row>
    <row r="15291" spans="8:8">
      <c r="H15291" s="12"/>
    </row>
    <row r="15292" spans="8:8">
      <c r="H15292" s="12"/>
    </row>
    <row r="15293" spans="8:8">
      <c r="H15293" s="12"/>
    </row>
    <row r="15294" spans="8:8">
      <c r="H15294" s="12"/>
    </row>
    <row r="15295" spans="8:8">
      <c r="H15295" s="12"/>
    </row>
    <row r="15296" spans="8:8">
      <c r="H15296" s="12"/>
    </row>
    <row r="15297" spans="8:8">
      <c r="H15297" s="12"/>
    </row>
    <row r="15298" spans="8:8">
      <c r="H15298" s="12"/>
    </row>
    <row r="15299" spans="8:8">
      <c r="H15299" s="12"/>
    </row>
    <row r="15300" spans="8:8">
      <c r="H15300" s="12"/>
    </row>
    <row r="15301" spans="8:8">
      <c r="H15301" s="12"/>
    </row>
    <row r="15302" spans="8:8">
      <c r="H15302" s="12"/>
    </row>
    <row r="15303" spans="8:8">
      <c r="H15303" s="12"/>
    </row>
    <row r="15304" spans="8:8">
      <c r="H15304" s="12"/>
    </row>
    <row r="15305" spans="8:8">
      <c r="H15305" s="12"/>
    </row>
    <row r="15306" spans="8:8">
      <c r="H15306" s="12"/>
    </row>
    <row r="15307" spans="8:8">
      <c r="H15307" s="12"/>
    </row>
    <row r="15308" spans="8:8">
      <c r="H15308" s="12"/>
    </row>
    <row r="15309" spans="8:8">
      <c r="H15309" s="12"/>
    </row>
    <row r="15310" spans="8:8">
      <c r="H15310" s="12"/>
    </row>
    <row r="15311" spans="8:8">
      <c r="H15311" s="12"/>
    </row>
    <row r="15312" spans="8:8">
      <c r="H15312" s="12"/>
    </row>
    <row r="15313" spans="8:8">
      <c r="H15313" s="12"/>
    </row>
    <row r="15314" spans="8:8">
      <c r="H15314" s="12"/>
    </row>
    <row r="15315" spans="8:8">
      <c r="H15315" s="12"/>
    </row>
    <row r="15316" spans="8:8">
      <c r="H15316" s="12"/>
    </row>
    <row r="15317" spans="8:8">
      <c r="H15317" s="12"/>
    </row>
    <row r="15318" spans="8:8">
      <c r="H15318" s="12"/>
    </row>
    <row r="15319" spans="8:8">
      <c r="H15319" s="12"/>
    </row>
    <row r="15320" spans="8:8">
      <c r="H15320" s="12"/>
    </row>
    <row r="15321" spans="8:8">
      <c r="H15321" s="12"/>
    </row>
    <row r="15322" spans="8:8">
      <c r="H15322" s="12"/>
    </row>
    <row r="15323" spans="8:8">
      <c r="H15323" s="12"/>
    </row>
    <row r="15324" spans="8:8">
      <c r="H15324" s="12"/>
    </row>
    <row r="15325" spans="8:8">
      <c r="H15325" s="12"/>
    </row>
    <row r="15326" spans="8:8">
      <c r="H15326" s="12"/>
    </row>
    <row r="15327" spans="8:8">
      <c r="H15327" s="12"/>
    </row>
    <row r="15328" spans="8:8">
      <c r="H15328" s="12"/>
    </row>
    <row r="15329" spans="8:8">
      <c r="H15329" s="12"/>
    </row>
    <row r="15330" spans="8:8">
      <c r="H15330" s="12"/>
    </row>
    <row r="15331" spans="8:8">
      <c r="H15331" s="12"/>
    </row>
    <row r="15332" spans="8:8">
      <c r="H15332" s="12"/>
    </row>
    <row r="15333" spans="8:8">
      <c r="H15333" s="12"/>
    </row>
    <row r="15334" spans="8:8">
      <c r="H15334" s="12"/>
    </row>
    <row r="15335" spans="8:8">
      <c r="H15335" s="12"/>
    </row>
    <row r="15336" spans="8:8">
      <c r="H15336" s="12"/>
    </row>
    <row r="15337" spans="8:8">
      <c r="H15337" s="12"/>
    </row>
    <row r="15338" spans="8:8">
      <c r="H15338" s="12"/>
    </row>
    <row r="15339" spans="8:8">
      <c r="H15339" s="12"/>
    </row>
    <row r="15340" spans="8:8">
      <c r="H15340" s="12"/>
    </row>
    <row r="15341" spans="8:8">
      <c r="H15341" s="12"/>
    </row>
    <row r="15342" spans="8:8">
      <c r="H15342" s="12"/>
    </row>
    <row r="15343" spans="8:8">
      <c r="H15343" s="12"/>
    </row>
    <row r="15344" spans="8:8">
      <c r="H15344" s="12"/>
    </row>
    <row r="15345" spans="8:8">
      <c r="H15345" s="12"/>
    </row>
    <row r="15346" spans="8:8">
      <c r="H15346" s="12"/>
    </row>
    <row r="15347" spans="8:8">
      <c r="H15347" s="12"/>
    </row>
    <row r="15348" spans="8:8">
      <c r="H15348" s="12"/>
    </row>
    <row r="15349" spans="8:8">
      <c r="H15349" s="12"/>
    </row>
    <row r="15350" spans="8:8">
      <c r="H15350" s="12"/>
    </row>
    <row r="15351" spans="8:8">
      <c r="H15351" s="12"/>
    </row>
    <row r="15352" spans="8:8">
      <c r="H15352" s="12"/>
    </row>
    <row r="15353" spans="8:8">
      <c r="H15353" s="12"/>
    </row>
    <row r="15354" spans="8:8">
      <c r="H15354" s="12"/>
    </row>
    <row r="15355" spans="8:8">
      <c r="H15355" s="12"/>
    </row>
    <row r="15356" spans="8:8">
      <c r="H15356" s="12"/>
    </row>
    <row r="15357" spans="8:8">
      <c r="H15357" s="12"/>
    </row>
    <row r="15358" spans="8:8">
      <c r="H15358" s="12"/>
    </row>
    <row r="15359" spans="8:8">
      <c r="H15359" s="12"/>
    </row>
    <row r="15360" spans="8:8">
      <c r="H15360" s="12"/>
    </row>
    <row r="15361" spans="8:8">
      <c r="H15361" s="12"/>
    </row>
    <row r="15362" spans="8:8">
      <c r="H15362" s="12"/>
    </row>
    <row r="15363" spans="8:8">
      <c r="H15363" s="12"/>
    </row>
    <row r="15364" spans="8:8">
      <c r="H15364" s="12"/>
    </row>
    <row r="15365" spans="8:8">
      <c r="H15365" s="12"/>
    </row>
    <row r="15366" spans="8:8">
      <c r="H15366" s="12"/>
    </row>
    <row r="15367" spans="8:8">
      <c r="H15367" s="12"/>
    </row>
    <row r="15368" spans="8:8">
      <c r="H15368" s="12"/>
    </row>
    <row r="15369" spans="8:8">
      <c r="H15369" s="12"/>
    </row>
    <row r="15370" spans="8:8">
      <c r="H15370" s="12"/>
    </row>
    <row r="15371" spans="8:8">
      <c r="H15371" s="12"/>
    </row>
    <row r="15372" spans="8:8">
      <c r="H15372" s="12"/>
    </row>
    <row r="15373" spans="8:8">
      <c r="H15373" s="12"/>
    </row>
    <row r="15374" spans="8:8">
      <c r="H15374" s="12"/>
    </row>
    <row r="15375" spans="8:8">
      <c r="H15375" s="12"/>
    </row>
    <row r="15376" spans="8:8">
      <c r="H15376" s="12"/>
    </row>
    <row r="15377" spans="8:8">
      <c r="H15377" s="12"/>
    </row>
    <row r="15378" spans="8:8">
      <c r="H15378" s="12"/>
    </row>
    <row r="15379" spans="8:8">
      <c r="H15379" s="12"/>
    </row>
    <row r="15380" spans="8:8">
      <c r="H15380" s="12"/>
    </row>
    <row r="15381" spans="8:8">
      <c r="H15381" s="12"/>
    </row>
    <row r="15382" spans="8:8">
      <c r="H15382" s="12"/>
    </row>
    <row r="15383" spans="8:8">
      <c r="H15383" s="12"/>
    </row>
    <row r="15384" spans="8:8">
      <c r="H15384" s="12"/>
    </row>
    <row r="15385" spans="8:8">
      <c r="H15385" s="12"/>
    </row>
    <row r="15386" spans="8:8">
      <c r="H15386" s="12"/>
    </row>
    <row r="15387" spans="8:8">
      <c r="H15387" s="12"/>
    </row>
    <row r="15388" spans="8:8">
      <c r="H15388" s="12"/>
    </row>
    <row r="15389" spans="8:8">
      <c r="H15389" s="12"/>
    </row>
    <row r="15390" spans="8:8">
      <c r="H15390" s="12"/>
    </row>
    <row r="15391" spans="8:8">
      <c r="H15391" s="12"/>
    </row>
    <row r="15392" spans="8:8">
      <c r="H15392" s="12"/>
    </row>
    <row r="15393" spans="8:8">
      <c r="H15393" s="12"/>
    </row>
    <row r="15394" spans="8:8">
      <c r="H15394" s="12"/>
    </row>
    <row r="15395" spans="8:8">
      <c r="H15395" s="12"/>
    </row>
    <row r="15396" spans="8:8">
      <c r="H15396" s="12"/>
    </row>
    <row r="15397" spans="8:8">
      <c r="H15397" s="12"/>
    </row>
    <row r="15398" spans="8:8">
      <c r="H15398" s="12"/>
    </row>
    <row r="15399" spans="8:8">
      <c r="H15399" s="12"/>
    </row>
    <row r="15400" spans="8:8">
      <c r="H15400" s="12"/>
    </row>
    <row r="15401" spans="8:8">
      <c r="H15401" s="12"/>
    </row>
    <row r="15402" spans="8:8">
      <c r="H15402" s="12"/>
    </row>
    <row r="15403" spans="8:8">
      <c r="H15403" s="12"/>
    </row>
    <row r="15404" spans="8:8">
      <c r="H15404" s="12"/>
    </row>
    <row r="15405" spans="8:8">
      <c r="H15405" s="12"/>
    </row>
    <row r="15406" spans="8:8">
      <c r="H15406" s="12"/>
    </row>
    <row r="15407" spans="8:8">
      <c r="H15407" s="12"/>
    </row>
    <row r="15408" spans="8:8">
      <c r="H15408" s="12"/>
    </row>
    <row r="15409" spans="8:8">
      <c r="H15409" s="12"/>
    </row>
    <row r="15410" spans="8:8">
      <c r="H15410" s="12"/>
    </row>
    <row r="15411" spans="8:8">
      <c r="H15411" s="12"/>
    </row>
    <row r="15412" spans="8:8">
      <c r="H15412" s="12"/>
    </row>
    <row r="15413" spans="8:8">
      <c r="H15413" s="12"/>
    </row>
    <row r="15414" spans="8:8">
      <c r="H15414" s="12"/>
    </row>
    <row r="15415" spans="8:8">
      <c r="H15415" s="12"/>
    </row>
    <row r="15416" spans="8:8">
      <c r="H15416" s="12"/>
    </row>
    <row r="15417" spans="8:8">
      <c r="H15417" s="12"/>
    </row>
    <row r="15418" spans="8:8">
      <c r="H15418" s="12"/>
    </row>
    <row r="15419" spans="8:8">
      <c r="H15419" s="12"/>
    </row>
    <row r="15420" spans="8:8">
      <c r="H15420" s="12"/>
    </row>
    <row r="15421" spans="8:8">
      <c r="H15421" s="12"/>
    </row>
    <row r="15422" spans="8:8">
      <c r="H15422" s="12"/>
    </row>
    <row r="15423" spans="8:8">
      <c r="H15423" s="12"/>
    </row>
    <row r="15424" spans="8:8">
      <c r="H15424" s="12"/>
    </row>
    <row r="15425" spans="8:8">
      <c r="H15425" s="12"/>
    </row>
    <row r="15426" spans="8:8">
      <c r="H15426" s="12"/>
    </row>
    <row r="15427" spans="8:8">
      <c r="H15427" s="12"/>
    </row>
    <row r="15428" spans="8:8">
      <c r="H15428" s="12"/>
    </row>
    <row r="15429" spans="8:8">
      <c r="H15429" s="12"/>
    </row>
    <row r="15430" spans="8:8">
      <c r="H15430" s="12"/>
    </row>
    <row r="15431" spans="8:8">
      <c r="H15431" s="12"/>
    </row>
    <row r="15432" spans="8:8">
      <c r="H15432" s="12"/>
    </row>
    <row r="15433" spans="8:8">
      <c r="H15433" s="12"/>
    </row>
    <row r="15434" spans="8:8">
      <c r="H15434" s="12"/>
    </row>
    <row r="15435" spans="8:8">
      <c r="H15435" s="12"/>
    </row>
    <row r="15436" spans="8:8">
      <c r="H15436" s="12"/>
    </row>
    <row r="15437" spans="8:8">
      <c r="H15437" s="12"/>
    </row>
    <row r="15438" spans="8:8">
      <c r="H15438" s="12"/>
    </row>
    <row r="15439" spans="8:8">
      <c r="H15439" s="12"/>
    </row>
    <row r="15440" spans="8:8">
      <c r="H15440" s="12"/>
    </row>
    <row r="15441" spans="8:8">
      <c r="H15441" s="12"/>
    </row>
    <row r="15442" spans="8:8">
      <c r="H15442" s="12"/>
    </row>
    <row r="15443" spans="8:8">
      <c r="H15443" s="12"/>
    </row>
    <row r="15444" spans="8:8">
      <c r="H15444" s="12"/>
    </row>
    <row r="15445" spans="8:8">
      <c r="H15445" s="12"/>
    </row>
    <row r="15446" spans="8:8">
      <c r="H15446" s="12"/>
    </row>
    <row r="15447" spans="8:8">
      <c r="H15447" s="12"/>
    </row>
    <row r="15448" spans="8:8">
      <c r="H15448" s="12"/>
    </row>
    <row r="15449" spans="8:8">
      <c r="H15449" s="12"/>
    </row>
    <row r="15450" spans="8:8">
      <c r="H15450" s="12"/>
    </row>
    <row r="15451" spans="8:8">
      <c r="H15451" s="12"/>
    </row>
    <row r="15452" spans="8:8">
      <c r="H15452" s="12"/>
    </row>
    <row r="15453" spans="8:8">
      <c r="H15453" s="12"/>
    </row>
    <row r="15454" spans="8:8">
      <c r="H15454" s="12"/>
    </row>
    <row r="15455" spans="8:8">
      <c r="H15455" s="12"/>
    </row>
    <row r="15456" spans="8:8">
      <c r="H15456" s="12"/>
    </row>
    <row r="15457" spans="8:8">
      <c r="H15457" s="12"/>
    </row>
    <row r="15458" spans="8:8">
      <c r="H15458" s="12"/>
    </row>
    <row r="15459" spans="8:8">
      <c r="H15459" s="12"/>
    </row>
    <row r="15460" spans="8:8">
      <c r="H15460" s="12"/>
    </row>
    <row r="15461" spans="8:8">
      <c r="H15461" s="12"/>
    </row>
    <row r="15462" spans="8:8">
      <c r="H15462" s="12"/>
    </row>
    <row r="15463" spans="8:8">
      <c r="H15463" s="12"/>
    </row>
    <row r="15464" spans="8:8">
      <c r="H15464" s="12"/>
    </row>
    <row r="15465" spans="8:8">
      <c r="H15465" s="12"/>
    </row>
    <row r="15466" spans="8:8">
      <c r="H15466" s="12"/>
    </row>
    <row r="15467" spans="8:8">
      <c r="H15467" s="12"/>
    </row>
    <row r="15468" spans="8:8">
      <c r="H15468" s="12"/>
    </row>
    <row r="15469" spans="8:8">
      <c r="H15469" s="12"/>
    </row>
    <row r="15470" spans="8:8">
      <c r="H15470" s="12"/>
    </row>
    <row r="15471" spans="8:8">
      <c r="H15471" s="12"/>
    </row>
    <row r="15472" spans="8:8">
      <c r="H15472" s="12"/>
    </row>
    <row r="15473" spans="8:8">
      <c r="H15473" s="12"/>
    </row>
    <row r="15474" spans="8:8">
      <c r="H15474" s="12"/>
    </row>
    <row r="15475" spans="8:8">
      <c r="H15475" s="12"/>
    </row>
    <row r="15476" spans="8:8">
      <c r="H15476" s="12"/>
    </row>
    <row r="15477" spans="8:8">
      <c r="H15477" s="12"/>
    </row>
    <row r="15478" spans="8:8">
      <c r="H15478" s="12"/>
    </row>
    <row r="15479" spans="8:8">
      <c r="H15479" s="12"/>
    </row>
    <row r="15480" spans="8:8">
      <c r="H15480" s="12"/>
    </row>
    <row r="15481" spans="8:8">
      <c r="H15481" s="12"/>
    </row>
    <row r="15482" spans="8:8">
      <c r="H15482" s="12"/>
    </row>
    <row r="15483" spans="8:8">
      <c r="H15483" s="12"/>
    </row>
    <row r="15484" spans="8:8">
      <c r="H15484" s="12"/>
    </row>
    <row r="15485" spans="8:8">
      <c r="H15485" s="12"/>
    </row>
    <row r="15486" spans="8:8">
      <c r="H15486" s="12"/>
    </row>
    <row r="15487" spans="8:8">
      <c r="H15487" s="12"/>
    </row>
    <row r="15488" spans="8:8">
      <c r="H15488" s="12"/>
    </row>
    <row r="15489" spans="8:8">
      <c r="H15489" s="12"/>
    </row>
    <row r="15490" spans="8:8">
      <c r="H15490" s="12"/>
    </row>
    <row r="15491" spans="8:8">
      <c r="H15491" s="12"/>
    </row>
    <row r="15492" spans="8:8">
      <c r="H15492" s="12"/>
    </row>
    <row r="15493" spans="8:8">
      <c r="H15493" s="12"/>
    </row>
    <row r="15494" spans="8:8">
      <c r="H15494" s="12"/>
    </row>
    <row r="15495" spans="8:8">
      <c r="H15495" s="12"/>
    </row>
    <row r="15496" spans="8:8">
      <c r="H15496" s="12"/>
    </row>
    <row r="15497" spans="8:8">
      <c r="H15497" s="12"/>
    </row>
    <row r="15498" spans="8:8">
      <c r="H15498" s="12"/>
    </row>
    <row r="15499" spans="8:8">
      <c r="H15499" s="12"/>
    </row>
    <row r="15500" spans="8:8">
      <c r="H15500" s="12"/>
    </row>
    <row r="15501" spans="8:8">
      <c r="H15501" s="12"/>
    </row>
    <row r="15502" spans="8:8">
      <c r="H15502" s="12"/>
    </row>
    <row r="15503" spans="8:8">
      <c r="H15503" s="12"/>
    </row>
    <row r="15504" spans="8:8">
      <c r="H15504" s="12"/>
    </row>
    <row r="15505" spans="8:8">
      <c r="H15505" s="12"/>
    </row>
    <row r="15506" spans="8:8">
      <c r="H15506" s="12"/>
    </row>
    <row r="15507" spans="8:8">
      <c r="H15507" s="12"/>
    </row>
    <row r="15508" spans="8:8">
      <c r="H15508" s="12"/>
    </row>
    <row r="15509" spans="8:8">
      <c r="H15509" s="12"/>
    </row>
    <row r="15510" spans="8:8">
      <c r="H15510" s="12"/>
    </row>
    <row r="15511" spans="8:8">
      <c r="H15511" s="12"/>
    </row>
    <row r="15512" spans="8:8">
      <c r="H15512" s="12"/>
    </row>
    <row r="15513" spans="8:8">
      <c r="H15513" s="12"/>
    </row>
    <row r="15514" spans="8:8">
      <c r="H15514" s="12"/>
    </row>
    <row r="15515" spans="8:8">
      <c r="H15515" s="12"/>
    </row>
    <row r="15516" spans="8:8">
      <c r="H15516" s="12"/>
    </row>
    <row r="15517" spans="8:8">
      <c r="H15517" s="12"/>
    </row>
    <row r="15518" spans="8:8">
      <c r="H15518" s="12"/>
    </row>
    <row r="15519" spans="8:8">
      <c r="H15519" s="12"/>
    </row>
    <row r="15520" spans="8:8">
      <c r="H15520" s="12"/>
    </row>
    <row r="15521" spans="8:8">
      <c r="H15521" s="12"/>
    </row>
    <row r="15522" spans="8:8">
      <c r="H15522" s="12"/>
    </row>
    <row r="15523" spans="8:8">
      <c r="H15523" s="12"/>
    </row>
    <row r="15524" spans="8:8">
      <c r="H15524" s="12"/>
    </row>
    <row r="15525" spans="8:8">
      <c r="H15525" s="12"/>
    </row>
    <row r="15526" spans="8:8">
      <c r="H15526" s="12"/>
    </row>
    <row r="15527" spans="8:8">
      <c r="H15527" s="12"/>
    </row>
    <row r="15528" spans="8:8">
      <c r="H15528" s="12"/>
    </row>
    <row r="15529" spans="8:8">
      <c r="H15529" s="12"/>
    </row>
    <row r="15530" spans="8:8">
      <c r="H15530" s="12"/>
    </row>
    <row r="15531" spans="8:8">
      <c r="H15531" s="12"/>
    </row>
    <row r="15532" spans="8:8">
      <c r="H15532" s="12"/>
    </row>
    <row r="15533" spans="8:8">
      <c r="H15533" s="12"/>
    </row>
    <row r="15534" spans="8:8">
      <c r="H15534" s="12"/>
    </row>
    <row r="15535" spans="8:8">
      <c r="H15535" s="12"/>
    </row>
    <row r="15536" spans="8:8">
      <c r="H15536" s="12"/>
    </row>
    <row r="15537" spans="8:8">
      <c r="H15537" s="12"/>
    </row>
    <row r="15538" spans="8:8">
      <c r="H15538" s="12"/>
    </row>
    <row r="15539" spans="8:8">
      <c r="H15539" s="12"/>
    </row>
    <row r="15540" spans="8:8">
      <c r="H15540" s="12"/>
    </row>
    <row r="15541" spans="8:8">
      <c r="H15541" s="12"/>
    </row>
    <row r="15542" spans="8:8">
      <c r="H15542" s="12"/>
    </row>
    <row r="15543" spans="8:8">
      <c r="H15543" s="12"/>
    </row>
    <row r="15544" spans="8:8">
      <c r="H15544" s="12"/>
    </row>
    <row r="15545" spans="8:8">
      <c r="H15545" s="12"/>
    </row>
    <row r="15546" spans="8:8">
      <c r="H15546" s="12"/>
    </row>
    <row r="15547" spans="8:8">
      <c r="H15547" s="12"/>
    </row>
    <row r="15548" spans="8:8">
      <c r="H15548" s="12"/>
    </row>
    <row r="15549" spans="8:8">
      <c r="H15549" s="12"/>
    </row>
    <row r="15550" spans="8:8">
      <c r="H15550" s="12"/>
    </row>
    <row r="15551" spans="8:8">
      <c r="H15551" s="12"/>
    </row>
    <row r="15552" spans="8:8">
      <c r="H15552" s="12"/>
    </row>
    <row r="15553" spans="8:8">
      <c r="H15553" s="12"/>
    </row>
    <row r="15554" spans="8:8">
      <c r="H15554" s="12"/>
    </row>
    <row r="15555" spans="8:8">
      <c r="H15555" s="12"/>
    </row>
    <row r="15556" spans="8:8">
      <c r="H15556" s="12"/>
    </row>
    <row r="15557" spans="8:8">
      <c r="H15557" s="12"/>
    </row>
    <row r="15558" spans="8:8">
      <c r="H15558" s="12"/>
    </row>
    <row r="15559" spans="8:8">
      <c r="H15559" s="12"/>
    </row>
    <row r="15560" spans="8:8">
      <c r="H15560" s="12"/>
    </row>
    <row r="15561" spans="8:8">
      <c r="H15561" s="12"/>
    </row>
    <row r="15562" spans="8:8">
      <c r="H15562" s="12"/>
    </row>
    <row r="15563" spans="8:8">
      <c r="H15563" s="12"/>
    </row>
    <row r="15564" spans="8:8">
      <c r="H15564" s="12"/>
    </row>
    <row r="15565" spans="8:8">
      <c r="H15565" s="12"/>
    </row>
    <row r="15566" spans="8:8">
      <c r="H15566" s="12"/>
    </row>
    <row r="15567" spans="8:8">
      <c r="H15567" s="12"/>
    </row>
    <row r="15568" spans="8:8">
      <c r="H15568" s="12"/>
    </row>
    <row r="15569" spans="8:8">
      <c r="H15569" s="12"/>
    </row>
    <row r="15570" spans="8:8">
      <c r="H15570" s="12"/>
    </row>
    <row r="15571" spans="8:8">
      <c r="H15571" s="12"/>
    </row>
    <row r="15572" spans="8:8">
      <c r="H15572" s="12"/>
    </row>
    <row r="15573" spans="8:8">
      <c r="H15573" s="12"/>
    </row>
    <row r="15574" spans="8:8">
      <c r="H15574" s="12"/>
    </row>
    <row r="15575" spans="8:8">
      <c r="H15575" s="12"/>
    </row>
    <row r="15576" spans="8:8">
      <c r="H15576" s="12"/>
    </row>
    <row r="15577" spans="8:8">
      <c r="H15577" s="12"/>
    </row>
    <row r="15578" spans="8:8">
      <c r="H15578" s="12"/>
    </row>
    <row r="15579" spans="8:8">
      <c r="H15579" s="12"/>
    </row>
    <row r="15580" spans="8:8">
      <c r="H15580" s="12"/>
    </row>
    <row r="15581" spans="8:8">
      <c r="H15581" s="12"/>
    </row>
    <row r="15582" spans="8:8">
      <c r="H15582" s="12"/>
    </row>
    <row r="15583" spans="8:8">
      <c r="H15583" s="12"/>
    </row>
    <row r="15584" spans="8:8">
      <c r="H15584" s="12"/>
    </row>
    <row r="15585" spans="8:8">
      <c r="H15585" s="12"/>
    </row>
    <row r="15586" spans="8:8">
      <c r="H15586" s="12"/>
    </row>
    <row r="15587" spans="8:8">
      <c r="H15587" s="12"/>
    </row>
    <row r="15588" spans="8:8">
      <c r="H15588" s="12"/>
    </row>
    <row r="15589" spans="8:8">
      <c r="H15589" s="12"/>
    </row>
    <row r="15590" spans="8:8">
      <c r="H15590" s="12"/>
    </row>
    <row r="15591" spans="8:8">
      <c r="H15591" s="12"/>
    </row>
    <row r="15592" spans="8:8">
      <c r="H15592" s="12"/>
    </row>
    <row r="15593" spans="8:8">
      <c r="H15593" s="12"/>
    </row>
    <row r="15594" spans="8:8">
      <c r="H15594" s="12"/>
    </row>
    <row r="15595" spans="8:8">
      <c r="H15595" s="12"/>
    </row>
    <row r="15596" spans="8:8">
      <c r="H15596" s="12"/>
    </row>
    <row r="15597" spans="8:8">
      <c r="H15597" s="12"/>
    </row>
    <row r="15598" spans="8:8">
      <c r="H15598" s="12"/>
    </row>
    <row r="15599" spans="8:8">
      <c r="H15599" s="12"/>
    </row>
    <row r="15600" spans="8:8">
      <c r="H15600" s="12"/>
    </row>
    <row r="15601" spans="8:8">
      <c r="H15601" s="12"/>
    </row>
    <row r="15602" spans="8:8">
      <c r="H15602" s="12"/>
    </row>
    <row r="15603" spans="8:8">
      <c r="H15603" s="12"/>
    </row>
    <row r="15604" spans="8:8">
      <c r="H15604" s="12"/>
    </row>
    <row r="15605" spans="8:8">
      <c r="H15605" s="12"/>
    </row>
    <row r="15606" spans="8:8">
      <c r="H15606" s="12"/>
    </row>
    <row r="15607" spans="8:8">
      <c r="H15607" s="12"/>
    </row>
    <row r="15608" spans="8:8">
      <c r="H15608" s="12"/>
    </row>
    <row r="15609" spans="8:8">
      <c r="H15609" s="12"/>
    </row>
    <row r="15610" spans="8:8">
      <c r="H15610" s="12"/>
    </row>
    <row r="15611" spans="8:8">
      <c r="H15611" s="12"/>
    </row>
    <row r="15612" spans="8:8">
      <c r="H15612" s="12"/>
    </row>
    <row r="15613" spans="8:8">
      <c r="H15613" s="12"/>
    </row>
    <row r="15614" spans="8:8">
      <c r="H15614" s="12"/>
    </row>
    <row r="15615" spans="8:8">
      <c r="H15615" s="12"/>
    </row>
    <row r="15616" spans="8:8">
      <c r="H15616" s="12"/>
    </row>
    <row r="15617" spans="8:8">
      <c r="H15617" s="12"/>
    </row>
    <row r="15618" spans="8:8">
      <c r="H15618" s="12"/>
    </row>
    <row r="15619" spans="8:8">
      <c r="H15619" s="12"/>
    </row>
    <row r="15620" spans="8:8">
      <c r="H15620" s="12"/>
    </row>
    <row r="15621" spans="8:8">
      <c r="H15621" s="12"/>
    </row>
    <row r="15622" spans="8:8">
      <c r="H15622" s="12"/>
    </row>
    <row r="15623" spans="8:8">
      <c r="H15623" s="12"/>
    </row>
    <row r="15624" spans="8:8">
      <c r="H15624" s="12"/>
    </row>
    <row r="15625" spans="8:8">
      <c r="H15625" s="12"/>
    </row>
    <row r="15626" spans="8:8">
      <c r="H15626" s="12"/>
    </row>
    <row r="15627" spans="8:8">
      <c r="H15627" s="12"/>
    </row>
    <row r="15628" spans="8:8">
      <c r="H15628" s="12"/>
    </row>
    <row r="15629" spans="8:8">
      <c r="H15629" s="12"/>
    </row>
    <row r="15630" spans="8:8">
      <c r="H15630" s="12"/>
    </row>
    <row r="15631" spans="8:8">
      <c r="H15631" s="12"/>
    </row>
    <row r="15632" spans="8:8">
      <c r="H15632" s="12"/>
    </row>
    <row r="15633" spans="8:8">
      <c r="H15633" s="12"/>
    </row>
    <row r="15634" spans="8:8">
      <c r="H15634" s="12"/>
    </row>
    <row r="15635" spans="8:8">
      <c r="H15635" s="12"/>
    </row>
    <row r="15636" spans="8:8">
      <c r="H15636" s="12"/>
    </row>
    <row r="15637" spans="8:8">
      <c r="H15637" s="12"/>
    </row>
    <row r="15638" spans="8:8">
      <c r="H15638" s="12"/>
    </row>
    <row r="15639" spans="8:8">
      <c r="H15639" s="12"/>
    </row>
    <row r="15640" spans="8:8">
      <c r="H15640" s="12"/>
    </row>
    <row r="15641" spans="8:8">
      <c r="H15641" s="12"/>
    </row>
    <row r="15642" spans="8:8">
      <c r="H15642" s="12"/>
    </row>
    <row r="15643" spans="8:8">
      <c r="H15643" s="12"/>
    </row>
    <row r="15644" spans="8:8">
      <c r="H15644" s="12"/>
    </row>
    <row r="15645" spans="8:8">
      <c r="H15645" s="12"/>
    </row>
    <row r="15646" spans="8:8">
      <c r="H15646" s="12"/>
    </row>
    <row r="15647" spans="8:8">
      <c r="H15647" s="12"/>
    </row>
    <row r="15648" spans="8:8">
      <c r="H15648" s="12"/>
    </row>
    <row r="15649" spans="8:8">
      <c r="H15649" s="12"/>
    </row>
    <row r="15650" spans="8:8">
      <c r="H15650" s="12"/>
    </row>
    <row r="15651" spans="8:8">
      <c r="H15651" s="12"/>
    </row>
    <row r="15652" spans="8:8">
      <c r="H15652" s="12"/>
    </row>
    <row r="15653" spans="8:8">
      <c r="H15653" s="12"/>
    </row>
    <row r="15654" spans="8:8">
      <c r="H15654" s="12"/>
    </row>
    <row r="15655" spans="8:8">
      <c r="H15655" s="12"/>
    </row>
    <row r="15656" spans="8:8">
      <c r="H15656" s="12"/>
    </row>
    <row r="15657" spans="8:8">
      <c r="H15657" s="12"/>
    </row>
    <row r="15658" spans="8:8">
      <c r="H15658" s="12"/>
    </row>
    <row r="15659" spans="8:8">
      <c r="H15659" s="12"/>
    </row>
    <row r="15660" spans="8:8">
      <c r="H15660" s="12"/>
    </row>
    <row r="15661" spans="8:8">
      <c r="H15661" s="12"/>
    </row>
    <row r="15662" spans="8:8">
      <c r="H15662" s="12"/>
    </row>
    <row r="15663" spans="8:8">
      <c r="H15663" s="12"/>
    </row>
    <row r="15664" spans="8:8">
      <c r="H15664" s="12"/>
    </row>
    <row r="15665" spans="8:8">
      <c r="H15665" s="12"/>
    </row>
    <row r="15666" spans="8:8">
      <c r="H15666" s="12"/>
    </row>
    <row r="15667" spans="8:8">
      <c r="H15667" s="12"/>
    </row>
    <row r="15668" spans="8:8">
      <c r="H15668" s="12"/>
    </row>
    <row r="15669" spans="8:8">
      <c r="H15669" s="12"/>
    </row>
    <row r="15670" spans="8:8">
      <c r="H15670" s="12"/>
    </row>
    <row r="15671" spans="8:8">
      <c r="H15671" s="12"/>
    </row>
    <row r="15672" spans="8:8">
      <c r="H15672" s="12"/>
    </row>
    <row r="15673" spans="8:8">
      <c r="H15673" s="12"/>
    </row>
    <row r="15674" spans="8:8">
      <c r="H15674" s="12"/>
    </row>
    <row r="15675" spans="8:8">
      <c r="H15675" s="12"/>
    </row>
    <row r="15676" spans="8:8">
      <c r="H15676" s="12"/>
    </row>
    <row r="15677" spans="8:8">
      <c r="H15677" s="12"/>
    </row>
    <row r="15678" spans="8:8">
      <c r="H15678" s="12"/>
    </row>
    <row r="15679" spans="8:8">
      <c r="H15679" s="12"/>
    </row>
    <row r="15680" spans="8:8">
      <c r="H15680" s="12"/>
    </row>
    <row r="15681" spans="8:8">
      <c r="H15681" s="12"/>
    </row>
    <row r="15682" spans="8:8">
      <c r="H15682" s="12"/>
    </row>
    <row r="15683" spans="8:8">
      <c r="H15683" s="12"/>
    </row>
    <row r="15684" spans="8:8">
      <c r="H15684" s="12"/>
    </row>
    <row r="15685" spans="8:8">
      <c r="H15685" s="12"/>
    </row>
    <row r="15686" spans="8:8">
      <c r="H15686" s="12"/>
    </row>
    <row r="15687" spans="8:8">
      <c r="H15687" s="12"/>
    </row>
    <row r="15688" spans="8:8">
      <c r="H15688" s="12"/>
    </row>
    <row r="15689" spans="8:8">
      <c r="H15689" s="12"/>
    </row>
    <row r="15690" spans="8:8">
      <c r="H15690" s="12"/>
    </row>
    <row r="15691" spans="8:8">
      <c r="H15691" s="12"/>
    </row>
    <row r="15692" spans="8:8">
      <c r="H15692" s="12"/>
    </row>
    <row r="15693" spans="8:8">
      <c r="H15693" s="12"/>
    </row>
    <row r="15694" spans="8:8">
      <c r="H15694" s="12"/>
    </row>
    <row r="15695" spans="8:8">
      <c r="H15695" s="12"/>
    </row>
    <row r="15696" spans="8:8">
      <c r="H15696" s="12"/>
    </row>
    <row r="15697" spans="8:8">
      <c r="H15697" s="12"/>
    </row>
    <row r="15698" spans="8:8">
      <c r="H15698" s="12"/>
    </row>
    <row r="15699" spans="8:8">
      <c r="H15699" s="12"/>
    </row>
    <row r="15700" spans="8:8">
      <c r="H15700" s="12"/>
    </row>
    <row r="15701" spans="8:8">
      <c r="H15701" s="12"/>
    </row>
    <row r="15702" spans="8:8">
      <c r="H15702" s="12"/>
    </row>
    <row r="15703" spans="8:8">
      <c r="H15703" s="12"/>
    </row>
    <row r="15704" spans="8:8">
      <c r="H15704" s="12"/>
    </row>
    <row r="15705" spans="8:8">
      <c r="H15705" s="12"/>
    </row>
    <row r="15706" spans="8:8">
      <c r="H15706" s="12"/>
    </row>
    <row r="15707" spans="8:8">
      <c r="H15707" s="12"/>
    </row>
    <row r="15708" spans="8:8">
      <c r="H15708" s="12"/>
    </row>
    <row r="15709" spans="8:8">
      <c r="H15709" s="12"/>
    </row>
    <row r="15710" spans="8:8">
      <c r="H15710" s="12"/>
    </row>
    <row r="15711" spans="8:8">
      <c r="H15711" s="12"/>
    </row>
    <row r="15712" spans="8:8">
      <c r="H15712" s="12"/>
    </row>
    <row r="15713" spans="8:8">
      <c r="H15713" s="12"/>
    </row>
    <row r="15714" spans="8:8">
      <c r="H15714" s="12"/>
    </row>
    <row r="15715" spans="8:8">
      <c r="H15715" s="12"/>
    </row>
    <row r="15716" spans="8:8">
      <c r="H15716" s="12"/>
    </row>
    <row r="15717" spans="8:8">
      <c r="H15717" s="12"/>
    </row>
    <row r="15718" spans="8:8">
      <c r="H15718" s="12"/>
    </row>
    <row r="15719" spans="8:8">
      <c r="H15719" s="12"/>
    </row>
    <row r="15720" spans="8:8">
      <c r="H15720" s="12"/>
    </row>
    <row r="15721" spans="8:8">
      <c r="H15721" s="12"/>
    </row>
    <row r="15722" spans="8:8">
      <c r="H15722" s="12"/>
    </row>
    <row r="15723" spans="8:8">
      <c r="H15723" s="12"/>
    </row>
    <row r="15724" spans="8:8">
      <c r="H15724" s="12"/>
    </row>
    <row r="15725" spans="8:8">
      <c r="H15725" s="12"/>
    </row>
    <row r="15726" spans="8:8">
      <c r="H15726" s="12"/>
    </row>
    <row r="15727" spans="8:8">
      <c r="H15727" s="12"/>
    </row>
    <row r="15728" spans="8:8">
      <c r="H15728" s="12"/>
    </row>
    <row r="15729" spans="8:8">
      <c r="H15729" s="12"/>
    </row>
    <row r="15730" spans="8:8">
      <c r="H15730" s="12"/>
    </row>
    <row r="15731" spans="8:8">
      <c r="H15731" s="12"/>
    </row>
    <row r="15732" spans="8:8">
      <c r="H15732" s="12"/>
    </row>
    <row r="15733" spans="8:8">
      <c r="H15733" s="12"/>
    </row>
    <row r="15734" spans="8:8">
      <c r="H15734" s="12"/>
    </row>
    <row r="15735" spans="8:8">
      <c r="H15735" s="12"/>
    </row>
    <row r="15736" spans="8:8">
      <c r="H15736" s="12"/>
    </row>
    <row r="15737" spans="8:8">
      <c r="H15737" s="12"/>
    </row>
    <row r="15738" spans="8:8">
      <c r="H15738" s="12"/>
    </row>
    <row r="15739" spans="8:8">
      <c r="H15739" s="12"/>
    </row>
    <row r="15740" spans="8:8">
      <c r="H15740" s="12"/>
    </row>
    <row r="15741" spans="8:8">
      <c r="H15741" s="12"/>
    </row>
    <row r="15742" spans="8:8">
      <c r="H15742" s="12"/>
    </row>
    <row r="15743" spans="8:8">
      <c r="H15743" s="12"/>
    </row>
    <row r="15744" spans="8:8">
      <c r="H15744" s="12"/>
    </row>
    <row r="15745" spans="8:8">
      <c r="H15745" s="12"/>
    </row>
    <row r="15746" spans="8:8">
      <c r="H15746" s="12"/>
    </row>
    <row r="15747" spans="8:8">
      <c r="H15747" s="12"/>
    </row>
    <row r="15748" spans="8:8">
      <c r="H15748" s="12"/>
    </row>
    <row r="15749" spans="8:8">
      <c r="H15749" s="12"/>
    </row>
    <row r="15750" spans="8:8">
      <c r="H15750" s="12"/>
    </row>
    <row r="15751" spans="8:8">
      <c r="H15751" s="12"/>
    </row>
    <row r="15752" spans="8:8">
      <c r="H15752" s="12"/>
    </row>
    <row r="15753" spans="8:8">
      <c r="H15753" s="12"/>
    </row>
    <row r="15754" spans="8:8">
      <c r="H15754" s="12"/>
    </row>
    <row r="15755" spans="8:8">
      <c r="H15755" s="12"/>
    </row>
    <row r="15756" spans="8:8">
      <c r="H15756" s="12"/>
    </row>
    <row r="15757" spans="8:8">
      <c r="H15757" s="12"/>
    </row>
    <row r="15758" spans="8:8">
      <c r="H15758" s="12"/>
    </row>
    <row r="15759" spans="8:8">
      <c r="H15759" s="12"/>
    </row>
    <row r="15760" spans="8:8">
      <c r="H15760" s="12"/>
    </row>
    <row r="15761" spans="8:8">
      <c r="H15761" s="12"/>
    </row>
    <row r="15762" spans="8:8">
      <c r="H15762" s="12"/>
    </row>
    <row r="15763" spans="8:8">
      <c r="H15763" s="12"/>
    </row>
    <row r="15764" spans="8:8">
      <c r="H15764" s="12"/>
    </row>
    <row r="15765" spans="8:8">
      <c r="H15765" s="12"/>
    </row>
    <row r="15766" spans="8:8">
      <c r="H15766" s="12"/>
    </row>
    <row r="15767" spans="8:8">
      <c r="H15767" s="12"/>
    </row>
    <row r="15768" spans="8:8">
      <c r="H15768" s="12"/>
    </row>
    <row r="15769" spans="8:8">
      <c r="H15769" s="12"/>
    </row>
    <row r="15770" spans="8:8">
      <c r="H15770" s="12"/>
    </row>
    <row r="15771" spans="8:8">
      <c r="H15771" s="12"/>
    </row>
    <row r="15772" spans="8:8">
      <c r="H15772" s="12"/>
    </row>
    <row r="15773" spans="8:8">
      <c r="H15773" s="12"/>
    </row>
    <row r="15774" spans="8:8">
      <c r="H15774" s="12"/>
    </row>
    <row r="15775" spans="8:8">
      <c r="H15775" s="12"/>
    </row>
    <row r="15776" spans="8:8">
      <c r="H15776" s="12"/>
    </row>
    <row r="15777" spans="8:8">
      <c r="H15777" s="12"/>
    </row>
    <row r="15778" spans="8:8">
      <c r="H15778" s="12"/>
    </row>
    <row r="15779" spans="8:8">
      <c r="H15779" s="12"/>
    </row>
    <row r="15780" spans="8:8">
      <c r="H15780" s="12"/>
    </row>
    <row r="15781" spans="8:8">
      <c r="H15781" s="12"/>
    </row>
    <row r="15782" spans="8:8">
      <c r="H15782" s="12"/>
    </row>
    <row r="15783" spans="8:8">
      <c r="H15783" s="12"/>
    </row>
    <row r="15784" spans="8:8">
      <c r="H15784" s="12"/>
    </row>
    <row r="15785" spans="8:8">
      <c r="H15785" s="12"/>
    </row>
    <row r="15786" spans="8:8">
      <c r="H15786" s="12"/>
    </row>
    <row r="15787" spans="8:8">
      <c r="H15787" s="12"/>
    </row>
    <row r="15788" spans="8:8">
      <c r="H15788" s="12"/>
    </row>
    <row r="15789" spans="8:8">
      <c r="H15789" s="12"/>
    </row>
    <row r="15790" spans="8:8">
      <c r="H15790" s="12"/>
    </row>
    <row r="15791" spans="8:8">
      <c r="H15791" s="12"/>
    </row>
    <row r="15792" spans="8:8">
      <c r="H15792" s="12"/>
    </row>
    <row r="15793" spans="8:8">
      <c r="H15793" s="12"/>
    </row>
    <row r="15794" spans="8:8">
      <c r="H15794" s="12"/>
    </row>
    <row r="15795" spans="8:8">
      <c r="H15795" s="12"/>
    </row>
    <row r="15796" spans="8:8">
      <c r="H15796" s="12"/>
    </row>
    <row r="15797" spans="8:8">
      <c r="H15797" s="12"/>
    </row>
    <row r="15798" spans="8:8">
      <c r="H15798" s="12"/>
    </row>
    <row r="15799" spans="8:8">
      <c r="H15799" s="12"/>
    </row>
    <row r="15800" spans="8:8">
      <c r="H15800" s="12"/>
    </row>
    <row r="15801" spans="8:8">
      <c r="H15801" s="12"/>
    </row>
    <row r="15802" spans="8:8">
      <c r="H15802" s="12"/>
    </row>
    <row r="15803" spans="8:8">
      <c r="H15803" s="12"/>
    </row>
    <row r="15804" spans="8:8">
      <c r="H15804" s="12"/>
    </row>
    <row r="15805" spans="8:8">
      <c r="H15805" s="12"/>
    </row>
    <row r="15806" spans="8:8">
      <c r="H15806" s="12"/>
    </row>
    <row r="15807" spans="8:8">
      <c r="H15807" s="12"/>
    </row>
    <row r="15808" spans="8:8">
      <c r="H15808" s="12"/>
    </row>
    <row r="15809" spans="8:8">
      <c r="H15809" s="12"/>
    </row>
    <row r="15810" spans="8:8">
      <c r="H15810" s="12"/>
    </row>
    <row r="15811" spans="8:8">
      <c r="H15811" s="12"/>
    </row>
    <row r="15812" spans="8:8">
      <c r="H15812" s="12"/>
    </row>
    <row r="15813" spans="8:8">
      <c r="H15813" s="12"/>
    </row>
    <row r="15814" spans="8:8">
      <c r="H15814" s="12"/>
    </row>
    <row r="15815" spans="8:8">
      <c r="H15815" s="12"/>
    </row>
    <row r="15816" spans="8:8">
      <c r="H15816" s="12"/>
    </row>
    <row r="15817" spans="8:8">
      <c r="H15817" s="12"/>
    </row>
    <row r="15818" spans="8:8">
      <c r="H15818" s="12"/>
    </row>
    <row r="15819" spans="8:8">
      <c r="H15819" s="12"/>
    </row>
    <row r="15820" spans="8:8">
      <c r="H15820" s="12"/>
    </row>
    <row r="15821" spans="8:8">
      <c r="H15821" s="12"/>
    </row>
    <row r="15822" spans="8:8">
      <c r="H15822" s="12"/>
    </row>
    <row r="15823" spans="8:8">
      <c r="H15823" s="12"/>
    </row>
    <row r="15824" spans="8:8">
      <c r="H15824" s="12"/>
    </row>
    <row r="15825" spans="8:8">
      <c r="H15825" s="12"/>
    </row>
    <row r="15826" spans="8:8">
      <c r="H15826" s="12"/>
    </row>
    <row r="15827" spans="8:8">
      <c r="H15827" s="12"/>
    </row>
    <row r="15828" spans="8:8">
      <c r="H15828" s="12"/>
    </row>
    <row r="15829" spans="8:8">
      <c r="H15829" s="12"/>
    </row>
    <row r="15830" spans="8:8">
      <c r="H15830" s="12"/>
    </row>
    <row r="15831" spans="8:8">
      <c r="H15831" s="12"/>
    </row>
    <row r="15832" spans="8:8">
      <c r="H15832" s="12"/>
    </row>
    <row r="15833" spans="8:8">
      <c r="H15833" s="12"/>
    </row>
    <row r="15834" spans="8:8">
      <c r="H15834" s="12"/>
    </row>
    <row r="15835" spans="8:8">
      <c r="H15835" s="12"/>
    </row>
    <row r="15836" spans="8:8">
      <c r="H15836" s="12"/>
    </row>
    <row r="15837" spans="8:8">
      <c r="H15837" s="12"/>
    </row>
    <row r="15838" spans="8:8">
      <c r="H15838" s="12"/>
    </row>
    <row r="15839" spans="8:8">
      <c r="H15839" s="12"/>
    </row>
    <row r="15840" spans="8:8">
      <c r="H15840" s="12"/>
    </row>
    <row r="15841" spans="8:8">
      <c r="H15841" s="12"/>
    </row>
    <row r="15842" spans="8:8">
      <c r="H15842" s="12"/>
    </row>
    <row r="15843" spans="8:8">
      <c r="H15843" s="12"/>
    </row>
    <row r="15844" spans="8:8">
      <c r="H15844" s="12"/>
    </row>
    <row r="15845" spans="8:8">
      <c r="H15845" s="12"/>
    </row>
    <row r="15846" spans="8:8">
      <c r="H15846" s="12"/>
    </row>
    <row r="15847" spans="8:8">
      <c r="H15847" s="12"/>
    </row>
    <row r="15848" spans="8:8">
      <c r="H15848" s="12"/>
    </row>
    <row r="15849" spans="8:8">
      <c r="H15849" s="12"/>
    </row>
    <row r="15850" spans="8:8">
      <c r="H15850" s="12"/>
    </row>
    <row r="15851" spans="8:8">
      <c r="H15851" s="12"/>
    </row>
    <row r="15852" spans="8:8">
      <c r="H15852" s="12"/>
    </row>
    <row r="15853" spans="8:8">
      <c r="H15853" s="12"/>
    </row>
    <row r="15854" spans="8:8">
      <c r="H15854" s="12"/>
    </row>
    <row r="15855" spans="8:8">
      <c r="H15855" s="12"/>
    </row>
    <row r="15856" spans="8:8">
      <c r="H15856" s="12"/>
    </row>
    <row r="15857" spans="8:8">
      <c r="H15857" s="12"/>
    </row>
    <row r="15858" spans="8:8">
      <c r="H15858" s="12"/>
    </row>
    <row r="15859" spans="8:8">
      <c r="H15859" s="12"/>
    </row>
    <row r="15860" spans="8:8">
      <c r="H15860" s="12"/>
    </row>
    <row r="15861" spans="8:8">
      <c r="H15861" s="12"/>
    </row>
    <row r="15862" spans="8:8">
      <c r="H15862" s="12"/>
    </row>
    <row r="15863" spans="8:8">
      <c r="H15863" s="12"/>
    </row>
    <row r="15864" spans="8:8">
      <c r="H15864" s="12"/>
    </row>
    <row r="15865" spans="8:8">
      <c r="H15865" s="12"/>
    </row>
    <row r="15866" spans="8:8">
      <c r="H15866" s="12"/>
    </row>
    <row r="15867" spans="8:8">
      <c r="H15867" s="12"/>
    </row>
    <row r="15868" spans="8:8">
      <c r="H15868" s="12"/>
    </row>
    <row r="15869" spans="8:8">
      <c r="H15869" s="12"/>
    </row>
    <row r="15870" spans="8:8">
      <c r="H15870" s="12"/>
    </row>
    <row r="15871" spans="8:8">
      <c r="H15871" s="12"/>
    </row>
    <row r="15872" spans="8:8">
      <c r="H15872" s="12"/>
    </row>
    <row r="15873" spans="8:8">
      <c r="H15873" s="12"/>
    </row>
    <row r="15874" spans="8:8">
      <c r="H15874" s="12"/>
    </row>
    <row r="15875" spans="8:8">
      <c r="H15875" s="12"/>
    </row>
    <row r="15876" spans="8:8">
      <c r="H15876" s="12"/>
    </row>
    <row r="15877" spans="8:8">
      <c r="H15877" s="12"/>
    </row>
    <row r="15878" spans="8:8">
      <c r="H15878" s="12"/>
    </row>
    <row r="15879" spans="8:8">
      <c r="H15879" s="12"/>
    </row>
    <row r="15880" spans="8:8">
      <c r="H15880" s="12"/>
    </row>
    <row r="15881" spans="8:8">
      <c r="H15881" s="12"/>
    </row>
    <row r="15882" spans="8:8">
      <c r="H15882" s="12"/>
    </row>
    <row r="15883" spans="8:8">
      <c r="H15883" s="12"/>
    </row>
    <row r="15884" spans="8:8">
      <c r="H15884" s="12"/>
    </row>
    <row r="15885" spans="8:8">
      <c r="H15885" s="12"/>
    </row>
    <row r="15886" spans="8:8">
      <c r="H15886" s="12"/>
    </row>
    <row r="15887" spans="8:8">
      <c r="H15887" s="12"/>
    </row>
    <row r="15888" spans="8:8">
      <c r="H15888" s="12"/>
    </row>
    <row r="15889" spans="8:8">
      <c r="H15889" s="12"/>
    </row>
    <row r="15890" spans="8:8">
      <c r="H15890" s="12"/>
    </row>
    <row r="15891" spans="8:8">
      <c r="H15891" s="12"/>
    </row>
    <row r="15892" spans="8:8">
      <c r="H15892" s="12"/>
    </row>
    <row r="15893" spans="8:8">
      <c r="H15893" s="12"/>
    </row>
    <row r="15894" spans="8:8">
      <c r="H15894" s="12"/>
    </row>
    <row r="15895" spans="8:8">
      <c r="H15895" s="12"/>
    </row>
    <row r="15896" spans="8:8">
      <c r="H15896" s="12"/>
    </row>
    <row r="15897" spans="8:8">
      <c r="H15897" s="12"/>
    </row>
    <row r="15898" spans="8:8">
      <c r="H15898" s="12"/>
    </row>
    <row r="15899" spans="8:8">
      <c r="H15899" s="12"/>
    </row>
    <row r="15900" spans="8:8">
      <c r="H15900" s="12"/>
    </row>
    <row r="15901" spans="8:8">
      <c r="H15901" s="12"/>
    </row>
    <row r="15902" spans="8:8">
      <c r="H15902" s="12"/>
    </row>
    <row r="15903" spans="8:8">
      <c r="H15903" s="12"/>
    </row>
    <row r="15904" spans="8:8">
      <c r="H15904" s="12"/>
    </row>
    <row r="15905" spans="8:8">
      <c r="H15905" s="12"/>
    </row>
    <row r="15906" spans="8:8">
      <c r="H15906" s="12"/>
    </row>
    <row r="15907" spans="8:8">
      <c r="H15907" s="12"/>
    </row>
    <row r="15908" spans="8:8">
      <c r="H15908" s="12"/>
    </row>
    <row r="15909" spans="8:8">
      <c r="H15909" s="12"/>
    </row>
    <row r="15910" spans="8:8">
      <c r="H15910" s="12"/>
    </row>
    <row r="15911" spans="8:8">
      <c r="H15911" s="12"/>
    </row>
    <row r="15912" spans="8:8">
      <c r="H15912" s="12"/>
    </row>
    <row r="15913" spans="8:8">
      <c r="H15913" s="12"/>
    </row>
    <row r="15914" spans="8:8">
      <c r="H15914" s="12"/>
    </row>
    <row r="15915" spans="8:8">
      <c r="H15915" s="12"/>
    </row>
    <row r="15916" spans="8:8">
      <c r="H15916" s="12"/>
    </row>
    <row r="15917" spans="8:8">
      <c r="H15917" s="12"/>
    </row>
    <row r="15918" spans="8:8">
      <c r="H15918" s="12"/>
    </row>
    <row r="15919" spans="8:8">
      <c r="H15919" s="12"/>
    </row>
    <row r="15920" spans="8:8">
      <c r="H15920" s="12"/>
    </row>
    <row r="15921" spans="8:8">
      <c r="H15921" s="12"/>
    </row>
    <row r="15922" spans="8:8">
      <c r="H15922" s="12"/>
    </row>
    <row r="15923" spans="8:8">
      <c r="H15923" s="12"/>
    </row>
    <row r="15924" spans="8:8">
      <c r="H15924" s="12"/>
    </row>
    <row r="15925" spans="8:8">
      <c r="H15925" s="12"/>
    </row>
    <row r="15926" spans="8:8">
      <c r="H15926" s="12"/>
    </row>
    <row r="15927" spans="8:8">
      <c r="H15927" s="12"/>
    </row>
    <row r="15928" spans="8:8">
      <c r="H15928" s="12"/>
    </row>
    <row r="15929" spans="8:8">
      <c r="H15929" s="12"/>
    </row>
    <row r="15930" spans="8:8">
      <c r="H15930" s="12"/>
    </row>
    <row r="15931" spans="8:8">
      <c r="H15931" s="12"/>
    </row>
    <row r="15932" spans="8:8">
      <c r="H15932" s="12"/>
    </row>
    <row r="15933" spans="8:8">
      <c r="H15933" s="12"/>
    </row>
    <row r="15934" spans="8:8">
      <c r="H15934" s="12"/>
    </row>
    <row r="15935" spans="8:8">
      <c r="H15935" s="12"/>
    </row>
    <row r="15936" spans="8:8">
      <c r="H15936" s="12"/>
    </row>
    <row r="15937" spans="8:8">
      <c r="H15937" s="12"/>
    </row>
    <row r="15938" spans="8:8">
      <c r="H15938" s="12"/>
    </row>
    <row r="15939" spans="8:8">
      <c r="H15939" s="12"/>
    </row>
    <row r="15940" spans="8:8">
      <c r="H15940" s="12"/>
    </row>
    <row r="15941" spans="8:8">
      <c r="H15941" s="12"/>
    </row>
    <row r="15942" spans="8:8">
      <c r="H15942" s="12"/>
    </row>
    <row r="15943" spans="8:8">
      <c r="H15943" s="12"/>
    </row>
    <row r="15944" spans="8:8">
      <c r="H15944" s="12"/>
    </row>
    <row r="15945" spans="8:8">
      <c r="H15945" s="12"/>
    </row>
    <row r="15946" spans="8:8">
      <c r="H15946" s="12"/>
    </row>
    <row r="15947" spans="8:8">
      <c r="H15947" s="12"/>
    </row>
    <row r="15948" spans="8:8">
      <c r="H15948" s="12"/>
    </row>
    <row r="15949" spans="8:8">
      <c r="H15949" s="12"/>
    </row>
    <row r="15950" spans="8:8">
      <c r="H15950" s="12"/>
    </row>
    <row r="15951" spans="8:8">
      <c r="H15951" s="12"/>
    </row>
    <row r="15952" spans="8:8">
      <c r="H15952" s="12"/>
    </row>
    <row r="15953" spans="8:8">
      <c r="H15953" s="12"/>
    </row>
    <row r="15954" spans="8:8">
      <c r="H15954" s="12"/>
    </row>
    <row r="15955" spans="8:8">
      <c r="H15955" s="12"/>
    </row>
    <row r="15956" spans="8:8">
      <c r="H15956" s="12"/>
    </row>
    <row r="15957" spans="8:8">
      <c r="H15957" s="12"/>
    </row>
    <row r="15958" spans="8:8">
      <c r="H15958" s="12"/>
    </row>
    <row r="15959" spans="8:8">
      <c r="H15959" s="12"/>
    </row>
    <row r="15960" spans="8:8">
      <c r="H15960" s="12"/>
    </row>
    <row r="15961" spans="8:8">
      <c r="H15961" s="12"/>
    </row>
    <row r="15962" spans="8:8">
      <c r="H15962" s="12"/>
    </row>
    <row r="15963" spans="8:8">
      <c r="H15963" s="12"/>
    </row>
    <row r="15964" spans="8:8">
      <c r="H15964" s="12"/>
    </row>
    <row r="15965" spans="8:8">
      <c r="H15965" s="12"/>
    </row>
    <row r="15966" spans="8:8">
      <c r="H15966" s="12"/>
    </row>
    <row r="15967" spans="8:8">
      <c r="H15967" s="12"/>
    </row>
    <row r="15968" spans="8:8">
      <c r="H15968" s="12"/>
    </row>
    <row r="15969" spans="8:8">
      <c r="H15969" s="12"/>
    </row>
    <row r="15970" spans="8:8">
      <c r="H15970" s="12"/>
    </row>
    <row r="15971" spans="8:8">
      <c r="H15971" s="12"/>
    </row>
    <row r="15972" spans="8:8">
      <c r="H15972" s="12"/>
    </row>
    <row r="15973" spans="8:8">
      <c r="H15973" s="12"/>
    </row>
    <row r="15974" spans="8:8">
      <c r="H15974" s="12"/>
    </row>
    <row r="15975" spans="8:8">
      <c r="H15975" s="12"/>
    </row>
    <row r="15976" spans="8:8">
      <c r="H15976" s="12"/>
    </row>
    <row r="15977" spans="8:8">
      <c r="H15977" s="12"/>
    </row>
    <row r="15978" spans="8:8">
      <c r="H15978" s="12"/>
    </row>
    <row r="15979" spans="8:8">
      <c r="H15979" s="12"/>
    </row>
    <row r="15980" spans="8:8">
      <c r="H15980" s="12"/>
    </row>
    <row r="15981" spans="8:8">
      <c r="H15981" s="12"/>
    </row>
    <row r="15982" spans="8:8">
      <c r="H15982" s="12"/>
    </row>
    <row r="15983" spans="8:8">
      <c r="H15983" s="12"/>
    </row>
    <row r="15984" spans="8:8">
      <c r="H15984" s="12"/>
    </row>
    <row r="15985" spans="8:8">
      <c r="H15985" s="12"/>
    </row>
    <row r="15986" spans="8:8">
      <c r="H15986" s="12"/>
    </row>
    <row r="15987" spans="8:8">
      <c r="H15987" s="12"/>
    </row>
    <row r="15988" spans="8:8">
      <c r="H15988" s="12"/>
    </row>
    <row r="15989" spans="8:8">
      <c r="H15989" s="12"/>
    </row>
    <row r="15990" spans="8:8">
      <c r="H15990" s="12"/>
    </row>
    <row r="15991" spans="8:8">
      <c r="H15991" s="12"/>
    </row>
    <row r="15992" spans="8:8">
      <c r="H15992" s="12"/>
    </row>
    <row r="15993" spans="8:8">
      <c r="H15993" s="12"/>
    </row>
    <row r="15994" spans="8:8">
      <c r="H15994" s="12"/>
    </row>
    <row r="15995" spans="8:8">
      <c r="H15995" s="12"/>
    </row>
    <row r="15996" spans="8:8">
      <c r="H15996" s="12"/>
    </row>
    <row r="15997" spans="8:8">
      <c r="H15997" s="12"/>
    </row>
    <row r="15998" spans="8:8">
      <c r="H15998" s="12"/>
    </row>
    <row r="15999" spans="8:8">
      <c r="H15999" s="12"/>
    </row>
    <row r="16000" spans="8:8">
      <c r="H16000" s="12"/>
    </row>
    <row r="16001" spans="8:8">
      <c r="H16001" s="12"/>
    </row>
    <row r="16002" spans="8:8">
      <c r="H16002" s="12"/>
    </row>
    <row r="16003" spans="8:8">
      <c r="H16003" s="12"/>
    </row>
    <row r="16004" spans="8:8">
      <c r="H16004" s="12"/>
    </row>
    <row r="16005" spans="8:8">
      <c r="H16005" s="12"/>
    </row>
    <row r="16006" spans="8:8">
      <c r="H16006" s="12"/>
    </row>
    <row r="16007" spans="8:8">
      <c r="H16007" s="12"/>
    </row>
    <row r="16008" spans="8:8">
      <c r="H16008" s="12"/>
    </row>
    <row r="16009" spans="8:8">
      <c r="H16009" s="12"/>
    </row>
    <row r="16010" spans="8:8">
      <c r="H16010" s="12"/>
    </row>
    <row r="16011" spans="8:8">
      <c r="H16011" s="12"/>
    </row>
    <row r="16012" spans="8:8">
      <c r="H16012" s="12"/>
    </row>
    <row r="16013" spans="8:8">
      <c r="H16013" s="12"/>
    </row>
    <row r="16014" spans="8:8">
      <c r="H16014" s="12"/>
    </row>
    <row r="16015" spans="8:8">
      <c r="H16015" s="12"/>
    </row>
    <row r="16016" spans="8:8">
      <c r="H16016" s="12"/>
    </row>
    <row r="16017" spans="8:8">
      <c r="H16017" s="12"/>
    </row>
    <row r="16018" spans="8:8">
      <c r="H16018" s="12"/>
    </row>
    <row r="16019" spans="8:8">
      <c r="H16019" s="12"/>
    </row>
    <row r="16020" spans="8:8">
      <c r="H16020" s="12"/>
    </row>
    <row r="16021" spans="8:8">
      <c r="H16021" s="12"/>
    </row>
    <row r="16022" spans="8:8">
      <c r="H16022" s="12"/>
    </row>
    <row r="16023" spans="8:8">
      <c r="H16023" s="12"/>
    </row>
    <row r="16024" spans="8:8">
      <c r="H16024" s="12"/>
    </row>
    <row r="16025" spans="8:8">
      <c r="H16025" s="12"/>
    </row>
    <row r="16026" spans="8:8">
      <c r="H16026" s="12"/>
    </row>
    <row r="16027" spans="8:8">
      <c r="H16027" s="12"/>
    </row>
    <row r="16028" spans="8:8">
      <c r="H16028" s="12"/>
    </row>
    <row r="16029" spans="8:8">
      <c r="H16029" s="12"/>
    </row>
    <row r="16030" spans="8:8">
      <c r="H16030" s="12"/>
    </row>
    <row r="16031" spans="8:8">
      <c r="H16031" s="12"/>
    </row>
    <row r="16032" spans="8:8">
      <c r="H16032" s="12"/>
    </row>
    <row r="16033" spans="8:8">
      <c r="H16033" s="12"/>
    </row>
    <row r="16034" spans="8:8">
      <c r="H16034" s="12"/>
    </row>
    <row r="16035" spans="8:8">
      <c r="H16035" s="12"/>
    </row>
    <row r="16036" spans="8:8">
      <c r="H16036" s="12"/>
    </row>
    <row r="16037" spans="8:8">
      <c r="H16037" s="12"/>
    </row>
    <row r="16038" spans="8:8">
      <c r="H16038" s="12"/>
    </row>
    <row r="16039" spans="8:8">
      <c r="H16039" s="12"/>
    </row>
    <row r="16040" spans="8:8">
      <c r="H16040" s="12"/>
    </row>
    <row r="16041" spans="8:8">
      <c r="H16041" s="12"/>
    </row>
    <row r="16042" spans="8:8">
      <c r="H16042" s="12"/>
    </row>
    <row r="16043" spans="8:8">
      <c r="H16043" s="12"/>
    </row>
    <row r="16044" spans="8:8">
      <c r="H16044" s="12"/>
    </row>
    <row r="16045" spans="8:8">
      <c r="H16045" s="12"/>
    </row>
    <row r="16046" spans="8:8">
      <c r="H16046" s="12"/>
    </row>
    <row r="16047" spans="8:8">
      <c r="H16047" s="12"/>
    </row>
    <row r="16048" spans="8:8">
      <c r="H16048" s="12"/>
    </row>
    <row r="16049" spans="8:8">
      <c r="H16049" s="12"/>
    </row>
    <row r="16050" spans="8:8">
      <c r="H16050" s="12"/>
    </row>
    <row r="16051" spans="8:8">
      <c r="H16051" s="12"/>
    </row>
    <row r="16052" spans="8:8">
      <c r="H16052" s="12"/>
    </row>
    <row r="16053" spans="8:8">
      <c r="H16053" s="12"/>
    </row>
    <row r="16054" spans="8:8">
      <c r="H16054" s="12"/>
    </row>
    <row r="16055" spans="8:8">
      <c r="H16055" s="12"/>
    </row>
    <row r="16056" spans="8:8">
      <c r="H16056" s="12"/>
    </row>
    <row r="16057" spans="8:8">
      <c r="H16057" s="12"/>
    </row>
    <row r="16058" spans="8:8">
      <c r="H16058" s="12"/>
    </row>
    <row r="16059" spans="8:8">
      <c r="H16059" s="12"/>
    </row>
    <row r="16060" spans="8:8">
      <c r="H16060" s="12"/>
    </row>
    <row r="16061" spans="8:8">
      <c r="H16061" s="12"/>
    </row>
    <row r="16062" spans="8:8">
      <c r="H16062" s="12"/>
    </row>
    <row r="16063" spans="8:8">
      <c r="H16063" s="12"/>
    </row>
    <row r="16064" spans="8:8">
      <c r="H16064" s="12"/>
    </row>
    <row r="16065" spans="8:8">
      <c r="H16065" s="12"/>
    </row>
    <row r="16066" spans="8:8">
      <c r="H16066" s="12"/>
    </row>
    <row r="16067" spans="8:8">
      <c r="H16067" s="12"/>
    </row>
    <row r="16068" spans="8:8">
      <c r="H16068" s="12"/>
    </row>
    <row r="16069" spans="8:8">
      <c r="H16069" s="12"/>
    </row>
    <row r="16070" spans="8:8">
      <c r="H16070" s="12"/>
    </row>
    <row r="16071" spans="8:8">
      <c r="H16071" s="12"/>
    </row>
    <row r="16072" spans="8:8">
      <c r="H16072" s="12"/>
    </row>
    <row r="16073" spans="8:8">
      <c r="H16073" s="12"/>
    </row>
    <row r="16074" spans="8:8">
      <c r="H16074" s="12"/>
    </row>
    <row r="16075" spans="8:8">
      <c r="H16075" s="12"/>
    </row>
    <row r="16076" spans="8:8">
      <c r="H16076" s="12"/>
    </row>
    <row r="16077" spans="8:8">
      <c r="H16077" s="12"/>
    </row>
    <row r="16078" spans="8:8">
      <c r="H16078" s="12"/>
    </row>
    <row r="16079" spans="8:8">
      <c r="H16079" s="12"/>
    </row>
    <row r="16080" spans="8:8">
      <c r="H16080" s="12"/>
    </row>
    <row r="16081" spans="8:8">
      <c r="H16081" s="12"/>
    </row>
    <row r="16082" spans="8:8">
      <c r="H16082" s="12"/>
    </row>
    <row r="16083" spans="8:8">
      <c r="H16083" s="12"/>
    </row>
    <row r="16084" spans="8:8">
      <c r="H16084" s="12"/>
    </row>
    <row r="16085" spans="8:8">
      <c r="H16085" s="12"/>
    </row>
    <row r="16086" spans="8:8">
      <c r="H16086" s="12"/>
    </row>
    <row r="16087" spans="8:8">
      <c r="H16087" s="12"/>
    </row>
    <row r="16088" spans="8:8">
      <c r="H16088" s="12"/>
    </row>
    <row r="16089" spans="8:8">
      <c r="H16089" s="12"/>
    </row>
    <row r="16090" spans="8:8">
      <c r="H16090" s="12"/>
    </row>
    <row r="16091" spans="8:8">
      <c r="H16091" s="12"/>
    </row>
    <row r="16092" spans="8:8">
      <c r="H16092" s="12"/>
    </row>
    <row r="16093" spans="8:8">
      <c r="H16093" s="12"/>
    </row>
    <row r="16094" spans="8:8">
      <c r="H16094" s="12"/>
    </row>
    <row r="16095" spans="8:8">
      <c r="H16095" s="12"/>
    </row>
    <row r="16096" spans="8:8">
      <c r="H16096" s="12"/>
    </row>
    <row r="16097" spans="8:8">
      <c r="H16097" s="12"/>
    </row>
    <row r="16098" spans="8:8">
      <c r="H16098" s="12"/>
    </row>
    <row r="16099" spans="8:8">
      <c r="H16099" s="12"/>
    </row>
    <row r="16100" spans="8:8">
      <c r="H16100" s="12"/>
    </row>
    <row r="16101" spans="8:8">
      <c r="H16101" s="12"/>
    </row>
    <row r="16102" spans="8:8">
      <c r="H16102" s="12"/>
    </row>
    <row r="16103" spans="8:8">
      <c r="H16103" s="12"/>
    </row>
    <row r="16104" spans="8:8">
      <c r="H16104" s="12"/>
    </row>
    <row r="16105" spans="8:8">
      <c r="H16105" s="12"/>
    </row>
    <row r="16106" spans="8:8">
      <c r="H16106" s="12"/>
    </row>
    <row r="16107" spans="8:8">
      <c r="H16107" s="12"/>
    </row>
    <row r="16108" spans="8:8">
      <c r="H16108" s="12"/>
    </row>
    <row r="16109" spans="8:8">
      <c r="H16109" s="12"/>
    </row>
    <row r="16110" spans="8:8">
      <c r="H16110" s="12"/>
    </row>
    <row r="16111" spans="8:8">
      <c r="H16111" s="12"/>
    </row>
    <row r="16112" spans="8:8">
      <c r="H16112" s="12"/>
    </row>
    <row r="16113" spans="8:8">
      <c r="H16113" s="12"/>
    </row>
    <row r="16114" spans="8:8">
      <c r="H16114" s="12"/>
    </row>
    <row r="16115" spans="8:8">
      <c r="H16115" s="12"/>
    </row>
    <row r="16116" spans="8:8">
      <c r="H16116" s="12"/>
    </row>
    <row r="16117" spans="8:8">
      <c r="H16117" s="12"/>
    </row>
    <row r="16118" spans="8:8">
      <c r="H16118" s="12"/>
    </row>
    <row r="16119" spans="8:8">
      <c r="H16119" s="12"/>
    </row>
    <row r="16120" spans="8:8">
      <c r="H16120" s="12"/>
    </row>
    <row r="16121" spans="8:8">
      <c r="H16121" s="12"/>
    </row>
    <row r="16122" spans="8:8">
      <c r="H16122" s="12"/>
    </row>
    <row r="16123" spans="8:8">
      <c r="H16123" s="12"/>
    </row>
    <row r="16124" spans="8:8">
      <c r="H16124" s="12"/>
    </row>
    <row r="16125" spans="8:8">
      <c r="H16125" s="12"/>
    </row>
    <row r="16126" spans="8:8">
      <c r="H16126" s="12"/>
    </row>
    <row r="16127" spans="8:8">
      <c r="H16127" s="12"/>
    </row>
    <row r="16128" spans="8:8">
      <c r="H16128" s="12"/>
    </row>
    <row r="16129" spans="8:8">
      <c r="H16129" s="12"/>
    </row>
    <row r="16130" spans="8:8">
      <c r="H16130" s="12"/>
    </row>
    <row r="16131" spans="8:8">
      <c r="H16131" s="12"/>
    </row>
    <row r="16132" spans="8:8">
      <c r="H16132" s="12"/>
    </row>
    <row r="16133" spans="8:8">
      <c r="H16133" s="12"/>
    </row>
    <row r="16134" spans="8:8">
      <c r="H16134" s="12"/>
    </row>
    <row r="16135" spans="8:8">
      <c r="H16135" s="12"/>
    </row>
    <row r="16136" spans="8:8">
      <c r="H16136" s="12"/>
    </row>
    <row r="16137" spans="8:8">
      <c r="H16137" s="12"/>
    </row>
    <row r="16138" spans="8:8">
      <c r="H16138" s="12"/>
    </row>
    <row r="16139" spans="8:8">
      <c r="H16139" s="12"/>
    </row>
    <row r="16140" spans="8:8">
      <c r="H16140" s="12"/>
    </row>
    <row r="16141" spans="8:8">
      <c r="H16141" s="12"/>
    </row>
    <row r="16142" spans="8:8">
      <c r="H16142" s="12"/>
    </row>
    <row r="16143" spans="8:8">
      <c r="H16143" s="12"/>
    </row>
    <row r="16144" spans="8:8">
      <c r="H16144" s="12"/>
    </row>
    <row r="16145" spans="8:8">
      <c r="H16145" s="12"/>
    </row>
    <row r="16146" spans="8:8">
      <c r="H16146" s="12"/>
    </row>
    <row r="16147" spans="8:8">
      <c r="H16147" s="12"/>
    </row>
    <row r="16148" spans="8:8">
      <c r="H16148" s="12"/>
    </row>
    <row r="16149" spans="8:8">
      <c r="H16149" s="12"/>
    </row>
    <row r="16150" spans="8:8">
      <c r="H16150" s="12"/>
    </row>
    <row r="16151" spans="8:8">
      <c r="H16151" s="12"/>
    </row>
    <row r="16152" spans="8:8">
      <c r="H16152" s="12"/>
    </row>
    <row r="16153" spans="8:8">
      <c r="H16153" s="12"/>
    </row>
    <row r="16154" spans="8:8">
      <c r="H16154" s="12"/>
    </row>
    <row r="16155" spans="8:8">
      <c r="H16155" s="12"/>
    </row>
    <row r="16156" spans="8:8">
      <c r="H16156" s="12"/>
    </row>
    <row r="16157" spans="8:8">
      <c r="H16157" s="12"/>
    </row>
    <row r="16158" spans="8:8">
      <c r="H16158" s="12"/>
    </row>
    <row r="16159" spans="8:8">
      <c r="H16159" s="12"/>
    </row>
    <row r="16160" spans="8:8">
      <c r="H16160" s="12"/>
    </row>
    <row r="16161" spans="8:8">
      <c r="H16161" s="12"/>
    </row>
    <row r="16162" spans="8:8">
      <c r="H16162" s="12"/>
    </row>
    <row r="16163" spans="8:8">
      <c r="H16163" s="12"/>
    </row>
    <row r="16164" spans="8:8">
      <c r="H16164" s="12"/>
    </row>
    <row r="16165" spans="8:8">
      <c r="H16165" s="12"/>
    </row>
    <row r="16166" spans="8:8">
      <c r="H16166" s="12"/>
    </row>
    <row r="16167" spans="8:8">
      <c r="H16167" s="12"/>
    </row>
    <row r="16168" spans="8:8">
      <c r="H16168" s="12"/>
    </row>
    <row r="16169" spans="8:8">
      <c r="H16169" s="12"/>
    </row>
    <row r="16170" spans="8:8">
      <c r="H16170" s="12"/>
    </row>
    <row r="16171" spans="8:8">
      <c r="H16171" s="12"/>
    </row>
    <row r="16172" spans="8:8">
      <c r="H16172" s="12"/>
    </row>
    <row r="16173" spans="8:8">
      <c r="H16173" s="12"/>
    </row>
    <row r="16174" spans="8:8">
      <c r="H16174" s="12"/>
    </row>
    <row r="16175" spans="8:8">
      <c r="H16175" s="12"/>
    </row>
    <row r="16176" spans="8:8">
      <c r="H16176" s="12"/>
    </row>
    <row r="16177" spans="8:8">
      <c r="H16177" s="12"/>
    </row>
    <row r="16178" spans="8:8">
      <c r="H16178" s="12"/>
    </row>
    <row r="16179" spans="8:8">
      <c r="H16179" s="12"/>
    </row>
    <row r="16180" spans="8:8">
      <c r="H16180" s="12"/>
    </row>
    <row r="16181" spans="8:8">
      <c r="H16181" s="12"/>
    </row>
    <row r="16182" spans="8:8">
      <c r="H16182" s="12"/>
    </row>
    <row r="16183" spans="8:8">
      <c r="H16183" s="12"/>
    </row>
    <row r="16184" spans="8:8">
      <c r="H16184" s="12"/>
    </row>
    <row r="16185" spans="8:8">
      <c r="H16185" s="12"/>
    </row>
    <row r="16186" spans="8:8">
      <c r="H16186" s="12"/>
    </row>
    <row r="16187" spans="8:8">
      <c r="H16187" s="12"/>
    </row>
    <row r="16188" spans="8:8">
      <c r="H16188" s="12"/>
    </row>
    <row r="16189" spans="8:8">
      <c r="H16189" s="12"/>
    </row>
    <row r="16190" spans="8:8">
      <c r="H16190" s="12"/>
    </row>
    <row r="16191" spans="8:8">
      <c r="H16191" s="12"/>
    </row>
    <row r="16192" spans="8:8">
      <c r="H16192" s="12"/>
    </row>
    <row r="16193" spans="8:8">
      <c r="H16193" s="12"/>
    </row>
    <row r="16194" spans="8:8">
      <c r="H16194" s="12"/>
    </row>
    <row r="16195" spans="8:8">
      <c r="H16195" s="12"/>
    </row>
    <row r="16196" spans="8:8">
      <c r="H16196" s="12"/>
    </row>
    <row r="16197" spans="8:8">
      <c r="H16197" s="12"/>
    </row>
    <row r="16198" spans="8:8">
      <c r="H16198" s="12"/>
    </row>
    <row r="16199" spans="8:8">
      <c r="H16199" s="12"/>
    </row>
    <row r="16200" spans="8:8">
      <c r="H16200" s="12"/>
    </row>
    <row r="16201" spans="8:8">
      <c r="H16201" s="12"/>
    </row>
    <row r="16202" spans="8:8">
      <c r="H16202" s="12"/>
    </row>
    <row r="16203" spans="8:8">
      <c r="H16203" s="12"/>
    </row>
    <row r="16204" spans="8:8">
      <c r="H16204" s="12"/>
    </row>
    <row r="16205" spans="8:8">
      <c r="H16205" s="12"/>
    </row>
    <row r="16206" spans="8:8">
      <c r="H16206" s="12"/>
    </row>
    <row r="16207" spans="8:8">
      <c r="H16207" s="12"/>
    </row>
    <row r="16208" spans="8:8">
      <c r="H16208" s="12"/>
    </row>
    <row r="16209" spans="8:8">
      <c r="H16209" s="12"/>
    </row>
    <row r="16210" spans="8:8">
      <c r="H16210" s="12"/>
    </row>
    <row r="16211" spans="8:8">
      <c r="H16211" s="12"/>
    </row>
    <row r="16212" spans="8:8">
      <c r="H16212" s="12"/>
    </row>
    <row r="16213" spans="8:8">
      <c r="H16213" s="12"/>
    </row>
    <row r="16214" spans="8:8">
      <c r="H16214" s="12"/>
    </row>
    <row r="16215" spans="8:8">
      <c r="H16215" s="12"/>
    </row>
    <row r="16216" spans="8:8">
      <c r="H16216" s="12"/>
    </row>
    <row r="16217" spans="8:8">
      <c r="H16217" s="12"/>
    </row>
    <row r="16218" spans="8:8">
      <c r="H16218" s="12"/>
    </row>
    <row r="16219" spans="8:8">
      <c r="H16219" s="12"/>
    </row>
    <row r="16220" spans="8:8">
      <c r="H16220" s="12"/>
    </row>
    <row r="16221" spans="8:8">
      <c r="H16221" s="12"/>
    </row>
    <row r="16222" spans="8:8">
      <c r="H16222" s="12"/>
    </row>
    <row r="16223" spans="8:8">
      <c r="H16223" s="12"/>
    </row>
    <row r="16224" spans="8:8">
      <c r="H16224" s="12"/>
    </row>
    <row r="16225" spans="8:8">
      <c r="H16225" s="12"/>
    </row>
    <row r="16226" spans="8:8">
      <c r="H16226" s="12"/>
    </row>
    <row r="16227" spans="8:8">
      <c r="H16227" s="12"/>
    </row>
    <row r="16228" spans="8:8">
      <c r="H16228" s="12"/>
    </row>
    <row r="16229" spans="8:8">
      <c r="H16229" s="12"/>
    </row>
    <row r="16230" spans="8:8">
      <c r="H16230" s="12"/>
    </row>
    <row r="16231" spans="8:8">
      <c r="H16231" s="12"/>
    </row>
    <row r="16232" spans="8:8">
      <c r="H16232" s="12"/>
    </row>
    <row r="16233" spans="8:8">
      <c r="H16233" s="12"/>
    </row>
    <row r="16234" spans="8:8">
      <c r="H16234" s="12"/>
    </row>
    <row r="16235" spans="8:8">
      <c r="H16235" s="12"/>
    </row>
    <row r="16236" spans="8:8">
      <c r="H16236" s="12"/>
    </row>
    <row r="16237" spans="8:8">
      <c r="H16237" s="12"/>
    </row>
    <row r="16238" spans="8:8">
      <c r="H16238" s="12"/>
    </row>
    <row r="16239" spans="8:8">
      <c r="H16239" s="12"/>
    </row>
    <row r="16240" spans="8:8">
      <c r="H16240" s="12"/>
    </row>
    <row r="16241" spans="8:8">
      <c r="H16241" s="12"/>
    </row>
    <row r="16242" spans="8:8">
      <c r="H16242" s="12"/>
    </row>
    <row r="16243" spans="8:8">
      <c r="H16243" s="12"/>
    </row>
    <row r="16244" spans="8:8">
      <c r="H16244" s="12"/>
    </row>
    <row r="16245" spans="8:8">
      <c r="H16245" s="12"/>
    </row>
    <row r="16246" spans="8:8">
      <c r="H16246" s="12"/>
    </row>
    <row r="16247" spans="8:8">
      <c r="H16247" s="12"/>
    </row>
    <row r="16248" spans="8:8">
      <c r="H16248" s="12"/>
    </row>
    <row r="16249" spans="8:8">
      <c r="H16249" s="12"/>
    </row>
    <row r="16250" spans="8:8">
      <c r="H16250" s="12"/>
    </row>
    <row r="16251" spans="8:8">
      <c r="H16251" s="12"/>
    </row>
    <row r="16252" spans="8:8">
      <c r="H16252" s="12"/>
    </row>
    <row r="16253" spans="8:8">
      <c r="H16253" s="12"/>
    </row>
    <row r="16254" spans="8:8">
      <c r="H16254" s="12"/>
    </row>
    <row r="16255" spans="8:8">
      <c r="H16255" s="12"/>
    </row>
    <row r="16256" spans="8:8">
      <c r="H16256" s="12"/>
    </row>
    <row r="16257" spans="8:8">
      <c r="H16257" s="12"/>
    </row>
    <row r="16258" spans="8:8">
      <c r="H16258" s="12"/>
    </row>
    <row r="16259" spans="8:8">
      <c r="H16259" s="12"/>
    </row>
    <row r="16260" spans="8:8">
      <c r="H16260" s="12"/>
    </row>
    <row r="16261" spans="8:8">
      <c r="H16261" s="12"/>
    </row>
    <row r="16262" spans="8:8">
      <c r="H16262" s="12"/>
    </row>
    <row r="16263" spans="8:8">
      <c r="H16263" s="12"/>
    </row>
    <row r="16264" spans="8:8">
      <c r="H16264" s="12"/>
    </row>
    <row r="16265" spans="8:8">
      <c r="H16265" s="12"/>
    </row>
    <row r="16266" spans="8:8">
      <c r="H16266" s="12"/>
    </row>
    <row r="16267" spans="8:8">
      <c r="H16267" s="12"/>
    </row>
    <row r="16268" spans="8:8">
      <c r="H16268" s="12"/>
    </row>
    <row r="16269" spans="8:8">
      <c r="H16269" s="12"/>
    </row>
    <row r="16270" spans="8:8">
      <c r="H16270" s="12"/>
    </row>
    <row r="16271" spans="8:8">
      <c r="H16271" s="12"/>
    </row>
    <row r="16272" spans="8:8">
      <c r="H16272" s="12"/>
    </row>
    <row r="16273" spans="8:8">
      <c r="H16273" s="12"/>
    </row>
    <row r="16274" spans="8:8">
      <c r="H16274" s="12"/>
    </row>
    <row r="16275" spans="8:8">
      <c r="H16275" s="12"/>
    </row>
    <row r="16276" spans="8:8">
      <c r="H16276" s="12"/>
    </row>
    <row r="16277" spans="8:8">
      <c r="H16277" s="12"/>
    </row>
    <row r="16278" spans="8:8">
      <c r="H16278" s="12"/>
    </row>
    <row r="16279" spans="8:8">
      <c r="H16279" s="12"/>
    </row>
    <row r="16280" spans="8:8">
      <c r="H16280" s="12"/>
    </row>
    <row r="16281" spans="8:8">
      <c r="H16281" s="12"/>
    </row>
    <row r="16282" spans="8:8">
      <c r="H16282" s="12"/>
    </row>
    <row r="16283" spans="8:8">
      <c r="H16283" s="12"/>
    </row>
    <row r="16284" spans="8:8">
      <c r="H16284" s="12"/>
    </row>
    <row r="16285" spans="8:8">
      <c r="H16285" s="12"/>
    </row>
    <row r="16286" spans="8:8">
      <c r="H16286" s="12"/>
    </row>
    <row r="16287" spans="8:8">
      <c r="H16287" s="12"/>
    </row>
    <row r="16288" spans="8:8">
      <c r="H16288" s="12"/>
    </row>
    <row r="16289" spans="8:8">
      <c r="H16289" s="12"/>
    </row>
    <row r="16290" spans="8:8">
      <c r="H16290" s="12"/>
    </row>
    <row r="16291" spans="8:8">
      <c r="H16291" s="12"/>
    </row>
    <row r="16292" spans="8:8">
      <c r="H16292" s="12"/>
    </row>
    <row r="16293" spans="8:8">
      <c r="H16293" s="12"/>
    </row>
    <row r="16294" spans="8:8">
      <c r="H16294" s="12"/>
    </row>
    <row r="16295" spans="8:8">
      <c r="H16295" s="12"/>
    </row>
    <row r="16296" spans="8:8">
      <c r="H16296" s="12"/>
    </row>
    <row r="16297" spans="8:8">
      <c r="H16297" s="12"/>
    </row>
    <row r="16298" spans="8:8">
      <c r="H16298" s="12"/>
    </row>
    <row r="16299" spans="8:8">
      <c r="H16299" s="12"/>
    </row>
    <row r="16300" spans="8:8">
      <c r="H16300" s="12"/>
    </row>
    <row r="16301" spans="8:8">
      <c r="H16301" s="12"/>
    </row>
    <row r="16302" spans="8:8">
      <c r="H16302" s="12"/>
    </row>
    <row r="16303" spans="8:8">
      <c r="H16303" s="12"/>
    </row>
    <row r="16304" spans="8:8">
      <c r="H16304" s="12"/>
    </row>
    <row r="16305" spans="8:8">
      <c r="H16305" s="12"/>
    </row>
    <row r="16306" spans="8:8">
      <c r="H16306" s="12"/>
    </row>
    <row r="16307" spans="8:8">
      <c r="H16307" s="12"/>
    </row>
    <row r="16308" spans="8:8">
      <c r="H16308" s="12"/>
    </row>
    <row r="16309" spans="8:8">
      <c r="H16309" s="12"/>
    </row>
    <row r="16310" spans="8:8">
      <c r="H16310" s="12"/>
    </row>
    <row r="16311" spans="8:8">
      <c r="H16311" s="12"/>
    </row>
    <row r="16312" spans="8:8">
      <c r="H16312" s="12"/>
    </row>
    <row r="16313" spans="8:8">
      <c r="H16313" s="12"/>
    </row>
    <row r="16314" spans="8:8">
      <c r="H16314" s="12"/>
    </row>
    <row r="16315" spans="8:8">
      <c r="H16315" s="12"/>
    </row>
    <row r="16316" spans="8:8">
      <c r="H16316" s="12"/>
    </row>
    <row r="16317" spans="8:8">
      <c r="H16317" s="12"/>
    </row>
    <row r="16318" spans="8:8">
      <c r="H16318" s="12"/>
    </row>
    <row r="16319" spans="8:8">
      <c r="H16319" s="12"/>
    </row>
    <row r="16320" spans="8:8">
      <c r="H16320" s="12"/>
    </row>
    <row r="16321" spans="8:8">
      <c r="H16321" s="12"/>
    </row>
    <row r="16322" spans="8:8">
      <c r="H16322" s="12"/>
    </row>
    <row r="16323" spans="8:8">
      <c r="H16323" s="12"/>
    </row>
    <row r="16324" spans="8:8">
      <c r="H16324" s="12"/>
    </row>
    <row r="16325" spans="8:8">
      <c r="H16325" s="12"/>
    </row>
    <row r="16326" spans="8:8">
      <c r="H16326" s="12"/>
    </row>
    <row r="16327" spans="8:8">
      <c r="H16327" s="12"/>
    </row>
    <row r="16328" spans="8:8">
      <c r="H16328" s="12"/>
    </row>
    <row r="16329" spans="8:8">
      <c r="H16329" s="12"/>
    </row>
    <row r="16330" spans="8:8">
      <c r="H16330" s="12"/>
    </row>
    <row r="16331" spans="8:8">
      <c r="H16331" s="12"/>
    </row>
    <row r="16332" spans="8:8">
      <c r="H16332" s="12"/>
    </row>
    <row r="16333" spans="8:8">
      <c r="H16333" s="12"/>
    </row>
    <row r="16334" spans="8:8">
      <c r="H16334" s="12"/>
    </row>
    <row r="16335" spans="8:8">
      <c r="H16335" s="12"/>
    </row>
    <row r="16336" spans="8:8">
      <c r="H16336" s="12"/>
    </row>
    <row r="16337" spans="8:8">
      <c r="H16337" s="12"/>
    </row>
    <row r="16338" spans="8:8">
      <c r="H16338" s="12"/>
    </row>
    <row r="16339" spans="8:8">
      <c r="H16339" s="12"/>
    </row>
    <row r="16340" spans="8:8">
      <c r="H16340" s="12"/>
    </row>
    <row r="16341" spans="8:8">
      <c r="H16341" s="12"/>
    </row>
    <row r="16342" spans="8:8">
      <c r="H16342" s="12"/>
    </row>
    <row r="16343" spans="8:8">
      <c r="H16343" s="12"/>
    </row>
    <row r="16344" spans="8:8">
      <c r="H16344" s="12"/>
    </row>
    <row r="16345" spans="8:8">
      <c r="H16345" s="12"/>
    </row>
    <row r="16346" spans="8:8">
      <c r="H16346" s="12"/>
    </row>
    <row r="16347" spans="8:8">
      <c r="H16347" s="12"/>
    </row>
    <row r="16348" spans="8:8">
      <c r="H16348" s="12"/>
    </row>
    <row r="16349" spans="8:8">
      <c r="H16349" s="12"/>
    </row>
    <row r="16350" spans="8:8">
      <c r="H16350" s="12"/>
    </row>
    <row r="16351" spans="8:8">
      <c r="H16351" s="12"/>
    </row>
    <row r="16352" spans="8:8">
      <c r="H16352" s="12"/>
    </row>
    <row r="16353" spans="8:8">
      <c r="H16353" s="12"/>
    </row>
    <row r="16354" spans="8:8">
      <c r="H16354" s="12"/>
    </row>
    <row r="16355" spans="8:8">
      <c r="H16355" s="12"/>
    </row>
    <row r="16356" spans="8:8">
      <c r="H16356" s="12"/>
    </row>
    <row r="16357" spans="8:8">
      <c r="H16357" s="12"/>
    </row>
    <row r="16358" spans="8:8">
      <c r="H16358" s="12"/>
    </row>
    <row r="16359" spans="8:8">
      <c r="H16359" s="12"/>
    </row>
    <row r="16360" spans="8:8">
      <c r="H16360" s="12"/>
    </row>
    <row r="16361" spans="8:8">
      <c r="H16361" s="12"/>
    </row>
    <row r="16362" spans="8:8">
      <c r="H16362" s="12"/>
    </row>
    <row r="16363" spans="8:8">
      <c r="H16363" s="12"/>
    </row>
    <row r="16364" spans="8:8">
      <c r="H16364" s="12"/>
    </row>
    <row r="16365" spans="8:8">
      <c r="H16365" s="12"/>
    </row>
    <row r="16366" spans="8:8">
      <c r="H16366" s="12"/>
    </row>
    <row r="16367" spans="8:8">
      <c r="H16367" s="12"/>
    </row>
    <row r="16368" spans="8:8">
      <c r="H16368" s="12"/>
    </row>
    <row r="16369" spans="8:8">
      <c r="H16369" s="12"/>
    </row>
    <row r="16370" spans="8:8">
      <c r="H16370" s="12"/>
    </row>
    <row r="16371" spans="8:8">
      <c r="H16371" s="12"/>
    </row>
    <row r="16372" spans="8:8">
      <c r="H16372" s="12"/>
    </row>
    <row r="16373" spans="8:8">
      <c r="H16373" s="12"/>
    </row>
    <row r="16374" spans="8:8">
      <c r="H16374" s="12"/>
    </row>
    <row r="16375" spans="8:8">
      <c r="H16375" s="12"/>
    </row>
    <row r="16376" spans="8:8">
      <c r="H16376" s="12"/>
    </row>
    <row r="16377" spans="8:8">
      <c r="H16377" s="12"/>
    </row>
    <row r="16378" spans="8:8">
      <c r="H16378" s="12"/>
    </row>
    <row r="16379" spans="8:8">
      <c r="H16379" s="12"/>
    </row>
    <row r="16380" spans="8:8">
      <c r="H16380" s="12"/>
    </row>
    <row r="16381" spans="8:8">
      <c r="H16381" s="12"/>
    </row>
    <row r="16382" spans="8:8">
      <c r="H16382" s="12"/>
    </row>
    <row r="16383" spans="8:8">
      <c r="H16383" s="12"/>
    </row>
    <row r="16384" spans="8:8">
      <c r="H16384" s="12"/>
    </row>
    <row r="16385" spans="8:8">
      <c r="H16385" s="12"/>
    </row>
    <row r="16386" spans="8:8">
      <c r="H16386" s="12"/>
    </row>
    <row r="16387" spans="8:8">
      <c r="H16387" s="12"/>
    </row>
    <row r="16388" spans="8:8">
      <c r="H16388" s="12"/>
    </row>
    <row r="16389" spans="8:8">
      <c r="H16389" s="12"/>
    </row>
    <row r="16390" spans="8:8">
      <c r="H16390" s="12"/>
    </row>
    <row r="16391" spans="8:8">
      <c r="H16391" s="12"/>
    </row>
    <row r="16392" spans="8:8">
      <c r="H16392" s="12"/>
    </row>
    <row r="16393" spans="8:8">
      <c r="H16393" s="12"/>
    </row>
    <row r="16394" spans="8:8">
      <c r="H16394" s="12"/>
    </row>
    <row r="16395" spans="8:8">
      <c r="H16395" s="12"/>
    </row>
    <row r="16396" spans="8:8">
      <c r="H16396" s="12"/>
    </row>
    <row r="16397" spans="8:8">
      <c r="H16397" s="12"/>
    </row>
    <row r="16398" spans="8:8">
      <c r="H16398" s="12"/>
    </row>
    <row r="16399" spans="8:8">
      <c r="H16399" s="12"/>
    </row>
    <row r="16400" spans="8:8">
      <c r="H16400" s="12"/>
    </row>
    <row r="16401" spans="8:8">
      <c r="H16401" s="12"/>
    </row>
    <row r="16402" spans="8:8">
      <c r="H16402" s="12"/>
    </row>
    <row r="16403" spans="8:8">
      <c r="H16403" s="12"/>
    </row>
    <row r="16404" spans="8:8">
      <c r="H16404" s="12"/>
    </row>
    <row r="16405" spans="8:8">
      <c r="H16405" s="12"/>
    </row>
    <row r="16406" spans="8:8">
      <c r="H16406" s="12"/>
    </row>
    <row r="16407" spans="8:8">
      <c r="H16407" s="12"/>
    </row>
    <row r="16408" spans="8:8">
      <c r="H16408" s="12"/>
    </row>
    <row r="16409" spans="8:8">
      <c r="H16409" s="12"/>
    </row>
    <row r="16410" spans="8:8">
      <c r="H16410" s="12"/>
    </row>
    <row r="16411" spans="8:8">
      <c r="H16411" s="12"/>
    </row>
    <row r="16412" spans="8:8">
      <c r="H16412" s="12"/>
    </row>
    <row r="16413" spans="8:8">
      <c r="H16413" s="12"/>
    </row>
    <row r="16414" spans="8:8">
      <c r="H16414" s="12"/>
    </row>
    <row r="16415" spans="8:8">
      <c r="H16415" s="12"/>
    </row>
    <row r="16416" spans="8:8">
      <c r="H16416" s="12"/>
    </row>
    <row r="16417" spans="8:8">
      <c r="H16417" s="12"/>
    </row>
    <row r="16418" spans="8:8">
      <c r="H16418" s="12"/>
    </row>
    <row r="16419" spans="8:8">
      <c r="H16419" s="12"/>
    </row>
    <row r="16420" spans="8:8">
      <c r="H16420" s="12"/>
    </row>
    <row r="16421" spans="8:8">
      <c r="H16421" s="12"/>
    </row>
    <row r="16422" spans="8:8">
      <c r="H16422" s="12"/>
    </row>
    <row r="16423" spans="8:8">
      <c r="H16423" s="12"/>
    </row>
    <row r="16424" spans="8:8">
      <c r="H16424" s="12"/>
    </row>
    <row r="16425" spans="8:8">
      <c r="H16425" s="12"/>
    </row>
    <row r="16426" spans="8:8">
      <c r="H16426" s="12"/>
    </row>
    <row r="16427" spans="8:8">
      <c r="H16427" s="12"/>
    </row>
    <row r="16428" spans="8:8">
      <c r="H16428" s="12"/>
    </row>
    <row r="16429" spans="8:8">
      <c r="H16429" s="12"/>
    </row>
    <row r="16430" spans="8:8">
      <c r="H16430" s="12"/>
    </row>
    <row r="16431" spans="8:8">
      <c r="H16431" s="12"/>
    </row>
    <row r="16432" spans="8:8">
      <c r="H16432" s="12"/>
    </row>
    <row r="16433" spans="8:8">
      <c r="H16433" s="12"/>
    </row>
    <row r="16434" spans="8:8">
      <c r="H16434" s="12"/>
    </row>
    <row r="16435" spans="8:8">
      <c r="H16435" s="12"/>
    </row>
    <row r="16436" spans="8:8">
      <c r="H16436" s="12"/>
    </row>
    <row r="16437" spans="8:8">
      <c r="H16437" s="12"/>
    </row>
    <row r="16438" spans="8:8">
      <c r="H16438" s="12"/>
    </row>
    <row r="16439" spans="8:8">
      <c r="H16439" s="12"/>
    </row>
    <row r="16440" spans="8:8">
      <c r="H16440" s="12"/>
    </row>
    <row r="16441" spans="8:8">
      <c r="H16441" s="12"/>
    </row>
    <row r="16442" spans="8:8">
      <c r="H16442" s="12"/>
    </row>
    <row r="16443" spans="8:8">
      <c r="H16443" s="12"/>
    </row>
    <row r="16444" spans="8:8">
      <c r="H16444" s="12"/>
    </row>
    <row r="16445" spans="8:8">
      <c r="H16445" s="12"/>
    </row>
    <row r="16446" spans="8:8">
      <c r="H16446" s="12"/>
    </row>
    <row r="16447" spans="8:8">
      <c r="H16447" s="12"/>
    </row>
    <row r="16448" spans="8:8">
      <c r="H16448" s="12"/>
    </row>
    <row r="16449" spans="8:8">
      <c r="H16449" s="12"/>
    </row>
    <row r="16450" spans="8:8">
      <c r="H16450" s="12"/>
    </row>
    <row r="16451" spans="8:8">
      <c r="H16451" s="12"/>
    </row>
    <row r="16452" spans="8:8">
      <c r="H16452" s="12"/>
    </row>
    <row r="16453" spans="8:8">
      <c r="H16453" s="12"/>
    </row>
    <row r="16454" spans="8:8">
      <c r="H16454" s="12"/>
    </row>
    <row r="16455" spans="8:8">
      <c r="H16455" s="12"/>
    </row>
    <row r="16456" spans="8:8">
      <c r="H16456" s="12"/>
    </row>
    <row r="16457" spans="8:8">
      <c r="H16457" s="12"/>
    </row>
    <row r="16458" spans="8:8">
      <c r="H16458" s="12"/>
    </row>
    <row r="16459" spans="8:8">
      <c r="H16459" s="12"/>
    </row>
    <row r="16460" spans="8:8">
      <c r="H16460" s="12"/>
    </row>
    <row r="16461" spans="8:8">
      <c r="H16461" s="12"/>
    </row>
    <row r="16462" spans="8:8">
      <c r="H16462" s="12"/>
    </row>
    <row r="16463" spans="8:8">
      <c r="H16463" s="12"/>
    </row>
    <row r="16464" spans="8:8">
      <c r="H16464" s="12"/>
    </row>
    <row r="16465" spans="8:8">
      <c r="H16465" s="12"/>
    </row>
    <row r="16466" spans="8:8">
      <c r="H16466" s="12"/>
    </row>
    <row r="16467" spans="8:8">
      <c r="H16467" s="12"/>
    </row>
    <row r="16468" spans="8:8">
      <c r="H16468" s="12"/>
    </row>
    <row r="16469" spans="8:8">
      <c r="H16469" s="12"/>
    </row>
    <row r="16470" spans="8:8">
      <c r="H16470" s="12"/>
    </row>
    <row r="16471" spans="8:8">
      <c r="H16471" s="12"/>
    </row>
    <row r="16472" spans="8:8">
      <c r="H16472" s="12"/>
    </row>
    <row r="16473" spans="8:8">
      <c r="H16473" s="12"/>
    </row>
    <row r="16474" spans="8:8">
      <c r="H16474" s="12"/>
    </row>
    <row r="16475" spans="8:8">
      <c r="H16475" s="12"/>
    </row>
    <row r="16476" spans="8:8">
      <c r="H16476" s="12"/>
    </row>
    <row r="16477" spans="8:8">
      <c r="H16477" s="12"/>
    </row>
    <row r="16478" spans="8:8">
      <c r="H16478" s="12"/>
    </row>
    <row r="16479" spans="8:8">
      <c r="H16479" s="12"/>
    </row>
    <row r="16480" spans="8:8">
      <c r="H16480" s="12"/>
    </row>
    <row r="16481" spans="8:8">
      <c r="H16481" s="12"/>
    </row>
    <row r="16482" spans="8:8">
      <c r="H16482" s="12"/>
    </row>
    <row r="16483" spans="8:8">
      <c r="H16483" s="12"/>
    </row>
    <row r="16484" spans="8:8">
      <c r="H16484" s="12"/>
    </row>
    <row r="16485" spans="8:8">
      <c r="H16485" s="12"/>
    </row>
    <row r="16486" spans="8:8">
      <c r="H16486" s="12"/>
    </row>
    <row r="16487" spans="8:8">
      <c r="H16487" s="12"/>
    </row>
    <row r="16488" spans="8:8">
      <c r="H16488" s="12"/>
    </row>
    <row r="16489" spans="8:8">
      <c r="H16489" s="12"/>
    </row>
    <row r="16490" spans="8:8">
      <c r="H16490" s="12"/>
    </row>
    <row r="16491" spans="8:8">
      <c r="H16491" s="12"/>
    </row>
    <row r="16492" spans="8:8">
      <c r="H16492" s="12"/>
    </row>
    <row r="16493" spans="8:8">
      <c r="H16493" s="12"/>
    </row>
    <row r="16494" spans="8:8">
      <c r="H16494" s="12"/>
    </row>
    <row r="16495" spans="8:8">
      <c r="H16495" s="12"/>
    </row>
    <row r="16496" spans="8:8">
      <c r="H16496" s="12"/>
    </row>
    <row r="16497" spans="8:8">
      <c r="H16497" s="12"/>
    </row>
    <row r="16498" spans="8:8">
      <c r="H16498" s="12"/>
    </row>
    <row r="16499" spans="8:8">
      <c r="H16499" s="12"/>
    </row>
    <row r="16500" spans="8:8">
      <c r="H16500" s="12"/>
    </row>
    <row r="16501" spans="8:8">
      <c r="H16501" s="12"/>
    </row>
    <row r="16502" spans="8:8">
      <c r="H16502" s="12"/>
    </row>
    <row r="16503" spans="8:8">
      <c r="H16503" s="12"/>
    </row>
    <row r="16504" spans="8:8">
      <c r="H16504" s="12"/>
    </row>
    <row r="16505" spans="8:8">
      <c r="H16505" s="12"/>
    </row>
    <row r="16506" spans="8:8">
      <c r="H16506" s="12"/>
    </row>
    <row r="16507" spans="8:8">
      <c r="H16507" s="12"/>
    </row>
    <row r="16508" spans="8:8">
      <c r="H16508" s="12"/>
    </row>
    <row r="16509" spans="8:8">
      <c r="H16509" s="12"/>
    </row>
    <row r="16510" spans="8:8">
      <c r="H16510" s="12"/>
    </row>
    <row r="16511" spans="8:8">
      <c r="H16511" s="12"/>
    </row>
    <row r="16512" spans="8:8">
      <c r="H16512" s="12"/>
    </row>
    <row r="16513" spans="8:8">
      <c r="H16513" s="12"/>
    </row>
    <row r="16514" spans="8:8">
      <c r="H16514" s="12"/>
    </row>
    <row r="16515" spans="8:8">
      <c r="H16515" s="12"/>
    </row>
    <row r="16516" spans="8:8">
      <c r="H16516" s="12"/>
    </row>
    <row r="16517" spans="8:8">
      <c r="H16517" s="12"/>
    </row>
    <row r="16518" spans="8:8">
      <c r="H16518" s="12"/>
    </row>
    <row r="16519" spans="8:8">
      <c r="H16519" s="12"/>
    </row>
    <row r="16520" spans="8:8">
      <c r="H16520" s="12"/>
    </row>
    <row r="16521" spans="8:8">
      <c r="H16521" s="12"/>
    </row>
    <row r="16522" spans="8:8">
      <c r="H16522" s="12"/>
    </row>
    <row r="16523" spans="8:8">
      <c r="H16523" s="12"/>
    </row>
    <row r="16524" spans="8:8">
      <c r="H16524" s="12"/>
    </row>
    <row r="16525" spans="8:8">
      <c r="H16525" s="12"/>
    </row>
    <row r="16526" spans="8:8">
      <c r="H16526" s="12"/>
    </row>
    <row r="16527" spans="8:8">
      <c r="H16527" s="12"/>
    </row>
    <row r="16528" spans="8:8">
      <c r="H16528" s="12"/>
    </row>
    <row r="16529" spans="8:8">
      <c r="H16529" s="12"/>
    </row>
    <row r="16530" spans="8:8">
      <c r="H16530" s="12"/>
    </row>
    <row r="16531" spans="8:8">
      <c r="H16531" s="12"/>
    </row>
    <row r="16532" spans="8:8">
      <c r="H16532" s="12"/>
    </row>
    <row r="16533" spans="8:8">
      <c r="H16533" s="12"/>
    </row>
    <row r="16534" spans="8:8">
      <c r="H16534" s="12"/>
    </row>
    <row r="16535" spans="8:8">
      <c r="H16535" s="12"/>
    </row>
    <row r="16536" spans="8:8">
      <c r="H16536" s="12"/>
    </row>
    <row r="16537" spans="8:8">
      <c r="H16537" s="12"/>
    </row>
    <row r="16538" spans="8:8">
      <c r="H16538" s="12"/>
    </row>
    <row r="16539" spans="8:8">
      <c r="H16539" s="12"/>
    </row>
    <row r="16540" spans="8:8">
      <c r="H16540" s="12"/>
    </row>
    <row r="16541" spans="8:8">
      <c r="H16541" s="12"/>
    </row>
    <row r="16542" spans="8:8">
      <c r="H16542" s="12"/>
    </row>
    <row r="16543" spans="8:8">
      <c r="H16543" s="12"/>
    </row>
    <row r="16544" spans="8:8">
      <c r="H16544" s="12"/>
    </row>
    <row r="16545" spans="8:8">
      <c r="H16545" s="12"/>
    </row>
    <row r="16546" spans="8:8">
      <c r="H16546" s="12"/>
    </row>
    <row r="16547" spans="8:8">
      <c r="H16547" s="12"/>
    </row>
    <row r="16548" spans="8:8">
      <c r="H16548" s="12"/>
    </row>
    <row r="16549" spans="8:8">
      <c r="H16549" s="12"/>
    </row>
    <row r="16550" spans="8:8">
      <c r="H16550" s="12"/>
    </row>
    <row r="16551" spans="8:8">
      <c r="H16551" s="12"/>
    </row>
    <row r="16552" spans="8:8">
      <c r="H16552" s="12"/>
    </row>
    <row r="16553" spans="8:8">
      <c r="H16553" s="12"/>
    </row>
    <row r="16554" spans="8:8">
      <c r="H16554" s="12"/>
    </row>
    <row r="16555" spans="8:8">
      <c r="H16555" s="12"/>
    </row>
    <row r="16556" spans="8:8">
      <c r="H16556" s="12"/>
    </row>
    <row r="16557" spans="8:8">
      <c r="H16557" s="12"/>
    </row>
    <row r="16558" spans="8:8">
      <c r="H16558" s="12"/>
    </row>
    <row r="16559" spans="8:8">
      <c r="H16559" s="12"/>
    </row>
    <row r="16560" spans="8:8">
      <c r="H16560" s="12"/>
    </row>
    <row r="16561" spans="8:8">
      <c r="H16561" s="12"/>
    </row>
    <row r="16562" spans="8:8">
      <c r="H16562" s="12"/>
    </row>
    <row r="16563" spans="8:8">
      <c r="H16563" s="12"/>
    </row>
    <row r="16564" spans="8:8">
      <c r="H16564" s="12"/>
    </row>
    <row r="16565" spans="8:8">
      <c r="H16565" s="12"/>
    </row>
    <row r="16566" spans="8:8">
      <c r="H16566" s="12"/>
    </row>
    <row r="16567" spans="8:8">
      <c r="H16567" s="12"/>
    </row>
    <row r="16568" spans="8:8">
      <c r="H16568" s="12"/>
    </row>
    <row r="16569" spans="8:8">
      <c r="H16569" s="12"/>
    </row>
    <row r="16570" spans="8:8">
      <c r="H16570" s="12"/>
    </row>
    <row r="16571" spans="8:8">
      <c r="H16571" s="12"/>
    </row>
    <row r="16572" spans="8:8">
      <c r="H16572" s="12"/>
    </row>
    <row r="16573" spans="8:8">
      <c r="H16573" s="12"/>
    </row>
    <row r="16574" spans="8:8">
      <c r="H16574" s="12"/>
    </row>
    <row r="16575" spans="8:8">
      <c r="H16575" s="12"/>
    </row>
    <row r="16576" spans="8:8">
      <c r="H16576" s="12"/>
    </row>
    <row r="16577" spans="8:8">
      <c r="H16577" s="12"/>
    </row>
    <row r="16578" spans="8:8">
      <c r="H16578" s="12"/>
    </row>
    <row r="16579" spans="8:8">
      <c r="H16579" s="12"/>
    </row>
    <row r="16580" spans="8:8">
      <c r="H16580" s="12"/>
    </row>
    <row r="16581" spans="8:8">
      <c r="H16581" s="12"/>
    </row>
    <row r="16582" spans="8:8">
      <c r="H16582" s="12"/>
    </row>
    <row r="16583" spans="8:8">
      <c r="H16583" s="12"/>
    </row>
    <row r="16584" spans="8:8">
      <c r="H16584" s="12"/>
    </row>
    <row r="16585" spans="8:8">
      <c r="H16585" s="12"/>
    </row>
    <row r="16586" spans="8:8">
      <c r="H16586" s="12"/>
    </row>
    <row r="16587" spans="8:8">
      <c r="H16587" s="12"/>
    </row>
    <row r="16588" spans="8:8">
      <c r="H16588" s="12"/>
    </row>
    <row r="16589" spans="8:8">
      <c r="H16589" s="12"/>
    </row>
    <row r="16590" spans="8:8">
      <c r="H16590" s="12"/>
    </row>
    <row r="16591" spans="8:8">
      <c r="H16591" s="12"/>
    </row>
    <row r="16592" spans="8:8">
      <c r="H16592" s="12"/>
    </row>
    <row r="16593" spans="8:8">
      <c r="H16593" s="12"/>
    </row>
    <row r="16594" spans="8:8">
      <c r="H16594" s="12"/>
    </row>
    <row r="16595" spans="8:8">
      <c r="H16595" s="12"/>
    </row>
    <row r="16596" spans="8:8">
      <c r="H16596" s="12"/>
    </row>
    <row r="16597" spans="8:8">
      <c r="H16597" s="12"/>
    </row>
    <row r="16598" spans="8:8">
      <c r="H16598" s="12"/>
    </row>
    <row r="16599" spans="8:8">
      <c r="H16599" s="12"/>
    </row>
    <row r="16600" spans="8:8">
      <c r="H16600" s="12"/>
    </row>
    <row r="16601" spans="8:8">
      <c r="H16601" s="12"/>
    </row>
    <row r="16602" spans="8:8">
      <c r="H16602" s="12"/>
    </row>
    <row r="16603" spans="8:8">
      <c r="H16603" s="12"/>
    </row>
    <row r="16604" spans="8:8">
      <c r="H16604" s="12"/>
    </row>
    <row r="16605" spans="8:8">
      <c r="H16605" s="12"/>
    </row>
    <row r="16606" spans="8:8">
      <c r="H16606" s="12"/>
    </row>
    <row r="16607" spans="8:8">
      <c r="H16607" s="12"/>
    </row>
    <row r="16608" spans="8:8">
      <c r="H16608" s="12"/>
    </row>
    <row r="16609" spans="8:8">
      <c r="H16609" s="12"/>
    </row>
    <row r="16610" spans="8:8">
      <c r="H16610" s="12"/>
    </row>
    <row r="16611" spans="8:8">
      <c r="H16611" s="12"/>
    </row>
    <row r="16612" spans="8:8">
      <c r="H16612" s="12"/>
    </row>
    <row r="16613" spans="8:8">
      <c r="H16613" s="12"/>
    </row>
    <row r="16614" spans="8:8">
      <c r="H16614" s="12"/>
    </row>
    <row r="16615" spans="8:8">
      <c r="H16615" s="12"/>
    </row>
    <row r="16616" spans="8:8">
      <c r="H16616" s="12"/>
    </row>
    <row r="16617" spans="8:8">
      <c r="H16617" s="12"/>
    </row>
    <row r="16618" spans="8:8">
      <c r="H16618" s="12"/>
    </row>
    <row r="16619" spans="8:8">
      <c r="H16619" s="12"/>
    </row>
    <row r="16620" spans="8:8">
      <c r="H16620" s="12"/>
    </row>
    <row r="16621" spans="8:8">
      <c r="H16621" s="12"/>
    </row>
    <row r="16622" spans="8:8">
      <c r="H16622" s="12"/>
    </row>
    <row r="16623" spans="8:8">
      <c r="H16623" s="12"/>
    </row>
    <row r="16624" spans="8:8">
      <c r="H16624" s="12"/>
    </row>
    <row r="16625" spans="8:8">
      <c r="H16625" s="12"/>
    </row>
    <row r="16626" spans="8:8">
      <c r="H16626" s="12"/>
    </row>
    <row r="16627" spans="8:8">
      <c r="H16627" s="12"/>
    </row>
    <row r="16628" spans="8:8">
      <c r="H16628" s="12"/>
    </row>
    <row r="16629" spans="8:8">
      <c r="H16629" s="12"/>
    </row>
    <row r="16630" spans="8:8">
      <c r="H16630" s="12"/>
    </row>
    <row r="16631" spans="8:8">
      <c r="H16631" s="12"/>
    </row>
    <row r="16632" spans="8:8">
      <c r="H16632" s="12"/>
    </row>
    <row r="16633" spans="8:8">
      <c r="H16633" s="12"/>
    </row>
    <row r="16634" spans="8:8">
      <c r="H16634" s="12"/>
    </row>
    <row r="16635" spans="8:8">
      <c r="H16635" s="12"/>
    </row>
    <row r="16636" spans="8:8">
      <c r="H16636" s="12"/>
    </row>
    <row r="16637" spans="8:8">
      <c r="H16637" s="12"/>
    </row>
    <row r="16638" spans="8:8">
      <c r="H16638" s="12"/>
    </row>
    <row r="16639" spans="8:8">
      <c r="H16639" s="12"/>
    </row>
    <row r="16640" spans="8:8">
      <c r="H16640" s="12"/>
    </row>
    <row r="16641" spans="8:8">
      <c r="H16641" s="12"/>
    </row>
    <row r="16642" spans="8:8">
      <c r="H16642" s="12"/>
    </row>
    <row r="16643" spans="8:8">
      <c r="H16643" s="12"/>
    </row>
    <row r="16644" spans="8:8">
      <c r="H16644" s="12"/>
    </row>
    <row r="16645" spans="8:8">
      <c r="H16645" s="12"/>
    </row>
    <row r="16646" spans="8:8">
      <c r="H16646" s="12"/>
    </row>
    <row r="16647" spans="8:8">
      <c r="H16647" s="12"/>
    </row>
    <row r="16648" spans="8:8">
      <c r="H16648" s="12"/>
    </row>
    <row r="16649" spans="8:8">
      <c r="H16649" s="12"/>
    </row>
    <row r="16650" spans="8:8">
      <c r="H16650" s="12"/>
    </row>
    <row r="16651" spans="8:8">
      <c r="H16651" s="12"/>
    </row>
    <row r="16652" spans="8:8">
      <c r="H16652" s="12"/>
    </row>
    <row r="16653" spans="8:8">
      <c r="H16653" s="12"/>
    </row>
    <row r="16654" spans="8:8">
      <c r="H16654" s="12"/>
    </row>
    <row r="16655" spans="8:8">
      <c r="H16655" s="12"/>
    </row>
    <row r="16656" spans="8:8">
      <c r="H16656" s="12"/>
    </row>
    <row r="16657" spans="8:8">
      <c r="H16657" s="12"/>
    </row>
    <row r="16658" spans="8:8">
      <c r="H16658" s="12"/>
    </row>
    <row r="16659" spans="8:8">
      <c r="H16659" s="12"/>
    </row>
    <row r="16660" spans="8:8">
      <c r="H16660" s="12"/>
    </row>
    <row r="16661" spans="8:8">
      <c r="H16661" s="12"/>
    </row>
    <row r="16662" spans="8:8">
      <c r="H16662" s="12"/>
    </row>
    <row r="16663" spans="8:8">
      <c r="H16663" s="12"/>
    </row>
    <row r="16664" spans="8:8">
      <c r="H16664" s="12"/>
    </row>
    <row r="16665" spans="8:8">
      <c r="H16665" s="12"/>
    </row>
    <row r="16666" spans="8:8">
      <c r="H16666" s="12"/>
    </row>
    <row r="16667" spans="8:8">
      <c r="H16667" s="12"/>
    </row>
    <row r="16668" spans="8:8">
      <c r="H16668" s="12"/>
    </row>
    <row r="16669" spans="8:8">
      <c r="H16669" s="12"/>
    </row>
    <row r="16670" spans="8:8">
      <c r="H16670" s="12"/>
    </row>
    <row r="16671" spans="8:8">
      <c r="H16671" s="12"/>
    </row>
    <row r="16672" spans="8:8">
      <c r="H16672" s="12"/>
    </row>
    <row r="16673" spans="8:8">
      <c r="H16673" s="12"/>
    </row>
    <row r="16674" spans="8:8">
      <c r="H16674" s="12"/>
    </row>
    <row r="16675" spans="8:8">
      <c r="H16675" s="12"/>
    </row>
    <row r="16676" spans="8:8">
      <c r="H16676" s="12"/>
    </row>
    <row r="16677" spans="8:8">
      <c r="H16677" s="12"/>
    </row>
    <row r="16678" spans="8:8">
      <c r="H16678" s="12"/>
    </row>
    <row r="16679" spans="8:8">
      <c r="H16679" s="12"/>
    </row>
    <row r="16680" spans="8:8">
      <c r="H16680" s="12"/>
    </row>
    <row r="16681" spans="8:8">
      <c r="H16681" s="12"/>
    </row>
    <row r="16682" spans="8:8">
      <c r="H16682" s="12"/>
    </row>
    <row r="16683" spans="8:8">
      <c r="H16683" s="12"/>
    </row>
    <row r="16684" spans="8:8">
      <c r="H16684" s="12"/>
    </row>
    <row r="16685" spans="8:8">
      <c r="H16685" s="12"/>
    </row>
    <row r="16686" spans="8:8">
      <c r="H16686" s="12"/>
    </row>
    <row r="16687" spans="8:8">
      <c r="H16687" s="12"/>
    </row>
    <row r="16688" spans="8:8">
      <c r="H16688" s="12"/>
    </row>
    <row r="16689" spans="8:8">
      <c r="H16689" s="12"/>
    </row>
    <row r="16690" spans="8:8">
      <c r="H16690" s="12"/>
    </row>
    <row r="16691" spans="8:8">
      <c r="H16691" s="12"/>
    </row>
    <row r="16692" spans="8:8">
      <c r="H16692" s="12"/>
    </row>
    <row r="16693" spans="8:8">
      <c r="H16693" s="12"/>
    </row>
    <row r="16694" spans="8:8">
      <c r="H16694" s="12"/>
    </row>
    <row r="16695" spans="8:8">
      <c r="H16695" s="12"/>
    </row>
    <row r="16696" spans="8:8">
      <c r="H16696" s="12"/>
    </row>
    <row r="16697" spans="8:8">
      <c r="H16697" s="12"/>
    </row>
    <row r="16698" spans="8:8">
      <c r="H16698" s="12"/>
    </row>
    <row r="16699" spans="8:8">
      <c r="H16699" s="12"/>
    </row>
    <row r="16700" spans="8:8">
      <c r="H16700" s="12"/>
    </row>
    <row r="16701" spans="8:8">
      <c r="H16701" s="12"/>
    </row>
    <row r="16702" spans="8:8">
      <c r="H16702" s="12"/>
    </row>
    <row r="16703" spans="8:8">
      <c r="H16703" s="12"/>
    </row>
    <row r="16704" spans="8:8">
      <c r="H16704" s="12"/>
    </row>
    <row r="16705" spans="8:8">
      <c r="H16705" s="12"/>
    </row>
    <row r="16706" spans="8:8">
      <c r="H16706" s="12"/>
    </row>
    <row r="16707" spans="8:8">
      <c r="H16707" s="12"/>
    </row>
    <row r="16708" spans="8:8">
      <c r="H16708" s="12"/>
    </row>
    <row r="16709" spans="8:8">
      <c r="H16709" s="12"/>
    </row>
    <row r="16710" spans="8:8">
      <c r="H16710" s="12"/>
    </row>
    <row r="16711" spans="8:8">
      <c r="H16711" s="12"/>
    </row>
    <row r="16712" spans="8:8">
      <c r="H16712" s="12"/>
    </row>
    <row r="16713" spans="8:8">
      <c r="H16713" s="12"/>
    </row>
    <row r="16714" spans="8:8">
      <c r="H16714" s="12"/>
    </row>
    <row r="16715" spans="8:8">
      <c r="H16715" s="12"/>
    </row>
    <row r="16716" spans="8:8">
      <c r="H16716" s="12"/>
    </row>
    <row r="16717" spans="8:8">
      <c r="H16717" s="12"/>
    </row>
    <row r="16718" spans="8:8">
      <c r="H16718" s="12"/>
    </row>
    <row r="16719" spans="8:8">
      <c r="H16719" s="12"/>
    </row>
    <row r="16720" spans="8:8">
      <c r="H16720" s="12"/>
    </row>
    <row r="16721" spans="8:8">
      <c r="H16721" s="12"/>
    </row>
    <row r="16722" spans="8:8">
      <c r="H16722" s="12"/>
    </row>
    <row r="16723" spans="8:8">
      <c r="H16723" s="12"/>
    </row>
    <row r="16724" spans="8:8">
      <c r="H16724" s="12"/>
    </row>
    <row r="16725" spans="8:8">
      <c r="H16725" s="12"/>
    </row>
    <row r="16726" spans="8:8">
      <c r="H16726" s="12"/>
    </row>
    <row r="16727" spans="8:8">
      <c r="H16727" s="12"/>
    </row>
    <row r="16728" spans="8:8">
      <c r="H16728" s="12"/>
    </row>
    <row r="16729" spans="8:8">
      <c r="H16729" s="12"/>
    </row>
    <row r="16730" spans="8:8">
      <c r="H16730" s="12"/>
    </row>
    <row r="16731" spans="8:8">
      <c r="H16731" s="12"/>
    </row>
    <row r="16732" spans="8:8">
      <c r="H16732" s="12"/>
    </row>
    <row r="16733" spans="8:8">
      <c r="H16733" s="12"/>
    </row>
    <row r="16734" spans="8:8">
      <c r="H16734" s="12"/>
    </row>
    <row r="16735" spans="8:8">
      <c r="H16735" s="12"/>
    </row>
    <row r="16736" spans="8:8">
      <c r="H16736" s="12"/>
    </row>
    <row r="16737" spans="8:8">
      <c r="H16737" s="12"/>
    </row>
    <row r="16738" spans="8:8">
      <c r="H16738" s="12"/>
    </row>
    <row r="16739" spans="8:8">
      <c r="H16739" s="12"/>
    </row>
    <row r="16740" spans="8:8">
      <c r="H16740" s="12"/>
    </row>
    <row r="16741" spans="8:8">
      <c r="H16741" s="12"/>
    </row>
    <row r="16742" spans="8:8">
      <c r="H16742" s="12"/>
    </row>
    <row r="16743" spans="8:8">
      <c r="H16743" s="12"/>
    </row>
    <row r="16744" spans="8:8">
      <c r="H16744" s="12"/>
    </row>
    <row r="16745" spans="8:8">
      <c r="H16745" s="12"/>
    </row>
    <row r="16746" spans="8:8">
      <c r="H16746" s="12"/>
    </row>
    <row r="16747" spans="8:8">
      <c r="H16747" s="12"/>
    </row>
    <row r="16748" spans="8:8">
      <c r="H16748" s="12"/>
    </row>
    <row r="16749" spans="8:8">
      <c r="H16749" s="12"/>
    </row>
    <row r="16750" spans="8:8">
      <c r="H16750" s="12"/>
    </row>
    <row r="16751" spans="8:8">
      <c r="H16751" s="12"/>
    </row>
    <row r="16752" spans="8:8">
      <c r="H16752" s="12"/>
    </row>
    <row r="16753" spans="8:8">
      <c r="H16753" s="12"/>
    </row>
    <row r="16754" spans="8:8">
      <c r="H16754" s="12"/>
    </row>
    <row r="16755" spans="8:8">
      <c r="H16755" s="12"/>
    </row>
    <row r="16756" spans="8:8">
      <c r="H16756" s="12"/>
    </row>
    <row r="16757" spans="8:8">
      <c r="H16757" s="12"/>
    </row>
    <row r="16758" spans="8:8">
      <c r="H16758" s="12"/>
    </row>
    <row r="16759" spans="8:8">
      <c r="H16759" s="12"/>
    </row>
    <row r="16760" spans="8:8">
      <c r="H16760" s="12"/>
    </row>
    <row r="16761" spans="8:8">
      <c r="H16761" s="12"/>
    </row>
    <row r="16762" spans="8:8">
      <c r="H16762" s="12"/>
    </row>
    <row r="16763" spans="8:8">
      <c r="H16763" s="12"/>
    </row>
    <row r="16764" spans="8:8">
      <c r="H16764" s="12"/>
    </row>
    <row r="16765" spans="8:8">
      <c r="H16765" s="12"/>
    </row>
    <row r="16766" spans="8:8">
      <c r="H16766" s="12"/>
    </row>
    <row r="16767" spans="8:8">
      <c r="H16767" s="12"/>
    </row>
    <row r="16768" spans="8:8">
      <c r="H16768" s="12"/>
    </row>
    <row r="16769" spans="8:8">
      <c r="H16769" s="12"/>
    </row>
    <row r="16770" spans="8:8">
      <c r="H16770" s="12"/>
    </row>
    <row r="16771" spans="8:8">
      <c r="H16771" s="12"/>
    </row>
    <row r="16772" spans="8:8">
      <c r="H16772" s="12"/>
    </row>
    <row r="16773" spans="8:8">
      <c r="H16773" s="12"/>
    </row>
    <row r="16774" spans="8:8">
      <c r="H16774" s="12"/>
    </row>
    <row r="16775" spans="8:8">
      <c r="H16775" s="12"/>
    </row>
    <row r="16776" spans="8:8">
      <c r="H16776" s="12"/>
    </row>
    <row r="16777" spans="8:8">
      <c r="H16777" s="12"/>
    </row>
    <row r="16778" spans="8:8">
      <c r="H16778" s="12"/>
    </row>
    <row r="16779" spans="8:8">
      <c r="H16779" s="12"/>
    </row>
    <row r="16780" spans="8:8">
      <c r="H16780" s="12"/>
    </row>
    <row r="16781" spans="8:8">
      <c r="H16781" s="12"/>
    </row>
    <row r="16782" spans="8:8">
      <c r="H16782" s="12"/>
    </row>
    <row r="16783" spans="8:8">
      <c r="H16783" s="12"/>
    </row>
    <row r="16784" spans="8:8">
      <c r="H16784" s="12"/>
    </row>
    <row r="16785" spans="8:8">
      <c r="H16785" s="12"/>
    </row>
    <row r="16786" spans="8:8">
      <c r="H16786" s="12"/>
    </row>
    <row r="16787" spans="8:8">
      <c r="H16787" s="12"/>
    </row>
    <row r="16788" spans="8:8">
      <c r="H16788" s="12"/>
    </row>
    <row r="16789" spans="8:8">
      <c r="H16789" s="12"/>
    </row>
    <row r="16790" spans="8:8">
      <c r="H16790" s="12"/>
    </row>
    <row r="16791" spans="8:8">
      <c r="H16791" s="12"/>
    </row>
    <row r="16792" spans="8:8">
      <c r="H16792" s="12"/>
    </row>
    <row r="16793" spans="8:8">
      <c r="H16793" s="12"/>
    </row>
    <row r="16794" spans="8:8">
      <c r="H16794" s="12"/>
    </row>
    <row r="16795" spans="8:8">
      <c r="H16795" s="12"/>
    </row>
    <row r="16796" spans="8:8">
      <c r="H16796" s="12"/>
    </row>
    <row r="16797" spans="8:8">
      <c r="H16797" s="12"/>
    </row>
    <row r="16798" spans="8:8">
      <c r="H16798" s="12"/>
    </row>
    <row r="16799" spans="8:8">
      <c r="H16799" s="12"/>
    </row>
    <row r="16800" spans="8:8">
      <c r="H16800" s="12"/>
    </row>
    <row r="16801" spans="8:8">
      <c r="H16801" s="12"/>
    </row>
    <row r="16802" spans="8:8">
      <c r="H16802" s="12"/>
    </row>
    <row r="16803" spans="8:8">
      <c r="H16803" s="12"/>
    </row>
    <row r="16804" spans="8:8">
      <c r="H16804" s="12"/>
    </row>
    <row r="16805" spans="8:8">
      <c r="H16805" s="12"/>
    </row>
    <row r="16806" spans="8:8">
      <c r="H16806" s="12"/>
    </row>
    <row r="16807" spans="8:8">
      <c r="H16807" s="12"/>
    </row>
    <row r="16808" spans="8:8">
      <c r="H16808" s="12"/>
    </row>
    <row r="16809" spans="8:8">
      <c r="H16809" s="12"/>
    </row>
    <row r="16810" spans="8:8">
      <c r="H16810" s="12"/>
    </row>
    <row r="16811" spans="8:8">
      <c r="H16811" s="12"/>
    </row>
    <row r="16812" spans="8:8">
      <c r="H16812" s="12"/>
    </row>
    <row r="16813" spans="8:8">
      <c r="H16813" s="12"/>
    </row>
    <row r="16814" spans="8:8">
      <c r="H16814" s="12"/>
    </row>
    <row r="16815" spans="8:8">
      <c r="H16815" s="12"/>
    </row>
    <row r="16816" spans="8:8">
      <c r="H16816" s="12"/>
    </row>
    <row r="16817" spans="8:8">
      <c r="H16817" s="12"/>
    </row>
    <row r="16818" spans="8:8">
      <c r="H16818" s="12"/>
    </row>
    <row r="16819" spans="8:8">
      <c r="H16819" s="12"/>
    </row>
    <row r="16820" spans="8:8">
      <c r="H16820" s="12"/>
    </row>
    <row r="16821" spans="8:8">
      <c r="H16821" s="12"/>
    </row>
    <row r="16822" spans="8:8">
      <c r="H16822" s="12"/>
    </row>
    <row r="16823" spans="8:8">
      <c r="H16823" s="12"/>
    </row>
    <row r="16824" spans="8:8">
      <c r="H16824" s="12"/>
    </row>
    <row r="16825" spans="8:8">
      <c r="H16825" s="12"/>
    </row>
    <row r="16826" spans="8:8">
      <c r="H16826" s="12"/>
    </row>
    <row r="16827" spans="8:8">
      <c r="H16827" s="12"/>
    </row>
    <row r="16828" spans="8:8">
      <c r="H16828" s="12"/>
    </row>
    <row r="16829" spans="8:8">
      <c r="H16829" s="12"/>
    </row>
    <row r="16830" spans="8:8">
      <c r="H16830" s="12"/>
    </row>
    <row r="16831" spans="8:8">
      <c r="H16831" s="12"/>
    </row>
    <row r="16832" spans="8:8">
      <c r="H16832" s="12"/>
    </row>
    <row r="16833" spans="8:8">
      <c r="H16833" s="12"/>
    </row>
    <row r="16834" spans="8:8">
      <c r="H16834" s="12"/>
    </row>
    <row r="16835" spans="8:8">
      <c r="H16835" s="12"/>
    </row>
    <row r="16836" spans="8:8">
      <c r="H16836" s="12"/>
    </row>
    <row r="16837" spans="8:8">
      <c r="H16837" s="12"/>
    </row>
    <row r="16838" spans="8:8">
      <c r="H16838" s="12"/>
    </row>
    <row r="16839" spans="8:8">
      <c r="H16839" s="12"/>
    </row>
    <row r="16840" spans="8:8">
      <c r="H16840" s="12"/>
    </row>
    <row r="16841" spans="8:8">
      <c r="H16841" s="12"/>
    </row>
    <row r="16842" spans="8:8">
      <c r="H16842" s="12"/>
    </row>
    <row r="16843" spans="8:8">
      <c r="H16843" s="12"/>
    </row>
    <row r="16844" spans="8:8">
      <c r="H16844" s="12"/>
    </row>
    <row r="16845" spans="8:8">
      <c r="H16845" s="12"/>
    </row>
    <row r="16846" spans="8:8">
      <c r="H16846" s="12"/>
    </row>
    <row r="16847" spans="8:8">
      <c r="H16847" s="12"/>
    </row>
    <row r="16848" spans="8:8">
      <c r="H16848" s="12"/>
    </row>
    <row r="16849" spans="8:8">
      <c r="H16849" s="12"/>
    </row>
    <row r="16850" spans="8:8">
      <c r="H16850" s="12"/>
    </row>
    <row r="16851" spans="8:8">
      <c r="H16851" s="12"/>
    </row>
    <row r="16852" spans="8:8">
      <c r="H16852" s="12"/>
    </row>
    <row r="16853" spans="8:8">
      <c r="H16853" s="12"/>
    </row>
    <row r="16854" spans="8:8">
      <c r="H16854" s="12"/>
    </row>
    <row r="16855" spans="8:8">
      <c r="H16855" s="12"/>
    </row>
    <row r="16856" spans="8:8">
      <c r="H16856" s="12"/>
    </row>
    <row r="16857" spans="8:8">
      <c r="H16857" s="12"/>
    </row>
    <row r="16858" spans="8:8">
      <c r="H16858" s="12"/>
    </row>
    <row r="16859" spans="8:8">
      <c r="H16859" s="12"/>
    </row>
    <row r="16860" spans="8:8">
      <c r="H16860" s="12"/>
    </row>
    <row r="16861" spans="8:8">
      <c r="H16861" s="12"/>
    </row>
    <row r="16862" spans="8:8">
      <c r="H16862" s="12"/>
    </row>
    <row r="16863" spans="8:8">
      <c r="H16863" s="12"/>
    </row>
    <row r="16864" spans="8:8">
      <c r="H16864" s="12"/>
    </row>
    <row r="16865" spans="8:8">
      <c r="H16865" s="12"/>
    </row>
    <row r="16866" spans="8:8">
      <c r="H16866" s="12"/>
    </row>
    <row r="16867" spans="8:8">
      <c r="H16867" s="12"/>
    </row>
    <row r="16868" spans="8:8">
      <c r="H16868" s="12"/>
    </row>
    <row r="16869" spans="8:8">
      <c r="H16869" s="12"/>
    </row>
    <row r="16870" spans="8:8">
      <c r="H16870" s="12"/>
    </row>
    <row r="16871" spans="8:8">
      <c r="H16871" s="12"/>
    </row>
    <row r="16872" spans="8:8">
      <c r="H16872" s="12"/>
    </row>
    <row r="16873" spans="8:8">
      <c r="H16873" s="12"/>
    </row>
    <row r="16874" spans="8:8">
      <c r="H16874" s="12"/>
    </row>
    <row r="16875" spans="8:8">
      <c r="H16875" s="12"/>
    </row>
    <row r="16876" spans="8:8">
      <c r="H16876" s="12"/>
    </row>
    <row r="16877" spans="8:8">
      <c r="H16877" s="12"/>
    </row>
    <row r="16878" spans="8:8">
      <c r="H16878" s="12"/>
    </row>
    <row r="16879" spans="8:8">
      <c r="H16879" s="12"/>
    </row>
    <row r="16880" spans="8:8">
      <c r="H16880" s="12"/>
    </row>
    <row r="16881" spans="8:8">
      <c r="H16881" s="12"/>
    </row>
    <row r="16882" spans="8:8">
      <c r="H16882" s="12"/>
    </row>
    <row r="16883" spans="8:8">
      <c r="H16883" s="12"/>
    </row>
    <row r="16884" spans="8:8">
      <c r="H16884" s="12"/>
    </row>
    <row r="16885" spans="8:8">
      <c r="H16885" s="12"/>
    </row>
    <row r="16886" spans="8:8">
      <c r="H16886" s="12"/>
    </row>
    <row r="16887" spans="8:8">
      <c r="H16887" s="12"/>
    </row>
    <row r="16888" spans="8:8">
      <c r="H16888" s="12"/>
    </row>
    <row r="16889" spans="8:8">
      <c r="H16889" s="12"/>
    </row>
    <row r="16890" spans="8:8">
      <c r="H16890" s="12"/>
    </row>
    <row r="16891" spans="8:8">
      <c r="H16891" s="12"/>
    </row>
    <row r="16892" spans="8:8">
      <c r="H16892" s="12"/>
    </row>
    <row r="16893" spans="8:8">
      <c r="H16893" s="12"/>
    </row>
    <row r="16894" spans="8:8">
      <c r="H16894" s="12"/>
    </row>
    <row r="16895" spans="8:8">
      <c r="H16895" s="12"/>
    </row>
    <row r="16896" spans="8:8">
      <c r="H16896" s="12"/>
    </row>
    <row r="16897" spans="8:8">
      <c r="H16897" s="12"/>
    </row>
    <row r="16898" spans="8:8">
      <c r="H16898" s="12"/>
    </row>
    <row r="16899" spans="8:8">
      <c r="H16899" s="12"/>
    </row>
    <row r="16900" spans="8:8">
      <c r="H16900" s="12"/>
    </row>
    <row r="16901" spans="8:8">
      <c r="H16901" s="12"/>
    </row>
    <row r="16902" spans="8:8">
      <c r="H16902" s="12"/>
    </row>
    <row r="16903" spans="8:8">
      <c r="H16903" s="12"/>
    </row>
    <row r="16904" spans="8:8">
      <c r="H16904" s="12"/>
    </row>
    <row r="16905" spans="8:8">
      <c r="H16905" s="12"/>
    </row>
    <row r="16906" spans="8:8">
      <c r="H16906" s="12"/>
    </row>
    <row r="16907" spans="8:8">
      <c r="H16907" s="12"/>
    </row>
    <row r="16908" spans="8:8">
      <c r="H16908" s="12"/>
    </row>
    <row r="16909" spans="8:8">
      <c r="H16909" s="12"/>
    </row>
    <row r="16910" spans="8:8">
      <c r="H16910" s="12"/>
    </row>
    <row r="16911" spans="8:8">
      <c r="H16911" s="12"/>
    </row>
    <row r="16912" spans="8:8">
      <c r="H16912" s="12"/>
    </row>
    <row r="16913" spans="8:8">
      <c r="H16913" s="12"/>
    </row>
    <row r="16914" spans="8:8">
      <c r="H16914" s="12"/>
    </row>
    <row r="16915" spans="8:8">
      <c r="H16915" s="12"/>
    </row>
    <row r="16916" spans="8:8">
      <c r="H16916" s="12"/>
    </row>
    <row r="16917" spans="8:8">
      <c r="H16917" s="12"/>
    </row>
    <row r="16918" spans="8:8">
      <c r="H16918" s="12"/>
    </row>
    <row r="16919" spans="8:8">
      <c r="H16919" s="12"/>
    </row>
    <row r="16920" spans="8:8">
      <c r="H16920" s="12"/>
    </row>
    <row r="16921" spans="8:8">
      <c r="H16921" s="12"/>
    </row>
    <row r="16922" spans="8:8">
      <c r="H16922" s="12"/>
    </row>
    <row r="16923" spans="8:8">
      <c r="H16923" s="12"/>
    </row>
    <row r="16924" spans="8:8">
      <c r="H16924" s="12"/>
    </row>
    <row r="16925" spans="8:8">
      <c r="H16925" s="12"/>
    </row>
    <row r="16926" spans="8:8">
      <c r="H16926" s="12"/>
    </row>
    <row r="16927" spans="8:8">
      <c r="H16927" s="12"/>
    </row>
    <row r="16928" spans="8:8">
      <c r="H16928" s="12"/>
    </row>
    <row r="16929" spans="8:8">
      <c r="H16929" s="12"/>
    </row>
    <row r="16930" spans="8:8">
      <c r="H16930" s="12"/>
    </row>
    <row r="16931" spans="8:8">
      <c r="H16931" s="12"/>
    </row>
    <row r="16932" spans="8:8">
      <c r="H16932" s="12"/>
    </row>
    <row r="16933" spans="8:8">
      <c r="H16933" s="12"/>
    </row>
    <row r="16934" spans="8:8">
      <c r="H16934" s="12"/>
    </row>
    <row r="16935" spans="8:8">
      <c r="H16935" s="12"/>
    </row>
    <row r="16936" spans="8:8">
      <c r="H16936" s="12"/>
    </row>
    <row r="16937" spans="8:8">
      <c r="H16937" s="12"/>
    </row>
    <row r="16938" spans="8:8">
      <c r="H16938" s="12"/>
    </row>
    <row r="16939" spans="8:8">
      <c r="H16939" s="12"/>
    </row>
    <row r="16940" spans="8:8">
      <c r="H16940" s="12"/>
    </row>
    <row r="16941" spans="8:8">
      <c r="H16941" s="12"/>
    </row>
    <row r="16942" spans="8:8">
      <c r="H16942" s="12"/>
    </row>
    <row r="16943" spans="8:8">
      <c r="H16943" s="12"/>
    </row>
    <row r="16944" spans="8:8">
      <c r="H16944" s="12"/>
    </row>
    <row r="16945" spans="8:8">
      <c r="H16945" s="12"/>
    </row>
    <row r="16946" spans="8:8">
      <c r="H16946" s="12"/>
    </row>
    <row r="16947" spans="8:8">
      <c r="H16947" s="12"/>
    </row>
    <row r="16948" spans="8:8">
      <c r="H16948" s="12"/>
    </row>
    <row r="16949" spans="8:8">
      <c r="H16949" s="12"/>
    </row>
    <row r="16950" spans="8:8">
      <c r="H16950" s="12"/>
    </row>
    <row r="16951" spans="8:8">
      <c r="H16951" s="12"/>
    </row>
    <row r="16952" spans="8:8">
      <c r="H16952" s="12"/>
    </row>
    <row r="16953" spans="8:8">
      <c r="H16953" s="12"/>
    </row>
    <row r="16954" spans="8:8">
      <c r="H16954" s="12"/>
    </row>
    <row r="16955" spans="8:8">
      <c r="H16955" s="12"/>
    </row>
    <row r="16956" spans="8:8">
      <c r="H16956" s="12"/>
    </row>
    <row r="16957" spans="8:8">
      <c r="H16957" s="12"/>
    </row>
    <row r="16958" spans="8:8">
      <c r="H16958" s="12"/>
    </row>
    <row r="16959" spans="8:8">
      <c r="H16959" s="12"/>
    </row>
    <row r="16960" spans="8:8">
      <c r="H16960" s="12"/>
    </row>
    <row r="16961" spans="8:8">
      <c r="H16961" s="12"/>
    </row>
    <row r="16962" spans="8:8">
      <c r="H16962" s="12"/>
    </row>
    <row r="16963" spans="8:8">
      <c r="H16963" s="12"/>
    </row>
    <row r="16964" spans="8:8">
      <c r="H16964" s="12"/>
    </row>
    <row r="16965" spans="8:8">
      <c r="H16965" s="12"/>
    </row>
    <row r="16966" spans="8:8">
      <c r="H16966" s="12"/>
    </row>
    <row r="16967" spans="8:8">
      <c r="H16967" s="12"/>
    </row>
    <row r="16968" spans="8:8">
      <c r="H16968" s="12"/>
    </row>
    <row r="16969" spans="8:8">
      <c r="H16969" s="12"/>
    </row>
    <row r="16970" spans="8:8">
      <c r="H16970" s="12"/>
    </row>
    <row r="16971" spans="8:8">
      <c r="H16971" s="12"/>
    </row>
    <row r="16972" spans="8:8">
      <c r="H16972" s="12"/>
    </row>
    <row r="16973" spans="8:8">
      <c r="H16973" s="12"/>
    </row>
    <row r="16974" spans="8:8">
      <c r="H16974" s="12"/>
    </row>
    <row r="16975" spans="8:8">
      <c r="H16975" s="12"/>
    </row>
    <row r="16976" spans="8:8">
      <c r="H16976" s="12"/>
    </row>
    <row r="16977" spans="8:8">
      <c r="H16977" s="12"/>
    </row>
    <row r="16978" spans="8:8">
      <c r="H16978" s="12"/>
    </row>
    <row r="16979" spans="8:8">
      <c r="H16979" s="12"/>
    </row>
    <row r="16980" spans="8:8">
      <c r="H16980" s="12"/>
    </row>
    <row r="16981" spans="8:8">
      <c r="H16981" s="12"/>
    </row>
    <row r="16982" spans="8:8">
      <c r="H16982" s="12"/>
    </row>
    <row r="16983" spans="8:8">
      <c r="H16983" s="12"/>
    </row>
    <row r="16984" spans="8:8">
      <c r="H16984" s="12"/>
    </row>
    <row r="16985" spans="8:8">
      <c r="H16985" s="12"/>
    </row>
    <row r="16986" spans="8:8">
      <c r="H16986" s="12"/>
    </row>
    <row r="16987" spans="8:8">
      <c r="H16987" s="12"/>
    </row>
    <row r="16988" spans="8:8">
      <c r="H16988" s="12"/>
    </row>
    <row r="16989" spans="8:8">
      <c r="H16989" s="12"/>
    </row>
    <row r="16990" spans="8:8">
      <c r="H16990" s="12"/>
    </row>
    <row r="16991" spans="8:8">
      <c r="H16991" s="12"/>
    </row>
    <row r="16992" spans="8:8">
      <c r="H16992" s="12"/>
    </row>
    <row r="16993" spans="8:8">
      <c r="H16993" s="12"/>
    </row>
    <row r="16994" spans="8:8">
      <c r="H16994" s="12"/>
    </row>
    <row r="16995" spans="8:8">
      <c r="H16995" s="12"/>
    </row>
    <row r="16996" spans="8:8">
      <c r="H16996" s="12"/>
    </row>
    <row r="16997" spans="8:8">
      <c r="H16997" s="12"/>
    </row>
    <row r="16998" spans="8:8">
      <c r="H16998" s="12"/>
    </row>
    <row r="16999" spans="8:8">
      <c r="H16999" s="12"/>
    </row>
    <row r="17000" spans="8:8">
      <c r="H17000" s="12"/>
    </row>
    <row r="17001" spans="8:8">
      <c r="H17001" s="12"/>
    </row>
    <row r="17002" spans="8:8">
      <c r="H17002" s="12"/>
    </row>
    <row r="17003" spans="8:8">
      <c r="H17003" s="12"/>
    </row>
    <row r="17004" spans="8:8">
      <c r="H17004" s="12"/>
    </row>
    <row r="17005" spans="8:8">
      <c r="H17005" s="12"/>
    </row>
    <row r="17006" spans="8:8">
      <c r="H17006" s="12"/>
    </row>
    <row r="17007" spans="8:8">
      <c r="H17007" s="12"/>
    </row>
    <row r="17008" spans="8:8">
      <c r="H17008" s="12"/>
    </row>
    <row r="17009" spans="8:8">
      <c r="H17009" s="12"/>
    </row>
    <row r="17010" spans="8:8">
      <c r="H17010" s="12"/>
    </row>
    <row r="17011" spans="8:8">
      <c r="H17011" s="12"/>
    </row>
    <row r="17012" spans="8:8">
      <c r="H17012" s="12"/>
    </row>
    <row r="17013" spans="8:8">
      <c r="H17013" s="12"/>
    </row>
    <row r="17014" spans="8:8">
      <c r="H17014" s="12"/>
    </row>
    <row r="17015" spans="8:8">
      <c r="H17015" s="12"/>
    </row>
    <row r="17016" spans="8:8">
      <c r="H17016" s="12"/>
    </row>
    <row r="17017" spans="8:8">
      <c r="H17017" s="12"/>
    </row>
    <row r="17018" spans="8:8">
      <c r="H17018" s="12"/>
    </row>
    <row r="17019" spans="8:8">
      <c r="H17019" s="12"/>
    </row>
    <row r="17020" spans="8:8">
      <c r="H17020" s="12"/>
    </row>
    <row r="17021" spans="8:8">
      <c r="H17021" s="12"/>
    </row>
    <row r="17022" spans="8:8">
      <c r="H17022" s="12"/>
    </row>
    <row r="17023" spans="8:8">
      <c r="H17023" s="12"/>
    </row>
    <row r="17024" spans="8:8">
      <c r="H17024" s="12"/>
    </row>
    <row r="17025" spans="8:8">
      <c r="H17025" s="12"/>
    </row>
    <row r="17026" spans="8:8">
      <c r="H17026" s="12"/>
    </row>
    <row r="17027" spans="8:8">
      <c r="H17027" s="12"/>
    </row>
    <row r="17028" spans="8:8">
      <c r="H17028" s="12"/>
    </row>
    <row r="17029" spans="8:8">
      <c r="H17029" s="12"/>
    </row>
    <row r="17030" spans="8:8">
      <c r="H17030" s="12"/>
    </row>
    <row r="17031" spans="8:8">
      <c r="H17031" s="12"/>
    </row>
    <row r="17032" spans="8:8">
      <c r="H17032" s="12"/>
    </row>
    <row r="17033" spans="8:8">
      <c r="H17033" s="12"/>
    </row>
    <row r="17034" spans="8:8">
      <c r="H17034" s="12"/>
    </row>
    <row r="17035" spans="8:8">
      <c r="H17035" s="12"/>
    </row>
    <row r="17036" spans="8:8">
      <c r="H17036" s="12"/>
    </row>
    <row r="17037" spans="8:8">
      <c r="H17037" s="12"/>
    </row>
    <row r="17038" spans="8:8">
      <c r="H17038" s="12"/>
    </row>
    <row r="17039" spans="8:8">
      <c r="H17039" s="12"/>
    </row>
    <row r="17040" spans="8:8">
      <c r="H17040" s="12"/>
    </row>
    <row r="17041" spans="8:8">
      <c r="H17041" s="12"/>
    </row>
    <row r="17042" spans="8:8">
      <c r="H17042" s="12"/>
    </row>
    <row r="17043" spans="8:8">
      <c r="H17043" s="12"/>
    </row>
    <row r="17044" spans="8:8">
      <c r="H17044" s="12"/>
    </row>
    <row r="17045" spans="8:8">
      <c r="H17045" s="12"/>
    </row>
    <row r="17046" spans="8:8">
      <c r="H17046" s="12"/>
    </row>
    <row r="17047" spans="8:8">
      <c r="H17047" s="12"/>
    </row>
    <row r="17048" spans="8:8">
      <c r="H17048" s="12"/>
    </row>
    <row r="17049" spans="8:8">
      <c r="H17049" s="12"/>
    </row>
    <row r="17050" spans="8:8">
      <c r="H17050" s="12"/>
    </row>
    <row r="17051" spans="8:8">
      <c r="H17051" s="12"/>
    </row>
    <row r="17052" spans="8:8">
      <c r="H17052" s="12"/>
    </row>
    <row r="17053" spans="8:8">
      <c r="H17053" s="12"/>
    </row>
    <row r="17054" spans="8:8">
      <c r="H17054" s="12"/>
    </row>
    <row r="17055" spans="8:8">
      <c r="H17055" s="12"/>
    </row>
    <row r="17056" spans="8:8">
      <c r="H17056" s="12"/>
    </row>
    <row r="17057" spans="8:8">
      <c r="H17057" s="12"/>
    </row>
    <row r="17058" spans="8:8">
      <c r="H17058" s="12"/>
    </row>
    <row r="17059" spans="8:8">
      <c r="H17059" s="12"/>
    </row>
    <row r="17060" spans="8:8">
      <c r="H17060" s="12"/>
    </row>
    <row r="17061" spans="8:8">
      <c r="H17061" s="12"/>
    </row>
    <row r="17062" spans="8:8">
      <c r="H17062" s="12"/>
    </row>
    <row r="17063" spans="8:8">
      <c r="H17063" s="12"/>
    </row>
    <row r="17064" spans="8:8">
      <c r="H17064" s="12"/>
    </row>
    <row r="17065" spans="8:8">
      <c r="H17065" s="12"/>
    </row>
    <row r="17066" spans="8:8">
      <c r="H17066" s="12"/>
    </row>
    <row r="17067" spans="8:8">
      <c r="H17067" s="12"/>
    </row>
    <row r="17068" spans="8:8">
      <c r="H17068" s="12"/>
    </row>
    <row r="17069" spans="8:8">
      <c r="H17069" s="12"/>
    </row>
    <row r="17070" spans="8:8">
      <c r="H17070" s="12"/>
    </row>
    <row r="17071" spans="8:8">
      <c r="H17071" s="12"/>
    </row>
    <row r="17072" spans="8:8">
      <c r="H17072" s="12"/>
    </row>
    <row r="17073" spans="8:8">
      <c r="H17073" s="12"/>
    </row>
    <row r="17074" spans="8:8">
      <c r="H17074" s="12"/>
    </row>
    <row r="17075" spans="8:8">
      <c r="H17075" s="12"/>
    </row>
    <row r="17076" spans="8:8">
      <c r="H17076" s="12"/>
    </row>
    <row r="17077" spans="8:8">
      <c r="H17077" s="12"/>
    </row>
    <row r="17078" spans="8:8">
      <c r="H17078" s="12"/>
    </row>
    <row r="17079" spans="8:8">
      <c r="H17079" s="12"/>
    </row>
    <row r="17080" spans="8:8">
      <c r="H17080" s="12"/>
    </row>
    <row r="17081" spans="8:8">
      <c r="H17081" s="12"/>
    </row>
    <row r="17082" spans="8:8">
      <c r="H17082" s="12"/>
    </row>
    <row r="17083" spans="8:8">
      <c r="H17083" s="12"/>
    </row>
    <row r="17084" spans="8:8">
      <c r="H17084" s="12"/>
    </row>
    <row r="17085" spans="8:8">
      <c r="H17085" s="12"/>
    </row>
    <row r="17086" spans="8:8">
      <c r="H17086" s="12"/>
    </row>
    <row r="17087" spans="8:8">
      <c r="H17087" s="12"/>
    </row>
    <row r="17088" spans="8:8">
      <c r="H17088" s="12"/>
    </row>
    <row r="17089" spans="8:8">
      <c r="H17089" s="12"/>
    </row>
    <row r="17090" spans="8:8">
      <c r="H17090" s="12"/>
    </row>
    <row r="17091" spans="8:8">
      <c r="H17091" s="12"/>
    </row>
    <row r="17092" spans="8:8">
      <c r="H17092" s="12"/>
    </row>
    <row r="17093" spans="8:8">
      <c r="H17093" s="12"/>
    </row>
    <row r="17094" spans="8:8">
      <c r="H17094" s="12"/>
    </row>
    <row r="17095" spans="8:8">
      <c r="H17095" s="12"/>
    </row>
    <row r="17096" spans="8:8">
      <c r="H17096" s="12"/>
    </row>
    <row r="17097" spans="8:8">
      <c r="H17097" s="12"/>
    </row>
    <row r="17098" spans="8:8">
      <c r="H17098" s="12"/>
    </row>
    <row r="17099" spans="8:8">
      <c r="H17099" s="12"/>
    </row>
    <row r="17100" spans="8:8">
      <c r="H17100" s="12"/>
    </row>
    <row r="17101" spans="8:8">
      <c r="H17101" s="12"/>
    </row>
    <row r="17102" spans="8:8">
      <c r="H17102" s="12"/>
    </row>
    <row r="17103" spans="8:8">
      <c r="H17103" s="12"/>
    </row>
    <row r="17104" spans="8:8">
      <c r="H17104" s="12"/>
    </row>
    <row r="17105" spans="8:8">
      <c r="H17105" s="12"/>
    </row>
    <row r="17106" spans="8:8">
      <c r="H17106" s="12"/>
    </row>
    <row r="17107" spans="8:8">
      <c r="H17107" s="12"/>
    </row>
    <row r="17108" spans="8:8">
      <c r="H17108" s="12"/>
    </row>
    <row r="17109" spans="8:8">
      <c r="H17109" s="12"/>
    </row>
    <row r="17110" spans="8:8">
      <c r="H17110" s="12"/>
    </row>
    <row r="17111" spans="8:8">
      <c r="H17111" s="12"/>
    </row>
    <row r="17112" spans="8:8">
      <c r="H17112" s="12"/>
    </row>
    <row r="17113" spans="8:8">
      <c r="H17113" s="12"/>
    </row>
    <row r="17114" spans="8:8">
      <c r="H17114" s="12"/>
    </row>
    <row r="17115" spans="8:8">
      <c r="H17115" s="12"/>
    </row>
    <row r="17116" spans="8:8">
      <c r="H17116" s="12"/>
    </row>
    <row r="17117" spans="8:8">
      <c r="H17117" s="12"/>
    </row>
    <row r="17118" spans="8:8">
      <c r="H17118" s="12"/>
    </row>
    <row r="17119" spans="8:8">
      <c r="H17119" s="12"/>
    </row>
    <row r="17120" spans="8:8">
      <c r="H17120" s="12"/>
    </row>
    <row r="17121" spans="8:8">
      <c r="H17121" s="12"/>
    </row>
    <row r="17122" spans="8:8">
      <c r="H17122" s="12"/>
    </row>
    <row r="17123" spans="8:8">
      <c r="H17123" s="12"/>
    </row>
    <row r="17124" spans="8:8">
      <c r="H17124" s="12"/>
    </row>
    <row r="17125" spans="8:8">
      <c r="H17125" s="12"/>
    </row>
    <row r="17126" spans="8:8">
      <c r="H17126" s="12"/>
    </row>
    <row r="17127" spans="8:8">
      <c r="H17127" s="12"/>
    </row>
    <row r="17128" spans="8:8">
      <c r="H17128" s="12"/>
    </row>
    <row r="17129" spans="8:8">
      <c r="H17129" s="12"/>
    </row>
    <row r="17130" spans="8:8">
      <c r="H17130" s="12"/>
    </row>
    <row r="17131" spans="8:8">
      <c r="H17131" s="12"/>
    </row>
    <row r="17132" spans="8:8">
      <c r="H17132" s="12"/>
    </row>
    <row r="17133" spans="8:8">
      <c r="H17133" s="12"/>
    </row>
    <row r="17134" spans="8:8">
      <c r="H17134" s="12"/>
    </row>
    <row r="17135" spans="8:8">
      <c r="H17135" s="12"/>
    </row>
    <row r="17136" spans="8:8">
      <c r="H17136" s="12"/>
    </row>
    <row r="17137" spans="8:8">
      <c r="H17137" s="12"/>
    </row>
    <row r="17138" spans="8:8">
      <c r="H17138" s="12"/>
    </row>
    <row r="17139" spans="8:8">
      <c r="H17139" s="12"/>
    </row>
    <row r="17140" spans="8:8">
      <c r="H17140" s="12"/>
    </row>
    <row r="17141" spans="8:8">
      <c r="H17141" s="12"/>
    </row>
    <row r="17142" spans="8:8">
      <c r="H17142" s="12"/>
    </row>
    <row r="17143" spans="8:8">
      <c r="H17143" s="12"/>
    </row>
    <row r="17144" spans="8:8">
      <c r="H17144" s="12"/>
    </row>
    <row r="17145" spans="8:8">
      <c r="H17145" s="12"/>
    </row>
    <row r="17146" spans="8:8">
      <c r="H17146" s="12"/>
    </row>
    <row r="17147" spans="8:8">
      <c r="H17147" s="12"/>
    </row>
    <row r="17148" spans="8:8">
      <c r="H17148" s="12"/>
    </row>
    <row r="17149" spans="8:8">
      <c r="H17149" s="12"/>
    </row>
    <row r="17150" spans="8:8">
      <c r="H17150" s="12"/>
    </row>
    <row r="17151" spans="8:8">
      <c r="H17151" s="12"/>
    </row>
    <row r="17152" spans="8:8">
      <c r="H17152" s="12"/>
    </row>
    <row r="17153" spans="8:8">
      <c r="H17153" s="12"/>
    </row>
    <row r="17154" spans="8:8">
      <c r="H17154" s="12"/>
    </row>
    <row r="17155" spans="8:8">
      <c r="H17155" s="12"/>
    </row>
    <row r="17156" spans="8:8">
      <c r="H17156" s="12"/>
    </row>
    <row r="17157" spans="8:8">
      <c r="H17157" s="12"/>
    </row>
    <row r="17158" spans="8:8">
      <c r="H17158" s="12"/>
    </row>
    <row r="17159" spans="8:8">
      <c r="H17159" s="12"/>
    </row>
    <row r="17160" spans="8:8">
      <c r="H17160" s="12"/>
    </row>
    <row r="17161" spans="8:8">
      <c r="H17161" s="12"/>
    </row>
    <row r="17162" spans="8:8">
      <c r="H17162" s="12"/>
    </row>
    <row r="17163" spans="8:8">
      <c r="H17163" s="12"/>
    </row>
    <row r="17164" spans="8:8">
      <c r="H17164" s="12"/>
    </row>
    <row r="17165" spans="8:8">
      <c r="H17165" s="12"/>
    </row>
    <row r="17166" spans="8:8">
      <c r="H17166" s="12"/>
    </row>
    <row r="17167" spans="8:8">
      <c r="H17167" s="12"/>
    </row>
    <row r="17168" spans="8:8">
      <c r="H17168" s="12"/>
    </row>
    <row r="17169" spans="8:8">
      <c r="H17169" s="12"/>
    </row>
    <row r="17170" spans="8:8">
      <c r="H17170" s="12"/>
    </row>
    <row r="17171" spans="8:8">
      <c r="H17171" s="12"/>
    </row>
    <row r="17172" spans="8:8">
      <c r="H17172" s="12"/>
    </row>
    <row r="17173" spans="8:8">
      <c r="H17173" s="12"/>
    </row>
    <row r="17174" spans="8:8">
      <c r="H17174" s="12"/>
    </row>
    <row r="17175" spans="8:8">
      <c r="H17175" s="12"/>
    </row>
    <row r="17176" spans="8:8">
      <c r="H17176" s="12"/>
    </row>
    <row r="17177" spans="8:8">
      <c r="H17177" s="12"/>
    </row>
    <row r="17178" spans="8:8">
      <c r="H17178" s="12"/>
    </row>
    <row r="17179" spans="8:8">
      <c r="H17179" s="12"/>
    </row>
    <row r="17180" spans="8:8">
      <c r="H17180" s="12"/>
    </row>
    <row r="17181" spans="8:8">
      <c r="H17181" s="12"/>
    </row>
    <row r="17182" spans="8:8">
      <c r="H17182" s="12"/>
    </row>
    <row r="17183" spans="8:8">
      <c r="H17183" s="12"/>
    </row>
    <row r="17184" spans="8:8">
      <c r="H17184" s="12"/>
    </row>
    <row r="17185" spans="8:8">
      <c r="H17185" s="12"/>
    </row>
    <row r="17186" spans="8:8">
      <c r="H17186" s="12"/>
    </row>
    <row r="17187" spans="8:8">
      <c r="H17187" s="12"/>
    </row>
    <row r="17188" spans="8:8">
      <c r="H17188" s="12"/>
    </row>
    <row r="17189" spans="8:8">
      <c r="H17189" s="12"/>
    </row>
    <row r="17190" spans="8:8">
      <c r="H17190" s="12"/>
    </row>
    <row r="17191" spans="8:8">
      <c r="H17191" s="12"/>
    </row>
    <row r="17192" spans="8:8">
      <c r="H17192" s="12"/>
    </row>
    <row r="17193" spans="8:8">
      <c r="H17193" s="12"/>
    </row>
    <row r="17194" spans="8:8">
      <c r="H17194" s="12"/>
    </row>
    <row r="17195" spans="8:8">
      <c r="H17195" s="12"/>
    </row>
    <row r="17196" spans="8:8">
      <c r="H17196" s="12"/>
    </row>
    <row r="17197" spans="8:8">
      <c r="H17197" s="12"/>
    </row>
    <row r="17198" spans="8:8">
      <c r="H17198" s="12"/>
    </row>
    <row r="17199" spans="8:8">
      <c r="H17199" s="12"/>
    </row>
    <row r="17200" spans="8:8">
      <c r="H17200" s="12"/>
    </row>
    <row r="17201" spans="8:8">
      <c r="H17201" s="12"/>
    </row>
    <row r="17202" spans="8:8">
      <c r="H17202" s="12"/>
    </row>
    <row r="17203" spans="8:8">
      <c r="H17203" s="12"/>
    </row>
    <row r="17204" spans="8:8">
      <c r="H17204" s="12"/>
    </row>
    <row r="17205" spans="8:8">
      <c r="H17205" s="12"/>
    </row>
    <row r="17206" spans="8:8">
      <c r="H17206" s="12"/>
    </row>
    <row r="17207" spans="8:8">
      <c r="H17207" s="12"/>
    </row>
    <row r="17208" spans="8:8">
      <c r="H17208" s="12"/>
    </row>
    <row r="17209" spans="8:8">
      <c r="H17209" s="12"/>
    </row>
    <row r="17210" spans="8:8">
      <c r="H17210" s="12"/>
    </row>
    <row r="17211" spans="8:8">
      <c r="H17211" s="12"/>
    </row>
    <row r="17212" spans="8:8">
      <c r="H17212" s="12"/>
    </row>
    <row r="17213" spans="8:8">
      <c r="H17213" s="12"/>
    </row>
    <row r="17214" spans="8:8">
      <c r="H17214" s="12"/>
    </row>
    <row r="17215" spans="8:8">
      <c r="H17215" s="12"/>
    </row>
    <row r="17216" spans="8:8">
      <c r="H17216" s="12"/>
    </row>
    <row r="17217" spans="8:8">
      <c r="H17217" s="12"/>
    </row>
    <row r="17218" spans="8:8">
      <c r="H17218" s="12"/>
    </row>
    <row r="17219" spans="8:8">
      <c r="H17219" s="12"/>
    </row>
    <row r="17220" spans="8:8">
      <c r="H17220" s="12"/>
    </row>
    <row r="17221" spans="8:8">
      <c r="H17221" s="12"/>
    </row>
    <row r="17222" spans="8:8">
      <c r="H17222" s="12"/>
    </row>
    <row r="17223" spans="8:8">
      <c r="H17223" s="12"/>
    </row>
    <row r="17224" spans="8:8">
      <c r="H17224" s="12"/>
    </row>
    <row r="17225" spans="8:8">
      <c r="H17225" s="12"/>
    </row>
    <row r="17226" spans="8:8">
      <c r="H17226" s="12"/>
    </row>
    <row r="17227" spans="8:8">
      <c r="H17227" s="12"/>
    </row>
    <row r="17228" spans="8:8">
      <c r="H17228" s="12"/>
    </row>
    <row r="17229" spans="8:8">
      <c r="H17229" s="12"/>
    </row>
    <row r="17230" spans="8:8">
      <c r="H17230" s="12"/>
    </row>
    <row r="17231" spans="8:8">
      <c r="H17231" s="12"/>
    </row>
    <row r="17232" spans="8:8">
      <c r="H17232" s="12"/>
    </row>
    <row r="17233" spans="8:8">
      <c r="H17233" s="12"/>
    </row>
    <row r="17234" spans="8:8">
      <c r="H17234" s="12"/>
    </row>
    <row r="17235" spans="8:8">
      <c r="H17235" s="12"/>
    </row>
    <row r="17236" spans="8:8">
      <c r="H17236" s="12"/>
    </row>
    <row r="17237" spans="8:8">
      <c r="H17237" s="12"/>
    </row>
    <row r="17238" spans="8:8">
      <c r="H17238" s="12"/>
    </row>
    <row r="17239" spans="8:8">
      <c r="H17239" s="12"/>
    </row>
    <row r="17240" spans="8:8">
      <c r="H17240" s="12"/>
    </row>
    <row r="17241" spans="8:8">
      <c r="H17241" s="12"/>
    </row>
    <row r="17242" spans="8:8">
      <c r="H17242" s="12"/>
    </row>
    <row r="17243" spans="8:8">
      <c r="H17243" s="12"/>
    </row>
    <row r="17244" spans="8:8">
      <c r="H17244" s="12"/>
    </row>
    <row r="17245" spans="8:8">
      <c r="H17245" s="12"/>
    </row>
    <row r="17246" spans="8:8">
      <c r="H17246" s="12"/>
    </row>
    <row r="17247" spans="8:8">
      <c r="H17247" s="12"/>
    </row>
    <row r="17248" spans="8:8">
      <c r="H17248" s="12"/>
    </row>
    <row r="17249" spans="8:8">
      <c r="H17249" s="12"/>
    </row>
    <row r="17250" spans="8:8">
      <c r="H17250" s="12"/>
    </row>
    <row r="17251" spans="8:8">
      <c r="H17251" s="12"/>
    </row>
    <row r="17252" spans="8:8">
      <c r="H17252" s="12"/>
    </row>
    <row r="17253" spans="8:8">
      <c r="H17253" s="12"/>
    </row>
    <row r="17254" spans="8:8">
      <c r="H17254" s="12"/>
    </row>
    <row r="17255" spans="8:8">
      <c r="H17255" s="12"/>
    </row>
    <row r="17256" spans="8:8">
      <c r="H17256" s="12"/>
    </row>
    <row r="17257" spans="8:8">
      <c r="H17257" s="12"/>
    </row>
    <row r="17258" spans="8:8">
      <c r="H17258" s="12"/>
    </row>
    <row r="17259" spans="8:8">
      <c r="H17259" s="12"/>
    </row>
    <row r="17260" spans="8:8">
      <c r="H17260" s="12"/>
    </row>
    <row r="17261" spans="8:8">
      <c r="H17261" s="12"/>
    </row>
    <row r="17262" spans="8:8">
      <c r="H17262" s="12"/>
    </row>
    <row r="17263" spans="8:8">
      <c r="H17263" s="12"/>
    </row>
    <row r="17264" spans="8:8">
      <c r="H17264" s="12"/>
    </row>
    <row r="17265" spans="8:8">
      <c r="H17265" s="12"/>
    </row>
    <row r="17266" spans="8:8">
      <c r="H17266" s="12"/>
    </row>
    <row r="17267" spans="8:8">
      <c r="H17267" s="12"/>
    </row>
    <row r="17268" spans="8:8">
      <c r="H17268" s="12"/>
    </row>
    <row r="17269" spans="8:8">
      <c r="H17269" s="12"/>
    </row>
    <row r="17270" spans="8:8">
      <c r="H17270" s="12"/>
    </row>
    <row r="17271" spans="8:8">
      <c r="H17271" s="12"/>
    </row>
    <row r="17272" spans="8:8">
      <c r="H17272" s="12"/>
    </row>
    <row r="17273" spans="8:8">
      <c r="H17273" s="12"/>
    </row>
    <row r="17274" spans="8:8">
      <c r="H17274" s="12"/>
    </row>
    <row r="17275" spans="8:8">
      <c r="H17275" s="12"/>
    </row>
    <row r="17276" spans="8:8">
      <c r="H17276" s="12"/>
    </row>
    <row r="17277" spans="8:8">
      <c r="H17277" s="12"/>
    </row>
    <row r="17278" spans="8:8">
      <c r="H17278" s="12"/>
    </row>
    <row r="17279" spans="8:8">
      <c r="H17279" s="12"/>
    </row>
    <row r="17280" spans="8:8">
      <c r="H17280" s="12"/>
    </row>
    <row r="17281" spans="8:8">
      <c r="H17281" s="12"/>
    </row>
    <row r="17282" spans="8:8">
      <c r="H17282" s="12"/>
    </row>
    <row r="17283" spans="8:8">
      <c r="H17283" s="12"/>
    </row>
    <row r="17284" spans="8:8">
      <c r="H17284" s="12"/>
    </row>
    <row r="17285" spans="8:8">
      <c r="H17285" s="12"/>
    </row>
    <row r="17286" spans="8:8">
      <c r="H17286" s="12"/>
    </row>
    <row r="17287" spans="8:8">
      <c r="H17287" s="12"/>
    </row>
    <row r="17288" spans="8:8">
      <c r="H17288" s="12"/>
    </row>
    <row r="17289" spans="8:8">
      <c r="H17289" s="12"/>
    </row>
    <row r="17290" spans="8:8">
      <c r="H17290" s="12"/>
    </row>
    <row r="17291" spans="8:8">
      <c r="H17291" s="12"/>
    </row>
    <row r="17292" spans="8:8">
      <c r="H17292" s="12"/>
    </row>
    <row r="17293" spans="8:8">
      <c r="H17293" s="12"/>
    </row>
    <row r="17294" spans="8:8">
      <c r="H17294" s="12"/>
    </row>
    <row r="17295" spans="8:8">
      <c r="H17295" s="12"/>
    </row>
    <row r="17296" spans="8:8">
      <c r="H17296" s="12"/>
    </row>
    <row r="17297" spans="8:8">
      <c r="H17297" s="12"/>
    </row>
    <row r="17298" spans="8:8">
      <c r="H17298" s="12"/>
    </row>
    <row r="17299" spans="8:8">
      <c r="H17299" s="12"/>
    </row>
    <row r="17300" spans="8:8">
      <c r="H17300" s="12"/>
    </row>
    <row r="17301" spans="8:8">
      <c r="H17301" s="12"/>
    </row>
    <row r="17302" spans="8:8">
      <c r="H17302" s="12"/>
    </row>
    <row r="17303" spans="8:8">
      <c r="H17303" s="12"/>
    </row>
    <row r="17304" spans="8:8">
      <c r="H17304" s="12"/>
    </row>
    <row r="17305" spans="8:8">
      <c r="H17305" s="12"/>
    </row>
    <row r="17306" spans="8:8">
      <c r="H17306" s="12"/>
    </row>
    <row r="17307" spans="8:8">
      <c r="H17307" s="12"/>
    </row>
    <row r="17308" spans="8:8">
      <c r="H17308" s="12"/>
    </row>
    <row r="17309" spans="8:8">
      <c r="H17309" s="12"/>
    </row>
    <row r="17310" spans="8:8">
      <c r="H17310" s="12"/>
    </row>
    <row r="17311" spans="8:8">
      <c r="H17311" s="12"/>
    </row>
    <row r="17312" spans="8:8">
      <c r="H17312" s="12"/>
    </row>
    <row r="17313" spans="8:8">
      <c r="H17313" s="12"/>
    </row>
    <row r="17314" spans="8:8">
      <c r="H17314" s="12"/>
    </row>
    <row r="17315" spans="8:8">
      <c r="H17315" s="12"/>
    </row>
    <row r="17316" spans="8:8">
      <c r="H17316" s="12"/>
    </row>
    <row r="17317" spans="8:8">
      <c r="H17317" s="12"/>
    </row>
    <row r="17318" spans="8:8">
      <c r="H17318" s="12"/>
    </row>
    <row r="17319" spans="8:8">
      <c r="H17319" s="12"/>
    </row>
    <row r="17320" spans="8:8">
      <c r="H17320" s="12"/>
    </row>
    <row r="17321" spans="8:8">
      <c r="H17321" s="12"/>
    </row>
    <row r="17322" spans="8:8">
      <c r="H17322" s="12"/>
    </row>
    <row r="17323" spans="8:8">
      <c r="H17323" s="12"/>
    </row>
    <row r="17324" spans="8:8">
      <c r="H17324" s="12"/>
    </row>
    <row r="17325" spans="8:8">
      <c r="H17325" s="12"/>
    </row>
    <row r="17326" spans="8:8">
      <c r="H17326" s="12"/>
    </row>
    <row r="17327" spans="8:8">
      <c r="H17327" s="12"/>
    </row>
    <row r="17328" spans="8:8">
      <c r="H17328" s="12"/>
    </row>
    <row r="17329" spans="8:8">
      <c r="H17329" s="12"/>
    </row>
    <row r="17330" spans="8:8">
      <c r="H17330" s="12"/>
    </row>
    <row r="17331" spans="8:8">
      <c r="H17331" s="12"/>
    </row>
    <row r="17332" spans="8:8">
      <c r="H17332" s="12"/>
    </row>
    <row r="17333" spans="8:8">
      <c r="H17333" s="12"/>
    </row>
    <row r="17334" spans="8:8">
      <c r="H17334" s="12"/>
    </row>
    <row r="17335" spans="8:8">
      <c r="H17335" s="12"/>
    </row>
    <row r="17336" spans="8:8">
      <c r="H17336" s="12"/>
    </row>
    <row r="17337" spans="8:8">
      <c r="H17337" s="12"/>
    </row>
    <row r="17338" spans="8:8">
      <c r="H17338" s="12"/>
    </row>
    <row r="17339" spans="8:8">
      <c r="H17339" s="12"/>
    </row>
    <row r="17340" spans="8:8">
      <c r="H17340" s="12"/>
    </row>
    <row r="17341" spans="8:8">
      <c r="H17341" s="12"/>
    </row>
    <row r="17342" spans="8:8">
      <c r="H17342" s="12"/>
    </row>
    <row r="17343" spans="8:8">
      <c r="H17343" s="12"/>
    </row>
    <row r="17344" spans="8:8">
      <c r="H17344" s="12"/>
    </row>
    <row r="17345" spans="8:8">
      <c r="H17345" s="12"/>
    </row>
    <row r="17346" spans="8:8">
      <c r="H17346" s="12"/>
    </row>
    <row r="17347" spans="8:8">
      <c r="H17347" s="12"/>
    </row>
    <row r="17348" spans="8:8">
      <c r="H17348" s="12"/>
    </row>
    <row r="17349" spans="8:8">
      <c r="H17349" s="12"/>
    </row>
    <row r="17350" spans="8:8">
      <c r="H17350" s="12"/>
    </row>
    <row r="17351" spans="8:8">
      <c r="H17351" s="12"/>
    </row>
    <row r="17352" spans="8:8">
      <c r="H17352" s="12"/>
    </row>
    <row r="17353" spans="8:8">
      <c r="H17353" s="12"/>
    </row>
    <row r="17354" spans="8:8">
      <c r="H17354" s="12"/>
    </row>
    <row r="17355" spans="8:8">
      <c r="H17355" s="12"/>
    </row>
    <row r="17356" spans="8:8">
      <c r="H17356" s="12"/>
    </row>
    <row r="17357" spans="8:8">
      <c r="H17357" s="12"/>
    </row>
    <row r="17358" spans="8:8">
      <c r="H17358" s="12"/>
    </row>
    <row r="17359" spans="8:8">
      <c r="H17359" s="12"/>
    </row>
    <row r="17360" spans="8:8">
      <c r="H17360" s="12"/>
    </row>
    <row r="17361" spans="8:8">
      <c r="H17361" s="12"/>
    </row>
    <row r="17362" spans="8:8">
      <c r="H17362" s="12"/>
    </row>
    <row r="17363" spans="8:8">
      <c r="H17363" s="12"/>
    </row>
    <row r="17364" spans="8:8">
      <c r="H17364" s="12"/>
    </row>
    <row r="17365" spans="8:8">
      <c r="H17365" s="12"/>
    </row>
    <row r="17366" spans="8:8">
      <c r="H17366" s="12"/>
    </row>
    <row r="17367" spans="8:8">
      <c r="H17367" s="12"/>
    </row>
    <row r="17368" spans="8:8">
      <c r="H17368" s="12"/>
    </row>
    <row r="17369" spans="8:8">
      <c r="H17369" s="12"/>
    </row>
    <row r="17370" spans="8:8">
      <c r="H17370" s="12"/>
    </row>
    <row r="17371" spans="8:8">
      <c r="H17371" s="12"/>
    </row>
    <row r="17372" spans="8:8">
      <c r="H17372" s="12"/>
    </row>
    <row r="17373" spans="8:8">
      <c r="H17373" s="12"/>
    </row>
    <row r="17374" spans="8:8">
      <c r="H17374" s="12"/>
    </row>
    <row r="17375" spans="8:8">
      <c r="H17375" s="12"/>
    </row>
    <row r="17376" spans="8:8">
      <c r="H17376" s="12"/>
    </row>
    <row r="17377" spans="8:8">
      <c r="H17377" s="12"/>
    </row>
    <row r="17378" spans="8:8">
      <c r="H17378" s="12"/>
    </row>
    <row r="17379" spans="8:8">
      <c r="H17379" s="12"/>
    </row>
    <row r="17380" spans="8:8">
      <c r="H17380" s="12"/>
    </row>
    <row r="17381" spans="8:8">
      <c r="H17381" s="12"/>
    </row>
    <row r="17382" spans="8:8">
      <c r="H17382" s="12"/>
    </row>
    <row r="17383" spans="8:8">
      <c r="H17383" s="12"/>
    </row>
    <row r="17384" spans="8:8">
      <c r="H17384" s="12"/>
    </row>
    <row r="17385" spans="8:8">
      <c r="H17385" s="12"/>
    </row>
    <row r="17386" spans="8:8">
      <c r="H17386" s="12"/>
    </row>
    <row r="17387" spans="8:8">
      <c r="H17387" s="12"/>
    </row>
    <row r="17388" spans="8:8">
      <c r="H17388" s="12"/>
    </row>
    <row r="17389" spans="8:8">
      <c r="H17389" s="12"/>
    </row>
    <row r="17390" spans="8:8">
      <c r="H17390" s="12"/>
    </row>
    <row r="17391" spans="8:8">
      <c r="H17391" s="12"/>
    </row>
    <row r="17392" spans="8:8">
      <c r="H17392" s="12"/>
    </row>
    <row r="17393" spans="8:8">
      <c r="H17393" s="12"/>
    </row>
    <row r="17394" spans="8:8">
      <c r="H17394" s="12"/>
    </row>
    <row r="17395" spans="8:8">
      <c r="H17395" s="12"/>
    </row>
    <row r="17396" spans="8:8">
      <c r="H17396" s="12"/>
    </row>
    <row r="17397" spans="8:8">
      <c r="H17397" s="12"/>
    </row>
    <row r="17398" spans="8:8">
      <c r="H17398" s="12"/>
    </row>
    <row r="17399" spans="8:8">
      <c r="H17399" s="12"/>
    </row>
    <row r="17400" spans="8:8">
      <c r="H17400" s="12"/>
    </row>
    <row r="17401" spans="8:8">
      <c r="H17401" s="12"/>
    </row>
    <row r="17402" spans="8:8">
      <c r="H17402" s="12"/>
    </row>
    <row r="17403" spans="8:8">
      <c r="H17403" s="12"/>
    </row>
    <row r="17404" spans="8:8">
      <c r="H17404" s="12"/>
    </row>
    <row r="17405" spans="8:8">
      <c r="H17405" s="12"/>
    </row>
    <row r="17406" spans="8:8">
      <c r="H17406" s="12"/>
    </row>
    <row r="17407" spans="8:8">
      <c r="H17407" s="12"/>
    </row>
    <row r="17408" spans="8:8">
      <c r="H17408" s="12"/>
    </row>
    <row r="17409" spans="8:8">
      <c r="H17409" s="12"/>
    </row>
    <row r="17410" spans="8:8">
      <c r="H17410" s="12"/>
    </row>
    <row r="17411" spans="8:8">
      <c r="H17411" s="12"/>
    </row>
    <row r="17412" spans="8:8">
      <c r="H17412" s="12"/>
    </row>
    <row r="17413" spans="8:8">
      <c r="H17413" s="12"/>
    </row>
    <row r="17414" spans="8:8">
      <c r="H17414" s="12"/>
    </row>
    <row r="17415" spans="8:8">
      <c r="H17415" s="12"/>
    </row>
    <row r="17416" spans="8:8">
      <c r="H17416" s="12"/>
    </row>
    <row r="17417" spans="8:8">
      <c r="H17417" s="12"/>
    </row>
    <row r="17418" spans="8:8">
      <c r="H17418" s="12"/>
    </row>
    <row r="17419" spans="8:8">
      <c r="H17419" s="12"/>
    </row>
    <row r="17420" spans="8:8">
      <c r="H17420" s="12"/>
    </row>
    <row r="17421" spans="8:8">
      <c r="H17421" s="12"/>
    </row>
    <row r="17422" spans="8:8">
      <c r="H17422" s="12"/>
    </row>
    <row r="17423" spans="8:8">
      <c r="H17423" s="12"/>
    </row>
    <row r="17424" spans="8:8">
      <c r="H17424" s="12"/>
    </row>
    <row r="17425" spans="8:8">
      <c r="H17425" s="12"/>
    </row>
    <row r="17426" spans="8:8">
      <c r="H17426" s="12"/>
    </row>
    <row r="17427" spans="8:8">
      <c r="H17427" s="12"/>
    </row>
    <row r="17428" spans="8:8">
      <c r="H17428" s="12"/>
    </row>
    <row r="17429" spans="8:8">
      <c r="H17429" s="12"/>
    </row>
    <row r="17430" spans="8:8">
      <c r="H17430" s="12"/>
    </row>
    <row r="17431" spans="8:8">
      <c r="H17431" s="12"/>
    </row>
    <row r="17432" spans="8:8">
      <c r="H17432" s="12"/>
    </row>
    <row r="17433" spans="8:8">
      <c r="H17433" s="12"/>
    </row>
    <row r="17434" spans="8:8">
      <c r="H17434" s="12"/>
    </row>
    <row r="17435" spans="8:8">
      <c r="H17435" s="12"/>
    </row>
    <row r="17436" spans="8:8">
      <c r="H17436" s="12"/>
    </row>
    <row r="17437" spans="8:8">
      <c r="H17437" s="12"/>
    </row>
    <row r="17438" spans="8:8">
      <c r="H17438" s="12"/>
    </row>
    <row r="17439" spans="8:8">
      <c r="H17439" s="12"/>
    </row>
    <row r="17440" spans="8:8">
      <c r="H17440" s="12"/>
    </row>
    <row r="17441" spans="8:8">
      <c r="H17441" s="12"/>
    </row>
    <row r="17442" spans="8:8">
      <c r="H17442" s="12"/>
    </row>
    <row r="17443" spans="8:8">
      <c r="H17443" s="12"/>
    </row>
    <row r="17444" spans="8:8">
      <c r="H17444" s="12"/>
    </row>
    <row r="17445" spans="8:8">
      <c r="H17445" s="12"/>
    </row>
    <row r="17446" spans="8:8">
      <c r="H17446" s="12"/>
    </row>
    <row r="17447" spans="8:8">
      <c r="H17447" s="12"/>
    </row>
    <row r="17448" spans="8:8">
      <c r="H17448" s="12"/>
    </row>
    <row r="17449" spans="8:8">
      <c r="H17449" s="12"/>
    </row>
    <row r="17450" spans="8:8">
      <c r="H17450" s="12"/>
    </row>
    <row r="17451" spans="8:8">
      <c r="H17451" s="12"/>
    </row>
    <row r="17452" spans="8:8">
      <c r="H17452" s="12"/>
    </row>
    <row r="17453" spans="8:8">
      <c r="H17453" s="12"/>
    </row>
    <row r="17454" spans="8:8">
      <c r="H17454" s="12"/>
    </row>
    <row r="17455" spans="8:8">
      <c r="H17455" s="12"/>
    </row>
    <row r="17456" spans="8:8">
      <c r="H17456" s="12"/>
    </row>
    <row r="17457" spans="8:8">
      <c r="H17457" s="12"/>
    </row>
    <row r="17458" spans="8:8">
      <c r="H17458" s="12"/>
    </row>
    <row r="17459" spans="8:8">
      <c r="H17459" s="12"/>
    </row>
    <row r="17460" spans="8:8">
      <c r="H17460" s="12"/>
    </row>
    <row r="17461" spans="8:8">
      <c r="H17461" s="12"/>
    </row>
    <row r="17462" spans="8:8">
      <c r="H17462" s="12"/>
    </row>
    <row r="17463" spans="8:8">
      <c r="H17463" s="12"/>
    </row>
    <row r="17464" spans="8:8">
      <c r="H17464" s="12"/>
    </row>
    <row r="17465" spans="8:8">
      <c r="H17465" s="12"/>
    </row>
    <row r="17466" spans="8:8">
      <c r="H17466" s="12"/>
    </row>
    <row r="17467" spans="8:8">
      <c r="H17467" s="12"/>
    </row>
    <row r="17468" spans="8:8">
      <c r="H17468" s="12"/>
    </row>
    <row r="17469" spans="8:8">
      <c r="H17469" s="12"/>
    </row>
    <row r="17470" spans="8:8">
      <c r="H17470" s="12"/>
    </row>
    <row r="17471" spans="8:8">
      <c r="H17471" s="12"/>
    </row>
    <row r="17472" spans="8:8">
      <c r="H17472" s="12"/>
    </row>
    <row r="17473" spans="8:8">
      <c r="H17473" s="12"/>
    </row>
    <row r="17474" spans="8:8">
      <c r="H17474" s="12"/>
    </row>
    <row r="17475" spans="8:8">
      <c r="H17475" s="12"/>
    </row>
    <row r="17476" spans="8:8">
      <c r="H17476" s="12"/>
    </row>
    <row r="17477" spans="8:8">
      <c r="H17477" s="12"/>
    </row>
    <row r="17478" spans="8:8">
      <c r="H17478" s="12"/>
    </row>
    <row r="17479" spans="8:8">
      <c r="H17479" s="12"/>
    </row>
    <row r="17480" spans="8:8">
      <c r="H17480" s="12"/>
    </row>
    <row r="17481" spans="8:8">
      <c r="H17481" s="12"/>
    </row>
    <row r="17482" spans="8:8">
      <c r="H17482" s="12"/>
    </row>
    <row r="17483" spans="8:8">
      <c r="H17483" s="12"/>
    </row>
    <row r="17484" spans="8:8">
      <c r="H17484" s="12"/>
    </row>
    <row r="17485" spans="8:8">
      <c r="H17485" s="12"/>
    </row>
    <row r="17486" spans="8:8">
      <c r="H17486" s="12"/>
    </row>
    <row r="17487" spans="8:8">
      <c r="H17487" s="12"/>
    </row>
    <row r="17488" spans="8:8">
      <c r="H17488" s="12"/>
    </row>
    <row r="17489" spans="8:8">
      <c r="H17489" s="12"/>
    </row>
    <row r="17490" spans="8:8">
      <c r="H17490" s="12"/>
    </row>
    <row r="17491" spans="8:8">
      <c r="H17491" s="12"/>
    </row>
    <row r="17492" spans="8:8">
      <c r="H17492" s="12"/>
    </row>
    <row r="17493" spans="8:8">
      <c r="H17493" s="12"/>
    </row>
    <row r="17494" spans="8:8">
      <c r="H17494" s="12"/>
    </row>
    <row r="17495" spans="8:8">
      <c r="H17495" s="12"/>
    </row>
    <row r="17496" spans="8:8">
      <c r="H17496" s="12"/>
    </row>
    <row r="17497" spans="8:8">
      <c r="H17497" s="12"/>
    </row>
    <row r="17498" spans="8:8">
      <c r="H17498" s="12"/>
    </row>
    <row r="17499" spans="8:8">
      <c r="H17499" s="12"/>
    </row>
    <row r="17500" spans="8:8">
      <c r="H17500" s="12"/>
    </row>
    <row r="17501" spans="8:8">
      <c r="H17501" s="12"/>
    </row>
    <row r="17502" spans="8:8">
      <c r="H17502" s="12"/>
    </row>
    <row r="17503" spans="8:8">
      <c r="H17503" s="12"/>
    </row>
    <row r="17504" spans="8:8">
      <c r="H17504" s="12"/>
    </row>
    <row r="17505" spans="8:8">
      <c r="H17505" s="12"/>
    </row>
    <row r="17506" spans="8:8">
      <c r="H17506" s="12"/>
    </row>
    <row r="17507" spans="8:8">
      <c r="H17507" s="12"/>
    </row>
    <row r="17508" spans="8:8">
      <c r="H17508" s="12"/>
    </row>
    <row r="17509" spans="8:8">
      <c r="H17509" s="12"/>
    </row>
    <row r="17510" spans="8:8">
      <c r="H17510" s="12"/>
    </row>
    <row r="17511" spans="8:8">
      <c r="H17511" s="12"/>
    </row>
    <row r="17512" spans="8:8">
      <c r="H17512" s="12"/>
    </row>
    <row r="17513" spans="8:8">
      <c r="H17513" s="12"/>
    </row>
    <row r="17514" spans="8:8">
      <c r="H17514" s="12"/>
    </row>
    <row r="17515" spans="8:8">
      <c r="H17515" s="12"/>
    </row>
    <row r="17516" spans="8:8">
      <c r="H17516" s="12"/>
    </row>
    <row r="17517" spans="8:8">
      <c r="H17517" s="12"/>
    </row>
    <row r="17518" spans="8:8">
      <c r="H17518" s="12"/>
    </row>
    <row r="17519" spans="8:8">
      <c r="H17519" s="12"/>
    </row>
    <row r="17520" spans="8:8">
      <c r="H17520" s="12"/>
    </row>
    <row r="17521" spans="8:8">
      <c r="H17521" s="12"/>
    </row>
    <row r="17522" spans="8:8">
      <c r="H17522" s="12"/>
    </row>
    <row r="17523" spans="8:8">
      <c r="H17523" s="12"/>
    </row>
    <row r="17524" spans="8:8">
      <c r="H17524" s="12"/>
    </row>
    <row r="17525" spans="8:8">
      <c r="H17525" s="12"/>
    </row>
    <row r="17526" spans="8:8">
      <c r="H17526" s="12"/>
    </row>
    <row r="17527" spans="8:8">
      <c r="H17527" s="12"/>
    </row>
    <row r="17528" spans="8:8">
      <c r="H17528" s="12"/>
    </row>
    <row r="17529" spans="8:8">
      <c r="H17529" s="12"/>
    </row>
    <row r="17530" spans="8:8">
      <c r="H17530" s="12"/>
    </row>
    <row r="17531" spans="8:8">
      <c r="H17531" s="12"/>
    </row>
    <row r="17532" spans="8:8">
      <c r="H17532" s="12"/>
    </row>
    <row r="17533" spans="8:8">
      <c r="H17533" s="12"/>
    </row>
    <row r="17534" spans="8:8">
      <c r="H17534" s="12"/>
    </row>
    <row r="17535" spans="8:8">
      <c r="H17535" s="12"/>
    </row>
    <row r="17536" spans="8:8">
      <c r="H17536" s="12"/>
    </row>
    <row r="17537" spans="8:8">
      <c r="H17537" s="12"/>
    </row>
    <row r="17538" spans="8:8">
      <c r="H17538" s="12"/>
    </row>
    <row r="17539" spans="8:8">
      <c r="H17539" s="12"/>
    </row>
    <row r="17540" spans="8:8">
      <c r="H17540" s="12"/>
    </row>
    <row r="17541" spans="8:8">
      <c r="H17541" s="12"/>
    </row>
    <row r="17542" spans="8:8">
      <c r="H17542" s="12"/>
    </row>
    <row r="17543" spans="8:8">
      <c r="H17543" s="12"/>
    </row>
    <row r="17544" spans="8:8">
      <c r="H17544" s="12"/>
    </row>
    <row r="17545" spans="8:8">
      <c r="H17545" s="12"/>
    </row>
    <row r="17546" spans="8:8">
      <c r="H17546" s="12"/>
    </row>
    <row r="17547" spans="8:8">
      <c r="H17547" s="12"/>
    </row>
    <row r="17548" spans="8:8">
      <c r="H17548" s="12"/>
    </row>
    <row r="17549" spans="8:8">
      <c r="H17549" s="12"/>
    </row>
    <row r="17550" spans="8:8">
      <c r="H17550" s="12"/>
    </row>
    <row r="17551" spans="8:8">
      <c r="H17551" s="12"/>
    </row>
    <row r="17552" spans="8:8">
      <c r="H17552" s="12"/>
    </row>
    <row r="17553" spans="8:8">
      <c r="H17553" s="12"/>
    </row>
    <row r="17554" spans="8:8">
      <c r="H17554" s="12"/>
    </row>
    <row r="17555" spans="8:8">
      <c r="H17555" s="12"/>
    </row>
    <row r="17556" spans="8:8">
      <c r="H17556" s="12"/>
    </row>
    <row r="17557" spans="8:8">
      <c r="H17557" s="12"/>
    </row>
    <row r="17558" spans="8:8">
      <c r="H17558" s="12"/>
    </row>
    <row r="17559" spans="8:8">
      <c r="H17559" s="12"/>
    </row>
    <row r="17560" spans="8:8">
      <c r="H17560" s="12"/>
    </row>
    <row r="17561" spans="8:8">
      <c r="H17561" s="12"/>
    </row>
    <row r="17562" spans="8:8">
      <c r="H17562" s="12"/>
    </row>
    <row r="17563" spans="8:8">
      <c r="H17563" s="12"/>
    </row>
    <row r="17564" spans="8:8">
      <c r="H17564" s="12"/>
    </row>
    <row r="17565" spans="8:8">
      <c r="H17565" s="12"/>
    </row>
    <row r="17566" spans="8:8">
      <c r="H17566" s="12"/>
    </row>
    <row r="17567" spans="8:8">
      <c r="H17567" s="12"/>
    </row>
    <row r="17568" spans="8:8">
      <c r="H17568" s="12"/>
    </row>
    <row r="17569" spans="8:8">
      <c r="H17569" s="12"/>
    </row>
    <row r="17570" spans="8:8">
      <c r="H17570" s="12"/>
    </row>
    <row r="17571" spans="8:8">
      <c r="H17571" s="12"/>
    </row>
    <row r="17572" spans="8:8">
      <c r="H17572" s="12"/>
    </row>
    <row r="17573" spans="8:8">
      <c r="H17573" s="12"/>
    </row>
    <row r="17574" spans="8:8">
      <c r="H17574" s="12"/>
    </row>
    <row r="17575" spans="8:8">
      <c r="H17575" s="12"/>
    </row>
    <row r="17576" spans="8:8">
      <c r="H17576" s="12"/>
    </row>
    <row r="17577" spans="8:8">
      <c r="H17577" s="12"/>
    </row>
    <row r="17578" spans="8:8">
      <c r="H17578" s="12"/>
    </row>
    <row r="17579" spans="8:8">
      <c r="H17579" s="12"/>
    </row>
    <row r="17580" spans="8:8">
      <c r="H17580" s="12"/>
    </row>
    <row r="17581" spans="8:8">
      <c r="H17581" s="12"/>
    </row>
    <row r="17582" spans="8:8">
      <c r="H17582" s="12"/>
    </row>
    <row r="17583" spans="8:8">
      <c r="H17583" s="12"/>
    </row>
    <row r="17584" spans="8:8">
      <c r="H17584" s="12"/>
    </row>
    <row r="17585" spans="8:8">
      <c r="H17585" s="12"/>
    </row>
    <row r="17586" spans="8:8">
      <c r="H17586" s="12"/>
    </row>
    <row r="17587" spans="8:8">
      <c r="H17587" s="12"/>
    </row>
    <row r="17588" spans="8:8">
      <c r="H17588" s="12"/>
    </row>
    <row r="17589" spans="8:8">
      <c r="H17589" s="12"/>
    </row>
    <row r="17590" spans="8:8">
      <c r="H17590" s="12"/>
    </row>
    <row r="17591" spans="8:8">
      <c r="H17591" s="12"/>
    </row>
    <row r="17592" spans="8:8">
      <c r="H17592" s="12"/>
    </row>
    <row r="17593" spans="8:8">
      <c r="H17593" s="12"/>
    </row>
    <row r="17594" spans="8:8">
      <c r="H17594" s="12"/>
    </row>
    <row r="17595" spans="8:8">
      <c r="H17595" s="12"/>
    </row>
    <row r="17596" spans="8:8">
      <c r="H17596" s="12"/>
    </row>
    <row r="17597" spans="8:8">
      <c r="H17597" s="12"/>
    </row>
    <row r="17598" spans="8:8">
      <c r="H17598" s="12"/>
    </row>
    <row r="17599" spans="8:8">
      <c r="H17599" s="12"/>
    </row>
    <row r="17600" spans="8:8">
      <c r="H17600" s="12"/>
    </row>
    <row r="17601" spans="8:8">
      <c r="H17601" s="12"/>
    </row>
    <row r="17602" spans="8:8">
      <c r="H17602" s="12"/>
    </row>
    <row r="17603" spans="8:8">
      <c r="H17603" s="12"/>
    </row>
    <row r="17604" spans="8:8">
      <c r="H17604" s="12"/>
    </row>
    <row r="17605" spans="8:8">
      <c r="H17605" s="12"/>
    </row>
    <row r="17606" spans="8:8">
      <c r="H17606" s="12"/>
    </row>
    <row r="17607" spans="8:8">
      <c r="H17607" s="12"/>
    </row>
    <row r="17608" spans="8:8">
      <c r="H17608" s="12"/>
    </row>
    <row r="17609" spans="8:8">
      <c r="H17609" s="12"/>
    </row>
    <row r="17610" spans="8:8">
      <c r="H17610" s="12"/>
    </row>
    <row r="17611" spans="8:8">
      <c r="H17611" s="12"/>
    </row>
    <row r="17612" spans="8:8">
      <c r="H17612" s="12"/>
    </row>
    <row r="17613" spans="8:8">
      <c r="H17613" s="12"/>
    </row>
    <row r="17614" spans="8:8">
      <c r="H17614" s="12"/>
    </row>
    <row r="17615" spans="8:8">
      <c r="H17615" s="12"/>
    </row>
    <row r="17616" spans="8:8">
      <c r="H17616" s="12"/>
    </row>
    <row r="17617" spans="8:8">
      <c r="H17617" s="12"/>
    </row>
    <row r="17618" spans="8:8">
      <c r="H17618" s="12"/>
    </row>
    <row r="17619" spans="8:8">
      <c r="H17619" s="12"/>
    </row>
    <row r="17620" spans="8:8">
      <c r="H17620" s="12"/>
    </row>
    <row r="17621" spans="8:8">
      <c r="H17621" s="12"/>
    </row>
    <row r="17622" spans="8:8">
      <c r="H17622" s="12"/>
    </row>
    <row r="17623" spans="8:8">
      <c r="H17623" s="12"/>
    </row>
    <row r="17624" spans="8:8">
      <c r="H17624" s="12"/>
    </row>
    <row r="17625" spans="8:8">
      <c r="H17625" s="12"/>
    </row>
    <row r="17626" spans="8:8">
      <c r="H17626" s="12"/>
    </row>
    <row r="17627" spans="8:8">
      <c r="H17627" s="12"/>
    </row>
    <row r="17628" spans="8:8">
      <c r="H17628" s="12"/>
    </row>
    <row r="17629" spans="8:8">
      <c r="H17629" s="12"/>
    </row>
    <row r="17630" spans="8:8">
      <c r="H17630" s="12"/>
    </row>
    <row r="17631" spans="8:8">
      <c r="H17631" s="12"/>
    </row>
    <row r="17632" spans="8:8">
      <c r="H17632" s="12"/>
    </row>
    <row r="17633" spans="8:8">
      <c r="H17633" s="12"/>
    </row>
    <row r="17634" spans="8:8">
      <c r="H17634" s="12"/>
    </row>
    <row r="17635" spans="8:8">
      <c r="H17635" s="12"/>
    </row>
    <row r="17636" spans="8:8">
      <c r="H17636" s="12"/>
    </row>
    <row r="17637" spans="8:8">
      <c r="H17637" s="12"/>
    </row>
    <row r="17638" spans="8:8">
      <c r="H17638" s="12"/>
    </row>
    <row r="17639" spans="8:8">
      <c r="H17639" s="12"/>
    </row>
    <row r="17640" spans="8:8">
      <c r="H17640" s="12"/>
    </row>
    <row r="17641" spans="8:8">
      <c r="H17641" s="12"/>
    </row>
    <row r="17642" spans="8:8">
      <c r="H17642" s="12"/>
    </row>
    <row r="17643" spans="8:8">
      <c r="H17643" s="12"/>
    </row>
    <row r="17644" spans="8:8">
      <c r="H17644" s="12"/>
    </row>
    <row r="17645" spans="8:8">
      <c r="H17645" s="12"/>
    </row>
    <row r="17646" spans="8:8">
      <c r="H17646" s="12"/>
    </row>
    <row r="17647" spans="8:8">
      <c r="H17647" s="12"/>
    </row>
    <row r="17648" spans="8:8">
      <c r="H17648" s="12"/>
    </row>
    <row r="17649" spans="8:8">
      <c r="H17649" s="12"/>
    </row>
    <row r="17650" spans="8:8">
      <c r="H17650" s="12"/>
    </row>
    <row r="17651" spans="8:8">
      <c r="H17651" s="12"/>
    </row>
    <row r="17652" spans="8:8">
      <c r="H17652" s="12"/>
    </row>
    <row r="17653" spans="8:8">
      <c r="H17653" s="12"/>
    </row>
    <row r="17654" spans="8:8">
      <c r="H17654" s="12"/>
    </row>
    <row r="17655" spans="8:8">
      <c r="H17655" s="12"/>
    </row>
    <row r="17656" spans="8:8">
      <c r="H17656" s="12"/>
    </row>
    <row r="17657" spans="8:8">
      <c r="H17657" s="12"/>
    </row>
    <row r="17658" spans="8:8">
      <c r="H17658" s="12"/>
    </row>
    <row r="17659" spans="8:8">
      <c r="H17659" s="12"/>
    </row>
    <row r="17660" spans="8:8">
      <c r="H17660" s="12"/>
    </row>
    <row r="17661" spans="8:8">
      <c r="H17661" s="12"/>
    </row>
    <row r="17662" spans="8:8">
      <c r="H17662" s="12"/>
    </row>
    <row r="17663" spans="8:8">
      <c r="H17663" s="12"/>
    </row>
    <row r="17664" spans="8:8">
      <c r="H17664" s="12"/>
    </row>
    <row r="17665" spans="8:8">
      <c r="H17665" s="12"/>
    </row>
    <row r="17666" spans="8:8">
      <c r="H17666" s="12"/>
    </row>
    <row r="17667" spans="8:8">
      <c r="H17667" s="12"/>
    </row>
    <row r="17668" spans="8:8">
      <c r="H17668" s="12"/>
    </row>
    <row r="17669" spans="8:8">
      <c r="H17669" s="12"/>
    </row>
    <row r="17670" spans="8:8">
      <c r="H17670" s="12"/>
    </row>
    <row r="17671" spans="8:8">
      <c r="H17671" s="12"/>
    </row>
    <row r="17672" spans="8:8">
      <c r="H17672" s="12"/>
    </row>
    <row r="17673" spans="8:8">
      <c r="H17673" s="12"/>
    </row>
    <row r="17674" spans="8:8">
      <c r="H17674" s="12"/>
    </row>
    <row r="17675" spans="8:8">
      <c r="H17675" s="12"/>
    </row>
    <row r="17676" spans="8:8">
      <c r="H17676" s="12"/>
    </row>
    <row r="17677" spans="8:8">
      <c r="H17677" s="12"/>
    </row>
    <row r="17678" spans="8:8">
      <c r="H17678" s="12"/>
    </row>
    <row r="17679" spans="8:8">
      <c r="H17679" s="12"/>
    </row>
    <row r="17680" spans="8:8">
      <c r="H17680" s="12"/>
    </row>
    <row r="17681" spans="8:8">
      <c r="H17681" s="12"/>
    </row>
    <row r="17682" spans="8:8">
      <c r="H17682" s="12"/>
    </row>
    <row r="17683" spans="8:8">
      <c r="H17683" s="12"/>
    </row>
    <row r="17684" spans="8:8">
      <c r="H17684" s="12"/>
    </row>
    <row r="17685" spans="8:8">
      <c r="H17685" s="12"/>
    </row>
    <row r="17686" spans="8:8">
      <c r="H17686" s="12"/>
    </row>
    <row r="17687" spans="8:8">
      <c r="H17687" s="12"/>
    </row>
    <row r="17688" spans="8:8">
      <c r="H17688" s="12"/>
    </row>
    <row r="17689" spans="8:8">
      <c r="H17689" s="12"/>
    </row>
    <row r="17690" spans="8:8">
      <c r="H17690" s="12"/>
    </row>
    <row r="17691" spans="8:8">
      <c r="H17691" s="12"/>
    </row>
    <row r="17692" spans="8:8">
      <c r="H17692" s="12"/>
    </row>
    <row r="17693" spans="8:8">
      <c r="H17693" s="12"/>
    </row>
    <row r="17694" spans="8:8">
      <c r="H17694" s="12"/>
    </row>
    <row r="17695" spans="8:8">
      <c r="H17695" s="12"/>
    </row>
    <row r="17696" spans="8:8">
      <c r="H17696" s="12"/>
    </row>
    <row r="17697" spans="8:8">
      <c r="H17697" s="12"/>
    </row>
    <row r="17698" spans="8:8">
      <c r="H17698" s="12"/>
    </row>
    <row r="17699" spans="8:8">
      <c r="H17699" s="12"/>
    </row>
    <row r="17700" spans="8:8">
      <c r="H17700" s="12"/>
    </row>
    <row r="17701" spans="8:8">
      <c r="H17701" s="12"/>
    </row>
    <row r="17702" spans="8:8">
      <c r="H17702" s="12"/>
    </row>
    <row r="17703" spans="8:8">
      <c r="H17703" s="12"/>
    </row>
    <row r="17704" spans="8:8">
      <c r="H17704" s="12"/>
    </row>
    <row r="17705" spans="8:8">
      <c r="H17705" s="12"/>
    </row>
    <row r="17706" spans="8:8">
      <c r="H17706" s="12"/>
    </row>
    <row r="17707" spans="8:8">
      <c r="H17707" s="12"/>
    </row>
    <row r="17708" spans="8:8">
      <c r="H17708" s="12"/>
    </row>
    <row r="17709" spans="8:8">
      <c r="H17709" s="12"/>
    </row>
    <row r="17710" spans="8:8">
      <c r="H17710" s="12"/>
    </row>
    <row r="17711" spans="8:8">
      <c r="H17711" s="12"/>
    </row>
    <row r="17712" spans="8:8">
      <c r="H17712" s="12"/>
    </row>
    <row r="17713" spans="8:8">
      <c r="H17713" s="12"/>
    </row>
    <row r="17714" spans="8:8">
      <c r="H17714" s="12"/>
    </row>
    <row r="17715" spans="8:8">
      <c r="H17715" s="12"/>
    </row>
    <row r="17716" spans="8:8">
      <c r="H17716" s="12"/>
    </row>
    <row r="17717" spans="8:8">
      <c r="H17717" s="12"/>
    </row>
    <row r="17718" spans="8:8">
      <c r="H17718" s="12"/>
    </row>
    <row r="17719" spans="8:8">
      <c r="H17719" s="12"/>
    </row>
    <row r="17720" spans="8:8">
      <c r="H17720" s="12"/>
    </row>
    <row r="17721" spans="8:8">
      <c r="H17721" s="12"/>
    </row>
    <row r="17722" spans="8:8">
      <c r="H17722" s="12"/>
    </row>
    <row r="17723" spans="8:8">
      <c r="H17723" s="12"/>
    </row>
    <row r="17724" spans="8:8">
      <c r="H17724" s="12"/>
    </row>
    <row r="17725" spans="8:8">
      <c r="H17725" s="12"/>
    </row>
    <row r="17726" spans="8:8">
      <c r="H17726" s="12"/>
    </row>
    <row r="17727" spans="8:8">
      <c r="H17727" s="12"/>
    </row>
    <row r="17728" spans="8:8">
      <c r="H17728" s="12"/>
    </row>
    <row r="17729" spans="8:8">
      <c r="H17729" s="12"/>
    </row>
    <row r="17730" spans="8:8">
      <c r="H17730" s="12"/>
    </row>
    <row r="17731" spans="8:8">
      <c r="H17731" s="12"/>
    </row>
    <row r="17732" spans="8:8">
      <c r="H17732" s="12"/>
    </row>
    <row r="17733" spans="8:8">
      <c r="H17733" s="12"/>
    </row>
    <row r="17734" spans="8:8">
      <c r="H17734" s="12"/>
    </row>
    <row r="17735" spans="8:8">
      <c r="H17735" s="12"/>
    </row>
    <row r="17736" spans="8:8">
      <c r="H17736" s="12"/>
    </row>
    <row r="17737" spans="8:8">
      <c r="H17737" s="12"/>
    </row>
    <row r="17738" spans="8:8">
      <c r="H17738" s="12"/>
    </row>
    <row r="17739" spans="8:8">
      <c r="H17739" s="12"/>
    </row>
    <row r="17740" spans="8:8">
      <c r="H17740" s="12"/>
    </row>
    <row r="17741" spans="8:8">
      <c r="H17741" s="12"/>
    </row>
    <row r="17742" spans="8:8">
      <c r="H17742" s="12"/>
    </row>
    <row r="17743" spans="8:8">
      <c r="H17743" s="12"/>
    </row>
    <row r="17744" spans="8:8">
      <c r="H17744" s="12"/>
    </row>
    <row r="17745" spans="8:8">
      <c r="H17745" s="12"/>
    </row>
    <row r="17746" spans="8:8">
      <c r="H17746" s="12"/>
    </row>
    <row r="17747" spans="8:8">
      <c r="H17747" s="12"/>
    </row>
    <row r="17748" spans="8:8">
      <c r="H17748" s="12"/>
    </row>
    <row r="17749" spans="8:8">
      <c r="H17749" s="12"/>
    </row>
    <row r="17750" spans="8:8">
      <c r="H17750" s="12"/>
    </row>
    <row r="17751" spans="8:8">
      <c r="H17751" s="12"/>
    </row>
    <row r="17752" spans="8:8">
      <c r="H17752" s="12"/>
    </row>
    <row r="17753" spans="8:8">
      <c r="H17753" s="12"/>
    </row>
    <row r="17754" spans="8:8">
      <c r="H17754" s="12"/>
    </row>
    <row r="17755" spans="8:8">
      <c r="H17755" s="12"/>
    </row>
    <row r="17756" spans="8:8">
      <c r="H17756" s="12"/>
    </row>
    <row r="17757" spans="8:8">
      <c r="H17757" s="12"/>
    </row>
    <row r="17758" spans="8:8">
      <c r="H17758" s="12"/>
    </row>
    <row r="17759" spans="8:8">
      <c r="H17759" s="12"/>
    </row>
    <row r="17760" spans="8:8">
      <c r="H17760" s="12"/>
    </row>
    <row r="17761" spans="8:8">
      <c r="H17761" s="12"/>
    </row>
    <row r="17762" spans="8:8">
      <c r="H17762" s="12"/>
    </row>
    <row r="17763" spans="8:8">
      <c r="H17763" s="12"/>
    </row>
    <row r="17764" spans="8:8">
      <c r="H17764" s="12"/>
    </row>
    <row r="17765" spans="8:8">
      <c r="H17765" s="12"/>
    </row>
    <row r="17766" spans="8:8">
      <c r="H17766" s="12"/>
    </row>
    <row r="17767" spans="8:8">
      <c r="H17767" s="12"/>
    </row>
    <row r="17768" spans="8:8">
      <c r="H17768" s="12"/>
    </row>
    <row r="17769" spans="8:8">
      <c r="H17769" s="12"/>
    </row>
    <row r="17770" spans="8:8">
      <c r="H17770" s="12"/>
    </row>
    <row r="17771" spans="8:8">
      <c r="H17771" s="12"/>
    </row>
    <row r="17772" spans="8:8">
      <c r="H17772" s="12"/>
    </row>
    <row r="17773" spans="8:8">
      <c r="H17773" s="12"/>
    </row>
    <row r="17774" spans="8:8">
      <c r="H17774" s="12"/>
    </row>
    <row r="17775" spans="8:8">
      <c r="H17775" s="12"/>
    </row>
    <row r="17776" spans="8:8">
      <c r="H17776" s="12"/>
    </row>
    <row r="17777" spans="8:8">
      <c r="H17777" s="12"/>
    </row>
    <row r="17778" spans="8:8">
      <c r="H17778" s="12"/>
    </row>
    <row r="17779" spans="8:8">
      <c r="H17779" s="12"/>
    </row>
    <row r="17780" spans="8:8">
      <c r="H17780" s="12"/>
    </row>
    <row r="17781" spans="8:8">
      <c r="H17781" s="12"/>
    </row>
    <row r="17782" spans="8:8">
      <c r="H17782" s="12"/>
    </row>
    <row r="17783" spans="8:8">
      <c r="H17783" s="12"/>
    </row>
    <row r="17784" spans="8:8">
      <c r="H17784" s="12"/>
    </row>
    <row r="17785" spans="8:8">
      <c r="H17785" s="12"/>
    </row>
    <row r="17786" spans="8:8">
      <c r="H17786" s="12"/>
    </row>
    <row r="17787" spans="8:8">
      <c r="H17787" s="12"/>
    </row>
    <row r="17788" spans="8:8">
      <c r="H17788" s="12"/>
    </row>
    <row r="17789" spans="8:8">
      <c r="H17789" s="12"/>
    </row>
    <row r="17790" spans="8:8">
      <c r="H17790" s="12"/>
    </row>
    <row r="17791" spans="8:8">
      <c r="H17791" s="12"/>
    </row>
    <row r="17792" spans="8:8">
      <c r="H17792" s="12"/>
    </row>
    <row r="17793" spans="8:8">
      <c r="H17793" s="12"/>
    </row>
    <row r="17794" spans="8:8">
      <c r="H17794" s="12"/>
    </row>
    <row r="17795" spans="8:8">
      <c r="H17795" s="12"/>
    </row>
    <row r="17796" spans="8:8">
      <c r="H17796" s="12"/>
    </row>
    <row r="17797" spans="8:8">
      <c r="H17797" s="12"/>
    </row>
    <row r="17798" spans="8:8">
      <c r="H17798" s="12"/>
    </row>
    <row r="17799" spans="8:8">
      <c r="H17799" s="12"/>
    </row>
    <row r="17800" spans="8:8">
      <c r="H17800" s="12"/>
    </row>
    <row r="17801" spans="8:8">
      <c r="H17801" s="12"/>
    </row>
    <row r="17802" spans="8:8">
      <c r="H17802" s="12"/>
    </row>
    <row r="17803" spans="8:8">
      <c r="H17803" s="12"/>
    </row>
    <row r="17804" spans="8:8">
      <c r="H17804" s="12"/>
    </row>
    <row r="17805" spans="8:8">
      <c r="H17805" s="12"/>
    </row>
    <row r="17806" spans="8:8">
      <c r="H17806" s="12"/>
    </row>
    <row r="17807" spans="8:8">
      <c r="H17807" s="12"/>
    </row>
    <row r="17808" spans="8:8">
      <c r="H17808" s="12"/>
    </row>
    <row r="17809" spans="8:8">
      <c r="H17809" s="12"/>
    </row>
    <row r="17810" spans="8:8">
      <c r="H17810" s="12"/>
    </row>
    <row r="17811" spans="8:8">
      <c r="H17811" s="12"/>
    </row>
    <row r="17812" spans="8:8">
      <c r="H17812" s="12"/>
    </row>
    <row r="17813" spans="8:8">
      <c r="H17813" s="12"/>
    </row>
    <row r="17814" spans="8:8">
      <c r="H17814" s="12"/>
    </row>
    <row r="17815" spans="8:8">
      <c r="H17815" s="12"/>
    </row>
    <row r="17816" spans="8:8">
      <c r="H17816" s="12"/>
    </row>
    <row r="17817" spans="8:8">
      <c r="H17817" s="12"/>
    </row>
    <row r="17818" spans="8:8">
      <c r="H17818" s="12"/>
    </row>
    <row r="17819" spans="8:8">
      <c r="H17819" s="12"/>
    </row>
    <row r="17820" spans="8:8">
      <c r="H17820" s="12"/>
    </row>
    <row r="17821" spans="8:8">
      <c r="H17821" s="12"/>
    </row>
    <row r="17822" spans="8:8">
      <c r="H17822" s="12"/>
    </row>
    <row r="17823" spans="8:8">
      <c r="H17823" s="12"/>
    </row>
    <row r="17824" spans="8:8">
      <c r="H17824" s="12"/>
    </row>
    <row r="17825" spans="8:8">
      <c r="H17825" s="12"/>
    </row>
    <row r="17826" spans="8:8">
      <c r="H17826" s="12"/>
    </row>
    <row r="17827" spans="8:8">
      <c r="H17827" s="12"/>
    </row>
    <row r="17828" spans="8:8">
      <c r="H17828" s="12"/>
    </row>
    <row r="17829" spans="8:8">
      <c r="H17829" s="12"/>
    </row>
    <row r="17830" spans="8:8">
      <c r="H17830" s="12"/>
    </row>
    <row r="17831" spans="8:8">
      <c r="H17831" s="12"/>
    </row>
    <row r="17832" spans="8:8">
      <c r="H17832" s="12"/>
    </row>
    <row r="17833" spans="8:8">
      <c r="H17833" s="12"/>
    </row>
    <row r="17834" spans="8:8">
      <c r="H17834" s="12"/>
    </row>
    <row r="17835" spans="8:8">
      <c r="H17835" s="12"/>
    </row>
    <row r="17836" spans="8:8">
      <c r="H17836" s="12"/>
    </row>
    <row r="17837" spans="8:8">
      <c r="H17837" s="12"/>
    </row>
    <row r="17838" spans="8:8">
      <c r="H17838" s="12"/>
    </row>
    <row r="17839" spans="8:8">
      <c r="H17839" s="12"/>
    </row>
    <row r="17840" spans="8:8">
      <c r="H17840" s="12"/>
    </row>
    <row r="17841" spans="8:8">
      <c r="H17841" s="12"/>
    </row>
    <row r="17842" spans="8:8">
      <c r="H17842" s="12"/>
    </row>
    <row r="17843" spans="8:8">
      <c r="H17843" s="12"/>
    </row>
    <row r="17844" spans="8:8">
      <c r="H17844" s="12"/>
    </row>
    <row r="17845" spans="8:8">
      <c r="H17845" s="12"/>
    </row>
    <row r="17846" spans="8:8">
      <c r="H17846" s="12"/>
    </row>
    <row r="17847" spans="8:8">
      <c r="H17847" s="12"/>
    </row>
    <row r="17848" spans="8:8">
      <c r="H17848" s="12"/>
    </row>
    <row r="17849" spans="8:8">
      <c r="H17849" s="12"/>
    </row>
    <row r="17850" spans="8:8">
      <c r="H17850" s="12"/>
    </row>
    <row r="17851" spans="8:8">
      <c r="H17851" s="12"/>
    </row>
    <row r="17852" spans="8:8">
      <c r="H17852" s="12"/>
    </row>
    <row r="17853" spans="8:8">
      <c r="H17853" s="12"/>
    </row>
    <row r="17854" spans="8:8">
      <c r="H17854" s="12"/>
    </row>
    <row r="17855" spans="8:8">
      <c r="H17855" s="12"/>
    </row>
    <row r="17856" spans="8:8">
      <c r="H17856" s="12"/>
    </row>
    <row r="17857" spans="8:8">
      <c r="H17857" s="12"/>
    </row>
    <row r="17858" spans="8:8">
      <c r="H17858" s="12"/>
    </row>
    <row r="17859" spans="8:8">
      <c r="H17859" s="12"/>
    </row>
    <row r="17860" spans="8:8">
      <c r="H17860" s="12"/>
    </row>
    <row r="17861" spans="8:8">
      <c r="H17861" s="12"/>
    </row>
    <row r="17862" spans="8:8">
      <c r="H17862" s="12"/>
    </row>
    <row r="17863" spans="8:8">
      <c r="H17863" s="12"/>
    </row>
    <row r="17864" spans="8:8">
      <c r="H17864" s="12"/>
    </row>
    <row r="17865" spans="8:8">
      <c r="H17865" s="12"/>
    </row>
    <row r="17866" spans="8:8">
      <c r="H17866" s="12"/>
    </row>
    <row r="17867" spans="8:8">
      <c r="H17867" s="12"/>
    </row>
    <row r="17868" spans="8:8">
      <c r="H17868" s="12"/>
    </row>
    <row r="17869" spans="8:8">
      <c r="H17869" s="12"/>
    </row>
    <row r="17870" spans="8:8">
      <c r="H17870" s="12"/>
    </row>
    <row r="17871" spans="8:8">
      <c r="H17871" s="12"/>
    </row>
    <row r="17872" spans="8:8">
      <c r="H17872" s="12"/>
    </row>
    <row r="17873" spans="8:8">
      <c r="H17873" s="12"/>
    </row>
    <row r="17874" spans="8:8">
      <c r="H17874" s="12"/>
    </row>
    <row r="17875" spans="8:8">
      <c r="H17875" s="12"/>
    </row>
    <row r="17876" spans="8:8">
      <c r="H17876" s="12"/>
    </row>
    <row r="17877" spans="8:8">
      <c r="H17877" s="12"/>
    </row>
    <row r="17878" spans="8:8">
      <c r="H17878" s="12"/>
    </row>
    <row r="17879" spans="8:8">
      <c r="H17879" s="12"/>
    </row>
    <row r="17880" spans="8:8">
      <c r="H17880" s="12"/>
    </row>
    <row r="17881" spans="8:8">
      <c r="H17881" s="12"/>
    </row>
    <row r="17882" spans="8:8">
      <c r="H17882" s="12"/>
    </row>
    <row r="17883" spans="8:8">
      <c r="H17883" s="12"/>
    </row>
    <row r="17884" spans="8:8">
      <c r="H17884" s="12"/>
    </row>
    <row r="17885" spans="8:8">
      <c r="H17885" s="12"/>
    </row>
    <row r="17886" spans="8:8">
      <c r="H17886" s="12"/>
    </row>
    <row r="17887" spans="8:8">
      <c r="H17887" s="12"/>
    </row>
    <row r="17888" spans="8:8">
      <c r="H17888" s="12"/>
    </row>
    <row r="17889" spans="8:8">
      <c r="H17889" s="12"/>
    </row>
    <row r="17890" spans="8:8">
      <c r="H17890" s="12"/>
    </row>
    <row r="17891" spans="8:8">
      <c r="H17891" s="12"/>
    </row>
    <row r="17892" spans="8:8">
      <c r="H17892" s="12"/>
    </row>
    <row r="17893" spans="8:8">
      <c r="H17893" s="12"/>
    </row>
    <row r="17894" spans="8:8">
      <c r="H17894" s="12"/>
    </row>
    <row r="17895" spans="8:8">
      <c r="H17895" s="12"/>
    </row>
    <row r="17896" spans="8:8">
      <c r="H17896" s="12"/>
    </row>
    <row r="17897" spans="8:8">
      <c r="H17897" s="12"/>
    </row>
    <row r="17898" spans="8:8">
      <c r="H17898" s="12"/>
    </row>
    <row r="17899" spans="8:8">
      <c r="H17899" s="12"/>
    </row>
    <row r="17900" spans="8:8">
      <c r="H17900" s="12"/>
    </row>
    <row r="17901" spans="8:8">
      <c r="H17901" s="12"/>
    </row>
    <row r="17902" spans="8:8">
      <c r="H17902" s="12"/>
    </row>
    <row r="17903" spans="8:8">
      <c r="H17903" s="12"/>
    </row>
    <row r="17904" spans="8:8">
      <c r="H17904" s="12"/>
    </row>
    <row r="17905" spans="8:8">
      <c r="H17905" s="12"/>
    </row>
    <row r="17906" spans="8:8">
      <c r="H17906" s="12"/>
    </row>
    <row r="17907" spans="8:8">
      <c r="H17907" s="12"/>
    </row>
    <row r="17908" spans="8:8">
      <c r="H17908" s="12"/>
    </row>
    <row r="17909" spans="8:8">
      <c r="H17909" s="12"/>
    </row>
    <row r="17910" spans="8:8">
      <c r="H17910" s="12"/>
    </row>
    <row r="17911" spans="8:8">
      <c r="H17911" s="12"/>
    </row>
    <row r="17912" spans="8:8">
      <c r="H17912" s="12"/>
    </row>
    <row r="17913" spans="8:8">
      <c r="H17913" s="12"/>
    </row>
    <row r="17914" spans="8:8">
      <c r="H17914" s="12"/>
    </row>
    <row r="17915" spans="8:8">
      <c r="H17915" s="12"/>
    </row>
    <row r="17916" spans="8:8">
      <c r="H17916" s="12"/>
    </row>
    <row r="17917" spans="8:8">
      <c r="H17917" s="12"/>
    </row>
    <row r="17918" spans="8:8">
      <c r="H17918" s="12"/>
    </row>
    <row r="17919" spans="8:8">
      <c r="H17919" s="12"/>
    </row>
    <row r="17920" spans="8:8">
      <c r="H17920" s="12"/>
    </row>
    <row r="17921" spans="8:8">
      <c r="H17921" s="12"/>
    </row>
    <row r="17922" spans="8:8">
      <c r="H17922" s="12"/>
    </row>
    <row r="17923" spans="8:8">
      <c r="H17923" s="12"/>
    </row>
    <row r="17924" spans="8:8">
      <c r="H17924" s="12"/>
    </row>
    <row r="17925" spans="8:8">
      <c r="H17925" s="12"/>
    </row>
    <row r="17926" spans="8:8">
      <c r="H17926" s="12"/>
    </row>
    <row r="17927" spans="8:8">
      <c r="H17927" s="12"/>
    </row>
    <row r="17928" spans="8:8">
      <c r="H17928" s="12"/>
    </row>
    <row r="17929" spans="8:8">
      <c r="H17929" s="12"/>
    </row>
    <row r="17930" spans="8:8">
      <c r="H17930" s="12"/>
    </row>
    <row r="17931" spans="8:8">
      <c r="H17931" s="12"/>
    </row>
    <row r="17932" spans="8:8">
      <c r="H17932" s="12"/>
    </row>
    <row r="17933" spans="8:8">
      <c r="H17933" s="12"/>
    </row>
    <row r="17934" spans="8:8">
      <c r="H17934" s="12"/>
    </row>
    <row r="17935" spans="8:8">
      <c r="H17935" s="12"/>
    </row>
    <row r="17936" spans="8:8">
      <c r="H17936" s="12"/>
    </row>
    <row r="17937" spans="8:8">
      <c r="H17937" s="12"/>
    </row>
    <row r="17938" spans="8:8">
      <c r="H17938" s="12"/>
    </row>
    <row r="17939" spans="8:8">
      <c r="H17939" s="12"/>
    </row>
    <row r="17940" spans="8:8">
      <c r="H17940" s="12"/>
    </row>
    <row r="17941" spans="8:8">
      <c r="H17941" s="12"/>
    </row>
    <row r="17942" spans="8:8">
      <c r="H17942" s="12"/>
    </row>
    <row r="17943" spans="8:8">
      <c r="H17943" s="12"/>
    </row>
    <row r="17944" spans="8:8">
      <c r="H17944" s="12"/>
    </row>
    <row r="17945" spans="8:8">
      <c r="H17945" s="12"/>
    </row>
    <row r="17946" spans="8:8">
      <c r="H17946" s="12"/>
    </row>
    <row r="17947" spans="8:8">
      <c r="H17947" s="12"/>
    </row>
    <row r="17948" spans="8:8">
      <c r="H17948" s="12"/>
    </row>
    <row r="17949" spans="8:8">
      <c r="H17949" s="12"/>
    </row>
    <row r="17950" spans="8:8">
      <c r="H17950" s="12"/>
    </row>
    <row r="17951" spans="8:8">
      <c r="H17951" s="12"/>
    </row>
    <row r="17952" spans="8:8">
      <c r="H17952" s="12"/>
    </row>
    <row r="17953" spans="8:8">
      <c r="H17953" s="12"/>
    </row>
    <row r="17954" spans="8:8">
      <c r="H17954" s="12"/>
    </row>
    <row r="17955" spans="8:8">
      <c r="H17955" s="12"/>
    </row>
    <row r="17956" spans="8:8">
      <c r="H17956" s="12"/>
    </row>
    <row r="17957" spans="8:8">
      <c r="H17957" s="12"/>
    </row>
    <row r="17958" spans="8:8">
      <c r="H17958" s="12"/>
    </row>
    <row r="17959" spans="8:8">
      <c r="H17959" s="12"/>
    </row>
    <row r="17960" spans="8:8">
      <c r="H17960" s="12"/>
    </row>
    <row r="17961" spans="8:8">
      <c r="H17961" s="12"/>
    </row>
    <row r="17962" spans="8:8">
      <c r="H17962" s="12"/>
    </row>
    <row r="17963" spans="8:8">
      <c r="H17963" s="12"/>
    </row>
    <row r="17964" spans="8:8">
      <c r="H17964" s="12"/>
    </row>
    <row r="17965" spans="8:8">
      <c r="H17965" s="12"/>
    </row>
    <row r="17966" spans="8:8">
      <c r="H17966" s="12"/>
    </row>
    <row r="17967" spans="8:8">
      <c r="H17967" s="12"/>
    </row>
    <row r="17968" spans="8:8">
      <c r="H17968" s="12"/>
    </row>
    <row r="17969" spans="8:8">
      <c r="H17969" s="12"/>
    </row>
    <row r="17970" spans="8:8">
      <c r="H17970" s="12"/>
    </row>
    <row r="17971" spans="8:8">
      <c r="H17971" s="12"/>
    </row>
    <row r="17972" spans="8:8">
      <c r="H17972" s="12"/>
    </row>
    <row r="17973" spans="8:8">
      <c r="H17973" s="12"/>
    </row>
    <row r="17974" spans="8:8">
      <c r="H17974" s="12"/>
    </row>
    <row r="17975" spans="8:8">
      <c r="H17975" s="12"/>
    </row>
    <row r="17976" spans="8:8">
      <c r="H17976" s="12"/>
    </row>
    <row r="17977" spans="8:8">
      <c r="H17977" s="12"/>
    </row>
    <row r="17978" spans="8:8">
      <c r="H17978" s="12"/>
    </row>
    <row r="17979" spans="8:8">
      <c r="H17979" s="12"/>
    </row>
    <row r="17980" spans="8:8">
      <c r="H17980" s="12"/>
    </row>
    <row r="17981" spans="8:8">
      <c r="H17981" s="12"/>
    </row>
    <row r="17982" spans="8:8">
      <c r="H17982" s="12"/>
    </row>
    <row r="17983" spans="8:8">
      <c r="H17983" s="12"/>
    </row>
    <row r="17984" spans="8:8">
      <c r="H17984" s="12"/>
    </row>
    <row r="17985" spans="8:8">
      <c r="H17985" s="12"/>
    </row>
    <row r="17986" spans="8:8">
      <c r="H17986" s="12"/>
    </row>
    <row r="17987" spans="8:8">
      <c r="H17987" s="12"/>
    </row>
    <row r="17988" spans="8:8">
      <c r="H17988" s="12"/>
    </row>
    <row r="17989" spans="8:8">
      <c r="H17989" s="12"/>
    </row>
    <row r="17990" spans="8:8">
      <c r="H17990" s="12"/>
    </row>
    <row r="17991" spans="8:8">
      <c r="H17991" s="12"/>
    </row>
    <row r="17992" spans="8:8">
      <c r="H17992" s="12"/>
    </row>
    <row r="17993" spans="8:8">
      <c r="H17993" s="12"/>
    </row>
    <row r="17994" spans="8:8">
      <c r="H17994" s="12"/>
    </row>
    <row r="17995" spans="8:8">
      <c r="H17995" s="12"/>
    </row>
    <row r="17996" spans="8:8">
      <c r="H17996" s="12"/>
    </row>
    <row r="17997" spans="8:8">
      <c r="H17997" s="12"/>
    </row>
    <row r="17998" spans="8:8">
      <c r="H17998" s="12"/>
    </row>
    <row r="17999" spans="8:8">
      <c r="H17999" s="12"/>
    </row>
    <row r="18000" spans="8:8">
      <c r="H18000" s="12"/>
    </row>
    <row r="18001" spans="8:8">
      <c r="H18001" s="12"/>
    </row>
    <row r="18002" spans="8:8">
      <c r="H18002" s="12"/>
    </row>
    <row r="18003" spans="8:8">
      <c r="H18003" s="12"/>
    </row>
    <row r="18004" spans="8:8">
      <c r="H18004" s="12"/>
    </row>
    <row r="18005" spans="8:8">
      <c r="H18005" s="12"/>
    </row>
    <row r="18006" spans="8:8">
      <c r="H18006" s="12"/>
    </row>
    <row r="18007" spans="8:8">
      <c r="H18007" s="12"/>
    </row>
    <row r="18008" spans="8:8">
      <c r="H18008" s="12"/>
    </row>
    <row r="18009" spans="8:8">
      <c r="H18009" s="12"/>
    </row>
    <row r="18010" spans="8:8">
      <c r="H18010" s="12"/>
    </row>
    <row r="18011" spans="8:8">
      <c r="H18011" s="12"/>
    </row>
    <row r="18012" spans="8:8">
      <c r="H18012" s="12"/>
    </row>
    <row r="18013" spans="8:8">
      <c r="H18013" s="12"/>
    </row>
    <row r="18014" spans="8:8">
      <c r="H18014" s="12"/>
    </row>
    <row r="18015" spans="8:8">
      <c r="H18015" s="12"/>
    </row>
    <row r="18016" spans="8:8">
      <c r="H18016" s="12"/>
    </row>
    <row r="18017" spans="8:8">
      <c r="H18017" s="12"/>
    </row>
    <row r="18018" spans="8:8">
      <c r="H18018" s="12"/>
    </row>
    <row r="18019" spans="8:8">
      <c r="H18019" s="12"/>
    </row>
    <row r="18020" spans="8:8">
      <c r="H18020" s="12"/>
    </row>
    <row r="18021" spans="8:8">
      <c r="H18021" s="12"/>
    </row>
    <row r="18022" spans="8:8">
      <c r="H18022" s="12"/>
    </row>
    <row r="18023" spans="8:8">
      <c r="H18023" s="12"/>
    </row>
    <row r="18024" spans="8:8">
      <c r="H18024" s="12"/>
    </row>
    <row r="18025" spans="8:8">
      <c r="H18025" s="12"/>
    </row>
    <row r="18026" spans="8:8">
      <c r="H18026" s="12"/>
    </row>
    <row r="18027" spans="8:8">
      <c r="H18027" s="12"/>
    </row>
    <row r="18028" spans="8:8">
      <c r="H18028" s="12"/>
    </row>
    <row r="18029" spans="8:8">
      <c r="H18029" s="12"/>
    </row>
    <row r="18030" spans="8:8">
      <c r="H18030" s="12"/>
    </row>
    <row r="18031" spans="8:8">
      <c r="H18031" s="12"/>
    </row>
    <row r="18032" spans="8:8">
      <c r="H18032" s="12"/>
    </row>
    <row r="18033" spans="8:8">
      <c r="H18033" s="12"/>
    </row>
    <row r="18034" spans="8:8">
      <c r="H18034" s="12"/>
    </row>
    <row r="18035" spans="8:8">
      <c r="H18035" s="12"/>
    </row>
    <row r="18036" spans="8:8">
      <c r="H18036" s="12"/>
    </row>
    <row r="18037" spans="8:8">
      <c r="H18037" s="12"/>
    </row>
    <row r="18038" spans="8:8">
      <c r="H18038" s="12"/>
    </row>
    <row r="18039" spans="8:8">
      <c r="H18039" s="12"/>
    </row>
    <row r="18040" spans="8:8">
      <c r="H18040" s="12"/>
    </row>
    <row r="18041" spans="8:8">
      <c r="H18041" s="12"/>
    </row>
    <row r="18042" spans="8:8">
      <c r="H18042" s="12"/>
    </row>
    <row r="18043" spans="8:8">
      <c r="H18043" s="12"/>
    </row>
    <row r="18044" spans="8:8">
      <c r="H18044" s="12"/>
    </row>
    <row r="18045" spans="8:8">
      <c r="H18045" s="12"/>
    </row>
    <row r="18046" spans="8:8">
      <c r="H18046" s="12"/>
    </row>
    <row r="18047" spans="8:8">
      <c r="H18047" s="12"/>
    </row>
    <row r="18048" spans="8:8">
      <c r="H18048" s="12"/>
    </row>
    <row r="18049" spans="8:8">
      <c r="H18049" s="12"/>
    </row>
    <row r="18050" spans="8:8">
      <c r="H18050" s="12"/>
    </row>
    <row r="18051" spans="8:8">
      <c r="H18051" s="12"/>
    </row>
    <row r="18052" spans="8:8">
      <c r="H18052" s="12"/>
    </row>
    <row r="18053" spans="8:8">
      <c r="H18053" s="12"/>
    </row>
    <row r="18054" spans="8:8">
      <c r="H18054" s="12"/>
    </row>
    <row r="18055" spans="8:8">
      <c r="H18055" s="12"/>
    </row>
    <row r="18056" spans="8:8">
      <c r="H18056" s="12"/>
    </row>
    <row r="18057" spans="8:8">
      <c r="H18057" s="12"/>
    </row>
    <row r="18058" spans="8:8">
      <c r="H18058" s="12"/>
    </row>
    <row r="18059" spans="8:8">
      <c r="H18059" s="12"/>
    </row>
    <row r="18060" spans="8:8">
      <c r="H18060" s="12"/>
    </row>
    <row r="18061" spans="8:8">
      <c r="H18061" s="12"/>
    </row>
    <row r="18062" spans="8:8">
      <c r="H18062" s="12"/>
    </row>
    <row r="18063" spans="8:8">
      <c r="H18063" s="12"/>
    </row>
    <row r="18064" spans="8:8">
      <c r="H18064" s="12"/>
    </row>
    <row r="18065" spans="8:8">
      <c r="H18065" s="12"/>
    </row>
    <row r="18066" spans="8:8">
      <c r="H18066" s="12"/>
    </row>
    <row r="18067" spans="8:8">
      <c r="H18067" s="12"/>
    </row>
    <row r="18068" spans="8:8">
      <c r="H18068" s="12"/>
    </row>
    <row r="18069" spans="8:8">
      <c r="H18069" s="12"/>
    </row>
    <row r="18070" spans="8:8">
      <c r="H18070" s="12"/>
    </row>
    <row r="18071" spans="8:8">
      <c r="H18071" s="12"/>
    </row>
    <row r="18072" spans="8:8">
      <c r="H18072" s="12"/>
    </row>
    <row r="18073" spans="8:8">
      <c r="H18073" s="12"/>
    </row>
    <row r="18074" spans="8:8">
      <c r="H18074" s="12"/>
    </row>
    <row r="18075" spans="8:8">
      <c r="H18075" s="12"/>
    </row>
    <row r="18076" spans="8:8">
      <c r="H18076" s="12"/>
    </row>
    <row r="18077" spans="8:8">
      <c r="H18077" s="12"/>
    </row>
    <row r="18078" spans="8:8">
      <c r="H18078" s="12"/>
    </row>
    <row r="18079" spans="8:8">
      <c r="H18079" s="12"/>
    </row>
    <row r="18080" spans="8:8">
      <c r="H18080" s="12"/>
    </row>
    <row r="18081" spans="8:8">
      <c r="H18081" s="12"/>
    </row>
    <row r="18082" spans="8:8">
      <c r="H18082" s="12"/>
    </row>
    <row r="18083" spans="8:8">
      <c r="H18083" s="12"/>
    </row>
    <row r="18084" spans="8:8">
      <c r="H18084" s="12"/>
    </row>
    <row r="18085" spans="8:8">
      <c r="H18085" s="12"/>
    </row>
    <row r="18086" spans="8:8">
      <c r="H18086" s="12"/>
    </row>
    <row r="18087" spans="8:8">
      <c r="H18087" s="12"/>
    </row>
    <row r="18088" spans="8:8">
      <c r="H18088" s="12"/>
    </row>
    <row r="18089" spans="8:8">
      <c r="H18089" s="12"/>
    </row>
    <row r="18090" spans="8:8">
      <c r="H18090" s="12"/>
    </row>
    <row r="18091" spans="8:8">
      <c r="H18091" s="12"/>
    </row>
    <row r="18092" spans="8:8">
      <c r="H18092" s="12"/>
    </row>
    <row r="18093" spans="8:8">
      <c r="H18093" s="12"/>
    </row>
    <row r="18094" spans="8:8">
      <c r="H18094" s="12"/>
    </row>
    <row r="18095" spans="8:8">
      <c r="H18095" s="12"/>
    </row>
    <row r="18096" spans="8:8">
      <c r="H18096" s="12"/>
    </row>
    <row r="18097" spans="8:8">
      <c r="H18097" s="12"/>
    </row>
    <row r="18098" spans="8:8">
      <c r="H18098" s="12"/>
    </row>
    <row r="18099" spans="8:8">
      <c r="H18099" s="12"/>
    </row>
    <row r="18100" spans="8:8">
      <c r="H18100" s="12"/>
    </row>
    <row r="18101" spans="8:8">
      <c r="H18101" s="12"/>
    </row>
    <row r="18102" spans="8:8">
      <c r="H18102" s="12"/>
    </row>
    <row r="18103" spans="8:8">
      <c r="H18103" s="12"/>
    </row>
    <row r="18104" spans="8:8">
      <c r="H18104" s="12"/>
    </row>
    <row r="18105" spans="8:8">
      <c r="H18105" s="12"/>
    </row>
    <row r="18106" spans="8:8">
      <c r="H18106" s="12"/>
    </row>
    <row r="18107" spans="8:8">
      <c r="H18107" s="12"/>
    </row>
    <row r="18108" spans="8:8">
      <c r="H18108" s="12"/>
    </row>
    <row r="18109" spans="8:8">
      <c r="H18109" s="12"/>
    </row>
    <row r="18110" spans="8:8">
      <c r="H18110" s="12"/>
    </row>
    <row r="18111" spans="8:8">
      <c r="H18111" s="12"/>
    </row>
    <row r="18112" spans="8:8">
      <c r="H18112" s="12"/>
    </row>
    <row r="18113" spans="8:8">
      <c r="H18113" s="12"/>
    </row>
    <row r="18114" spans="8:8">
      <c r="H18114" s="12"/>
    </row>
    <row r="18115" spans="8:8">
      <c r="H18115" s="12"/>
    </row>
    <row r="18116" spans="8:8">
      <c r="H18116" s="12"/>
    </row>
    <row r="18117" spans="8:8">
      <c r="H18117" s="12"/>
    </row>
    <row r="18118" spans="8:8">
      <c r="H18118" s="12"/>
    </row>
    <row r="18119" spans="8:8">
      <c r="H18119" s="12"/>
    </row>
    <row r="18120" spans="8:8">
      <c r="H18120" s="12"/>
    </row>
    <row r="18121" spans="8:8">
      <c r="H18121" s="12"/>
    </row>
    <row r="18122" spans="8:8">
      <c r="H18122" s="12"/>
    </row>
    <row r="18123" spans="8:8">
      <c r="H18123" s="12"/>
    </row>
    <row r="18124" spans="8:8">
      <c r="H18124" s="12"/>
    </row>
    <row r="18125" spans="8:8">
      <c r="H18125" s="12"/>
    </row>
    <row r="18126" spans="8:8">
      <c r="H18126" s="12"/>
    </row>
    <row r="18127" spans="8:8">
      <c r="H18127" s="12"/>
    </row>
    <row r="18128" spans="8:8">
      <c r="H18128" s="12"/>
    </row>
    <row r="18129" spans="8:8">
      <c r="H18129" s="12"/>
    </row>
    <row r="18130" spans="8:8">
      <c r="H18130" s="12"/>
    </row>
    <row r="18131" spans="8:8">
      <c r="H18131" s="12"/>
    </row>
    <row r="18132" spans="8:8">
      <c r="H18132" s="12"/>
    </row>
    <row r="18133" spans="8:8">
      <c r="H18133" s="12"/>
    </row>
    <row r="18134" spans="8:8">
      <c r="H18134" s="12"/>
    </row>
    <row r="18135" spans="8:8">
      <c r="H18135" s="12"/>
    </row>
    <row r="18136" spans="8:8">
      <c r="H18136" s="12"/>
    </row>
    <row r="18137" spans="8:8">
      <c r="H18137" s="12"/>
    </row>
    <row r="18138" spans="8:8">
      <c r="H18138" s="12"/>
    </row>
    <row r="18139" spans="8:8">
      <c r="H18139" s="12"/>
    </row>
    <row r="18140" spans="8:8">
      <c r="H18140" s="12"/>
    </row>
    <row r="18141" spans="8:8">
      <c r="H18141" s="12"/>
    </row>
    <row r="18142" spans="8:8">
      <c r="H18142" s="12"/>
    </row>
    <row r="18143" spans="8:8">
      <c r="H18143" s="12"/>
    </row>
    <row r="18144" spans="8:8">
      <c r="H18144" s="12"/>
    </row>
    <row r="18145" spans="8:8">
      <c r="H18145" s="12"/>
    </row>
    <row r="18146" spans="8:8">
      <c r="H18146" s="12"/>
    </row>
    <row r="18147" spans="8:8">
      <c r="H18147" s="12"/>
    </row>
    <row r="18148" spans="8:8">
      <c r="H18148" s="12"/>
    </row>
    <row r="18149" spans="8:8">
      <c r="H18149" s="12"/>
    </row>
    <row r="18150" spans="8:8">
      <c r="H18150" s="12"/>
    </row>
    <row r="18151" spans="8:8">
      <c r="H18151" s="12"/>
    </row>
    <row r="18152" spans="8:8">
      <c r="H18152" s="12"/>
    </row>
    <row r="18153" spans="8:8">
      <c r="H18153" s="12"/>
    </row>
    <row r="18154" spans="8:8">
      <c r="H18154" s="12"/>
    </row>
    <row r="18155" spans="8:8">
      <c r="H18155" s="12"/>
    </row>
    <row r="18156" spans="8:8">
      <c r="H18156" s="12"/>
    </row>
    <row r="18157" spans="8:8">
      <c r="H18157" s="12"/>
    </row>
    <row r="18158" spans="8:8">
      <c r="H18158" s="12"/>
    </row>
    <row r="18159" spans="8:8">
      <c r="H18159" s="12"/>
    </row>
    <row r="18160" spans="8:8">
      <c r="H18160" s="12"/>
    </row>
    <row r="18161" spans="8:8">
      <c r="H18161" s="12"/>
    </row>
    <row r="18162" spans="8:8">
      <c r="H18162" s="12"/>
    </row>
    <row r="18163" spans="8:8">
      <c r="H18163" s="12"/>
    </row>
    <row r="18164" spans="8:8">
      <c r="H18164" s="12"/>
    </row>
    <row r="18165" spans="8:8">
      <c r="H18165" s="12"/>
    </row>
    <row r="18166" spans="8:8">
      <c r="H18166" s="12"/>
    </row>
    <row r="18167" spans="8:8">
      <c r="H18167" s="12"/>
    </row>
    <row r="18168" spans="8:8">
      <c r="H18168" s="12"/>
    </row>
    <row r="18169" spans="8:8">
      <c r="H18169" s="12"/>
    </row>
    <row r="18170" spans="8:8">
      <c r="H18170" s="12"/>
    </row>
    <row r="18171" spans="8:8">
      <c r="H18171" s="12"/>
    </row>
    <row r="18172" spans="8:8">
      <c r="H18172" s="12"/>
    </row>
    <row r="18173" spans="8:8">
      <c r="H18173" s="12"/>
    </row>
    <row r="18174" spans="8:8">
      <c r="H18174" s="12"/>
    </row>
    <row r="18175" spans="8:8">
      <c r="H18175" s="12"/>
    </row>
    <row r="18176" spans="8:8">
      <c r="H18176" s="12"/>
    </row>
    <row r="18177" spans="8:8">
      <c r="H18177" s="12"/>
    </row>
    <row r="18178" spans="8:8">
      <c r="H18178" s="12"/>
    </row>
    <row r="18179" spans="8:8">
      <c r="H18179" s="12"/>
    </row>
    <row r="18180" spans="8:8">
      <c r="H18180" s="12"/>
    </row>
    <row r="18181" spans="8:8">
      <c r="H18181" s="12"/>
    </row>
    <row r="18182" spans="8:8">
      <c r="H18182" s="12"/>
    </row>
    <row r="18183" spans="8:8">
      <c r="H18183" s="12"/>
    </row>
    <row r="18184" spans="8:8">
      <c r="H18184" s="12"/>
    </row>
    <row r="18185" spans="8:8">
      <c r="H18185" s="12"/>
    </row>
    <row r="18186" spans="8:8">
      <c r="H18186" s="12"/>
    </row>
    <row r="18187" spans="8:8">
      <c r="H18187" s="12"/>
    </row>
    <row r="18188" spans="8:8">
      <c r="H18188" s="12"/>
    </row>
    <row r="18189" spans="8:8">
      <c r="H18189" s="12"/>
    </row>
    <row r="18190" spans="8:8">
      <c r="H18190" s="12"/>
    </row>
    <row r="18191" spans="8:8">
      <c r="H18191" s="12"/>
    </row>
    <row r="18192" spans="8:8">
      <c r="H18192" s="12"/>
    </row>
    <row r="18193" spans="8:8">
      <c r="H18193" s="12"/>
    </row>
    <row r="18194" spans="8:8">
      <c r="H18194" s="12"/>
    </row>
    <row r="18195" spans="8:8">
      <c r="H18195" s="12"/>
    </row>
    <row r="18196" spans="8:8">
      <c r="H18196" s="12"/>
    </row>
    <row r="18197" spans="8:8">
      <c r="H18197" s="12"/>
    </row>
    <row r="18198" spans="8:8">
      <c r="H18198" s="12"/>
    </row>
    <row r="18199" spans="8:8">
      <c r="H18199" s="12"/>
    </row>
    <row r="18200" spans="8:8">
      <c r="H18200" s="12"/>
    </row>
    <row r="18201" spans="8:8">
      <c r="H18201" s="12"/>
    </row>
    <row r="18202" spans="8:8">
      <c r="H18202" s="12"/>
    </row>
    <row r="18203" spans="8:8">
      <c r="H18203" s="12"/>
    </row>
    <row r="18204" spans="8:8">
      <c r="H18204" s="12"/>
    </row>
    <row r="18205" spans="8:8">
      <c r="H18205" s="12"/>
    </row>
    <row r="18206" spans="8:8">
      <c r="H18206" s="12"/>
    </row>
    <row r="18207" spans="8:8">
      <c r="H18207" s="12"/>
    </row>
    <row r="18208" spans="8:8">
      <c r="H18208" s="12"/>
    </row>
    <row r="18209" spans="8:8">
      <c r="H18209" s="12"/>
    </row>
    <row r="18210" spans="8:8">
      <c r="H18210" s="12"/>
    </row>
    <row r="18211" spans="8:8">
      <c r="H18211" s="12"/>
    </row>
    <row r="18212" spans="8:8">
      <c r="H18212" s="12"/>
    </row>
    <row r="18213" spans="8:8">
      <c r="H18213" s="12"/>
    </row>
    <row r="18214" spans="8:8">
      <c r="H18214" s="12"/>
    </row>
    <row r="18215" spans="8:8">
      <c r="H18215" s="12"/>
    </row>
    <row r="18216" spans="8:8">
      <c r="H18216" s="12"/>
    </row>
    <row r="18217" spans="8:8">
      <c r="H18217" s="12"/>
    </row>
    <row r="18218" spans="8:8">
      <c r="H18218" s="12"/>
    </row>
    <row r="18219" spans="8:8">
      <c r="H18219" s="12"/>
    </row>
    <row r="18220" spans="8:8">
      <c r="H18220" s="12"/>
    </row>
    <row r="18221" spans="8:8">
      <c r="H18221" s="12"/>
    </row>
    <row r="18222" spans="8:8">
      <c r="H18222" s="12"/>
    </row>
    <row r="18223" spans="8:8">
      <c r="H18223" s="12"/>
    </row>
    <row r="18224" spans="8:8">
      <c r="H18224" s="12"/>
    </row>
    <row r="18225" spans="8:8">
      <c r="H18225" s="12"/>
    </row>
    <row r="18226" spans="8:8">
      <c r="H18226" s="12"/>
    </row>
    <row r="18227" spans="8:8">
      <c r="H18227" s="12"/>
    </row>
    <row r="18228" spans="8:8">
      <c r="H18228" s="12"/>
    </row>
    <row r="18229" spans="8:8">
      <c r="H18229" s="12"/>
    </row>
    <row r="18230" spans="8:8">
      <c r="H18230" s="12"/>
    </row>
    <row r="18231" spans="8:8">
      <c r="H18231" s="12"/>
    </row>
    <row r="18232" spans="8:8">
      <c r="H18232" s="12"/>
    </row>
    <row r="18233" spans="8:8">
      <c r="H18233" s="12"/>
    </row>
    <row r="18234" spans="8:8">
      <c r="H18234" s="12"/>
    </row>
    <row r="18235" spans="8:8">
      <c r="H18235" s="12"/>
    </row>
    <row r="18236" spans="8:8">
      <c r="H18236" s="12"/>
    </row>
    <row r="18237" spans="8:8">
      <c r="H18237" s="12"/>
    </row>
    <row r="18238" spans="8:8">
      <c r="H18238" s="12"/>
    </row>
    <row r="18239" spans="8:8">
      <c r="H18239" s="12"/>
    </row>
    <row r="18240" spans="8:8">
      <c r="H18240" s="12"/>
    </row>
    <row r="18241" spans="8:8">
      <c r="H18241" s="12"/>
    </row>
    <row r="18242" spans="8:8">
      <c r="H18242" s="12"/>
    </row>
    <row r="18243" spans="8:8">
      <c r="H18243" s="12"/>
    </row>
    <row r="18244" spans="8:8">
      <c r="H18244" s="12"/>
    </row>
    <row r="18245" spans="8:8">
      <c r="H18245" s="12"/>
    </row>
    <row r="18246" spans="8:8">
      <c r="H18246" s="12"/>
    </row>
    <row r="18247" spans="8:8">
      <c r="H18247" s="12"/>
    </row>
    <row r="18248" spans="8:8">
      <c r="H18248" s="12"/>
    </row>
    <row r="18249" spans="8:8">
      <c r="H18249" s="12"/>
    </row>
    <row r="18250" spans="8:8">
      <c r="H18250" s="12"/>
    </row>
    <row r="18251" spans="8:8">
      <c r="H18251" s="12"/>
    </row>
    <row r="18252" spans="8:8">
      <c r="H18252" s="12"/>
    </row>
    <row r="18253" spans="8:8">
      <c r="H18253" s="12"/>
    </row>
    <row r="18254" spans="8:8">
      <c r="H18254" s="12"/>
    </row>
    <row r="18255" spans="8:8">
      <c r="H18255" s="12"/>
    </row>
    <row r="18256" spans="8:8">
      <c r="H18256" s="12"/>
    </row>
    <row r="18257" spans="8:8">
      <c r="H18257" s="12"/>
    </row>
    <row r="18258" spans="8:8">
      <c r="H18258" s="12"/>
    </row>
    <row r="18259" spans="8:8">
      <c r="H18259" s="12"/>
    </row>
    <row r="18260" spans="8:8">
      <c r="H18260" s="12"/>
    </row>
    <row r="18261" spans="8:8">
      <c r="H18261" s="12"/>
    </row>
    <row r="18262" spans="8:8">
      <c r="H18262" s="12"/>
    </row>
    <row r="18263" spans="8:8">
      <c r="H18263" s="12"/>
    </row>
    <row r="18264" spans="8:8">
      <c r="H18264" s="12"/>
    </row>
    <row r="18265" spans="8:8">
      <c r="H18265" s="12"/>
    </row>
    <row r="18266" spans="8:8">
      <c r="H18266" s="12"/>
    </row>
    <row r="18267" spans="8:8">
      <c r="H18267" s="12"/>
    </row>
    <row r="18268" spans="8:8">
      <c r="H18268" s="12"/>
    </row>
    <row r="18269" spans="8:8">
      <c r="H18269" s="12"/>
    </row>
    <row r="18270" spans="8:8">
      <c r="H18270" s="12"/>
    </row>
    <row r="18271" spans="8:8">
      <c r="H18271" s="12"/>
    </row>
    <row r="18272" spans="8:8">
      <c r="H18272" s="12"/>
    </row>
    <row r="18273" spans="8:8">
      <c r="H18273" s="12"/>
    </row>
    <row r="18274" spans="8:8">
      <c r="H18274" s="12"/>
    </row>
    <row r="18275" spans="8:8">
      <c r="H18275" s="12"/>
    </row>
    <row r="18276" spans="8:8">
      <c r="H18276" s="12"/>
    </row>
    <row r="18277" spans="8:8">
      <c r="H18277" s="12"/>
    </row>
    <row r="18278" spans="8:8">
      <c r="H18278" s="12"/>
    </row>
    <row r="18279" spans="8:8">
      <c r="H18279" s="12"/>
    </row>
    <row r="18280" spans="8:8">
      <c r="H18280" s="12"/>
    </row>
    <row r="18281" spans="8:8">
      <c r="H18281" s="12"/>
    </row>
    <row r="18282" spans="8:8">
      <c r="H18282" s="12"/>
    </row>
    <row r="18283" spans="8:8">
      <c r="H18283" s="12"/>
    </row>
    <row r="18284" spans="8:8">
      <c r="H18284" s="12"/>
    </row>
    <row r="18285" spans="8:8">
      <c r="H18285" s="12"/>
    </row>
    <row r="18286" spans="8:8">
      <c r="H18286" s="12"/>
    </row>
    <row r="18287" spans="8:8">
      <c r="H18287" s="12"/>
    </row>
    <row r="18288" spans="8:8">
      <c r="H18288" s="12"/>
    </row>
    <row r="18289" spans="8:8">
      <c r="H18289" s="12"/>
    </row>
    <row r="18290" spans="8:8">
      <c r="H18290" s="12"/>
    </row>
    <row r="18291" spans="8:8">
      <c r="H18291" s="12"/>
    </row>
    <row r="18292" spans="8:8">
      <c r="H18292" s="12"/>
    </row>
    <row r="18293" spans="8:8">
      <c r="H18293" s="12"/>
    </row>
    <row r="18294" spans="8:8">
      <c r="H18294" s="12"/>
    </row>
    <row r="18295" spans="8:8">
      <c r="H18295" s="12"/>
    </row>
    <row r="18296" spans="8:8">
      <c r="H18296" s="12"/>
    </row>
    <row r="18297" spans="8:8">
      <c r="H18297" s="12"/>
    </row>
    <row r="18298" spans="8:8">
      <c r="H18298" s="12"/>
    </row>
    <row r="18299" spans="8:8">
      <c r="H18299" s="12"/>
    </row>
    <row r="18300" spans="8:8">
      <c r="H18300" s="12"/>
    </row>
    <row r="18301" spans="8:8">
      <c r="H18301" s="12"/>
    </row>
    <row r="18302" spans="8:8">
      <c r="H18302" s="12"/>
    </row>
    <row r="18303" spans="8:8">
      <c r="H18303" s="12"/>
    </row>
    <row r="18304" spans="8:8">
      <c r="H18304" s="12"/>
    </row>
    <row r="18305" spans="8:8">
      <c r="H18305" s="12"/>
    </row>
    <row r="18306" spans="8:8">
      <c r="H18306" s="12"/>
    </row>
    <row r="18307" spans="8:8">
      <c r="H18307" s="12"/>
    </row>
    <row r="18308" spans="8:8">
      <c r="H18308" s="12"/>
    </row>
    <row r="18309" spans="8:8">
      <c r="H18309" s="12"/>
    </row>
    <row r="18310" spans="8:8">
      <c r="H18310" s="12"/>
    </row>
    <row r="18311" spans="8:8">
      <c r="H18311" s="12"/>
    </row>
    <row r="18312" spans="8:8">
      <c r="H18312" s="12"/>
    </row>
    <row r="18313" spans="8:8">
      <c r="H18313" s="12"/>
    </row>
    <row r="18314" spans="8:8">
      <c r="H18314" s="12"/>
    </row>
    <row r="18315" spans="8:8">
      <c r="H18315" s="12"/>
    </row>
    <row r="18316" spans="8:8">
      <c r="H18316" s="12"/>
    </row>
    <row r="18317" spans="8:8">
      <c r="H18317" s="12"/>
    </row>
    <row r="18318" spans="8:8">
      <c r="H18318" s="12"/>
    </row>
    <row r="18319" spans="8:8">
      <c r="H18319" s="12"/>
    </row>
    <row r="18320" spans="8:8">
      <c r="H18320" s="12"/>
    </row>
    <row r="18321" spans="8:8">
      <c r="H18321" s="12"/>
    </row>
    <row r="18322" spans="8:8">
      <c r="H18322" s="12"/>
    </row>
    <row r="18323" spans="8:8">
      <c r="H18323" s="12"/>
    </row>
    <row r="18324" spans="8:8">
      <c r="H18324" s="12"/>
    </row>
    <row r="18325" spans="8:8">
      <c r="H18325" s="12"/>
    </row>
    <row r="18326" spans="8:8">
      <c r="H18326" s="12"/>
    </row>
    <row r="18327" spans="8:8">
      <c r="H18327" s="12"/>
    </row>
    <row r="18328" spans="8:8">
      <c r="H18328" s="12"/>
    </row>
    <row r="18329" spans="8:8">
      <c r="H18329" s="12"/>
    </row>
    <row r="18330" spans="8:8">
      <c r="H18330" s="12"/>
    </row>
    <row r="18331" spans="8:8">
      <c r="H18331" s="12"/>
    </row>
    <row r="18332" spans="8:8">
      <c r="H18332" s="12"/>
    </row>
    <row r="18333" spans="8:8">
      <c r="H18333" s="12"/>
    </row>
    <row r="18334" spans="8:8">
      <c r="H18334" s="12"/>
    </row>
    <row r="18335" spans="8:8">
      <c r="H18335" s="12"/>
    </row>
    <row r="18336" spans="8:8">
      <c r="H18336" s="12"/>
    </row>
    <row r="18337" spans="8:8">
      <c r="H18337" s="12"/>
    </row>
    <row r="18338" spans="8:8">
      <c r="H18338" s="12"/>
    </row>
    <row r="18339" spans="8:8">
      <c r="H18339" s="12"/>
    </row>
    <row r="18340" spans="8:8">
      <c r="H18340" s="12"/>
    </row>
    <row r="18341" spans="8:8">
      <c r="H18341" s="12"/>
    </row>
    <row r="18342" spans="8:8">
      <c r="H18342" s="12"/>
    </row>
    <row r="18343" spans="8:8">
      <c r="H18343" s="12"/>
    </row>
    <row r="18344" spans="8:8">
      <c r="H18344" s="12"/>
    </row>
    <row r="18345" spans="8:8">
      <c r="H18345" s="12"/>
    </row>
    <row r="18346" spans="8:8">
      <c r="H18346" s="12"/>
    </row>
    <row r="18347" spans="8:8">
      <c r="H18347" s="12"/>
    </row>
    <row r="18348" spans="8:8">
      <c r="H18348" s="12"/>
    </row>
    <row r="18349" spans="8:8">
      <c r="H18349" s="12"/>
    </row>
    <row r="18350" spans="8:8">
      <c r="H18350" s="12"/>
    </row>
    <row r="18351" spans="8:8">
      <c r="H18351" s="12"/>
    </row>
    <row r="18352" spans="8:8">
      <c r="H18352" s="12"/>
    </row>
    <row r="18353" spans="8:8">
      <c r="H18353" s="12"/>
    </row>
    <row r="18354" spans="8:8">
      <c r="H18354" s="12"/>
    </row>
    <row r="18355" spans="8:8">
      <c r="H18355" s="12"/>
    </row>
    <row r="18356" spans="8:8">
      <c r="H18356" s="12"/>
    </row>
    <row r="18357" spans="8:8">
      <c r="H18357" s="12"/>
    </row>
    <row r="18358" spans="8:8">
      <c r="H18358" s="12"/>
    </row>
    <row r="18359" spans="8:8">
      <c r="H18359" s="12"/>
    </row>
    <row r="18360" spans="8:8">
      <c r="H18360" s="12"/>
    </row>
    <row r="18361" spans="8:8">
      <c r="H18361" s="12"/>
    </row>
    <row r="18362" spans="8:8">
      <c r="H18362" s="12"/>
    </row>
    <row r="18363" spans="8:8">
      <c r="H18363" s="12"/>
    </row>
    <row r="18364" spans="8:8">
      <c r="H18364" s="12"/>
    </row>
    <row r="18365" spans="8:8">
      <c r="H18365" s="12"/>
    </row>
    <row r="18366" spans="8:8">
      <c r="H18366" s="12"/>
    </row>
    <row r="18367" spans="8:8">
      <c r="H18367" s="12"/>
    </row>
    <row r="18368" spans="8:8">
      <c r="H18368" s="12"/>
    </row>
    <row r="18369" spans="8:8">
      <c r="H18369" s="12"/>
    </row>
    <row r="18370" spans="8:8">
      <c r="H18370" s="12"/>
    </row>
    <row r="18371" spans="8:8">
      <c r="H18371" s="12"/>
    </row>
    <row r="18372" spans="8:8">
      <c r="H18372" s="12"/>
    </row>
    <row r="18373" spans="8:8">
      <c r="H18373" s="12"/>
    </row>
    <row r="18374" spans="8:8">
      <c r="H18374" s="12"/>
    </row>
    <row r="18375" spans="8:8">
      <c r="H18375" s="12"/>
    </row>
    <row r="18376" spans="8:8">
      <c r="H18376" s="12"/>
    </row>
    <row r="18377" spans="8:8">
      <c r="H18377" s="12"/>
    </row>
    <row r="18378" spans="8:8">
      <c r="H18378" s="12"/>
    </row>
    <row r="18379" spans="8:8">
      <c r="H18379" s="12"/>
    </row>
    <row r="18380" spans="8:8">
      <c r="H18380" s="12"/>
    </row>
    <row r="18381" spans="8:8">
      <c r="H18381" s="12"/>
    </row>
    <row r="18382" spans="8:8">
      <c r="H18382" s="12"/>
    </row>
    <row r="18383" spans="8:8">
      <c r="H18383" s="12"/>
    </row>
    <row r="18384" spans="8:8">
      <c r="H18384" s="12"/>
    </row>
    <row r="18385" spans="8:8">
      <c r="H18385" s="12"/>
    </row>
    <row r="18386" spans="8:8">
      <c r="H18386" s="12"/>
    </row>
    <row r="18387" spans="8:8">
      <c r="H18387" s="12"/>
    </row>
    <row r="18388" spans="8:8">
      <c r="H18388" s="12"/>
    </row>
    <row r="18389" spans="8:8">
      <c r="H18389" s="12"/>
    </row>
    <row r="18390" spans="8:8">
      <c r="H18390" s="12"/>
    </row>
    <row r="18391" spans="8:8">
      <c r="H18391" s="12"/>
    </row>
    <row r="18392" spans="8:8">
      <c r="H18392" s="12"/>
    </row>
    <row r="18393" spans="8:8">
      <c r="H18393" s="12"/>
    </row>
    <row r="18394" spans="8:8">
      <c r="H18394" s="12"/>
    </row>
    <row r="18395" spans="8:8">
      <c r="H18395" s="12"/>
    </row>
    <row r="18396" spans="8:8">
      <c r="H18396" s="12"/>
    </row>
    <row r="18397" spans="8:8">
      <c r="H18397" s="12"/>
    </row>
    <row r="18398" spans="8:8">
      <c r="H18398" s="12"/>
    </row>
    <row r="18399" spans="8:8">
      <c r="H18399" s="12"/>
    </row>
    <row r="18400" spans="8:8">
      <c r="H18400" s="12"/>
    </row>
    <row r="18401" spans="8:8">
      <c r="H18401" s="12"/>
    </row>
    <row r="18402" spans="8:8">
      <c r="H18402" s="12"/>
    </row>
    <row r="18403" spans="8:8">
      <c r="H18403" s="12"/>
    </row>
    <row r="18404" spans="8:8">
      <c r="H18404" s="12"/>
    </row>
    <row r="18405" spans="8:8">
      <c r="H18405" s="12"/>
    </row>
    <row r="18406" spans="8:8">
      <c r="H18406" s="12"/>
    </row>
    <row r="18407" spans="8:8">
      <c r="H18407" s="12"/>
    </row>
    <row r="18408" spans="8:8">
      <c r="H18408" s="12"/>
    </row>
    <row r="18409" spans="8:8">
      <c r="H18409" s="12"/>
    </row>
    <row r="18410" spans="8:8">
      <c r="H18410" s="12"/>
    </row>
    <row r="18411" spans="8:8">
      <c r="H18411" s="12"/>
    </row>
    <row r="18412" spans="8:8">
      <c r="H18412" s="12"/>
    </row>
    <row r="18413" spans="8:8">
      <c r="H18413" s="12"/>
    </row>
    <row r="18414" spans="8:8">
      <c r="H18414" s="12"/>
    </row>
    <row r="18415" spans="8:8">
      <c r="H18415" s="12"/>
    </row>
    <row r="18416" spans="8:8">
      <c r="H18416" s="12"/>
    </row>
    <row r="18417" spans="8:8">
      <c r="H18417" s="12"/>
    </row>
    <row r="18418" spans="8:8">
      <c r="H18418" s="12"/>
    </row>
    <row r="18419" spans="8:8">
      <c r="H18419" s="12"/>
    </row>
    <row r="18420" spans="8:8">
      <c r="H18420" s="12"/>
    </row>
    <row r="18421" spans="8:8">
      <c r="H18421" s="12"/>
    </row>
    <row r="18422" spans="8:8">
      <c r="H18422" s="12"/>
    </row>
    <row r="18423" spans="8:8">
      <c r="H18423" s="12"/>
    </row>
    <row r="18424" spans="8:8">
      <c r="H18424" s="12"/>
    </row>
    <row r="18425" spans="8:8">
      <c r="H18425" s="12"/>
    </row>
    <row r="18426" spans="8:8">
      <c r="H18426" s="12"/>
    </row>
    <row r="18427" spans="8:8">
      <c r="H18427" s="12"/>
    </row>
    <row r="18428" spans="8:8">
      <c r="H18428" s="12"/>
    </row>
    <row r="18429" spans="8:8">
      <c r="H18429" s="12"/>
    </row>
    <row r="18430" spans="8:8">
      <c r="H18430" s="12"/>
    </row>
    <row r="18431" spans="8:8">
      <c r="H18431" s="12"/>
    </row>
    <row r="18432" spans="8:8">
      <c r="H18432" s="12"/>
    </row>
    <row r="18433" spans="8:8">
      <c r="H18433" s="12"/>
    </row>
    <row r="18434" spans="8:8">
      <c r="H18434" s="12"/>
    </row>
    <row r="18435" spans="8:8">
      <c r="H18435" s="12"/>
    </row>
    <row r="18436" spans="8:8">
      <c r="H18436" s="12"/>
    </row>
    <row r="18437" spans="8:8">
      <c r="H18437" s="12"/>
    </row>
    <row r="18438" spans="8:8">
      <c r="H18438" s="12"/>
    </row>
    <row r="18439" spans="8:8">
      <c r="H18439" s="12"/>
    </row>
    <row r="18440" spans="8:8">
      <c r="H18440" s="12"/>
    </row>
    <row r="18441" spans="8:8">
      <c r="H18441" s="12"/>
    </row>
    <row r="18442" spans="8:8">
      <c r="H18442" s="12"/>
    </row>
    <row r="18443" spans="8:8">
      <c r="H18443" s="12"/>
    </row>
    <row r="18444" spans="8:8">
      <c r="H18444" s="12"/>
    </row>
    <row r="18445" spans="8:8">
      <c r="H18445" s="12"/>
    </row>
    <row r="18446" spans="8:8">
      <c r="H18446" s="12"/>
    </row>
    <row r="18447" spans="8:8">
      <c r="H18447" s="12"/>
    </row>
    <row r="18448" spans="8:8">
      <c r="H18448" s="12"/>
    </row>
    <row r="18449" spans="8:8">
      <c r="H18449" s="12"/>
    </row>
    <row r="18450" spans="8:8">
      <c r="H18450" s="12"/>
    </row>
    <row r="18451" spans="8:8">
      <c r="H18451" s="12"/>
    </row>
    <row r="18452" spans="8:8">
      <c r="H18452" s="12"/>
    </row>
    <row r="18453" spans="8:8">
      <c r="H18453" s="12"/>
    </row>
    <row r="18454" spans="8:8">
      <c r="H18454" s="12"/>
    </row>
    <row r="18455" spans="8:8">
      <c r="H18455" s="12"/>
    </row>
    <row r="18456" spans="8:8">
      <c r="H18456" s="12"/>
    </row>
    <row r="18457" spans="8:8">
      <c r="H18457" s="12"/>
    </row>
    <row r="18458" spans="8:8">
      <c r="H18458" s="12"/>
    </row>
    <row r="18459" spans="8:8">
      <c r="H18459" s="12"/>
    </row>
    <row r="18460" spans="8:8">
      <c r="H18460" s="12"/>
    </row>
    <row r="18461" spans="8:8">
      <c r="H18461" s="12"/>
    </row>
    <row r="18462" spans="8:8">
      <c r="H18462" s="12"/>
    </row>
    <row r="18463" spans="8:8">
      <c r="H18463" s="12"/>
    </row>
    <row r="18464" spans="8:8">
      <c r="H18464" s="12"/>
    </row>
    <row r="18465" spans="8:8">
      <c r="H18465" s="12"/>
    </row>
    <row r="18466" spans="8:8">
      <c r="H18466" s="12"/>
    </row>
    <row r="18467" spans="8:8">
      <c r="H18467" s="12"/>
    </row>
    <row r="18468" spans="8:8">
      <c r="H18468" s="12"/>
    </row>
    <row r="18469" spans="8:8">
      <c r="H18469" s="12"/>
    </row>
    <row r="18470" spans="8:8">
      <c r="H18470" s="12"/>
    </row>
    <row r="18471" spans="8:8">
      <c r="H18471" s="12"/>
    </row>
    <row r="18472" spans="8:8">
      <c r="H18472" s="12"/>
    </row>
    <row r="18473" spans="8:8">
      <c r="H18473" s="12"/>
    </row>
    <row r="18474" spans="8:8">
      <c r="H18474" s="12"/>
    </row>
    <row r="18475" spans="8:8">
      <c r="H18475" s="12"/>
    </row>
    <row r="18476" spans="8:8">
      <c r="H18476" s="12"/>
    </row>
    <row r="18477" spans="8:8">
      <c r="H18477" s="12"/>
    </row>
    <row r="18478" spans="8:8">
      <c r="H18478" s="12"/>
    </row>
    <row r="18479" spans="8:8">
      <c r="H18479" s="12"/>
    </row>
    <row r="18480" spans="8:8">
      <c r="H18480" s="12"/>
    </row>
    <row r="18481" spans="8:8">
      <c r="H18481" s="12"/>
    </row>
    <row r="18482" spans="8:8">
      <c r="H18482" s="12"/>
    </row>
    <row r="18483" spans="8:8">
      <c r="H18483" s="12"/>
    </row>
    <row r="18484" spans="8:8">
      <c r="H18484" s="12"/>
    </row>
    <row r="18485" spans="8:8">
      <c r="H18485" s="12"/>
    </row>
    <row r="18486" spans="8:8">
      <c r="H18486" s="12"/>
    </row>
    <row r="18487" spans="8:8">
      <c r="H18487" s="12"/>
    </row>
    <row r="18488" spans="8:8">
      <c r="H18488" s="12"/>
    </row>
    <row r="18489" spans="8:8">
      <c r="H18489" s="12"/>
    </row>
    <row r="18490" spans="8:8">
      <c r="H18490" s="12"/>
    </row>
    <row r="18491" spans="8:8">
      <c r="H18491" s="12"/>
    </row>
    <row r="18492" spans="8:8">
      <c r="H18492" s="12"/>
    </row>
    <row r="18493" spans="8:8">
      <c r="H18493" s="12"/>
    </row>
    <row r="18494" spans="8:8">
      <c r="H18494" s="12"/>
    </row>
    <row r="18495" spans="8:8">
      <c r="H18495" s="12"/>
    </row>
    <row r="18496" spans="8:8">
      <c r="H18496" s="12"/>
    </row>
    <row r="18497" spans="8:8">
      <c r="H18497" s="12"/>
    </row>
    <row r="18498" spans="8:8">
      <c r="H18498" s="12"/>
    </row>
    <row r="18499" spans="8:8">
      <c r="H18499" s="12"/>
    </row>
    <row r="18500" spans="8:8">
      <c r="H18500" s="12"/>
    </row>
    <row r="18501" spans="8:8">
      <c r="H18501" s="12"/>
    </row>
    <row r="18502" spans="8:8">
      <c r="H18502" s="12"/>
    </row>
    <row r="18503" spans="8:8">
      <c r="H18503" s="12"/>
    </row>
    <row r="18504" spans="8:8">
      <c r="H18504" s="12"/>
    </row>
    <row r="18505" spans="8:8">
      <c r="H18505" s="12"/>
    </row>
    <row r="18506" spans="8:8">
      <c r="H18506" s="12"/>
    </row>
    <row r="18507" spans="8:8">
      <c r="H18507" s="12"/>
    </row>
    <row r="18508" spans="8:8">
      <c r="H18508" s="12"/>
    </row>
    <row r="18509" spans="8:8">
      <c r="H18509" s="12"/>
    </row>
    <row r="18510" spans="8:8">
      <c r="H18510" s="12"/>
    </row>
    <row r="18511" spans="8:8">
      <c r="H18511" s="12"/>
    </row>
    <row r="18512" spans="8:8">
      <c r="H18512" s="12"/>
    </row>
    <row r="18513" spans="8:8">
      <c r="H18513" s="12"/>
    </row>
    <row r="18514" spans="8:8">
      <c r="H18514" s="12"/>
    </row>
    <row r="18515" spans="8:8">
      <c r="H18515" s="12"/>
    </row>
    <row r="18516" spans="8:8">
      <c r="H18516" s="12"/>
    </row>
    <row r="18517" spans="8:8">
      <c r="H18517" s="12"/>
    </row>
    <row r="18518" spans="8:8">
      <c r="H18518" s="12"/>
    </row>
    <row r="18519" spans="8:8">
      <c r="H18519" s="12"/>
    </row>
    <row r="18520" spans="8:8">
      <c r="H18520" s="12"/>
    </row>
    <row r="18521" spans="8:8">
      <c r="H18521" s="12"/>
    </row>
    <row r="18522" spans="8:8">
      <c r="H18522" s="12"/>
    </row>
    <row r="18523" spans="8:8">
      <c r="H18523" s="12"/>
    </row>
    <row r="18524" spans="8:8">
      <c r="H18524" s="12"/>
    </row>
    <row r="18525" spans="8:8">
      <c r="H18525" s="12"/>
    </row>
    <row r="18526" spans="8:8">
      <c r="H18526" s="12"/>
    </row>
    <row r="18527" spans="8:8">
      <c r="H18527" s="12"/>
    </row>
    <row r="18528" spans="8:8">
      <c r="H18528" s="12"/>
    </row>
    <row r="18529" spans="8:8">
      <c r="H18529" s="12"/>
    </row>
    <row r="18530" spans="8:8">
      <c r="H18530" s="12"/>
    </row>
    <row r="18531" spans="8:8">
      <c r="H18531" s="12"/>
    </row>
    <row r="18532" spans="8:8">
      <c r="H18532" s="12"/>
    </row>
    <row r="18533" spans="8:8">
      <c r="H18533" s="12"/>
    </row>
    <row r="18534" spans="8:8">
      <c r="H18534" s="12"/>
    </row>
    <row r="18535" spans="8:8">
      <c r="H18535" s="12"/>
    </row>
    <row r="18536" spans="8:8">
      <c r="H18536" s="12"/>
    </row>
    <row r="18537" spans="8:8">
      <c r="H18537" s="12"/>
    </row>
    <row r="18538" spans="8:8">
      <c r="H18538" s="12"/>
    </row>
    <row r="18539" spans="8:8">
      <c r="H18539" s="12"/>
    </row>
    <row r="18540" spans="8:8">
      <c r="H18540" s="12"/>
    </row>
    <row r="18541" spans="8:8">
      <c r="H18541" s="12"/>
    </row>
    <row r="18542" spans="8:8">
      <c r="H18542" s="12"/>
    </row>
    <row r="18543" spans="8:8">
      <c r="H18543" s="12"/>
    </row>
    <row r="18544" spans="8:8">
      <c r="H18544" s="12"/>
    </row>
    <row r="18545" spans="8:8">
      <c r="H18545" s="12"/>
    </row>
    <row r="18546" spans="8:8">
      <c r="H18546" s="12"/>
    </row>
    <row r="18547" spans="8:8">
      <c r="H18547" s="12"/>
    </row>
    <row r="18548" spans="8:8">
      <c r="H18548" s="12"/>
    </row>
    <row r="18549" spans="8:8">
      <c r="H18549" s="12"/>
    </row>
    <row r="18550" spans="8:8">
      <c r="H18550" s="12"/>
    </row>
    <row r="18551" spans="8:8">
      <c r="H18551" s="12"/>
    </row>
    <row r="18552" spans="8:8">
      <c r="H18552" s="12"/>
    </row>
    <row r="18553" spans="8:8">
      <c r="H18553" s="12"/>
    </row>
    <row r="18554" spans="8:8">
      <c r="H18554" s="12"/>
    </row>
    <row r="18555" spans="8:8">
      <c r="H18555" s="12"/>
    </row>
    <row r="18556" spans="8:8">
      <c r="H18556" s="12"/>
    </row>
    <row r="18557" spans="8:8">
      <c r="H18557" s="12"/>
    </row>
    <row r="18558" spans="8:8">
      <c r="H18558" s="12"/>
    </row>
    <row r="18559" spans="8:8">
      <c r="H18559" s="12"/>
    </row>
    <row r="18560" spans="8:8">
      <c r="H18560" s="12"/>
    </row>
    <row r="18561" spans="8:8">
      <c r="H18561" s="12"/>
    </row>
    <row r="18562" spans="8:8">
      <c r="H18562" s="12"/>
    </row>
    <row r="18563" spans="8:8">
      <c r="H18563" s="12"/>
    </row>
    <row r="18564" spans="8:8">
      <c r="H18564" s="12"/>
    </row>
    <row r="18565" spans="8:8">
      <c r="H18565" s="12"/>
    </row>
    <row r="18566" spans="8:8">
      <c r="H18566" s="12"/>
    </row>
    <row r="18567" spans="8:8">
      <c r="H18567" s="12"/>
    </row>
    <row r="18568" spans="8:8">
      <c r="H18568" s="12"/>
    </row>
    <row r="18569" spans="8:8">
      <c r="H18569" s="12"/>
    </row>
    <row r="18570" spans="8:8">
      <c r="H18570" s="12"/>
    </row>
    <row r="18571" spans="8:8">
      <c r="H18571" s="12"/>
    </row>
    <row r="18572" spans="8:8">
      <c r="H18572" s="12"/>
    </row>
    <row r="18573" spans="8:8">
      <c r="H18573" s="12"/>
    </row>
    <row r="18574" spans="8:8">
      <c r="H18574" s="12"/>
    </row>
    <row r="18575" spans="8:8">
      <c r="H18575" s="12"/>
    </row>
    <row r="18576" spans="8:8">
      <c r="H18576" s="12"/>
    </row>
    <row r="18577" spans="8:8">
      <c r="H18577" s="12"/>
    </row>
    <row r="18578" spans="8:8">
      <c r="H18578" s="12"/>
    </row>
    <row r="18579" spans="8:8">
      <c r="H18579" s="12"/>
    </row>
    <row r="18580" spans="8:8">
      <c r="H18580" s="12"/>
    </row>
    <row r="18581" spans="8:8">
      <c r="H18581" s="12"/>
    </row>
    <row r="18582" spans="8:8">
      <c r="H18582" s="12"/>
    </row>
    <row r="18583" spans="8:8">
      <c r="H18583" s="12"/>
    </row>
    <row r="18584" spans="8:8">
      <c r="H18584" s="12"/>
    </row>
    <row r="18585" spans="8:8">
      <c r="H18585" s="12"/>
    </row>
    <row r="18586" spans="8:8">
      <c r="H18586" s="12"/>
    </row>
    <row r="18587" spans="8:8">
      <c r="H18587" s="12"/>
    </row>
    <row r="18588" spans="8:8">
      <c r="H18588" s="12"/>
    </row>
    <row r="18589" spans="8:8">
      <c r="H18589" s="12"/>
    </row>
    <row r="18590" spans="8:8">
      <c r="H18590" s="12"/>
    </row>
    <row r="18591" spans="8:8">
      <c r="H18591" s="12"/>
    </row>
    <row r="18592" spans="8:8">
      <c r="H18592" s="12"/>
    </row>
    <row r="18593" spans="8:8">
      <c r="H18593" s="12"/>
    </row>
    <row r="18594" spans="8:8">
      <c r="H18594" s="12"/>
    </row>
    <row r="18595" spans="8:8">
      <c r="H18595" s="12"/>
    </row>
    <row r="18596" spans="8:8">
      <c r="H18596" s="12"/>
    </row>
    <row r="18597" spans="8:8">
      <c r="H18597" s="12"/>
    </row>
    <row r="18598" spans="8:8">
      <c r="H18598" s="12"/>
    </row>
    <row r="18599" spans="8:8">
      <c r="H18599" s="12"/>
    </row>
    <row r="18600" spans="8:8">
      <c r="H18600" s="12"/>
    </row>
    <row r="18601" spans="8:8">
      <c r="H18601" s="12"/>
    </row>
    <row r="18602" spans="8:8">
      <c r="H18602" s="12"/>
    </row>
    <row r="18603" spans="8:8">
      <c r="H18603" s="12"/>
    </row>
    <row r="18604" spans="8:8">
      <c r="H18604" s="12"/>
    </row>
    <row r="18605" spans="8:8">
      <c r="H18605" s="12"/>
    </row>
    <row r="18606" spans="8:8">
      <c r="H18606" s="12"/>
    </row>
    <row r="18607" spans="8:8">
      <c r="H18607" s="12"/>
    </row>
    <row r="18608" spans="8:8">
      <c r="H18608" s="12"/>
    </row>
    <row r="18609" spans="8:8">
      <c r="H18609" s="12"/>
    </row>
    <row r="18610" spans="8:8">
      <c r="H18610" s="12"/>
    </row>
    <row r="18611" spans="8:8">
      <c r="H18611" s="12"/>
    </row>
    <row r="18612" spans="8:8">
      <c r="H18612" s="12"/>
    </row>
    <row r="18613" spans="8:8">
      <c r="H18613" s="12"/>
    </row>
    <row r="18614" spans="8:8">
      <c r="H18614" s="12"/>
    </row>
    <row r="18615" spans="8:8">
      <c r="H18615" s="12"/>
    </row>
    <row r="18616" spans="8:8">
      <c r="H18616" s="12"/>
    </row>
    <row r="18617" spans="8:8">
      <c r="H18617" s="12"/>
    </row>
    <row r="18618" spans="8:8">
      <c r="H18618" s="12"/>
    </row>
    <row r="18619" spans="8:8">
      <c r="H18619" s="12"/>
    </row>
    <row r="18620" spans="8:8">
      <c r="H18620" s="12"/>
    </row>
    <row r="18621" spans="8:8">
      <c r="H18621" s="12"/>
    </row>
    <row r="18622" spans="8:8">
      <c r="H18622" s="12"/>
    </row>
    <row r="18623" spans="8:8">
      <c r="H18623" s="12"/>
    </row>
    <row r="18624" spans="8:8">
      <c r="H18624" s="12"/>
    </row>
    <row r="18625" spans="8:8">
      <c r="H18625" s="12"/>
    </row>
    <row r="18626" spans="8:8">
      <c r="H18626" s="12"/>
    </row>
    <row r="18627" spans="8:8">
      <c r="H18627" s="12"/>
    </row>
    <row r="18628" spans="8:8">
      <c r="H18628" s="12"/>
    </row>
    <row r="18629" spans="8:8">
      <c r="H18629" s="12"/>
    </row>
    <row r="18630" spans="8:8">
      <c r="H18630" s="12"/>
    </row>
    <row r="18631" spans="8:8">
      <c r="H18631" s="12"/>
    </row>
    <row r="18632" spans="8:8">
      <c r="H18632" s="12"/>
    </row>
    <row r="18633" spans="8:8">
      <c r="H18633" s="12"/>
    </row>
    <row r="18634" spans="8:8">
      <c r="H18634" s="12"/>
    </row>
    <row r="18635" spans="8:8">
      <c r="H18635" s="12"/>
    </row>
    <row r="18636" spans="8:8">
      <c r="H18636" s="12"/>
    </row>
    <row r="18637" spans="8:8">
      <c r="H18637" s="12"/>
    </row>
    <row r="18638" spans="8:8">
      <c r="H18638" s="12"/>
    </row>
    <row r="18639" spans="8:8">
      <c r="H18639" s="12"/>
    </row>
    <row r="18640" spans="8:8">
      <c r="H18640" s="12"/>
    </row>
    <row r="18641" spans="8:8">
      <c r="H18641" s="12"/>
    </row>
    <row r="18642" spans="8:8">
      <c r="H18642" s="12"/>
    </row>
    <row r="18643" spans="8:8">
      <c r="H18643" s="12"/>
    </row>
    <row r="18644" spans="8:8">
      <c r="H18644" s="12"/>
    </row>
    <row r="18645" spans="8:8">
      <c r="H18645" s="12"/>
    </row>
    <row r="18646" spans="8:8">
      <c r="H18646" s="12"/>
    </row>
    <row r="18647" spans="8:8">
      <c r="H18647" s="12"/>
    </row>
    <row r="18648" spans="8:8">
      <c r="H18648" s="12"/>
    </row>
    <row r="18649" spans="8:8">
      <c r="H18649" s="12"/>
    </row>
    <row r="18650" spans="8:8">
      <c r="H18650" s="12"/>
    </row>
    <row r="18651" spans="8:8">
      <c r="H18651" s="12"/>
    </row>
    <row r="18652" spans="8:8">
      <c r="H18652" s="12"/>
    </row>
    <row r="18653" spans="8:8">
      <c r="H18653" s="12"/>
    </row>
    <row r="18654" spans="8:8">
      <c r="H18654" s="12"/>
    </row>
    <row r="18655" spans="8:8">
      <c r="H18655" s="12"/>
    </row>
    <row r="18656" spans="8:8">
      <c r="H18656" s="12"/>
    </row>
    <row r="18657" spans="8:8">
      <c r="H18657" s="12"/>
    </row>
    <row r="18658" spans="8:8">
      <c r="H18658" s="12"/>
    </row>
    <row r="18659" spans="8:8">
      <c r="H18659" s="12"/>
    </row>
    <row r="18660" spans="8:8">
      <c r="H18660" s="12"/>
    </row>
    <row r="18661" spans="8:8">
      <c r="H18661" s="12"/>
    </row>
    <row r="18662" spans="8:8">
      <c r="H18662" s="12"/>
    </row>
    <row r="18663" spans="8:8">
      <c r="H18663" s="12"/>
    </row>
    <row r="18664" spans="8:8">
      <c r="H18664" s="12"/>
    </row>
    <row r="18665" spans="8:8">
      <c r="H18665" s="12"/>
    </row>
    <row r="18666" spans="8:8">
      <c r="H18666" s="12"/>
    </row>
    <row r="18667" spans="8:8">
      <c r="H18667" s="12"/>
    </row>
    <row r="18668" spans="8:8">
      <c r="H18668" s="12"/>
    </row>
    <row r="18669" spans="8:8">
      <c r="H18669" s="12"/>
    </row>
    <row r="18670" spans="8:8">
      <c r="H18670" s="12"/>
    </row>
    <row r="18671" spans="8:8">
      <c r="H18671" s="12"/>
    </row>
    <row r="18672" spans="8:8">
      <c r="H18672" s="12"/>
    </row>
    <row r="18673" spans="8:8">
      <c r="H18673" s="12"/>
    </row>
    <row r="18674" spans="8:8">
      <c r="H18674" s="12"/>
    </row>
    <row r="18675" spans="8:8">
      <c r="H18675" s="12"/>
    </row>
    <row r="18676" spans="8:8">
      <c r="H18676" s="12"/>
    </row>
    <row r="18677" spans="8:8">
      <c r="H18677" s="12"/>
    </row>
    <row r="18678" spans="8:8">
      <c r="H18678" s="12"/>
    </row>
    <row r="18679" spans="8:8">
      <c r="H18679" s="12"/>
    </row>
    <row r="18680" spans="8:8">
      <c r="H18680" s="12"/>
    </row>
    <row r="18681" spans="8:8">
      <c r="H18681" s="12"/>
    </row>
    <row r="18682" spans="8:8">
      <c r="H18682" s="12"/>
    </row>
    <row r="18683" spans="8:8">
      <c r="H18683" s="12"/>
    </row>
    <row r="18684" spans="8:8">
      <c r="H18684" s="12"/>
    </row>
    <row r="18685" spans="8:8">
      <c r="H18685" s="12"/>
    </row>
    <row r="18686" spans="8:8">
      <c r="H18686" s="12"/>
    </row>
    <row r="18687" spans="8:8">
      <c r="H18687" s="12"/>
    </row>
    <row r="18688" spans="8:8">
      <c r="H18688" s="12"/>
    </row>
    <row r="18689" spans="8:8">
      <c r="H18689" s="12"/>
    </row>
    <row r="18690" spans="8:8">
      <c r="H18690" s="12"/>
    </row>
    <row r="18691" spans="8:8">
      <c r="H18691" s="12"/>
    </row>
    <row r="18692" spans="8:8">
      <c r="H18692" s="12"/>
    </row>
    <row r="18693" spans="8:8">
      <c r="H18693" s="12"/>
    </row>
    <row r="18694" spans="8:8">
      <c r="H18694" s="12"/>
    </row>
    <row r="18695" spans="8:8">
      <c r="H18695" s="12"/>
    </row>
    <row r="18696" spans="8:8">
      <c r="H18696" s="12"/>
    </row>
    <row r="18697" spans="8:8">
      <c r="H18697" s="12"/>
    </row>
    <row r="18698" spans="8:8">
      <c r="H18698" s="12"/>
    </row>
    <row r="18699" spans="8:8">
      <c r="H18699" s="12"/>
    </row>
    <row r="18700" spans="8:8">
      <c r="H18700" s="12"/>
    </row>
    <row r="18701" spans="8:8">
      <c r="H18701" s="12"/>
    </row>
    <row r="18702" spans="8:8">
      <c r="H18702" s="12"/>
    </row>
    <row r="18703" spans="8:8">
      <c r="H18703" s="12"/>
    </row>
    <row r="18704" spans="8:8">
      <c r="H18704" s="12"/>
    </row>
    <row r="18705" spans="8:8">
      <c r="H18705" s="12"/>
    </row>
    <row r="18706" spans="8:8">
      <c r="H18706" s="12"/>
    </row>
    <row r="18707" spans="8:8">
      <c r="H18707" s="12"/>
    </row>
    <row r="18708" spans="8:8">
      <c r="H18708" s="12"/>
    </row>
    <row r="18709" spans="8:8">
      <c r="H18709" s="12"/>
    </row>
    <row r="18710" spans="8:8">
      <c r="H18710" s="12"/>
    </row>
    <row r="18711" spans="8:8">
      <c r="H18711" s="12"/>
    </row>
    <row r="18712" spans="8:8">
      <c r="H18712" s="12"/>
    </row>
    <row r="18713" spans="8:8">
      <c r="H18713" s="12"/>
    </row>
    <row r="18714" spans="8:8">
      <c r="H18714" s="12"/>
    </row>
    <row r="18715" spans="8:8">
      <c r="H18715" s="12"/>
    </row>
    <row r="18716" spans="8:8">
      <c r="H18716" s="12"/>
    </row>
    <row r="18717" spans="8:8">
      <c r="H18717" s="12"/>
    </row>
    <row r="18718" spans="8:8">
      <c r="H18718" s="12"/>
    </row>
    <row r="18719" spans="8:8">
      <c r="H18719" s="12"/>
    </row>
    <row r="18720" spans="8:8">
      <c r="H18720" s="12"/>
    </row>
    <row r="18721" spans="8:8">
      <c r="H18721" s="12"/>
    </row>
    <row r="18722" spans="8:8">
      <c r="H18722" s="12"/>
    </row>
    <row r="18723" spans="8:8">
      <c r="H18723" s="12"/>
    </row>
    <row r="18724" spans="8:8">
      <c r="H18724" s="12"/>
    </row>
    <row r="18725" spans="8:8">
      <c r="H18725" s="12"/>
    </row>
    <row r="18726" spans="8:8">
      <c r="H18726" s="12"/>
    </row>
    <row r="18727" spans="8:8">
      <c r="H18727" s="12"/>
    </row>
    <row r="18728" spans="8:8">
      <c r="H18728" s="12"/>
    </row>
    <row r="18729" spans="8:8">
      <c r="H18729" s="12"/>
    </row>
    <row r="18730" spans="8:8">
      <c r="H18730" s="12"/>
    </row>
    <row r="18731" spans="8:8">
      <c r="H18731" s="12"/>
    </row>
    <row r="18732" spans="8:8">
      <c r="H18732" s="12"/>
    </row>
    <row r="18733" spans="8:8">
      <c r="H18733" s="12"/>
    </row>
    <row r="18734" spans="8:8">
      <c r="H18734" s="12"/>
    </row>
    <row r="18735" spans="8:8">
      <c r="H18735" s="12"/>
    </row>
    <row r="18736" spans="8:8">
      <c r="H18736" s="12"/>
    </row>
    <row r="18737" spans="8:8">
      <c r="H18737" s="12"/>
    </row>
    <row r="18738" spans="8:8">
      <c r="H18738" s="12"/>
    </row>
    <row r="18739" spans="8:8">
      <c r="H18739" s="12"/>
    </row>
    <row r="18740" spans="8:8">
      <c r="H18740" s="12"/>
    </row>
    <row r="18741" spans="8:8">
      <c r="H18741" s="12"/>
    </row>
    <row r="18742" spans="8:8">
      <c r="H18742" s="12"/>
    </row>
    <row r="18743" spans="8:8">
      <c r="H18743" s="12"/>
    </row>
    <row r="18744" spans="8:8">
      <c r="H18744" s="12"/>
    </row>
    <row r="18745" spans="8:8">
      <c r="H18745" s="12"/>
    </row>
    <row r="18746" spans="8:8">
      <c r="H18746" s="12"/>
    </row>
    <row r="18747" spans="8:8">
      <c r="H18747" s="12"/>
    </row>
    <row r="18748" spans="8:8">
      <c r="H18748" s="12"/>
    </row>
    <row r="18749" spans="8:8">
      <c r="H18749" s="12"/>
    </row>
    <row r="18750" spans="8:8">
      <c r="H18750" s="12"/>
    </row>
    <row r="18751" spans="8:8">
      <c r="H18751" s="12"/>
    </row>
    <row r="18752" spans="8:8">
      <c r="H18752" s="12"/>
    </row>
    <row r="18753" spans="8:8">
      <c r="H18753" s="12"/>
    </row>
    <row r="18754" spans="8:8">
      <c r="H18754" s="12"/>
    </row>
    <row r="18755" spans="8:8">
      <c r="H18755" s="12"/>
    </row>
    <row r="18756" spans="8:8">
      <c r="H18756" s="12"/>
    </row>
    <row r="18757" spans="8:8">
      <c r="H18757" s="12"/>
    </row>
    <row r="18758" spans="8:8">
      <c r="H18758" s="12"/>
    </row>
    <row r="18759" spans="8:8">
      <c r="H18759" s="12"/>
    </row>
    <row r="18760" spans="8:8">
      <c r="H18760" s="12"/>
    </row>
    <row r="18761" spans="8:8">
      <c r="H18761" s="12"/>
    </row>
    <row r="18762" spans="8:8">
      <c r="H18762" s="12"/>
    </row>
    <row r="18763" spans="8:8">
      <c r="H18763" s="12"/>
    </row>
    <row r="18764" spans="8:8">
      <c r="H18764" s="12"/>
    </row>
    <row r="18765" spans="8:8">
      <c r="H18765" s="12"/>
    </row>
    <row r="18766" spans="8:8">
      <c r="H18766" s="12"/>
    </row>
    <row r="18767" spans="8:8">
      <c r="H18767" s="12"/>
    </row>
    <row r="18768" spans="8:8">
      <c r="H18768" s="12"/>
    </row>
    <row r="18769" spans="8:8">
      <c r="H18769" s="12"/>
    </row>
    <row r="18770" spans="8:8">
      <c r="H18770" s="12"/>
    </row>
    <row r="18771" spans="8:8">
      <c r="H18771" s="12"/>
    </row>
    <row r="18772" spans="8:8">
      <c r="H18772" s="12"/>
    </row>
    <row r="18773" spans="8:8">
      <c r="H18773" s="12"/>
    </row>
    <row r="18774" spans="8:8">
      <c r="H18774" s="12"/>
    </row>
    <row r="18775" spans="8:8">
      <c r="H18775" s="12"/>
    </row>
    <row r="18776" spans="8:8">
      <c r="H18776" s="12"/>
    </row>
    <row r="18777" spans="8:8">
      <c r="H18777" s="12"/>
    </row>
    <row r="18778" spans="8:8">
      <c r="H18778" s="12"/>
    </row>
    <row r="18779" spans="8:8">
      <c r="H18779" s="12"/>
    </row>
    <row r="18780" spans="8:8">
      <c r="H18780" s="12"/>
    </row>
    <row r="18781" spans="8:8">
      <c r="H18781" s="12"/>
    </row>
    <row r="18782" spans="8:8">
      <c r="H18782" s="12"/>
    </row>
    <row r="18783" spans="8:8">
      <c r="H18783" s="12"/>
    </row>
    <row r="18784" spans="8:8">
      <c r="H18784" s="12"/>
    </row>
    <row r="18785" spans="8:8">
      <c r="H18785" s="12"/>
    </row>
    <row r="18786" spans="8:8">
      <c r="H18786" s="12"/>
    </row>
    <row r="18787" spans="8:8">
      <c r="H18787" s="12"/>
    </row>
    <row r="18788" spans="8:8">
      <c r="H18788" s="12"/>
    </row>
    <row r="18789" spans="8:8">
      <c r="H18789" s="12"/>
    </row>
    <row r="18790" spans="8:8">
      <c r="H18790" s="12"/>
    </row>
    <row r="18791" spans="8:8">
      <c r="H18791" s="12"/>
    </row>
    <row r="18792" spans="8:8">
      <c r="H18792" s="12"/>
    </row>
    <row r="18793" spans="8:8">
      <c r="H18793" s="12"/>
    </row>
    <row r="18794" spans="8:8">
      <c r="H18794" s="12"/>
    </row>
    <row r="18795" spans="8:8">
      <c r="H18795" s="12"/>
    </row>
    <row r="18796" spans="8:8">
      <c r="H18796" s="12"/>
    </row>
    <row r="18797" spans="8:8">
      <c r="H18797" s="12"/>
    </row>
    <row r="18798" spans="8:8">
      <c r="H18798" s="12"/>
    </row>
    <row r="18799" spans="8:8">
      <c r="H18799" s="12"/>
    </row>
    <row r="18800" spans="8:8">
      <c r="H18800" s="12"/>
    </row>
    <row r="18801" spans="8:8">
      <c r="H18801" s="12"/>
    </row>
    <row r="18802" spans="8:8">
      <c r="H18802" s="12"/>
    </row>
    <row r="18803" spans="8:8">
      <c r="H18803" s="12"/>
    </row>
    <row r="18804" spans="8:8">
      <c r="H18804" s="12"/>
    </row>
    <row r="18805" spans="8:8">
      <c r="H18805" s="12"/>
    </row>
    <row r="18806" spans="8:8">
      <c r="H18806" s="12"/>
    </row>
    <row r="18807" spans="8:8">
      <c r="H18807" s="12"/>
    </row>
    <row r="18808" spans="8:8">
      <c r="H18808" s="12"/>
    </row>
    <row r="18809" spans="8:8">
      <c r="H18809" s="12"/>
    </row>
    <row r="18810" spans="8:8">
      <c r="H18810" s="12"/>
    </row>
    <row r="18811" spans="8:8">
      <c r="H18811" s="12"/>
    </row>
    <row r="18812" spans="8:8">
      <c r="H18812" s="12"/>
    </row>
    <row r="18813" spans="8:8">
      <c r="H18813" s="12"/>
    </row>
    <row r="18814" spans="8:8">
      <c r="H18814" s="12"/>
    </row>
    <row r="18815" spans="8:8">
      <c r="H18815" s="12"/>
    </row>
    <row r="18816" spans="8:8">
      <c r="H18816" s="12"/>
    </row>
    <row r="18817" spans="8:8">
      <c r="H18817" s="12"/>
    </row>
    <row r="18818" spans="8:8">
      <c r="H18818" s="12"/>
    </row>
    <row r="18819" spans="8:8">
      <c r="H18819" s="12"/>
    </row>
    <row r="18820" spans="8:8">
      <c r="H18820" s="12"/>
    </row>
    <row r="18821" spans="8:8">
      <c r="H18821" s="12"/>
    </row>
    <row r="18822" spans="8:8">
      <c r="H18822" s="12"/>
    </row>
    <row r="18823" spans="8:8">
      <c r="H18823" s="12"/>
    </row>
    <row r="18824" spans="8:8">
      <c r="H18824" s="12"/>
    </row>
    <row r="18825" spans="8:8">
      <c r="H18825" s="12"/>
    </row>
    <row r="18826" spans="8:8">
      <c r="H18826" s="12"/>
    </row>
    <row r="18827" spans="8:8">
      <c r="H18827" s="12"/>
    </row>
    <row r="18828" spans="8:8">
      <c r="H18828" s="12"/>
    </row>
    <row r="18829" spans="8:8">
      <c r="H18829" s="12"/>
    </row>
    <row r="18830" spans="8:8">
      <c r="H18830" s="12"/>
    </row>
    <row r="18831" spans="8:8">
      <c r="H18831" s="12"/>
    </row>
    <row r="18832" spans="8:8">
      <c r="H18832" s="12"/>
    </row>
    <row r="18833" spans="8:8">
      <c r="H18833" s="12"/>
    </row>
    <row r="18834" spans="8:8">
      <c r="H18834" s="12"/>
    </row>
    <row r="18835" spans="8:8">
      <c r="H18835" s="12"/>
    </row>
    <row r="18836" spans="8:8">
      <c r="H18836" s="12"/>
    </row>
    <row r="18837" spans="8:8">
      <c r="H18837" s="12"/>
    </row>
    <row r="18838" spans="8:8">
      <c r="H18838" s="12"/>
    </row>
    <row r="18839" spans="8:8">
      <c r="H18839" s="12"/>
    </row>
    <row r="18840" spans="8:8">
      <c r="H18840" s="12"/>
    </row>
    <row r="18841" spans="8:8">
      <c r="H18841" s="12"/>
    </row>
    <row r="18842" spans="8:8">
      <c r="H18842" s="12"/>
    </row>
    <row r="18843" spans="8:8">
      <c r="H18843" s="12"/>
    </row>
    <row r="18844" spans="8:8">
      <c r="H18844" s="12"/>
    </row>
    <row r="18845" spans="8:8">
      <c r="H18845" s="12"/>
    </row>
    <row r="18846" spans="8:8">
      <c r="H18846" s="12"/>
    </row>
    <row r="18847" spans="8:8">
      <c r="H18847" s="12"/>
    </row>
    <row r="18848" spans="8:8">
      <c r="H18848" s="12"/>
    </row>
    <row r="18849" spans="8:8">
      <c r="H18849" s="12"/>
    </row>
    <row r="18850" spans="8:8">
      <c r="H18850" s="12"/>
    </row>
    <row r="18851" spans="8:8">
      <c r="H18851" s="12"/>
    </row>
    <row r="18852" spans="8:8">
      <c r="H18852" s="12"/>
    </row>
    <row r="18853" spans="8:8">
      <c r="H18853" s="12"/>
    </row>
    <row r="18854" spans="8:8">
      <c r="H18854" s="12"/>
    </row>
    <row r="18855" spans="8:8">
      <c r="H18855" s="12"/>
    </row>
    <row r="18856" spans="8:8">
      <c r="H18856" s="12"/>
    </row>
    <row r="18857" spans="8:8">
      <c r="H18857" s="12"/>
    </row>
    <row r="18858" spans="8:8">
      <c r="H18858" s="12"/>
    </row>
    <row r="18859" spans="8:8">
      <c r="H18859" s="12"/>
    </row>
    <row r="18860" spans="8:8">
      <c r="H18860" s="12"/>
    </row>
    <row r="18861" spans="8:8">
      <c r="H18861" s="12"/>
    </row>
    <row r="18862" spans="8:8">
      <c r="H18862" s="12"/>
    </row>
    <row r="18863" spans="8:8">
      <c r="H18863" s="12"/>
    </row>
    <row r="18864" spans="8:8">
      <c r="H18864" s="12"/>
    </row>
    <row r="18865" spans="8:8">
      <c r="H18865" s="12"/>
    </row>
    <row r="18866" spans="8:8">
      <c r="H18866" s="12"/>
    </row>
    <row r="18867" spans="8:8">
      <c r="H18867" s="12"/>
    </row>
    <row r="18868" spans="8:8">
      <c r="H18868" s="12"/>
    </row>
    <row r="18869" spans="8:8">
      <c r="H18869" s="12"/>
    </row>
    <row r="18870" spans="8:8">
      <c r="H18870" s="12"/>
    </row>
    <row r="18871" spans="8:8">
      <c r="H18871" s="12"/>
    </row>
    <row r="18872" spans="8:8">
      <c r="H18872" s="12"/>
    </row>
    <row r="18873" spans="8:8">
      <c r="H18873" s="12"/>
    </row>
    <row r="18874" spans="8:8">
      <c r="H18874" s="12"/>
    </row>
    <row r="18875" spans="8:8">
      <c r="H18875" s="12"/>
    </row>
    <row r="18876" spans="8:8">
      <c r="H18876" s="12"/>
    </row>
    <row r="18877" spans="8:8">
      <c r="H18877" s="12"/>
    </row>
    <row r="18878" spans="8:8">
      <c r="H18878" s="12"/>
    </row>
    <row r="18879" spans="8:8">
      <c r="H18879" s="12"/>
    </row>
    <row r="18880" spans="8:8">
      <c r="H18880" s="12"/>
    </row>
    <row r="18881" spans="8:8">
      <c r="H18881" s="12"/>
    </row>
    <row r="18882" spans="8:8">
      <c r="H18882" s="12"/>
    </row>
    <row r="18883" spans="8:8">
      <c r="H18883" s="12"/>
    </row>
    <row r="18884" spans="8:8">
      <c r="H18884" s="12"/>
    </row>
    <row r="18885" spans="8:8">
      <c r="H18885" s="12"/>
    </row>
    <row r="18886" spans="8:8">
      <c r="H18886" s="12"/>
    </row>
    <row r="18887" spans="8:8">
      <c r="H18887" s="12"/>
    </row>
    <row r="18888" spans="8:8">
      <c r="H18888" s="12"/>
    </row>
    <row r="18889" spans="8:8">
      <c r="H18889" s="12"/>
    </row>
    <row r="18890" spans="8:8">
      <c r="H18890" s="12"/>
    </row>
    <row r="18891" spans="8:8">
      <c r="H18891" s="12"/>
    </row>
    <row r="18892" spans="8:8">
      <c r="H18892" s="12"/>
    </row>
    <row r="18893" spans="8:8">
      <c r="H18893" s="12"/>
    </row>
    <row r="18894" spans="8:8">
      <c r="H18894" s="12"/>
    </row>
    <row r="18895" spans="8:8">
      <c r="H18895" s="12"/>
    </row>
    <row r="18896" spans="8:8">
      <c r="H18896" s="12"/>
    </row>
    <row r="18897" spans="8:8">
      <c r="H18897" s="12"/>
    </row>
    <row r="18898" spans="8:8">
      <c r="H18898" s="12"/>
    </row>
    <row r="18899" spans="8:8">
      <c r="H18899" s="12"/>
    </row>
    <row r="18900" spans="8:8">
      <c r="H18900" s="12"/>
    </row>
    <row r="18901" spans="8:8">
      <c r="H18901" s="12"/>
    </row>
    <row r="18902" spans="8:8">
      <c r="H18902" s="12"/>
    </row>
    <row r="18903" spans="8:8">
      <c r="H18903" s="12"/>
    </row>
    <row r="18904" spans="8:8">
      <c r="H18904" s="12"/>
    </row>
    <row r="18905" spans="8:8">
      <c r="H18905" s="12"/>
    </row>
    <row r="18906" spans="8:8">
      <c r="H18906" s="12"/>
    </row>
    <row r="18907" spans="8:8">
      <c r="H18907" s="12"/>
    </row>
    <row r="18908" spans="8:8">
      <c r="H18908" s="12"/>
    </row>
    <row r="18909" spans="8:8">
      <c r="H18909" s="12"/>
    </row>
    <row r="18910" spans="8:8">
      <c r="H18910" s="12"/>
    </row>
    <row r="18911" spans="8:8">
      <c r="H18911" s="12"/>
    </row>
    <row r="18912" spans="8:8">
      <c r="H18912" s="12"/>
    </row>
    <row r="18913" spans="8:8">
      <c r="H18913" s="12"/>
    </row>
    <row r="18914" spans="8:8">
      <c r="H18914" s="12"/>
    </row>
    <row r="18915" spans="8:8">
      <c r="H18915" s="12"/>
    </row>
    <row r="18916" spans="8:8">
      <c r="H18916" s="12"/>
    </row>
    <row r="18917" spans="8:8">
      <c r="H18917" s="12"/>
    </row>
    <row r="18918" spans="8:8">
      <c r="H18918" s="12"/>
    </row>
    <row r="18919" spans="8:8">
      <c r="H18919" s="12"/>
    </row>
    <row r="18920" spans="8:8">
      <c r="H18920" s="12"/>
    </row>
    <row r="18921" spans="8:8">
      <c r="H18921" s="12"/>
    </row>
    <row r="18922" spans="8:8">
      <c r="H18922" s="12"/>
    </row>
    <row r="18923" spans="8:8">
      <c r="H18923" s="12"/>
    </row>
    <row r="18924" spans="8:8">
      <c r="H18924" s="12"/>
    </row>
    <row r="18925" spans="8:8">
      <c r="H18925" s="12"/>
    </row>
    <row r="18926" spans="8:8">
      <c r="H18926" s="12"/>
    </row>
    <row r="18927" spans="8:8">
      <c r="H18927" s="12"/>
    </row>
    <row r="18928" spans="8:8">
      <c r="H18928" s="12"/>
    </row>
    <row r="18929" spans="8:8">
      <c r="H18929" s="12"/>
    </row>
    <row r="18930" spans="8:8">
      <c r="H18930" s="12"/>
    </row>
    <row r="18931" spans="8:8">
      <c r="H18931" s="12"/>
    </row>
    <row r="18932" spans="8:8">
      <c r="H18932" s="12"/>
    </row>
    <row r="18933" spans="8:8">
      <c r="H18933" s="12"/>
    </row>
    <row r="18934" spans="8:8">
      <c r="H18934" s="12"/>
    </row>
    <row r="18935" spans="8:8">
      <c r="H18935" s="12"/>
    </row>
    <row r="18936" spans="8:8">
      <c r="H18936" s="12"/>
    </row>
    <row r="18937" spans="8:8">
      <c r="H18937" s="12"/>
    </row>
    <row r="18938" spans="8:8">
      <c r="H18938" s="12"/>
    </row>
    <row r="18939" spans="8:8">
      <c r="H18939" s="12"/>
    </row>
    <row r="18940" spans="8:8">
      <c r="H18940" s="12"/>
    </row>
    <row r="18941" spans="8:8">
      <c r="H18941" s="12"/>
    </row>
    <row r="18942" spans="8:8">
      <c r="H18942" s="12"/>
    </row>
    <row r="18943" spans="8:8">
      <c r="H18943" s="12"/>
    </row>
    <row r="18944" spans="8:8">
      <c r="H18944" s="12"/>
    </row>
    <row r="18945" spans="8:8">
      <c r="H18945" s="12"/>
    </row>
    <row r="18946" spans="8:8">
      <c r="H18946" s="12"/>
    </row>
    <row r="18947" spans="8:8">
      <c r="H18947" s="12"/>
    </row>
    <row r="18948" spans="8:8">
      <c r="H18948" s="12"/>
    </row>
    <row r="18949" spans="8:8">
      <c r="H18949" s="12"/>
    </row>
    <row r="18950" spans="8:8">
      <c r="H18950" s="12"/>
    </row>
    <row r="18951" spans="8:8">
      <c r="H18951" s="12"/>
    </row>
    <row r="18952" spans="8:8">
      <c r="H18952" s="12"/>
    </row>
    <row r="18953" spans="8:8">
      <c r="H18953" s="12"/>
    </row>
    <row r="18954" spans="8:8">
      <c r="H18954" s="12"/>
    </row>
    <row r="18955" spans="8:8">
      <c r="H18955" s="12"/>
    </row>
    <row r="18956" spans="8:8">
      <c r="H18956" s="12"/>
    </row>
    <row r="18957" spans="8:8">
      <c r="H18957" s="12"/>
    </row>
    <row r="18958" spans="8:8">
      <c r="H18958" s="12"/>
    </row>
    <row r="18959" spans="8:8">
      <c r="H18959" s="12"/>
    </row>
    <row r="18960" spans="8:8">
      <c r="H18960" s="12"/>
    </row>
    <row r="18961" spans="8:8">
      <c r="H18961" s="12"/>
    </row>
    <row r="18962" spans="8:8">
      <c r="H18962" s="12"/>
    </row>
    <row r="18963" spans="8:8">
      <c r="H18963" s="12"/>
    </row>
    <row r="18964" spans="8:8">
      <c r="H18964" s="12"/>
    </row>
    <row r="18965" spans="8:8">
      <c r="H18965" s="12"/>
    </row>
    <row r="18966" spans="8:8">
      <c r="H18966" s="12"/>
    </row>
    <row r="18967" spans="8:8">
      <c r="H18967" s="12"/>
    </row>
    <row r="18968" spans="8:8">
      <c r="H18968" s="12"/>
    </row>
    <row r="18969" spans="8:8">
      <c r="H18969" s="12"/>
    </row>
    <row r="18970" spans="8:8">
      <c r="H18970" s="12"/>
    </row>
    <row r="18971" spans="8:8">
      <c r="H18971" s="12"/>
    </row>
    <row r="18972" spans="8:8">
      <c r="H18972" s="12"/>
    </row>
    <row r="18973" spans="8:8">
      <c r="H18973" s="12"/>
    </row>
    <row r="18974" spans="8:8">
      <c r="H18974" s="12"/>
    </row>
    <row r="18975" spans="8:8">
      <c r="H18975" s="12"/>
    </row>
    <row r="18976" spans="8:8">
      <c r="H18976" s="12"/>
    </row>
    <row r="18977" spans="8:8">
      <c r="H18977" s="12"/>
    </row>
    <row r="18978" spans="8:8">
      <c r="H18978" s="12"/>
    </row>
    <row r="18979" spans="8:8">
      <c r="H18979" s="12"/>
    </row>
    <row r="18980" spans="8:8">
      <c r="H18980" s="12"/>
    </row>
    <row r="18981" spans="8:8">
      <c r="H18981" s="12"/>
    </row>
    <row r="18982" spans="8:8">
      <c r="H18982" s="12"/>
    </row>
    <row r="18983" spans="8:8">
      <c r="H18983" s="12"/>
    </row>
    <row r="18984" spans="8:8">
      <c r="H18984" s="12"/>
    </row>
    <row r="18985" spans="8:8">
      <c r="H18985" s="12"/>
    </row>
    <row r="18986" spans="8:8">
      <c r="H18986" s="12"/>
    </row>
    <row r="18987" spans="8:8">
      <c r="H18987" s="12"/>
    </row>
    <row r="18988" spans="8:8">
      <c r="H18988" s="12"/>
    </row>
    <row r="18989" spans="8:8">
      <c r="H18989" s="12"/>
    </row>
    <row r="18990" spans="8:8">
      <c r="H18990" s="12"/>
    </row>
    <row r="18991" spans="8:8">
      <c r="H18991" s="12"/>
    </row>
    <row r="18992" spans="8:8">
      <c r="H18992" s="12"/>
    </row>
    <row r="18993" spans="8:8">
      <c r="H18993" s="12"/>
    </row>
    <row r="18994" spans="8:8">
      <c r="H18994" s="12"/>
    </row>
    <row r="18995" spans="8:8">
      <c r="H18995" s="12"/>
    </row>
    <row r="18996" spans="8:8">
      <c r="H18996" s="12"/>
    </row>
    <row r="18997" spans="8:8">
      <c r="H18997" s="12"/>
    </row>
    <row r="18998" spans="8:8">
      <c r="H18998" s="12"/>
    </row>
    <row r="18999" spans="8:8">
      <c r="H18999" s="12"/>
    </row>
    <row r="19000" spans="8:8">
      <c r="H19000" s="12"/>
    </row>
    <row r="19001" spans="8:8">
      <c r="H19001" s="12"/>
    </row>
    <row r="19002" spans="8:8">
      <c r="H19002" s="12"/>
    </row>
    <row r="19003" spans="8:8">
      <c r="H19003" s="12"/>
    </row>
    <row r="19004" spans="8:8">
      <c r="H19004" s="12"/>
    </row>
    <row r="19005" spans="8:8">
      <c r="H19005" s="12"/>
    </row>
    <row r="19006" spans="8:8">
      <c r="H19006" s="12"/>
    </row>
    <row r="19007" spans="8:8">
      <c r="H19007" s="12"/>
    </row>
    <row r="19008" spans="8:8">
      <c r="H19008" s="12"/>
    </row>
    <row r="19009" spans="8:8">
      <c r="H19009" s="12"/>
    </row>
    <row r="19010" spans="8:8">
      <c r="H19010" s="12"/>
    </row>
    <row r="19011" spans="8:8">
      <c r="H19011" s="12"/>
    </row>
    <row r="19012" spans="8:8">
      <c r="H19012" s="12"/>
    </row>
    <row r="19013" spans="8:8">
      <c r="H19013" s="12"/>
    </row>
    <row r="19014" spans="8:8">
      <c r="H19014" s="12"/>
    </row>
    <row r="19015" spans="8:8">
      <c r="H19015" s="12"/>
    </row>
    <row r="19016" spans="8:8">
      <c r="H19016" s="12"/>
    </row>
    <row r="19017" spans="8:8">
      <c r="H19017" s="12"/>
    </row>
    <row r="19018" spans="8:8">
      <c r="H19018" s="12"/>
    </row>
    <row r="19019" spans="8:8">
      <c r="H19019" s="12"/>
    </row>
    <row r="19020" spans="8:8">
      <c r="H19020" s="12"/>
    </row>
    <row r="19021" spans="8:8">
      <c r="H19021" s="12"/>
    </row>
    <row r="19022" spans="8:8">
      <c r="H19022" s="12"/>
    </row>
    <row r="19023" spans="8:8">
      <c r="H19023" s="12"/>
    </row>
    <row r="19024" spans="8:8">
      <c r="H19024" s="12"/>
    </row>
    <row r="19025" spans="8:8">
      <c r="H19025" s="12"/>
    </row>
    <row r="19026" spans="8:8">
      <c r="H19026" s="12"/>
    </row>
    <row r="19027" spans="8:8">
      <c r="H19027" s="12"/>
    </row>
    <row r="19028" spans="8:8">
      <c r="H19028" s="12"/>
    </row>
    <row r="19029" spans="8:8">
      <c r="H19029" s="12"/>
    </row>
    <row r="19030" spans="8:8">
      <c r="H19030" s="12"/>
    </row>
    <row r="19031" spans="8:8">
      <c r="H19031" s="12"/>
    </row>
    <row r="19032" spans="8:8">
      <c r="H19032" s="12"/>
    </row>
    <row r="19033" spans="8:8">
      <c r="H19033" s="12"/>
    </row>
    <row r="19034" spans="8:8">
      <c r="H19034" s="12"/>
    </row>
    <row r="19035" spans="8:8">
      <c r="H19035" s="12"/>
    </row>
    <row r="19036" spans="8:8">
      <c r="H19036" s="12"/>
    </row>
    <row r="19037" spans="8:8">
      <c r="H19037" s="12"/>
    </row>
    <row r="19038" spans="8:8">
      <c r="H19038" s="12"/>
    </row>
    <row r="19039" spans="8:8">
      <c r="H19039" s="12"/>
    </row>
    <row r="19040" spans="8:8">
      <c r="H19040" s="12"/>
    </row>
    <row r="19041" spans="8:8">
      <c r="H19041" s="12"/>
    </row>
    <row r="19042" spans="8:8">
      <c r="H19042" s="12"/>
    </row>
    <row r="19043" spans="8:8">
      <c r="H19043" s="12"/>
    </row>
    <row r="19044" spans="8:8">
      <c r="H19044" s="12"/>
    </row>
    <row r="19045" spans="8:8">
      <c r="H19045" s="12"/>
    </row>
    <row r="19046" spans="8:8">
      <c r="H19046" s="12"/>
    </row>
    <row r="19047" spans="8:8">
      <c r="H19047" s="12"/>
    </row>
    <row r="19048" spans="8:8">
      <c r="H19048" s="12"/>
    </row>
    <row r="19049" spans="8:8">
      <c r="H19049" s="12"/>
    </row>
    <row r="19050" spans="8:8">
      <c r="H19050" s="12"/>
    </row>
    <row r="19051" spans="8:8">
      <c r="H19051" s="12"/>
    </row>
    <row r="19052" spans="8:8">
      <c r="H19052" s="12"/>
    </row>
    <row r="19053" spans="8:8">
      <c r="H19053" s="12"/>
    </row>
    <row r="19054" spans="8:8">
      <c r="H19054" s="12"/>
    </row>
    <row r="19055" spans="8:8">
      <c r="H19055" s="12"/>
    </row>
    <row r="19056" spans="8:8">
      <c r="H19056" s="12"/>
    </row>
    <row r="19057" spans="8:8">
      <c r="H19057" s="12"/>
    </row>
    <row r="19058" spans="8:8">
      <c r="H19058" s="12"/>
    </row>
    <row r="19059" spans="8:8">
      <c r="H19059" s="12"/>
    </row>
    <row r="19060" spans="8:8">
      <c r="H19060" s="12"/>
    </row>
    <row r="19061" spans="8:8">
      <c r="H19061" s="12"/>
    </row>
    <row r="19062" spans="8:8">
      <c r="H19062" s="12"/>
    </row>
    <row r="19063" spans="8:8">
      <c r="H19063" s="12"/>
    </row>
    <row r="19064" spans="8:8">
      <c r="H19064" s="12"/>
    </row>
    <row r="19065" spans="8:8">
      <c r="H19065" s="12"/>
    </row>
    <row r="19066" spans="8:8">
      <c r="H19066" s="12"/>
    </row>
    <row r="19067" spans="8:8">
      <c r="H19067" s="12"/>
    </row>
    <row r="19068" spans="8:8">
      <c r="H19068" s="12"/>
    </row>
    <row r="19069" spans="8:8">
      <c r="H19069" s="12"/>
    </row>
    <row r="19070" spans="8:8">
      <c r="H19070" s="12"/>
    </row>
    <row r="19071" spans="8:8">
      <c r="H19071" s="12"/>
    </row>
    <row r="19072" spans="8:8">
      <c r="H19072" s="12"/>
    </row>
    <row r="19073" spans="8:8">
      <c r="H19073" s="12"/>
    </row>
    <row r="19074" spans="8:8">
      <c r="H19074" s="12"/>
    </row>
    <row r="19075" spans="8:8">
      <c r="H19075" s="12"/>
    </row>
    <row r="19076" spans="8:8">
      <c r="H19076" s="12"/>
    </row>
    <row r="19077" spans="8:8">
      <c r="H19077" s="12"/>
    </row>
    <row r="19078" spans="8:8">
      <c r="H19078" s="12"/>
    </row>
    <row r="19079" spans="8:8">
      <c r="H19079" s="12"/>
    </row>
    <row r="19080" spans="8:8">
      <c r="H19080" s="12"/>
    </row>
    <row r="19081" spans="8:8">
      <c r="H19081" s="12"/>
    </row>
    <row r="19082" spans="8:8">
      <c r="H19082" s="12"/>
    </row>
    <row r="19083" spans="8:8">
      <c r="H19083" s="12"/>
    </row>
    <row r="19084" spans="8:8">
      <c r="H19084" s="12"/>
    </row>
    <row r="19085" spans="8:8">
      <c r="H19085" s="12"/>
    </row>
    <row r="19086" spans="8:8">
      <c r="H19086" s="12"/>
    </row>
    <row r="19087" spans="8:8">
      <c r="H19087" s="12"/>
    </row>
    <row r="19088" spans="8:8">
      <c r="H19088" s="12"/>
    </row>
    <row r="19089" spans="8:8">
      <c r="H19089" s="12"/>
    </row>
    <row r="19090" spans="8:8">
      <c r="H19090" s="12"/>
    </row>
    <row r="19091" spans="8:8">
      <c r="H19091" s="12"/>
    </row>
    <row r="19092" spans="8:8">
      <c r="H19092" s="12"/>
    </row>
    <row r="19093" spans="8:8">
      <c r="H19093" s="12"/>
    </row>
    <row r="19094" spans="8:8">
      <c r="H19094" s="12"/>
    </row>
    <row r="19095" spans="8:8">
      <c r="H19095" s="12"/>
    </row>
    <row r="19096" spans="8:8">
      <c r="H19096" s="12"/>
    </row>
    <row r="19097" spans="8:8">
      <c r="H19097" s="12"/>
    </row>
    <row r="19098" spans="8:8">
      <c r="H19098" s="12"/>
    </row>
    <row r="19099" spans="8:8">
      <c r="H19099" s="12"/>
    </row>
    <row r="19100" spans="8:8">
      <c r="H19100" s="12"/>
    </row>
    <row r="19101" spans="8:8">
      <c r="H19101" s="12"/>
    </row>
    <row r="19102" spans="8:8">
      <c r="H19102" s="12"/>
    </row>
    <row r="19103" spans="8:8">
      <c r="H19103" s="12"/>
    </row>
    <row r="19104" spans="8:8">
      <c r="H19104" s="12"/>
    </row>
    <row r="19105" spans="8:8">
      <c r="H19105" s="12"/>
    </row>
    <row r="19106" spans="8:8">
      <c r="H19106" s="12"/>
    </row>
    <row r="19107" spans="8:8">
      <c r="H19107" s="12"/>
    </row>
    <row r="19108" spans="8:8">
      <c r="H19108" s="12"/>
    </row>
    <row r="19109" spans="8:8">
      <c r="H19109" s="12"/>
    </row>
    <row r="19110" spans="8:8">
      <c r="H19110" s="12"/>
    </row>
    <row r="19111" spans="8:8">
      <c r="H19111" s="12"/>
    </row>
    <row r="19112" spans="8:8">
      <c r="H19112" s="12"/>
    </row>
    <row r="19113" spans="8:8">
      <c r="H19113" s="12"/>
    </row>
    <row r="19114" spans="8:8">
      <c r="H19114" s="12"/>
    </row>
    <row r="19115" spans="8:8">
      <c r="H19115" s="12"/>
    </row>
    <row r="19116" spans="8:8">
      <c r="H19116" s="12"/>
    </row>
    <row r="19117" spans="8:8">
      <c r="H19117" s="12"/>
    </row>
    <row r="19118" spans="8:8">
      <c r="H19118" s="12"/>
    </row>
    <row r="19119" spans="8:8">
      <c r="H19119" s="12"/>
    </row>
    <row r="19120" spans="8:8">
      <c r="H19120" s="12"/>
    </row>
    <row r="19121" spans="8:8">
      <c r="H19121" s="12"/>
    </row>
    <row r="19122" spans="8:8">
      <c r="H19122" s="12"/>
    </row>
    <row r="19123" spans="8:8">
      <c r="H19123" s="12"/>
    </row>
    <row r="19124" spans="8:8">
      <c r="H19124" s="12"/>
    </row>
    <row r="19125" spans="8:8">
      <c r="H19125" s="12"/>
    </row>
    <row r="19126" spans="8:8">
      <c r="H19126" s="12"/>
    </row>
    <row r="19127" spans="8:8">
      <c r="H19127" s="12"/>
    </row>
    <row r="19128" spans="8:8">
      <c r="H19128" s="12"/>
    </row>
    <row r="19129" spans="8:8">
      <c r="H19129" s="12"/>
    </row>
    <row r="19130" spans="8:8">
      <c r="H19130" s="12"/>
    </row>
    <row r="19131" spans="8:8">
      <c r="H19131" s="12"/>
    </row>
    <row r="19132" spans="8:8">
      <c r="H19132" s="12"/>
    </row>
    <row r="19133" spans="8:8">
      <c r="H19133" s="12"/>
    </row>
    <row r="19134" spans="8:8">
      <c r="H19134" s="12"/>
    </row>
    <row r="19135" spans="8:8">
      <c r="H19135" s="12"/>
    </row>
    <row r="19136" spans="8:8">
      <c r="H19136" s="12"/>
    </row>
    <row r="19137" spans="8:8">
      <c r="H19137" s="12"/>
    </row>
    <row r="19138" spans="8:8">
      <c r="H19138" s="12"/>
    </row>
    <row r="19139" spans="8:8">
      <c r="H19139" s="12"/>
    </row>
    <row r="19140" spans="8:8">
      <c r="H19140" s="12"/>
    </row>
    <row r="19141" spans="8:8">
      <c r="H19141" s="12"/>
    </row>
    <row r="19142" spans="8:8">
      <c r="H19142" s="12"/>
    </row>
    <row r="19143" spans="8:8">
      <c r="H19143" s="12"/>
    </row>
    <row r="19144" spans="8:8">
      <c r="H19144" s="12"/>
    </row>
    <row r="19145" spans="8:8">
      <c r="H19145" s="12"/>
    </row>
    <row r="19146" spans="8:8">
      <c r="H19146" s="12"/>
    </row>
    <row r="19147" spans="8:8">
      <c r="H19147" s="12"/>
    </row>
    <row r="19148" spans="8:8">
      <c r="H19148" s="12"/>
    </row>
    <row r="19149" spans="8:8">
      <c r="H19149" s="12"/>
    </row>
    <row r="19150" spans="8:8">
      <c r="H19150" s="12"/>
    </row>
    <row r="19151" spans="8:8">
      <c r="H19151" s="12"/>
    </row>
    <row r="19152" spans="8:8">
      <c r="H19152" s="12"/>
    </row>
    <row r="19153" spans="8:8">
      <c r="H19153" s="12"/>
    </row>
    <row r="19154" spans="8:8">
      <c r="H19154" s="12"/>
    </row>
    <row r="19155" spans="8:8">
      <c r="H19155" s="12"/>
    </row>
    <row r="19156" spans="8:8">
      <c r="H19156" s="12"/>
    </row>
    <row r="19157" spans="8:8">
      <c r="H19157" s="12"/>
    </row>
    <row r="19158" spans="8:8">
      <c r="H19158" s="12"/>
    </row>
    <row r="19159" spans="8:8">
      <c r="H19159" s="12"/>
    </row>
    <row r="19160" spans="8:8">
      <c r="H19160" s="12"/>
    </row>
    <row r="19161" spans="8:8">
      <c r="H19161" s="12"/>
    </row>
    <row r="19162" spans="8:8">
      <c r="H19162" s="12"/>
    </row>
    <row r="19163" spans="8:8">
      <c r="H19163" s="12"/>
    </row>
    <row r="19164" spans="8:8">
      <c r="H19164" s="12"/>
    </row>
    <row r="19165" spans="8:8">
      <c r="H19165" s="12"/>
    </row>
    <row r="19166" spans="8:8">
      <c r="H19166" s="12"/>
    </row>
    <row r="19167" spans="8:8">
      <c r="H19167" s="12"/>
    </row>
    <row r="19168" spans="8:8">
      <c r="H19168" s="12"/>
    </row>
    <row r="19169" spans="8:8">
      <c r="H19169" s="12"/>
    </row>
    <row r="19170" spans="8:8">
      <c r="H19170" s="12"/>
    </row>
    <row r="19171" spans="8:8">
      <c r="H19171" s="12"/>
    </row>
    <row r="19172" spans="8:8">
      <c r="H19172" s="12"/>
    </row>
    <row r="19173" spans="8:8">
      <c r="H19173" s="12"/>
    </row>
    <row r="19174" spans="8:8">
      <c r="H19174" s="12"/>
    </row>
    <row r="19175" spans="8:8">
      <c r="H19175" s="12"/>
    </row>
    <row r="19176" spans="8:8">
      <c r="H19176" s="12"/>
    </row>
    <row r="19177" spans="8:8">
      <c r="H19177" s="12"/>
    </row>
    <row r="19178" spans="8:8">
      <c r="H19178" s="12"/>
    </row>
    <row r="19179" spans="8:8">
      <c r="H19179" s="12"/>
    </row>
    <row r="19180" spans="8:8">
      <c r="H19180" s="12"/>
    </row>
    <row r="19181" spans="8:8">
      <c r="H19181" s="12"/>
    </row>
    <row r="19182" spans="8:8">
      <c r="H19182" s="12"/>
    </row>
    <row r="19183" spans="8:8">
      <c r="H19183" s="12"/>
    </row>
    <row r="19184" spans="8:8">
      <c r="H19184" s="12"/>
    </row>
    <row r="19185" spans="8:8">
      <c r="H19185" s="12"/>
    </row>
    <row r="19186" spans="8:8">
      <c r="H19186" s="12"/>
    </row>
    <row r="19187" spans="8:8">
      <c r="H19187" s="12"/>
    </row>
    <row r="19188" spans="8:8">
      <c r="H19188" s="12"/>
    </row>
    <row r="19189" spans="8:8">
      <c r="H19189" s="12"/>
    </row>
    <row r="19190" spans="8:8">
      <c r="H19190" s="12"/>
    </row>
    <row r="19191" spans="8:8">
      <c r="H19191" s="12"/>
    </row>
    <row r="19192" spans="8:8">
      <c r="H19192" s="12"/>
    </row>
    <row r="19193" spans="8:8">
      <c r="H19193" s="12"/>
    </row>
    <row r="19194" spans="8:8">
      <c r="H19194" s="12"/>
    </row>
    <row r="19195" spans="8:8">
      <c r="H19195" s="12"/>
    </row>
    <row r="19196" spans="8:8">
      <c r="H19196" s="12"/>
    </row>
    <row r="19197" spans="8:8">
      <c r="H19197" s="12"/>
    </row>
    <row r="19198" spans="8:8">
      <c r="H19198" s="12"/>
    </row>
    <row r="19199" spans="8:8">
      <c r="H19199" s="12"/>
    </row>
    <row r="19200" spans="8:8">
      <c r="H19200" s="12"/>
    </row>
    <row r="19201" spans="8:8">
      <c r="H19201" s="12"/>
    </row>
    <row r="19202" spans="8:8">
      <c r="H19202" s="12"/>
    </row>
    <row r="19203" spans="8:8">
      <c r="H19203" s="12"/>
    </row>
    <row r="19204" spans="8:8">
      <c r="H19204" s="12"/>
    </row>
    <row r="19205" spans="8:8">
      <c r="H19205" s="12"/>
    </row>
    <row r="19206" spans="8:8">
      <c r="H19206" s="12"/>
    </row>
    <row r="19207" spans="8:8">
      <c r="H19207" s="12"/>
    </row>
    <row r="19208" spans="8:8">
      <c r="H19208" s="12"/>
    </row>
    <row r="19209" spans="8:8">
      <c r="H19209" s="12"/>
    </row>
    <row r="19210" spans="8:8">
      <c r="H19210" s="12"/>
    </row>
    <row r="19211" spans="8:8">
      <c r="H19211" s="12"/>
    </row>
    <row r="19212" spans="8:8">
      <c r="H19212" s="12"/>
    </row>
    <row r="19213" spans="8:8">
      <c r="H19213" s="12"/>
    </row>
    <row r="19214" spans="8:8">
      <c r="H19214" s="12"/>
    </row>
    <row r="19215" spans="8:8">
      <c r="H19215" s="12"/>
    </row>
    <row r="19216" spans="8:8">
      <c r="H19216" s="12"/>
    </row>
    <row r="19217" spans="8:8">
      <c r="H19217" s="12"/>
    </row>
    <row r="19218" spans="8:8">
      <c r="H19218" s="12"/>
    </row>
    <row r="19219" spans="8:8">
      <c r="H19219" s="12"/>
    </row>
    <row r="19220" spans="8:8">
      <c r="H19220" s="12"/>
    </row>
    <row r="19221" spans="8:8">
      <c r="H19221" s="12"/>
    </row>
    <row r="19222" spans="8:8">
      <c r="H19222" s="12"/>
    </row>
    <row r="19223" spans="8:8">
      <c r="H19223" s="12"/>
    </row>
    <row r="19224" spans="8:8">
      <c r="H19224" s="12"/>
    </row>
    <row r="19225" spans="8:8">
      <c r="H19225" s="12"/>
    </row>
    <row r="19226" spans="8:8">
      <c r="H19226" s="12"/>
    </row>
    <row r="19227" spans="8:8">
      <c r="H19227" s="12"/>
    </row>
    <row r="19228" spans="8:8">
      <c r="H19228" s="12"/>
    </row>
    <row r="19229" spans="8:8">
      <c r="H19229" s="12"/>
    </row>
    <row r="19230" spans="8:8">
      <c r="H19230" s="12"/>
    </row>
    <row r="19231" spans="8:8">
      <c r="H19231" s="12"/>
    </row>
    <row r="19232" spans="8:8">
      <c r="H19232" s="12"/>
    </row>
    <row r="19233" spans="8:8">
      <c r="H19233" s="12"/>
    </row>
    <row r="19234" spans="8:8">
      <c r="H19234" s="12"/>
    </row>
    <row r="19235" spans="8:8">
      <c r="H19235" s="12"/>
    </row>
    <row r="19236" spans="8:8">
      <c r="H19236" s="12"/>
    </row>
    <row r="19237" spans="8:8">
      <c r="H19237" s="12"/>
    </row>
    <row r="19238" spans="8:8">
      <c r="H19238" s="12"/>
    </row>
    <row r="19239" spans="8:8">
      <c r="H19239" s="12"/>
    </row>
    <row r="19240" spans="8:8">
      <c r="H19240" s="12"/>
    </row>
    <row r="19241" spans="8:8">
      <c r="H19241" s="12"/>
    </row>
    <row r="19242" spans="8:8">
      <c r="H19242" s="12"/>
    </row>
    <row r="19243" spans="8:8">
      <c r="H19243" s="12"/>
    </row>
    <row r="19244" spans="8:8">
      <c r="H19244" s="12"/>
    </row>
    <row r="19245" spans="8:8">
      <c r="H19245" s="12"/>
    </row>
    <row r="19246" spans="8:8">
      <c r="H19246" s="12"/>
    </row>
    <row r="19247" spans="8:8">
      <c r="H19247" s="12"/>
    </row>
    <row r="19248" spans="8:8">
      <c r="H19248" s="12"/>
    </row>
    <row r="19249" spans="8:8">
      <c r="H19249" s="12"/>
    </row>
    <row r="19250" spans="8:8">
      <c r="H19250" s="12"/>
    </row>
    <row r="19251" spans="8:8">
      <c r="H19251" s="12"/>
    </row>
    <row r="19252" spans="8:8">
      <c r="H19252" s="12"/>
    </row>
    <row r="19253" spans="8:8">
      <c r="H19253" s="12"/>
    </row>
    <row r="19254" spans="8:8">
      <c r="H19254" s="12"/>
    </row>
    <row r="19255" spans="8:8">
      <c r="H19255" s="12"/>
    </row>
    <row r="19256" spans="8:8">
      <c r="H19256" s="12"/>
    </row>
    <row r="19257" spans="8:8">
      <c r="H19257" s="12"/>
    </row>
    <row r="19258" spans="8:8">
      <c r="H19258" s="12"/>
    </row>
    <row r="19259" spans="8:8">
      <c r="H19259" s="12"/>
    </row>
    <row r="19260" spans="8:8">
      <c r="H19260" s="12"/>
    </row>
    <row r="19261" spans="8:8">
      <c r="H19261" s="12"/>
    </row>
    <row r="19262" spans="8:8">
      <c r="H19262" s="12"/>
    </row>
    <row r="19263" spans="8:8">
      <c r="H19263" s="12"/>
    </row>
    <row r="19264" spans="8:8">
      <c r="H19264" s="12"/>
    </row>
    <row r="19265" spans="8:8">
      <c r="H19265" s="12"/>
    </row>
    <row r="19266" spans="8:8">
      <c r="H19266" s="12"/>
    </row>
    <row r="19267" spans="8:8">
      <c r="H19267" s="12"/>
    </row>
    <row r="19268" spans="8:8">
      <c r="H19268" s="12"/>
    </row>
    <row r="19269" spans="8:8">
      <c r="H19269" s="12"/>
    </row>
    <row r="19270" spans="8:8">
      <c r="H19270" s="12"/>
    </row>
    <row r="19271" spans="8:8">
      <c r="H19271" s="12"/>
    </row>
    <row r="19272" spans="8:8">
      <c r="H19272" s="12"/>
    </row>
    <row r="19273" spans="8:8">
      <c r="H19273" s="12"/>
    </row>
    <row r="19274" spans="8:8">
      <c r="H19274" s="12"/>
    </row>
    <row r="19275" spans="8:8">
      <c r="H19275" s="12"/>
    </row>
    <row r="19276" spans="8:8">
      <c r="H19276" s="12"/>
    </row>
    <row r="19277" spans="8:8">
      <c r="H19277" s="12"/>
    </row>
    <row r="19278" spans="8:8">
      <c r="H19278" s="12"/>
    </row>
    <row r="19279" spans="8:8">
      <c r="H19279" s="12"/>
    </row>
    <row r="19280" spans="8:8">
      <c r="H19280" s="12"/>
    </row>
    <row r="19281" spans="8:8">
      <c r="H19281" s="12"/>
    </row>
    <row r="19282" spans="8:8">
      <c r="H19282" s="12"/>
    </row>
    <row r="19283" spans="8:8">
      <c r="H19283" s="12"/>
    </row>
    <row r="19284" spans="8:8">
      <c r="H19284" s="12"/>
    </row>
    <row r="19285" spans="8:8">
      <c r="H19285" s="12"/>
    </row>
    <row r="19286" spans="8:8">
      <c r="H19286" s="12"/>
    </row>
    <row r="19287" spans="8:8">
      <c r="H19287" s="12"/>
    </row>
    <row r="19288" spans="8:8">
      <c r="H19288" s="12"/>
    </row>
    <row r="19289" spans="8:8">
      <c r="H19289" s="12"/>
    </row>
    <row r="19290" spans="8:8">
      <c r="H19290" s="12"/>
    </row>
    <row r="19291" spans="8:8">
      <c r="H19291" s="12"/>
    </row>
    <row r="19292" spans="8:8">
      <c r="H19292" s="12"/>
    </row>
    <row r="19293" spans="8:8">
      <c r="H19293" s="12"/>
    </row>
    <row r="19294" spans="8:8">
      <c r="H19294" s="12"/>
    </row>
    <row r="19295" spans="8:8">
      <c r="H19295" s="12"/>
    </row>
    <row r="19296" spans="8:8">
      <c r="H19296" s="12"/>
    </row>
    <row r="19297" spans="8:8">
      <c r="H19297" s="12"/>
    </row>
    <row r="19298" spans="8:8">
      <c r="H19298" s="12"/>
    </row>
    <row r="19299" spans="8:8">
      <c r="H19299" s="12"/>
    </row>
    <row r="19300" spans="8:8">
      <c r="H19300" s="12"/>
    </row>
    <row r="19301" spans="8:8">
      <c r="H19301" s="12"/>
    </row>
    <row r="19302" spans="8:8">
      <c r="H19302" s="12"/>
    </row>
    <row r="19303" spans="8:8">
      <c r="H19303" s="12"/>
    </row>
    <row r="19304" spans="8:8">
      <c r="H19304" s="12"/>
    </row>
    <row r="19305" spans="8:8">
      <c r="H19305" s="12"/>
    </row>
    <row r="19306" spans="8:8">
      <c r="H19306" s="12"/>
    </row>
    <row r="19307" spans="8:8">
      <c r="H19307" s="12"/>
    </row>
    <row r="19308" spans="8:8">
      <c r="H19308" s="12"/>
    </row>
    <row r="19309" spans="8:8">
      <c r="H19309" s="12"/>
    </row>
    <row r="19310" spans="8:8">
      <c r="H19310" s="12"/>
    </row>
    <row r="19311" spans="8:8">
      <c r="H19311" s="12"/>
    </row>
    <row r="19312" spans="8:8">
      <c r="H19312" s="12"/>
    </row>
    <row r="19313" spans="8:8">
      <c r="H19313" s="12"/>
    </row>
    <row r="19314" spans="8:8">
      <c r="H19314" s="12"/>
    </row>
    <row r="19315" spans="8:8">
      <c r="H19315" s="12"/>
    </row>
    <row r="19316" spans="8:8">
      <c r="H19316" s="12"/>
    </row>
    <row r="19317" spans="8:8">
      <c r="H19317" s="12"/>
    </row>
    <row r="19318" spans="8:8">
      <c r="H19318" s="12"/>
    </row>
    <row r="19319" spans="8:8">
      <c r="H19319" s="12"/>
    </row>
    <row r="19320" spans="8:8">
      <c r="H19320" s="12"/>
    </row>
    <row r="19321" spans="8:8">
      <c r="H19321" s="12"/>
    </row>
    <row r="19322" spans="8:8">
      <c r="H19322" s="12"/>
    </row>
    <row r="19323" spans="8:8">
      <c r="H19323" s="12"/>
    </row>
    <row r="19324" spans="8:8">
      <c r="H19324" s="12"/>
    </row>
    <row r="19325" spans="8:8">
      <c r="H19325" s="12"/>
    </row>
    <row r="19326" spans="8:8">
      <c r="H19326" s="12"/>
    </row>
    <row r="19327" spans="8:8">
      <c r="H19327" s="12"/>
    </row>
    <row r="19328" spans="8:8">
      <c r="H19328" s="12"/>
    </row>
    <row r="19329" spans="8:8">
      <c r="H19329" s="12"/>
    </row>
    <row r="19330" spans="8:8">
      <c r="H19330" s="12"/>
    </row>
    <row r="19331" spans="8:8">
      <c r="H19331" s="12"/>
    </row>
    <row r="19332" spans="8:8">
      <c r="H19332" s="12"/>
    </row>
    <row r="19333" spans="8:8">
      <c r="H19333" s="12"/>
    </row>
    <row r="19334" spans="8:8">
      <c r="H19334" s="12"/>
    </row>
    <row r="19335" spans="8:8">
      <c r="H19335" s="12"/>
    </row>
    <row r="19336" spans="8:8">
      <c r="H19336" s="12"/>
    </row>
    <row r="19337" spans="8:8">
      <c r="H19337" s="12"/>
    </row>
    <row r="19338" spans="8:8">
      <c r="H19338" s="12"/>
    </row>
    <row r="19339" spans="8:8">
      <c r="H19339" s="12"/>
    </row>
    <row r="19340" spans="8:8">
      <c r="H19340" s="12"/>
    </row>
    <row r="19341" spans="8:8">
      <c r="H19341" s="12"/>
    </row>
    <row r="19342" spans="8:8">
      <c r="H19342" s="12"/>
    </row>
    <row r="19343" spans="8:8">
      <c r="H19343" s="12"/>
    </row>
    <row r="19344" spans="8:8">
      <c r="H19344" s="12"/>
    </row>
    <row r="19345" spans="8:8">
      <c r="H19345" s="12"/>
    </row>
    <row r="19346" spans="8:8">
      <c r="H19346" s="12"/>
    </row>
    <row r="19347" spans="8:8">
      <c r="H19347" s="12"/>
    </row>
    <row r="19348" spans="8:8">
      <c r="H19348" s="12"/>
    </row>
    <row r="19349" spans="8:8">
      <c r="H19349" s="12"/>
    </row>
    <row r="19350" spans="8:8">
      <c r="H19350" s="12"/>
    </row>
    <row r="19351" spans="8:8">
      <c r="H19351" s="12"/>
    </row>
    <row r="19352" spans="8:8">
      <c r="H19352" s="12"/>
    </row>
    <row r="19353" spans="8:8">
      <c r="H19353" s="12"/>
    </row>
    <row r="19354" spans="8:8">
      <c r="H19354" s="12"/>
    </row>
    <row r="19355" spans="8:8">
      <c r="H19355" s="12"/>
    </row>
    <row r="19356" spans="8:8">
      <c r="H19356" s="12"/>
    </row>
    <row r="19357" spans="8:8">
      <c r="H19357" s="12"/>
    </row>
    <row r="19358" spans="8:8">
      <c r="H19358" s="12"/>
    </row>
    <row r="19359" spans="8:8">
      <c r="H19359" s="12"/>
    </row>
    <row r="19360" spans="8:8">
      <c r="H19360" s="12"/>
    </row>
    <row r="19361" spans="8:8">
      <c r="H19361" s="12"/>
    </row>
    <row r="19362" spans="8:8">
      <c r="H19362" s="12"/>
    </row>
    <row r="19363" spans="8:8">
      <c r="H19363" s="12"/>
    </row>
    <row r="19364" spans="8:8">
      <c r="H19364" s="12"/>
    </row>
    <row r="19365" spans="8:8">
      <c r="H19365" s="12"/>
    </row>
    <row r="19366" spans="8:8">
      <c r="H19366" s="12"/>
    </row>
    <row r="19367" spans="8:8">
      <c r="H19367" s="12"/>
    </row>
    <row r="19368" spans="8:8">
      <c r="H19368" s="12"/>
    </row>
    <row r="19369" spans="8:8">
      <c r="H19369" s="12"/>
    </row>
    <row r="19370" spans="8:8">
      <c r="H19370" s="12"/>
    </row>
    <row r="19371" spans="8:8">
      <c r="H19371" s="12"/>
    </row>
    <row r="19372" spans="8:8">
      <c r="H19372" s="12"/>
    </row>
    <row r="19373" spans="8:8">
      <c r="H19373" s="12"/>
    </row>
    <row r="19374" spans="8:8">
      <c r="H19374" s="12"/>
    </row>
    <row r="19375" spans="8:8">
      <c r="H19375" s="12"/>
    </row>
    <row r="19376" spans="8:8">
      <c r="H19376" s="12"/>
    </row>
    <row r="19377" spans="8:8">
      <c r="H19377" s="12"/>
    </row>
    <row r="19378" spans="8:8">
      <c r="H19378" s="12"/>
    </row>
    <row r="19379" spans="8:8">
      <c r="H19379" s="12"/>
    </row>
    <row r="19380" spans="8:8">
      <c r="H19380" s="12"/>
    </row>
    <row r="19381" spans="8:8">
      <c r="H19381" s="12"/>
    </row>
    <row r="19382" spans="8:8">
      <c r="H19382" s="12"/>
    </row>
    <row r="19383" spans="8:8">
      <c r="H19383" s="12"/>
    </row>
    <row r="19384" spans="8:8">
      <c r="H19384" s="12"/>
    </row>
    <row r="19385" spans="8:8">
      <c r="H19385" s="12"/>
    </row>
    <row r="19386" spans="8:8">
      <c r="H19386" s="12"/>
    </row>
    <row r="19387" spans="8:8">
      <c r="H19387" s="12"/>
    </row>
    <row r="19388" spans="8:8">
      <c r="H19388" s="12"/>
    </row>
    <row r="19389" spans="8:8">
      <c r="H19389" s="12"/>
    </row>
    <row r="19390" spans="8:8">
      <c r="H19390" s="12"/>
    </row>
    <row r="19391" spans="8:8">
      <c r="H19391" s="12"/>
    </row>
    <row r="19392" spans="8:8">
      <c r="H19392" s="12"/>
    </row>
    <row r="19393" spans="8:8">
      <c r="H19393" s="12"/>
    </row>
    <row r="19394" spans="8:8">
      <c r="H19394" s="12"/>
    </row>
    <row r="19395" spans="8:8">
      <c r="H19395" s="12"/>
    </row>
    <row r="19396" spans="8:8">
      <c r="H19396" s="12"/>
    </row>
    <row r="19397" spans="8:8">
      <c r="H19397" s="12"/>
    </row>
    <row r="19398" spans="8:8">
      <c r="H19398" s="12"/>
    </row>
    <row r="19399" spans="8:8">
      <c r="H19399" s="12"/>
    </row>
    <row r="19400" spans="8:8">
      <c r="H19400" s="12"/>
    </row>
    <row r="19401" spans="8:8">
      <c r="H19401" s="12"/>
    </row>
    <row r="19402" spans="8:8">
      <c r="H19402" s="12"/>
    </row>
    <row r="19403" spans="8:8">
      <c r="H19403" s="12"/>
    </row>
    <row r="19404" spans="8:8">
      <c r="H19404" s="12"/>
    </row>
    <row r="19405" spans="8:8">
      <c r="H19405" s="12"/>
    </row>
    <row r="19406" spans="8:8">
      <c r="H19406" s="12"/>
    </row>
    <row r="19407" spans="8:8">
      <c r="H19407" s="12"/>
    </row>
    <row r="19408" spans="8:8">
      <c r="H19408" s="12"/>
    </row>
    <row r="19409" spans="8:8">
      <c r="H19409" s="12"/>
    </row>
    <row r="19410" spans="8:8">
      <c r="H19410" s="12"/>
    </row>
    <row r="19411" spans="8:8">
      <c r="H19411" s="12"/>
    </row>
    <row r="19412" spans="8:8">
      <c r="H19412" s="12"/>
    </row>
    <row r="19413" spans="8:8">
      <c r="H19413" s="12"/>
    </row>
    <row r="19414" spans="8:8">
      <c r="H19414" s="12"/>
    </row>
    <row r="19415" spans="8:8">
      <c r="H19415" s="12"/>
    </row>
    <row r="19416" spans="8:8">
      <c r="H19416" s="12"/>
    </row>
    <row r="19417" spans="8:8">
      <c r="H19417" s="12"/>
    </row>
    <row r="19418" spans="8:8">
      <c r="H19418" s="12"/>
    </row>
    <row r="19419" spans="8:8">
      <c r="H19419" s="12"/>
    </row>
    <row r="19420" spans="8:8">
      <c r="H19420" s="12"/>
    </row>
    <row r="19421" spans="8:8">
      <c r="H19421" s="12"/>
    </row>
    <row r="19422" spans="8:8">
      <c r="H19422" s="12"/>
    </row>
    <row r="19423" spans="8:8">
      <c r="H19423" s="12"/>
    </row>
    <row r="19424" spans="8:8">
      <c r="H19424" s="12"/>
    </row>
    <row r="19425" spans="8:8">
      <c r="H19425" s="12"/>
    </row>
    <row r="19426" spans="8:8">
      <c r="H19426" s="12"/>
    </row>
    <row r="19427" spans="8:8">
      <c r="H19427" s="12"/>
    </row>
    <row r="19428" spans="8:8">
      <c r="H19428" s="12"/>
    </row>
    <row r="19429" spans="8:8">
      <c r="H19429" s="12"/>
    </row>
    <row r="19430" spans="8:8">
      <c r="H19430" s="12"/>
    </row>
    <row r="19431" spans="8:8">
      <c r="H19431" s="12"/>
    </row>
    <row r="19432" spans="8:8">
      <c r="H19432" s="12"/>
    </row>
    <row r="19433" spans="8:8">
      <c r="H19433" s="12"/>
    </row>
    <row r="19434" spans="8:8">
      <c r="H19434" s="12"/>
    </row>
    <row r="19435" spans="8:8">
      <c r="H19435" s="12"/>
    </row>
    <row r="19436" spans="8:8">
      <c r="H19436" s="12"/>
    </row>
    <row r="19437" spans="8:8">
      <c r="H19437" s="12"/>
    </row>
    <row r="19438" spans="8:8">
      <c r="H19438" s="12"/>
    </row>
    <row r="19439" spans="8:8">
      <c r="H19439" s="12"/>
    </row>
    <row r="19440" spans="8:8">
      <c r="H19440" s="12"/>
    </row>
    <row r="19441" spans="8:8">
      <c r="H19441" s="12"/>
    </row>
    <row r="19442" spans="8:8">
      <c r="H19442" s="12"/>
    </row>
    <row r="19443" spans="8:8">
      <c r="H19443" s="12"/>
    </row>
    <row r="19444" spans="8:8">
      <c r="H19444" s="12"/>
    </row>
    <row r="19445" spans="8:8">
      <c r="H19445" s="12"/>
    </row>
    <row r="19446" spans="8:8">
      <c r="H19446" s="12"/>
    </row>
    <row r="19447" spans="8:8">
      <c r="H19447" s="12"/>
    </row>
    <row r="19448" spans="8:8">
      <c r="H19448" s="12"/>
    </row>
    <row r="19449" spans="8:8">
      <c r="H19449" s="12"/>
    </row>
    <row r="19450" spans="8:8">
      <c r="H19450" s="12"/>
    </row>
    <row r="19451" spans="8:8">
      <c r="H19451" s="12"/>
    </row>
    <row r="19452" spans="8:8">
      <c r="H19452" s="12"/>
    </row>
    <row r="19453" spans="8:8">
      <c r="H19453" s="12"/>
    </row>
    <row r="19454" spans="8:8">
      <c r="H19454" s="12"/>
    </row>
    <row r="19455" spans="8:8">
      <c r="H19455" s="12"/>
    </row>
    <row r="19456" spans="8:8">
      <c r="H19456" s="12"/>
    </row>
    <row r="19457" spans="8:8">
      <c r="H19457" s="12"/>
    </row>
    <row r="19458" spans="8:8">
      <c r="H19458" s="12"/>
    </row>
    <row r="19459" spans="8:8">
      <c r="H19459" s="12"/>
    </row>
    <row r="19460" spans="8:8">
      <c r="H19460" s="12"/>
    </row>
    <row r="19461" spans="8:8">
      <c r="H19461" s="12"/>
    </row>
    <row r="19462" spans="8:8">
      <c r="H19462" s="12"/>
    </row>
    <row r="19463" spans="8:8">
      <c r="H19463" s="12"/>
    </row>
    <row r="19464" spans="8:8">
      <c r="H19464" s="12"/>
    </row>
    <row r="19465" spans="8:8">
      <c r="H19465" s="12"/>
    </row>
    <row r="19466" spans="8:8">
      <c r="H19466" s="12"/>
    </row>
    <row r="19467" spans="8:8">
      <c r="H19467" s="12"/>
    </row>
    <row r="19468" spans="8:8">
      <c r="H19468" s="12"/>
    </row>
    <row r="19469" spans="8:8">
      <c r="H19469" s="12"/>
    </row>
    <row r="19470" spans="8:8">
      <c r="H19470" s="12"/>
    </row>
    <row r="19471" spans="8:8">
      <c r="H19471" s="12"/>
    </row>
    <row r="19472" spans="8:8">
      <c r="H19472" s="12"/>
    </row>
    <row r="19473" spans="8:8">
      <c r="H19473" s="12"/>
    </row>
    <row r="19474" spans="8:8">
      <c r="H19474" s="12"/>
    </row>
    <row r="19475" spans="8:8">
      <c r="H19475" s="12"/>
    </row>
    <row r="19476" spans="8:8">
      <c r="H19476" s="12"/>
    </row>
    <row r="19477" spans="8:8">
      <c r="H19477" s="12"/>
    </row>
    <row r="19478" spans="8:8">
      <c r="H19478" s="12"/>
    </row>
    <row r="19479" spans="8:8">
      <c r="H19479" s="12"/>
    </row>
    <row r="19480" spans="8:8">
      <c r="H19480" s="12"/>
    </row>
    <row r="19481" spans="8:8">
      <c r="H19481" s="12"/>
    </row>
    <row r="19482" spans="8:8">
      <c r="H19482" s="12"/>
    </row>
    <row r="19483" spans="8:8">
      <c r="H19483" s="12"/>
    </row>
    <row r="19484" spans="8:8">
      <c r="H19484" s="12"/>
    </row>
    <row r="19485" spans="8:8">
      <c r="H19485" s="12"/>
    </row>
    <row r="19486" spans="8:8">
      <c r="H19486" s="12"/>
    </row>
    <row r="19487" spans="8:8">
      <c r="H19487" s="12"/>
    </row>
    <row r="19488" spans="8:8">
      <c r="H19488" s="12"/>
    </row>
    <row r="19489" spans="8:8">
      <c r="H19489" s="12"/>
    </row>
    <row r="19490" spans="8:8">
      <c r="H19490" s="12"/>
    </row>
    <row r="19491" spans="8:8">
      <c r="H19491" s="12"/>
    </row>
    <row r="19492" spans="8:8">
      <c r="H19492" s="12"/>
    </row>
    <row r="19493" spans="8:8">
      <c r="H19493" s="12"/>
    </row>
    <row r="19494" spans="8:8">
      <c r="H19494" s="12"/>
    </row>
    <row r="19495" spans="8:8">
      <c r="H19495" s="12"/>
    </row>
    <row r="19496" spans="8:8">
      <c r="H19496" s="12"/>
    </row>
    <row r="19497" spans="8:8">
      <c r="H19497" s="12"/>
    </row>
    <row r="19498" spans="8:8">
      <c r="H19498" s="12"/>
    </row>
    <row r="19499" spans="8:8">
      <c r="H19499" s="12"/>
    </row>
    <row r="19500" spans="8:8">
      <c r="H19500" s="12"/>
    </row>
    <row r="19501" spans="8:8">
      <c r="H19501" s="12"/>
    </row>
    <row r="19502" spans="8:8">
      <c r="H19502" s="12"/>
    </row>
    <row r="19503" spans="8:8">
      <c r="H19503" s="12"/>
    </row>
    <row r="19504" spans="8:8">
      <c r="H19504" s="12"/>
    </row>
    <row r="19505" spans="8:8">
      <c r="H19505" s="12"/>
    </row>
    <row r="19506" spans="8:8">
      <c r="H19506" s="12"/>
    </row>
    <row r="19507" spans="8:8">
      <c r="H19507" s="12"/>
    </row>
    <row r="19508" spans="8:8">
      <c r="H19508" s="12"/>
    </row>
    <row r="19509" spans="8:8">
      <c r="H19509" s="12"/>
    </row>
    <row r="19510" spans="8:8">
      <c r="H19510" s="12"/>
    </row>
    <row r="19511" spans="8:8">
      <c r="H19511" s="12"/>
    </row>
    <row r="19512" spans="8:8">
      <c r="H19512" s="12"/>
    </row>
    <row r="19513" spans="8:8">
      <c r="H19513" s="12"/>
    </row>
    <row r="19514" spans="8:8">
      <c r="H19514" s="12"/>
    </row>
    <row r="19515" spans="8:8">
      <c r="H19515" s="12"/>
    </row>
    <row r="19516" spans="8:8">
      <c r="H19516" s="12"/>
    </row>
    <row r="19517" spans="8:8">
      <c r="H19517" s="12"/>
    </row>
    <row r="19518" spans="8:8">
      <c r="H19518" s="12"/>
    </row>
    <row r="19519" spans="8:8">
      <c r="H19519" s="12"/>
    </row>
    <row r="19520" spans="8:8">
      <c r="H19520" s="12"/>
    </row>
    <row r="19521" spans="8:8">
      <c r="H19521" s="12"/>
    </row>
    <row r="19522" spans="8:8">
      <c r="H19522" s="12"/>
    </row>
    <row r="19523" spans="8:8">
      <c r="H19523" s="12"/>
    </row>
    <row r="19524" spans="8:8">
      <c r="H19524" s="12"/>
    </row>
    <row r="19525" spans="8:8">
      <c r="H19525" s="12"/>
    </row>
    <row r="19526" spans="8:8">
      <c r="H19526" s="12"/>
    </row>
    <row r="19527" spans="8:8">
      <c r="H19527" s="12"/>
    </row>
    <row r="19528" spans="8:8">
      <c r="H19528" s="12"/>
    </row>
    <row r="19529" spans="8:8">
      <c r="H19529" s="12"/>
    </row>
    <row r="19530" spans="8:8">
      <c r="H19530" s="12"/>
    </row>
    <row r="19531" spans="8:8">
      <c r="H19531" s="12"/>
    </row>
    <row r="19532" spans="8:8">
      <c r="H19532" s="12"/>
    </row>
    <row r="19533" spans="8:8">
      <c r="H19533" s="12"/>
    </row>
    <row r="19534" spans="8:8">
      <c r="H19534" s="12"/>
    </row>
    <row r="19535" spans="8:8">
      <c r="H19535" s="12"/>
    </row>
    <row r="19536" spans="8:8">
      <c r="H19536" s="12"/>
    </row>
    <row r="19537" spans="8:8">
      <c r="H19537" s="12"/>
    </row>
    <row r="19538" spans="8:8">
      <c r="H19538" s="12"/>
    </row>
    <row r="19539" spans="8:8">
      <c r="H19539" s="12"/>
    </row>
    <row r="19540" spans="8:8">
      <c r="H19540" s="12"/>
    </row>
    <row r="19541" spans="8:8">
      <c r="H19541" s="12"/>
    </row>
    <row r="19542" spans="8:8">
      <c r="H19542" s="12"/>
    </row>
    <row r="19543" spans="8:8">
      <c r="H19543" s="12"/>
    </row>
    <row r="19544" spans="8:8">
      <c r="H19544" s="12"/>
    </row>
    <row r="19545" spans="8:8">
      <c r="H19545" s="12"/>
    </row>
    <row r="19546" spans="8:8">
      <c r="H19546" s="12"/>
    </row>
    <row r="19547" spans="8:8">
      <c r="H19547" s="12"/>
    </row>
    <row r="19548" spans="8:8">
      <c r="H19548" s="12"/>
    </row>
    <row r="19549" spans="8:8">
      <c r="H19549" s="12"/>
    </row>
    <row r="19550" spans="8:8">
      <c r="H19550" s="12"/>
    </row>
    <row r="19551" spans="8:8">
      <c r="H19551" s="12"/>
    </row>
    <row r="19552" spans="8:8">
      <c r="H19552" s="12"/>
    </row>
    <row r="19553" spans="8:8">
      <c r="H19553" s="12"/>
    </row>
    <row r="19554" spans="8:8">
      <c r="H19554" s="12"/>
    </row>
    <row r="19555" spans="8:8">
      <c r="H19555" s="12"/>
    </row>
    <row r="19556" spans="8:8">
      <c r="H19556" s="12"/>
    </row>
    <row r="19557" spans="8:8">
      <c r="H19557" s="12"/>
    </row>
    <row r="19558" spans="8:8">
      <c r="H19558" s="12"/>
    </row>
    <row r="19559" spans="8:8">
      <c r="H19559" s="12"/>
    </row>
    <row r="19560" spans="8:8">
      <c r="H19560" s="12"/>
    </row>
    <row r="19561" spans="8:8">
      <c r="H19561" s="12"/>
    </row>
    <row r="19562" spans="8:8">
      <c r="H19562" s="12"/>
    </row>
    <row r="19563" spans="8:8">
      <c r="H19563" s="12"/>
    </row>
    <row r="19564" spans="8:8">
      <c r="H19564" s="12"/>
    </row>
    <row r="19565" spans="8:8">
      <c r="H19565" s="12"/>
    </row>
    <row r="19566" spans="8:8">
      <c r="H19566" s="12"/>
    </row>
    <row r="19567" spans="8:8">
      <c r="H19567" s="12"/>
    </row>
    <row r="19568" spans="8:8">
      <c r="H19568" s="12"/>
    </row>
    <row r="19569" spans="8:8">
      <c r="H19569" s="12"/>
    </row>
    <row r="19570" spans="8:8">
      <c r="H19570" s="12"/>
    </row>
    <row r="19571" spans="8:8">
      <c r="H19571" s="12"/>
    </row>
    <row r="19572" spans="8:8">
      <c r="H19572" s="12"/>
    </row>
    <row r="19573" spans="8:8">
      <c r="H19573" s="12"/>
    </row>
    <row r="19574" spans="8:8">
      <c r="H19574" s="12"/>
    </row>
    <row r="19575" spans="8:8">
      <c r="H19575" s="12"/>
    </row>
    <row r="19576" spans="8:8">
      <c r="H19576" s="12"/>
    </row>
    <row r="19577" spans="8:8">
      <c r="H19577" s="12"/>
    </row>
    <row r="19578" spans="8:8">
      <c r="H19578" s="12"/>
    </row>
    <row r="19579" spans="8:8">
      <c r="H19579" s="12"/>
    </row>
    <row r="19580" spans="8:8">
      <c r="H19580" s="12"/>
    </row>
    <row r="19581" spans="8:8">
      <c r="H19581" s="12"/>
    </row>
    <row r="19582" spans="8:8">
      <c r="H19582" s="12"/>
    </row>
    <row r="19583" spans="8:8">
      <c r="H19583" s="12"/>
    </row>
    <row r="19584" spans="8:8">
      <c r="H19584" s="12"/>
    </row>
    <row r="19585" spans="8:8">
      <c r="H19585" s="12"/>
    </row>
    <row r="19586" spans="8:8">
      <c r="H19586" s="12"/>
    </row>
    <row r="19587" spans="8:8">
      <c r="H19587" s="12"/>
    </row>
    <row r="19588" spans="8:8">
      <c r="H19588" s="12"/>
    </row>
    <row r="19589" spans="8:8">
      <c r="H19589" s="12"/>
    </row>
    <row r="19590" spans="8:8">
      <c r="H19590" s="12"/>
    </row>
    <row r="19591" spans="8:8">
      <c r="H19591" s="12"/>
    </row>
    <row r="19592" spans="8:8">
      <c r="H19592" s="12"/>
    </row>
    <row r="19593" spans="8:8">
      <c r="H19593" s="12"/>
    </row>
    <row r="19594" spans="8:8">
      <c r="H19594" s="12"/>
    </row>
    <row r="19595" spans="8:8">
      <c r="H19595" s="12"/>
    </row>
    <row r="19596" spans="8:8">
      <c r="H19596" s="12"/>
    </row>
    <row r="19597" spans="8:8">
      <c r="H19597" s="12"/>
    </row>
    <row r="19598" spans="8:8">
      <c r="H19598" s="12"/>
    </row>
    <row r="19599" spans="8:8">
      <c r="H19599" s="12"/>
    </row>
    <row r="19600" spans="8:8">
      <c r="H19600" s="12"/>
    </row>
    <row r="19601" spans="8:8">
      <c r="H19601" s="12"/>
    </row>
    <row r="19602" spans="8:8">
      <c r="H19602" s="12"/>
    </row>
    <row r="19603" spans="8:8">
      <c r="H19603" s="12"/>
    </row>
    <row r="19604" spans="8:8">
      <c r="H19604" s="12"/>
    </row>
    <row r="19605" spans="8:8">
      <c r="H19605" s="12"/>
    </row>
    <row r="19606" spans="8:8">
      <c r="H19606" s="12"/>
    </row>
    <row r="19607" spans="8:8">
      <c r="H19607" s="12"/>
    </row>
    <row r="19608" spans="8:8">
      <c r="H19608" s="12"/>
    </row>
    <row r="19609" spans="8:8">
      <c r="H19609" s="12"/>
    </row>
    <row r="19610" spans="8:8">
      <c r="H19610" s="12"/>
    </row>
    <row r="19611" spans="8:8">
      <c r="H19611" s="12"/>
    </row>
    <row r="19612" spans="8:8">
      <c r="H19612" s="12"/>
    </row>
    <row r="19613" spans="8:8">
      <c r="H19613" s="12"/>
    </row>
    <row r="19614" spans="8:8">
      <c r="H19614" s="12"/>
    </row>
    <row r="19615" spans="8:8">
      <c r="H19615" s="12"/>
    </row>
    <row r="19616" spans="8:8">
      <c r="H19616" s="12"/>
    </row>
    <row r="19617" spans="8:8">
      <c r="H19617" s="12"/>
    </row>
    <row r="19618" spans="8:8">
      <c r="H19618" s="12"/>
    </row>
    <row r="19619" spans="8:8">
      <c r="H19619" s="12"/>
    </row>
    <row r="19620" spans="8:8">
      <c r="H19620" s="12"/>
    </row>
    <row r="19621" spans="8:8">
      <c r="H19621" s="12"/>
    </row>
    <row r="19622" spans="8:8">
      <c r="H19622" s="12"/>
    </row>
    <row r="19623" spans="8:8">
      <c r="H19623" s="12"/>
    </row>
    <row r="19624" spans="8:8">
      <c r="H19624" s="12"/>
    </row>
    <row r="19625" spans="8:8">
      <c r="H19625" s="12"/>
    </row>
    <row r="19626" spans="8:8">
      <c r="H19626" s="12"/>
    </row>
    <row r="19627" spans="8:8">
      <c r="H19627" s="12"/>
    </row>
    <row r="19628" spans="8:8">
      <c r="H19628" s="12"/>
    </row>
    <row r="19629" spans="8:8">
      <c r="H19629" s="12"/>
    </row>
    <row r="19630" spans="8:8">
      <c r="H19630" s="12"/>
    </row>
    <row r="19631" spans="8:8">
      <c r="H19631" s="12"/>
    </row>
    <row r="19632" spans="8:8">
      <c r="H19632" s="12"/>
    </row>
    <row r="19633" spans="8:8">
      <c r="H19633" s="12"/>
    </row>
    <row r="19634" spans="8:8">
      <c r="H19634" s="12"/>
    </row>
    <row r="19635" spans="8:8">
      <c r="H19635" s="12"/>
    </row>
    <row r="19636" spans="8:8">
      <c r="H19636" s="12"/>
    </row>
    <row r="19637" spans="8:8">
      <c r="H19637" s="12"/>
    </row>
    <row r="19638" spans="8:8">
      <c r="H19638" s="12"/>
    </row>
    <row r="19639" spans="8:8">
      <c r="H19639" s="12"/>
    </row>
    <row r="19640" spans="8:8">
      <c r="H19640" s="12"/>
    </row>
    <row r="19641" spans="8:8">
      <c r="H19641" s="12"/>
    </row>
    <row r="19642" spans="8:8">
      <c r="H19642" s="12"/>
    </row>
    <row r="19643" spans="8:8">
      <c r="H19643" s="12"/>
    </row>
    <row r="19644" spans="8:8">
      <c r="H19644" s="12"/>
    </row>
    <row r="19645" spans="8:8">
      <c r="H19645" s="12"/>
    </row>
    <row r="19646" spans="8:8">
      <c r="H19646" s="12"/>
    </row>
    <row r="19647" spans="8:8">
      <c r="H19647" s="12"/>
    </row>
    <row r="19648" spans="8:8">
      <c r="H19648" s="12"/>
    </row>
    <row r="19649" spans="8:8">
      <c r="H19649" s="12"/>
    </row>
    <row r="19650" spans="8:8">
      <c r="H19650" s="12"/>
    </row>
    <row r="19651" spans="8:8">
      <c r="H19651" s="12"/>
    </row>
    <row r="19652" spans="8:8">
      <c r="H19652" s="12"/>
    </row>
    <row r="19653" spans="8:8">
      <c r="H19653" s="12"/>
    </row>
    <row r="19654" spans="8:8">
      <c r="H19654" s="12"/>
    </row>
    <row r="19655" spans="8:8">
      <c r="H19655" s="12"/>
    </row>
    <row r="19656" spans="8:8">
      <c r="H19656" s="12"/>
    </row>
    <row r="19657" spans="8:8">
      <c r="H19657" s="12"/>
    </row>
    <row r="19658" spans="8:8">
      <c r="H19658" s="12"/>
    </row>
    <row r="19659" spans="8:8">
      <c r="H19659" s="12"/>
    </row>
    <row r="19660" spans="8:8">
      <c r="H19660" s="12"/>
    </row>
    <row r="19661" spans="8:8">
      <c r="H19661" s="12"/>
    </row>
    <row r="19662" spans="8:8">
      <c r="H19662" s="12"/>
    </row>
    <row r="19663" spans="8:8">
      <c r="H19663" s="12"/>
    </row>
    <row r="19664" spans="8:8">
      <c r="H19664" s="12"/>
    </row>
    <row r="19665" spans="8:8">
      <c r="H19665" s="12"/>
    </row>
    <row r="19666" spans="8:8">
      <c r="H19666" s="12"/>
    </row>
    <row r="19667" spans="8:8">
      <c r="H19667" s="12"/>
    </row>
    <row r="19668" spans="8:8">
      <c r="H19668" s="12"/>
    </row>
    <row r="19669" spans="8:8">
      <c r="H19669" s="12"/>
    </row>
    <row r="19670" spans="8:8">
      <c r="H19670" s="12"/>
    </row>
    <row r="19671" spans="8:8">
      <c r="H19671" s="12"/>
    </row>
    <row r="19672" spans="8:8">
      <c r="H19672" s="12"/>
    </row>
    <row r="19673" spans="8:8">
      <c r="H19673" s="12"/>
    </row>
    <row r="19674" spans="8:8">
      <c r="H19674" s="12"/>
    </row>
    <row r="19675" spans="8:8">
      <c r="H19675" s="12"/>
    </row>
    <row r="19676" spans="8:8">
      <c r="H19676" s="12"/>
    </row>
    <row r="19677" spans="8:8">
      <c r="H19677" s="12"/>
    </row>
    <row r="19678" spans="8:8">
      <c r="H19678" s="12"/>
    </row>
    <row r="19679" spans="8:8">
      <c r="H19679" s="12"/>
    </row>
    <row r="19680" spans="8:8">
      <c r="H19680" s="12"/>
    </row>
    <row r="19681" spans="8:8">
      <c r="H19681" s="12"/>
    </row>
    <row r="19682" spans="8:8">
      <c r="H19682" s="12"/>
    </row>
    <row r="19683" spans="8:8">
      <c r="H19683" s="12"/>
    </row>
    <row r="19684" spans="8:8">
      <c r="H19684" s="12"/>
    </row>
    <row r="19685" spans="8:8">
      <c r="H19685" s="12"/>
    </row>
    <row r="19686" spans="8:8">
      <c r="H19686" s="12"/>
    </row>
    <row r="19687" spans="8:8">
      <c r="H19687" s="12"/>
    </row>
    <row r="19688" spans="8:8">
      <c r="H19688" s="12"/>
    </row>
    <row r="19689" spans="8:8">
      <c r="H19689" s="12"/>
    </row>
    <row r="19690" spans="8:8">
      <c r="H19690" s="12"/>
    </row>
    <row r="19691" spans="8:8">
      <c r="H19691" s="12"/>
    </row>
    <row r="19692" spans="8:8">
      <c r="H19692" s="12"/>
    </row>
    <row r="19693" spans="8:8">
      <c r="H19693" s="12"/>
    </row>
    <row r="19694" spans="8:8">
      <c r="H19694" s="12"/>
    </row>
    <row r="19695" spans="8:8">
      <c r="H19695" s="12"/>
    </row>
    <row r="19696" spans="8:8">
      <c r="H19696" s="12"/>
    </row>
    <row r="19697" spans="8:8">
      <c r="H19697" s="12"/>
    </row>
    <row r="19698" spans="8:8">
      <c r="H19698" s="12"/>
    </row>
    <row r="19699" spans="8:8">
      <c r="H19699" s="12"/>
    </row>
    <row r="19700" spans="8:8">
      <c r="H19700" s="12"/>
    </row>
    <row r="19701" spans="8:8">
      <c r="H19701" s="12"/>
    </row>
    <row r="19702" spans="8:8">
      <c r="H19702" s="12"/>
    </row>
    <row r="19703" spans="8:8">
      <c r="H19703" s="12"/>
    </row>
    <row r="19704" spans="8:8">
      <c r="H19704" s="12"/>
    </row>
    <row r="19705" spans="8:8">
      <c r="H19705" s="12"/>
    </row>
    <row r="19706" spans="8:8">
      <c r="H19706" s="12"/>
    </row>
    <row r="19707" spans="8:8">
      <c r="H19707" s="12"/>
    </row>
    <row r="19708" spans="8:8">
      <c r="H19708" s="12"/>
    </row>
    <row r="19709" spans="8:8">
      <c r="H19709" s="12"/>
    </row>
    <row r="19710" spans="8:8">
      <c r="H19710" s="12"/>
    </row>
    <row r="19711" spans="8:8">
      <c r="H19711" s="12"/>
    </row>
    <row r="19712" spans="8:8">
      <c r="H19712" s="12"/>
    </row>
    <row r="19713" spans="8:8">
      <c r="H19713" s="12"/>
    </row>
    <row r="19714" spans="8:8">
      <c r="H19714" s="12"/>
    </row>
    <row r="19715" spans="8:8">
      <c r="H19715" s="12"/>
    </row>
    <row r="19716" spans="8:8">
      <c r="H19716" s="12"/>
    </row>
    <row r="19717" spans="8:8">
      <c r="H19717" s="12"/>
    </row>
    <row r="19718" spans="8:8">
      <c r="H19718" s="12"/>
    </row>
    <row r="19719" spans="8:8">
      <c r="H19719" s="12"/>
    </row>
    <row r="19720" spans="8:8">
      <c r="H19720" s="12"/>
    </row>
    <row r="19721" spans="8:8">
      <c r="H19721" s="12"/>
    </row>
    <row r="19722" spans="8:8">
      <c r="H19722" s="12"/>
    </row>
    <row r="19723" spans="8:8">
      <c r="H19723" s="12"/>
    </row>
    <row r="19724" spans="8:8">
      <c r="H19724" s="12"/>
    </row>
    <row r="19725" spans="8:8">
      <c r="H19725" s="12"/>
    </row>
    <row r="19726" spans="8:8">
      <c r="H19726" s="12"/>
    </row>
    <row r="19727" spans="8:8">
      <c r="H19727" s="12"/>
    </row>
    <row r="19728" spans="8:8">
      <c r="H19728" s="12"/>
    </row>
    <row r="19729" spans="8:8">
      <c r="H19729" s="12"/>
    </row>
    <row r="19730" spans="8:8">
      <c r="H19730" s="12"/>
    </row>
    <row r="19731" spans="8:8">
      <c r="H19731" s="12"/>
    </row>
    <row r="19732" spans="8:8">
      <c r="H19732" s="12"/>
    </row>
    <row r="19733" spans="8:8">
      <c r="H19733" s="12"/>
    </row>
    <row r="19734" spans="8:8">
      <c r="H19734" s="12"/>
    </row>
    <row r="19735" spans="8:8">
      <c r="H19735" s="12"/>
    </row>
    <row r="19736" spans="8:8">
      <c r="H19736" s="12"/>
    </row>
    <row r="19737" spans="8:8">
      <c r="H19737" s="12"/>
    </row>
    <row r="19738" spans="8:8">
      <c r="H19738" s="12"/>
    </row>
    <row r="19739" spans="8:8">
      <c r="H19739" s="12"/>
    </row>
    <row r="19740" spans="8:8">
      <c r="H19740" s="12"/>
    </row>
    <row r="19741" spans="8:8">
      <c r="H19741" s="12"/>
    </row>
    <row r="19742" spans="8:8">
      <c r="H19742" s="12"/>
    </row>
    <row r="19743" spans="8:8">
      <c r="H19743" s="12"/>
    </row>
    <row r="19744" spans="8:8">
      <c r="H19744" s="12"/>
    </row>
    <row r="19745" spans="8:8">
      <c r="H19745" s="12"/>
    </row>
    <row r="19746" spans="8:8">
      <c r="H19746" s="12"/>
    </row>
    <row r="19747" spans="8:8">
      <c r="H19747" s="12"/>
    </row>
    <row r="19748" spans="8:8">
      <c r="H19748" s="12"/>
    </row>
    <row r="19749" spans="8:8">
      <c r="H19749" s="12"/>
    </row>
    <row r="19750" spans="8:8">
      <c r="H19750" s="12"/>
    </row>
    <row r="19751" spans="8:8">
      <c r="H19751" s="12"/>
    </row>
    <row r="19752" spans="8:8">
      <c r="H19752" s="12"/>
    </row>
    <row r="19753" spans="8:8">
      <c r="H19753" s="12"/>
    </row>
    <row r="19754" spans="8:8">
      <c r="H19754" s="12"/>
    </row>
    <row r="19755" spans="8:8">
      <c r="H19755" s="12"/>
    </row>
    <row r="19756" spans="8:8">
      <c r="H19756" s="12"/>
    </row>
    <row r="19757" spans="8:8">
      <c r="H19757" s="12"/>
    </row>
    <row r="19758" spans="8:8">
      <c r="H19758" s="12"/>
    </row>
    <row r="19759" spans="8:8">
      <c r="H19759" s="12"/>
    </row>
    <row r="19760" spans="8:8">
      <c r="H19760" s="12"/>
    </row>
    <row r="19761" spans="8:8">
      <c r="H19761" s="12"/>
    </row>
    <row r="19762" spans="8:8">
      <c r="H19762" s="12"/>
    </row>
    <row r="19763" spans="8:8">
      <c r="H19763" s="12"/>
    </row>
    <row r="19764" spans="8:8">
      <c r="H19764" s="12"/>
    </row>
    <row r="19765" spans="8:8">
      <c r="H19765" s="12"/>
    </row>
    <row r="19766" spans="8:8">
      <c r="H19766" s="12"/>
    </row>
    <row r="19767" spans="8:8">
      <c r="H19767" s="12"/>
    </row>
    <row r="19768" spans="8:8">
      <c r="H19768" s="12"/>
    </row>
    <row r="19769" spans="8:8">
      <c r="H19769" s="12"/>
    </row>
    <row r="19770" spans="8:8">
      <c r="H19770" s="12"/>
    </row>
    <row r="19771" spans="8:8">
      <c r="H19771" s="12"/>
    </row>
    <row r="19772" spans="8:8">
      <c r="H19772" s="12"/>
    </row>
    <row r="19773" spans="8:8">
      <c r="H19773" s="12"/>
    </row>
    <row r="19774" spans="8:8">
      <c r="H19774" s="12"/>
    </row>
    <row r="19775" spans="8:8">
      <c r="H19775" s="12"/>
    </row>
    <row r="19776" spans="8:8">
      <c r="H19776" s="12"/>
    </row>
    <row r="19777" spans="8:8">
      <c r="H19777" s="12"/>
    </row>
    <row r="19778" spans="8:8">
      <c r="H19778" s="12"/>
    </row>
    <row r="19779" spans="8:8">
      <c r="H19779" s="12"/>
    </row>
    <row r="19780" spans="8:8">
      <c r="H19780" s="12"/>
    </row>
    <row r="19781" spans="8:8">
      <c r="H19781" s="12"/>
    </row>
    <row r="19782" spans="8:8">
      <c r="H19782" s="12"/>
    </row>
    <row r="19783" spans="8:8">
      <c r="H19783" s="12"/>
    </row>
    <row r="19784" spans="8:8">
      <c r="H19784" s="12"/>
    </row>
    <row r="19785" spans="8:8">
      <c r="H19785" s="12"/>
    </row>
    <row r="19786" spans="8:8">
      <c r="H19786" s="12"/>
    </row>
    <row r="19787" spans="8:8">
      <c r="H19787" s="12"/>
    </row>
    <row r="19788" spans="8:8">
      <c r="H19788" s="12"/>
    </row>
    <row r="19789" spans="8:8">
      <c r="H19789" s="12"/>
    </row>
    <row r="19790" spans="8:8">
      <c r="H19790" s="12"/>
    </row>
    <row r="19791" spans="8:8">
      <c r="H19791" s="12"/>
    </row>
    <row r="19792" spans="8:8">
      <c r="H19792" s="12"/>
    </row>
    <row r="19793" spans="8:8">
      <c r="H19793" s="12"/>
    </row>
    <row r="19794" spans="8:8">
      <c r="H19794" s="12"/>
    </row>
    <row r="19795" spans="8:8">
      <c r="H19795" s="12"/>
    </row>
    <row r="19796" spans="8:8">
      <c r="H19796" s="12"/>
    </row>
    <row r="19797" spans="8:8">
      <c r="H19797" s="12"/>
    </row>
    <row r="19798" spans="8:8">
      <c r="H19798" s="12"/>
    </row>
    <row r="19799" spans="8:8">
      <c r="H19799" s="12"/>
    </row>
    <row r="19800" spans="8:8">
      <c r="H19800" s="12"/>
    </row>
    <row r="19801" spans="8:8">
      <c r="H19801" s="12"/>
    </row>
    <row r="19802" spans="8:8">
      <c r="H19802" s="12"/>
    </row>
    <row r="19803" spans="8:8">
      <c r="H19803" s="12"/>
    </row>
    <row r="19804" spans="8:8">
      <c r="H19804" s="12"/>
    </row>
    <row r="19805" spans="8:8">
      <c r="H19805" s="12"/>
    </row>
    <row r="19806" spans="8:8">
      <c r="H19806" s="12"/>
    </row>
    <row r="19807" spans="8:8">
      <c r="H19807" s="12"/>
    </row>
    <row r="19808" spans="8:8">
      <c r="H19808" s="12"/>
    </row>
    <row r="19809" spans="8:8">
      <c r="H19809" s="12"/>
    </row>
    <row r="19810" spans="8:8">
      <c r="H19810" s="12"/>
    </row>
    <row r="19811" spans="8:8">
      <c r="H19811" s="12"/>
    </row>
    <row r="19812" spans="8:8">
      <c r="H19812" s="12"/>
    </row>
    <row r="19813" spans="8:8">
      <c r="H19813" s="12"/>
    </row>
    <row r="19814" spans="8:8">
      <c r="H19814" s="12"/>
    </row>
    <row r="19815" spans="8:8">
      <c r="H19815" s="12"/>
    </row>
    <row r="19816" spans="8:8">
      <c r="H19816" s="12"/>
    </row>
    <row r="19817" spans="8:8">
      <c r="H19817" s="12"/>
    </row>
    <row r="19818" spans="8:8">
      <c r="H19818" s="12"/>
    </row>
    <row r="19819" spans="8:8">
      <c r="H19819" s="12"/>
    </row>
    <row r="19820" spans="8:8">
      <c r="H19820" s="12"/>
    </row>
    <row r="19821" spans="8:8">
      <c r="H19821" s="12"/>
    </row>
    <row r="19822" spans="8:8">
      <c r="H19822" s="12"/>
    </row>
    <row r="19823" spans="8:8">
      <c r="H19823" s="12"/>
    </row>
    <row r="19824" spans="8:8">
      <c r="H19824" s="12"/>
    </row>
    <row r="19825" spans="8:8">
      <c r="H19825" s="12"/>
    </row>
    <row r="19826" spans="8:8">
      <c r="H19826" s="12"/>
    </row>
    <row r="19827" spans="8:8">
      <c r="H19827" s="12"/>
    </row>
    <row r="19828" spans="8:8">
      <c r="H19828" s="12"/>
    </row>
    <row r="19829" spans="8:8">
      <c r="H19829" s="12"/>
    </row>
    <row r="19830" spans="8:8">
      <c r="H19830" s="12"/>
    </row>
    <row r="19831" spans="8:8">
      <c r="H19831" s="12"/>
    </row>
    <row r="19832" spans="8:8">
      <c r="H19832" s="12"/>
    </row>
    <row r="19833" spans="8:8">
      <c r="H19833" s="12"/>
    </row>
    <row r="19834" spans="8:8">
      <c r="H19834" s="12"/>
    </row>
    <row r="19835" spans="8:8">
      <c r="H19835" s="12"/>
    </row>
    <row r="19836" spans="8:8">
      <c r="H19836" s="12"/>
    </row>
    <row r="19837" spans="8:8">
      <c r="H19837" s="12"/>
    </row>
    <row r="19838" spans="8:8">
      <c r="H19838" s="12"/>
    </row>
    <row r="19839" spans="8:8">
      <c r="H19839" s="12"/>
    </row>
    <row r="19840" spans="8:8">
      <c r="H19840" s="12"/>
    </row>
    <row r="19841" spans="8:8">
      <c r="H19841" s="12"/>
    </row>
    <row r="19842" spans="8:8">
      <c r="H19842" s="12"/>
    </row>
    <row r="19843" spans="8:8">
      <c r="H19843" s="12"/>
    </row>
    <row r="19844" spans="8:8">
      <c r="H19844" s="12"/>
    </row>
    <row r="19845" spans="8:8">
      <c r="H19845" s="12"/>
    </row>
    <row r="19846" spans="8:8">
      <c r="H19846" s="12"/>
    </row>
    <row r="19847" spans="8:8">
      <c r="H19847" s="12"/>
    </row>
    <row r="19848" spans="8:8">
      <c r="H19848" s="12"/>
    </row>
    <row r="19849" spans="8:8">
      <c r="H19849" s="12"/>
    </row>
    <row r="19850" spans="8:8">
      <c r="H19850" s="12"/>
    </row>
    <row r="19851" spans="8:8">
      <c r="H19851" s="12"/>
    </row>
    <row r="19852" spans="8:8">
      <c r="H19852" s="12"/>
    </row>
    <row r="19853" spans="8:8">
      <c r="H19853" s="12"/>
    </row>
    <row r="19854" spans="8:8">
      <c r="H19854" s="12"/>
    </row>
    <row r="19855" spans="8:8">
      <c r="H19855" s="12"/>
    </row>
    <row r="19856" spans="8:8">
      <c r="H19856" s="12"/>
    </row>
    <row r="19857" spans="8:8">
      <c r="H19857" s="12"/>
    </row>
    <row r="19858" spans="8:8">
      <c r="H19858" s="12"/>
    </row>
    <row r="19859" spans="8:8">
      <c r="H19859" s="12"/>
    </row>
    <row r="19860" spans="8:8">
      <c r="H19860" s="12"/>
    </row>
    <row r="19861" spans="8:8">
      <c r="H19861" s="12"/>
    </row>
    <row r="19862" spans="8:8">
      <c r="H19862" s="12"/>
    </row>
    <row r="19863" spans="8:8">
      <c r="H19863" s="12"/>
    </row>
    <row r="19864" spans="8:8">
      <c r="H19864" s="12"/>
    </row>
    <row r="19865" spans="8:8">
      <c r="H19865" s="12"/>
    </row>
    <row r="19866" spans="8:8">
      <c r="H19866" s="12"/>
    </row>
    <row r="19867" spans="8:8">
      <c r="H19867" s="12"/>
    </row>
    <row r="19868" spans="8:8">
      <c r="H19868" s="12"/>
    </row>
    <row r="19869" spans="8:8">
      <c r="H19869" s="12"/>
    </row>
    <row r="19870" spans="8:8">
      <c r="H19870" s="12"/>
    </row>
    <row r="19871" spans="8:8">
      <c r="H19871" s="12"/>
    </row>
    <row r="19872" spans="8:8">
      <c r="H19872" s="12"/>
    </row>
    <row r="19873" spans="8:8">
      <c r="H19873" s="12"/>
    </row>
    <row r="19874" spans="8:8">
      <c r="H19874" s="12"/>
    </row>
    <row r="19875" spans="8:8">
      <c r="H19875" s="12"/>
    </row>
    <row r="19876" spans="8:8">
      <c r="H19876" s="12"/>
    </row>
    <row r="19877" spans="8:8">
      <c r="H19877" s="12"/>
    </row>
    <row r="19878" spans="8:8">
      <c r="H19878" s="12"/>
    </row>
    <row r="19879" spans="8:8">
      <c r="H19879" s="12"/>
    </row>
    <row r="19880" spans="8:8">
      <c r="H19880" s="12"/>
    </row>
    <row r="19881" spans="8:8">
      <c r="H19881" s="12"/>
    </row>
    <row r="19882" spans="8:8">
      <c r="H19882" s="12"/>
    </row>
    <row r="19883" spans="8:8">
      <c r="H19883" s="12"/>
    </row>
    <row r="19884" spans="8:8">
      <c r="H19884" s="12"/>
    </row>
    <row r="19885" spans="8:8">
      <c r="H19885" s="12"/>
    </row>
    <row r="19886" spans="8:8">
      <c r="H19886" s="12"/>
    </row>
    <row r="19887" spans="8:8">
      <c r="H19887" s="12"/>
    </row>
    <row r="19888" spans="8:8">
      <c r="H19888" s="12"/>
    </row>
    <row r="19889" spans="8:8">
      <c r="H19889" s="12"/>
    </row>
    <row r="19890" spans="8:8">
      <c r="H19890" s="12"/>
    </row>
    <row r="19891" spans="8:8">
      <c r="H19891" s="12"/>
    </row>
    <row r="19892" spans="8:8">
      <c r="H19892" s="12"/>
    </row>
    <row r="19893" spans="8:8">
      <c r="H19893" s="12"/>
    </row>
    <row r="19894" spans="8:8">
      <c r="H19894" s="12"/>
    </row>
    <row r="19895" spans="8:8">
      <c r="H19895" s="12"/>
    </row>
    <row r="19896" spans="8:8">
      <c r="H19896" s="12"/>
    </row>
    <row r="19897" spans="8:8">
      <c r="H19897" s="12"/>
    </row>
    <row r="19898" spans="8:8">
      <c r="H19898" s="12"/>
    </row>
    <row r="19899" spans="8:8">
      <c r="H19899" s="12"/>
    </row>
    <row r="19900" spans="8:8">
      <c r="H19900" s="12"/>
    </row>
    <row r="19901" spans="8:8">
      <c r="H19901" s="12"/>
    </row>
    <row r="19902" spans="8:8">
      <c r="H19902" s="12"/>
    </row>
    <row r="19903" spans="8:8">
      <c r="H19903" s="12"/>
    </row>
    <row r="19904" spans="8:8">
      <c r="H19904" s="12"/>
    </row>
    <row r="19905" spans="8:8">
      <c r="H19905" s="12"/>
    </row>
    <row r="19906" spans="8:8">
      <c r="H19906" s="12"/>
    </row>
    <row r="19907" spans="8:8">
      <c r="H19907" s="12"/>
    </row>
    <row r="19908" spans="8:8">
      <c r="H19908" s="12"/>
    </row>
    <row r="19909" spans="8:8">
      <c r="H19909" s="12"/>
    </row>
    <row r="19910" spans="8:8">
      <c r="H19910" s="12"/>
    </row>
    <row r="19911" spans="8:8">
      <c r="H19911" s="12"/>
    </row>
    <row r="19912" spans="8:8">
      <c r="H19912" s="12"/>
    </row>
    <row r="19913" spans="8:8">
      <c r="H19913" s="12"/>
    </row>
    <row r="19914" spans="8:8">
      <c r="H19914" s="12"/>
    </row>
    <row r="19915" spans="8:8">
      <c r="H19915" s="12"/>
    </row>
    <row r="19916" spans="8:8">
      <c r="H19916" s="12"/>
    </row>
    <row r="19917" spans="8:8">
      <c r="H19917" s="12"/>
    </row>
    <row r="19918" spans="8:8">
      <c r="H19918" s="12"/>
    </row>
    <row r="19919" spans="8:8">
      <c r="H19919" s="12"/>
    </row>
    <row r="19920" spans="8:8">
      <c r="H19920" s="12"/>
    </row>
    <row r="19921" spans="8:8">
      <c r="H19921" s="12"/>
    </row>
    <row r="19922" spans="8:8">
      <c r="H19922" s="12"/>
    </row>
    <row r="19923" spans="8:8">
      <c r="H19923" s="12"/>
    </row>
    <row r="19924" spans="8:8">
      <c r="H19924" s="12"/>
    </row>
    <row r="19925" spans="8:8">
      <c r="H19925" s="12"/>
    </row>
    <row r="19926" spans="8:8">
      <c r="H19926" s="12"/>
    </row>
    <row r="19927" spans="8:8">
      <c r="H19927" s="12"/>
    </row>
    <row r="19928" spans="8:8">
      <c r="H19928" s="12"/>
    </row>
    <row r="19929" spans="8:8">
      <c r="H19929" s="12"/>
    </row>
    <row r="19930" spans="8:8">
      <c r="H19930" s="12"/>
    </row>
    <row r="19931" spans="8:8">
      <c r="H19931" s="12"/>
    </row>
    <row r="19932" spans="8:8">
      <c r="H19932" s="12"/>
    </row>
    <row r="19933" spans="8:8">
      <c r="H19933" s="12"/>
    </row>
    <row r="19934" spans="8:8">
      <c r="H19934" s="12"/>
    </row>
    <row r="19935" spans="8:8">
      <c r="H19935" s="12"/>
    </row>
    <row r="19936" spans="8:8">
      <c r="H19936" s="12"/>
    </row>
    <row r="19937" spans="8:8">
      <c r="H19937" s="12"/>
    </row>
    <row r="19938" spans="8:8">
      <c r="H19938" s="12"/>
    </row>
    <row r="19939" spans="8:8">
      <c r="H19939" s="12"/>
    </row>
    <row r="19940" spans="8:8">
      <c r="H19940" s="12"/>
    </row>
    <row r="19941" spans="8:8">
      <c r="H19941" s="12"/>
    </row>
    <row r="19942" spans="8:8">
      <c r="H19942" s="12"/>
    </row>
    <row r="19943" spans="8:8">
      <c r="H19943" s="12"/>
    </row>
    <row r="19944" spans="8:8">
      <c r="H19944" s="12"/>
    </row>
    <row r="19945" spans="8:8">
      <c r="H19945" s="12"/>
    </row>
    <row r="19946" spans="8:8">
      <c r="H19946" s="12"/>
    </row>
    <row r="19947" spans="8:8">
      <c r="H19947" s="12"/>
    </row>
    <row r="19948" spans="8:8">
      <c r="H19948" s="12"/>
    </row>
    <row r="19949" spans="8:8">
      <c r="H19949" s="12"/>
    </row>
    <row r="19950" spans="8:8">
      <c r="H19950" s="12"/>
    </row>
    <row r="19951" spans="8:8">
      <c r="H19951" s="12"/>
    </row>
    <row r="19952" spans="8:8">
      <c r="H19952" s="12"/>
    </row>
    <row r="19953" spans="8:8">
      <c r="H19953" s="12"/>
    </row>
    <row r="19954" spans="8:8">
      <c r="H19954" s="12"/>
    </row>
    <row r="19955" spans="8:8">
      <c r="H19955" s="12"/>
    </row>
    <row r="19956" spans="8:8">
      <c r="H19956" s="12"/>
    </row>
    <row r="19957" spans="8:8">
      <c r="H19957" s="12"/>
    </row>
    <row r="19958" spans="8:8">
      <c r="H19958" s="12"/>
    </row>
    <row r="19959" spans="8:8">
      <c r="H19959" s="12"/>
    </row>
    <row r="19960" spans="8:8">
      <c r="H19960" s="12"/>
    </row>
    <row r="19961" spans="8:8">
      <c r="H19961" s="12"/>
    </row>
    <row r="19962" spans="8:8">
      <c r="H19962" s="12"/>
    </row>
    <row r="19963" spans="8:8">
      <c r="H19963" s="12"/>
    </row>
    <row r="19964" spans="8:8">
      <c r="H19964" s="12"/>
    </row>
    <row r="19965" spans="8:8">
      <c r="H19965" s="12"/>
    </row>
    <row r="19966" spans="8:8">
      <c r="H19966" s="12"/>
    </row>
    <row r="19967" spans="8:8">
      <c r="H19967" s="12"/>
    </row>
    <row r="19968" spans="8:8">
      <c r="H19968" s="12"/>
    </row>
    <row r="19969" spans="8:8">
      <c r="H19969" s="12"/>
    </row>
    <row r="19970" spans="8:8">
      <c r="H19970" s="12"/>
    </row>
    <row r="19971" spans="8:8">
      <c r="H19971" s="12"/>
    </row>
    <row r="19972" spans="8:8">
      <c r="H19972" s="12"/>
    </row>
    <row r="19973" spans="8:8">
      <c r="H19973" s="12"/>
    </row>
    <row r="19974" spans="8:8">
      <c r="H19974" s="12"/>
    </row>
    <row r="19975" spans="8:8">
      <c r="H19975" s="12"/>
    </row>
    <row r="19976" spans="8:8">
      <c r="H19976" s="12"/>
    </row>
    <row r="19977" spans="8:8">
      <c r="H19977" s="12"/>
    </row>
    <row r="19978" spans="8:8">
      <c r="H19978" s="12"/>
    </row>
    <row r="19979" spans="8:8">
      <c r="H19979" s="12"/>
    </row>
    <row r="19980" spans="8:8">
      <c r="H19980" s="12"/>
    </row>
    <row r="19981" spans="8:8">
      <c r="H19981" s="12"/>
    </row>
    <row r="19982" spans="8:8">
      <c r="H19982" s="12"/>
    </row>
    <row r="19983" spans="8:8">
      <c r="H19983" s="12"/>
    </row>
    <row r="19984" spans="8:8">
      <c r="H19984" s="12"/>
    </row>
    <row r="19985" spans="8:8">
      <c r="H19985" s="12"/>
    </row>
    <row r="19986" spans="8:8">
      <c r="H19986" s="12"/>
    </row>
    <row r="19987" spans="8:8">
      <c r="H19987" s="12"/>
    </row>
    <row r="19988" spans="8:8">
      <c r="H19988" s="12"/>
    </row>
    <row r="19989" spans="8:8">
      <c r="H19989" s="12"/>
    </row>
    <row r="19990" spans="8:8">
      <c r="H19990" s="12"/>
    </row>
    <row r="19991" spans="8:8">
      <c r="H19991" s="12"/>
    </row>
    <row r="19992" spans="8:8">
      <c r="H19992" s="12"/>
    </row>
    <row r="19993" spans="8:8">
      <c r="H19993" s="12"/>
    </row>
    <row r="19994" spans="8:8">
      <c r="H19994" s="12"/>
    </row>
    <row r="19995" spans="8:8">
      <c r="H19995" s="12"/>
    </row>
    <row r="19996" spans="8:8">
      <c r="H19996" s="12"/>
    </row>
    <row r="19997" spans="8:8">
      <c r="H19997" s="12"/>
    </row>
    <row r="19998" spans="8:8">
      <c r="H19998" s="12"/>
    </row>
    <row r="19999" spans="8:8">
      <c r="H19999" s="12"/>
    </row>
    <row r="20000" spans="8:8">
      <c r="H20000" s="12"/>
    </row>
    <row r="20001" spans="8:8">
      <c r="H20001" s="12"/>
    </row>
    <row r="20002" spans="8:8">
      <c r="H20002" s="12"/>
    </row>
    <row r="20003" spans="8:8">
      <c r="H20003" s="12"/>
    </row>
    <row r="20004" spans="8:8">
      <c r="H20004" s="12"/>
    </row>
    <row r="20005" spans="8:8">
      <c r="H20005" s="12"/>
    </row>
    <row r="20006" spans="8:8">
      <c r="H20006" s="12"/>
    </row>
    <row r="20007" spans="8:8">
      <c r="H20007" s="12"/>
    </row>
    <row r="20008" spans="8:8">
      <c r="H20008" s="12"/>
    </row>
    <row r="20009" spans="8:8">
      <c r="H20009" s="12"/>
    </row>
    <row r="20010" spans="8:8">
      <c r="H20010" s="12"/>
    </row>
    <row r="20011" spans="8:8">
      <c r="H20011" s="12"/>
    </row>
    <row r="20012" spans="8:8">
      <c r="H20012" s="12"/>
    </row>
    <row r="20013" spans="8:8">
      <c r="H20013" s="12"/>
    </row>
    <row r="20014" spans="8:8">
      <c r="H20014" s="12"/>
    </row>
    <row r="20015" spans="8:8">
      <c r="H20015" s="12"/>
    </row>
    <row r="20016" spans="8:8">
      <c r="H20016" s="12"/>
    </row>
    <row r="20017" spans="8:8">
      <c r="H20017" s="12"/>
    </row>
    <row r="20018" spans="8:8">
      <c r="H20018" s="12"/>
    </row>
    <row r="20019" spans="8:8">
      <c r="H20019" s="12"/>
    </row>
    <row r="20020" spans="8:8">
      <c r="H20020" s="12"/>
    </row>
    <row r="20021" spans="8:8">
      <c r="H20021" s="12"/>
    </row>
    <row r="20022" spans="8:8">
      <c r="H20022" s="12"/>
    </row>
    <row r="20023" spans="8:8">
      <c r="H20023" s="12"/>
    </row>
    <row r="20024" spans="8:8">
      <c r="H20024" s="12"/>
    </row>
    <row r="20025" spans="8:8">
      <c r="H20025" s="12"/>
    </row>
    <row r="20026" spans="8:8">
      <c r="H20026" s="12"/>
    </row>
    <row r="20027" spans="8:8">
      <c r="H20027" s="12"/>
    </row>
    <row r="20028" spans="8:8">
      <c r="H20028" s="12"/>
    </row>
    <row r="20029" spans="8:8">
      <c r="H20029" s="12"/>
    </row>
    <row r="20030" spans="8:8">
      <c r="H20030" s="12"/>
    </row>
    <row r="20031" spans="8:8">
      <c r="H20031" s="12"/>
    </row>
    <row r="20032" spans="8:8">
      <c r="H20032" s="12"/>
    </row>
    <row r="20033" spans="8:8">
      <c r="H20033" s="12"/>
    </row>
    <row r="20034" spans="8:8">
      <c r="H20034" s="12"/>
    </row>
    <row r="20035" spans="8:8">
      <c r="H20035" s="12"/>
    </row>
    <row r="20036" spans="8:8">
      <c r="H20036" s="12"/>
    </row>
    <row r="20037" spans="8:8">
      <c r="H20037" s="12"/>
    </row>
    <row r="20038" spans="8:8">
      <c r="H20038" s="12"/>
    </row>
    <row r="20039" spans="8:8">
      <c r="H20039" s="12"/>
    </row>
    <row r="20040" spans="8:8">
      <c r="H20040" s="12"/>
    </row>
    <row r="20041" spans="8:8">
      <c r="H20041" s="12"/>
    </row>
    <row r="20042" spans="8:8">
      <c r="H20042" s="12"/>
    </row>
    <row r="20043" spans="8:8">
      <c r="H20043" s="12"/>
    </row>
    <row r="20044" spans="8:8">
      <c r="H20044" s="12"/>
    </row>
    <row r="20045" spans="8:8">
      <c r="H20045" s="12"/>
    </row>
    <row r="20046" spans="8:8">
      <c r="H20046" s="12"/>
    </row>
    <row r="20047" spans="8:8">
      <c r="H20047" s="12"/>
    </row>
    <row r="20048" spans="8:8">
      <c r="H20048" s="12"/>
    </row>
    <row r="20049" spans="8:8">
      <c r="H20049" s="12"/>
    </row>
    <row r="20050" spans="8:8">
      <c r="H20050" s="12"/>
    </row>
    <row r="20051" spans="8:8">
      <c r="H20051" s="12"/>
    </row>
    <row r="20052" spans="8:8">
      <c r="H20052" s="12"/>
    </row>
    <row r="20053" spans="8:8">
      <c r="H20053" s="12"/>
    </row>
    <row r="20054" spans="8:8">
      <c r="H20054" s="12"/>
    </row>
    <row r="20055" spans="8:8">
      <c r="H20055" s="12"/>
    </row>
    <row r="20056" spans="8:8">
      <c r="H20056" s="12"/>
    </row>
    <row r="20057" spans="8:8">
      <c r="H20057" s="12"/>
    </row>
    <row r="20058" spans="8:8">
      <c r="H20058" s="12"/>
    </row>
    <row r="20059" spans="8:8">
      <c r="H20059" s="12"/>
    </row>
    <row r="20060" spans="8:8">
      <c r="H20060" s="12"/>
    </row>
    <row r="20061" spans="8:8">
      <c r="H20061" s="12"/>
    </row>
    <row r="20062" spans="8:8">
      <c r="H20062" s="12"/>
    </row>
    <row r="20063" spans="8:8">
      <c r="H20063" s="12"/>
    </row>
    <row r="20064" spans="8:8">
      <c r="H20064" s="12"/>
    </row>
    <row r="20065" spans="8:8">
      <c r="H20065" s="12"/>
    </row>
    <row r="20066" spans="8:8">
      <c r="H20066" s="12"/>
    </row>
    <row r="20067" spans="8:8">
      <c r="H20067" s="12"/>
    </row>
    <row r="20068" spans="8:8">
      <c r="H20068" s="12"/>
    </row>
    <row r="20069" spans="8:8">
      <c r="H20069" s="12"/>
    </row>
    <row r="20070" spans="8:8">
      <c r="H20070" s="12"/>
    </row>
    <row r="20071" spans="8:8">
      <c r="H20071" s="12"/>
    </row>
    <row r="20072" spans="8:8">
      <c r="H20072" s="12"/>
    </row>
    <row r="20073" spans="8:8">
      <c r="H20073" s="12"/>
    </row>
    <row r="20074" spans="8:8">
      <c r="H20074" s="12"/>
    </row>
    <row r="20075" spans="8:8">
      <c r="H20075" s="12"/>
    </row>
    <row r="20076" spans="8:8">
      <c r="H20076" s="12"/>
    </row>
    <row r="20077" spans="8:8">
      <c r="H20077" s="12"/>
    </row>
    <row r="20078" spans="8:8">
      <c r="H20078" s="12"/>
    </row>
    <row r="20079" spans="8:8">
      <c r="H20079" s="12"/>
    </row>
    <row r="20080" spans="8:8">
      <c r="H20080" s="12"/>
    </row>
    <row r="20081" spans="8:8">
      <c r="H20081" s="12"/>
    </row>
    <row r="20082" spans="8:8">
      <c r="H20082" s="12"/>
    </row>
    <row r="20083" spans="8:8">
      <c r="H20083" s="12"/>
    </row>
    <row r="20084" spans="8:8">
      <c r="H20084" s="12"/>
    </row>
    <row r="20085" spans="8:8">
      <c r="H20085" s="12"/>
    </row>
    <row r="20086" spans="8:8">
      <c r="H20086" s="12"/>
    </row>
    <row r="20087" spans="8:8">
      <c r="H20087" s="12"/>
    </row>
    <row r="20088" spans="8:8">
      <c r="H20088" s="12"/>
    </row>
    <row r="20089" spans="8:8">
      <c r="H20089" s="12"/>
    </row>
    <row r="20090" spans="8:8">
      <c r="H20090" s="12"/>
    </row>
    <row r="20091" spans="8:8">
      <c r="H20091" s="12"/>
    </row>
    <row r="20092" spans="8:8">
      <c r="H20092" s="12"/>
    </row>
    <row r="20093" spans="8:8">
      <c r="H20093" s="12"/>
    </row>
    <row r="20094" spans="8:8">
      <c r="H20094" s="12"/>
    </row>
    <row r="20095" spans="8:8">
      <c r="H20095" s="12"/>
    </row>
    <row r="20096" spans="8:8">
      <c r="H20096" s="12"/>
    </row>
    <row r="20097" spans="8:8">
      <c r="H20097" s="12"/>
    </row>
    <row r="20098" spans="8:8">
      <c r="H20098" s="12"/>
    </row>
    <row r="20099" spans="8:8">
      <c r="H20099" s="12"/>
    </row>
    <row r="20100" spans="8:8">
      <c r="H20100" s="12"/>
    </row>
    <row r="20101" spans="8:8">
      <c r="H20101" s="12"/>
    </row>
    <row r="20102" spans="8:8">
      <c r="H20102" s="12"/>
    </row>
    <row r="20103" spans="8:8">
      <c r="H20103" s="12"/>
    </row>
    <row r="20104" spans="8:8">
      <c r="H20104" s="12"/>
    </row>
    <row r="20105" spans="8:8">
      <c r="H20105" s="12"/>
    </row>
    <row r="20106" spans="8:8">
      <c r="H20106" s="12"/>
    </row>
    <row r="20107" spans="8:8">
      <c r="H20107" s="12"/>
    </row>
    <row r="20108" spans="8:8">
      <c r="H20108" s="12"/>
    </row>
    <row r="20109" spans="8:8">
      <c r="H20109" s="12"/>
    </row>
    <row r="20110" spans="8:8">
      <c r="H20110" s="12"/>
    </row>
    <row r="20111" spans="8:8">
      <c r="H20111" s="12"/>
    </row>
    <row r="20112" spans="8:8">
      <c r="H20112" s="12"/>
    </row>
    <row r="20113" spans="8:8">
      <c r="H20113" s="12"/>
    </row>
    <row r="20114" spans="8:8">
      <c r="H20114" s="12"/>
    </row>
    <row r="20115" spans="8:8">
      <c r="H20115" s="12"/>
    </row>
    <row r="20116" spans="8:8">
      <c r="H20116" s="12"/>
    </row>
    <row r="20117" spans="8:8">
      <c r="H20117" s="12"/>
    </row>
    <row r="20118" spans="8:8">
      <c r="H20118" s="12"/>
    </row>
    <row r="20119" spans="8:8">
      <c r="H20119" s="12"/>
    </row>
    <row r="20120" spans="8:8">
      <c r="H20120" s="12"/>
    </row>
    <row r="20121" spans="8:8">
      <c r="H20121" s="12"/>
    </row>
    <row r="20122" spans="8:8">
      <c r="H20122" s="12"/>
    </row>
    <row r="20123" spans="8:8">
      <c r="H20123" s="12"/>
    </row>
    <row r="20124" spans="8:8">
      <c r="H20124" s="12"/>
    </row>
    <row r="20125" spans="8:8">
      <c r="H20125" s="12"/>
    </row>
    <row r="20126" spans="8:8">
      <c r="H20126" s="12"/>
    </row>
    <row r="20127" spans="8:8">
      <c r="H20127" s="12"/>
    </row>
    <row r="20128" spans="8:8">
      <c r="H20128" s="12"/>
    </row>
    <row r="20129" spans="8:8">
      <c r="H20129" s="12"/>
    </row>
    <row r="20130" spans="8:8">
      <c r="H20130" s="12"/>
    </row>
    <row r="20131" spans="8:8">
      <c r="H20131" s="12"/>
    </row>
    <row r="20132" spans="8:8">
      <c r="H20132" s="12"/>
    </row>
    <row r="20133" spans="8:8">
      <c r="H20133" s="12"/>
    </row>
    <row r="20134" spans="8:8">
      <c r="H20134" s="12"/>
    </row>
    <row r="20135" spans="8:8">
      <c r="H20135" s="12"/>
    </row>
    <row r="20136" spans="8:8">
      <c r="H20136" s="12"/>
    </row>
    <row r="20137" spans="8:8">
      <c r="H20137" s="12"/>
    </row>
    <row r="20138" spans="8:8">
      <c r="H20138" s="12"/>
    </row>
    <row r="20139" spans="8:8">
      <c r="H20139" s="12"/>
    </row>
    <row r="20140" spans="8:8">
      <c r="H20140" s="12"/>
    </row>
    <row r="20141" spans="8:8">
      <c r="H20141" s="12"/>
    </row>
    <row r="20142" spans="8:8">
      <c r="H20142" s="12"/>
    </row>
    <row r="20143" spans="8:8">
      <c r="H20143" s="12"/>
    </row>
    <row r="20144" spans="8:8">
      <c r="H20144" s="12"/>
    </row>
    <row r="20145" spans="8:8">
      <c r="H20145" s="12"/>
    </row>
    <row r="20146" spans="8:8">
      <c r="H20146" s="12"/>
    </row>
    <row r="20147" spans="8:8">
      <c r="H20147" s="12"/>
    </row>
    <row r="20148" spans="8:8">
      <c r="H20148" s="12"/>
    </row>
    <row r="20149" spans="8:8">
      <c r="H20149" s="12"/>
    </row>
    <row r="20150" spans="8:8">
      <c r="H20150" s="12"/>
    </row>
    <row r="20151" spans="8:8">
      <c r="H20151" s="12"/>
    </row>
    <row r="20152" spans="8:8">
      <c r="H20152" s="12"/>
    </row>
    <row r="20153" spans="8:8">
      <c r="H20153" s="12"/>
    </row>
    <row r="20154" spans="8:8">
      <c r="H20154" s="12"/>
    </row>
    <row r="20155" spans="8:8">
      <c r="H20155" s="12"/>
    </row>
    <row r="20156" spans="8:8">
      <c r="H20156" s="12"/>
    </row>
    <row r="20157" spans="8:8">
      <c r="H20157" s="12"/>
    </row>
    <row r="20158" spans="8:8">
      <c r="H20158" s="12"/>
    </row>
    <row r="20159" spans="8:8">
      <c r="H20159" s="12"/>
    </row>
    <row r="20160" spans="8:8">
      <c r="H20160" s="12"/>
    </row>
    <row r="20161" spans="8:8">
      <c r="H20161" s="12"/>
    </row>
    <row r="20162" spans="8:8">
      <c r="H20162" s="12"/>
    </row>
    <row r="20163" spans="8:8">
      <c r="H20163" s="12"/>
    </row>
    <row r="20164" spans="8:8">
      <c r="H20164" s="12"/>
    </row>
    <row r="20165" spans="8:8">
      <c r="H20165" s="12"/>
    </row>
    <row r="20166" spans="8:8">
      <c r="H20166" s="12"/>
    </row>
    <row r="20167" spans="8:8">
      <c r="H20167" s="12"/>
    </row>
    <row r="20168" spans="8:8">
      <c r="H20168" s="12"/>
    </row>
    <row r="20169" spans="8:8">
      <c r="H20169" s="12"/>
    </row>
    <row r="20170" spans="8:8">
      <c r="H20170" s="12"/>
    </row>
    <row r="20171" spans="8:8">
      <c r="H20171" s="12"/>
    </row>
    <row r="20172" spans="8:8">
      <c r="H20172" s="12"/>
    </row>
    <row r="20173" spans="8:8">
      <c r="H20173" s="12"/>
    </row>
    <row r="20174" spans="8:8">
      <c r="H20174" s="12"/>
    </row>
    <row r="20175" spans="8:8">
      <c r="H20175" s="12"/>
    </row>
    <row r="20176" spans="8:8">
      <c r="H20176" s="12"/>
    </row>
    <row r="20177" spans="8:8">
      <c r="H20177" s="12"/>
    </row>
    <row r="20178" spans="8:8">
      <c r="H20178" s="12"/>
    </row>
    <row r="20179" spans="8:8">
      <c r="H20179" s="12"/>
    </row>
    <row r="20180" spans="8:8">
      <c r="H20180" s="12"/>
    </row>
    <row r="20181" spans="8:8">
      <c r="H20181" s="12"/>
    </row>
    <row r="20182" spans="8:8">
      <c r="H20182" s="12"/>
    </row>
    <row r="20183" spans="8:8">
      <c r="H20183" s="12"/>
    </row>
    <row r="20184" spans="8:8">
      <c r="H20184" s="12"/>
    </row>
    <row r="20185" spans="8:8">
      <c r="H20185" s="12"/>
    </row>
    <row r="20186" spans="8:8">
      <c r="H20186" s="12"/>
    </row>
    <row r="20187" spans="8:8">
      <c r="H20187" s="12"/>
    </row>
    <row r="20188" spans="8:8">
      <c r="H20188" s="12"/>
    </row>
    <row r="20189" spans="8:8">
      <c r="H20189" s="12"/>
    </row>
    <row r="20190" spans="8:8">
      <c r="H20190" s="12"/>
    </row>
    <row r="20191" spans="8:8">
      <c r="H20191" s="12"/>
    </row>
    <row r="20192" spans="8:8">
      <c r="H20192" s="12"/>
    </row>
    <row r="20193" spans="8:8">
      <c r="H20193" s="12"/>
    </row>
    <row r="20194" spans="8:8">
      <c r="H20194" s="12"/>
    </row>
    <row r="20195" spans="8:8">
      <c r="H20195" s="12"/>
    </row>
    <row r="20196" spans="8:8">
      <c r="H20196" s="12"/>
    </row>
    <row r="20197" spans="8:8">
      <c r="H20197" s="12"/>
    </row>
    <row r="20198" spans="8:8">
      <c r="H20198" s="12"/>
    </row>
    <row r="20199" spans="8:8">
      <c r="H20199" s="12"/>
    </row>
    <row r="20200" spans="8:8">
      <c r="H20200" s="12"/>
    </row>
    <row r="20201" spans="8:8">
      <c r="H20201" s="12"/>
    </row>
    <row r="20202" spans="8:8">
      <c r="H20202" s="12"/>
    </row>
    <row r="20203" spans="8:8">
      <c r="H20203" s="12"/>
    </row>
    <row r="20204" spans="8:8">
      <c r="H20204" s="12"/>
    </row>
    <row r="20205" spans="8:8">
      <c r="H20205" s="12"/>
    </row>
    <row r="20206" spans="8:8">
      <c r="H20206" s="12"/>
    </row>
    <row r="20207" spans="8:8">
      <c r="H20207" s="12"/>
    </row>
    <row r="20208" spans="8:8">
      <c r="H20208" s="12"/>
    </row>
    <row r="20209" spans="8:8">
      <c r="H20209" s="12"/>
    </row>
    <row r="20210" spans="8:8">
      <c r="H20210" s="12"/>
    </row>
    <row r="20211" spans="8:8">
      <c r="H20211" s="12"/>
    </row>
    <row r="20212" spans="8:8">
      <c r="H20212" s="12"/>
    </row>
    <row r="20213" spans="8:8">
      <c r="H20213" s="12"/>
    </row>
    <row r="20214" spans="8:8">
      <c r="H20214" s="12"/>
    </row>
    <row r="20215" spans="8:8">
      <c r="H20215" s="12"/>
    </row>
    <row r="20216" spans="8:8">
      <c r="H20216" s="12"/>
    </row>
    <row r="20217" spans="8:8">
      <c r="H20217" s="12"/>
    </row>
    <row r="20218" spans="8:8">
      <c r="H20218" s="12"/>
    </row>
    <row r="20219" spans="8:8">
      <c r="H20219" s="12"/>
    </row>
    <row r="20220" spans="8:8">
      <c r="H20220" s="12"/>
    </row>
    <row r="20221" spans="8:8">
      <c r="H20221" s="12"/>
    </row>
    <row r="20222" spans="8:8">
      <c r="H20222" s="12"/>
    </row>
    <row r="20223" spans="8:8">
      <c r="H20223" s="12"/>
    </row>
    <row r="20224" spans="8:8">
      <c r="H20224" s="12"/>
    </row>
    <row r="20225" spans="8:8">
      <c r="H20225" s="12"/>
    </row>
    <row r="20226" spans="8:8">
      <c r="H20226" s="12"/>
    </row>
    <row r="20227" spans="8:8">
      <c r="H20227" s="12"/>
    </row>
    <row r="20228" spans="8:8">
      <c r="H20228" s="12"/>
    </row>
    <row r="20229" spans="8:8">
      <c r="H20229" s="12"/>
    </row>
    <row r="20230" spans="8:8">
      <c r="H20230" s="12"/>
    </row>
    <row r="20231" spans="8:8">
      <c r="H20231" s="12"/>
    </row>
    <row r="20232" spans="8:8">
      <c r="H20232" s="12"/>
    </row>
    <row r="20233" spans="8:8">
      <c r="H20233" s="12"/>
    </row>
    <row r="20234" spans="8:8">
      <c r="H20234" s="12"/>
    </row>
    <row r="20235" spans="8:8">
      <c r="H20235" s="12"/>
    </row>
    <row r="20236" spans="8:8">
      <c r="H20236" s="12"/>
    </row>
    <row r="20237" spans="8:8">
      <c r="H20237" s="12"/>
    </row>
    <row r="20238" spans="8:8">
      <c r="H20238" s="12"/>
    </row>
    <row r="20239" spans="8:8">
      <c r="H20239" s="12"/>
    </row>
    <row r="20240" spans="8:8">
      <c r="H20240" s="12"/>
    </row>
    <row r="20241" spans="8:8">
      <c r="H20241" s="12"/>
    </row>
    <row r="20242" spans="8:8">
      <c r="H20242" s="12"/>
    </row>
    <row r="20243" spans="8:8">
      <c r="H20243" s="12"/>
    </row>
    <row r="20244" spans="8:8">
      <c r="H20244" s="12"/>
    </row>
    <row r="20245" spans="8:8">
      <c r="H20245" s="12"/>
    </row>
    <row r="20246" spans="8:8">
      <c r="H20246" s="12"/>
    </row>
    <row r="20247" spans="8:8">
      <c r="H20247" s="12"/>
    </row>
    <row r="20248" spans="8:8">
      <c r="H20248" s="12"/>
    </row>
    <row r="20249" spans="8:8">
      <c r="H20249" s="12"/>
    </row>
    <row r="20250" spans="8:8">
      <c r="H20250" s="12"/>
    </row>
    <row r="20251" spans="8:8">
      <c r="H20251" s="12"/>
    </row>
    <row r="20252" spans="8:8">
      <c r="H20252" s="12"/>
    </row>
    <row r="20253" spans="8:8">
      <c r="H20253" s="12"/>
    </row>
    <row r="20254" spans="8:8">
      <c r="H20254" s="12"/>
    </row>
    <row r="20255" spans="8:8">
      <c r="H20255" s="12"/>
    </row>
    <row r="20256" spans="8:8">
      <c r="H20256" s="12"/>
    </row>
    <row r="20257" spans="8:8">
      <c r="H20257" s="12"/>
    </row>
    <row r="20258" spans="8:8">
      <c r="H20258" s="12"/>
    </row>
    <row r="20259" spans="8:8">
      <c r="H20259" s="12"/>
    </row>
    <row r="20260" spans="8:8">
      <c r="H20260" s="12"/>
    </row>
    <row r="20261" spans="8:8">
      <c r="H20261" s="12"/>
    </row>
    <row r="20262" spans="8:8">
      <c r="H20262" s="12"/>
    </row>
    <row r="20263" spans="8:8">
      <c r="H20263" s="12"/>
    </row>
    <row r="20264" spans="8:8">
      <c r="H20264" s="12"/>
    </row>
    <row r="20265" spans="8:8">
      <c r="H20265" s="12"/>
    </row>
    <row r="20266" spans="8:8">
      <c r="H20266" s="12"/>
    </row>
    <row r="20267" spans="8:8">
      <c r="H20267" s="12"/>
    </row>
    <row r="20268" spans="8:8">
      <c r="H20268" s="12"/>
    </row>
    <row r="20269" spans="8:8">
      <c r="H20269" s="12"/>
    </row>
    <row r="20270" spans="8:8">
      <c r="H20270" s="12"/>
    </row>
    <row r="20271" spans="8:8">
      <c r="H20271" s="12"/>
    </row>
    <row r="20272" spans="8:8">
      <c r="H20272" s="12"/>
    </row>
    <row r="20273" spans="8:8">
      <c r="H20273" s="12"/>
    </row>
    <row r="20274" spans="8:8">
      <c r="H20274" s="12"/>
    </row>
    <row r="20275" spans="8:8">
      <c r="H20275" s="12"/>
    </row>
    <row r="20276" spans="8:8">
      <c r="H20276" s="12"/>
    </row>
    <row r="20277" spans="8:8">
      <c r="H20277" s="12"/>
    </row>
    <row r="20278" spans="8:8">
      <c r="H20278" s="12"/>
    </row>
    <row r="20279" spans="8:8">
      <c r="H20279" s="12"/>
    </row>
    <row r="20280" spans="8:8">
      <c r="H20280" s="12"/>
    </row>
    <row r="20281" spans="8:8">
      <c r="H20281" s="12"/>
    </row>
    <row r="20282" spans="8:8">
      <c r="H20282" s="12"/>
    </row>
    <row r="20283" spans="8:8">
      <c r="H20283" s="12"/>
    </row>
    <row r="20284" spans="8:8">
      <c r="H20284" s="12"/>
    </row>
    <row r="20285" spans="8:8">
      <c r="H20285" s="12"/>
    </row>
    <row r="20286" spans="8:8">
      <c r="H20286" s="12"/>
    </row>
    <row r="20287" spans="8:8">
      <c r="H20287" s="12"/>
    </row>
    <row r="20288" spans="8:8">
      <c r="H20288" s="12"/>
    </row>
    <row r="20289" spans="8:8">
      <c r="H20289" s="12"/>
    </row>
    <row r="20290" spans="8:8">
      <c r="H20290" s="12"/>
    </row>
    <row r="20291" spans="8:8">
      <c r="H20291" s="12"/>
    </row>
    <row r="20292" spans="8:8">
      <c r="H20292" s="12"/>
    </row>
    <row r="20293" spans="8:8">
      <c r="H20293" s="12"/>
    </row>
    <row r="20294" spans="8:8">
      <c r="H20294" s="12"/>
    </row>
    <row r="20295" spans="8:8">
      <c r="H20295" s="12"/>
    </row>
    <row r="20296" spans="8:8">
      <c r="H20296" s="12"/>
    </row>
    <row r="20297" spans="8:8">
      <c r="H20297" s="12"/>
    </row>
    <row r="20298" spans="8:8">
      <c r="H20298" s="12"/>
    </row>
    <row r="20299" spans="8:8">
      <c r="H20299" s="12"/>
    </row>
    <row r="20300" spans="8:8">
      <c r="H20300" s="12"/>
    </row>
    <row r="20301" spans="8:8">
      <c r="H20301" s="12"/>
    </row>
    <row r="20302" spans="8:8">
      <c r="H20302" s="12"/>
    </row>
    <row r="20303" spans="8:8">
      <c r="H20303" s="12"/>
    </row>
    <row r="20304" spans="8:8">
      <c r="H20304" s="12"/>
    </row>
    <row r="20305" spans="8:8">
      <c r="H20305" s="12"/>
    </row>
    <row r="20306" spans="8:8">
      <c r="H20306" s="12"/>
    </row>
    <row r="20307" spans="8:8">
      <c r="H20307" s="12"/>
    </row>
    <row r="20308" spans="8:8">
      <c r="H20308" s="12"/>
    </row>
    <row r="20309" spans="8:8">
      <c r="H20309" s="12"/>
    </row>
    <row r="20310" spans="8:8">
      <c r="H20310" s="12"/>
    </row>
    <row r="20311" spans="8:8">
      <c r="H20311" s="12"/>
    </row>
    <row r="20312" spans="8:8">
      <c r="H20312" s="12"/>
    </row>
    <row r="20313" spans="8:8">
      <c r="H20313" s="12"/>
    </row>
    <row r="20314" spans="8:8">
      <c r="H20314" s="12"/>
    </row>
    <row r="20315" spans="8:8">
      <c r="H20315" s="12"/>
    </row>
    <row r="20316" spans="8:8">
      <c r="H20316" s="12"/>
    </row>
    <row r="20317" spans="8:8">
      <c r="H20317" s="12"/>
    </row>
    <row r="20318" spans="8:8">
      <c r="H20318" s="12"/>
    </row>
    <row r="20319" spans="8:8">
      <c r="H20319" s="12"/>
    </row>
    <row r="20320" spans="8:8">
      <c r="H20320" s="12"/>
    </row>
    <row r="20321" spans="8:8">
      <c r="H20321" s="12"/>
    </row>
    <row r="20322" spans="8:8">
      <c r="H20322" s="12"/>
    </row>
    <row r="20323" spans="8:8">
      <c r="H20323" s="12"/>
    </row>
    <row r="20324" spans="8:8">
      <c r="H20324" s="12"/>
    </row>
    <row r="20325" spans="8:8">
      <c r="H20325" s="12"/>
    </row>
    <row r="20326" spans="8:8">
      <c r="H20326" s="12"/>
    </row>
    <row r="20327" spans="8:8">
      <c r="H20327" s="12"/>
    </row>
    <row r="20328" spans="8:8">
      <c r="H20328" s="12"/>
    </row>
    <row r="20329" spans="8:8">
      <c r="H20329" s="12"/>
    </row>
    <row r="20330" spans="8:8">
      <c r="H20330" s="12"/>
    </row>
    <row r="20331" spans="8:8">
      <c r="H20331" s="12"/>
    </row>
    <row r="20332" spans="8:8">
      <c r="H20332" s="12"/>
    </row>
    <row r="20333" spans="8:8">
      <c r="H20333" s="12"/>
    </row>
    <row r="20334" spans="8:8">
      <c r="H20334" s="12"/>
    </row>
    <row r="20335" spans="8:8">
      <c r="H20335" s="12"/>
    </row>
    <row r="20336" spans="8:8">
      <c r="H20336" s="12"/>
    </row>
    <row r="20337" spans="8:8">
      <c r="H20337" s="12"/>
    </row>
    <row r="20338" spans="8:8">
      <c r="H20338" s="12"/>
    </row>
    <row r="20339" spans="8:8">
      <c r="H20339" s="12"/>
    </row>
    <row r="20340" spans="8:8">
      <c r="H20340" s="12"/>
    </row>
    <row r="20341" spans="8:8">
      <c r="H20341" s="12"/>
    </row>
    <row r="20342" spans="8:8">
      <c r="H20342" s="12"/>
    </row>
    <row r="20343" spans="8:8">
      <c r="H20343" s="12"/>
    </row>
    <row r="20344" spans="8:8">
      <c r="H20344" s="12"/>
    </row>
    <row r="20345" spans="8:8">
      <c r="H20345" s="12"/>
    </row>
    <row r="20346" spans="8:8">
      <c r="H20346" s="12"/>
    </row>
    <row r="20347" spans="8:8">
      <c r="H20347" s="12"/>
    </row>
    <row r="20348" spans="8:8">
      <c r="H20348" s="12"/>
    </row>
    <row r="20349" spans="8:8">
      <c r="H20349" s="12"/>
    </row>
    <row r="20350" spans="8:8">
      <c r="H20350" s="12"/>
    </row>
    <row r="20351" spans="8:8">
      <c r="H20351" s="12"/>
    </row>
    <row r="20352" spans="8:8">
      <c r="H20352" s="12"/>
    </row>
    <row r="20353" spans="8:8">
      <c r="H20353" s="12"/>
    </row>
    <row r="20354" spans="8:8">
      <c r="H20354" s="12"/>
    </row>
    <row r="20355" spans="8:8">
      <c r="H20355" s="12"/>
    </row>
    <row r="20356" spans="8:8">
      <c r="H20356" s="12"/>
    </row>
    <row r="20357" spans="8:8">
      <c r="H20357" s="12"/>
    </row>
    <row r="20358" spans="8:8">
      <c r="H20358" s="12"/>
    </row>
    <row r="20359" spans="8:8">
      <c r="H20359" s="12"/>
    </row>
    <row r="20360" spans="8:8">
      <c r="H20360" s="12"/>
    </row>
    <row r="20361" spans="8:8">
      <c r="H20361" s="12"/>
    </row>
    <row r="20362" spans="8:8">
      <c r="H20362" s="12"/>
    </row>
    <row r="20363" spans="8:8">
      <c r="H20363" s="12"/>
    </row>
    <row r="20364" spans="8:8">
      <c r="H20364" s="12"/>
    </row>
    <row r="20365" spans="8:8">
      <c r="H20365" s="12"/>
    </row>
    <row r="20366" spans="8:8">
      <c r="H20366" s="12"/>
    </row>
    <row r="20367" spans="8:8">
      <c r="H20367" s="12"/>
    </row>
    <row r="20368" spans="8:8">
      <c r="H20368" s="12"/>
    </row>
    <row r="20369" spans="8:8">
      <c r="H20369" s="12"/>
    </row>
    <row r="20370" spans="8:8">
      <c r="H20370" s="12"/>
    </row>
    <row r="20371" spans="8:8">
      <c r="H20371" s="12"/>
    </row>
    <row r="20372" spans="8:8">
      <c r="H20372" s="12"/>
    </row>
    <row r="20373" spans="8:8">
      <c r="H20373" s="12"/>
    </row>
    <row r="20374" spans="8:8">
      <c r="H20374" s="12"/>
    </row>
    <row r="20375" spans="8:8">
      <c r="H20375" s="12"/>
    </row>
    <row r="20376" spans="8:8">
      <c r="H20376" s="12"/>
    </row>
    <row r="20377" spans="8:8">
      <c r="H20377" s="12"/>
    </row>
    <row r="20378" spans="8:8">
      <c r="H20378" s="12"/>
    </row>
    <row r="20379" spans="8:8">
      <c r="H20379" s="12"/>
    </row>
    <row r="20380" spans="8:8">
      <c r="H20380" s="12"/>
    </row>
    <row r="20381" spans="8:8">
      <c r="H20381" s="12"/>
    </row>
    <row r="20382" spans="8:8">
      <c r="H20382" s="12"/>
    </row>
    <row r="20383" spans="8:8">
      <c r="H20383" s="12"/>
    </row>
    <row r="20384" spans="8:8">
      <c r="H20384" s="12"/>
    </row>
    <row r="20385" spans="8:8">
      <c r="H20385" s="12"/>
    </row>
    <row r="20386" spans="8:8">
      <c r="H20386" s="12"/>
    </row>
    <row r="20387" spans="8:8">
      <c r="H20387" s="12"/>
    </row>
    <row r="20388" spans="8:8">
      <c r="H20388" s="12"/>
    </row>
    <row r="20389" spans="8:8">
      <c r="H20389" s="12"/>
    </row>
    <row r="20390" spans="8:8">
      <c r="H20390" s="12"/>
    </row>
    <row r="20391" spans="8:8">
      <c r="H20391" s="12"/>
    </row>
    <row r="20392" spans="8:8">
      <c r="H20392" s="12"/>
    </row>
    <row r="20393" spans="8:8">
      <c r="H20393" s="12"/>
    </row>
    <row r="20394" spans="8:8">
      <c r="H20394" s="12"/>
    </row>
    <row r="20395" spans="8:8">
      <c r="H20395" s="12"/>
    </row>
    <row r="20396" spans="8:8">
      <c r="H20396" s="12"/>
    </row>
    <row r="20397" spans="8:8">
      <c r="H20397" s="12"/>
    </row>
    <row r="20398" spans="8:8">
      <c r="H20398" s="12"/>
    </row>
    <row r="20399" spans="8:8">
      <c r="H20399" s="12"/>
    </row>
    <row r="20400" spans="8:8">
      <c r="H20400" s="12"/>
    </row>
    <row r="20401" spans="8:8">
      <c r="H20401" s="12"/>
    </row>
    <row r="20402" spans="8:8">
      <c r="H20402" s="12"/>
    </row>
    <row r="20403" spans="8:8">
      <c r="H20403" s="12"/>
    </row>
    <row r="20404" spans="8:8">
      <c r="H20404" s="12"/>
    </row>
    <row r="20405" spans="8:8">
      <c r="H20405" s="12"/>
    </row>
    <row r="20406" spans="8:8">
      <c r="H20406" s="12"/>
    </row>
    <row r="20407" spans="8:8">
      <c r="H20407" s="12"/>
    </row>
    <row r="20408" spans="8:8">
      <c r="H20408" s="12"/>
    </row>
    <row r="20409" spans="8:8">
      <c r="H20409" s="12"/>
    </row>
    <row r="20410" spans="8:8">
      <c r="H20410" s="12"/>
    </row>
    <row r="20411" spans="8:8">
      <c r="H20411" s="12"/>
    </row>
    <row r="20412" spans="8:8">
      <c r="H20412" s="12"/>
    </row>
    <row r="20413" spans="8:8">
      <c r="H20413" s="12"/>
    </row>
    <row r="20414" spans="8:8">
      <c r="H20414" s="12"/>
    </row>
    <row r="20415" spans="8:8">
      <c r="H20415" s="12"/>
    </row>
    <row r="20416" spans="8:8">
      <c r="H20416" s="12"/>
    </row>
    <row r="20417" spans="8:8">
      <c r="H20417" s="12"/>
    </row>
    <row r="20418" spans="8:8">
      <c r="H20418" s="12"/>
    </row>
    <row r="20419" spans="8:8">
      <c r="H20419" s="12"/>
    </row>
    <row r="20420" spans="8:8">
      <c r="H20420" s="12"/>
    </row>
    <row r="20421" spans="8:8">
      <c r="H20421" s="12"/>
    </row>
    <row r="20422" spans="8:8">
      <c r="H20422" s="12"/>
    </row>
    <row r="20423" spans="8:8">
      <c r="H20423" s="12"/>
    </row>
    <row r="20424" spans="8:8">
      <c r="H20424" s="12"/>
    </row>
    <row r="20425" spans="8:8">
      <c r="H20425" s="12"/>
    </row>
    <row r="20426" spans="8:8">
      <c r="H20426" s="12"/>
    </row>
    <row r="20427" spans="8:8">
      <c r="H20427" s="12"/>
    </row>
    <row r="20428" spans="8:8">
      <c r="H20428" s="12"/>
    </row>
    <row r="20429" spans="8:8">
      <c r="H20429" s="12"/>
    </row>
    <row r="20430" spans="8:8">
      <c r="H20430" s="12"/>
    </row>
    <row r="20431" spans="8:8">
      <c r="H20431" s="12"/>
    </row>
    <row r="20432" spans="8:8">
      <c r="H20432" s="12"/>
    </row>
    <row r="20433" spans="8:8">
      <c r="H20433" s="12"/>
    </row>
    <row r="20434" spans="8:8">
      <c r="H20434" s="12"/>
    </row>
    <row r="20435" spans="8:8">
      <c r="H20435" s="12"/>
    </row>
    <row r="20436" spans="8:8">
      <c r="H20436" s="12"/>
    </row>
    <row r="20437" spans="8:8">
      <c r="H20437" s="12"/>
    </row>
    <row r="20438" spans="8:8">
      <c r="H20438" s="12"/>
    </row>
    <row r="20439" spans="8:8">
      <c r="H20439" s="12"/>
    </row>
    <row r="20440" spans="8:8">
      <c r="H20440" s="12"/>
    </row>
    <row r="20441" spans="8:8">
      <c r="H20441" s="12"/>
    </row>
    <row r="20442" spans="8:8">
      <c r="H20442" s="12"/>
    </row>
    <row r="20443" spans="8:8">
      <c r="H20443" s="12"/>
    </row>
    <row r="20444" spans="8:8">
      <c r="H20444" s="12"/>
    </row>
    <row r="20445" spans="8:8">
      <c r="H20445" s="12"/>
    </row>
    <row r="20446" spans="8:8">
      <c r="H20446" s="12"/>
    </row>
    <row r="20447" spans="8:8">
      <c r="H20447" s="12"/>
    </row>
    <row r="20448" spans="8:8">
      <c r="H20448" s="12"/>
    </row>
    <row r="20449" spans="8:8">
      <c r="H20449" s="12"/>
    </row>
    <row r="20450" spans="8:8">
      <c r="H20450" s="12"/>
    </row>
    <row r="20451" spans="8:8">
      <c r="H20451" s="12"/>
    </row>
    <row r="20452" spans="8:8">
      <c r="H20452" s="12"/>
    </row>
    <row r="20453" spans="8:8">
      <c r="H20453" s="12"/>
    </row>
    <row r="20454" spans="8:8">
      <c r="H20454" s="12"/>
    </row>
    <row r="20455" spans="8:8">
      <c r="H20455" s="12"/>
    </row>
    <row r="20456" spans="8:8">
      <c r="H20456" s="12"/>
    </row>
    <row r="20457" spans="8:8">
      <c r="H20457" s="12"/>
    </row>
    <row r="20458" spans="8:8">
      <c r="H20458" s="12"/>
    </row>
    <row r="20459" spans="8:8">
      <c r="H20459" s="12"/>
    </row>
    <row r="20460" spans="8:8">
      <c r="H20460" s="12"/>
    </row>
    <row r="20461" spans="8:8">
      <c r="H20461" s="12"/>
    </row>
    <row r="20462" spans="8:8">
      <c r="H20462" s="12"/>
    </row>
    <row r="20463" spans="8:8">
      <c r="H20463" s="12"/>
    </row>
    <row r="20464" spans="8:8">
      <c r="H20464" s="12"/>
    </row>
    <row r="20465" spans="8:8">
      <c r="H20465" s="12"/>
    </row>
    <row r="20466" spans="8:8">
      <c r="H20466" s="12"/>
    </row>
    <row r="20467" spans="8:8">
      <c r="H20467" s="12"/>
    </row>
    <row r="20468" spans="8:8">
      <c r="H20468" s="12"/>
    </row>
    <row r="20469" spans="8:8">
      <c r="H20469" s="12"/>
    </row>
    <row r="20470" spans="8:8">
      <c r="H20470" s="12"/>
    </row>
    <row r="20471" spans="8:8">
      <c r="H20471" s="12"/>
    </row>
    <row r="20472" spans="8:8">
      <c r="H20472" s="12"/>
    </row>
    <row r="20473" spans="8:8">
      <c r="H20473" s="12"/>
    </row>
    <row r="20474" spans="8:8">
      <c r="H20474" s="12"/>
    </row>
    <row r="20475" spans="8:8">
      <c r="H20475" s="12"/>
    </row>
    <row r="20476" spans="8:8">
      <c r="H20476" s="12"/>
    </row>
    <row r="20477" spans="8:8">
      <c r="H20477" s="12"/>
    </row>
    <row r="20478" spans="8:8">
      <c r="H20478" s="12"/>
    </row>
    <row r="20479" spans="8:8">
      <c r="H20479" s="12"/>
    </row>
    <row r="20480" spans="8:8">
      <c r="H20480" s="12"/>
    </row>
    <row r="20481" spans="8:8">
      <c r="H20481" s="12"/>
    </row>
    <row r="20482" spans="8:8">
      <c r="H20482" s="12"/>
    </row>
    <row r="20483" spans="8:8">
      <c r="H20483" s="12"/>
    </row>
    <row r="20484" spans="8:8">
      <c r="H20484" s="12"/>
    </row>
    <row r="20485" spans="8:8">
      <c r="H20485" s="12"/>
    </row>
    <row r="20486" spans="8:8">
      <c r="H20486" s="12"/>
    </row>
    <row r="20487" spans="8:8">
      <c r="H20487" s="12"/>
    </row>
    <row r="20488" spans="8:8">
      <c r="H20488" s="12"/>
    </row>
    <row r="20489" spans="8:8">
      <c r="H20489" s="12"/>
    </row>
    <row r="20490" spans="8:8">
      <c r="H20490" s="12"/>
    </row>
    <row r="20491" spans="8:8">
      <c r="H20491" s="12"/>
    </row>
    <row r="20492" spans="8:8">
      <c r="H20492" s="12"/>
    </row>
    <row r="20493" spans="8:8">
      <c r="H20493" s="12"/>
    </row>
    <row r="20494" spans="8:8">
      <c r="H20494" s="12"/>
    </row>
    <row r="20495" spans="8:8">
      <c r="H20495" s="12"/>
    </row>
    <row r="20496" spans="8:8">
      <c r="H20496" s="12"/>
    </row>
    <row r="20497" spans="8:8">
      <c r="H20497" s="12"/>
    </row>
    <row r="20498" spans="8:8">
      <c r="H20498" s="12"/>
    </row>
    <row r="20499" spans="8:8">
      <c r="H20499" s="12"/>
    </row>
    <row r="20500" spans="8:8">
      <c r="H20500" s="12"/>
    </row>
    <row r="20501" spans="8:8">
      <c r="H20501" s="12"/>
    </row>
    <row r="20502" spans="8:8">
      <c r="H20502" s="12"/>
    </row>
    <row r="20503" spans="8:8">
      <c r="H20503" s="12"/>
    </row>
    <row r="20504" spans="8:8">
      <c r="H20504" s="12"/>
    </row>
    <row r="20505" spans="8:8">
      <c r="H20505" s="12"/>
    </row>
    <row r="20506" spans="8:8">
      <c r="H20506" s="12"/>
    </row>
    <row r="20507" spans="8:8">
      <c r="H20507" s="12"/>
    </row>
    <row r="20508" spans="8:8">
      <c r="H20508" s="12"/>
    </row>
    <row r="20509" spans="8:8">
      <c r="H20509" s="12"/>
    </row>
    <row r="20510" spans="8:8">
      <c r="H20510" s="12"/>
    </row>
    <row r="20511" spans="8:8">
      <c r="H20511" s="12"/>
    </row>
    <row r="20512" spans="8:8">
      <c r="H20512" s="12"/>
    </row>
    <row r="20513" spans="8:8">
      <c r="H20513" s="12"/>
    </row>
    <row r="20514" spans="8:8">
      <c r="H20514" s="12"/>
    </row>
    <row r="20515" spans="8:8">
      <c r="H20515" s="12"/>
    </row>
    <row r="20516" spans="8:8">
      <c r="H20516" s="12"/>
    </row>
    <row r="20517" spans="8:8">
      <c r="H20517" s="12"/>
    </row>
    <row r="20518" spans="8:8">
      <c r="H20518" s="12"/>
    </row>
    <row r="20519" spans="8:8">
      <c r="H20519" s="12"/>
    </row>
    <row r="20520" spans="8:8">
      <c r="H20520" s="12"/>
    </row>
    <row r="20521" spans="8:8">
      <c r="H20521" s="12"/>
    </row>
    <row r="20522" spans="8:8">
      <c r="H20522" s="12"/>
    </row>
    <row r="20523" spans="8:8">
      <c r="H20523" s="12"/>
    </row>
    <row r="20524" spans="8:8">
      <c r="H20524" s="12"/>
    </row>
    <row r="20525" spans="8:8">
      <c r="H20525" s="12"/>
    </row>
    <row r="20526" spans="8:8">
      <c r="H20526" s="12"/>
    </row>
    <row r="20527" spans="8:8">
      <c r="H20527" s="12"/>
    </row>
    <row r="20528" spans="8:8">
      <c r="H20528" s="12"/>
    </row>
    <row r="20529" spans="8:8">
      <c r="H20529" s="12"/>
    </row>
    <row r="20530" spans="8:8">
      <c r="H20530" s="12"/>
    </row>
    <row r="20531" spans="8:8">
      <c r="H20531" s="12"/>
    </row>
    <row r="20532" spans="8:8">
      <c r="H20532" s="12"/>
    </row>
    <row r="20533" spans="8:8">
      <c r="H20533" s="12"/>
    </row>
    <row r="20534" spans="8:8">
      <c r="H20534" s="12"/>
    </row>
    <row r="20535" spans="8:8">
      <c r="H20535" s="12"/>
    </row>
    <row r="20536" spans="8:8">
      <c r="H20536" s="12"/>
    </row>
    <row r="20537" spans="8:8">
      <c r="H20537" s="12"/>
    </row>
    <row r="20538" spans="8:8">
      <c r="H20538" s="12"/>
    </row>
    <row r="20539" spans="8:8">
      <c r="H20539" s="12"/>
    </row>
    <row r="20540" spans="8:8">
      <c r="H20540" s="12"/>
    </row>
    <row r="20541" spans="8:8">
      <c r="H20541" s="12"/>
    </row>
    <row r="20542" spans="8:8">
      <c r="H20542" s="12"/>
    </row>
    <row r="20543" spans="8:8">
      <c r="H20543" s="12"/>
    </row>
    <row r="20544" spans="8:8">
      <c r="H20544" s="12"/>
    </row>
    <row r="20545" spans="8:8">
      <c r="H20545" s="12"/>
    </row>
    <row r="20546" spans="8:8">
      <c r="H20546" s="12"/>
    </row>
    <row r="20547" spans="8:8">
      <c r="H20547" s="12"/>
    </row>
    <row r="20548" spans="8:8">
      <c r="H20548" s="12"/>
    </row>
    <row r="20549" spans="8:8">
      <c r="H20549" s="12"/>
    </row>
    <row r="20550" spans="8:8">
      <c r="H20550" s="12"/>
    </row>
    <row r="20551" spans="8:8">
      <c r="H20551" s="12"/>
    </row>
    <row r="20552" spans="8:8">
      <c r="H20552" s="12"/>
    </row>
    <row r="20553" spans="8:8">
      <c r="H20553" s="12"/>
    </row>
    <row r="20554" spans="8:8">
      <c r="H20554" s="12"/>
    </row>
    <row r="20555" spans="8:8">
      <c r="H20555" s="12"/>
    </row>
    <row r="20556" spans="8:8">
      <c r="H20556" s="12"/>
    </row>
    <row r="20557" spans="8:8">
      <c r="H20557" s="12"/>
    </row>
    <row r="20558" spans="8:8">
      <c r="H20558" s="12"/>
    </row>
    <row r="20559" spans="8:8">
      <c r="H20559" s="12"/>
    </row>
    <row r="20560" spans="8:8">
      <c r="H20560" s="12"/>
    </row>
    <row r="20561" spans="8:8">
      <c r="H20561" s="12"/>
    </row>
    <row r="20562" spans="8:8">
      <c r="H20562" s="12"/>
    </row>
    <row r="20563" spans="8:8">
      <c r="H20563" s="12"/>
    </row>
    <row r="20564" spans="8:8">
      <c r="H20564" s="12"/>
    </row>
    <row r="20565" spans="8:8">
      <c r="H20565" s="12"/>
    </row>
    <row r="20566" spans="8:8">
      <c r="H20566" s="12"/>
    </row>
    <row r="20567" spans="8:8">
      <c r="H20567" s="12"/>
    </row>
    <row r="20568" spans="8:8">
      <c r="H20568" s="12"/>
    </row>
    <row r="20569" spans="8:8">
      <c r="H20569" s="12"/>
    </row>
    <row r="20570" spans="8:8">
      <c r="H20570" s="12"/>
    </row>
    <row r="20571" spans="8:8">
      <c r="H20571" s="12"/>
    </row>
    <row r="20572" spans="8:8">
      <c r="H20572" s="12"/>
    </row>
    <row r="20573" spans="8:8">
      <c r="H20573" s="12"/>
    </row>
    <row r="20574" spans="8:8">
      <c r="H20574" s="12"/>
    </row>
    <row r="20575" spans="8:8">
      <c r="H20575" s="12"/>
    </row>
    <row r="20576" spans="8:8">
      <c r="H20576" s="12"/>
    </row>
    <row r="20577" spans="8:8">
      <c r="H20577" s="12"/>
    </row>
    <row r="20578" spans="8:8">
      <c r="H20578" s="12"/>
    </row>
    <row r="20579" spans="8:8">
      <c r="H20579" s="12"/>
    </row>
    <row r="20580" spans="8:8">
      <c r="H20580" s="12"/>
    </row>
    <row r="20581" spans="8:8">
      <c r="H20581" s="12"/>
    </row>
    <row r="20582" spans="8:8">
      <c r="H20582" s="12"/>
    </row>
    <row r="20583" spans="8:8">
      <c r="H20583" s="12"/>
    </row>
    <row r="20584" spans="8:8">
      <c r="H20584" s="12"/>
    </row>
    <row r="20585" spans="8:8">
      <c r="H20585" s="12"/>
    </row>
    <row r="20586" spans="8:8">
      <c r="H20586" s="12"/>
    </row>
    <row r="20587" spans="8:8">
      <c r="H20587" s="12"/>
    </row>
    <row r="20588" spans="8:8">
      <c r="H20588" s="12"/>
    </row>
    <row r="20589" spans="8:8">
      <c r="H20589" s="12"/>
    </row>
    <row r="20590" spans="8:8">
      <c r="H20590" s="12"/>
    </row>
    <row r="20591" spans="8:8">
      <c r="H20591" s="12"/>
    </row>
    <row r="20592" spans="8:8">
      <c r="H20592" s="12"/>
    </row>
    <row r="20593" spans="8:8">
      <c r="H20593" s="12"/>
    </row>
    <row r="20594" spans="8:8">
      <c r="H20594" s="12"/>
    </row>
    <row r="20595" spans="8:8">
      <c r="H20595" s="12"/>
    </row>
    <row r="20596" spans="8:8">
      <c r="H20596" s="12"/>
    </row>
    <row r="20597" spans="8:8">
      <c r="H20597" s="12"/>
    </row>
    <row r="20598" spans="8:8">
      <c r="H20598" s="12"/>
    </row>
    <row r="20599" spans="8:8">
      <c r="H20599" s="12"/>
    </row>
    <row r="20600" spans="8:8">
      <c r="H20600" s="12"/>
    </row>
    <row r="20601" spans="8:8">
      <c r="H20601" s="12"/>
    </row>
    <row r="20602" spans="8:8">
      <c r="H20602" s="12"/>
    </row>
    <row r="20603" spans="8:8">
      <c r="H20603" s="12"/>
    </row>
    <row r="20604" spans="8:8">
      <c r="H20604" s="12"/>
    </row>
    <row r="20605" spans="8:8">
      <c r="H20605" s="12"/>
    </row>
    <row r="20606" spans="8:8">
      <c r="H20606" s="12"/>
    </row>
    <row r="20607" spans="8:8">
      <c r="H20607" s="12"/>
    </row>
    <row r="20608" spans="8:8">
      <c r="H20608" s="12"/>
    </row>
    <row r="20609" spans="8:8">
      <c r="H20609" s="12"/>
    </row>
    <row r="20610" spans="8:8">
      <c r="H20610" s="12"/>
    </row>
    <row r="20611" spans="8:8">
      <c r="H20611" s="12"/>
    </row>
    <row r="20612" spans="8:8">
      <c r="H20612" s="12"/>
    </row>
    <row r="20613" spans="8:8">
      <c r="H20613" s="12"/>
    </row>
    <row r="20614" spans="8:8">
      <c r="H20614" s="12"/>
    </row>
    <row r="20615" spans="8:8">
      <c r="H20615" s="12"/>
    </row>
    <row r="20616" spans="8:8">
      <c r="H20616" s="12"/>
    </row>
    <row r="20617" spans="8:8">
      <c r="H20617" s="12"/>
    </row>
    <row r="20618" spans="8:8">
      <c r="H20618" s="12"/>
    </row>
    <row r="20619" spans="8:8">
      <c r="H20619" s="12"/>
    </row>
    <row r="20620" spans="8:8">
      <c r="H20620" s="12"/>
    </row>
    <row r="20621" spans="8:8">
      <c r="H20621" s="12"/>
    </row>
    <row r="20622" spans="8:8">
      <c r="H20622" s="12"/>
    </row>
    <row r="20623" spans="8:8">
      <c r="H20623" s="12"/>
    </row>
    <row r="20624" spans="8:8">
      <c r="H20624" s="12"/>
    </row>
    <row r="20625" spans="8:8">
      <c r="H20625" s="12"/>
    </row>
    <row r="20626" spans="8:8">
      <c r="H20626" s="12"/>
    </row>
    <row r="20627" spans="8:8">
      <c r="H20627" s="12"/>
    </row>
    <row r="20628" spans="8:8">
      <c r="H20628" s="12"/>
    </row>
    <row r="20629" spans="8:8">
      <c r="H20629" s="12"/>
    </row>
    <row r="20630" spans="8:8">
      <c r="H20630" s="12"/>
    </row>
    <row r="20631" spans="8:8">
      <c r="H20631" s="12"/>
    </row>
    <row r="20632" spans="8:8">
      <c r="H20632" s="12"/>
    </row>
    <row r="20633" spans="8:8">
      <c r="H20633" s="12"/>
    </row>
    <row r="20634" spans="8:8">
      <c r="H20634" s="12"/>
    </row>
    <row r="20635" spans="8:8">
      <c r="H20635" s="12"/>
    </row>
    <row r="20636" spans="8:8">
      <c r="H20636" s="12"/>
    </row>
    <row r="20637" spans="8:8">
      <c r="H20637" s="12"/>
    </row>
    <row r="20638" spans="8:8">
      <c r="H20638" s="12"/>
    </row>
    <row r="20639" spans="8:8">
      <c r="H20639" s="12"/>
    </row>
    <row r="20640" spans="8:8">
      <c r="H20640" s="12"/>
    </row>
    <row r="20641" spans="8:8">
      <c r="H20641" s="12"/>
    </row>
    <row r="20642" spans="8:8">
      <c r="H20642" s="12"/>
    </row>
    <row r="20643" spans="8:8">
      <c r="H20643" s="12"/>
    </row>
    <row r="20644" spans="8:8">
      <c r="H20644" s="12"/>
    </row>
    <row r="20645" spans="8:8">
      <c r="H20645" s="12"/>
    </row>
    <row r="20646" spans="8:8">
      <c r="H20646" s="12"/>
    </row>
    <row r="20647" spans="8:8">
      <c r="H20647" s="12"/>
    </row>
    <row r="20648" spans="8:8">
      <c r="H20648" s="12"/>
    </row>
    <row r="20649" spans="8:8">
      <c r="H20649" s="12"/>
    </row>
    <row r="20650" spans="8:8">
      <c r="H20650" s="12"/>
    </row>
    <row r="20651" spans="8:8">
      <c r="H20651" s="12"/>
    </row>
    <row r="20652" spans="8:8">
      <c r="H20652" s="12"/>
    </row>
    <row r="20653" spans="8:8">
      <c r="H20653" s="12"/>
    </row>
    <row r="20654" spans="8:8">
      <c r="H20654" s="12"/>
    </row>
    <row r="20655" spans="8:8">
      <c r="H20655" s="12"/>
    </row>
    <row r="20656" spans="8:8">
      <c r="H20656" s="12"/>
    </row>
    <row r="20657" spans="8:8">
      <c r="H20657" s="12"/>
    </row>
    <row r="20658" spans="8:8">
      <c r="H20658" s="12"/>
    </row>
    <row r="20659" spans="8:8">
      <c r="H20659" s="12"/>
    </row>
    <row r="20660" spans="8:8">
      <c r="H20660" s="12"/>
    </row>
    <row r="20661" spans="8:8">
      <c r="H20661" s="12"/>
    </row>
    <row r="20662" spans="8:8">
      <c r="H20662" s="12"/>
    </row>
    <row r="20663" spans="8:8">
      <c r="H20663" s="12"/>
    </row>
    <row r="20664" spans="8:8">
      <c r="H20664" s="12"/>
    </row>
    <row r="20665" spans="8:8">
      <c r="H20665" s="12"/>
    </row>
    <row r="20666" spans="8:8">
      <c r="H20666" s="12"/>
    </row>
    <row r="20667" spans="8:8">
      <c r="H20667" s="12"/>
    </row>
    <row r="20668" spans="8:8">
      <c r="H20668" s="12"/>
    </row>
    <row r="20669" spans="8:8">
      <c r="H20669" s="12"/>
    </row>
    <row r="20670" spans="8:8">
      <c r="H20670" s="12"/>
    </row>
    <row r="20671" spans="8:8">
      <c r="H20671" s="12"/>
    </row>
    <row r="20672" spans="8:8">
      <c r="H20672" s="12"/>
    </row>
    <row r="20673" spans="8:8">
      <c r="H20673" s="12"/>
    </row>
    <row r="20674" spans="8:8">
      <c r="H20674" s="12"/>
    </row>
    <row r="20675" spans="8:8">
      <c r="H20675" s="12"/>
    </row>
    <row r="20676" spans="8:8">
      <c r="H20676" s="12"/>
    </row>
    <row r="20677" spans="8:8">
      <c r="H20677" s="12"/>
    </row>
    <row r="20678" spans="8:8">
      <c r="H20678" s="12"/>
    </row>
    <row r="20679" spans="8:8">
      <c r="H20679" s="12"/>
    </row>
    <row r="20680" spans="8:8">
      <c r="H20680" s="12"/>
    </row>
    <row r="20681" spans="8:8">
      <c r="H20681" s="12"/>
    </row>
    <row r="20682" spans="8:8">
      <c r="H20682" s="12"/>
    </row>
    <row r="20683" spans="8:8">
      <c r="H20683" s="12"/>
    </row>
    <row r="20684" spans="8:8">
      <c r="H20684" s="12"/>
    </row>
    <row r="20685" spans="8:8">
      <c r="H20685" s="12"/>
    </row>
    <row r="20686" spans="8:8">
      <c r="H20686" s="12"/>
    </row>
    <row r="20687" spans="8:8">
      <c r="H20687" s="12"/>
    </row>
    <row r="20688" spans="8:8">
      <c r="H20688" s="12"/>
    </row>
    <row r="20689" spans="8:8">
      <c r="H20689" s="12"/>
    </row>
    <row r="20690" spans="8:8">
      <c r="H20690" s="12"/>
    </row>
    <row r="20691" spans="8:8">
      <c r="H20691" s="12"/>
    </row>
    <row r="20692" spans="8:8">
      <c r="H20692" s="12"/>
    </row>
    <row r="20693" spans="8:8">
      <c r="H20693" s="12"/>
    </row>
    <row r="20694" spans="8:8">
      <c r="H20694" s="12"/>
    </row>
    <row r="20695" spans="8:8">
      <c r="H20695" s="12"/>
    </row>
    <row r="20696" spans="8:8">
      <c r="H20696" s="12"/>
    </row>
    <row r="20697" spans="8:8">
      <c r="H20697" s="12"/>
    </row>
    <row r="20698" spans="8:8">
      <c r="H20698" s="12"/>
    </row>
    <row r="20699" spans="8:8">
      <c r="H20699" s="12"/>
    </row>
    <row r="20700" spans="8:8">
      <c r="H20700" s="12"/>
    </row>
    <row r="20701" spans="8:8">
      <c r="H20701" s="12"/>
    </row>
    <row r="20702" spans="8:8">
      <c r="H20702" s="12"/>
    </row>
    <row r="20703" spans="8:8">
      <c r="H20703" s="12"/>
    </row>
    <row r="20704" spans="8:8">
      <c r="H20704" s="12"/>
    </row>
    <row r="20705" spans="8:8">
      <c r="H20705" s="12"/>
    </row>
    <row r="20706" spans="8:8">
      <c r="H20706" s="12"/>
    </row>
    <row r="20707" spans="8:8">
      <c r="H20707" s="12"/>
    </row>
    <row r="20708" spans="8:8">
      <c r="H20708" s="12"/>
    </row>
    <row r="20709" spans="8:8">
      <c r="H20709" s="12"/>
    </row>
    <row r="20710" spans="8:8">
      <c r="H20710" s="12"/>
    </row>
    <row r="20711" spans="8:8">
      <c r="H20711" s="12"/>
    </row>
    <row r="20712" spans="8:8">
      <c r="H20712" s="12"/>
    </row>
    <row r="20713" spans="8:8">
      <c r="H20713" s="12"/>
    </row>
    <row r="20714" spans="8:8">
      <c r="H20714" s="12"/>
    </row>
    <row r="20715" spans="8:8">
      <c r="H20715" s="12"/>
    </row>
    <row r="20716" spans="8:8">
      <c r="H20716" s="12"/>
    </row>
    <row r="20717" spans="8:8">
      <c r="H20717" s="12"/>
    </row>
    <row r="20718" spans="8:8">
      <c r="H20718" s="12"/>
    </row>
    <row r="20719" spans="8:8">
      <c r="H20719" s="12"/>
    </row>
    <row r="20720" spans="8:8">
      <c r="H20720" s="12"/>
    </row>
    <row r="20721" spans="8:8">
      <c r="H20721" s="12"/>
    </row>
    <row r="20722" spans="8:8">
      <c r="H20722" s="12"/>
    </row>
    <row r="20723" spans="8:8">
      <c r="H20723" s="12"/>
    </row>
    <row r="20724" spans="8:8">
      <c r="H20724" s="12"/>
    </row>
    <row r="20725" spans="8:8">
      <c r="H20725" s="12"/>
    </row>
    <row r="20726" spans="8:8">
      <c r="H20726" s="12"/>
    </row>
    <row r="20727" spans="8:8">
      <c r="H20727" s="12"/>
    </row>
    <row r="20728" spans="8:8">
      <c r="H20728" s="12"/>
    </row>
    <row r="20729" spans="8:8">
      <c r="H20729" s="12"/>
    </row>
    <row r="20730" spans="8:8">
      <c r="H20730" s="12"/>
    </row>
    <row r="20731" spans="8:8">
      <c r="H20731" s="12"/>
    </row>
    <row r="20732" spans="8:8">
      <c r="H20732" s="12"/>
    </row>
    <row r="20733" spans="8:8">
      <c r="H20733" s="12"/>
    </row>
    <row r="20734" spans="8:8">
      <c r="H20734" s="12"/>
    </row>
    <row r="20735" spans="8:8">
      <c r="H20735" s="12"/>
    </row>
    <row r="20736" spans="8:8">
      <c r="H20736" s="12"/>
    </row>
    <row r="20737" spans="8:8">
      <c r="H20737" s="12"/>
    </row>
    <row r="20738" spans="8:8">
      <c r="H20738" s="12"/>
    </row>
    <row r="20739" spans="8:8">
      <c r="H20739" s="12"/>
    </row>
    <row r="20740" spans="8:8">
      <c r="H20740" s="12"/>
    </row>
    <row r="20741" spans="8:8">
      <c r="H20741" s="12"/>
    </row>
    <row r="20742" spans="8:8">
      <c r="H20742" s="12"/>
    </row>
    <row r="20743" spans="8:8">
      <c r="H20743" s="12"/>
    </row>
    <row r="20744" spans="8:8">
      <c r="H20744" s="12"/>
    </row>
    <row r="20745" spans="8:8">
      <c r="H20745" s="12"/>
    </row>
    <row r="20746" spans="8:8">
      <c r="H20746" s="12"/>
    </row>
    <row r="20747" spans="8:8">
      <c r="H20747" s="12"/>
    </row>
    <row r="20748" spans="8:8">
      <c r="H20748" s="12"/>
    </row>
    <row r="20749" spans="8:8">
      <c r="H20749" s="12"/>
    </row>
    <row r="20750" spans="8:8">
      <c r="H20750" s="12"/>
    </row>
    <row r="20751" spans="8:8">
      <c r="H20751" s="12"/>
    </row>
    <row r="20752" spans="8:8">
      <c r="H20752" s="12"/>
    </row>
    <row r="20753" spans="8:8">
      <c r="H20753" s="12"/>
    </row>
    <row r="20754" spans="8:8">
      <c r="H20754" s="12"/>
    </row>
    <row r="20755" spans="8:8">
      <c r="H20755" s="12"/>
    </row>
    <row r="20756" spans="8:8">
      <c r="H20756" s="12"/>
    </row>
    <row r="20757" spans="8:8">
      <c r="H20757" s="12"/>
    </row>
    <row r="20758" spans="8:8">
      <c r="H20758" s="12"/>
    </row>
    <row r="20759" spans="8:8">
      <c r="H20759" s="12"/>
    </row>
    <row r="20760" spans="8:8">
      <c r="H20760" s="12"/>
    </row>
    <row r="20761" spans="8:8">
      <c r="H20761" s="12"/>
    </row>
    <row r="20762" spans="8:8">
      <c r="H20762" s="12"/>
    </row>
    <row r="20763" spans="8:8">
      <c r="H20763" s="12"/>
    </row>
    <row r="20764" spans="8:8">
      <c r="H20764" s="12"/>
    </row>
    <row r="20765" spans="8:8">
      <c r="H20765" s="12"/>
    </row>
    <row r="20766" spans="8:8">
      <c r="H20766" s="12"/>
    </row>
    <row r="20767" spans="8:8">
      <c r="H20767" s="12"/>
    </row>
    <row r="20768" spans="8:8">
      <c r="H20768" s="12"/>
    </row>
    <row r="20769" spans="8:8">
      <c r="H20769" s="12"/>
    </row>
    <row r="20770" spans="8:8">
      <c r="H20770" s="12"/>
    </row>
    <row r="20771" spans="8:8">
      <c r="H20771" s="12"/>
    </row>
    <row r="20772" spans="8:8">
      <c r="H20772" s="12"/>
    </row>
    <row r="20773" spans="8:8">
      <c r="H20773" s="12"/>
    </row>
    <row r="20774" spans="8:8">
      <c r="H20774" s="12"/>
    </row>
    <row r="20775" spans="8:8">
      <c r="H20775" s="12"/>
    </row>
    <row r="20776" spans="8:8">
      <c r="H20776" s="12"/>
    </row>
    <row r="20777" spans="8:8">
      <c r="H20777" s="12"/>
    </row>
    <row r="20778" spans="8:8">
      <c r="H20778" s="12"/>
    </row>
    <row r="20779" spans="8:8">
      <c r="H20779" s="12"/>
    </row>
    <row r="20780" spans="8:8">
      <c r="H20780" s="12"/>
    </row>
    <row r="20781" spans="8:8">
      <c r="H20781" s="12"/>
    </row>
    <row r="20782" spans="8:8">
      <c r="H20782" s="12"/>
    </row>
    <row r="20783" spans="8:8">
      <c r="H20783" s="12"/>
    </row>
    <row r="20784" spans="8:8">
      <c r="H20784" s="12"/>
    </row>
    <row r="20785" spans="8:8">
      <c r="H20785" s="12"/>
    </row>
    <row r="20786" spans="8:8">
      <c r="H20786" s="12"/>
    </row>
    <row r="20787" spans="8:8">
      <c r="H20787" s="12"/>
    </row>
    <row r="20788" spans="8:8">
      <c r="H20788" s="12"/>
    </row>
    <row r="20789" spans="8:8">
      <c r="H20789" s="12"/>
    </row>
    <row r="20790" spans="8:8">
      <c r="H20790" s="12"/>
    </row>
    <row r="20791" spans="8:8">
      <c r="H20791" s="12"/>
    </row>
    <row r="20792" spans="8:8">
      <c r="H20792" s="12"/>
    </row>
    <row r="20793" spans="8:8">
      <c r="H20793" s="12"/>
    </row>
    <row r="20794" spans="8:8">
      <c r="H20794" s="12"/>
    </row>
    <row r="20795" spans="8:8">
      <c r="H20795" s="12"/>
    </row>
    <row r="20796" spans="8:8">
      <c r="H20796" s="12"/>
    </row>
    <row r="20797" spans="8:8">
      <c r="H20797" s="12"/>
    </row>
    <row r="20798" spans="8:8">
      <c r="H20798" s="12"/>
    </row>
    <row r="20799" spans="8:8">
      <c r="H20799" s="12"/>
    </row>
    <row r="20800" spans="8:8">
      <c r="H20800" s="12"/>
    </row>
    <row r="20801" spans="8:8">
      <c r="H20801" s="12"/>
    </row>
    <row r="20802" spans="8:8">
      <c r="H20802" s="12"/>
    </row>
    <row r="20803" spans="8:8">
      <c r="H20803" s="12"/>
    </row>
    <row r="20804" spans="8:8">
      <c r="H20804" s="12"/>
    </row>
    <row r="20805" spans="8:8">
      <c r="H20805" s="12"/>
    </row>
    <row r="20806" spans="8:8">
      <c r="H20806" s="12"/>
    </row>
    <row r="20807" spans="8:8">
      <c r="H20807" s="12"/>
    </row>
    <row r="20808" spans="8:8">
      <c r="H20808" s="12"/>
    </row>
    <row r="20809" spans="8:8">
      <c r="H20809" s="12"/>
    </row>
    <row r="20810" spans="8:8">
      <c r="H20810" s="12"/>
    </row>
    <row r="20811" spans="8:8">
      <c r="H20811" s="12"/>
    </row>
    <row r="20812" spans="8:8">
      <c r="H20812" s="12"/>
    </row>
    <row r="20813" spans="8:8">
      <c r="H20813" s="12"/>
    </row>
    <row r="20814" spans="8:8">
      <c r="H20814" s="12"/>
    </row>
    <row r="20815" spans="8:8">
      <c r="H20815" s="12"/>
    </row>
    <row r="20816" spans="8:8">
      <c r="H20816" s="12"/>
    </row>
    <row r="20817" spans="8:8">
      <c r="H20817" s="12"/>
    </row>
    <row r="20818" spans="8:8">
      <c r="H20818" s="12"/>
    </row>
    <row r="20819" spans="8:8">
      <c r="H20819" s="12"/>
    </row>
    <row r="20820" spans="8:8">
      <c r="H20820" s="12"/>
    </row>
    <row r="20821" spans="8:8">
      <c r="H20821" s="12"/>
    </row>
    <row r="20822" spans="8:8">
      <c r="H20822" s="12"/>
    </row>
    <row r="20823" spans="8:8">
      <c r="H20823" s="12"/>
    </row>
    <row r="20824" spans="8:8">
      <c r="H20824" s="12"/>
    </row>
    <row r="20825" spans="8:8">
      <c r="H20825" s="12"/>
    </row>
    <row r="20826" spans="8:8">
      <c r="H20826" s="12"/>
    </row>
    <row r="20827" spans="8:8">
      <c r="H20827" s="12"/>
    </row>
    <row r="20828" spans="8:8">
      <c r="H20828" s="12"/>
    </row>
    <row r="20829" spans="8:8">
      <c r="H20829" s="12"/>
    </row>
    <row r="20830" spans="8:8">
      <c r="H20830" s="12"/>
    </row>
    <row r="20831" spans="8:8">
      <c r="H20831" s="12"/>
    </row>
    <row r="20832" spans="8:8">
      <c r="H20832" s="12"/>
    </row>
    <row r="20833" spans="8:8">
      <c r="H20833" s="12"/>
    </row>
    <row r="20834" spans="8:8">
      <c r="H20834" s="12"/>
    </row>
    <row r="20835" spans="8:8">
      <c r="H20835" s="12"/>
    </row>
    <row r="20836" spans="8:8">
      <c r="H20836" s="12"/>
    </row>
    <row r="20837" spans="8:8">
      <c r="H20837" s="12"/>
    </row>
    <row r="20838" spans="8:8">
      <c r="H20838" s="12"/>
    </row>
    <row r="20839" spans="8:8">
      <c r="H20839" s="12"/>
    </row>
    <row r="20840" spans="8:8">
      <c r="H20840" s="12"/>
    </row>
    <row r="20841" spans="8:8">
      <c r="H20841" s="12"/>
    </row>
    <row r="20842" spans="8:8">
      <c r="H20842" s="12"/>
    </row>
    <row r="20843" spans="8:8">
      <c r="H20843" s="12"/>
    </row>
    <row r="20844" spans="8:8">
      <c r="H20844" s="12"/>
    </row>
    <row r="20845" spans="8:8">
      <c r="H20845" s="12"/>
    </row>
    <row r="20846" spans="8:8">
      <c r="H20846" s="12"/>
    </row>
    <row r="20847" spans="8:8">
      <c r="H20847" s="12"/>
    </row>
    <row r="20848" spans="8:8">
      <c r="H20848" s="12"/>
    </row>
    <row r="20849" spans="8:8">
      <c r="H20849" s="12"/>
    </row>
    <row r="20850" spans="8:8">
      <c r="H20850" s="12"/>
    </row>
    <row r="20851" spans="8:8">
      <c r="H20851" s="12"/>
    </row>
    <row r="20852" spans="8:8">
      <c r="H20852" s="12"/>
    </row>
    <row r="20853" spans="8:8">
      <c r="H20853" s="12"/>
    </row>
    <row r="20854" spans="8:8">
      <c r="H20854" s="12"/>
    </row>
    <row r="20855" spans="8:8">
      <c r="H20855" s="12"/>
    </row>
    <row r="20856" spans="8:8">
      <c r="H20856" s="12"/>
    </row>
    <row r="20857" spans="8:8">
      <c r="H20857" s="12"/>
    </row>
    <row r="20858" spans="8:8">
      <c r="H20858" s="12"/>
    </row>
    <row r="20859" spans="8:8">
      <c r="H20859" s="12"/>
    </row>
    <row r="20860" spans="8:8">
      <c r="H20860" s="12"/>
    </row>
    <row r="20861" spans="8:8">
      <c r="H20861" s="12"/>
    </row>
    <row r="20862" spans="8:8">
      <c r="H20862" s="12"/>
    </row>
    <row r="20863" spans="8:8">
      <c r="H20863" s="12"/>
    </row>
    <row r="20864" spans="8:8">
      <c r="H20864" s="12"/>
    </row>
    <row r="20865" spans="8:8">
      <c r="H20865" s="12"/>
    </row>
    <row r="20866" spans="8:8">
      <c r="H20866" s="12"/>
    </row>
    <row r="20867" spans="8:8">
      <c r="H20867" s="12"/>
    </row>
    <row r="20868" spans="8:8">
      <c r="H20868" s="12"/>
    </row>
    <row r="20869" spans="8:8">
      <c r="H20869" s="12"/>
    </row>
    <row r="20870" spans="8:8">
      <c r="H20870" s="12"/>
    </row>
    <row r="20871" spans="8:8">
      <c r="H20871" s="12"/>
    </row>
    <row r="20872" spans="8:8">
      <c r="H20872" s="12"/>
    </row>
    <row r="20873" spans="8:8">
      <c r="H20873" s="12"/>
    </row>
    <row r="20874" spans="8:8">
      <c r="H20874" s="12"/>
    </row>
    <row r="20875" spans="8:8">
      <c r="H20875" s="12"/>
    </row>
    <row r="20876" spans="8:8">
      <c r="H20876" s="12"/>
    </row>
    <row r="20877" spans="8:8">
      <c r="H20877" s="12"/>
    </row>
    <row r="20878" spans="8:8">
      <c r="H20878" s="12"/>
    </row>
    <row r="20879" spans="8:8">
      <c r="H20879" s="12"/>
    </row>
    <row r="20880" spans="8:8">
      <c r="H20880" s="12"/>
    </row>
    <row r="20881" spans="8:8">
      <c r="H20881" s="12"/>
    </row>
    <row r="20882" spans="8:8">
      <c r="H20882" s="12"/>
    </row>
    <row r="20883" spans="8:8">
      <c r="H20883" s="12"/>
    </row>
    <row r="20884" spans="8:8">
      <c r="H20884" s="12"/>
    </row>
    <row r="20885" spans="8:8">
      <c r="H20885" s="12"/>
    </row>
    <row r="20886" spans="8:8">
      <c r="H20886" s="12"/>
    </row>
    <row r="20887" spans="8:8">
      <c r="H20887" s="12"/>
    </row>
    <row r="20888" spans="8:8">
      <c r="H20888" s="12"/>
    </row>
    <row r="20889" spans="8:8">
      <c r="H20889" s="12"/>
    </row>
    <row r="20890" spans="8:8">
      <c r="H20890" s="12"/>
    </row>
    <row r="20891" spans="8:8">
      <c r="H20891" s="12"/>
    </row>
    <row r="20892" spans="8:8">
      <c r="H20892" s="12"/>
    </row>
    <row r="20893" spans="8:8">
      <c r="H20893" s="12"/>
    </row>
    <row r="20894" spans="8:8">
      <c r="H20894" s="12"/>
    </row>
    <row r="20895" spans="8:8">
      <c r="H20895" s="12"/>
    </row>
    <row r="20896" spans="8:8">
      <c r="H20896" s="12"/>
    </row>
    <row r="20897" spans="8:8">
      <c r="H20897" s="12"/>
    </row>
    <row r="20898" spans="8:8">
      <c r="H20898" s="12"/>
    </row>
    <row r="20899" spans="8:8">
      <c r="H20899" s="12"/>
    </row>
    <row r="20900" spans="8:8">
      <c r="H20900" s="12"/>
    </row>
    <row r="20901" spans="8:8">
      <c r="H20901" s="12"/>
    </row>
    <row r="20902" spans="8:8">
      <c r="H20902" s="12"/>
    </row>
    <row r="20903" spans="8:8">
      <c r="H20903" s="12"/>
    </row>
    <row r="20904" spans="8:8">
      <c r="H20904" s="12"/>
    </row>
    <row r="20905" spans="8:8">
      <c r="H20905" s="12"/>
    </row>
    <row r="20906" spans="8:8">
      <c r="H20906" s="12"/>
    </row>
    <row r="20907" spans="8:8">
      <c r="H20907" s="12"/>
    </row>
    <row r="20908" spans="8:8">
      <c r="H20908" s="12"/>
    </row>
    <row r="20909" spans="8:8">
      <c r="H20909" s="12"/>
    </row>
    <row r="20910" spans="8:8">
      <c r="H20910" s="12"/>
    </row>
    <row r="20911" spans="8:8">
      <c r="H20911" s="12"/>
    </row>
    <row r="20912" spans="8:8">
      <c r="H20912" s="12"/>
    </row>
    <row r="20913" spans="8:8">
      <c r="H20913" s="12"/>
    </row>
    <row r="20914" spans="8:8">
      <c r="H20914" s="12"/>
    </row>
    <row r="20915" spans="8:8">
      <c r="H20915" s="12"/>
    </row>
    <row r="20916" spans="8:8">
      <c r="H20916" s="12"/>
    </row>
    <row r="20917" spans="8:8">
      <c r="H20917" s="12"/>
    </row>
    <row r="20918" spans="8:8">
      <c r="H20918" s="12"/>
    </row>
    <row r="20919" spans="8:8">
      <c r="H20919" s="12"/>
    </row>
    <row r="20920" spans="8:8">
      <c r="H20920" s="12"/>
    </row>
    <row r="20921" spans="8:8">
      <c r="H20921" s="12"/>
    </row>
    <row r="20922" spans="8:8">
      <c r="H20922" s="12"/>
    </row>
    <row r="20923" spans="8:8">
      <c r="H20923" s="12"/>
    </row>
    <row r="20924" spans="8:8">
      <c r="H20924" s="12"/>
    </row>
    <row r="20925" spans="8:8">
      <c r="H20925" s="12"/>
    </row>
    <row r="20926" spans="8:8">
      <c r="H20926" s="12"/>
    </row>
    <row r="20927" spans="8:8">
      <c r="H20927" s="12"/>
    </row>
    <row r="20928" spans="8:8">
      <c r="H20928" s="12"/>
    </row>
    <row r="20929" spans="8:8">
      <c r="H20929" s="12"/>
    </row>
    <row r="20930" spans="8:8">
      <c r="H20930" s="12"/>
    </row>
    <row r="20931" spans="8:8">
      <c r="H20931" s="12"/>
    </row>
    <row r="20932" spans="8:8">
      <c r="H20932" s="12"/>
    </row>
    <row r="20933" spans="8:8">
      <c r="H20933" s="12"/>
    </row>
    <row r="20934" spans="8:8">
      <c r="H20934" s="12"/>
    </row>
    <row r="20935" spans="8:8">
      <c r="H20935" s="12"/>
    </row>
    <row r="20936" spans="8:8">
      <c r="H20936" s="12"/>
    </row>
    <row r="20937" spans="8:8">
      <c r="H20937" s="12"/>
    </row>
    <row r="20938" spans="8:8">
      <c r="H20938" s="12"/>
    </row>
    <row r="20939" spans="8:8">
      <c r="H20939" s="12"/>
    </row>
    <row r="20940" spans="8:8">
      <c r="H20940" s="12"/>
    </row>
    <row r="20941" spans="8:8">
      <c r="H20941" s="12"/>
    </row>
    <row r="20942" spans="8:8">
      <c r="H20942" s="12"/>
    </row>
    <row r="20943" spans="8:8">
      <c r="H20943" s="12"/>
    </row>
    <row r="20944" spans="8:8">
      <c r="H20944" s="12"/>
    </row>
    <row r="20945" spans="8:8">
      <c r="H20945" s="12"/>
    </row>
    <row r="20946" spans="8:8">
      <c r="H20946" s="12"/>
    </row>
    <row r="20947" spans="8:8">
      <c r="H20947" s="12"/>
    </row>
    <row r="20948" spans="8:8">
      <c r="H20948" s="12"/>
    </row>
    <row r="20949" spans="8:8">
      <c r="H20949" s="12"/>
    </row>
    <row r="20950" spans="8:8">
      <c r="H20950" s="12"/>
    </row>
    <row r="20951" spans="8:8">
      <c r="H20951" s="12"/>
    </row>
    <row r="20952" spans="8:8">
      <c r="H20952" s="12"/>
    </row>
    <row r="20953" spans="8:8">
      <c r="H20953" s="12"/>
    </row>
    <row r="20954" spans="8:8">
      <c r="H20954" s="12"/>
    </row>
    <row r="20955" spans="8:8">
      <c r="H20955" s="12"/>
    </row>
    <row r="20956" spans="8:8">
      <c r="H20956" s="12"/>
    </row>
    <row r="20957" spans="8:8">
      <c r="H20957" s="12"/>
    </row>
    <row r="20958" spans="8:8">
      <c r="H20958" s="12"/>
    </row>
    <row r="20959" spans="8:8">
      <c r="H20959" s="12"/>
    </row>
    <row r="20960" spans="8:8">
      <c r="H20960" s="12"/>
    </row>
    <row r="20961" spans="8:8">
      <c r="H20961" s="12"/>
    </row>
    <row r="20962" spans="8:8">
      <c r="H20962" s="12"/>
    </row>
    <row r="20963" spans="8:8">
      <c r="H20963" s="12"/>
    </row>
    <row r="20964" spans="8:8">
      <c r="H20964" s="12"/>
    </row>
    <row r="20965" spans="8:8">
      <c r="H20965" s="12"/>
    </row>
    <row r="20966" spans="8:8">
      <c r="H20966" s="12"/>
    </row>
    <row r="20967" spans="8:8">
      <c r="H20967" s="12"/>
    </row>
    <row r="20968" spans="8:8">
      <c r="H20968" s="12"/>
    </row>
    <row r="20969" spans="8:8">
      <c r="H20969" s="12"/>
    </row>
    <row r="20970" spans="8:8">
      <c r="H20970" s="12"/>
    </row>
    <row r="20971" spans="8:8">
      <c r="H20971" s="12"/>
    </row>
    <row r="20972" spans="8:8">
      <c r="H20972" s="12"/>
    </row>
    <row r="20973" spans="8:8">
      <c r="H20973" s="12"/>
    </row>
    <row r="20974" spans="8:8">
      <c r="H20974" s="12"/>
    </row>
    <row r="20975" spans="8:8">
      <c r="H20975" s="12"/>
    </row>
    <row r="20976" spans="8:8">
      <c r="H20976" s="12"/>
    </row>
    <row r="20977" spans="8:8">
      <c r="H20977" s="12"/>
    </row>
    <row r="20978" spans="8:8">
      <c r="H20978" s="12"/>
    </row>
    <row r="20979" spans="8:8">
      <c r="H20979" s="12"/>
    </row>
    <row r="20980" spans="8:8">
      <c r="H20980" s="12"/>
    </row>
    <row r="20981" spans="8:8">
      <c r="H20981" s="12"/>
    </row>
    <row r="20982" spans="8:8">
      <c r="H20982" s="12"/>
    </row>
    <row r="20983" spans="8:8">
      <c r="H20983" s="12"/>
    </row>
    <row r="20984" spans="8:8">
      <c r="H20984" s="12"/>
    </row>
    <row r="20985" spans="8:8">
      <c r="H20985" s="12"/>
    </row>
    <row r="20986" spans="8:8">
      <c r="H20986" s="12"/>
    </row>
    <row r="20987" spans="8:8">
      <c r="H20987" s="12"/>
    </row>
    <row r="20988" spans="8:8">
      <c r="H20988" s="12"/>
    </row>
    <row r="20989" spans="8:8">
      <c r="H20989" s="12"/>
    </row>
    <row r="20990" spans="8:8">
      <c r="H20990" s="12"/>
    </row>
    <row r="20991" spans="8:8">
      <c r="H20991" s="12"/>
    </row>
    <row r="20992" spans="8:8">
      <c r="H20992" s="12"/>
    </row>
    <row r="20993" spans="8:8">
      <c r="H20993" s="12"/>
    </row>
    <row r="20994" spans="8:8">
      <c r="H20994" s="12"/>
    </row>
    <row r="20995" spans="8:8">
      <c r="H20995" s="12"/>
    </row>
    <row r="20996" spans="8:8">
      <c r="H20996" s="12"/>
    </row>
    <row r="20997" spans="8:8">
      <c r="H20997" s="12"/>
    </row>
    <row r="20998" spans="8:8">
      <c r="H20998" s="12"/>
    </row>
    <row r="20999" spans="8:8">
      <c r="H20999" s="12"/>
    </row>
    <row r="21000" spans="8:8">
      <c r="H21000" s="12"/>
    </row>
    <row r="21001" spans="8:8">
      <c r="H21001" s="12"/>
    </row>
    <row r="21002" spans="8:8">
      <c r="H21002" s="12"/>
    </row>
    <row r="21003" spans="8:8">
      <c r="H21003" s="12"/>
    </row>
    <row r="21004" spans="8:8">
      <c r="H21004" s="12"/>
    </row>
    <row r="21005" spans="8:8">
      <c r="H21005" s="12"/>
    </row>
    <row r="21006" spans="8:8">
      <c r="H21006" s="12"/>
    </row>
    <row r="21007" spans="8:8">
      <c r="H21007" s="12"/>
    </row>
    <row r="21008" spans="8:8">
      <c r="H21008" s="12"/>
    </row>
    <row r="21009" spans="8:8">
      <c r="H21009" s="12"/>
    </row>
    <row r="21010" spans="8:8">
      <c r="H21010" s="12"/>
    </row>
    <row r="21011" spans="8:8">
      <c r="H21011" s="12"/>
    </row>
    <row r="21012" spans="8:8">
      <c r="H21012" s="12"/>
    </row>
    <row r="21013" spans="8:8">
      <c r="H21013" s="12"/>
    </row>
    <row r="21014" spans="8:8">
      <c r="H21014" s="12"/>
    </row>
    <row r="21015" spans="8:8">
      <c r="H21015" s="12"/>
    </row>
    <row r="21016" spans="8:8">
      <c r="H21016" s="12"/>
    </row>
    <row r="21017" spans="8:8">
      <c r="H21017" s="12"/>
    </row>
    <row r="21018" spans="8:8">
      <c r="H21018" s="12"/>
    </row>
    <row r="21019" spans="8:8">
      <c r="H21019" s="12"/>
    </row>
    <row r="21020" spans="8:8">
      <c r="H21020" s="12"/>
    </row>
    <row r="21021" spans="8:8">
      <c r="H21021" s="12"/>
    </row>
    <row r="21022" spans="8:8">
      <c r="H21022" s="12"/>
    </row>
    <row r="21023" spans="8:8">
      <c r="H21023" s="12"/>
    </row>
    <row r="21024" spans="8:8">
      <c r="H21024" s="12"/>
    </row>
    <row r="21025" spans="8:8">
      <c r="H21025" s="12"/>
    </row>
    <row r="21026" spans="8:8">
      <c r="H21026" s="12"/>
    </row>
    <row r="21027" spans="8:8">
      <c r="H21027" s="12"/>
    </row>
    <row r="21028" spans="8:8">
      <c r="H21028" s="12"/>
    </row>
    <row r="21029" spans="8:8">
      <c r="H21029" s="12"/>
    </row>
    <row r="21030" spans="8:8">
      <c r="H21030" s="12"/>
    </row>
    <row r="21031" spans="8:8">
      <c r="H21031" s="12"/>
    </row>
    <row r="21032" spans="8:8">
      <c r="H21032" s="12"/>
    </row>
    <row r="21033" spans="8:8">
      <c r="H21033" s="12"/>
    </row>
    <row r="21034" spans="8:8">
      <c r="H21034" s="12"/>
    </row>
    <row r="21035" spans="8:8">
      <c r="H21035" s="12"/>
    </row>
    <row r="21036" spans="8:8">
      <c r="H21036" s="12"/>
    </row>
    <row r="21037" spans="8:8">
      <c r="H21037" s="12"/>
    </row>
    <row r="21038" spans="8:8">
      <c r="H21038" s="12"/>
    </row>
    <row r="21039" spans="8:8">
      <c r="H21039" s="12"/>
    </row>
    <row r="21040" spans="8:8">
      <c r="H21040" s="12"/>
    </row>
    <row r="21041" spans="8:8">
      <c r="H21041" s="12"/>
    </row>
    <row r="21042" spans="8:8">
      <c r="H21042" s="12"/>
    </row>
    <row r="21043" spans="8:8">
      <c r="H21043" s="12"/>
    </row>
    <row r="21044" spans="8:8">
      <c r="H21044" s="12"/>
    </row>
    <row r="21045" spans="8:8">
      <c r="H21045" s="12"/>
    </row>
    <row r="21046" spans="8:8">
      <c r="H21046" s="12"/>
    </row>
    <row r="21047" spans="8:8">
      <c r="H21047" s="12"/>
    </row>
    <row r="21048" spans="8:8">
      <c r="H21048" s="12"/>
    </row>
    <row r="21049" spans="8:8">
      <c r="H21049" s="12"/>
    </row>
    <row r="21050" spans="8:8">
      <c r="H21050" s="12"/>
    </row>
    <row r="21051" spans="8:8">
      <c r="H21051" s="12"/>
    </row>
    <row r="21052" spans="8:8">
      <c r="H21052" s="12"/>
    </row>
    <row r="21053" spans="8:8">
      <c r="H21053" s="12"/>
    </row>
    <row r="21054" spans="8:8">
      <c r="H21054" s="12"/>
    </row>
    <row r="21055" spans="8:8">
      <c r="H21055" s="12"/>
    </row>
    <row r="21056" spans="8:8">
      <c r="H21056" s="12"/>
    </row>
    <row r="21057" spans="8:8">
      <c r="H21057" s="12"/>
    </row>
    <row r="21058" spans="8:8">
      <c r="H21058" s="12"/>
    </row>
    <row r="21059" spans="8:8">
      <c r="H21059" s="12"/>
    </row>
    <row r="21060" spans="8:8">
      <c r="H21060" s="12"/>
    </row>
    <row r="21061" spans="8:8">
      <c r="H21061" s="12"/>
    </row>
    <row r="21062" spans="8:8">
      <c r="H21062" s="12"/>
    </row>
    <row r="21063" spans="8:8">
      <c r="H21063" s="12"/>
    </row>
    <row r="21064" spans="8:8">
      <c r="H21064" s="12"/>
    </row>
    <row r="21065" spans="8:8">
      <c r="H21065" s="12"/>
    </row>
    <row r="21066" spans="8:8">
      <c r="H21066" s="12"/>
    </row>
    <row r="21067" spans="8:8">
      <c r="H21067" s="12"/>
    </row>
    <row r="21068" spans="8:8">
      <c r="H21068" s="12"/>
    </row>
    <row r="21069" spans="8:8">
      <c r="H21069" s="12"/>
    </row>
    <row r="21070" spans="8:8">
      <c r="H21070" s="12"/>
    </row>
    <row r="21071" spans="8:8">
      <c r="H21071" s="12"/>
    </row>
    <row r="21072" spans="8:8">
      <c r="H21072" s="12"/>
    </row>
    <row r="21073" spans="8:8">
      <c r="H21073" s="12"/>
    </row>
    <row r="21074" spans="8:8">
      <c r="H21074" s="12"/>
    </row>
    <row r="21075" spans="8:8">
      <c r="H21075" s="12"/>
    </row>
    <row r="21076" spans="8:8">
      <c r="H21076" s="12"/>
    </row>
    <row r="21077" spans="8:8">
      <c r="H21077" s="12"/>
    </row>
    <row r="21078" spans="8:8">
      <c r="H21078" s="12"/>
    </row>
    <row r="21079" spans="8:8">
      <c r="H21079" s="12"/>
    </row>
    <row r="21080" spans="8:8">
      <c r="H21080" s="12"/>
    </row>
    <row r="21081" spans="8:8">
      <c r="H21081" s="12"/>
    </row>
    <row r="21082" spans="8:8">
      <c r="H21082" s="12"/>
    </row>
    <row r="21083" spans="8:8">
      <c r="H21083" s="12"/>
    </row>
    <row r="21084" spans="8:8">
      <c r="H21084" s="12"/>
    </row>
    <row r="21085" spans="8:8">
      <c r="H21085" s="12"/>
    </row>
    <row r="21086" spans="8:8">
      <c r="H21086" s="12"/>
    </row>
    <row r="21087" spans="8:8">
      <c r="H21087" s="12"/>
    </row>
    <row r="21088" spans="8:8">
      <c r="H21088" s="12"/>
    </row>
    <row r="21089" spans="8:8">
      <c r="H21089" s="12"/>
    </row>
    <row r="21090" spans="8:8">
      <c r="H21090" s="12"/>
    </row>
    <row r="21091" spans="8:8">
      <c r="H21091" s="12"/>
    </row>
    <row r="21092" spans="8:8">
      <c r="H21092" s="12"/>
    </row>
    <row r="21093" spans="8:8">
      <c r="H21093" s="12"/>
    </row>
    <row r="21094" spans="8:8">
      <c r="H21094" s="12"/>
    </row>
    <row r="21095" spans="8:8">
      <c r="H21095" s="12"/>
    </row>
    <row r="21096" spans="8:8">
      <c r="H21096" s="12"/>
    </row>
    <row r="21097" spans="8:8">
      <c r="H21097" s="12"/>
    </row>
    <row r="21098" spans="8:8">
      <c r="H21098" s="12"/>
    </row>
    <row r="21099" spans="8:8">
      <c r="H21099" s="12"/>
    </row>
    <row r="21100" spans="8:8">
      <c r="H21100" s="12"/>
    </row>
    <row r="21101" spans="8:8">
      <c r="H21101" s="12"/>
    </row>
    <row r="21102" spans="8:8">
      <c r="H21102" s="12"/>
    </row>
    <row r="21103" spans="8:8">
      <c r="H21103" s="12"/>
    </row>
    <row r="21104" spans="8:8">
      <c r="H21104" s="12"/>
    </row>
    <row r="21105" spans="8:8">
      <c r="H21105" s="12"/>
    </row>
    <row r="21106" spans="8:8">
      <c r="H21106" s="12"/>
    </row>
    <row r="21107" spans="8:8">
      <c r="H21107" s="12"/>
    </row>
    <row r="21108" spans="8:8">
      <c r="H21108" s="12"/>
    </row>
    <row r="21109" spans="8:8">
      <c r="H21109" s="12"/>
    </row>
    <row r="21110" spans="8:8">
      <c r="H21110" s="12"/>
    </row>
    <row r="21111" spans="8:8">
      <c r="H21111" s="12"/>
    </row>
    <row r="21112" spans="8:8">
      <c r="H21112" s="12"/>
    </row>
    <row r="21113" spans="8:8">
      <c r="H21113" s="12"/>
    </row>
    <row r="21114" spans="8:8">
      <c r="H21114" s="12"/>
    </row>
    <row r="21115" spans="8:8">
      <c r="H21115" s="12"/>
    </row>
    <row r="21116" spans="8:8">
      <c r="H21116" s="12"/>
    </row>
    <row r="21117" spans="8:8">
      <c r="H21117" s="12"/>
    </row>
    <row r="21118" spans="8:8">
      <c r="H21118" s="12"/>
    </row>
    <row r="21119" spans="8:8">
      <c r="H21119" s="12"/>
    </row>
    <row r="21120" spans="8:8">
      <c r="H21120" s="12"/>
    </row>
    <row r="21121" spans="8:8">
      <c r="H21121" s="12"/>
    </row>
    <row r="21122" spans="8:8">
      <c r="H21122" s="12"/>
    </row>
    <row r="21123" spans="8:8">
      <c r="H21123" s="12"/>
    </row>
    <row r="21124" spans="8:8">
      <c r="H21124" s="12"/>
    </row>
    <row r="21125" spans="8:8">
      <c r="H21125" s="12"/>
    </row>
    <row r="21126" spans="8:8">
      <c r="H21126" s="12"/>
    </row>
    <row r="21127" spans="8:8">
      <c r="H21127" s="12"/>
    </row>
    <row r="21128" spans="8:8">
      <c r="H21128" s="12"/>
    </row>
    <row r="21129" spans="8:8">
      <c r="H21129" s="12"/>
    </row>
    <row r="21130" spans="8:8">
      <c r="H21130" s="12"/>
    </row>
    <row r="21131" spans="8:8">
      <c r="H21131" s="12"/>
    </row>
    <row r="21132" spans="8:8">
      <c r="H21132" s="12"/>
    </row>
    <row r="21133" spans="8:8">
      <c r="H21133" s="12"/>
    </row>
    <row r="21134" spans="8:8">
      <c r="H21134" s="12"/>
    </row>
    <row r="21135" spans="8:8">
      <c r="H21135" s="12"/>
    </row>
    <row r="21136" spans="8:8">
      <c r="H21136" s="12"/>
    </row>
    <row r="21137" spans="8:8">
      <c r="H21137" s="12"/>
    </row>
    <row r="21138" spans="8:8">
      <c r="H21138" s="12"/>
    </row>
    <row r="21139" spans="8:8">
      <c r="H21139" s="12"/>
    </row>
    <row r="21140" spans="8:8">
      <c r="H21140" s="12"/>
    </row>
    <row r="21141" spans="8:8">
      <c r="H21141" s="12"/>
    </row>
    <row r="21142" spans="8:8">
      <c r="H21142" s="12"/>
    </row>
    <row r="21143" spans="8:8">
      <c r="H21143" s="12"/>
    </row>
    <row r="21144" spans="8:8">
      <c r="H21144" s="12"/>
    </row>
    <row r="21145" spans="8:8">
      <c r="H21145" s="12"/>
    </row>
    <row r="21146" spans="8:8">
      <c r="H21146" s="12"/>
    </row>
    <row r="21147" spans="8:8">
      <c r="H21147" s="12"/>
    </row>
    <row r="21148" spans="8:8">
      <c r="H21148" s="12"/>
    </row>
    <row r="21149" spans="8:8">
      <c r="H21149" s="12"/>
    </row>
    <row r="21150" spans="8:8">
      <c r="H21150" s="12"/>
    </row>
    <row r="21151" spans="8:8">
      <c r="H21151" s="12"/>
    </row>
    <row r="21152" spans="8:8">
      <c r="H21152" s="12"/>
    </row>
    <row r="21153" spans="8:8">
      <c r="H21153" s="12"/>
    </row>
    <row r="21154" spans="8:8">
      <c r="H21154" s="12"/>
    </row>
    <row r="21155" spans="8:8">
      <c r="H21155" s="12"/>
    </row>
    <row r="21156" spans="8:8">
      <c r="H21156" s="12"/>
    </row>
    <row r="21157" spans="8:8">
      <c r="H21157" s="12"/>
    </row>
    <row r="21158" spans="8:8">
      <c r="H21158" s="12"/>
    </row>
    <row r="21159" spans="8:8">
      <c r="H21159" s="12"/>
    </row>
    <row r="21160" spans="8:8">
      <c r="H21160" s="12"/>
    </row>
    <row r="21161" spans="8:8">
      <c r="H21161" s="12"/>
    </row>
    <row r="21162" spans="8:8">
      <c r="H21162" s="12"/>
    </row>
    <row r="21163" spans="8:8">
      <c r="H21163" s="12"/>
    </row>
    <row r="21164" spans="8:8">
      <c r="H21164" s="12"/>
    </row>
    <row r="21165" spans="8:8">
      <c r="H21165" s="12"/>
    </row>
    <row r="21166" spans="8:8">
      <c r="H21166" s="12"/>
    </row>
    <row r="21167" spans="8:8">
      <c r="H21167" s="12"/>
    </row>
    <row r="21168" spans="8:8">
      <c r="H21168" s="12"/>
    </row>
    <row r="21169" spans="8:8">
      <c r="H21169" s="12"/>
    </row>
    <row r="21170" spans="8:8">
      <c r="H21170" s="12"/>
    </row>
    <row r="21171" spans="8:8">
      <c r="H21171" s="12"/>
    </row>
    <row r="21172" spans="8:8">
      <c r="H21172" s="12"/>
    </row>
    <row r="21173" spans="8:8">
      <c r="H21173" s="12"/>
    </row>
    <row r="21174" spans="8:8">
      <c r="H21174" s="12"/>
    </row>
    <row r="21175" spans="8:8">
      <c r="H21175" s="12"/>
    </row>
    <row r="21176" spans="8:8">
      <c r="H21176" s="12"/>
    </row>
    <row r="21177" spans="8:8">
      <c r="H21177" s="12"/>
    </row>
    <row r="21178" spans="8:8">
      <c r="H21178" s="12"/>
    </row>
    <row r="21179" spans="8:8">
      <c r="H21179" s="12"/>
    </row>
    <row r="21180" spans="8:8">
      <c r="H21180" s="12"/>
    </row>
    <row r="21181" spans="8:8">
      <c r="H21181" s="12"/>
    </row>
    <row r="21182" spans="8:8">
      <c r="H21182" s="12"/>
    </row>
    <row r="21183" spans="8:8">
      <c r="H21183" s="12"/>
    </row>
    <row r="21184" spans="8:8">
      <c r="H21184" s="12"/>
    </row>
    <row r="21185" spans="8:8">
      <c r="H21185" s="12"/>
    </row>
    <row r="21186" spans="8:8">
      <c r="H21186" s="12"/>
    </row>
    <row r="21187" spans="8:8">
      <c r="H21187" s="12"/>
    </row>
    <row r="21188" spans="8:8">
      <c r="H21188" s="12"/>
    </row>
    <row r="21189" spans="8:8">
      <c r="H21189" s="12"/>
    </row>
    <row r="21190" spans="8:8">
      <c r="H21190" s="12"/>
    </row>
    <row r="21191" spans="8:8">
      <c r="H21191" s="12"/>
    </row>
    <row r="21192" spans="8:8">
      <c r="H21192" s="12"/>
    </row>
    <row r="21193" spans="8:8">
      <c r="H21193" s="12"/>
    </row>
    <row r="21194" spans="8:8">
      <c r="H21194" s="12"/>
    </row>
    <row r="21195" spans="8:8">
      <c r="H21195" s="12"/>
    </row>
    <row r="21196" spans="8:8">
      <c r="H21196" s="12"/>
    </row>
    <row r="21197" spans="8:8">
      <c r="H21197" s="12"/>
    </row>
    <row r="21198" spans="8:8">
      <c r="H21198" s="12"/>
    </row>
    <row r="21199" spans="8:8">
      <c r="H21199" s="12"/>
    </row>
    <row r="21200" spans="8:8">
      <c r="H21200" s="12"/>
    </row>
    <row r="21201" spans="8:8">
      <c r="H21201" s="12"/>
    </row>
    <row r="21202" spans="8:8">
      <c r="H21202" s="12"/>
    </row>
    <row r="21203" spans="8:8">
      <c r="H21203" s="12"/>
    </row>
    <row r="21204" spans="8:8">
      <c r="H21204" s="12"/>
    </row>
    <row r="21205" spans="8:8">
      <c r="H21205" s="12"/>
    </row>
    <row r="21206" spans="8:8">
      <c r="H21206" s="12"/>
    </row>
    <row r="21207" spans="8:8">
      <c r="H21207" s="12"/>
    </row>
    <row r="21208" spans="8:8">
      <c r="H21208" s="12"/>
    </row>
    <row r="21209" spans="8:8">
      <c r="H21209" s="12"/>
    </row>
    <row r="21210" spans="8:8">
      <c r="H21210" s="12"/>
    </row>
    <row r="21211" spans="8:8">
      <c r="H21211" s="12"/>
    </row>
    <row r="21212" spans="8:8">
      <c r="H21212" s="12"/>
    </row>
    <row r="21213" spans="8:8">
      <c r="H21213" s="12"/>
    </row>
    <row r="21214" spans="8:8">
      <c r="H21214" s="12"/>
    </row>
    <row r="21215" spans="8:8">
      <c r="H21215" s="12"/>
    </row>
    <row r="21216" spans="8:8">
      <c r="H21216" s="12"/>
    </row>
    <row r="21217" spans="8:8">
      <c r="H21217" s="12"/>
    </row>
    <row r="21218" spans="8:8">
      <c r="H21218" s="12"/>
    </row>
    <row r="21219" spans="8:8">
      <c r="H21219" s="12"/>
    </row>
    <row r="21220" spans="8:8">
      <c r="H21220" s="12"/>
    </row>
    <row r="21221" spans="8:8">
      <c r="H21221" s="12"/>
    </row>
    <row r="21222" spans="8:8">
      <c r="H21222" s="12"/>
    </row>
    <row r="21223" spans="8:8">
      <c r="H21223" s="12"/>
    </row>
    <row r="21224" spans="8:8">
      <c r="H21224" s="12"/>
    </row>
    <row r="21225" spans="8:8">
      <c r="H21225" s="12"/>
    </row>
    <row r="21226" spans="8:8">
      <c r="H21226" s="12"/>
    </row>
    <row r="21227" spans="8:8">
      <c r="H21227" s="12"/>
    </row>
    <row r="21228" spans="8:8">
      <c r="H21228" s="12"/>
    </row>
    <row r="21229" spans="8:8">
      <c r="H21229" s="12"/>
    </row>
    <row r="21230" spans="8:8">
      <c r="H21230" s="12"/>
    </row>
    <row r="21231" spans="8:8">
      <c r="H21231" s="12"/>
    </row>
    <row r="21232" spans="8:8">
      <c r="H21232" s="12"/>
    </row>
    <row r="21233" spans="8:8">
      <c r="H21233" s="12"/>
    </row>
    <row r="21234" spans="8:8">
      <c r="H21234" s="12"/>
    </row>
    <row r="21235" spans="8:8">
      <c r="H21235" s="12"/>
    </row>
    <row r="21236" spans="8:8">
      <c r="H21236" s="12"/>
    </row>
    <row r="21237" spans="8:8">
      <c r="H21237" s="12"/>
    </row>
    <row r="21238" spans="8:8">
      <c r="H21238" s="12"/>
    </row>
    <row r="21239" spans="8:8">
      <c r="H21239" s="12"/>
    </row>
    <row r="21240" spans="8:8">
      <c r="H21240" s="12"/>
    </row>
    <row r="21241" spans="8:8">
      <c r="H21241" s="12"/>
    </row>
    <row r="21242" spans="8:8">
      <c r="H21242" s="12"/>
    </row>
    <row r="21243" spans="8:8">
      <c r="H21243" s="12"/>
    </row>
    <row r="21244" spans="8:8">
      <c r="H21244" s="12"/>
    </row>
    <row r="21245" spans="8:8">
      <c r="H21245" s="12"/>
    </row>
    <row r="21246" spans="8:8">
      <c r="H21246" s="12"/>
    </row>
    <row r="21247" spans="8:8">
      <c r="H21247" s="12"/>
    </row>
    <row r="21248" spans="8:8">
      <c r="H21248" s="12"/>
    </row>
    <row r="21249" spans="8:8">
      <c r="H21249" s="12"/>
    </row>
    <row r="21250" spans="8:8">
      <c r="H21250" s="12"/>
    </row>
    <row r="21251" spans="8:8">
      <c r="H21251" s="12"/>
    </row>
    <row r="21252" spans="8:8">
      <c r="H21252" s="12"/>
    </row>
    <row r="21253" spans="8:8">
      <c r="H21253" s="12"/>
    </row>
    <row r="21254" spans="8:8">
      <c r="H21254" s="12"/>
    </row>
    <row r="21255" spans="8:8">
      <c r="H21255" s="12"/>
    </row>
    <row r="21256" spans="8:8">
      <c r="H21256" s="12"/>
    </row>
    <row r="21257" spans="8:8">
      <c r="H21257" s="12"/>
    </row>
    <row r="21258" spans="8:8">
      <c r="H21258" s="12"/>
    </row>
    <row r="21259" spans="8:8">
      <c r="H21259" s="12"/>
    </row>
    <row r="21260" spans="8:8">
      <c r="H21260" s="12"/>
    </row>
    <row r="21261" spans="8:8">
      <c r="H21261" s="12"/>
    </row>
    <row r="21262" spans="8:8">
      <c r="H21262" s="12"/>
    </row>
    <row r="21263" spans="8:8">
      <c r="H21263" s="12"/>
    </row>
    <row r="21264" spans="8:8">
      <c r="H21264" s="12"/>
    </row>
    <row r="21265" spans="8:8">
      <c r="H21265" s="12"/>
    </row>
    <row r="21266" spans="8:8">
      <c r="H21266" s="12"/>
    </row>
    <row r="21267" spans="8:8">
      <c r="H21267" s="12"/>
    </row>
    <row r="21268" spans="8:8">
      <c r="H21268" s="12"/>
    </row>
    <row r="21269" spans="8:8">
      <c r="H21269" s="12"/>
    </row>
    <row r="21270" spans="8:8">
      <c r="H21270" s="12"/>
    </row>
    <row r="21271" spans="8:8">
      <c r="H21271" s="12"/>
    </row>
    <row r="21272" spans="8:8">
      <c r="H21272" s="12"/>
    </row>
    <row r="21273" spans="8:8">
      <c r="H21273" s="12"/>
    </row>
    <row r="21274" spans="8:8">
      <c r="H21274" s="12"/>
    </row>
    <row r="21275" spans="8:8">
      <c r="H21275" s="12"/>
    </row>
    <row r="21276" spans="8:8">
      <c r="H21276" s="12"/>
    </row>
    <row r="21277" spans="8:8">
      <c r="H21277" s="12"/>
    </row>
    <row r="21278" spans="8:8">
      <c r="H21278" s="12"/>
    </row>
    <row r="21279" spans="8:8">
      <c r="H21279" s="12"/>
    </row>
    <row r="21280" spans="8:8">
      <c r="H21280" s="12"/>
    </row>
    <row r="21281" spans="8:8">
      <c r="H21281" s="12"/>
    </row>
    <row r="21282" spans="8:8">
      <c r="H21282" s="12"/>
    </row>
    <row r="21283" spans="8:8">
      <c r="H21283" s="12"/>
    </row>
    <row r="21284" spans="8:8">
      <c r="H21284" s="12"/>
    </row>
    <row r="21285" spans="8:8">
      <c r="H21285" s="12"/>
    </row>
    <row r="21286" spans="8:8">
      <c r="H21286" s="12"/>
    </row>
    <row r="21287" spans="8:8">
      <c r="H21287" s="12"/>
    </row>
    <row r="21288" spans="8:8">
      <c r="H21288" s="12"/>
    </row>
    <row r="21289" spans="8:8">
      <c r="H21289" s="12"/>
    </row>
    <row r="21290" spans="8:8">
      <c r="H21290" s="12"/>
    </row>
    <row r="21291" spans="8:8">
      <c r="H21291" s="12"/>
    </row>
    <row r="21292" spans="8:8">
      <c r="H21292" s="12"/>
    </row>
    <row r="21293" spans="8:8">
      <c r="H21293" s="12"/>
    </row>
    <row r="21294" spans="8:8">
      <c r="H21294" s="12"/>
    </row>
    <row r="21295" spans="8:8">
      <c r="H21295" s="12"/>
    </row>
    <row r="21296" spans="8:8">
      <c r="H21296" s="12"/>
    </row>
    <row r="21297" spans="8:8">
      <c r="H21297" s="12"/>
    </row>
    <row r="21298" spans="8:8">
      <c r="H21298" s="12"/>
    </row>
    <row r="21299" spans="8:8">
      <c r="H21299" s="12"/>
    </row>
    <row r="21300" spans="8:8">
      <c r="H21300" s="12"/>
    </row>
    <row r="21301" spans="8:8">
      <c r="H21301" s="12"/>
    </row>
    <row r="21302" spans="8:8">
      <c r="H21302" s="12"/>
    </row>
    <row r="21303" spans="8:8">
      <c r="H21303" s="12"/>
    </row>
    <row r="21304" spans="8:8">
      <c r="H21304" s="12"/>
    </row>
    <row r="21305" spans="8:8">
      <c r="H21305" s="12"/>
    </row>
    <row r="21306" spans="8:8">
      <c r="H21306" s="12"/>
    </row>
    <row r="21307" spans="8:8">
      <c r="H21307" s="12"/>
    </row>
    <row r="21308" spans="8:8">
      <c r="H21308" s="12"/>
    </row>
    <row r="21309" spans="8:8">
      <c r="H21309" s="12"/>
    </row>
    <row r="21310" spans="8:8">
      <c r="H21310" s="12"/>
    </row>
    <row r="21311" spans="8:8">
      <c r="H21311" s="12"/>
    </row>
    <row r="21312" spans="8:8">
      <c r="H21312" s="12"/>
    </row>
    <row r="21313" spans="8:8">
      <c r="H21313" s="12"/>
    </row>
    <row r="21314" spans="8:8">
      <c r="H21314" s="12"/>
    </row>
    <row r="21315" spans="8:8">
      <c r="H21315" s="12"/>
    </row>
    <row r="21316" spans="8:8">
      <c r="H21316" s="12"/>
    </row>
    <row r="21317" spans="8:8">
      <c r="H21317" s="12"/>
    </row>
    <row r="21318" spans="8:8">
      <c r="H21318" s="12"/>
    </row>
    <row r="21319" spans="8:8">
      <c r="H21319" s="12"/>
    </row>
    <row r="21320" spans="8:8">
      <c r="H21320" s="12"/>
    </row>
    <row r="21321" spans="8:8">
      <c r="H21321" s="12"/>
    </row>
    <row r="21322" spans="8:8">
      <c r="H21322" s="12"/>
    </row>
    <row r="21323" spans="8:8">
      <c r="H21323" s="12"/>
    </row>
    <row r="21324" spans="8:8">
      <c r="H21324" s="12"/>
    </row>
    <row r="21325" spans="8:8">
      <c r="H21325" s="12"/>
    </row>
    <row r="21326" spans="8:8">
      <c r="H21326" s="12"/>
    </row>
    <row r="21327" spans="8:8">
      <c r="H21327" s="12"/>
    </row>
    <row r="21328" spans="8:8">
      <c r="H21328" s="12"/>
    </row>
    <row r="21329" spans="8:8">
      <c r="H21329" s="12"/>
    </row>
    <row r="21330" spans="8:8">
      <c r="H21330" s="12"/>
    </row>
    <row r="21331" spans="8:8">
      <c r="H21331" s="12"/>
    </row>
    <row r="21332" spans="8:8">
      <c r="H21332" s="12"/>
    </row>
    <row r="21333" spans="8:8">
      <c r="H21333" s="12"/>
    </row>
    <row r="21334" spans="8:8">
      <c r="H21334" s="12"/>
    </row>
    <row r="21335" spans="8:8">
      <c r="H21335" s="12"/>
    </row>
    <row r="21336" spans="8:8">
      <c r="H21336" s="12"/>
    </row>
    <row r="21337" spans="8:8">
      <c r="H21337" s="12"/>
    </row>
    <row r="21338" spans="8:8">
      <c r="H21338" s="12"/>
    </row>
    <row r="21339" spans="8:8">
      <c r="H21339" s="12"/>
    </row>
    <row r="21340" spans="8:8">
      <c r="H21340" s="12"/>
    </row>
    <row r="21341" spans="8:8">
      <c r="H21341" s="12"/>
    </row>
    <row r="21342" spans="8:8">
      <c r="H21342" s="12"/>
    </row>
    <row r="21343" spans="8:8">
      <c r="H21343" s="12"/>
    </row>
    <row r="21344" spans="8:8">
      <c r="H21344" s="12"/>
    </row>
    <row r="21345" spans="8:8">
      <c r="H21345" s="12"/>
    </row>
    <row r="21346" spans="8:8">
      <c r="H21346" s="12"/>
    </row>
    <row r="21347" spans="8:8">
      <c r="H21347" s="12"/>
    </row>
    <row r="21348" spans="8:8">
      <c r="H21348" s="12"/>
    </row>
    <row r="21349" spans="8:8">
      <c r="H21349" s="12"/>
    </row>
    <row r="21350" spans="8:8">
      <c r="H21350" s="12"/>
    </row>
    <row r="21351" spans="8:8">
      <c r="H21351" s="12"/>
    </row>
    <row r="21352" spans="8:8">
      <c r="H21352" s="12"/>
    </row>
    <row r="21353" spans="8:8">
      <c r="H21353" s="12"/>
    </row>
    <row r="21354" spans="8:8">
      <c r="H21354" s="12"/>
    </row>
    <row r="21355" spans="8:8">
      <c r="H21355" s="12"/>
    </row>
    <row r="21356" spans="8:8">
      <c r="H21356" s="12"/>
    </row>
    <row r="21357" spans="8:8">
      <c r="H21357" s="12"/>
    </row>
    <row r="21358" spans="8:8">
      <c r="H21358" s="12"/>
    </row>
    <row r="21359" spans="8:8">
      <c r="H21359" s="12"/>
    </row>
    <row r="21360" spans="8:8">
      <c r="H21360" s="12"/>
    </row>
    <row r="21361" spans="8:8">
      <c r="H21361" s="12"/>
    </row>
    <row r="21362" spans="8:8">
      <c r="H21362" s="12"/>
    </row>
    <row r="21363" spans="8:8">
      <c r="H21363" s="12"/>
    </row>
    <row r="21364" spans="8:8">
      <c r="H21364" s="12"/>
    </row>
    <row r="21365" spans="8:8">
      <c r="H21365" s="12"/>
    </row>
    <row r="21366" spans="8:8">
      <c r="H21366" s="12"/>
    </row>
    <row r="21367" spans="8:8">
      <c r="H21367" s="12"/>
    </row>
    <row r="21368" spans="8:8">
      <c r="H21368" s="12"/>
    </row>
    <row r="21369" spans="8:8">
      <c r="H21369" s="12"/>
    </row>
    <row r="21370" spans="8:8">
      <c r="H21370" s="12"/>
    </row>
    <row r="21371" spans="8:8">
      <c r="H21371" s="12"/>
    </row>
    <row r="21372" spans="8:8">
      <c r="H21372" s="12"/>
    </row>
    <row r="21373" spans="8:8">
      <c r="H21373" s="12"/>
    </row>
    <row r="21374" spans="8:8">
      <c r="H21374" s="12"/>
    </row>
    <row r="21375" spans="8:8">
      <c r="H21375" s="12"/>
    </row>
    <row r="21376" spans="8:8">
      <c r="H21376" s="12"/>
    </row>
    <row r="21377" spans="8:8">
      <c r="H21377" s="12"/>
    </row>
    <row r="21378" spans="8:8">
      <c r="H21378" s="12"/>
    </row>
    <row r="21379" spans="8:8">
      <c r="H21379" s="12"/>
    </row>
    <row r="21380" spans="8:8">
      <c r="H21380" s="12"/>
    </row>
    <row r="21381" spans="8:8">
      <c r="H21381" s="12"/>
    </row>
    <row r="21382" spans="8:8">
      <c r="H21382" s="12"/>
    </row>
    <row r="21383" spans="8:8">
      <c r="H21383" s="12"/>
    </row>
    <row r="21384" spans="8:8">
      <c r="H21384" s="12"/>
    </row>
    <row r="21385" spans="8:8">
      <c r="H21385" s="12"/>
    </row>
    <row r="21386" spans="8:8">
      <c r="H21386" s="12"/>
    </row>
    <row r="21387" spans="8:8">
      <c r="H21387" s="12"/>
    </row>
    <row r="21388" spans="8:8">
      <c r="H21388" s="12"/>
    </row>
    <row r="21389" spans="8:8">
      <c r="H21389" s="12"/>
    </row>
    <row r="21390" spans="8:8">
      <c r="H21390" s="12"/>
    </row>
    <row r="21391" spans="8:8">
      <c r="H21391" s="12"/>
    </row>
    <row r="21392" spans="8:8">
      <c r="H21392" s="12"/>
    </row>
    <row r="21393" spans="8:8">
      <c r="H21393" s="12"/>
    </row>
    <row r="21394" spans="8:8">
      <c r="H21394" s="12"/>
    </row>
    <row r="21395" spans="8:8">
      <c r="H21395" s="12"/>
    </row>
    <row r="21396" spans="8:8">
      <c r="H21396" s="12"/>
    </row>
    <row r="21397" spans="8:8">
      <c r="H21397" s="12"/>
    </row>
    <row r="21398" spans="8:8">
      <c r="H21398" s="12"/>
    </row>
    <row r="21399" spans="8:8">
      <c r="H21399" s="12"/>
    </row>
    <row r="21400" spans="8:8">
      <c r="H21400" s="12"/>
    </row>
    <row r="21401" spans="8:8">
      <c r="H21401" s="12"/>
    </row>
    <row r="21402" spans="8:8">
      <c r="H21402" s="12"/>
    </row>
    <row r="21403" spans="8:8">
      <c r="H21403" s="12"/>
    </row>
    <row r="21404" spans="8:8">
      <c r="H21404" s="12"/>
    </row>
    <row r="21405" spans="8:8">
      <c r="H21405" s="12"/>
    </row>
    <row r="21406" spans="8:8">
      <c r="H21406" s="12"/>
    </row>
    <row r="21407" spans="8:8">
      <c r="H21407" s="12"/>
    </row>
    <row r="21408" spans="8:8">
      <c r="H21408" s="12"/>
    </row>
    <row r="21409" spans="8:8">
      <c r="H21409" s="12"/>
    </row>
    <row r="21410" spans="8:8">
      <c r="H21410" s="12"/>
    </row>
    <row r="21411" spans="8:8">
      <c r="H21411" s="12"/>
    </row>
    <row r="21412" spans="8:8">
      <c r="H21412" s="12"/>
    </row>
    <row r="21413" spans="8:8">
      <c r="H21413" s="12"/>
    </row>
    <row r="21414" spans="8:8">
      <c r="H21414" s="12"/>
    </row>
    <row r="21415" spans="8:8">
      <c r="H21415" s="12"/>
    </row>
    <row r="21416" spans="8:8">
      <c r="H21416" s="12"/>
    </row>
    <row r="21417" spans="8:8">
      <c r="H21417" s="12"/>
    </row>
    <row r="21418" spans="8:8">
      <c r="H21418" s="12"/>
    </row>
    <row r="21419" spans="8:8">
      <c r="H21419" s="12"/>
    </row>
    <row r="21420" spans="8:8">
      <c r="H21420" s="12"/>
    </row>
    <row r="21421" spans="8:8">
      <c r="H21421" s="12"/>
    </row>
    <row r="21422" spans="8:8">
      <c r="H21422" s="12"/>
    </row>
    <row r="21423" spans="8:8">
      <c r="H21423" s="12"/>
    </row>
    <row r="21424" spans="8:8">
      <c r="H21424" s="12"/>
    </row>
    <row r="21425" spans="8:8">
      <c r="H21425" s="12"/>
    </row>
    <row r="21426" spans="8:8">
      <c r="H21426" s="12"/>
    </row>
    <row r="21427" spans="8:8">
      <c r="H21427" s="12"/>
    </row>
    <row r="21428" spans="8:8">
      <c r="H21428" s="12"/>
    </row>
    <row r="21429" spans="8:8">
      <c r="H21429" s="12"/>
    </row>
    <row r="21430" spans="8:8">
      <c r="H21430" s="12"/>
    </row>
    <row r="21431" spans="8:8">
      <c r="H21431" s="12"/>
    </row>
    <row r="21432" spans="8:8">
      <c r="H21432" s="12"/>
    </row>
    <row r="21433" spans="8:8">
      <c r="H21433" s="12"/>
    </row>
    <row r="21434" spans="8:8">
      <c r="H21434" s="12"/>
    </row>
    <row r="21435" spans="8:8">
      <c r="H21435" s="12"/>
    </row>
    <row r="21436" spans="8:8">
      <c r="H21436" s="12"/>
    </row>
    <row r="21437" spans="8:8">
      <c r="H21437" s="12"/>
    </row>
    <row r="21438" spans="8:8">
      <c r="H21438" s="12"/>
    </row>
    <row r="21439" spans="8:8">
      <c r="H21439" s="12"/>
    </row>
    <row r="21440" spans="8:8">
      <c r="H21440" s="12"/>
    </row>
    <row r="21441" spans="8:8">
      <c r="H21441" s="12"/>
    </row>
    <row r="21442" spans="8:8">
      <c r="H21442" s="12"/>
    </row>
    <row r="21443" spans="8:8">
      <c r="H21443" s="12"/>
    </row>
    <row r="21444" spans="8:8">
      <c r="H21444" s="12"/>
    </row>
    <row r="21445" spans="8:8">
      <c r="H21445" s="12"/>
    </row>
    <row r="21446" spans="8:8">
      <c r="H21446" s="12"/>
    </row>
    <row r="21447" spans="8:8">
      <c r="H21447" s="12"/>
    </row>
    <row r="21448" spans="8:8">
      <c r="H21448" s="12"/>
    </row>
    <row r="21449" spans="8:8">
      <c r="H21449" s="12"/>
    </row>
    <row r="21450" spans="8:8">
      <c r="H21450" s="12"/>
    </row>
    <row r="21451" spans="8:8">
      <c r="H21451" s="12"/>
    </row>
    <row r="21452" spans="8:8">
      <c r="H21452" s="12"/>
    </row>
    <row r="21453" spans="8:8">
      <c r="H21453" s="12"/>
    </row>
    <row r="21454" spans="8:8">
      <c r="H21454" s="12"/>
    </row>
    <row r="21455" spans="8:8">
      <c r="H21455" s="12"/>
    </row>
    <row r="21456" spans="8:8">
      <c r="H21456" s="12"/>
    </row>
    <row r="21457" spans="8:8">
      <c r="H21457" s="12"/>
    </row>
    <row r="21458" spans="8:8">
      <c r="H21458" s="12"/>
    </row>
    <row r="21459" spans="8:8">
      <c r="H21459" s="12"/>
    </row>
    <row r="21460" spans="8:8">
      <c r="H21460" s="12"/>
    </row>
    <row r="21461" spans="8:8">
      <c r="H21461" s="12"/>
    </row>
    <row r="21462" spans="8:8">
      <c r="H21462" s="12"/>
    </row>
    <row r="21463" spans="8:8">
      <c r="H21463" s="12"/>
    </row>
    <row r="21464" spans="8:8">
      <c r="H21464" s="12"/>
    </row>
    <row r="21465" spans="8:8">
      <c r="H21465" s="12"/>
    </row>
    <row r="21466" spans="8:8">
      <c r="H21466" s="12"/>
    </row>
    <row r="21467" spans="8:8">
      <c r="H21467" s="12"/>
    </row>
    <row r="21468" spans="8:8">
      <c r="H21468" s="12"/>
    </row>
    <row r="21469" spans="8:8">
      <c r="H21469" s="12"/>
    </row>
    <row r="21470" spans="8:8">
      <c r="H21470" s="12"/>
    </row>
    <row r="21471" spans="8:8">
      <c r="H21471" s="12"/>
    </row>
    <row r="21472" spans="8:8">
      <c r="H21472" s="12"/>
    </row>
    <row r="21473" spans="8:8">
      <c r="H21473" s="12"/>
    </row>
    <row r="21474" spans="8:8">
      <c r="H21474" s="12"/>
    </row>
    <row r="21475" spans="8:8">
      <c r="H21475" s="12"/>
    </row>
    <row r="21476" spans="8:8">
      <c r="H21476" s="12"/>
    </row>
    <row r="21477" spans="8:8">
      <c r="H21477" s="12"/>
    </row>
    <row r="21478" spans="8:8">
      <c r="H21478" s="12"/>
    </row>
    <row r="21479" spans="8:8">
      <c r="H21479" s="12"/>
    </row>
    <row r="21480" spans="8:8">
      <c r="H21480" s="12"/>
    </row>
    <row r="21481" spans="8:8">
      <c r="H21481" s="12"/>
    </row>
    <row r="21482" spans="8:8">
      <c r="H21482" s="12"/>
    </row>
    <row r="21483" spans="8:8">
      <c r="H21483" s="12"/>
    </row>
    <row r="21484" spans="8:8">
      <c r="H21484" s="12"/>
    </row>
    <row r="21485" spans="8:8">
      <c r="H21485" s="12"/>
    </row>
    <row r="21486" spans="8:8">
      <c r="H21486" s="12"/>
    </row>
    <row r="21487" spans="8:8">
      <c r="H21487" s="12"/>
    </row>
    <row r="21488" spans="8:8">
      <c r="H21488" s="12"/>
    </row>
    <row r="21489" spans="8:8">
      <c r="H21489" s="12"/>
    </row>
    <row r="21490" spans="8:8">
      <c r="H21490" s="12"/>
    </row>
    <row r="21491" spans="8:8">
      <c r="H21491" s="12"/>
    </row>
    <row r="21492" spans="8:8">
      <c r="H21492" s="12"/>
    </row>
    <row r="21493" spans="8:8">
      <c r="H21493" s="12"/>
    </row>
    <row r="21494" spans="8:8">
      <c r="H21494" s="12"/>
    </row>
    <row r="21495" spans="8:8">
      <c r="H21495" s="12"/>
    </row>
    <row r="21496" spans="8:8">
      <c r="H21496" s="12"/>
    </row>
    <row r="21497" spans="8:8">
      <c r="H21497" s="12"/>
    </row>
    <row r="21498" spans="8:8">
      <c r="H21498" s="12"/>
    </row>
    <row r="21499" spans="8:8">
      <c r="H21499" s="12"/>
    </row>
    <row r="21500" spans="8:8">
      <c r="H21500" s="12"/>
    </row>
    <row r="21501" spans="8:8">
      <c r="H21501" s="12"/>
    </row>
    <row r="21502" spans="8:8">
      <c r="H21502" s="12"/>
    </row>
    <row r="21503" spans="8:8">
      <c r="H21503" s="12"/>
    </row>
    <row r="21504" spans="8:8">
      <c r="H21504" s="12"/>
    </row>
    <row r="21505" spans="8:8">
      <c r="H21505" s="12"/>
    </row>
    <row r="21506" spans="8:8">
      <c r="H21506" s="12"/>
    </row>
    <row r="21507" spans="8:8">
      <c r="H21507" s="12"/>
    </row>
    <row r="21508" spans="8:8">
      <c r="H21508" s="12"/>
    </row>
    <row r="21509" spans="8:8">
      <c r="H21509" s="12"/>
    </row>
    <row r="21510" spans="8:8">
      <c r="H21510" s="12"/>
    </row>
    <row r="21511" spans="8:8">
      <c r="H21511" s="12"/>
    </row>
    <row r="21512" spans="8:8">
      <c r="H21512" s="12"/>
    </row>
    <row r="21513" spans="8:8">
      <c r="H21513" s="12"/>
    </row>
    <row r="21514" spans="8:8">
      <c r="H21514" s="12"/>
    </row>
    <row r="21515" spans="8:8">
      <c r="H21515" s="12"/>
    </row>
    <row r="21516" spans="8:8">
      <c r="H21516" s="12"/>
    </row>
    <row r="21517" spans="8:8">
      <c r="H21517" s="12"/>
    </row>
    <row r="21518" spans="8:8">
      <c r="H21518" s="12"/>
    </row>
    <row r="21519" spans="8:8">
      <c r="H21519" s="12"/>
    </row>
    <row r="21520" spans="8:8">
      <c r="H21520" s="12"/>
    </row>
    <row r="21521" spans="8:8">
      <c r="H21521" s="12"/>
    </row>
    <row r="21522" spans="8:8">
      <c r="H21522" s="12"/>
    </row>
    <row r="21523" spans="8:8">
      <c r="H21523" s="12"/>
    </row>
    <row r="21524" spans="8:8">
      <c r="H21524" s="12"/>
    </row>
    <row r="21525" spans="8:8">
      <c r="H21525" s="12"/>
    </row>
    <row r="21526" spans="8:8">
      <c r="H21526" s="12"/>
    </row>
    <row r="21527" spans="8:8">
      <c r="H21527" s="12"/>
    </row>
    <row r="21528" spans="8:8">
      <c r="H21528" s="12"/>
    </row>
    <row r="21529" spans="8:8">
      <c r="H21529" s="12"/>
    </row>
    <row r="21530" spans="8:8">
      <c r="H21530" s="12"/>
    </row>
    <row r="21531" spans="8:8">
      <c r="H21531" s="12"/>
    </row>
    <row r="21532" spans="8:8">
      <c r="H21532" s="12"/>
    </row>
    <row r="21533" spans="8:8">
      <c r="H21533" s="12"/>
    </row>
    <row r="21534" spans="8:8">
      <c r="H21534" s="12"/>
    </row>
    <row r="21535" spans="8:8">
      <c r="H21535" s="12"/>
    </row>
    <row r="21536" spans="8:8">
      <c r="H21536" s="12"/>
    </row>
    <row r="21537" spans="8:8">
      <c r="H21537" s="12"/>
    </row>
    <row r="21538" spans="8:8">
      <c r="H21538" s="12"/>
    </row>
    <row r="21539" spans="8:8">
      <c r="H21539" s="12"/>
    </row>
    <row r="21540" spans="8:8">
      <c r="H21540" s="12"/>
    </row>
    <row r="21541" spans="8:8">
      <c r="H21541" s="12"/>
    </row>
    <row r="21542" spans="8:8">
      <c r="H21542" s="12"/>
    </row>
    <row r="21543" spans="8:8">
      <c r="H21543" s="12"/>
    </row>
    <row r="21544" spans="8:8">
      <c r="H21544" s="12"/>
    </row>
    <row r="21545" spans="8:8">
      <c r="H21545" s="12"/>
    </row>
    <row r="21546" spans="8:8">
      <c r="H21546" s="12"/>
    </row>
    <row r="21547" spans="8:8">
      <c r="H21547" s="12"/>
    </row>
    <row r="21548" spans="8:8">
      <c r="H21548" s="12"/>
    </row>
    <row r="21549" spans="8:8">
      <c r="H21549" s="12"/>
    </row>
    <row r="21550" spans="8:8">
      <c r="H21550" s="12"/>
    </row>
    <row r="21551" spans="8:8">
      <c r="H21551" s="12"/>
    </row>
    <row r="21552" spans="8:8">
      <c r="H21552" s="12"/>
    </row>
    <row r="21553" spans="8:8">
      <c r="H21553" s="12"/>
    </row>
    <row r="21554" spans="8:8">
      <c r="H21554" s="12"/>
    </row>
    <row r="21555" spans="8:8">
      <c r="H21555" s="12"/>
    </row>
    <row r="21556" spans="8:8">
      <c r="H21556" s="12"/>
    </row>
    <row r="21557" spans="8:8">
      <c r="H21557" s="12"/>
    </row>
    <row r="21558" spans="8:8">
      <c r="H21558" s="12"/>
    </row>
    <row r="21559" spans="8:8">
      <c r="H21559" s="12"/>
    </row>
    <row r="21560" spans="8:8">
      <c r="H21560" s="12"/>
    </row>
    <row r="21561" spans="8:8">
      <c r="H21561" s="12"/>
    </row>
    <row r="21562" spans="8:8">
      <c r="H21562" s="12"/>
    </row>
    <row r="21563" spans="8:8">
      <c r="H21563" s="12"/>
    </row>
    <row r="21564" spans="8:8">
      <c r="H21564" s="12"/>
    </row>
    <row r="21565" spans="8:8">
      <c r="H21565" s="12"/>
    </row>
    <row r="21566" spans="8:8">
      <c r="H21566" s="12"/>
    </row>
    <row r="21567" spans="8:8">
      <c r="H21567" s="12"/>
    </row>
    <row r="21568" spans="8:8">
      <c r="H21568" s="12"/>
    </row>
    <row r="21569" spans="8:8">
      <c r="H21569" s="12"/>
    </row>
    <row r="21570" spans="8:8">
      <c r="H21570" s="12"/>
    </row>
    <row r="21571" spans="8:8">
      <c r="H21571" s="12"/>
    </row>
    <row r="21572" spans="8:8">
      <c r="H21572" s="12"/>
    </row>
    <row r="21573" spans="8:8">
      <c r="H21573" s="12"/>
    </row>
    <row r="21574" spans="8:8">
      <c r="H21574" s="12"/>
    </row>
    <row r="21575" spans="8:8">
      <c r="H21575" s="12"/>
    </row>
    <row r="21576" spans="8:8">
      <c r="H21576" s="12"/>
    </row>
    <row r="21577" spans="8:8">
      <c r="H21577" s="12"/>
    </row>
    <row r="21578" spans="8:8">
      <c r="H21578" s="12"/>
    </row>
    <row r="21579" spans="8:8">
      <c r="H21579" s="12"/>
    </row>
    <row r="21580" spans="8:8">
      <c r="H21580" s="12"/>
    </row>
    <row r="21581" spans="8:8">
      <c r="H21581" s="12"/>
    </row>
    <row r="21582" spans="8:8">
      <c r="H21582" s="12"/>
    </row>
    <row r="21583" spans="8:8">
      <c r="H21583" s="12"/>
    </row>
    <row r="21584" spans="8:8">
      <c r="H21584" s="12"/>
    </row>
    <row r="21585" spans="8:8">
      <c r="H21585" s="12"/>
    </row>
    <row r="21586" spans="8:8">
      <c r="H21586" s="12"/>
    </row>
    <row r="21587" spans="8:8">
      <c r="H21587" s="12"/>
    </row>
    <row r="21588" spans="8:8">
      <c r="H21588" s="12"/>
    </row>
    <row r="21589" spans="8:8">
      <c r="H21589" s="12"/>
    </row>
    <row r="21590" spans="8:8">
      <c r="H21590" s="12"/>
    </row>
    <row r="21591" spans="8:8">
      <c r="H21591" s="12"/>
    </row>
    <row r="21592" spans="8:8">
      <c r="H21592" s="12"/>
    </row>
    <row r="21593" spans="8:8">
      <c r="H21593" s="12"/>
    </row>
    <row r="21594" spans="8:8">
      <c r="H21594" s="12"/>
    </row>
    <row r="21595" spans="8:8">
      <c r="H21595" s="12"/>
    </row>
    <row r="21596" spans="8:8">
      <c r="H21596" s="12"/>
    </row>
    <row r="21597" spans="8:8">
      <c r="H21597" s="12"/>
    </row>
    <row r="21598" spans="8:8">
      <c r="H21598" s="12"/>
    </row>
    <row r="21599" spans="8:8">
      <c r="H21599" s="12"/>
    </row>
    <row r="21600" spans="8:8">
      <c r="H21600" s="12"/>
    </row>
    <row r="21601" spans="8:8">
      <c r="H21601" s="12"/>
    </row>
    <row r="21602" spans="8:8">
      <c r="H21602" s="12"/>
    </row>
    <row r="21603" spans="8:8">
      <c r="H21603" s="12"/>
    </row>
    <row r="21604" spans="8:8">
      <c r="H21604" s="12"/>
    </row>
    <row r="21605" spans="8:8">
      <c r="H21605" s="12"/>
    </row>
    <row r="21606" spans="8:8">
      <c r="H21606" s="12"/>
    </row>
    <row r="21607" spans="8:8">
      <c r="H21607" s="12"/>
    </row>
    <row r="21608" spans="8:8">
      <c r="H21608" s="12"/>
    </row>
    <row r="21609" spans="8:8">
      <c r="H21609" s="12"/>
    </row>
    <row r="21610" spans="8:8">
      <c r="H21610" s="12"/>
    </row>
    <row r="21611" spans="8:8">
      <c r="H21611" s="12"/>
    </row>
    <row r="21612" spans="8:8">
      <c r="H21612" s="12"/>
    </row>
    <row r="21613" spans="8:8">
      <c r="H21613" s="12"/>
    </row>
    <row r="21614" spans="8:8">
      <c r="H21614" s="12"/>
    </row>
    <row r="21615" spans="8:8">
      <c r="H21615" s="12"/>
    </row>
    <row r="21616" spans="8:8">
      <c r="H21616" s="12"/>
    </row>
    <row r="21617" spans="8:8">
      <c r="H21617" s="12"/>
    </row>
    <row r="21618" spans="8:8">
      <c r="H21618" s="12"/>
    </row>
    <row r="21619" spans="8:8">
      <c r="H21619" s="12"/>
    </row>
    <row r="21620" spans="8:8">
      <c r="H21620" s="12"/>
    </row>
    <row r="21621" spans="8:8">
      <c r="H21621" s="12"/>
    </row>
    <row r="21622" spans="8:8">
      <c r="H21622" s="12"/>
    </row>
    <row r="21623" spans="8:8">
      <c r="H21623" s="12"/>
    </row>
    <row r="21624" spans="8:8">
      <c r="H21624" s="12"/>
    </row>
    <row r="21625" spans="8:8">
      <c r="H21625" s="12"/>
    </row>
    <row r="21626" spans="8:8">
      <c r="H21626" s="12"/>
    </row>
    <row r="21627" spans="8:8">
      <c r="H21627" s="12"/>
    </row>
    <row r="21628" spans="8:8">
      <c r="H21628" s="12"/>
    </row>
    <row r="21629" spans="8:8">
      <c r="H21629" s="12"/>
    </row>
    <row r="21630" spans="8:8">
      <c r="H21630" s="12"/>
    </row>
    <row r="21631" spans="8:8">
      <c r="H21631" s="12"/>
    </row>
    <row r="21632" spans="8:8">
      <c r="H21632" s="12"/>
    </row>
    <row r="21633" spans="8:8">
      <c r="H21633" s="12"/>
    </row>
    <row r="21634" spans="8:8">
      <c r="H21634" s="12"/>
    </row>
    <row r="21635" spans="8:8">
      <c r="H21635" s="12"/>
    </row>
    <row r="21636" spans="8:8">
      <c r="H21636" s="12"/>
    </row>
    <row r="21637" spans="8:8">
      <c r="H21637" s="12"/>
    </row>
    <row r="21638" spans="8:8">
      <c r="H21638" s="12"/>
    </row>
    <row r="21639" spans="8:8">
      <c r="H21639" s="12"/>
    </row>
    <row r="21640" spans="8:8">
      <c r="H21640" s="12"/>
    </row>
    <row r="21641" spans="8:8">
      <c r="H21641" s="12"/>
    </row>
    <row r="21642" spans="8:8">
      <c r="H21642" s="12"/>
    </row>
    <row r="21643" spans="8:8">
      <c r="H21643" s="12"/>
    </row>
    <row r="21644" spans="8:8">
      <c r="H21644" s="12"/>
    </row>
    <row r="21645" spans="8:8">
      <c r="H21645" s="12"/>
    </row>
    <row r="21646" spans="8:8">
      <c r="H21646" s="12"/>
    </row>
    <row r="21647" spans="8:8">
      <c r="H21647" s="12"/>
    </row>
    <row r="21648" spans="8:8">
      <c r="H21648" s="12"/>
    </row>
    <row r="21649" spans="8:8">
      <c r="H21649" s="12"/>
    </row>
    <row r="21650" spans="8:8">
      <c r="H21650" s="12"/>
    </row>
    <row r="21651" spans="8:8">
      <c r="H21651" s="12"/>
    </row>
    <row r="21652" spans="8:8">
      <c r="H21652" s="12"/>
    </row>
    <row r="21653" spans="8:8">
      <c r="H21653" s="12"/>
    </row>
    <row r="21654" spans="8:8">
      <c r="H21654" s="12"/>
    </row>
    <row r="21655" spans="8:8">
      <c r="H21655" s="12"/>
    </row>
    <row r="21656" spans="8:8">
      <c r="H21656" s="12"/>
    </row>
    <row r="21657" spans="8:8">
      <c r="H21657" s="12"/>
    </row>
    <row r="21658" spans="8:8">
      <c r="H21658" s="12"/>
    </row>
    <row r="21659" spans="8:8">
      <c r="H21659" s="12"/>
    </row>
    <row r="21660" spans="8:8">
      <c r="H21660" s="12"/>
    </row>
    <row r="21661" spans="8:8">
      <c r="H21661" s="12"/>
    </row>
    <row r="21662" spans="8:8">
      <c r="H21662" s="12"/>
    </row>
    <row r="21663" spans="8:8">
      <c r="H21663" s="12"/>
    </row>
    <row r="21664" spans="8:8">
      <c r="H21664" s="12"/>
    </row>
    <row r="21665" spans="8:8">
      <c r="H21665" s="12"/>
    </row>
    <row r="21666" spans="8:8">
      <c r="H21666" s="12"/>
    </row>
    <row r="21667" spans="8:8">
      <c r="H21667" s="12"/>
    </row>
    <row r="21668" spans="8:8">
      <c r="H21668" s="12"/>
    </row>
    <row r="21669" spans="8:8">
      <c r="H21669" s="12"/>
    </row>
    <row r="21670" spans="8:8">
      <c r="H21670" s="12"/>
    </row>
    <row r="21671" spans="8:8">
      <c r="H21671" s="12"/>
    </row>
    <row r="21672" spans="8:8">
      <c r="H21672" s="12"/>
    </row>
    <row r="21673" spans="8:8">
      <c r="H21673" s="12"/>
    </row>
    <row r="21674" spans="8:8">
      <c r="H21674" s="12"/>
    </row>
    <row r="21675" spans="8:8">
      <c r="H21675" s="12"/>
    </row>
    <row r="21676" spans="8:8">
      <c r="H21676" s="12"/>
    </row>
    <row r="21677" spans="8:8">
      <c r="H21677" s="12"/>
    </row>
    <row r="21678" spans="8:8">
      <c r="H21678" s="12"/>
    </row>
    <row r="21679" spans="8:8">
      <c r="H21679" s="12"/>
    </row>
    <row r="21680" spans="8:8">
      <c r="H21680" s="12"/>
    </row>
    <row r="21681" spans="8:8">
      <c r="H21681" s="12"/>
    </row>
    <row r="21682" spans="8:8">
      <c r="H21682" s="12"/>
    </row>
    <row r="21683" spans="8:8">
      <c r="H21683" s="12"/>
    </row>
    <row r="21684" spans="8:8">
      <c r="H21684" s="12"/>
    </row>
    <row r="21685" spans="8:8">
      <c r="H21685" s="12"/>
    </row>
    <row r="21686" spans="8:8">
      <c r="H21686" s="12"/>
    </row>
    <row r="21687" spans="8:8">
      <c r="H21687" s="12"/>
    </row>
    <row r="21688" spans="8:8">
      <c r="H21688" s="12"/>
    </row>
    <row r="21689" spans="8:8">
      <c r="H21689" s="12"/>
    </row>
    <row r="21690" spans="8:8">
      <c r="H21690" s="12"/>
    </row>
    <row r="21691" spans="8:8">
      <c r="H21691" s="12"/>
    </row>
    <row r="21692" spans="8:8">
      <c r="H21692" s="12"/>
    </row>
    <row r="21693" spans="8:8">
      <c r="H21693" s="12"/>
    </row>
    <row r="21694" spans="8:8">
      <c r="H21694" s="12"/>
    </row>
    <row r="21695" spans="8:8">
      <c r="H21695" s="12"/>
    </row>
    <row r="21696" spans="8:8">
      <c r="H21696" s="12"/>
    </row>
    <row r="21697" spans="8:8">
      <c r="H21697" s="12"/>
    </row>
    <row r="21698" spans="8:8">
      <c r="H21698" s="12"/>
    </row>
    <row r="21699" spans="8:8">
      <c r="H21699" s="12"/>
    </row>
    <row r="21700" spans="8:8">
      <c r="H21700" s="12"/>
    </row>
    <row r="21701" spans="8:8">
      <c r="H21701" s="12"/>
    </row>
    <row r="21702" spans="8:8">
      <c r="H21702" s="12"/>
    </row>
    <row r="21703" spans="8:8">
      <c r="H21703" s="12"/>
    </row>
    <row r="21704" spans="8:8">
      <c r="H21704" s="12"/>
    </row>
    <row r="21705" spans="8:8">
      <c r="H21705" s="12"/>
    </row>
    <row r="21706" spans="8:8">
      <c r="H21706" s="12"/>
    </row>
    <row r="21707" spans="8:8">
      <c r="H21707" s="12"/>
    </row>
    <row r="21708" spans="8:8">
      <c r="H21708" s="12"/>
    </row>
    <row r="21709" spans="8:8">
      <c r="H21709" s="12"/>
    </row>
    <row r="21710" spans="8:8">
      <c r="H21710" s="12"/>
    </row>
    <row r="21711" spans="8:8">
      <c r="H21711" s="12"/>
    </row>
    <row r="21712" spans="8:8">
      <c r="H21712" s="12"/>
    </row>
    <row r="21713" spans="8:8">
      <c r="H21713" s="12"/>
    </row>
    <row r="21714" spans="8:8">
      <c r="H21714" s="12"/>
    </row>
    <row r="21715" spans="8:8">
      <c r="H21715" s="12"/>
    </row>
    <row r="21716" spans="8:8">
      <c r="H21716" s="12"/>
    </row>
    <row r="21717" spans="8:8">
      <c r="H21717" s="12"/>
    </row>
    <row r="21718" spans="8:8">
      <c r="H21718" s="12"/>
    </row>
    <row r="21719" spans="8:8">
      <c r="H21719" s="12"/>
    </row>
    <row r="21720" spans="8:8">
      <c r="H21720" s="12"/>
    </row>
    <row r="21721" spans="8:8">
      <c r="H21721" s="12"/>
    </row>
    <row r="21722" spans="8:8">
      <c r="H21722" s="12"/>
    </row>
    <row r="21723" spans="8:8">
      <c r="H21723" s="12"/>
    </row>
    <row r="21724" spans="8:8">
      <c r="H21724" s="12"/>
    </row>
    <row r="21725" spans="8:8">
      <c r="H21725" s="12"/>
    </row>
    <row r="21726" spans="8:8">
      <c r="H21726" s="12"/>
    </row>
    <row r="21727" spans="8:8">
      <c r="H21727" s="12"/>
    </row>
    <row r="21728" spans="8:8">
      <c r="H21728" s="12"/>
    </row>
    <row r="21729" spans="8:8">
      <c r="H21729" s="12"/>
    </row>
    <row r="21730" spans="8:8">
      <c r="H21730" s="12"/>
    </row>
    <row r="21731" spans="8:8">
      <c r="H21731" s="12"/>
    </row>
    <row r="21732" spans="8:8">
      <c r="H21732" s="12"/>
    </row>
    <row r="21733" spans="8:8">
      <c r="H21733" s="12"/>
    </row>
    <row r="21734" spans="8:8">
      <c r="H21734" s="12"/>
    </row>
    <row r="21735" spans="8:8">
      <c r="H21735" s="12"/>
    </row>
    <row r="21736" spans="8:8">
      <c r="H21736" s="12"/>
    </row>
    <row r="21737" spans="8:8">
      <c r="H21737" s="12"/>
    </row>
    <row r="21738" spans="8:8">
      <c r="H21738" s="12"/>
    </row>
    <row r="21739" spans="8:8">
      <c r="H21739" s="12"/>
    </row>
    <row r="21740" spans="8:8">
      <c r="H21740" s="12"/>
    </row>
    <row r="21741" spans="8:8">
      <c r="H21741" s="12"/>
    </row>
    <row r="21742" spans="8:8">
      <c r="H21742" s="12"/>
    </row>
    <row r="21743" spans="8:8">
      <c r="H21743" s="12"/>
    </row>
    <row r="21744" spans="8:8">
      <c r="H21744" s="12"/>
    </row>
    <row r="21745" spans="8:8">
      <c r="H21745" s="12"/>
    </row>
    <row r="21746" spans="8:8">
      <c r="H21746" s="12"/>
    </row>
    <row r="21747" spans="8:8">
      <c r="H21747" s="12"/>
    </row>
    <row r="21748" spans="8:8">
      <c r="H21748" s="12"/>
    </row>
    <row r="21749" spans="8:8">
      <c r="H21749" s="12"/>
    </row>
    <row r="21750" spans="8:8">
      <c r="H21750" s="12"/>
    </row>
    <row r="21751" spans="8:8">
      <c r="H21751" s="12"/>
    </row>
    <row r="21752" spans="8:8">
      <c r="H21752" s="12"/>
    </row>
    <row r="21753" spans="8:8">
      <c r="H21753" s="12"/>
    </row>
    <row r="21754" spans="8:8">
      <c r="H21754" s="12"/>
    </row>
    <row r="21755" spans="8:8">
      <c r="H21755" s="12"/>
    </row>
    <row r="21756" spans="8:8">
      <c r="H21756" s="12"/>
    </row>
    <row r="21757" spans="8:8">
      <c r="H21757" s="12"/>
    </row>
    <row r="21758" spans="8:8">
      <c r="H21758" s="12"/>
    </row>
    <row r="21759" spans="8:8">
      <c r="H21759" s="12"/>
    </row>
    <row r="21760" spans="8:8">
      <c r="H21760" s="12"/>
    </row>
    <row r="21761" spans="8:8">
      <c r="H21761" s="12"/>
    </row>
    <row r="21762" spans="8:8">
      <c r="H21762" s="12"/>
    </row>
    <row r="21763" spans="8:8">
      <c r="H21763" s="12"/>
    </row>
    <row r="21764" spans="8:8">
      <c r="H21764" s="12"/>
    </row>
    <row r="21765" spans="8:8">
      <c r="H21765" s="12"/>
    </row>
    <row r="21766" spans="8:8">
      <c r="H21766" s="12"/>
    </row>
    <row r="21767" spans="8:8">
      <c r="H21767" s="12"/>
    </row>
    <row r="21768" spans="8:8">
      <c r="H21768" s="12"/>
    </row>
    <row r="21769" spans="8:8">
      <c r="H21769" s="12"/>
    </row>
    <row r="21770" spans="8:8">
      <c r="H21770" s="12"/>
    </row>
    <row r="21771" spans="8:8">
      <c r="H21771" s="12"/>
    </row>
    <row r="21772" spans="8:8">
      <c r="H21772" s="12"/>
    </row>
    <row r="21773" spans="8:8">
      <c r="H21773" s="12"/>
    </row>
    <row r="21774" spans="8:8">
      <c r="H21774" s="12"/>
    </row>
    <row r="21775" spans="8:8">
      <c r="H21775" s="12"/>
    </row>
    <row r="21776" spans="8:8">
      <c r="H21776" s="12"/>
    </row>
    <row r="21777" spans="8:8">
      <c r="H21777" s="12"/>
    </row>
    <row r="21778" spans="8:8">
      <c r="H21778" s="12"/>
    </row>
    <row r="21779" spans="8:8">
      <c r="H21779" s="12"/>
    </row>
    <row r="21780" spans="8:8">
      <c r="H21780" s="12"/>
    </row>
    <row r="21781" spans="8:8">
      <c r="H21781" s="12"/>
    </row>
    <row r="21782" spans="8:8">
      <c r="H21782" s="12"/>
    </row>
    <row r="21783" spans="8:8">
      <c r="H21783" s="12"/>
    </row>
    <row r="21784" spans="8:8">
      <c r="H21784" s="12"/>
    </row>
    <row r="21785" spans="8:8">
      <c r="H21785" s="12"/>
    </row>
    <row r="21786" spans="8:8">
      <c r="H21786" s="12"/>
    </row>
    <row r="21787" spans="8:8">
      <c r="H21787" s="12"/>
    </row>
    <row r="21788" spans="8:8">
      <c r="H21788" s="12"/>
    </row>
    <row r="21789" spans="8:8">
      <c r="H21789" s="12"/>
    </row>
    <row r="21790" spans="8:8">
      <c r="H21790" s="12"/>
    </row>
    <row r="21791" spans="8:8">
      <c r="H21791" s="12"/>
    </row>
    <row r="21792" spans="8:8">
      <c r="H21792" s="12"/>
    </row>
    <row r="21793" spans="8:8">
      <c r="H21793" s="12"/>
    </row>
    <row r="21794" spans="8:8">
      <c r="H21794" s="12"/>
    </row>
    <row r="21795" spans="8:8">
      <c r="H21795" s="12"/>
    </row>
    <row r="21796" spans="8:8">
      <c r="H21796" s="12"/>
    </row>
    <row r="21797" spans="8:8">
      <c r="H21797" s="12"/>
    </row>
    <row r="21798" spans="8:8">
      <c r="H21798" s="12"/>
    </row>
    <row r="21799" spans="8:8">
      <c r="H21799" s="12"/>
    </row>
    <row r="21800" spans="8:8">
      <c r="H21800" s="12"/>
    </row>
    <row r="21801" spans="8:8">
      <c r="H21801" s="12"/>
    </row>
    <row r="21802" spans="8:8">
      <c r="H21802" s="12"/>
    </row>
    <row r="21803" spans="8:8">
      <c r="H21803" s="12"/>
    </row>
    <row r="21804" spans="8:8">
      <c r="H21804" s="12"/>
    </row>
    <row r="21805" spans="8:8">
      <c r="H21805" s="12"/>
    </row>
    <row r="21806" spans="8:8">
      <c r="H21806" s="12"/>
    </row>
    <row r="21807" spans="8:8">
      <c r="H21807" s="12"/>
    </row>
    <row r="21808" spans="8:8">
      <c r="H21808" s="12"/>
    </row>
    <row r="21809" spans="8:8">
      <c r="H21809" s="12"/>
    </row>
    <row r="21810" spans="8:8">
      <c r="H21810" s="12"/>
    </row>
    <row r="21811" spans="8:8">
      <c r="H21811" s="12"/>
    </row>
    <row r="21812" spans="8:8">
      <c r="H21812" s="12"/>
    </row>
    <row r="21813" spans="8:8">
      <c r="H21813" s="12"/>
    </row>
    <row r="21814" spans="8:8">
      <c r="H21814" s="12"/>
    </row>
    <row r="21815" spans="8:8">
      <c r="H21815" s="12"/>
    </row>
    <row r="21816" spans="8:8">
      <c r="H21816" s="12"/>
    </row>
    <row r="21817" spans="8:8">
      <c r="H21817" s="12"/>
    </row>
    <row r="21818" spans="8:8">
      <c r="H21818" s="12"/>
    </row>
    <row r="21819" spans="8:8">
      <c r="H21819" s="12"/>
    </row>
    <row r="21820" spans="8:8">
      <c r="H21820" s="12"/>
    </row>
    <row r="21821" spans="8:8">
      <c r="H21821" s="12"/>
    </row>
    <row r="21822" spans="8:8">
      <c r="H21822" s="12"/>
    </row>
    <row r="21823" spans="8:8">
      <c r="H21823" s="12"/>
    </row>
    <row r="21824" spans="8:8">
      <c r="H21824" s="12"/>
    </row>
    <row r="21825" spans="8:8">
      <c r="H21825" s="12"/>
    </row>
    <row r="21826" spans="8:8">
      <c r="H21826" s="12"/>
    </row>
    <row r="21827" spans="8:8">
      <c r="H21827" s="12"/>
    </row>
    <row r="21828" spans="8:8">
      <c r="H21828" s="12"/>
    </row>
    <row r="21829" spans="8:8">
      <c r="H21829" s="12"/>
    </row>
    <row r="21830" spans="8:8">
      <c r="H21830" s="12"/>
    </row>
    <row r="21831" spans="8:8">
      <c r="H21831" s="12"/>
    </row>
    <row r="21832" spans="8:8">
      <c r="H21832" s="12"/>
    </row>
    <row r="21833" spans="8:8">
      <c r="H21833" s="12"/>
    </row>
    <row r="21834" spans="8:8">
      <c r="H21834" s="12"/>
    </row>
    <row r="21835" spans="8:8">
      <c r="H21835" s="12"/>
    </row>
    <row r="21836" spans="8:8">
      <c r="H21836" s="12"/>
    </row>
    <row r="21837" spans="8:8">
      <c r="H21837" s="12"/>
    </row>
    <row r="21838" spans="8:8">
      <c r="H21838" s="12"/>
    </row>
    <row r="21839" spans="8:8">
      <c r="H21839" s="12"/>
    </row>
    <row r="21840" spans="8:8">
      <c r="H21840" s="12"/>
    </row>
    <row r="21841" spans="8:8">
      <c r="H21841" s="12"/>
    </row>
    <row r="21842" spans="8:8">
      <c r="H21842" s="12"/>
    </row>
    <row r="21843" spans="8:8">
      <c r="H21843" s="12"/>
    </row>
    <row r="21844" spans="8:8">
      <c r="H21844" s="12"/>
    </row>
    <row r="21845" spans="8:8">
      <c r="H21845" s="12"/>
    </row>
    <row r="21846" spans="8:8">
      <c r="H21846" s="12"/>
    </row>
    <row r="21847" spans="8:8">
      <c r="H21847" s="12"/>
    </row>
    <row r="21848" spans="8:8">
      <c r="H21848" s="12"/>
    </row>
    <row r="21849" spans="8:8">
      <c r="H21849" s="12"/>
    </row>
    <row r="21850" spans="8:8">
      <c r="H21850" s="12"/>
    </row>
    <row r="21851" spans="8:8">
      <c r="H21851" s="12"/>
    </row>
    <row r="21852" spans="8:8">
      <c r="H21852" s="12"/>
    </row>
    <row r="21853" spans="8:8">
      <c r="H21853" s="12"/>
    </row>
    <row r="21854" spans="8:8">
      <c r="H21854" s="12"/>
    </row>
    <row r="21855" spans="8:8">
      <c r="H21855" s="12"/>
    </row>
    <row r="21856" spans="8:8">
      <c r="H21856" s="12"/>
    </row>
    <row r="21857" spans="8:8">
      <c r="H21857" s="12"/>
    </row>
    <row r="21858" spans="8:8">
      <c r="H21858" s="12"/>
    </row>
    <row r="21859" spans="8:8">
      <c r="H21859" s="12"/>
    </row>
    <row r="21860" spans="8:8">
      <c r="H21860" s="12"/>
    </row>
    <row r="21861" spans="8:8">
      <c r="H21861" s="12"/>
    </row>
    <row r="21862" spans="8:8">
      <c r="H21862" s="12"/>
    </row>
    <row r="21863" spans="8:8">
      <c r="H21863" s="12"/>
    </row>
    <row r="21864" spans="8:8">
      <c r="H21864" s="12"/>
    </row>
    <row r="21865" spans="8:8">
      <c r="H21865" s="12"/>
    </row>
    <row r="21866" spans="8:8">
      <c r="H21866" s="12"/>
    </row>
    <row r="21867" spans="8:8">
      <c r="H21867" s="12"/>
    </row>
    <row r="21868" spans="8:8">
      <c r="H21868" s="12"/>
    </row>
    <row r="21869" spans="8:8">
      <c r="H21869" s="12"/>
    </row>
    <row r="21870" spans="8:8">
      <c r="H21870" s="12"/>
    </row>
    <row r="21871" spans="8:8">
      <c r="H21871" s="12"/>
    </row>
    <row r="21872" spans="8:8">
      <c r="H21872" s="12"/>
    </row>
    <row r="21873" spans="8:8">
      <c r="H21873" s="12"/>
    </row>
    <row r="21874" spans="8:8">
      <c r="H21874" s="12"/>
    </row>
    <row r="21875" spans="8:8">
      <c r="H21875" s="12"/>
    </row>
    <row r="21876" spans="8:8">
      <c r="H21876" s="12"/>
    </row>
    <row r="21877" spans="8:8">
      <c r="H21877" s="12"/>
    </row>
    <row r="21878" spans="8:8">
      <c r="H21878" s="12"/>
    </row>
    <row r="21879" spans="8:8">
      <c r="H21879" s="12"/>
    </row>
    <row r="21880" spans="8:8">
      <c r="H21880" s="12"/>
    </row>
    <row r="21881" spans="8:8">
      <c r="H21881" s="12"/>
    </row>
    <row r="21882" spans="8:8">
      <c r="H21882" s="12"/>
    </row>
    <row r="21883" spans="8:8">
      <c r="H21883" s="12"/>
    </row>
    <row r="21884" spans="8:8">
      <c r="H21884" s="12"/>
    </row>
    <row r="21885" spans="8:8">
      <c r="H21885" s="12"/>
    </row>
    <row r="21886" spans="8:8">
      <c r="H21886" s="12"/>
    </row>
    <row r="21887" spans="8:8">
      <c r="H21887" s="12"/>
    </row>
    <row r="21888" spans="8:8">
      <c r="H21888" s="12"/>
    </row>
    <row r="21889" spans="8:8">
      <c r="H21889" s="12"/>
    </row>
    <row r="21890" spans="8:8">
      <c r="H21890" s="12"/>
    </row>
    <row r="21891" spans="8:8">
      <c r="H21891" s="12"/>
    </row>
    <row r="21892" spans="8:8">
      <c r="H21892" s="12"/>
    </row>
    <row r="21893" spans="8:8">
      <c r="H21893" s="12"/>
    </row>
    <row r="21894" spans="8:8">
      <c r="H21894" s="12"/>
    </row>
    <row r="21895" spans="8:8">
      <c r="H21895" s="12"/>
    </row>
    <row r="21896" spans="8:8">
      <c r="H21896" s="12"/>
    </row>
    <row r="21897" spans="8:8">
      <c r="H21897" s="12"/>
    </row>
    <row r="21898" spans="8:8">
      <c r="H21898" s="12"/>
    </row>
    <row r="21899" spans="8:8">
      <c r="H21899" s="12"/>
    </row>
    <row r="21900" spans="8:8">
      <c r="H21900" s="12"/>
    </row>
    <row r="21901" spans="8:8">
      <c r="H21901" s="12"/>
    </row>
    <row r="21902" spans="8:8">
      <c r="H21902" s="12"/>
    </row>
    <row r="21903" spans="8:8">
      <c r="H21903" s="12"/>
    </row>
    <row r="21904" spans="8:8">
      <c r="H21904" s="12"/>
    </row>
    <row r="21905" spans="8:8">
      <c r="H21905" s="12"/>
    </row>
    <row r="21906" spans="8:8">
      <c r="H21906" s="12"/>
    </row>
    <row r="21907" spans="8:8">
      <c r="H21907" s="12"/>
    </row>
    <row r="21908" spans="8:8">
      <c r="H21908" s="12"/>
    </row>
    <row r="21909" spans="8:8">
      <c r="H21909" s="12"/>
    </row>
    <row r="21910" spans="8:8">
      <c r="H21910" s="12"/>
    </row>
    <row r="21911" spans="8:8">
      <c r="H21911" s="12"/>
    </row>
    <row r="21912" spans="8:8">
      <c r="H21912" s="12"/>
    </row>
    <row r="21913" spans="8:8">
      <c r="H21913" s="12"/>
    </row>
    <row r="21914" spans="8:8">
      <c r="H21914" s="12"/>
    </row>
    <row r="21915" spans="8:8">
      <c r="H21915" s="12"/>
    </row>
    <row r="21916" spans="8:8">
      <c r="H21916" s="12"/>
    </row>
    <row r="21917" spans="8:8">
      <c r="H21917" s="12"/>
    </row>
    <row r="21918" spans="8:8">
      <c r="H21918" s="12"/>
    </row>
    <row r="21919" spans="8:8">
      <c r="H21919" s="12"/>
    </row>
    <row r="21920" spans="8:8">
      <c r="H21920" s="12"/>
    </row>
    <row r="21921" spans="8:8">
      <c r="H21921" s="12"/>
    </row>
    <row r="21922" spans="8:8">
      <c r="H21922" s="12"/>
    </row>
    <row r="21923" spans="8:8">
      <c r="H21923" s="12"/>
    </row>
    <row r="21924" spans="8:8">
      <c r="H21924" s="12"/>
    </row>
    <row r="21925" spans="8:8">
      <c r="H21925" s="12"/>
    </row>
    <row r="21926" spans="8:8">
      <c r="H21926" s="12"/>
    </row>
    <row r="21927" spans="8:8">
      <c r="H21927" s="12"/>
    </row>
    <row r="21928" spans="8:8">
      <c r="H21928" s="12"/>
    </row>
    <row r="21929" spans="8:8">
      <c r="H21929" s="12"/>
    </row>
    <row r="21930" spans="8:8">
      <c r="H21930" s="12"/>
    </row>
    <row r="21931" spans="8:8">
      <c r="H21931" s="12"/>
    </row>
    <row r="21932" spans="8:8">
      <c r="H21932" s="12"/>
    </row>
    <row r="21933" spans="8:8">
      <c r="H21933" s="12"/>
    </row>
    <row r="21934" spans="8:8">
      <c r="H21934" s="12"/>
    </row>
    <row r="21935" spans="8:8">
      <c r="H21935" s="12"/>
    </row>
    <row r="21936" spans="8:8">
      <c r="H21936" s="12"/>
    </row>
    <row r="21937" spans="8:8">
      <c r="H21937" s="12"/>
    </row>
    <row r="21938" spans="8:8">
      <c r="H21938" s="12"/>
    </row>
    <row r="21939" spans="8:8">
      <c r="H21939" s="12"/>
    </row>
    <row r="21940" spans="8:8">
      <c r="H21940" s="12"/>
    </row>
    <row r="21941" spans="8:8">
      <c r="H21941" s="12"/>
    </row>
    <row r="21942" spans="8:8">
      <c r="H21942" s="12"/>
    </row>
    <row r="21943" spans="8:8">
      <c r="H21943" s="12"/>
    </row>
    <row r="21944" spans="8:8">
      <c r="H21944" s="12"/>
    </row>
    <row r="21945" spans="8:8">
      <c r="H21945" s="12"/>
    </row>
    <row r="21946" spans="8:8">
      <c r="H21946" s="12"/>
    </row>
    <row r="21947" spans="8:8">
      <c r="H21947" s="12"/>
    </row>
    <row r="21948" spans="8:8">
      <c r="H21948" s="12"/>
    </row>
    <row r="21949" spans="8:8">
      <c r="H21949" s="12"/>
    </row>
    <row r="21950" spans="8:8">
      <c r="H21950" s="12"/>
    </row>
    <row r="21951" spans="8:8">
      <c r="H21951" s="12"/>
    </row>
    <row r="21952" spans="8:8">
      <c r="H21952" s="12"/>
    </row>
    <row r="21953" spans="8:8">
      <c r="H21953" s="12"/>
    </row>
    <row r="21954" spans="8:8">
      <c r="H21954" s="12"/>
    </row>
    <row r="21955" spans="8:8">
      <c r="H21955" s="12"/>
    </row>
    <row r="21956" spans="8:8">
      <c r="H21956" s="12"/>
    </row>
    <row r="21957" spans="8:8">
      <c r="H21957" s="12"/>
    </row>
    <row r="21958" spans="8:8">
      <c r="H21958" s="12"/>
    </row>
    <row r="21959" spans="8:8">
      <c r="H21959" s="12"/>
    </row>
    <row r="21960" spans="8:8">
      <c r="H21960" s="12"/>
    </row>
    <row r="21961" spans="8:8">
      <c r="H21961" s="12"/>
    </row>
    <row r="21962" spans="8:8">
      <c r="H21962" s="12"/>
    </row>
    <row r="21963" spans="8:8">
      <c r="H21963" s="12"/>
    </row>
    <row r="21964" spans="8:8">
      <c r="H21964" s="12"/>
    </row>
    <row r="21965" spans="8:8">
      <c r="H21965" s="12"/>
    </row>
    <row r="21966" spans="8:8">
      <c r="H21966" s="12"/>
    </row>
    <row r="21967" spans="8:8">
      <c r="H21967" s="12"/>
    </row>
    <row r="21968" spans="8:8">
      <c r="H21968" s="12"/>
    </row>
    <row r="21969" spans="8:8">
      <c r="H21969" s="12"/>
    </row>
    <row r="21970" spans="8:8">
      <c r="H21970" s="12"/>
    </row>
    <row r="21971" spans="8:8">
      <c r="H21971" s="12"/>
    </row>
    <row r="21972" spans="8:8">
      <c r="H21972" s="12"/>
    </row>
    <row r="21973" spans="8:8">
      <c r="H21973" s="12"/>
    </row>
    <row r="21974" spans="8:8">
      <c r="H21974" s="12"/>
    </row>
    <row r="21975" spans="8:8">
      <c r="H21975" s="12"/>
    </row>
    <row r="21976" spans="8:8">
      <c r="H21976" s="12"/>
    </row>
    <row r="21977" spans="8:8">
      <c r="H21977" s="12"/>
    </row>
    <row r="21978" spans="8:8">
      <c r="H21978" s="12"/>
    </row>
    <row r="21979" spans="8:8">
      <c r="H21979" s="12"/>
    </row>
    <row r="21980" spans="8:8">
      <c r="H21980" s="12"/>
    </row>
    <row r="21981" spans="8:8">
      <c r="H21981" s="12"/>
    </row>
    <row r="21982" spans="8:8">
      <c r="H21982" s="12"/>
    </row>
    <row r="21983" spans="8:8">
      <c r="H21983" s="12"/>
    </row>
    <row r="21984" spans="8:8">
      <c r="H21984" s="12"/>
    </row>
    <row r="21985" spans="8:8">
      <c r="H21985" s="12"/>
    </row>
    <row r="21986" spans="8:8">
      <c r="H21986" s="12"/>
    </row>
    <row r="21987" spans="8:8">
      <c r="H21987" s="12"/>
    </row>
    <row r="21988" spans="8:8">
      <c r="H21988" s="12"/>
    </row>
    <row r="21989" spans="8:8">
      <c r="H21989" s="12"/>
    </row>
    <row r="21990" spans="8:8">
      <c r="H21990" s="12"/>
    </row>
    <row r="21991" spans="8:8">
      <c r="H21991" s="12"/>
    </row>
    <row r="21992" spans="8:8">
      <c r="H21992" s="12"/>
    </row>
    <row r="21993" spans="8:8">
      <c r="H21993" s="12"/>
    </row>
    <row r="21994" spans="8:8">
      <c r="H21994" s="12"/>
    </row>
    <row r="21995" spans="8:8">
      <c r="H21995" s="12"/>
    </row>
    <row r="21996" spans="8:8">
      <c r="H21996" s="12"/>
    </row>
    <row r="21997" spans="8:8">
      <c r="H21997" s="12"/>
    </row>
    <row r="21998" spans="8:8">
      <c r="H21998" s="12"/>
    </row>
    <row r="21999" spans="8:8">
      <c r="H21999" s="12"/>
    </row>
    <row r="22000" spans="8:8">
      <c r="H22000" s="12"/>
    </row>
    <row r="22001" spans="8:8">
      <c r="H22001" s="12"/>
    </row>
    <row r="22002" spans="8:8">
      <c r="H22002" s="12"/>
    </row>
    <row r="22003" spans="8:8">
      <c r="H22003" s="12"/>
    </row>
    <row r="22004" spans="8:8">
      <c r="H22004" s="12"/>
    </row>
    <row r="22005" spans="8:8">
      <c r="H22005" s="12"/>
    </row>
    <row r="22006" spans="8:8">
      <c r="H22006" s="12"/>
    </row>
    <row r="22007" spans="8:8">
      <c r="H22007" s="12"/>
    </row>
    <row r="22008" spans="8:8">
      <c r="H22008" s="12"/>
    </row>
    <row r="22009" spans="8:8">
      <c r="H22009" s="12"/>
    </row>
    <row r="22010" spans="8:8">
      <c r="H22010" s="12"/>
    </row>
    <row r="22011" spans="8:8">
      <c r="H22011" s="12"/>
    </row>
    <row r="22012" spans="8:8">
      <c r="H22012" s="12"/>
    </row>
    <row r="22013" spans="8:8">
      <c r="H22013" s="12"/>
    </row>
    <row r="22014" spans="8:8">
      <c r="H22014" s="12"/>
    </row>
    <row r="22015" spans="8:8">
      <c r="H22015" s="12"/>
    </row>
    <row r="22016" spans="8:8">
      <c r="H22016" s="12"/>
    </row>
    <row r="22017" spans="8:8">
      <c r="H22017" s="12"/>
    </row>
    <row r="22018" spans="8:8">
      <c r="H22018" s="12"/>
    </row>
    <row r="22019" spans="8:8">
      <c r="H22019" s="12"/>
    </row>
    <row r="22020" spans="8:8">
      <c r="H22020" s="12"/>
    </row>
    <row r="22021" spans="8:8">
      <c r="H22021" s="12"/>
    </row>
    <row r="22022" spans="8:8">
      <c r="H22022" s="12"/>
    </row>
    <row r="22023" spans="8:8">
      <c r="H22023" s="12"/>
    </row>
    <row r="22024" spans="8:8">
      <c r="H22024" s="12"/>
    </row>
    <row r="22025" spans="8:8">
      <c r="H22025" s="12"/>
    </row>
    <row r="22026" spans="8:8">
      <c r="H22026" s="12"/>
    </row>
    <row r="22027" spans="8:8">
      <c r="H22027" s="12"/>
    </row>
    <row r="22028" spans="8:8">
      <c r="H22028" s="12"/>
    </row>
    <row r="22029" spans="8:8">
      <c r="H22029" s="12"/>
    </row>
    <row r="22030" spans="8:8">
      <c r="H22030" s="12"/>
    </row>
    <row r="22031" spans="8:8">
      <c r="H22031" s="12"/>
    </row>
    <row r="22032" spans="8:8">
      <c r="H22032" s="12"/>
    </row>
    <row r="22033" spans="8:8">
      <c r="H22033" s="12"/>
    </row>
    <row r="22034" spans="8:8">
      <c r="H22034" s="12"/>
    </row>
    <row r="22035" spans="8:8">
      <c r="H22035" s="12"/>
    </row>
    <row r="22036" spans="8:8">
      <c r="H22036" s="12"/>
    </row>
    <row r="22037" spans="8:8">
      <c r="H22037" s="12"/>
    </row>
    <row r="22038" spans="8:8">
      <c r="H22038" s="12"/>
    </row>
    <row r="22039" spans="8:8">
      <c r="H22039" s="12"/>
    </row>
    <row r="22040" spans="8:8">
      <c r="H22040" s="12"/>
    </row>
    <row r="22041" spans="8:8">
      <c r="H22041" s="12"/>
    </row>
    <row r="22042" spans="8:8">
      <c r="H22042" s="12"/>
    </row>
    <row r="22043" spans="8:8">
      <c r="H22043" s="12"/>
    </row>
    <row r="22044" spans="8:8">
      <c r="H22044" s="12"/>
    </row>
    <row r="22045" spans="8:8">
      <c r="H22045" s="12"/>
    </row>
    <row r="22046" spans="8:8">
      <c r="H22046" s="12"/>
    </row>
    <row r="22047" spans="8:8">
      <c r="H22047" s="12"/>
    </row>
    <row r="22048" spans="8:8">
      <c r="H22048" s="12"/>
    </row>
    <row r="22049" spans="8:8">
      <c r="H22049" s="12"/>
    </row>
    <row r="22050" spans="8:8">
      <c r="H22050" s="12"/>
    </row>
    <row r="22051" spans="8:8">
      <c r="H22051" s="12"/>
    </row>
    <row r="22052" spans="8:8">
      <c r="H22052" s="12"/>
    </row>
    <row r="22053" spans="8:8">
      <c r="H22053" s="12"/>
    </row>
    <row r="22054" spans="8:8">
      <c r="H22054" s="12"/>
    </row>
    <row r="22055" spans="8:8">
      <c r="H22055" s="12"/>
    </row>
    <row r="22056" spans="8:8">
      <c r="H22056" s="12"/>
    </row>
    <row r="22057" spans="8:8">
      <c r="H22057" s="12"/>
    </row>
    <row r="22058" spans="8:8">
      <c r="H22058" s="12"/>
    </row>
    <row r="22059" spans="8:8">
      <c r="H22059" s="12"/>
    </row>
    <row r="22060" spans="8:8">
      <c r="H22060" s="12"/>
    </row>
    <row r="22061" spans="8:8">
      <c r="H22061" s="12"/>
    </row>
    <row r="22062" spans="8:8">
      <c r="H22062" s="12"/>
    </row>
    <row r="22063" spans="8:8">
      <c r="H22063" s="12"/>
    </row>
    <row r="22064" spans="8:8">
      <c r="H22064" s="12"/>
    </row>
    <row r="22065" spans="8:8">
      <c r="H22065" s="12"/>
    </row>
    <row r="22066" spans="8:8">
      <c r="H22066" s="12"/>
    </row>
    <row r="22067" spans="8:8">
      <c r="H22067" s="12"/>
    </row>
    <row r="22068" spans="8:8">
      <c r="H22068" s="12"/>
    </row>
    <row r="22069" spans="8:8">
      <c r="H22069" s="12"/>
    </row>
    <row r="22070" spans="8:8">
      <c r="H22070" s="12"/>
    </row>
    <row r="22071" spans="8:8">
      <c r="H22071" s="12"/>
    </row>
    <row r="22072" spans="8:8">
      <c r="H22072" s="12"/>
    </row>
    <row r="22073" spans="8:8">
      <c r="H22073" s="12"/>
    </row>
    <row r="22074" spans="8:8">
      <c r="H22074" s="12"/>
    </row>
    <row r="22075" spans="8:8">
      <c r="H22075" s="12"/>
    </row>
    <row r="22076" spans="8:8">
      <c r="H22076" s="12"/>
    </row>
    <row r="22077" spans="8:8">
      <c r="H22077" s="12"/>
    </row>
    <row r="22078" spans="8:8">
      <c r="H22078" s="12"/>
    </row>
    <row r="22079" spans="8:8">
      <c r="H22079" s="12"/>
    </row>
    <row r="22080" spans="8:8">
      <c r="H22080" s="12"/>
    </row>
    <row r="22081" spans="8:8">
      <c r="H22081" s="12"/>
    </row>
    <row r="22082" spans="8:8">
      <c r="H22082" s="12"/>
    </row>
    <row r="22083" spans="8:8">
      <c r="H22083" s="12"/>
    </row>
    <row r="22084" spans="8:8">
      <c r="H22084" s="12"/>
    </row>
    <row r="22085" spans="8:8">
      <c r="H22085" s="12"/>
    </row>
    <row r="22086" spans="8:8">
      <c r="H22086" s="12"/>
    </row>
    <row r="22087" spans="8:8">
      <c r="H22087" s="12"/>
    </row>
    <row r="22088" spans="8:8">
      <c r="H22088" s="12"/>
    </row>
    <row r="22089" spans="8:8">
      <c r="H22089" s="12"/>
    </row>
    <row r="22090" spans="8:8">
      <c r="H22090" s="12"/>
    </row>
    <row r="22091" spans="8:8">
      <c r="H22091" s="12"/>
    </row>
    <row r="22092" spans="8:8">
      <c r="H22092" s="12"/>
    </row>
    <row r="22093" spans="8:8">
      <c r="H22093" s="12"/>
    </row>
    <row r="22094" spans="8:8">
      <c r="H22094" s="12"/>
    </row>
    <row r="22095" spans="8:8">
      <c r="H22095" s="12"/>
    </row>
    <row r="22096" spans="8:8">
      <c r="H22096" s="12"/>
    </row>
    <row r="22097" spans="8:8">
      <c r="H22097" s="12"/>
    </row>
    <row r="22098" spans="8:8">
      <c r="H22098" s="12"/>
    </row>
    <row r="22099" spans="8:8">
      <c r="H22099" s="12"/>
    </row>
    <row r="22100" spans="8:8">
      <c r="H22100" s="12"/>
    </row>
    <row r="22101" spans="8:8">
      <c r="H22101" s="12"/>
    </row>
    <row r="22102" spans="8:8">
      <c r="H22102" s="12"/>
    </row>
    <row r="22103" spans="8:8">
      <c r="H22103" s="12"/>
    </row>
    <row r="22104" spans="8:8">
      <c r="H22104" s="12"/>
    </row>
    <row r="22105" spans="8:8">
      <c r="H22105" s="12"/>
    </row>
    <row r="22106" spans="8:8">
      <c r="H22106" s="12"/>
    </row>
    <row r="22107" spans="8:8">
      <c r="H22107" s="12"/>
    </row>
    <row r="22108" spans="8:8">
      <c r="H22108" s="12"/>
    </row>
    <row r="22109" spans="8:8">
      <c r="H22109" s="12"/>
    </row>
    <row r="22110" spans="8:8">
      <c r="H22110" s="12"/>
    </row>
    <row r="22111" spans="8:8">
      <c r="H22111" s="12"/>
    </row>
    <row r="22112" spans="8:8">
      <c r="H22112" s="12"/>
    </row>
    <row r="22113" spans="8:8">
      <c r="H22113" s="12"/>
    </row>
    <row r="22114" spans="8:8">
      <c r="H22114" s="12"/>
    </row>
    <row r="22115" spans="8:8">
      <c r="H22115" s="12"/>
    </row>
    <row r="22116" spans="8:8">
      <c r="H22116" s="12"/>
    </row>
    <row r="22117" spans="8:8">
      <c r="H22117" s="12"/>
    </row>
    <row r="22118" spans="8:8">
      <c r="H22118" s="12"/>
    </row>
    <row r="22119" spans="8:8">
      <c r="H22119" s="12"/>
    </row>
    <row r="22120" spans="8:8">
      <c r="H22120" s="12"/>
    </row>
    <row r="22121" spans="8:8">
      <c r="H22121" s="12"/>
    </row>
    <row r="22122" spans="8:8">
      <c r="H22122" s="12"/>
    </row>
    <row r="22123" spans="8:8">
      <c r="H22123" s="12"/>
    </row>
    <row r="22124" spans="8:8">
      <c r="H22124" s="12"/>
    </row>
    <row r="22125" spans="8:8">
      <c r="H22125" s="12"/>
    </row>
    <row r="22126" spans="8:8">
      <c r="H22126" s="12"/>
    </row>
    <row r="22127" spans="8:8">
      <c r="H22127" s="12"/>
    </row>
    <row r="22128" spans="8:8">
      <c r="H22128" s="12"/>
    </row>
    <row r="22129" spans="8:8">
      <c r="H22129" s="12"/>
    </row>
    <row r="22130" spans="8:8">
      <c r="H22130" s="12"/>
    </row>
    <row r="22131" spans="8:8">
      <c r="H22131" s="12"/>
    </row>
    <row r="22132" spans="8:8">
      <c r="H22132" s="12"/>
    </row>
    <row r="22133" spans="8:8">
      <c r="H22133" s="12"/>
    </row>
    <row r="22134" spans="8:8">
      <c r="H22134" s="12"/>
    </row>
    <row r="22135" spans="8:8">
      <c r="H22135" s="12"/>
    </row>
    <row r="22136" spans="8:8">
      <c r="H22136" s="12"/>
    </row>
    <row r="22137" spans="8:8">
      <c r="H22137" s="12"/>
    </row>
    <row r="22138" spans="8:8">
      <c r="H22138" s="12"/>
    </row>
    <row r="22139" spans="8:8">
      <c r="H22139" s="12"/>
    </row>
    <row r="22140" spans="8:8">
      <c r="H22140" s="12"/>
    </row>
    <row r="22141" spans="8:8">
      <c r="H22141" s="12"/>
    </row>
    <row r="22142" spans="8:8">
      <c r="H22142" s="12"/>
    </row>
    <row r="22143" spans="8:8">
      <c r="H22143" s="12"/>
    </row>
    <row r="22144" spans="8:8">
      <c r="H22144" s="12"/>
    </row>
    <row r="22145" spans="8:8">
      <c r="H22145" s="12"/>
    </row>
    <row r="22146" spans="8:8">
      <c r="H22146" s="12"/>
    </row>
    <row r="22147" spans="8:8">
      <c r="H22147" s="12"/>
    </row>
    <row r="22148" spans="8:8">
      <c r="H22148" s="12"/>
    </row>
    <row r="22149" spans="8:8">
      <c r="H22149" s="12"/>
    </row>
    <row r="22150" spans="8:8">
      <c r="H22150" s="12"/>
    </row>
    <row r="22151" spans="8:8">
      <c r="H22151" s="12"/>
    </row>
    <row r="22152" spans="8:8">
      <c r="H22152" s="12"/>
    </row>
    <row r="22153" spans="8:8">
      <c r="H22153" s="12"/>
    </row>
    <row r="22154" spans="8:8">
      <c r="H22154" s="12"/>
    </row>
    <row r="22155" spans="8:8">
      <c r="H22155" s="12"/>
    </row>
    <row r="22156" spans="8:8">
      <c r="H22156" s="12"/>
    </row>
    <row r="22157" spans="8:8">
      <c r="H22157" s="12"/>
    </row>
    <row r="22158" spans="8:8">
      <c r="H22158" s="12"/>
    </row>
    <row r="22159" spans="8:8">
      <c r="H22159" s="12"/>
    </row>
    <row r="22160" spans="8:8">
      <c r="H22160" s="12"/>
    </row>
    <row r="22161" spans="8:8">
      <c r="H22161" s="12"/>
    </row>
    <row r="22162" spans="8:8">
      <c r="H22162" s="12"/>
    </row>
    <row r="22163" spans="8:8">
      <c r="H22163" s="12"/>
    </row>
    <row r="22164" spans="8:8">
      <c r="H22164" s="12"/>
    </row>
    <row r="22165" spans="8:8">
      <c r="H22165" s="12"/>
    </row>
    <row r="22166" spans="8:8">
      <c r="H22166" s="12"/>
    </row>
    <row r="22167" spans="8:8">
      <c r="H22167" s="12"/>
    </row>
    <row r="22168" spans="8:8">
      <c r="H22168" s="12"/>
    </row>
    <row r="22169" spans="8:8">
      <c r="H22169" s="12"/>
    </row>
    <row r="22170" spans="8:8">
      <c r="H22170" s="12"/>
    </row>
    <row r="22171" spans="8:8">
      <c r="H22171" s="12"/>
    </row>
    <row r="22172" spans="8:8">
      <c r="H22172" s="12"/>
    </row>
    <row r="22173" spans="8:8">
      <c r="H22173" s="12"/>
    </row>
    <row r="22174" spans="8:8">
      <c r="H22174" s="12"/>
    </row>
    <row r="22175" spans="8:8">
      <c r="H22175" s="12"/>
    </row>
    <row r="22176" spans="8:8">
      <c r="H22176" s="12"/>
    </row>
    <row r="22177" spans="8:8">
      <c r="H22177" s="12"/>
    </row>
    <row r="22178" spans="8:8">
      <c r="H22178" s="12"/>
    </row>
    <row r="22179" spans="8:8">
      <c r="H22179" s="12"/>
    </row>
    <row r="22180" spans="8:8">
      <c r="H22180" s="12"/>
    </row>
    <row r="22181" spans="8:8">
      <c r="H22181" s="12"/>
    </row>
    <row r="22182" spans="8:8">
      <c r="H22182" s="12"/>
    </row>
    <row r="22183" spans="8:8">
      <c r="H22183" s="12"/>
    </row>
    <row r="22184" spans="8:8">
      <c r="H22184" s="12"/>
    </row>
    <row r="22185" spans="8:8">
      <c r="H22185" s="12"/>
    </row>
    <row r="22186" spans="8:8">
      <c r="H22186" s="12"/>
    </row>
    <row r="22187" spans="8:8">
      <c r="H22187" s="12"/>
    </row>
    <row r="22188" spans="8:8">
      <c r="H22188" s="12"/>
    </row>
    <row r="22189" spans="8:8">
      <c r="H22189" s="12"/>
    </row>
    <row r="22190" spans="8:8">
      <c r="H22190" s="12"/>
    </row>
    <row r="22191" spans="8:8">
      <c r="H22191" s="12"/>
    </row>
    <row r="22192" spans="8:8">
      <c r="H22192" s="12"/>
    </row>
    <row r="22193" spans="8:8">
      <c r="H22193" s="12"/>
    </row>
    <row r="22194" spans="8:8">
      <c r="H22194" s="12"/>
    </row>
    <row r="22195" spans="8:8">
      <c r="H22195" s="12"/>
    </row>
    <row r="22196" spans="8:8">
      <c r="H22196" s="12"/>
    </row>
    <row r="22197" spans="8:8">
      <c r="H22197" s="12"/>
    </row>
    <row r="22198" spans="8:8">
      <c r="H22198" s="12"/>
    </row>
    <row r="22199" spans="8:8">
      <c r="H22199" s="12"/>
    </row>
    <row r="22200" spans="8:8">
      <c r="H22200" s="12"/>
    </row>
    <row r="22201" spans="8:8">
      <c r="H22201" s="12"/>
    </row>
    <row r="22202" spans="8:8">
      <c r="H22202" s="12"/>
    </row>
    <row r="22203" spans="8:8">
      <c r="H22203" s="12"/>
    </row>
    <row r="22204" spans="8:8">
      <c r="H22204" s="12"/>
    </row>
    <row r="22205" spans="8:8">
      <c r="H22205" s="12"/>
    </row>
    <row r="22206" spans="8:8">
      <c r="H22206" s="12"/>
    </row>
    <row r="22207" spans="8:8">
      <c r="H22207" s="12"/>
    </row>
    <row r="22208" spans="8:8">
      <c r="H22208" s="12"/>
    </row>
    <row r="22209" spans="8:8">
      <c r="H22209" s="12"/>
    </row>
    <row r="22210" spans="8:8">
      <c r="H22210" s="12"/>
    </row>
    <row r="22211" spans="8:8">
      <c r="H22211" s="12"/>
    </row>
    <row r="22212" spans="8:8">
      <c r="H22212" s="12"/>
    </row>
    <row r="22213" spans="8:8">
      <c r="H22213" s="12"/>
    </row>
    <row r="22214" spans="8:8">
      <c r="H22214" s="12"/>
    </row>
    <row r="22215" spans="8:8">
      <c r="H22215" s="12"/>
    </row>
    <row r="22216" spans="8:8">
      <c r="H22216" s="12"/>
    </row>
    <row r="22217" spans="8:8">
      <c r="H22217" s="12"/>
    </row>
    <row r="22218" spans="8:8">
      <c r="H22218" s="12"/>
    </row>
    <row r="22219" spans="8:8">
      <c r="H22219" s="12"/>
    </row>
    <row r="22220" spans="8:8">
      <c r="H22220" s="12"/>
    </row>
    <row r="22221" spans="8:8">
      <c r="H22221" s="12"/>
    </row>
    <row r="22222" spans="8:8">
      <c r="H22222" s="12"/>
    </row>
    <row r="22223" spans="8:8">
      <c r="H22223" s="12"/>
    </row>
    <row r="22224" spans="8:8">
      <c r="H22224" s="12"/>
    </row>
    <row r="22225" spans="8:8">
      <c r="H22225" s="12"/>
    </row>
    <row r="22226" spans="8:8">
      <c r="H22226" s="12"/>
    </row>
    <row r="22227" spans="8:8">
      <c r="H22227" s="12"/>
    </row>
    <row r="22228" spans="8:8">
      <c r="H22228" s="12"/>
    </row>
    <row r="22229" spans="8:8">
      <c r="H22229" s="12"/>
    </row>
    <row r="22230" spans="8:8">
      <c r="H22230" s="12"/>
    </row>
    <row r="22231" spans="8:8">
      <c r="H22231" s="12"/>
    </row>
    <row r="22232" spans="8:8">
      <c r="H22232" s="12"/>
    </row>
    <row r="22233" spans="8:8">
      <c r="H22233" s="12"/>
    </row>
    <row r="22234" spans="8:8">
      <c r="H22234" s="12"/>
    </row>
    <row r="22235" spans="8:8">
      <c r="H22235" s="12"/>
    </row>
    <row r="22236" spans="8:8">
      <c r="H22236" s="12"/>
    </row>
    <row r="22237" spans="8:8">
      <c r="H22237" s="12"/>
    </row>
    <row r="22238" spans="8:8">
      <c r="H22238" s="12"/>
    </row>
    <row r="22239" spans="8:8">
      <c r="H22239" s="12"/>
    </row>
    <row r="22240" spans="8:8">
      <c r="H22240" s="12"/>
    </row>
    <row r="22241" spans="8:8">
      <c r="H22241" s="12"/>
    </row>
    <row r="22242" spans="8:8">
      <c r="H22242" s="12"/>
    </row>
    <row r="22243" spans="8:8">
      <c r="H22243" s="12"/>
    </row>
    <row r="22244" spans="8:8">
      <c r="H22244" s="12"/>
    </row>
    <row r="22245" spans="8:8">
      <c r="H22245" s="12"/>
    </row>
    <row r="22246" spans="8:8">
      <c r="H22246" s="12"/>
    </row>
    <row r="22247" spans="8:8">
      <c r="H22247" s="12"/>
    </row>
    <row r="22248" spans="8:8">
      <c r="H22248" s="12"/>
    </row>
    <row r="22249" spans="8:8">
      <c r="H22249" s="12"/>
    </row>
    <row r="22250" spans="8:8">
      <c r="H22250" s="12"/>
    </row>
    <row r="22251" spans="8:8">
      <c r="H22251" s="12"/>
    </row>
    <row r="22252" spans="8:8">
      <c r="H22252" s="12"/>
    </row>
    <row r="22253" spans="8:8">
      <c r="H22253" s="12"/>
    </row>
    <row r="22254" spans="8:8">
      <c r="H22254" s="12"/>
    </row>
    <row r="22255" spans="8:8">
      <c r="H22255" s="12"/>
    </row>
    <row r="22256" spans="8:8">
      <c r="H22256" s="12"/>
    </row>
    <row r="22257" spans="8:8">
      <c r="H22257" s="12"/>
    </row>
    <row r="22258" spans="8:8">
      <c r="H22258" s="12"/>
    </row>
    <row r="22259" spans="8:8">
      <c r="H22259" s="12"/>
    </row>
    <row r="22260" spans="8:8">
      <c r="H22260" s="12"/>
    </row>
    <row r="22261" spans="8:8">
      <c r="H22261" s="12"/>
    </row>
    <row r="22262" spans="8:8">
      <c r="H22262" s="12"/>
    </row>
    <row r="22263" spans="8:8">
      <c r="H22263" s="12"/>
    </row>
    <row r="22264" spans="8:8">
      <c r="H22264" s="12"/>
    </row>
    <row r="22265" spans="8:8">
      <c r="H22265" s="12"/>
    </row>
    <row r="22266" spans="8:8">
      <c r="H22266" s="12"/>
    </row>
    <row r="22267" spans="8:8">
      <c r="H22267" s="12"/>
    </row>
    <row r="22268" spans="8:8">
      <c r="H22268" s="12"/>
    </row>
    <row r="22269" spans="8:8">
      <c r="H22269" s="12"/>
    </row>
    <row r="22270" spans="8:8">
      <c r="H22270" s="12"/>
    </row>
    <row r="22271" spans="8:8">
      <c r="H22271" s="12"/>
    </row>
    <row r="22272" spans="8:8">
      <c r="H22272" s="12"/>
    </row>
    <row r="22273" spans="8:8">
      <c r="H22273" s="12"/>
    </row>
    <row r="22274" spans="8:8">
      <c r="H22274" s="12"/>
    </row>
    <row r="22275" spans="8:8">
      <c r="H22275" s="12"/>
    </row>
    <row r="22276" spans="8:8">
      <c r="H22276" s="12"/>
    </row>
    <row r="22277" spans="8:8">
      <c r="H22277" s="12"/>
    </row>
    <row r="22278" spans="8:8">
      <c r="H22278" s="12"/>
    </row>
    <row r="22279" spans="8:8">
      <c r="H22279" s="12"/>
    </row>
    <row r="22280" spans="8:8">
      <c r="H22280" s="12"/>
    </row>
    <row r="22281" spans="8:8">
      <c r="H22281" s="12"/>
    </row>
    <row r="22282" spans="8:8">
      <c r="H22282" s="12"/>
    </row>
    <row r="22283" spans="8:8">
      <c r="H22283" s="12"/>
    </row>
    <row r="22284" spans="8:8">
      <c r="H22284" s="12"/>
    </row>
    <row r="22285" spans="8:8">
      <c r="H22285" s="12"/>
    </row>
    <row r="22286" spans="8:8">
      <c r="H22286" s="12"/>
    </row>
    <row r="22287" spans="8:8">
      <c r="H22287" s="12"/>
    </row>
    <row r="22288" spans="8:8">
      <c r="H22288" s="12"/>
    </row>
    <row r="22289" spans="8:8">
      <c r="H22289" s="12"/>
    </row>
    <row r="22290" spans="8:8">
      <c r="H22290" s="12"/>
    </row>
    <row r="22291" spans="8:8">
      <c r="H22291" s="12"/>
    </row>
    <row r="22292" spans="8:8">
      <c r="H22292" s="12"/>
    </row>
    <row r="22293" spans="8:8">
      <c r="H22293" s="12"/>
    </row>
    <row r="22294" spans="8:8">
      <c r="H22294" s="12"/>
    </row>
    <row r="22295" spans="8:8">
      <c r="H22295" s="12"/>
    </row>
    <row r="22296" spans="8:8">
      <c r="H22296" s="12"/>
    </row>
    <row r="22297" spans="8:8">
      <c r="H22297" s="12"/>
    </row>
    <row r="22298" spans="8:8">
      <c r="H22298" s="12"/>
    </row>
    <row r="22299" spans="8:8">
      <c r="H22299" s="12"/>
    </row>
    <row r="22300" spans="8:8">
      <c r="H22300" s="12"/>
    </row>
    <row r="22301" spans="8:8">
      <c r="H22301" s="12"/>
    </row>
    <row r="22302" spans="8:8">
      <c r="H22302" s="12"/>
    </row>
    <row r="22303" spans="8:8">
      <c r="H22303" s="12"/>
    </row>
    <row r="22304" spans="8:8">
      <c r="H22304" s="12"/>
    </row>
    <row r="22305" spans="8:8">
      <c r="H22305" s="12"/>
    </row>
    <row r="22306" spans="8:8">
      <c r="H22306" s="12"/>
    </row>
    <row r="22307" spans="8:8">
      <c r="H22307" s="12"/>
    </row>
    <row r="22308" spans="8:8">
      <c r="H22308" s="12"/>
    </row>
    <row r="22309" spans="8:8">
      <c r="H22309" s="12"/>
    </row>
    <row r="22310" spans="8:8">
      <c r="H22310" s="12"/>
    </row>
    <row r="22311" spans="8:8">
      <c r="H22311" s="12"/>
    </row>
    <row r="22312" spans="8:8">
      <c r="H22312" s="12"/>
    </row>
    <row r="22313" spans="8:8">
      <c r="H22313" s="12"/>
    </row>
    <row r="22314" spans="8:8">
      <c r="H22314" s="12"/>
    </row>
    <row r="22315" spans="8:8">
      <c r="H22315" s="12"/>
    </row>
    <row r="22316" spans="8:8">
      <c r="H22316" s="12"/>
    </row>
    <row r="22317" spans="8:8">
      <c r="H22317" s="12"/>
    </row>
    <row r="22318" spans="8:8">
      <c r="H22318" s="12"/>
    </row>
    <row r="22319" spans="8:8">
      <c r="H22319" s="12"/>
    </row>
    <row r="22320" spans="8:8">
      <c r="H22320" s="12"/>
    </row>
    <row r="22321" spans="8:8">
      <c r="H22321" s="12"/>
    </row>
    <row r="22322" spans="8:8">
      <c r="H22322" s="12"/>
    </row>
    <row r="22323" spans="8:8">
      <c r="H22323" s="12"/>
    </row>
    <row r="22324" spans="8:8">
      <c r="H22324" s="12"/>
    </row>
    <row r="22325" spans="8:8">
      <c r="H22325" s="12"/>
    </row>
    <row r="22326" spans="8:8">
      <c r="H22326" s="12"/>
    </row>
    <row r="22327" spans="8:8">
      <c r="H22327" s="12"/>
    </row>
    <row r="22328" spans="8:8">
      <c r="H22328" s="12"/>
    </row>
    <row r="22329" spans="8:8">
      <c r="H22329" s="12"/>
    </row>
    <row r="22330" spans="8:8">
      <c r="H22330" s="12"/>
    </row>
    <row r="22331" spans="8:8">
      <c r="H22331" s="12"/>
    </row>
    <row r="22332" spans="8:8">
      <c r="H22332" s="12"/>
    </row>
    <row r="22333" spans="8:8">
      <c r="H22333" s="12"/>
    </row>
    <row r="22334" spans="8:8">
      <c r="H22334" s="12"/>
    </row>
    <row r="22335" spans="8:8">
      <c r="H22335" s="12"/>
    </row>
    <row r="22336" spans="8:8">
      <c r="H22336" s="12"/>
    </row>
    <row r="22337" spans="8:8">
      <c r="H22337" s="12"/>
    </row>
    <row r="22338" spans="8:8">
      <c r="H22338" s="12"/>
    </row>
    <row r="22339" spans="8:8">
      <c r="H22339" s="12"/>
    </row>
    <row r="22340" spans="8:8">
      <c r="H22340" s="12"/>
    </row>
    <row r="22341" spans="8:8">
      <c r="H22341" s="12"/>
    </row>
    <row r="22342" spans="8:8">
      <c r="H22342" s="12"/>
    </row>
    <row r="22343" spans="8:8">
      <c r="H22343" s="12"/>
    </row>
    <row r="22344" spans="8:8">
      <c r="H22344" s="12"/>
    </row>
    <row r="22345" spans="8:8">
      <c r="H22345" s="12"/>
    </row>
    <row r="22346" spans="8:8">
      <c r="H22346" s="12"/>
    </row>
    <row r="22347" spans="8:8">
      <c r="H22347" s="12"/>
    </row>
    <row r="22348" spans="8:8">
      <c r="H22348" s="12"/>
    </row>
    <row r="22349" spans="8:8">
      <c r="H22349" s="12"/>
    </row>
    <row r="22350" spans="8:8">
      <c r="H22350" s="12"/>
    </row>
    <row r="22351" spans="8:8">
      <c r="H22351" s="12"/>
    </row>
    <row r="22352" spans="8:8">
      <c r="H22352" s="12"/>
    </row>
    <row r="22353" spans="8:8">
      <c r="H22353" s="12"/>
    </row>
    <row r="22354" spans="8:8">
      <c r="H22354" s="12"/>
    </row>
    <row r="22355" spans="8:8">
      <c r="H22355" s="12"/>
    </row>
    <row r="22356" spans="8:8">
      <c r="H22356" s="12"/>
    </row>
    <row r="22357" spans="8:8">
      <c r="H22357" s="12"/>
    </row>
    <row r="22358" spans="8:8">
      <c r="H22358" s="12"/>
    </row>
    <row r="22359" spans="8:8">
      <c r="H22359" s="12"/>
    </row>
    <row r="22360" spans="8:8">
      <c r="H22360" s="12"/>
    </row>
    <row r="22361" spans="8:8">
      <c r="H22361" s="12"/>
    </row>
    <row r="22362" spans="8:8">
      <c r="H22362" s="12"/>
    </row>
    <row r="22363" spans="8:8">
      <c r="H22363" s="12"/>
    </row>
    <row r="22364" spans="8:8">
      <c r="H22364" s="12"/>
    </row>
    <row r="22365" spans="8:8">
      <c r="H22365" s="12"/>
    </row>
    <row r="22366" spans="8:8">
      <c r="H22366" s="12"/>
    </row>
    <row r="22367" spans="8:8">
      <c r="H22367" s="12"/>
    </row>
    <row r="22368" spans="8:8">
      <c r="H22368" s="12"/>
    </row>
    <row r="22369" spans="8:8">
      <c r="H22369" s="12"/>
    </row>
    <row r="22370" spans="8:8">
      <c r="H22370" s="12"/>
    </row>
    <row r="22371" spans="8:8">
      <c r="H22371" s="12"/>
    </row>
    <row r="22372" spans="8:8">
      <c r="H22372" s="12"/>
    </row>
    <row r="22373" spans="8:8">
      <c r="H22373" s="12"/>
    </row>
    <row r="22374" spans="8:8">
      <c r="H22374" s="12"/>
    </row>
    <row r="22375" spans="8:8">
      <c r="H22375" s="12"/>
    </row>
    <row r="22376" spans="8:8">
      <c r="H22376" s="12"/>
    </row>
    <row r="22377" spans="8:8">
      <c r="H22377" s="12"/>
    </row>
    <row r="22378" spans="8:8">
      <c r="H22378" s="12"/>
    </row>
    <row r="22379" spans="8:8">
      <c r="H22379" s="12"/>
    </row>
    <row r="22380" spans="8:8">
      <c r="H22380" s="12"/>
    </row>
    <row r="22381" spans="8:8">
      <c r="H22381" s="12"/>
    </row>
    <row r="22382" spans="8:8">
      <c r="H22382" s="12"/>
    </row>
    <row r="22383" spans="8:8">
      <c r="H22383" s="12"/>
    </row>
    <row r="22384" spans="8:8">
      <c r="H22384" s="12"/>
    </row>
    <row r="22385" spans="8:8">
      <c r="H22385" s="12"/>
    </row>
    <row r="22386" spans="8:8">
      <c r="H22386" s="12"/>
    </row>
    <row r="22387" spans="8:8">
      <c r="H22387" s="12"/>
    </row>
    <row r="22388" spans="8:8">
      <c r="H22388" s="12"/>
    </row>
    <row r="22389" spans="8:8">
      <c r="H22389" s="12"/>
    </row>
    <row r="22390" spans="8:8">
      <c r="H22390" s="12"/>
    </row>
    <row r="22391" spans="8:8">
      <c r="H22391" s="12"/>
    </row>
    <row r="22392" spans="8:8">
      <c r="H22392" s="12"/>
    </row>
    <row r="22393" spans="8:8">
      <c r="H22393" s="12"/>
    </row>
    <row r="22394" spans="8:8">
      <c r="H22394" s="12"/>
    </row>
    <row r="22395" spans="8:8">
      <c r="H22395" s="12"/>
    </row>
    <row r="22396" spans="8:8">
      <c r="H22396" s="12"/>
    </row>
    <row r="22397" spans="8:8">
      <c r="H22397" s="12"/>
    </row>
    <row r="22398" spans="8:8">
      <c r="H22398" s="12"/>
    </row>
    <row r="22399" spans="8:8">
      <c r="H22399" s="12"/>
    </row>
    <row r="22400" spans="8:8">
      <c r="H22400" s="12"/>
    </row>
    <row r="22401" spans="8:8">
      <c r="H22401" s="12"/>
    </row>
    <row r="22402" spans="8:8">
      <c r="H22402" s="12"/>
    </row>
    <row r="22403" spans="8:8">
      <c r="H22403" s="12"/>
    </row>
    <row r="22404" spans="8:8">
      <c r="H22404" s="12"/>
    </row>
    <row r="22405" spans="8:8">
      <c r="H22405" s="12"/>
    </row>
    <row r="22406" spans="8:8">
      <c r="H22406" s="12"/>
    </row>
    <row r="22407" spans="8:8">
      <c r="H22407" s="12"/>
    </row>
    <row r="22408" spans="8:8">
      <c r="H22408" s="12"/>
    </row>
    <row r="22409" spans="8:8">
      <c r="H22409" s="12"/>
    </row>
    <row r="22410" spans="8:8">
      <c r="H22410" s="12"/>
    </row>
    <row r="22411" spans="8:8">
      <c r="H22411" s="12"/>
    </row>
    <row r="22412" spans="8:8">
      <c r="H22412" s="12"/>
    </row>
    <row r="22413" spans="8:8">
      <c r="H22413" s="12"/>
    </row>
    <row r="22414" spans="8:8">
      <c r="H22414" s="12"/>
    </row>
    <row r="22415" spans="8:8">
      <c r="H22415" s="12"/>
    </row>
    <row r="22416" spans="8:8">
      <c r="H22416" s="12"/>
    </row>
    <row r="22417" spans="8:8">
      <c r="H22417" s="12"/>
    </row>
    <row r="22418" spans="8:8">
      <c r="H22418" s="12"/>
    </row>
    <row r="22419" spans="8:8">
      <c r="H22419" s="12"/>
    </row>
    <row r="22420" spans="8:8">
      <c r="H22420" s="12"/>
    </row>
    <row r="22421" spans="8:8">
      <c r="H22421" s="12"/>
    </row>
    <row r="22422" spans="8:8">
      <c r="H22422" s="12"/>
    </row>
    <row r="22423" spans="8:8">
      <c r="H22423" s="12"/>
    </row>
    <row r="22424" spans="8:8">
      <c r="H22424" s="12"/>
    </row>
    <row r="22425" spans="8:8">
      <c r="H22425" s="12"/>
    </row>
    <row r="22426" spans="8:8">
      <c r="H22426" s="12"/>
    </row>
    <row r="22427" spans="8:8">
      <c r="H22427" s="12"/>
    </row>
    <row r="22428" spans="8:8">
      <c r="H22428" s="12"/>
    </row>
    <row r="22429" spans="8:8">
      <c r="H22429" s="12"/>
    </row>
    <row r="22430" spans="8:8">
      <c r="H22430" s="12"/>
    </row>
    <row r="22431" spans="8:8">
      <c r="H22431" s="12"/>
    </row>
    <row r="22432" spans="8:8">
      <c r="H22432" s="12"/>
    </row>
    <row r="22433" spans="8:8">
      <c r="H22433" s="12"/>
    </row>
    <row r="22434" spans="8:8">
      <c r="H22434" s="12"/>
    </row>
    <row r="22435" spans="8:8">
      <c r="H22435" s="12"/>
    </row>
    <row r="22436" spans="8:8">
      <c r="H22436" s="12"/>
    </row>
    <row r="22437" spans="8:8">
      <c r="H22437" s="12"/>
    </row>
    <row r="22438" spans="8:8">
      <c r="H22438" s="12"/>
    </row>
    <row r="22439" spans="8:8">
      <c r="H22439" s="12"/>
    </row>
    <row r="22440" spans="8:8">
      <c r="H22440" s="12"/>
    </row>
    <row r="22441" spans="8:8">
      <c r="H22441" s="12"/>
    </row>
    <row r="22442" spans="8:8">
      <c r="H22442" s="12"/>
    </row>
    <row r="22443" spans="8:8">
      <c r="H22443" s="12"/>
    </row>
    <row r="22444" spans="8:8">
      <c r="H22444" s="12"/>
    </row>
    <row r="22445" spans="8:8">
      <c r="H22445" s="12"/>
    </row>
    <row r="22446" spans="8:8">
      <c r="H22446" s="12"/>
    </row>
    <row r="22447" spans="8:8">
      <c r="H22447" s="12"/>
    </row>
    <row r="22448" spans="8:8">
      <c r="H22448" s="12"/>
    </row>
    <row r="22449" spans="8:8">
      <c r="H22449" s="12"/>
    </row>
    <row r="22450" spans="8:8">
      <c r="H22450" s="12"/>
    </row>
    <row r="22451" spans="8:8">
      <c r="H22451" s="12"/>
    </row>
    <row r="22452" spans="8:8">
      <c r="H22452" s="12"/>
    </row>
    <row r="22453" spans="8:8">
      <c r="H22453" s="12"/>
    </row>
    <row r="22454" spans="8:8">
      <c r="H22454" s="12"/>
    </row>
    <row r="22455" spans="8:8">
      <c r="H22455" s="12"/>
    </row>
    <row r="22456" spans="8:8">
      <c r="H22456" s="12"/>
    </row>
    <row r="22457" spans="8:8">
      <c r="H22457" s="12"/>
    </row>
    <row r="22458" spans="8:8">
      <c r="H22458" s="12"/>
    </row>
    <row r="22459" spans="8:8">
      <c r="H22459" s="12"/>
    </row>
    <row r="22460" spans="8:8">
      <c r="H22460" s="12"/>
    </row>
    <row r="22461" spans="8:8">
      <c r="H22461" s="12"/>
    </row>
    <row r="22462" spans="8:8">
      <c r="H22462" s="12"/>
    </row>
    <row r="22463" spans="8:8">
      <c r="H22463" s="12"/>
    </row>
    <row r="22464" spans="8:8">
      <c r="H22464" s="12"/>
    </row>
    <row r="22465" spans="8:8">
      <c r="H22465" s="12"/>
    </row>
    <row r="22466" spans="8:8">
      <c r="H22466" s="12"/>
    </row>
    <row r="22467" spans="8:8">
      <c r="H22467" s="12"/>
    </row>
    <row r="22468" spans="8:8">
      <c r="H22468" s="12"/>
    </row>
    <row r="22469" spans="8:8">
      <c r="H22469" s="12"/>
    </row>
    <row r="22470" spans="8:8">
      <c r="H22470" s="12"/>
    </row>
    <row r="22471" spans="8:8">
      <c r="H22471" s="12"/>
    </row>
    <row r="22472" spans="8:8">
      <c r="H22472" s="12"/>
    </row>
    <row r="22473" spans="8:8">
      <c r="H22473" s="12"/>
    </row>
    <row r="22474" spans="8:8">
      <c r="H22474" s="12"/>
    </row>
    <row r="22475" spans="8:8">
      <c r="H22475" s="12"/>
    </row>
    <row r="22476" spans="8:8">
      <c r="H22476" s="12"/>
    </row>
    <row r="22477" spans="8:8">
      <c r="H22477" s="12"/>
    </row>
    <row r="22478" spans="8:8">
      <c r="H22478" s="12"/>
    </row>
    <row r="22479" spans="8:8">
      <c r="H22479" s="12"/>
    </row>
    <row r="22480" spans="8:8">
      <c r="H22480" s="12"/>
    </row>
    <row r="22481" spans="8:8">
      <c r="H22481" s="12"/>
    </row>
    <row r="22482" spans="8:8">
      <c r="H22482" s="12"/>
    </row>
    <row r="22483" spans="8:8">
      <c r="H22483" s="12"/>
    </row>
    <row r="22484" spans="8:8">
      <c r="H22484" s="12"/>
    </row>
    <row r="22485" spans="8:8">
      <c r="H22485" s="12"/>
    </row>
    <row r="22486" spans="8:8">
      <c r="H22486" s="12"/>
    </row>
    <row r="22487" spans="8:8">
      <c r="H22487" s="12"/>
    </row>
    <row r="22488" spans="8:8">
      <c r="H22488" s="12"/>
    </row>
    <row r="22489" spans="8:8">
      <c r="H22489" s="12"/>
    </row>
    <row r="22490" spans="8:8">
      <c r="H22490" s="12"/>
    </row>
    <row r="22491" spans="8:8">
      <c r="H22491" s="12"/>
    </row>
    <row r="22492" spans="8:8">
      <c r="H22492" s="12"/>
    </row>
    <row r="22493" spans="8:8">
      <c r="H22493" s="12"/>
    </row>
    <row r="22494" spans="8:8">
      <c r="H22494" s="12"/>
    </row>
    <row r="22495" spans="8:8">
      <c r="H22495" s="12"/>
    </row>
    <row r="22496" spans="8:8">
      <c r="H22496" s="12"/>
    </row>
    <row r="22497" spans="8:8">
      <c r="H22497" s="12"/>
    </row>
    <row r="22498" spans="8:8">
      <c r="H22498" s="12"/>
    </row>
    <row r="22499" spans="8:8">
      <c r="H22499" s="12"/>
    </row>
    <row r="22500" spans="8:8">
      <c r="H22500" s="12"/>
    </row>
    <row r="22501" spans="8:8">
      <c r="H22501" s="12"/>
    </row>
    <row r="22502" spans="8:8">
      <c r="H22502" s="12"/>
    </row>
    <row r="22503" spans="8:8">
      <c r="H22503" s="12"/>
    </row>
    <row r="22504" spans="8:8">
      <c r="H22504" s="12"/>
    </row>
    <row r="22505" spans="8:8">
      <c r="H22505" s="12"/>
    </row>
    <row r="22506" spans="8:8">
      <c r="H22506" s="12"/>
    </row>
    <row r="22507" spans="8:8">
      <c r="H22507" s="12"/>
    </row>
    <row r="22508" spans="8:8">
      <c r="H22508" s="12"/>
    </row>
    <row r="22509" spans="8:8">
      <c r="H22509" s="12"/>
    </row>
    <row r="22510" spans="8:8">
      <c r="H22510" s="12"/>
    </row>
    <row r="22511" spans="8:8">
      <c r="H22511" s="12"/>
    </row>
    <row r="22512" spans="8:8">
      <c r="H22512" s="12"/>
    </row>
    <row r="22513" spans="8:8">
      <c r="H22513" s="12"/>
    </row>
    <row r="22514" spans="8:8">
      <c r="H22514" s="12"/>
    </row>
    <row r="22515" spans="8:8">
      <c r="H22515" s="12"/>
    </row>
    <row r="22516" spans="8:8">
      <c r="H22516" s="12"/>
    </row>
    <row r="22517" spans="8:8">
      <c r="H22517" s="12"/>
    </row>
    <row r="22518" spans="8:8">
      <c r="H22518" s="12"/>
    </row>
    <row r="22519" spans="8:8">
      <c r="H22519" s="12"/>
    </row>
    <row r="22520" spans="8:8">
      <c r="H22520" s="12"/>
    </row>
    <row r="22521" spans="8:8">
      <c r="H22521" s="12"/>
    </row>
    <row r="22522" spans="8:8">
      <c r="H22522" s="12"/>
    </row>
    <row r="22523" spans="8:8">
      <c r="H22523" s="12"/>
    </row>
    <row r="22524" spans="8:8">
      <c r="H22524" s="12"/>
    </row>
    <row r="22525" spans="8:8">
      <c r="H22525" s="12"/>
    </row>
    <row r="22526" spans="8:8">
      <c r="H22526" s="12"/>
    </row>
    <row r="22527" spans="8:8">
      <c r="H22527" s="12"/>
    </row>
    <row r="22528" spans="8:8">
      <c r="H22528" s="12"/>
    </row>
    <row r="22529" spans="8:8">
      <c r="H22529" s="12"/>
    </row>
    <row r="22530" spans="8:8">
      <c r="H22530" s="12"/>
    </row>
    <row r="22531" spans="8:8">
      <c r="H22531" s="12"/>
    </row>
    <row r="22532" spans="8:8">
      <c r="H22532" s="12"/>
    </row>
    <row r="22533" spans="8:8">
      <c r="H22533" s="12"/>
    </row>
    <row r="22534" spans="8:8">
      <c r="H22534" s="12"/>
    </row>
    <row r="22535" spans="8:8">
      <c r="H22535" s="12"/>
    </row>
    <row r="22536" spans="8:8">
      <c r="H22536" s="12"/>
    </row>
    <row r="22537" spans="8:8">
      <c r="H22537" s="12"/>
    </row>
    <row r="22538" spans="8:8">
      <c r="H22538" s="12"/>
    </row>
    <row r="22539" spans="8:8">
      <c r="H22539" s="12"/>
    </row>
    <row r="22540" spans="8:8">
      <c r="H22540" s="12"/>
    </row>
    <row r="22541" spans="8:8">
      <c r="H22541" s="12"/>
    </row>
    <row r="22542" spans="8:8">
      <c r="H22542" s="12"/>
    </row>
    <row r="22543" spans="8:8">
      <c r="H22543" s="12"/>
    </row>
    <row r="22544" spans="8:8">
      <c r="H22544" s="12"/>
    </row>
    <row r="22545" spans="8:8">
      <c r="H22545" s="12"/>
    </row>
    <row r="22546" spans="8:8">
      <c r="H22546" s="12"/>
    </row>
    <row r="22547" spans="8:8">
      <c r="H22547" s="12"/>
    </row>
    <row r="22548" spans="8:8">
      <c r="H22548" s="12"/>
    </row>
    <row r="22549" spans="8:8">
      <c r="H22549" s="12"/>
    </row>
    <row r="22550" spans="8:8">
      <c r="H22550" s="12"/>
    </row>
    <row r="22551" spans="8:8">
      <c r="H22551" s="12"/>
    </row>
    <row r="22552" spans="8:8">
      <c r="H22552" s="12"/>
    </row>
    <row r="22553" spans="8:8">
      <c r="H22553" s="12"/>
    </row>
    <row r="22554" spans="8:8">
      <c r="H22554" s="12"/>
    </row>
    <row r="22555" spans="8:8">
      <c r="H22555" s="12"/>
    </row>
    <row r="22556" spans="8:8">
      <c r="H22556" s="12"/>
    </row>
    <row r="22557" spans="8:8">
      <c r="H22557" s="12"/>
    </row>
    <row r="22558" spans="8:8">
      <c r="H22558" s="12"/>
    </row>
    <row r="22559" spans="8:8">
      <c r="H22559" s="12"/>
    </row>
    <row r="22560" spans="8:8">
      <c r="H22560" s="12"/>
    </row>
    <row r="22561" spans="8:8">
      <c r="H22561" s="12"/>
    </row>
    <row r="22562" spans="8:8">
      <c r="H22562" s="12"/>
    </row>
    <row r="22563" spans="8:8">
      <c r="H22563" s="12"/>
    </row>
    <row r="22564" spans="8:8">
      <c r="H22564" s="12"/>
    </row>
    <row r="22565" spans="8:8">
      <c r="H22565" s="12"/>
    </row>
    <row r="22566" spans="8:8">
      <c r="H22566" s="12"/>
    </row>
    <row r="22567" spans="8:8">
      <c r="H22567" s="12"/>
    </row>
    <row r="22568" spans="8:8">
      <c r="H22568" s="12"/>
    </row>
    <row r="22569" spans="8:8">
      <c r="H22569" s="12"/>
    </row>
    <row r="22570" spans="8:8">
      <c r="H22570" s="12"/>
    </row>
    <row r="22571" spans="8:8">
      <c r="H22571" s="12"/>
    </row>
    <row r="22572" spans="8:8">
      <c r="H22572" s="12"/>
    </row>
    <row r="22573" spans="8:8">
      <c r="H22573" s="12"/>
    </row>
    <row r="22574" spans="8:8">
      <c r="H22574" s="12"/>
    </row>
    <row r="22575" spans="8:8">
      <c r="H22575" s="12"/>
    </row>
    <row r="22576" spans="8:8">
      <c r="H22576" s="12"/>
    </row>
    <row r="22577" spans="8:8">
      <c r="H22577" s="12"/>
    </row>
    <row r="22578" spans="8:8">
      <c r="H22578" s="12"/>
    </row>
    <row r="22579" spans="8:8">
      <c r="H22579" s="12"/>
    </row>
    <row r="22580" spans="8:8">
      <c r="H22580" s="12"/>
    </row>
    <row r="22581" spans="8:8">
      <c r="H22581" s="12"/>
    </row>
    <row r="22582" spans="8:8">
      <c r="H22582" s="12"/>
    </row>
    <row r="22583" spans="8:8">
      <c r="H22583" s="12"/>
    </row>
    <row r="22584" spans="8:8">
      <c r="H22584" s="12"/>
    </row>
    <row r="22585" spans="8:8">
      <c r="H22585" s="12"/>
    </row>
    <row r="22586" spans="8:8">
      <c r="H22586" s="12"/>
    </row>
    <row r="22587" spans="8:8">
      <c r="H22587" s="12"/>
    </row>
    <row r="22588" spans="8:8">
      <c r="H22588" s="12"/>
    </row>
    <row r="22589" spans="8:8">
      <c r="H22589" s="12"/>
    </row>
    <row r="22590" spans="8:8">
      <c r="H22590" s="12"/>
    </row>
    <row r="22591" spans="8:8">
      <c r="H22591" s="12"/>
    </row>
    <row r="22592" spans="8:8">
      <c r="H22592" s="12"/>
    </row>
    <row r="22593" spans="8:8">
      <c r="H22593" s="12"/>
    </row>
    <row r="22594" spans="8:8">
      <c r="H22594" s="12"/>
    </row>
    <row r="22595" spans="8:8">
      <c r="H22595" s="12"/>
    </row>
    <row r="22596" spans="8:8">
      <c r="H22596" s="12"/>
    </row>
    <row r="22597" spans="8:8">
      <c r="H22597" s="12"/>
    </row>
    <row r="22598" spans="8:8">
      <c r="H22598" s="12"/>
    </row>
    <row r="22599" spans="8:8">
      <c r="H22599" s="12"/>
    </row>
    <row r="22600" spans="8:8">
      <c r="H22600" s="12"/>
    </row>
    <row r="22601" spans="8:8">
      <c r="H22601" s="12"/>
    </row>
    <row r="22602" spans="8:8">
      <c r="H22602" s="12"/>
    </row>
    <row r="22603" spans="8:8">
      <c r="H22603" s="12"/>
    </row>
    <row r="22604" spans="8:8">
      <c r="H22604" s="12"/>
    </row>
    <row r="22605" spans="8:8">
      <c r="H22605" s="12"/>
    </row>
    <row r="22606" spans="8:8">
      <c r="H22606" s="12"/>
    </row>
    <row r="22607" spans="8:8">
      <c r="H22607" s="12"/>
    </row>
    <row r="22608" spans="8:8">
      <c r="H22608" s="12"/>
    </row>
    <row r="22609" spans="8:8">
      <c r="H22609" s="12"/>
    </row>
    <row r="22610" spans="8:8">
      <c r="H22610" s="12"/>
    </row>
    <row r="22611" spans="8:8">
      <c r="H22611" s="12"/>
    </row>
    <row r="22612" spans="8:8">
      <c r="H22612" s="12"/>
    </row>
    <row r="22613" spans="8:8">
      <c r="H22613" s="12"/>
    </row>
    <row r="22614" spans="8:8">
      <c r="H22614" s="12"/>
    </row>
    <row r="22615" spans="8:8">
      <c r="H22615" s="12"/>
    </row>
    <row r="22616" spans="8:8">
      <c r="H22616" s="12"/>
    </row>
    <row r="22617" spans="8:8">
      <c r="H22617" s="12"/>
    </row>
    <row r="22618" spans="8:8">
      <c r="H22618" s="12"/>
    </row>
    <row r="22619" spans="8:8">
      <c r="H22619" s="12"/>
    </row>
    <row r="22620" spans="8:8">
      <c r="H22620" s="12"/>
    </row>
    <row r="22621" spans="8:8">
      <c r="H22621" s="12"/>
    </row>
    <row r="22622" spans="8:8">
      <c r="H22622" s="12"/>
    </row>
    <row r="22623" spans="8:8">
      <c r="H22623" s="12"/>
    </row>
    <row r="22624" spans="8:8">
      <c r="H22624" s="12"/>
    </row>
    <row r="22625" spans="8:8">
      <c r="H22625" s="12"/>
    </row>
    <row r="22626" spans="8:8">
      <c r="H22626" s="12"/>
    </row>
    <row r="22627" spans="8:8">
      <c r="H22627" s="12"/>
    </row>
    <row r="22628" spans="8:8">
      <c r="H22628" s="12"/>
    </row>
    <row r="22629" spans="8:8">
      <c r="H22629" s="12"/>
    </row>
    <row r="22630" spans="8:8">
      <c r="H22630" s="12"/>
    </row>
    <row r="22631" spans="8:8">
      <c r="H22631" s="12"/>
    </row>
    <row r="22632" spans="8:8">
      <c r="H22632" s="12"/>
    </row>
    <row r="22633" spans="8:8">
      <c r="H22633" s="12"/>
    </row>
    <row r="22634" spans="8:8">
      <c r="H22634" s="12"/>
    </row>
    <row r="22635" spans="8:8">
      <c r="H22635" s="12"/>
    </row>
    <row r="22636" spans="8:8">
      <c r="H22636" s="12"/>
    </row>
    <row r="22637" spans="8:8">
      <c r="H22637" s="12"/>
    </row>
    <row r="22638" spans="8:8">
      <c r="H22638" s="12"/>
    </row>
    <row r="22639" spans="8:8">
      <c r="H22639" s="12"/>
    </row>
    <row r="22640" spans="8:8">
      <c r="H22640" s="12"/>
    </row>
    <row r="22641" spans="8:8">
      <c r="H22641" s="12"/>
    </row>
    <row r="22642" spans="8:8">
      <c r="H22642" s="12"/>
    </row>
    <row r="22643" spans="8:8">
      <c r="H22643" s="12"/>
    </row>
    <row r="22644" spans="8:8">
      <c r="H22644" s="12"/>
    </row>
    <row r="22645" spans="8:8">
      <c r="H22645" s="12"/>
    </row>
    <row r="22646" spans="8:8">
      <c r="H22646" s="12"/>
    </row>
    <row r="22647" spans="8:8">
      <c r="H22647" s="12"/>
    </row>
    <row r="22648" spans="8:8">
      <c r="H22648" s="12"/>
    </row>
    <row r="22649" spans="8:8">
      <c r="H22649" s="12"/>
    </row>
    <row r="22650" spans="8:8">
      <c r="H22650" s="12"/>
    </row>
    <row r="22651" spans="8:8">
      <c r="H22651" s="12"/>
    </row>
    <row r="22652" spans="8:8">
      <c r="H22652" s="12"/>
    </row>
    <row r="22653" spans="8:8">
      <c r="H22653" s="12"/>
    </row>
    <row r="22654" spans="8:8">
      <c r="H22654" s="12"/>
    </row>
    <row r="22655" spans="8:8">
      <c r="H22655" s="12"/>
    </row>
    <row r="22656" spans="8:8">
      <c r="H22656" s="12"/>
    </row>
    <row r="22657" spans="8:8">
      <c r="H22657" s="12"/>
    </row>
    <row r="22658" spans="8:8">
      <c r="H22658" s="12"/>
    </row>
    <row r="22659" spans="8:8">
      <c r="H22659" s="12"/>
    </row>
    <row r="22660" spans="8:8">
      <c r="H22660" s="12"/>
    </row>
    <row r="22661" spans="8:8">
      <c r="H22661" s="12"/>
    </row>
    <row r="22662" spans="8:8">
      <c r="H22662" s="12"/>
    </row>
    <row r="22663" spans="8:8">
      <c r="H22663" s="12"/>
    </row>
    <row r="22664" spans="8:8">
      <c r="H22664" s="12"/>
    </row>
    <row r="22665" spans="8:8">
      <c r="H22665" s="12"/>
    </row>
    <row r="22666" spans="8:8">
      <c r="H22666" s="12"/>
    </row>
    <row r="22667" spans="8:8">
      <c r="H22667" s="12"/>
    </row>
    <row r="22668" spans="8:8">
      <c r="H22668" s="12"/>
    </row>
    <row r="22669" spans="8:8">
      <c r="H22669" s="12"/>
    </row>
    <row r="22670" spans="8:8">
      <c r="H22670" s="12"/>
    </row>
    <row r="22671" spans="8:8">
      <c r="H22671" s="12"/>
    </row>
    <row r="22672" spans="8:8">
      <c r="H22672" s="12"/>
    </row>
    <row r="22673" spans="8:8">
      <c r="H22673" s="12"/>
    </row>
    <row r="22674" spans="8:8">
      <c r="H22674" s="12"/>
    </row>
    <row r="22675" spans="8:8">
      <c r="H22675" s="12"/>
    </row>
    <row r="22676" spans="8:8">
      <c r="H22676" s="12"/>
    </row>
    <row r="22677" spans="8:8">
      <c r="H22677" s="12"/>
    </row>
    <row r="22678" spans="8:8">
      <c r="H22678" s="12"/>
    </row>
    <row r="22679" spans="8:8">
      <c r="H22679" s="12"/>
    </row>
    <row r="22680" spans="8:8">
      <c r="H22680" s="12"/>
    </row>
    <row r="22681" spans="8:8">
      <c r="H22681" s="12"/>
    </row>
    <row r="22682" spans="8:8">
      <c r="H22682" s="12"/>
    </row>
    <row r="22683" spans="8:8">
      <c r="H22683" s="12"/>
    </row>
    <row r="22684" spans="8:8">
      <c r="H22684" s="12"/>
    </row>
    <row r="22685" spans="8:8">
      <c r="H22685" s="12"/>
    </row>
    <row r="22686" spans="8:8">
      <c r="H22686" s="12"/>
    </row>
    <row r="22687" spans="8:8">
      <c r="H22687" s="12"/>
    </row>
    <row r="22688" spans="8:8">
      <c r="H22688" s="12"/>
    </row>
    <row r="22689" spans="8:8">
      <c r="H22689" s="12"/>
    </row>
    <row r="22690" spans="8:8">
      <c r="H22690" s="12"/>
    </row>
    <row r="22691" spans="8:8">
      <c r="H22691" s="12"/>
    </row>
    <row r="22692" spans="8:8">
      <c r="H22692" s="12"/>
    </row>
    <row r="22693" spans="8:8">
      <c r="H22693" s="12"/>
    </row>
    <row r="22694" spans="8:8">
      <c r="H22694" s="12"/>
    </row>
    <row r="22695" spans="8:8">
      <c r="H22695" s="12"/>
    </row>
    <row r="22696" spans="8:8">
      <c r="H22696" s="12"/>
    </row>
    <row r="22697" spans="8:8">
      <c r="H22697" s="12"/>
    </row>
    <row r="22698" spans="8:8">
      <c r="H22698" s="12"/>
    </row>
    <row r="22699" spans="8:8">
      <c r="H22699" s="12"/>
    </row>
    <row r="22700" spans="8:8">
      <c r="H22700" s="12"/>
    </row>
    <row r="22701" spans="8:8">
      <c r="H22701" s="12"/>
    </row>
    <row r="22702" spans="8:8">
      <c r="H22702" s="12"/>
    </row>
    <row r="22703" spans="8:8">
      <c r="H22703" s="12"/>
    </row>
    <row r="22704" spans="8:8">
      <c r="H22704" s="12"/>
    </row>
    <row r="22705" spans="8:8">
      <c r="H22705" s="12"/>
    </row>
    <row r="22706" spans="8:8">
      <c r="H22706" s="12"/>
    </row>
    <row r="22707" spans="8:8">
      <c r="H22707" s="12"/>
    </row>
    <row r="22708" spans="8:8">
      <c r="H22708" s="12"/>
    </row>
    <row r="22709" spans="8:8">
      <c r="H22709" s="12"/>
    </row>
    <row r="22710" spans="8:8">
      <c r="H22710" s="12"/>
    </row>
    <row r="22711" spans="8:8">
      <c r="H22711" s="12"/>
    </row>
    <row r="22712" spans="8:8">
      <c r="H22712" s="12"/>
    </row>
    <row r="22713" spans="8:8">
      <c r="H22713" s="12"/>
    </row>
    <row r="22714" spans="8:8">
      <c r="H22714" s="12"/>
    </row>
    <row r="22715" spans="8:8">
      <c r="H22715" s="12"/>
    </row>
    <row r="22716" spans="8:8">
      <c r="H22716" s="12"/>
    </row>
    <row r="22717" spans="8:8">
      <c r="H22717" s="12"/>
    </row>
    <row r="22718" spans="8:8">
      <c r="H22718" s="12"/>
    </row>
    <row r="22719" spans="8:8">
      <c r="H22719" s="12"/>
    </row>
    <row r="22720" spans="8:8">
      <c r="H22720" s="12"/>
    </row>
    <row r="22721" spans="8:8">
      <c r="H22721" s="12"/>
    </row>
    <row r="22722" spans="8:8">
      <c r="H22722" s="12"/>
    </row>
    <row r="22723" spans="8:8">
      <c r="H22723" s="12"/>
    </row>
    <row r="22724" spans="8:8">
      <c r="H22724" s="12"/>
    </row>
    <row r="22725" spans="8:8">
      <c r="H22725" s="12"/>
    </row>
    <row r="22726" spans="8:8">
      <c r="H22726" s="12"/>
    </row>
    <row r="22727" spans="8:8">
      <c r="H22727" s="12"/>
    </row>
    <row r="22728" spans="8:8">
      <c r="H22728" s="12"/>
    </row>
    <row r="22729" spans="8:8">
      <c r="H22729" s="12"/>
    </row>
    <row r="22730" spans="8:8">
      <c r="H22730" s="12"/>
    </row>
    <row r="22731" spans="8:8">
      <c r="H22731" s="12"/>
    </row>
    <row r="22732" spans="8:8">
      <c r="H22732" s="12"/>
    </row>
    <row r="22733" spans="8:8">
      <c r="H22733" s="12"/>
    </row>
    <row r="22734" spans="8:8">
      <c r="H22734" s="12"/>
    </row>
    <row r="22735" spans="8:8">
      <c r="H22735" s="12"/>
    </row>
    <row r="22736" spans="8:8">
      <c r="H22736" s="12"/>
    </row>
    <row r="22737" spans="8:8">
      <c r="H22737" s="12"/>
    </row>
    <row r="22738" spans="8:8">
      <c r="H22738" s="12"/>
    </row>
    <row r="22739" spans="8:8">
      <c r="H22739" s="12"/>
    </row>
    <row r="22740" spans="8:8">
      <c r="H22740" s="12"/>
    </row>
    <row r="22741" spans="8:8">
      <c r="H22741" s="12"/>
    </row>
    <row r="22742" spans="8:8">
      <c r="H22742" s="12"/>
    </row>
    <row r="22743" spans="8:8">
      <c r="H22743" s="12"/>
    </row>
    <row r="22744" spans="8:8">
      <c r="H22744" s="12"/>
    </row>
    <row r="22745" spans="8:8">
      <c r="H22745" s="12"/>
    </row>
    <row r="22746" spans="8:8">
      <c r="H22746" s="12"/>
    </row>
    <row r="22747" spans="8:8">
      <c r="H22747" s="12"/>
    </row>
    <row r="22748" spans="8:8">
      <c r="H22748" s="12"/>
    </row>
    <row r="22749" spans="8:8">
      <c r="H22749" s="12"/>
    </row>
    <row r="22750" spans="8:8">
      <c r="H22750" s="12"/>
    </row>
    <row r="22751" spans="8:8">
      <c r="H22751" s="12"/>
    </row>
    <row r="22752" spans="8:8">
      <c r="H22752" s="12"/>
    </row>
    <row r="22753" spans="8:8">
      <c r="H22753" s="12"/>
    </row>
    <row r="22754" spans="8:8">
      <c r="H22754" s="12"/>
    </row>
    <row r="22755" spans="8:8">
      <c r="H22755" s="12"/>
    </row>
    <row r="22756" spans="8:8">
      <c r="H22756" s="12"/>
    </row>
    <row r="22757" spans="8:8">
      <c r="H22757" s="12"/>
    </row>
    <row r="22758" spans="8:8">
      <c r="H22758" s="12"/>
    </row>
    <row r="22759" spans="8:8">
      <c r="H22759" s="12"/>
    </row>
    <row r="22760" spans="8:8">
      <c r="H22760" s="12"/>
    </row>
    <row r="22761" spans="8:8">
      <c r="H22761" s="12"/>
    </row>
    <row r="22762" spans="8:8">
      <c r="H22762" s="12"/>
    </row>
    <row r="22763" spans="8:8">
      <c r="H22763" s="12"/>
    </row>
    <row r="22764" spans="8:8">
      <c r="H22764" s="12"/>
    </row>
    <row r="22765" spans="8:8">
      <c r="H22765" s="12"/>
    </row>
    <row r="22766" spans="8:8">
      <c r="H22766" s="12"/>
    </row>
    <row r="22767" spans="8:8">
      <c r="H22767" s="12"/>
    </row>
    <row r="22768" spans="8:8">
      <c r="H22768" s="12"/>
    </row>
    <row r="22769" spans="8:8">
      <c r="H22769" s="12"/>
    </row>
    <row r="22770" spans="8:8">
      <c r="H22770" s="12"/>
    </row>
    <row r="22771" spans="8:8">
      <c r="H22771" s="12"/>
    </row>
    <row r="22772" spans="8:8">
      <c r="H22772" s="12"/>
    </row>
    <row r="22773" spans="8:8">
      <c r="H22773" s="12"/>
    </row>
    <row r="22774" spans="8:8">
      <c r="H22774" s="12"/>
    </row>
    <row r="22775" spans="8:8">
      <c r="H22775" s="12"/>
    </row>
    <row r="22776" spans="8:8">
      <c r="H22776" s="12"/>
    </row>
    <row r="22777" spans="8:8">
      <c r="H22777" s="12"/>
    </row>
    <row r="22778" spans="8:8">
      <c r="H22778" s="12"/>
    </row>
    <row r="22779" spans="8:8">
      <c r="H22779" s="12"/>
    </row>
    <row r="22780" spans="8:8">
      <c r="H22780" s="12"/>
    </row>
    <row r="22781" spans="8:8">
      <c r="H22781" s="12"/>
    </row>
    <row r="22782" spans="8:8">
      <c r="H22782" s="12"/>
    </row>
    <row r="22783" spans="8:8">
      <c r="H22783" s="12"/>
    </row>
    <row r="22784" spans="8:8">
      <c r="H22784" s="12"/>
    </row>
    <row r="22785" spans="8:8">
      <c r="H22785" s="12"/>
    </row>
    <row r="22786" spans="8:8">
      <c r="H22786" s="12"/>
    </row>
    <row r="22787" spans="8:8">
      <c r="H22787" s="12"/>
    </row>
    <row r="22788" spans="8:8">
      <c r="H22788" s="12"/>
    </row>
    <row r="22789" spans="8:8">
      <c r="H22789" s="12"/>
    </row>
    <row r="22790" spans="8:8">
      <c r="H22790" s="12"/>
    </row>
    <row r="22791" spans="8:8">
      <c r="H22791" s="12"/>
    </row>
    <row r="22792" spans="8:8">
      <c r="H22792" s="12"/>
    </row>
    <row r="22793" spans="8:8">
      <c r="H22793" s="12"/>
    </row>
    <row r="22794" spans="8:8">
      <c r="H22794" s="12"/>
    </row>
    <row r="22795" spans="8:8">
      <c r="H22795" s="12"/>
    </row>
    <row r="22796" spans="8:8">
      <c r="H22796" s="12"/>
    </row>
    <row r="22797" spans="8:8">
      <c r="H22797" s="12"/>
    </row>
    <row r="22798" spans="8:8">
      <c r="H22798" s="12"/>
    </row>
    <row r="22799" spans="8:8">
      <c r="H22799" s="12"/>
    </row>
    <row r="22800" spans="8:8">
      <c r="H22800" s="12"/>
    </row>
    <row r="22801" spans="8:8">
      <c r="H22801" s="12"/>
    </row>
    <row r="22802" spans="8:8">
      <c r="H22802" s="12"/>
    </row>
    <row r="22803" spans="8:8">
      <c r="H22803" s="12"/>
    </row>
    <row r="22804" spans="8:8">
      <c r="H22804" s="12"/>
    </row>
    <row r="22805" spans="8:8">
      <c r="H22805" s="12"/>
    </row>
    <row r="22806" spans="8:8">
      <c r="H22806" s="12"/>
    </row>
    <row r="22807" spans="8:8">
      <c r="H22807" s="12"/>
    </row>
    <row r="22808" spans="8:8">
      <c r="H22808" s="12"/>
    </row>
    <row r="22809" spans="8:8">
      <c r="H22809" s="12"/>
    </row>
    <row r="22810" spans="8:8">
      <c r="H22810" s="12"/>
    </row>
    <row r="22811" spans="8:8">
      <c r="H22811" s="12"/>
    </row>
    <row r="22812" spans="8:8">
      <c r="H22812" s="12"/>
    </row>
    <row r="22813" spans="8:8">
      <c r="H22813" s="12"/>
    </row>
    <row r="22814" spans="8:8">
      <c r="H22814" s="12"/>
    </row>
    <row r="22815" spans="8:8">
      <c r="H22815" s="12"/>
    </row>
    <row r="22816" spans="8:8">
      <c r="H22816" s="12"/>
    </row>
    <row r="22817" spans="8:8">
      <c r="H22817" s="12"/>
    </row>
    <row r="22818" spans="8:8">
      <c r="H22818" s="12"/>
    </row>
    <row r="22819" spans="8:8">
      <c r="H22819" s="12"/>
    </row>
    <row r="22820" spans="8:8">
      <c r="H22820" s="12"/>
    </row>
    <row r="22821" spans="8:8">
      <c r="H22821" s="12"/>
    </row>
    <row r="22822" spans="8:8">
      <c r="H22822" s="12"/>
    </row>
    <row r="22823" spans="8:8">
      <c r="H22823" s="12"/>
    </row>
    <row r="22824" spans="8:8">
      <c r="H22824" s="12"/>
    </row>
    <row r="22825" spans="8:8">
      <c r="H22825" s="12"/>
    </row>
    <row r="22826" spans="8:8">
      <c r="H22826" s="12"/>
    </row>
    <row r="22827" spans="8:8">
      <c r="H22827" s="12"/>
    </row>
    <row r="22828" spans="8:8">
      <c r="H22828" s="12"/>
    </row>
    <row r="22829" spans="8:8">
      <c r="H22829" s="12"/>
    </row>
    <row r="22830" spans="8:8">
      <c r="H22830" s="12"/>
    </row>
    <row r="22831" spans="8:8">
      <c r="H22831" s="12"/>
    </row>
    <row r="22832" spans="8:8">
      <c r="H22832" s="12"/>
    </row>
    <row r="22833" spans="8:8">
      <c r="H22833" s="12"/>
    </row>
    <row r="22834" spans="8:8">
      <c r="H22834" s="12"/>
    </row>
    <row r="22835" spans="8:8">
      <c r="H22835" s="12"/>
    </row>
    <row r="22836" spans="8:8">
      <c r="H22836" s="12"/>
    </row>
    <row r="22837" spans="8:8">
      <c r="H22837" s="12"/>
    </row>
    <row r="22838" spans="8:8">
      <c r="H22838" s="12"/>
    </row>
    <row r="22839" spans="8:8">
      <c r="H22839" s="12"/>
    </row>
    <row r="22840" spans="8:8">
      <c r="H22840" s="12"/>
    </row>
    <row r="22841" spans="8:8">
      <c r="H22841" s="12"/>
    </row>
    <row r="22842" spans="8:8">
      <c r="H22842" s="12"/>
    </row>
    <row r="22843" spans="8:8">
      <c r="H22843" s="12"/>
    </row>
    <row r="22844" spans="8:8">
      <c r="H22844" s="12"/>
    </row>
    <row r="22845" spans="8:8">
      <c r="H22845" s="12"/>
    </row>
    <row r="22846" spans="8:8">
      <c r="H22846" s="12"/>
    </row>
    <row r="22847" spans="8:8">
      <c r="H22847" s="12"/>
    </row>
    <row r="22848" spans="8:8">
      <c r="H22848" s="12"/>
    </row>
    <row r="22849" spans="8:8">
      <c r="H22849" s="12"/>
    </row>
    <row r="22850" spans="8:8">
      <c r="H22850" s="12"/>
    </row>
    <row r="22851" spans="8:8">
      <c r="H22851" s="12"/>
    </row>
    <row r="22852" spans="8:8">
      <c r="H22852" s="12"/>
    </row>
    <row r="22853" spans="8:8">
      <c r="H22853" s="12"/>
    </row>
    <row r="22854" spans="8:8">
      <c r="H22854" s="12"/>
    </row>
    <row r="22855" spans="8:8">
      <c r="H22855" s="12"/>
    </row>
    <row r="22856" spans="8:8">
      <c r="H22856" s="12"/>
    </row>
    <row r="22857" spans="8:8">
      <c r="H22857" s="12"/>
    </row>
    <row r="22858" spans="8:8">
      <c r="H22858" s="12"/>
    </row>
    <row r="22859" spans="8:8">
      <c r="H22859" s="12"/>
    </row>
    <row r="22860" spans="8:8">
      <c r="H22860" s="12"/>
    </row>
    <row r="22861" spans="8:8">
      <c r="H22861" s="12"/>
    </row>
    <row r="22862" spans="8:8">
      <c r="H22862" s="12"/>
    </row>
    <row r="22863" spans="8:8">
      <c r="H22863" s="12"/>
    </row>
    <row r="22864" spans="8:8">
      <c r="H22864" s="12"/>
    </row>
    <row r="22865" spans="8:8">
      <c r="H22865" s="12"/>
    </row>
    <row r="22866" spans="8:8">
      <c r="H22866" s="12"/>
    </row>
    <row r="22867" spans="8:8">
      <c r="H22867" s="12"/>
    </row>
    <row r="22868" spans="8:8">
      <c r="H22868" s="12"/>
    </row>
    <row r="22869" spans="8:8">
      <c r="H22869" s="12"/>
    </row>
    <row r="22870" spans="8:8">
      <c r="H22870" s="12"/>
    </row>
    <row r="22871" spans="8:8">
      <c r="H22871" s="12"/>
    </row>
    <row r="22872" spans="8:8">
      <c r="H22872" s="12"/>
    </row>
    <row r="22873" spans="8:8">
      <c r="H22873" s="12"/>
    </row>
    <row r="22874" spans="8:8">
      <c r="H22874" s="12"/>
    </row>
    <row r="22875" spans="8:8">
      <c r="H22875" s="12"/>
    </row>
    <row r="22876" spans="8:8">
      <c r="H22876" s="12"/>
    </row>
    <row r="22877" spans="8:8">
      <c r="H22877" s="12"/>
    </row>
    <row r="22878" spans="8:8">
      <c r="H22878" s="12"/>
    </row>
    <row r="22879" spans="8:8">
      <c r="H22879" s="12"/>
    </row>
    <row r="22880" spans="8:8">
      <c r="H22880" s="12"/>
    </row>
    <row r="22881" spans="8:8">
      <c r="H22881" s="12"/>
    </row>
    <row r="22882" spans="8:8">
      <c r="H22882" s="12"/>
    </row>
    <row r="22883" spans="8:8">
      <c r="H22883" s="12"/>
    </row>
    <row r="22884" spans="8:8">
      <c r="H22884" s="12"/>
    </row>
    <row r="22885" spans="8:8">
      <c r="H22885" s="12"/>
    </row>
    <row r="22886" spans="8:8">
      <c r="H22886" s="12"/>
    </row>
    <row r="22887" spans="8:8">
      <c r="H22887" s="12"/>
    </row>
    <row r="22888" spans="8:8">
      <c r="H22888" s="12"/>
    </row>
    <row r="22889" spans="8:8">
      <c r="H22889" s="12"/>
    </row>
    <row r="22890" spans="8:8">
      <c r="H22890" s="12"/>
    </row>
    <row r="22891" spans="8:8">
      <c r="H22891" s="12"/>
    </row>
    <row r="22892" spans="8:8">
      <c r="H22892" s="12"/>
    </row>
    <row r="22893" spans="8:8">
      <c r="H22893" s="12"/>
    </row>
    <row r="22894" spans="8:8">
      <c r="H22894" s="12"/>
    </row>
    <row r="22895" spans="8:8">
      <c r="H22895" s="12"/>
    </row>
    <row r="22896" spans="8:8">
      <c r="H22896" s="12"/>
    </row>
    <row r="22897" spans="8:8">
      <c r="H22897" s="12"/>
    </row>
    <row r="22898" spans="8:8">
      <c r="H22898" s="12"/>
    </row>
    <row r="22899" spans="8:8">
      <c r="H22899" s="12"/>
    </row>
    <row r="22900" spans="8:8">
      <c r="H22900" s="12"/>
    </row>
    <row r="22901" spans="8:8">
      <c r="H22901" s="12"/>
    </row>
    <row r="22902" spans="8:8">
      <c r="H22902" s="12"/>
    </row>
    <row r="22903" spans="8:8">
      <c r="H22903" s="12"/>
    </row>
    <row r="22904" spans="8:8">
      <c r="H22904" s="12"/>
    </row>
    <row r="22905" spans="8:8">
      <c r="H22905" s="12"/>
    </row>
    <row r="22906" spans="8:8">
      <c r="H22906" s="12"/>
    </row>
    <row r="22907" spans="8:8">
      <c r="H22907" s="12"/>
    </row>
    <row r="22908" spans="8:8">
      <c r="H22908" s="12"/>
    </row>
    <row r="22909" spans="8:8">
      <c r="H22909" s="12"/>
    </row>
    <row r="22910" spans="8:8">
      <c r="H22910" s="12"/>
    </row>
    <row r="22911" spans="8:8">
      <c r="H22911" s="12"/>
    </row>
    <row r="22912" spans="8:8">
      <c r="H22912" s="12"/>
    </row>
    <row r="22913" spans="8:8">
      <c r="H22913" s="12"/>
    </row>
    <row r="22914" spans="8:8">
      <c r="H22914" s="12"/>
    </row>
    <row r="22915" spans="8:8">
      <c r="H22915" s="12"/>
    </row>
    <row r="22916" spans="8:8">
      <c r="H22916" s="12"/>
    </row>
    <row r="22917" spans="8:8">
      <c r="H22917" s="12"/>
    </row>
    <row r="22918" spans="8:8">
      <c r="H22918" s="12"/>
    </row>
    <row r="22919" spans="8:8">
      <c r="H22919" s="12"/>
    </row>
    <row r="22920" spans="8:8">
      <c r="H22920" s="12"/>
    </row>
    <row r="22921" spans="8:8">
      <c r="H22921" s="12"/>
    </row>
    <row r="22922" spans="8:8">
      <c r="H22922" s="12"/>
    </row>
    <row r="22923" spans="8:8">
      <c r="H22923" s="12"/>
    </row>
    <row r="22924" spans="8:8">
      <c r="H22924" s="12"/>
    </row>
    <row r="22925" spans="8:8">
      <c r="H22925" s="12"/>
    </row>
    <row r="22926" spans="8:8">
      <c r="H22926" s="12"/>
    </row>
    <row r="22927" spans="8:8">
      <c r="H22927" s="12"/>
    </row>
    <row r="22928" spans="8:8">
      <c r="H22928" s="12"/>
    </row>
    <row r="22929" spans="8:8">
      <c r="H22929" s="12"/>
    </row>
    <row r="22930" spans="8:8">
      <c r="H22930" s="12"/>
    </row>
    <row r="22931" spans="8:8">
      <c r="H22931" s="12"/>
    </row>
    <row r="22932" spans="8:8">
      <c r="H22932" s="12"/>
    </row>
    <row r="22933" spans="8:8">
      <c r="H22933" s="12"/>
    </row>
    <row r="22934" spans="8:8">
      <c r="H22934" s="12"/>
    </row>
    <row r="22935" spans="8:8">
      <c r="H22935" s="12"/>
    </row>
    <row r="22936" spans="8:8">
      <c r="H22936" s="12"/>
    </row>
    <row r="22937" spans="8:8">
      <c r="H22937" s="12"/>
    </row>
    <row r="22938" spans="8:8">
      <c r="H22938" s="12"/>
    </row>
    <row r="22939" spans="8:8">
      <c r="H22939" s="12"/>
    </row>
    <row r="22940" spans="8:8">
      <c r="H22940" s="12"/>
    </row>
    <row r="22941" spans="8:8">
      <c r="H22941" s="12"/>
    </row>
    <row r="22942" spans="8:8">
      <c r="H22942" s="12"/>
    </row>
    <row r="22943" spans="8:8">
      <c r="H22943" s="12"/>
    </row>
    <row r="22944" spans="8:8">
      <c r="H22944" s="12"/>
    </row>
    <row r="22945" spans="8:8">
      <c r="H22945" s="12"/>
    </row>
    <row r="22946" spans="8:8">
      <c r="H22946" s="12"/>
    </row>
    <row r="22947" spans="8:8">
      <c r="H22947" s="12"/>
    </row>
    <row r="22948" spans="8:8">
      <c r="H22948" s="12"/>
    </row>
    <row r="22949" spans="8:8">
      <c r="H22949" s="12"/>
    </row>
    <row r="22950" spans="8:8">
      <c r="H22950" s="12"/>
    </row>
    <row r="22951" spans="8:8">
      <c r="H22951" s="12"/>
    </row>
    <row r="22952" spans="8:8">
      <c r="H22952" s="12"/>
    </row>
    <row r="22953" spans="8:8">
      <c r="H22953" s="12"/>
    </row>
    <row r="22954" spans="8:8">
      <c r="H22954" s="12"/>
    </row>
    <row r="22955" spans="8:8">
      <c r="H22955" s="12"/>
    </row>
    <row r="22956" spans="8:8">
      <c r="H22956" s="12"/>
    </row>
    <row r="22957" spans="8:8">
      <c r="H22957" s="12"/>
    </row>
    <row r="22958" spans="8:8">
      <c r="H22958" s="12"/>
    </row>
    <row r="22959" spans="8:8">
      <c r="H22959" s="12"/>
    </row>
    <row r="22960" spans="8:8">
      <c r="H22960" s="12"/>
    </row>
    <row r="22961" spans="8:8">
      <c r="H22961" s="12"/>
    </row>
    <row r="22962" spans="8:8">
      <c r="H22962" s="12"/>
    </row>
    <row r="22963" spans="8:8">
      <c r="H22963" s="12"/>
    </row>
    <row r="22964" spans="8:8">
      <c r="H22964" s="12"/>
    </row>
    <row r="22965" spans="8:8">
      <c r="H22965" s="12"/>
    </row>
    <row r="22966" spans="8:8">
      <c r="H22966" s="12"/>
    </row>
    <row r="22967" spans="8:8">
      <c r="H22967" s="12"/>
    </row>
    <row r="22968" spans="8:8">
      <c r="H22968" s="12"/>
    </row>
    <row r="22969" spans="8:8">
      <c r="H22969" s="12"/>
    </row>
    <row r="22970" spans="8:8">
      <c r="H22970" s="12"/>
    </row>
    <row r="22971" spans="8:8">
      <c r="H22971" s="12"/>
    </row>
    <row r="22972" spans="8:8">
      <c r="H22972" s="12"/>
    </row>
    <row r="22973" spans="8:8">
      <c r="H22973" s="12"/>
    </row>
    <row r="22974" spans="8:8">
      <c r="H22974" s="12"/>
    </row>
    <row r="22975" spans="8:8">
      <c r="H22975" s="12"/>
    </row>
    <row r="22976" spans="8:8">
      <c r="H22976" s="12"/>
    </row>
    <row r="22977" spans="8:8">
      <c r="H22977" s="12"/>
    </row>
    <row r="22978" spans="8:8">
      <c r="H22978" s="12"/>
    </row>
    <row r="22979" spans="8:8">
      <c r="H22979" s="12"/>
    </row>
    <row r="22980" spans="8:8">
      <c r="H22980" s="12"/>
    </row>
    <row r="22981" spans="8:8">
      <c r="H22981" s="12"/>
    </row>
    <row r="22982" spans="8:8">
      <c r="H22982" s="12"/>
    </row>
    <row r="22983" spans="8:8">
      <c r="H22983" s="12"/>
    </row>
    <row r="22984" spans="8:8">
      <c r="H22984" s="12"/>
    </row>
    <row r="22985" spans="8:8">
      <c r="H22985" s="12"/>
    </row>
    <row r="22986" spans="8:8">
      <c r="H22986" s="12"/>
    </row>
    <row r="22987" spans="8:8">
      <c r="H22987" s="12"/>
    </row>
    <row r="22988" spans="8:8">
      <c r="H22988" s="12"/>
    </row>
    <row r="22989" spans="8:8">
      <c r="H22989" s="12"/>
    </row>
    <row r="22990" spans="8:8">
      <c r="H22990" s="12"/>
    </row>
    <row r="22991" spans="8:8">
      <c r="H22991" s="12"/>
    </row>
    <row r="22992" spans="8:8">
      <c r="H22992" s="12"/>
    </row>
    <row r="22993" spans="8:8">
      <c r="H22993" s="12"/>
    </row>
    <row r="22994" spans="8:8">
      <c r="H22994" s="12"/>
    </row>
    <row r="22995" spans="8:8">
      <c r="H22995" s="12"/>
    </row>
    <row r="22996" spans="8:8">
      <c r="H22996" s="12"/>
    </row>
    <row r="22997" spans="8:8">
      <c r="H22997" s="12"/>
    </row>
    <row r="22998" spans="8:8">
      <c r="H22998" s="12"/>
    </row>
    <row r="22999" spans="8:8">
      <c r="H22999" s="12"/>
    </row>
    <row r="23000" spans="8:8">
      <c r="H23000" s="12"/>
    </row>
    <row r="23001" spans="8:8">
      <c r="H23001" s="12"/>
    </row>
    <row r="23002" spans="8:8">
      <c r="H23002" s="12"/>
    </row>
    <row r="23003" spans="8:8">
      <c r="H23003" s="12"/>
    </row>
    <row r="23004" spans="8:8">
      <c r="H23004" s="12"/>
    </row>
    <row r="23005" spans="8:8">
      <c r="H23005" s="12"/>
    </row>
    <row r="23006" spans="8:8">
      <c r="H23006" s="12"/>
    </row>
    <row r="23007" spans="8:8">
      <c r="H23007" s="12"/>
    </row>
    <row r="23008" spans="8:8">
      <c r="H23008" s="12"/>
    </row>
    <row r="23009" spans="8:8">
      <c r="H23009" s="12"/>
    </row>
    <row r="23010" spans="8:8">
      <c r="H23010" s="12"/>
    </row>
    <row r="23011" spans="8:8">
      <c r="H23011" s="12"/>
    </row>
    <row r="23012" spans="8:8">
      <c r="H23012" s="12"/>
    </row>
    <row r="23013" spans="8:8">
      <c r="H23013" s="12"/>
    </row>
    <row r="23014" spans="8:8">
      <c r="H23014" s="12"/>
    </row>
    <row r="23015" spans="8:8">
      <c r="H23015" s="12"/>
    </row>
    <row r="23016" spans="8:8">
      <c r="H23016" s="12"/>
    </row>
    <row r="23017" spans="8:8">
      <c r="H23017" s="12"/>
    </row>
    <row r="23018" spans="8:8">
      <c r="H23018" s="12"/>
    </row>
    <row r="23019" spans="8:8">
      <c r="H23019" s="12"/>
    </row>
    <row r="23020" spans="8:8">
      <c r="H23020" s="12"/>
    </row>
    <row r="23021" spans="8:8">
      <c r="H23021" s="12"/>
    </row>
    <row r="23022" spans="8:8">
      <c r="H23022" s="12"/>
    </row>
    <row r="23023" spans="8:8">
      <c r="H23023" s="12"/>
    </row>
    <row r="23024" spans="8:8">
      <c r="H23024" s="12"/>
    </row>
    <row r="23025" spans="8:8">
      <c r="H23025" s="12"/>
    </row>
    <row r="23026" spans="8:8">
      <c r="H23026" s="12"/>
    </row>
    <row r="23027" spans="8:8">
      <c r="H23027" s="12"/>
    </row>
    <row r="23028" spans="8:8">
      <c r="H23028" s="12"/>
    </row>
    <row r="23029" spans="8:8">
      <c r="H23029" s="12"/>
    </row>
    <row r="23030" spans="8:8">
      <c r="H23030" s="12"/>
    </row>
    <row r="23031" spans="8:8">
      <c r="H23031" s="12"/>
    </row>
    <row r="23032" spans="8:8">
      <c r="H23032" s="12"/>
    </row>
    <row r="23033" spans="8:8">
      <c r="H23033" s="12"/>
    </row>
    <row r="23034" spans="8:8">
      <c r="H23034" s="12"/>
    </row>
    <row r="23035" spans="8:8">
      <c r="H23035" s="12"/>
    </row>
    <row r="23036" spans="8:8">
      <c r="H23036" s="12"/>
    </row>
    <row r="23037" spans="8:8">
      <c r="H23037" s="12"/>
    </row>
    <row r="23038" spans="8:8">
      <c r="H23038" s="12"/>
    </row>
    <row r="23039" spans="8:8">
      <c r="H23039" s="12"/>
    </row>
    <row r="23040" spans="8:8">
      <c r="H23040" s="12"/>
    </row>
    <row r="23041" spans="8:8">
      <c r="H23041" s="12"/>
    </row>
    <row r="23042" spans="8:8">
      <c r="H23042" s="12"/>
    </row>
    <row r="23043" spans="8:8">
      <c r="H23043" s="12"/>
    </row>
    <row r="23044" spans="8:8">
      <c r="H23044" s="12"/>
    </row>
    <row r="23045" spans="8:8">
      <c r="H23045" s="12"/>
    </row>
    <row r="23046" spans="8:8">
      <c r="H23046" s="12"/>
    </row>
    <row r="23047" spans="8:8">
      <c r="H23047" s="12"/>
    </row>
    <row r="23048" spans="8:8">
      <c r="H23048" s="12"/>
    </row>
    <row r="23049" spans="8:8">
      <c r="H23049" s="12"/>
    </row>
    <row r="23050" spans="8:8">
      <c r="H23050" s="12"/>
    </row>
    <row r="23051" spans="8:8">
      <c r="H23051" s="12"/>
    </row>
    <row r="23052" spans="8:8">
      <c r="H23052" s="12"/>
    </row>
    <row r="23053" spans="8:8">
      <c r="H23053" s="12"/>
    </row>
    <row r="23054" spans="8:8">
      <c r="H23054" s="12"/>
    </row>
    <row r="23055" spans="8:8">
      <c r="H23055" s="12"/>
    </row>
    <row r="23056" spans="8:8">
      <c r="H23056" s="12"/>
    </row>
    <row r="23057" spans="8:8">
      <c r="H23057" s="12"/>
    </row>
    <row r="23058" spans="8:8">
      <c r="H23058" s="12"/>
    </row>
    <row r="23059" spans="8:8">
      <c r="H23059" s="12"/>
    </row>
    <row r="23060" spans="8:8">
      <c r="H23060" s="12"/>
    </row>
    <row r="23061" spans="8:8">
      <c r="H23061" s="12"/>
    </row>
    <row r="23062" spans="8:8">
      <c r="H23062" s="12"/>
    </row>
    <row r="23063" spans="8:8">
      <c r="H23063" s="12"/>
    </row>
    <row r="23064" spans="8:8">
      <c r="H23064" s="12"/>
    </row>
    <row r="23065" spans="8:8">
      <c r="H23065" s="12"/>
    </row>
    <row r="23066" spans="8:8">
      <c r="H23066" s="12"/>
    </row>
    <row r="23067" spans="8:8">
      <c r="H23067" s="12"/>
    </row>
    <row r="23068" spans="8:8">
      <c r="H23068" s="12"/>
    </row>
    <row r="23069" spans="8:8">
      <c r="H23069" s="12"/>
    </row>
    <row r="23070" spans="8:8">
      <c r="H23070" s="12"/>
    </row>
    <row r="23071" spans="8:8">
      <c r="H23071" s="12"/>
    </row>
    <row r="23072" spans="8:8">
      <c r="H23072" s="12"/>
    </row>
    <row r="23073" spans="8:8">
      <c r="H23073" s="12"/>
    </row>
    <row r="23074" spans="8:8">
      <c r="H23074" s="12"/>
    </row>
    <row r="23075" spans="8:8">
      <c r="H23075" s="12"/>
    </row>
    <row r="23076" spans="8:8">
      <c r="H23076" s="12"/>
    </row>
    <row r="23077" spans="8:8">
      <c r="H23077" s="12"/>
    </row>
    <row r="23078" spans="8:8">
      <c r="H23078" s="12"/>
    </row>
    <row r="23079" spans="8:8">
      <c r="H23079" s="12"/>
    </row>
    <row r="23080" spans="8:8">
      <c r="H23080" s="12"/>
    </row>
    <row r="23081" spans="8:8">
      <c r="H23081" s="12"/>
    </row>
    <row r="23082" spans="8:8">
      <c r="H23082" s="12"/>
    </row>
    <row r="23083" spans="8:8">
      <c r="H23083" s="12"/>
    </row>
    <row r="23084" spans="8:8">
      <c r="H23084" s="12"/>
    </row>
    <row r="23085" spans="8:8">
      <c r="H23085" s="12"/>
    </row>
    <row r="23086" spans="8:8">
      <c r="H23086" s="12"/>
    </row>
    <row r="23087" spans="8:8">
      <c r="H23087" s="12"/>
    </row>
    <row r="23088" spans="8:8">
      <c r="H23088" s="12"/>
    </row>
    <row r="23089" spans="8:8">
      <c r="H23089" s="12"/>
    </row>
    <row r="23090" spans="8:8">
      <c r="H23090" s="12"/>
    </row>
    <row r="23091" spans="8:8">
      <c r="H23091" s="12"/>
    </row>
    <row r="23092" spans="8:8">
      <c r="H23092" s="12"/>
    </row>
    <row r="23093" spans="8:8">
      <c r="H23093" s="12"/>
    </row>
    <row r="23094" spans="8:8">
      <c r="H23094" s="12"/>
    </row>
    <row r="23095" spans="8:8">
      <c r="H23095" s="12"/>
    </row>
    <row r="23096" spans="8:8">
      <c r="H23096" s="12"/>
    </row>
    <row r="23097" spans="8:8">
      <c r="H23097" s="12"/>
    </row>
    <row r="23098" spans="8:8">
      <c r="H23098" s="12"/>
    </row>
    <row r="23099" spans="8:8">
      <c r="H23099" s="12"/>
    </row>
    <row r="23100" spans="8:8">
      <c r="H23100" s="12"/>
    </row>
    <row r="23101" spans="8:8">
      <c r="H23101" s="12"/>
    </row>
    <row r="23102" spans="8:8">
      <c r="H23102" s="12"/>
    </row>
    <row r="23103" spans="8:8">
      <c r="H23103" s="12"/>
    </row>
    <row r="23104" spans="8:8">
      <c r="H23104" s="12"/>
    </row>
    <row r="23105" spans="8:8">
      <c r="H23105" s="12"/>
    </row>
    <row r="23106" spans="8:8">
      <c r="H23106" s="12"/>
    </row>
    <row r="23107" spans="8:8">
      <c r="H23107" s="12"/>
    </row>
    <row r="23108" spans="8:8">
      <c r="H23108" s="12"/>
    </row>
    <row r="23109" spans="8:8">
      <c r="H23109" s="12"/>
    </row>
    <row r="23110" spans="8:8">
      <c r="H23110" s="12"/>
    </row>
    <row r="23111" spans="8:8">
      <c r="H23111" s="12"/>
    </row>
    <row r="23112" spans="8:8">
      <c r="H23112" s="12"/>
    </row>
    <row r="23113" spans="8:8">
      <c r="H23113" s="12"/>
    </row>
    <row r="23114" spans="8:8">
      <c r="H23114" s="12"/>
    </row>
    <row r="23115" spans="8:8">
      <c r="H23115" s="12"/>
    </row>
    <row r="23116" spans="8:8">
      <c r="H23116" s="12"/>
    </row>
    <row r="23117" spans="8:8">
      <c r="H23117" s="12"/>
    </row>
    <row r="23118" spans="8:8">
      <c r="H23118" s="12"/>
    </row>
    <row r="23119" spans="8:8">
      <c r="H23119" s="12"/>
    </row>
    <row r="23120" spans="8:8">
      <c r="H23120" s="12"/>
    </row>
    <row r="23121" spans="8:8">
      <c r="H23121" s="12"/>
    </row>
    <row r="23122" spans="8:8">
      <c r="H23122" s="12"/>
    </row>
    <row r="23123" spans="8:8">
      <c r="H23123" s="12"/>
    </row>
    <row r="23124" spans="8:8">
      <c r="H23124" s="12"/>
    </row>
    <row r="23125" spans="8:8">
      <c r="H23125" s="12"/>
    </row>
    <row r="23126" spans="8:8">
      <c r="H23126" s="12"/>
    </row>
    <row r="23127" spans="8:8">
      <c r="H23127" s="12"/>
    </row>
    <row r="23128" spans="8:8">
      <c r="H23128" s="12"/>
    </row>
    <row r="23129" spans="8:8">
      <c r="H23129" s="12"/>
    </row>
    <row r="23130" spans="8:8">
      <c r="H23130" s="12"/>
    </row>
    <row r="23131" spans="8:8">
      <c r="H23131" s="12"/>
    </row>
    <row r="23132" spans="8:8">
      <c r="H23132" s="12"/>
    </row>
    <row r="23133" spans="8:8">
      <c r="H23133" s="12"/>
    </row>
    <row r="23134" spans="8:8">
      <c r="H23134" s="12"/>
    </row>
    <row r="23135" spans="8:8">
      <c r="H23135" s="12"/>
    </row>
    <row r="23136" spans="8:8">
      <c r="H23136" s="12"/>
    </row>
    <row r="23137" spans="8:8">
      <c r="H23137" s="12"/>
    </row>
    <row r="23138" spans="8:8">
      <c r="H23138" s="12"/>
    </row>
    <row r="23139" spans="8:8">
      <c r="H23139" s="12"/>
    </row>
    <row r="23140" spans="8:8">
      <c r="H23140" s="12"/>
    </row>
    <row r="23141" spans="8:8">
      <c r="H23141" s="12"/>
    </row>
    <row r="23142" spans="8:8">
      <c r="H23142" s="12"/>
    </row>
    <row r="23143" spans="8:8">
      <c r="H23143" s="12"/>
    </row>
    <row r="23144" spans="8:8">
      <c r="H23144" s="12"/>
    </row>
    <row r="23145" spans="8:8">
      <c r="H23145" s="12"/>
    </row>
    <row r="23146" spans="8:8">
      <c r="H23146" s="12"/>
    </row>
    <row r="23147" spans="8:8">
      <c r="H23147" s="12"/>
    </row>
    <row r="23148" spans="8:8">
      <c r="H23148" s="12"/>
    </row>
    <row r="23149" spans="8:8">
      <c r="H23149" s="12"/>
    </row>
    <row r="23150" spans="8:8">
      <c r="H23150" s="12"/>
    </row>
    <row r="23151" spans="8:8">
      <c r="H23151" s="12"/>
    </row>
    <row r="23152" spans="8:8">
      <c r="H23152" s="12"/>
    </row>
    <row r="23153" spans="8:8">
      <c r="H23153" s="12"/>
    </row>
    <row r="23154" spans="8:8">
      <c r="H23154" s="12"/>
    </row>
    <row r="23155" spans="8:8">
      <c r="H23155" s="12"/>
    </row>
    <row r="23156" spans="8:8">
      <c r="H23156" s="12"/>
    </row>
    <row r="23157" spans="8:8">
      <c r="H23157" s="12"/>
    </row>
    <row r="23158" spans="8:8">
      <c r="H23158" s="12"/>
    </row>
    <row r="23159" spans="8:8">
      <c r="H23159" s="12"/>
    </row>
    <row r="23160" spans="8:8">
      <c r="H23160" s="12"/>
    </row>
    <row r="23161" spans="8:8">
      <c r="H23161" s="12"/>
    </row>
    <row r="23162" spans="8:8">
      <c r="H23162" s="12"/>
    </row>
    <row r="23163" spans="8:8">
      <c r="H23163" s="12"/>
    </row>
    <row r="23164" spans="8:8">
      <c r="H23164" s="12"/>
    </row>
    <row r="23165" spans="8:8">
      <c r="H23165" s="12"/>
    </row>
    <row r="23166" spans="8:8">
      <c r="H23166" s="12"/>
    </row>
    <row r="23167" spans="8:8">
      <c r="H23167" s="12"/>
    </row>
    <row r="23168" spans="8:8">
      <c r="H23168" s="12"/>
    </row>
    <row r="23169" spans="8:8">
      <c r="H23169" s="12"/>
    </row>
    <row r="23170" spans="8:8">
      <c r="H23170" s="12"/>
    </row>
    <row r="23171" spans="8:8">
      <c r="H23171" s="12"/>
    </row>
    <row r="23172" spans="8:8">
      <c r="H23172" s="12"/>
    </row>
    <row r="23173" spans="8:8">
      <c r="H23173" s="12"/>
    </row>
    <row r="23174" spans="8:8">
      <c r="H23174" s="12"/>
    </row>
    <row r="23175" spans="8:8">
      <c r="H23175" s="12"/>
    </row>
    <row r="23176" spans="8:8">
      <c r="H23176" s="12"/>
    </row>
    <row r="23177" spans="8:8">
      <c r="H23177" s="12"/>
    </row>
    <row r="23178" spans="8:8">
      <c r="H23178" s="12"/>
    </row>
    <row r="23179" spans="8:8">
      <c r="H23179" s="12"/>
    </row>
    <row r="23180" spans="8:8">
      <c r="H23180" s="12"/>
    </row>
    <row r="23181" spans="8:8">
      <c r="H23181" s="12"/>
    </row>
    <row r="23182" spans="8:8">
      <c r="H23182" s="12"/>
    </row>
    <row r="23183" spans="8:8">
      <c r="H23183" s="12"/>
    </row>
    <row r="23184" spans="8:8">
      <c r="H23184" s="12"/>
    </row>
    <row r="23185" spans="8:8">
      <c r="H23185" s="12"/>
    </row>
    <row r="23186" spans="8:8">
      <c r="H23186" s="12"/>
    </row>
    <row r="23187" spans="8:8">
      <c r="H23187" s="12"/>
    </row>
    <row r="23188" spans="8:8">
      <c r="H23188" s="12"/>
    </row>
    <row r="23189" spans="8:8">
      <c r="H23189" s="12"/>
    </row>
    <row r="23190" spans="8:8">
      <c r="H23190" s="12"/>
    </row>
    <row r="23191" spans="8:8">
      <c r="H23191" s="12"/>
    </row>
    <row r="23192" spans="8:8">
      <c r="H23192" s="12"/>
    </row>
    <row r="23193" spans="8:8">
      <c r="H23193" s="12"/>
    </row>
    <row r="23194" spans="8:8">
      <c r="H23194" s="12"/>
    </row>
    <row r="23195" spans="8:8">
      <c r="H23195" s="12"/>
    </row>
    <row r="23196" spans="8:8">
      <c r="H23196" s="12"/>
    </row>
    <row r="23197" spans="8:8">
      <c r="H23197" s="12"/>
    </row>
    <row r="23198" spans="8:8">
      <c r="H23198" s="12"/>
    </row>
    <row r="23199" spans="8:8">
      <c r="H23199" s="12"/>
    </row>
    <row r="23200" spans="8:8">
      <c r="H23200" s="12"/>
    </row>
    <row r="23201" spans="8:8">
      <c r="H23201" s="12"/>
    </row>
    <row r="23202" spans="8:8">
      <c r="H23202" s="12"/>
    </row>
    <row r="23203" spans="8:8">
      <c r="H23203" s="12"/>
    </row>
    <row r="23204" spans="8:8">
      <c r="H23204" s="12"/>
    </row>
    <row r="23205" spans="8:8">
      <c r="H23205" s="12"/>
    </row>
    <row r="23206" spans="8:8">
      <c r="H23206" s="12"/>
    </row>
    <row r="23207" spans="8:8">
      <c r="H23207" s="12"/>
    </row>
    <row r="23208" spans="8:8">
      <c r="H23208" s="12"/>
    </row>
    <row r="23209" spans="8:8">
      <c r="H23209" s="12"/>
    </row>
    <row r="23210" spans="8:8">
      <c r="H23210" s="12"/>
    </row>
    <row r="23211" spans="8:8">
      <c r="H23211" s="12"/>
    </row>
    <row r="23212" spans="8:8">
      <c r="H23212" s="12"/>
    </row>
    <row r="23213" spans="8:8">
      <c r="H23213" s="12"/>
    </row>
    <row r="23214" spans="8:8">
      <c r="H23214" s="12"/>
    </row>
    <row r="23215" spans="8:8">
      <c r="H23215" s="12"/>
    </row>
    <row r="23216" spans="8:8">
      <c r="H23216" s="12"/>
    </row>
    <row r="23217" spans="8:8">
      <c r="H23217" s="12"/>
    </row>
    <row r="23218" spans="8:8">
      <c r="H23218" s="12"/>
    </row>
    <row r="23219" spans="8:8">
      <c r="H23219" s="12"/>
    </row>
    <row r="23220" spans="8:8">
      <c r="H23220" s="12"/>
    </row>
    <row r="23221" spans="8:8">
      <c r="H23221" s="12"/>
    </row>
    <row r="23222" spans="8:8">
      <c r="H23222" s="12"/>
    </row>
    <row r="23223" spans="8:8">
      <c r="H23223" s="12"/>
    </row>
    <row r="23224" spans="8:8">
      <c r="H23224" s="12"/>
    </row>
    <row r="23225" spans="8:8">
      <c r="H23225" s="12"/>
    </row>
    <row r="23226" spans="8:8">
      <c r="H23226" s="12"/>
    </row>
    <row r="23227" spans="8:8">
      <c r="H23227" s="12"/>
    </row>
    <row r="23228" spans="8:8">
      <c r="H23228" s="12"/>
    </row>
    <row r="23229" spans="8:8">
      <c r="H23229" s="12"/>
    </row>
    <row r="23230" spans="8:8">
      <c r="H23230" s="12"/>
    </row>
    <row r="23231" spans="8:8">
      <c r="H23231" s="12"/>
    </row>
    <row r="23232" spans="8:8">
      <c r="H23232" s="12"/>
    </row>
    <row r="23233" spans="8:8">
      <c r="H23233" s="12"/>
    </row>
    <row r="23234" spans="8:8">
      <c r="H23234" s="12"/>
    </row>
    <row r="23235" spans="8:8">
      <c r="H23235" s="12"/>
    </row>
    <row r="23236" spans="8:8">
      <c r="H23236" s="12"/>
    </row>
    <row r="23237" spans="8:8">
      <c r="H23237" s="12"/>
    </row>
    <row r="23238" spans="8:8">
      <c r="H23238" s="12"/>
    </row>
    <row r="23239" spans="8:8">
      <c r="H23239" s="12"/>
    </row>
    <row r="23240" spans="8:8">
      <c r="H23240" s="12"/>
    </row>
    <row r="23241" spans="8:8">
      <c r="H23241" s="12"/>
    </row>
    <row r="23242" spans="8:8">
      <c r="H23242" s="12"/>
    </row>
    <row r="23243" spans="8:8">
      <c r="H23243" s="12"/>
    </row>
    <row r="23244" spans="8:8">
      <c r="H23244" s="12"/>
    </row>
    <row r="23245" spans="8:8">
      <c r="H23245" s="12"/>
    </row>
    <row r="23246" spans="8:8">
      <c r="H23246" s="12"/>
    </row>
    <row r="23247" spans="8:8">
      <c r="H23247" s="12"/>
    </row>
    <row r="23248" spans="8:8">
      <c r="H23248" s="12"/>
    </row>
    <row r="23249" spans="8:8">
      <c r="H23249" s="12"/>
    </row>
    <row r="23250" spans="8:8">
      <c r="H23250" s="12"/>
    </row>
    <row r="23251" spans="8:8">
      <c r="H23251" s="12"/>
    </row>
    <row r="23252" spans="8:8">
      <c r="H23252" s="12"/>
    </row>
    <row r="23253" spans="8:8">
      <c r="H23253" s="12"/>
    </row>
    <row r="23254" spans="8:8">
      <c r="H23254" s="12"/>
    </row>
    <row r="23255" spans="8:8">
      <c r="H23255" s="12"/>
    </row>
    <row r="23256" spans="8:8">
      <c r="H23256" s="12"/>
    </row>
    <row r="23257" spans="8:8">
      <c r="H23257" s="12"/>
    </row>
    <row r="23258" spans="8:8">
      <c r="H23258" s="12"/>
    </row>
    <row r="23259" spans="8:8">
      <c r="H23259" s="12"/>
    </row>
    <row r="23260" spans="8:8">
      <c r="H23260" s="12"/>
    </row>
    <row r="23261" spans="8:8">
      <c r="H23261" s="12"/>
    </row>
    <row r="23262" spans="8:8">
      <c r="H23262" s="12"/>
    </row>
    <row r="23263" spans="8:8">
      <c r="H23263" s="12"/>
    </row>
    <row r="23264" spans="8:8">
      <c r="H23264" s="12"/>
    </row>
    <row r="23265" spans="8:8">
      <c r="H23265" s="12"/>
    </row>
    <row r="23266" spans="8:8">
      <c r="H23266" s="12"/>
    </row>
    <row r="23267" spans="8:8">
      <c r="H23267" s="12"/>
    </row>
    <row r="23268" spans="8:8">
      <c r="H23268" s="12"/>
    </row>
    <row r="23269" spans="8:8">
      <c r="H23269" s="12"/>
    </row>
    <row r="23270" spans="8:8">
      <c r="H23270" s="12"/>
    </row>
    <row r="23271" spans="8:8">
      <c r="H23271" s="12"/>
    </row>
    <row r="23272" spans="8:8">
      <c r="H23272" s="12"/>
    </row>
    <row r="23273" spans="8:8">
      <c r="H23273" s="12"/>
    </row>
    <row r="23274" spans="8:8">
      <c r="H23274" s="12"/>
    </row>
    <row r="23275" spans="8:8">
      <c r="H23275" s="12"/>
    </row>
    <row r="23276" spans="8:8">
      <c r="H23276" s="12"/>
    </row>
    <row r="23277" spans="8:8">
      <c r="H23277" s="12"/>
    </row>
    <row r="23278" spans="8:8">
      <c r="H23278" s="12"/>
    </row>
    <row r="23279" spans="8:8">
      <c r="H23279" s="12"/>
    </row>
    <row r="23280" spans="8:8">
      <c r="H23280" s="12"/>
    </row>
    <row r="23281" spans="8:8">
      <c r="H23281" s="12"/>
    </row>
    <row r="23282" spans="8:8">
      <c r="H23282" s="12"/>
    </row>
    <row r="23283" spans="8:8">
      <c r="H23283" s="12"/>
    </row>
    <row r="23284" spans="8:8">
      <c r="H23284" s="12"/>
    </row>
    <row r="23285" spans="8:8">
      <c r="H23285" s="12"/>
    </row>
    <row r="23286" spans="8:8">
      <c r="H23286" s="12"/>
    </row>
    <row r="23287" spans="8:8">
      <c r="H23287" s="12"/>
    </row>
    <row r="23288" spans="8:8">
      <c r="H23288" s="12"/>
    </row>
    <row r="23289" spans="8:8">
      <c r="H23289" s="12"/>
    </row>
    <row r="23290" spans="8:8">
      <c r="H23290" s="12"/>
    </row>
    <row r="23291" spans="8:8">
      <c r="H23291" s="12"/>
    </row>
    <row r="23292" spans="8:8">
      <c r="H23292" s="12"/>
    </row>
    <row r="23293" spans="8:8">
      <c r="H23293" s="12"/>
    </row>
    <row r="23294" spans="8:8">
      <c r="H23294" s="12"/>
    </row>
    <row r="23295" spans="8:8">
      <c r="H23295" s="12"/>
    </row>
    <row r="23296" spans="8:8">
      <c r="H23296" s="12"/>
    </row>
    <row r="23297" spans="8:8">
      <c r="H23297" s="12"/>
    </row>
    <row r="23298" spans="8:8">
      <c r="H23298" s="12"/>
    </row>
    <row r="23299" spans="8:8">
      <c r="H23299" s="12"/>
    </row>
    <row r="23300" spans="8:8">
      <c r="H23300" s="12"/>
    </row>
    <row r="23301" spans="8:8">
      <c r="H23301" s="12"/>
    </row>
    <row r="23302" spans="8:8">
      <c r="H23302" s="12"/>
    </row>
    <row r="23303" spans="8:8">
      <c r="H23303" s="12"/>
    </row>
    <row r="23304" spans="8:8">
      <c r="H23304" s="12"/>
    </row>
    <row r="23305" spans="8:8">
      <c r="H23305" s="12"/>
    </row>
    <row r="23306" spans="8:8">
      <c r="H23306" s="12"/>
    </row>
    <row r="23307" spans="8:8">
      <c r="H23307" s="12"/>
    </row>
    <row r="23308" spans="8:8">
      <c r="H23308" s="12"/>
    </row>
    <row r="23309" spans="8:8">
      <c r="H23309" s="12"/>
    </row>
    <row r="23310" spans="8:8">
      <c r="H23310" s="12"/>
    </row>
    <row r="23311" spans="8:8">
      <c r="H23311" s="12"/>
    </row>
    <row r="23312" spans="8:8">
      <c r="H23312" s="12"/>
    </row>
    <row r="23313" spans="8:8">
      <c r="H23313" s="12"/>
    </row>
    <row r="23314" spans="8:8">
      <c r="H23314" s="12"/>
    </row>
    <row r="23315" spans="8:8">
      <c r="H23315" s="12"/>
    </row>
    <row r="23316" spans="8:8">
      <c r="H23316" s="12"/>
    </row>
    <row r="23317" spans="8:8">
      <c r="H23317" s="12"/>
    </row>
    <row r="23318" spans="8:8">
      <c r="H23318" s="12"/>
    </row>
    <row r="23319" spans="8:8">
      <c r="H23319" s="12"/>
    </row>
    <row r="23320" spans="8:8">
      <c r="H23320" s="12"/>
    </row>
    <row r="23321" spans="8:8">
      <c r="H23321" s="12"/>
    </row>
    <row r="23322" spans="8:8">
      <c r="H23322" s="12"/>
    </row>
    <row r="23323" spans="8:8">
      <c r="H23323" s="12"/>
    </row>
    <row r="23324" spans="8:8">
      <c r="H23324" s="12"/>
    </row>
    <row r="23325" spans="8:8">
      <c r="H23325" s="12"/>
    </row>
    <row r="23326" spans="8:8">
      <c r="H23326" s="12"/>
    </row>
    <row r="23327" spans="8:8">
      <c r="H23327" s="12"/>
    </row>
    <row r="23328" spans="8:8">
      <c r="H23328" s="12"/>
    </row>
    <row r="23329" spans="8:8">
      <c r="H23329" s="12"/>
    </row>
    <row r="23330" spans="8:8">
      <c r="H23330" s="12"/>
    </row>
    <row r="23331" spans="8:8">
      <c r="H23331" s="12"/>
    </row>
    <row r="23332" spans="8:8">
      <c r="H23332" s="12"/>
    </row>
    <row r="23333" spans="8:8">
      <c r="H23333" s="12"/>
    </row>
    <row r="23334" spans="8:8">
      <c r="H23334" s="12"/>
    </row>
    <row r="23335" spans="8:8">
      <c r="H23335" s="12"/>
    </row>
    <row r="23336" spans="8:8">
      <c r="H23336" s="12"/>
    </row>
    <row r="23337" spans="8:8">
      <c r="H23337" s="12"/>
    </row>
    <row r="23338" spans="8:8">
      <c r="H23338" s="12"/>
    </row>
    <row r="23339" spans="8:8">
      <c r="H23339" s="12"/>
    </row>
    <row r="23340" spans="8:8">
      <c r="H23340" s="12"/>
    </row>
    <row r="23341" spans="8:8">
      <c r="H23341" s="12"/>
    </row>
    <row r="23342" spans="8:8">
      <c r="H23342" s="12"/>
    </row>
    <row r="23343" spans="8:8">
      <c r="H23343" s="12"/>
    </row>
    <row r="23344" spans="8:8">
      <c r="H23344" s="12"/>
    </row>
    <row r="23345" spans="8:8">
      <c r="H23345" s="12"/>
    </row>
    <row r="23346" spans="8:8">
      <c r="H23346" s="12"/>
    </row>
    <row r="23347" spans="8:8">
      <c r="H23347" s="12"/>
    </row>
    <row r="23348" spans="8:8">
      <c r="H23348" s="12"/>
    </row>
    <row r="23349" spans="8:8">
      <c r="H23349" s="12"/>
    </row>
    <row r="23350" spans="8:8">
      <c r="H23350" s="12"/>
    </row>
    <row r="23351" spans="8:8">
      <c r="H23351" s="12"/>
    </row>
    <row r="23352" spans="8:8">
      <c r="H23352" s="12"/>
    </row>
    <row r="23353" spans="8:8">
      <c r="H23353" s="12"/>
    </row>
    <row r="23354" spans="8:8">
      <c r="H23354" s="12"/>
    </row>
    <row r="23355" spans="8:8">
      <c r="H23355" s="12"/>
    </row>
    <row r="23356" spans="8:8">
      <c r="H23356" s="12"/>
    </row>
    <row r="23357" spans="8:8">
      <c r="H23357" s="12"/>
    </row>
    <row r="23358" spans="8:8">
      <c r="H23358" s="12"/>
    </row>
    <row r="23359" spans="8:8">
      <c r="H23359" s="12"/>
    </row>
    <row r="23360" spans="8:8">
      <c r="H23360" s="12"/>
    </row>
    <row r="23361" spans="8:8">
      <c r="H23361" s="12"/>
    </row>
    <row r="23362" spans="8:8">
      <c r="H23362" s="12"/>
    </row>
    <row r="23363" spans="8:8">
      <c r="H23363" s="12"/>
    </row>
    <row r="23364" spans="8:8">
      <c r="H23364" s="12"/>
    </row>
    <row r="23365" spans="8:8">
      <c r="H23365" s="12"/>
    </row>
    <row r="23366" spans="8:8">
      <c r="H23366" s="12"/>
    </row>
    <row r="23367" spans="8:8">
      <c r="H23367" s="12"/>
    </row>
    <row r="23368" spans="8:8">
      <c r="H23368" s="12"/>
    </row>
    <row r="23369" spans="8:8">
      <c r="H23369" s="12"/>
    </row>
    <row r="23370" spans="8:8">
      <c r="H23370" s="12"/>
    </row>
    <row r="23371" spans="8:8">
      <c r="H23371" s="12"/>
    </row>
    <row r="23372" spans="8:8">
      <c r="H23372" s="12"/>
    </row>
    <row r="23373" spans="8:8">
      <c r="H23373" s="12"/>
    </row>
    <row r="23374" spans="8:8">
      <c r="H23374" s="12"/>
    </row>
    <row r="23375" spans="8:8">
      <c r="H23375" s="12"/>
    </row>
    <row r="23376" spans="8:8">
      <c r="H23376" s="12"/>
    </row>
    <row r="23377" spans="8:8">
      <c r="H23377" s="12"/>
    </row>
    <row r="23378" spans="8:8">
      <c r="H23378" s="12"/>
    </row>
    <row r="23379" spans="8:8">
      <c r="H23379" s="12"/>
    </row>
    <row r="23380" spans="8:8">
      <c r="H23380" s="12"/>
    </row>
    <row r="23381" spans="8:8">
      <c r="H23381" s="12"/>
    </row>
    <row r="23382" spans="8:8">
      <c r="H23382" s="12"/>
    </row>
    <row r="23383" spans="8:8">
      <c r="H23383" s="12"/>
    </row>
    <row r="23384" spans="8:8">
      <c r="H23384" s="12"/>
    </row>
    <row r="23385" spans="8:8">
      <c r="H23385" s="12"/>
    </row>
    <row r="23386" spans="8:8">
      <c r="H23386" s="12"/>
    </row>
    <row r="23387" spans="8:8">
      <c r="H23387" s="12"/>
    </row>
    <row r="23388" spans="8:8">
      <c r="H23388" s="12"/>
    </row>
    <row r="23389" spans="8:8">
      <c r="H23389" s="12"/>
    </row>
    <row r="23390" spans="8:8">
      <c r="H23390" s="12"/>
    </row>
    <row r="23391" spans="8:8">
      <c r="H23391" s="12"/>
    </row>
    <row r="23392" spans="8:8">
      <c r="H23392" s="12"/>
    </row>
    <row r="23393" spans="8:8">
      <c r="H23393" s="12"/>
    </row>
    <row r="23394" spans="8:8">
      <c r="H23394" s="12"/>
    </row>
    <row r="23395" spans="8:8">
      <c r="H23395" s="12"/>
    </row>
    <row r="23396" spans="8:8">
      <c r="H23396" s="12"/>
    </row>
    <row r="23397" spans="8:8">
      <c r="H23397" s="12"/>
    </row>
    <row r="23398" spans="8:8">
      <c r="H23398" s="12"/>
    </row>
    <row r="23399" spans="8:8">
      <c r="H23399" s="12"/>
    </row>
    <row r="23400" spans="8:8">
      <c r="H23400" s="12"/>
    </row>
    <row r="23401" spans="8:8">
      <c r="H23401" s="12"/>
    </row>
    <row r="23402" spans="8:8">
      <c r="H23402" s="12"/>
    </row>
    <row r="23403" spans="8:8">
      <c r="H23403" s="12"/>
    </row>
    <row r="23404" spans="8:8">
      <c r="H23404" s="12"/>
    </row>
    <row r="23405" spans="8:8">
      <c r="H23405" s="12"/>
    </row>
    <row r="23406" spans="8:8">
      <c r="H23406" s="12"/>
    </row>
    <row r="23407" spans="8:8">
      <c r="H23407" s="12"/>
    </row>
    <row r="23408" spans="8:8">
      <c r="H23408" s="12"/>
    </row>
    <row r="23409" spans="8:8">
      <c r="H23409" s="12"/>
    </row>
    <row r="23410" spans="8:8">
      <c r="H23410" s="12"/>
    </row>
    <row r="23411" spans="8:8">
      <c r="H23411" s="12"/>
    </row>
    <row r="23412" spans="8:8">
      <c r="H23412" s="12"/>
    </row>
    <row r="23413" spans="8:8">
      <c r="H23413" s="12"/>
    </row>
    <row r="23414" spans="8:8">
      <c r="H23414" s="12"/>
    </row>
    <row r="23415" spans="8:8">
      <c r="H23415" s="12"/>
    </row>
    <row r="23416" spans="8:8">
      <c r="H23416" s="12"/>
    </row>
    <row r="23417" spans="8:8">
      <c r="H23417" s="12"/>
    </row>
    <row r="23418" spans="8:8">
      <c r="H23418" s="12"/>
    </row>
    <row r="23419" spans="8:8">
      <c r="H23419" s="12"/>
    </row>
    <row r="23420" spans="8:8">
      <c r="H23420" s="12"/>
    </row>
    <row r="23421" spans="8:8">
      <c r="H23421" s="12"/>
    </row>
    <row r="23422" spans="8:8">
      <c r="H23422" s="12"/>
    </row>
    <row r="23423" spans="8:8">
      <c r="H23423" s="12"/>
    </row>
    <row r="23424" spans="8:8">
      <c r="H23424" s="12"/>
    </row>
    <row r="23425" spans="8:8">
      <c r="H23425" s="12"/>
    </row>
    <row r="23426" spans="8:8">
      <c r="H23426" s="12"/>
    </row>
    <row r="23427" spans="8:8">
      <c r="H23427" s="12"/>
    </row>
    <row r="23428" spans="8:8">
      <c r="H23428" s="12"/>
    </row>
    <row r="23429" spans="8:8">
      <c r="H23429" s="12"/>
    </row>
    <row r="23430" spans="8:8">
      <c r="H23430" s="12"/>
    </row>
    <row r="23431" spans="8:8">
      <c r="H23431" s="12"/>
    </row>
    <row r="23432" spans="8:8">
      <c r="H23432" s="12"/>
    </row>
    <row r="23433" spans="8:8">
      <c r="H23433" s="12"/>
    </row>
    <row r="23434" spans="8:8">
      <c r="H23434" s="12"/>
    </row>
    <row r="23435" spans="8:8">
      <c r="H23435" s="12"/>
    </row>
    <row r="23436" spans="8:8">
      <c r="H23436" s="12"/>
    </row>
    <row r="23437" spans="8:8">
      <c r="H23437" s="12"/>
    </row>
    <row r="23438" spans="8:8">
      <c r="H23438" s="12"/>
    </row>
    <row r="23439" spans="8:8">
      <c r="H23439" s="12"/>
    </row>
    <row r="23440" spans="8:8">
      <c r="H23440" s="12"/>
    </row>
    <row r="23441" spans="8:8">
      <c r="H23441" s="12"/>
    </row>
    <row r="23442" spans="8:8">
      <c r="H23442" s="12"/>
    </row>
    <row r="23443" spans="8:8">
      <c r="H23443" s="12"/>
    </row>
    <row r="23444" spans="8:8">
      <c r="H23444" s="12"/>
    </row>
    <row r="23445" spans="8:8">
      <c r="H23445" s="12"/>
    </row>
    <row r="23446" spans="8:8">
      <c r="H23446" s="12"/>
    </row>
    <row r="23447" spans="8:8">
      <c r="H23447" s="12"/>
    </row>
    <row r="23448" spans="8:8">
      <c r="H23448" s="12"/>
    </row>
    <row r="23449" spans="8:8">
      <c r="H23449" s="12"/>
    </row>
    <row r="23450" spans="8:8">
      <c r="H23450" s="12"/>
    </row>
    <row r="23451" spans="8:8">
      <c r="H23451" s="12"/>
    </row>
    <row r="23452" spans="8:8">
      <c r="H23452" s="12"/>
    </row>
    <row r="23453" spans="8:8">
      <c r="H23453" s="12"/>
    </row>
    <row r="23454" spans="8:8">
      <c r="H23454" s="12"/>
    </row>
    <row r="23455" spans="8:8">
      <c r="H23455" s="12"/>
    </row>
    <row r="23456" spans="8:8">
      <c r="H23456" s="12"/>
    </row>
    <row r="23457" spans="8:8">
      <c r="H23457" s="12"/>
    </row>
    <row r="23458" spans="8:8">
      <c r="H23458" s="12"/>
    </row>
    <row r="23459" spans="8:8">
      <c r="H23459" s="12"/>
    </row>
    <row r="23460" spans="8:8">
      <c r="H23460" s="12"/>
    </row>
    <row r="23461" spans="8:8">
      <c r="H23461" s="12"/>
    </row>
    <row r="23462" spans="8:8">
      <c r="H23462" s="12"/>
    </row>
    <row r="23463" spans="8:8">
      <c r="H23463" s="12"/>
    </row>
    <row r="23464" spans="8:8">
      <c r="H23464" s="12"/>
    </row>
    <row r="23465" spans="8:8">
      <c r="H23465" s="12"/>
    </row>
    <row r="23466" spans="8:8">
      <c r="H23466" s="12"/>
    </row>
    <row r="23467" spans="8:8">
      <c r="H23467" s="12"/>
    </row>
    <row r="23468" spans="8:8">
      <c r="H23468" s="12"/>
    </row>
    <row r="23469" spans="8:8">
      <c r="H23469" s="12"/>
    </row>
    <row r="23470" spans="8:8">
      <c r="H23470" s="12"/>
    </row>
    <row r="23471" spans="8:8">
      <c r="H23471" s="12"/>
    </row>
    <row r="23472" spans="8:8">
      <c r="H23472" s="12"/>
    </row>
    <row r="23473" spans="8:8">
      <c r="H23473" s="12"/>
    </row>
    <row r="23474" spans="8:8">
      <c r="H23474" s="12"/>
    </row>
    <row r="23475" spans="8:8">
      <c r="H23475" s="12"/>
    </row>
    <row r="23476" spans="8:8">
      <c r="H23476" s="12"/>
    </row>
    <row r="23477" spans="8:8">
      <c r="H23477" s="12"/>
    </row>
    <row r="23478" spans="8:8">
      <c r="H23478" s="12"/>
    </row>
    <row r="23479" spans="8:8">
      <c r="H23479" s="12"/>
    </row>
    <row r="23480" spans="8:8">
      <c r="H23480" s="12"/>
    </row>
    <row r="23481" spans="8:8">
      <c r="H23481" s="12"/>
    </row>
    <row r="23482" spans="8:8">
      <c r="H23482" s="12"/>
    </row>
    <row r="23483" spans="8:8">
      <c r="H23483" s="12"/>
    </row>
    <row r="23484" spans="8:8">
      <c r="H23484" s="12"/>
    </row>
    <row r="23485" spans="8:8">
      <c r="H23485" s="12"/>
    </row>
    <row r="23486" spans="8:8">
      <c r="H23486" s="12"/>
    </row>
    <row r="23487" spans="8:8">
      <c r="H23487" s="12"/>
    </row>
    <row r="23488" spans="8:8">
      <c r="H23488" s="12"/>
    </row>
    <row r="23489" spans="8:8">
      <c r="H23489" s="12"/>
    </row>
    <row r="23490" spans="8:8">
      <c r="H23490" s="12"/>
    </row>
    <row r="23491" spans="8:8">
      <c r="H23491" s="12"/>
    </row>
    <row r="23492" spans="8:8">
      <c r="H23492" s="12"/>
    </row>
    <row r="23493" spans="8:8">
      <c r="H23493" s="12"/>
    </row>
    <row r="23494" spans="8:8">
      <c r="H23494" s="12"/>
    </row>
    <row r="23495" spans="8:8">
      <c r="H23495" s="12"/>
    </row>
    <row r="23496" spans="8:8">
      <c r="H23496" s="12"/>
    </row>
    <row r="23497" spans="8:8">
      <c r="H23497" s="12"/>
    </row>
    <row r="23498" spans="8:8">
      <c r="H23498" s="12"/>
    </row>
    <row r="23499" spans="8:8">
      <c r="H23499" s="12"/>
    </row>
    <row r="23500" spans="8:8">
      <c r="H23500" s="12"/>
    </row>
    <row r="23501" spans="8:8">
      <c r="H23501" s="12"/>
    </row>
    <row r="23502" spans="8:8">
      <c r="H23502" s="12"/>
    </row>
    <row r="23503" spans="8:8">
      <c r="H23503" s="12"/>
    </row>
    <row r="23504" spans="8:8">
      <c r="H23504" s="12"/>
    </row>
    <row r="23505" spans="8:8">
      <c r="H23505" s="12"/>
    </row>
    <row r="23506" spans="8:8">
      <c r="H23506" s="12"/>
    </row>
    <row r="23507" spans="8:8">
      <c r="H23507" s="12"/>
    </row>
    <row r="23508" spans="8:8">
      <c r="H23508" s="12"/>
    </row>
    <row r="23509" spans="8:8">
      <c r="H23509" s="12"/>
    </row>
    <row r="23510" spans="8:8">
      <c r="H23510" s="12"/>
    </row>
    <row r="23511" spans="8:8">
      <c r="H23511" s="12"/>
    </row>
    <row r="23512" spans="8:8">
      <c r="H23512" s="12"/>
    </row>
    <row r="23513" spans="8:8">
      <c r="H23513" s="12"/>
    </row>
    <row r="23514" spans="8:8">
      <c r="H23514" s="12"/>
    </row>
    <row r="23515" spans="8:8">
      <c r="H23515" s="12"/>
    </row>
    <row r="23516" spans="8:8">
      <c r="H23516" s="12"/>
    </row>
    <row r="23517" spans="8:8">
      <c r="H23517" s="12"/>
    </row>
    <row r="23518" spans="8:8">
      <c r="H23518" s="12"/>
    </row>
    <row r="23519" spans="8:8">
      <c r="H23519" s="12"/>
    </row>
    <row r="23520" spans="8:8">
      <c r="H23520" s="12"/>
    </row>
    <row r="23521" spans="8:8">
      <c r="H23521" s="12"/>
    </row>
    <row r="23522" spans="8:8">
      <c r="H23522" s="12"/>
    </row>
    <row r="23523" spans="8:8">
      <c r="H23523" s="12"/>
    </row>
    <row r="23524" spans="8:8">
      <c r="H23524" s="12"/>
    </row>
    <row r="23525" spans="8:8">
      <c r="H23525" s="12"/>
    </row>
    <row r="23526" spans="8:8">
      <c r="H23526" s="12"/>
    </row>
    <row r="23527" spans="8:8">
      <c r="H23527" s="12"/>
    </row>
    <row r="23528" spans="8:8">
      <c r="H23528" s="12"/>
    </row>
    <row r="23529" spans="8:8">
      <c r="H23529" s="12"/>
    </row>
    <row r="23530" spans="8:8">
      <c r="H23530" s="12"/>
    </row>
    <row r="23531" spans="8:8">
      <c r="H23531" s="12"/>
    </row>
    <row r="23532" spans="8:8">
      <c r="H23532" s="12"/>
    </row>
    <row r="23533" spans="8:8">
      <c r="H23533" s="12"/>
    </row>
    <row r="23534" spans="8:8">
      <c r="H23534" s="12"/>
    </row>
    <row r="23535" spans="8:8">
      <c r="H23535" s="12"/>
    </row>
    <row r="23536" spans="8:8">
      <c r="H23536" s="12"/>
    </row>
    <row r="23537" spans="8:8">
      <c r="H23537" s="12"/>
    </row>
    <row r="23538" spans="8:8">
      <c r="H23538" s="12"/>
    </row>
    <row r="23539" spans="8:8">
      <c r="H23539" s="12"/>
    </row>
    <row r="23540" spans="8:8">
      <c r="H23540" s="12"/>
    </row>
    <row r="23541" spans="8:8">
      <c r="H23541" s="12"/>
    </row>
    <row r="23542" spans="8:8">
      <c r="H23542" s="12"/>
    </row>
    <row r="23543" spans="8:8">
      <c r="H23543" s="12"/>
    </row>
    <row r="23544" spans="8:8">
      <c r="H23544" s="12"/>
    </row>
    <row r="23545" spans="8:8">
      <c r="H23545" s="12"/>
    </row>
    <row r="23546" spans="8:8">
      <c r="H23546" s="12"/>
    </row>
    <row r="23547" spans="8:8">
      <c r="H23547" s="12"/>
    </row>
    <row r="23548" spans="8:8">
      <c r="H23548" s="12"/>
    </row>
    <row r="23549" spans="8:8">
      <c r="H23549" s="12"/>
    </row>
    <row r="23550" spans="8:8">
      <c r="H23550" s="12"/>
    </row>
    <row r="23551" spans="8:8">
      <c r="H23551" s="12"/>
    </row>
    <row r="23552" spans="8:8">
      <c r="H23552" s="12"/>
    </row>
    <row r="23553" spans="8:8">
      <c r="H23553" s="12"/>
    </row>
    <row r="23554" spans="8:8">
      <c r="H23554" s="12"/>
    </row>
    <row r="23555" spans="8:8">
      <c r="H23555" s="12"/>
    </row>
    <row r="23556" spans="8:8">
      <c r="H23556" s="12"/>
    </row>
    <row r="23557" spans="8:8">
      <c r="H23557" s="12"/>
    </row>
    <row r="23558" spans="8:8">
      <c r="H23558" s="12"/>
    </row>
    <row r="23559" spans="8:8">
      <c r="H23559" s="12"/>
    </row>
    <row r="23560" spans="8:8">
      <c r="H23560" s="12"/>
    </row>
    <row r="23561" spans="8:8">
      <c r="H23561" s="12"/>
    </row>
    <row r="23562" spans="8:8">
      <c r="H23562" s="12"/>
    </row>
    <row r="23563" spans="8:8">
      <c r="H23563" s="12"/>
    </row>
    <row r="23564" spans="8:8">
      <c r="H23564" s="12"/>
    </row>
    <row r="23565" spans="8:8">
      <c r="H23565" s="12"/>
    </row>
    <row r="23566" spans="8:8">
      <c r="H23566" s="12"/>
    </row>
    <row r="23567" spans="8:8">
      <c r="H23567" s="12"/>
    </row>
    <row r="23568" spans="8:8">
      <c r="H23568" s="12"/>
    </row>
    <row r="23569" spans="8:8">
      <c r="H23569" s="12"/>
    </row>
    <row r="23570" spans="8:8">
      <c r="H23570" s="12"/>
    </row>
    <row r="23571" spans="8:8">
      <c r="H23571" s="12"/>
    </row>
    <row r="23572" spans="8:8">
      <c r="H23572" s="12"/>
    </row>
    <row r="23573" spans="8:8">
      <c r="H23573" s="12"/>
    </row>
    <row r="23574" spans="8:8">
      <c r="H23574" s="12"/>
    </row>
    <row r="23575" spans="8:8">
      <c r="H23575" s="12"/>
    </row>
    <row r="23576" spans="8:8">
      <c r="H23576" s="12"/>
    </row>
    <row r="23577" spans="8:8">
      <c r="H23577" s="12"/>
    </row>
    <row r="23578" spans="8:8">
      <c r="H23578" s="12"/>
    </row>
    <row r="23579" spans="8:8">
      <c r="H23579" s="12"/>
    </row>
    <row r="23580" spans="8:8">
      <c r="H23580" s="12"/>
    </row>
    <row r="23581" spans="8:8">
      <c r="H23581" s="12"/>
    </row>
    <row r="23582" spans="8:8">
      <c r="H23582" s="12"/>
    </row>
    <row r="23583" spans="8:8">
      <c r="H23583" s="12"/>
    </row>
    <row r="23584" spans="8:8">
      <c r="H23584" s="12"/>
    </row>
    <row r="23585" spans="8:8">
      <c r="H23585" s="12"/>
    </row>
    <row r="23586" spans="8:8">
      <c r="H23586" s="12"/>
    </row>
    <row r="23587" spans="8:8">
      <c r="H23587" s="12"/>
    </row>
    <row r="23588" spans="8:8">
      <c r="H23588" s="12"/>
    </row>
    <row r="23589" spans="8:8">
      <c r="H23589" s="12"/>
    </row>
    <row r="23590" spans="8:8">
      <c r="H23590" s="12"/>
    </row>
    <row r="23591" spans="8:8">
      <c r="H23591" s="12"/>
    </row>
    <row r="23592" spans="8:8">
      <c r="H23592" s="12"/>
    </row>
    <row r="23593" spans="8:8">
      <c r="H23593" s="12"/>
    </row>
    <row r="23594" spans="8:8">
      <c r="H23594" s="12"/>
    </row>
    <row r="23595" spans="8:8">
      <c r="H23595" s="12"/>
    </row>
    <row r="23596" spans="8:8">
      <c r="H23596" s="12"/>
    </row>
    <row r="23597" spans="8:8">
      <c r="H23597" s="12"/>
    </row>
    <row r="23598" spans="8:8">
      <c r="H23598" s="12"/>
    </row>
    <row r="23599" spans="8:8">
      <c r="H23599" s="12"/>
    </row>
    <row r="23600" spans="8:8">
      <c r="H23600" s="12"/>
    </row>
    <row r="23601" spans="8:8">
      <c r="H23601" s="12"/>
    </row>
    <row r="23602" spans="8:8">
      <c r="H23602" s="12"/>
    </row>
    <row r="23603" spans="8:8">
      <c r="H23603" s="12"/>
    </row>
    <row r="23604" spans="8:8">
      <c r="H23604" s="12"/>
    </row>
    <row r="23605" spans="8:8">
      <c r="H23605" s="12"/>
    </row>
    <row r="23606" spans="8:8">
      <c r="H23606" s="12"/>
    </row>
    <row r="23607" spans="8:8">
      <c r="H23607" s="12"/>
    </row>
    <row r="23608" spans="8:8">
      <c r="H23608" s="12"/>
    </row>
    <row r="23609" spans="8:8">
      <c r="H23609" s="12"/>
    </row>
    <row r="23610" spans="8:8">
      <c r="H23610" s="12"/>
    </row>
    <row r="23611" spans="8:8">
      <c r="H23611" s="12"/>
    </row>
    <row r="23612" spans="8:8">
      <c r="H23612" s="12"/>
    </row>
    <row r="23613" spans="8:8">
      <c r="H23613" s="12"/>
    </row>
    <row r="23614" spans="8:8">
      <c r="H23614" s="12"/>
    </row>
    <row r="23615" spans="8:8">
      <c r="H23615" s="12"/>
    </row>
    <row r="23616" spans="8:8">
      <c r="H23616" s="12"/>
    </row>
    <row r="23617" spans="8:8">
      <c r="H23617" s="12"/>
    </row>
    <row r="23618" spans="8:8">
      <c r="H23618" s="12"/>
    </row>
    <row r="23619" spans="8:8">
      <c r="H23619" s="12"/>
    </row>
    <row r="23620" spans="8:8">
      <c r="H23620" s="12"/>
    </row>
    <row r="23621" spans="8:8">
      <c r="H23621" s="12"/>
    </row>
    <row r="23622" spans="8:8">
      <c r="H23622" s="12"/>
    </row>
    <row r="23623" spans="8:8">
      <c r="H23623" s="12"/>
    </row>
    <row r="23624" spans="8:8">
      <c r="H23624" s="12"/>
    </row>
    <row r="23625" spans="8:8">
      <c r="H23625" s="12"/>
    </row>
    <row r="23626" spans="8:8">
      <c r="H23626" s="12"/>
    </row>
    <row r="23627" spans="8:8">
      <c r="H23627" s="12"/>
    </row>
    <row r="23628" spans="8:8">
      <c r="H23628" s="12"/>
    </row>
    <row r="23629" spans="8:8">
      <c r="H23629" s="12"/>
    </row>
    <row r="23630" spans="8:8">
      <c r="H23630" s="12"/>
    </row>
    <row r="23631" spans="8:8">
      <c r="H23631" s="12"/>
    </row>
    <row r="23632" spans="8:8">
      <c r="H23632" s="12"/>
    </row>
    <row r="23633" spans="8:8">
      <c r="H23633" s="12"/>
    </row>
    <row r="23634" spans="8:8">
      <c r="H23634" s="12"/>
    </row>
    <row r="23635" spans="8:8">
      <c r="H23635" s="12"/>
    </row>
    <row r="23636" spans="8:8">
      <c r="H23636" s="12"/>
    </row>
    <row r="23637" spans="8:8">
      <c r="H23637" s="12"/>
    </row>
    <row r="23638" spans="8:8">
      <c r="H23638" s="12"/>
    </row>
    <row r="23639" spans="8:8">
      <c r="H23639" s="12"/>
    </row>
    <row r="23640" spans="8:8">
      <c r="H23640" s="12"/>
    </row>
    <row r="23641" spans="8:8">
      <c r="H23641" s="12"/>
    </row>
    <row r="23642" spans="8:8">
      <c r="H23642" s="12"/>
    </row>
    <row r="23643" spans="8:8">
      <c r="H23643" s="12"/>
    </row>
    <row r="23644" spans="8:8">
      <c r="H23644" s="12"/>
    </row>
    <row r="23645" spans="8:8">
      <c r="H23645" s="12"/>
    </row>
    <row r="23646" spans="8:8">
      <c r="H23646" s="12"/>
    </row>
    <row r="23647" spans="8:8">
      <c r="H23647" s="12"/>
    </row>
    <row r="23648" spans="8:8">
      <c r="H23648" s="12"/>
    </row>
    <row r="23649" spans="8:8">
      <c r="H23649" s="12"/>
    </row>
    <row r="23650" spans="8:8">
      <c r="H23650" s="12"/>
    </row>
    <row r="23651" spans="8:8">
      <c r="H23651" s="12"/>
    </row>
    <row r="23652" spans="8:8">
      <c r="H23652" s="12"/>
    </row>
    <row r="23653" spans="8:8">
      <c r="H23653" s="12"/>
    </row>
    <row r="23654" spans="8:8">
      <c r="H23654" s="12"/>
    </row>
    <row r="23655" spans="8:8">
      <c r="H23655" s="12"/>
    </row>
    <row r="23656" spans="8:8">
      <c r="H23656" s="12"/>
    </row>
    <row r="23657" spans="8:8">
      <c r="H23657" s="12"/>
    </row>
    <row r="23658" spans="8:8">
      <c r="H23658" s="12"/>
    </row>
    <row r="23659" spans="8:8">
      <c r="H23659" s="12"/>
    </row>
    <row r="23660" spans="8:8">
      <c r="H23660" s="12"/>
    </row>
    <row r="23661" spans="8:8">
      <c r="H23661" s="12"/>
    </row>
    <row r="23662" spans="8:8">
      <c r="H23662" s="12"/>
    </row>
    <row r="23663" spans="8:8">
      <c r="H23663" s="12"/>
    </row>
    <row r="23664" spans="8:8">
      <c r="H23664" s="12"/>
    </row>
    <row r="23665" spans="8:8">
      <c r="H23665" s="12"/>
    </row>
    <row r="23666" spans="8:8">
      <c r="H23666" s="12"/>
    </row>
    <row r="23667" spans="8:8">
      <c r="H23667" s="12"/>
    </row>
    <row r="23668" spans="8:8">
      <c r="H23668" s="12"/>
    </row>
    <row r="23669" spans="8:8">
      <c r="H23669" s="12"/>
    </row>
    <row r="23670" spans="8:8">
      <c r="H23670" s="12"/>
    </row>
    <row r="23671" spans="8:8">
      <c r="H23671" s="12"/>
    </row>
    <row r="23672" spans="8:8">
      <c r="H23672" s="12"/>
    </row>
    <row r="23673" spans="8:8">
      <c r="H23673" s="12"/>
    </row>
    <row r="23674" spans="8:8">
      <c r="H23674" s="12"/>
    </row>
    <row r="23675" spans="8:8">
      <c r="H23675" s="12"/>
    </row>
    <row r="23676" spans="8:8">
      <c r="H23676" s="12"/>
    </row>
    <row r="23677" spans="8:8">
      <c r="H23677" s="12"/>
    </row>
    <row r="23678" spans="8:8">
      <c r="H23678" s="12"/>
    </row>
    <row r="23679" spans="8:8">
      <c r="H23679" s="12"/>
    </row>
    <row r="23680" spans="8:8">
      <c r="H23680" s="12"/>
    </row>
    <row r="23681" spans="8:8">
      <c r="H23681" s="12"/>
    </row>
    <row r="23682" spans="8:8">
      <c r="H23682" s="12"/>
    </row>
    <row r="23683" spans="8:8">
      <c r="H23683" s="12"/>
    </row>
    <row r="23684" spans="8:8">
      <c r="H23684" s="12"/>
    </row>
    <row r="23685" spans="8:8">
      <c r="H23685" s="12"/>
    </row>
    <row r="23686" spans="8:8">
      <c r="H23686" s="12"/>
    </row>
    <row r="23687" spans="8:8">
      <c r="H23687" s="12"/>
    </row>
    <row r="23688" spans="8:8">
      <c r="H23688" s="12"/>
    </row>
    <row r="23689" spans="8:8">
      <c r="H23689" s="12"/>
    </row>
    <row r="23690" spans="8:8">
      <c r="H23690" s="12"/>
    </row>
    <row r="23691" spans="8:8">
      <c r="H23691" s="12"/>
    </row>
    <row r="23692" spans="8:8">
      <c r="H23692" s="12"/>
    </row>
    <row r="23693" spans="8:8">
      <c r="H23693" s="12"/>
    </row>
    <row r="23694" spans="8:8">
      <c r="H23694" s="12"/>
    </row>
    <row r="23695" spans="8:8">
      <c r="H23695" s="12"/>
    </row>
    <row r="23696" spans="8:8">
      <c r="H23696" s="12"/>
    </row>
    <row r="23697" spans="8:8">
      <c r="H23697" s="12"/>
    </row>
    <row r="23698" spans="8:8">
      <c r="H23698" s="12"/>
    </row>
    <row r="23699" spans="8:8">
      <c r="H23699" s="12"/>
    </row>
    <row r="23700" spans="8:8">
      <c r="H23700" s="12"/>
    </row>
    <row r="23701" spans="8:8">
      <c r="H23701" s="12"/>
    </row>
    <row r="23702" spans="8:8">
      <c r="H23702" s="12"/>
    </row>
    <row r="23703" spans="8:8">
      <c r="H23703" s="12"/>
    </row>
    <row r="23704" spans="8:8">
      <c r="H23704" s="12"/>
    </row>
    <row r="23705" spans="8:8">
      <c r="H23705" s="12"/>
    </row>
    <row r="23706" spans="8:8">
      <c r="H23706" s="12"/>
    </row>
    <row r="23707" spans="8:8">
      <c r="H23707" s="12"/>
    </row>
    <row r="23708" spans="8:8">
      <c r="H23708" s="12"/>
    </row>
    <row r="23709" spans="8:8">
      <c r="H23709" s="12"/>
    </row>
    <row r="23710" spans="8:8">
      <c r="H23710" s="12"/>
    </row>
    <row r="23711" spans="8:8">
      <c r="H23711" s="12"/>
    </row>
    <row r="23712" spans="8:8">
      <c r="H23712" s="12"/>
    </row>
    <row r="23713" spans="8:8">
      <c r="H23713" s="12"/>
    </row>
    <row r="23714" spans="8:8">
      <c r="H23714" s="12"/>
    </row>
    <row r="23715" spans="8:8">
      <c r="H23715" s="12"/>
    </row>
    <row r="23716" spans="8:8">
      <c r="H23716" s="12"/>
    </row>
    <row r="23717" spans="8:8">
      <c r="H23717" s="12"/>
    </row>
    <row r="23718" spans="8:8">
      <c r="H23718" s="12"/>
    </row>
    <row r="23719" spans="8:8">
      <c r="H23719" s="12"/>
    </row>
    <row r="23720" spans="8:8">
      <c r="H23720" s="12"/>
    </row>
    <row r="23721" spans="8:8">
      <c r="H23721" s="12"/>
    </row>
    <row r="23722" spans="8:8">
      <c r="H23722" s="12"/>
    </row>
    <row r="23723" spans="8:8">
      <c r="H23723" s="12"/>
    </row>
    <row r="23724" spans="8:8">
      <c r="H23724" s="12"/>
    </row>
    <row r="23725" spans="8:8">
      <c r="H23725" s="12"/>
    </row>
    <row r="23726" spans="8:8">
      <c r="H23726" s="12"/>
    </row>
    <row r="23727" spans="8:8">
      <c r="H23727" s="12"/>
    </row>
    <row r="23728" spans="8:8">
      <c r="H23728" s="12"/>
    </row>
    <row r="23729" spans="8:8">
      <c r="H23729" s="12"/>
    </row>
    <row r="23730" spans="8:8">
      <c r="H23730" s="12"/>
    </row>
    <row r="23731" spans="8:8">
      <c r="H23731" s="12"/>
    </row>
    <row r="23732" spans="8:8">
      <c r="H23732" s="12"/>
    </row>
    <row r="23733" spans="8:8">
      <c r="H23733" s="12"/>
    </row>
    <row r="23734" spans="8:8">
      <c r="H23734" s="12"/>
    </row>
    <row r="23735" spans="8:8">
      <c r="H23735" s="12"/>
    </row>
    <row r="23736" spans="8:8">
      <c r="H23736" s="12"/>
    </row>
    <row r="23737" spans="8:8">
      <c r="H23737" s="12"/>
    </row>
    <row r="23738" spans="8:8">
      <c r="H23738" s="12"/>
    </row>
    <row r="23739" spans="8:8">
      <c r="H23739" s="12"/>
    </row>
    <row r="23740" spans="8:8">
      <c r="H23740" s="12"/>
    </row>
    <row r="23741" spans="8:8">
      <c r="H23741" s="12"/>
    </row>
    <row r="23742" spans="8:8">
      <c r="H23742" s="12"/>
    </row>
    <row r="23743" spans="8:8">
      <c r="H23743" s="12"/>
    </row>
    <row r="23744" spans="8:8">
      <c r="H23744" s="12"/>
    </row>
    <row r="23745" spans="8:8">
      <c r="H23745" s="12"/>
    </row>
    <row r="23746" spans="8:8">
      <c r="H23746" s="12"/>
    </row>
    <row r="23747" spans="8:8">
      <c r="H23747" s="12"/>
    </row>
    <row r="23748" spans="8:8">
      <c r="H23748" s="12"/>
    </row>
    <row r="23749" spans="8:8">
      <c r="H23749" s="12"/>
    </row>
    <row r="23750" spans="8:8">
      <c r="H23750" s="12"/>
    </row>
    <row r="23751" spans="8:8">
      <c r="H23751" s="12"/>
    </row>
    <row r="23752" spans="8:8">
      <c r="H23752" s="12"/>
    </row>
    <row r="23753" spans="8:8">
      <c r="H23753" s="12"/>
    </row>
    <row r="23754" spans="8:8">
      <c r="H23754" s="12"/>
    </row>
    <row r="23755" spans="8:8">
      <c r="H23755" s="12"/>
    </row>
    <row r="23756" spans="8:8">
      <c r="H23756" s="12"/>
    </row>
    <row r="23757" spans="8:8">
      <c r="H23757" s="12"/>
    </row>
    <row r="23758" spans="8:8">
      <c r="H23758" s="12"/>
    </row>
    <row r="23759" spans="8:8">
      <c r="H23759" s="12"/>
    </row>
    <row r="23760" spans="8:8">
      <c r="H23760" s="12"/>
    </row>
    <row r="23761" spans="8:8">
      <c r="H23761" s="12"/>
    </row>
    <row r="23762" spans="8:8">
      <c r="H23762" s="12"/>
    </row>
    <row r="23763" spans="8:8">
      <c r="H23763" s="12"/>
    </row>
    <row r="23764" spans="8:8">
      <c r="H23764" s="12"/>
    </row>
    <row r="23765" spans="8:8">
      <c r="H23765" s="12"/>
    </row>
    <row r="23766" spans="8:8">
      <c r="H23766" s="12"/>
    </row>
    <row r="23767" spans="8:8">
      <c r="H23767" s="12"/>
    </row>
    <row r="23768" spans="8:8">
      <c r="H23768" s="12"/>
    </row>
    <row r="23769" spans="8:8">
      <c r="H23769" s="12"/>
    </row>
    <row r="23770" spans="8:8">
      <c r="H23770" s="12"/>
    </row>
    <row r="23771" spans="8:8">
      <c r="H23771" s="12"/>
    </row>
    <row r="23772" spans="8:8">
      <c r="H23772" s="12"/>
    </row>
    <row r="23773" spans="8:8">
      <c r="H23773" s="12"/>
    </row>
    <row r="23774" spans="8:8">
      <c r="H23774" s="12"/>
    </row>
    <row r="23775" spans="8:8">
      <c r="H23775" s="12"/>
    </row>
    <row r="23776" spans="8:8">
      <c r="H23776" s="12"/>
    </row>
    <row r="23777" spans="8:8">
      <c r="H23777" s="12"/>
    </row>
    <row r="23778" spans="8:8">
      <c r="H23778" s="12"/>
    </row>
    <row r="23779" spans="8:8">
      <c r="H23779" s="12"/>
    </row>
    <row r="23780" spans="8:8">
      <c r="H23780" s="12"/>
    </row>
    <row r="23781" spans="8:8">
      <c r="H23781" s="12"/>
    </row>
    <row r="23782" spans="8:8">
      <c r="H23782" s="12"/>
    </row>
    <row r="23783" spans="8:8">
      <c r="H23783" s="12"/>
    </row>
    <row r="23784" spans="8:8">
      <c r="H23784" s="12"/>
    </row>
    <row r="23785" spans="8:8">
      <c r="H23785" s="12"/>
    </row>
    <row r="23786" spans="8:8">
      <c r="H23786" s="12"/>
    </row>
    <row r="23787" spans="8:8">
      <c r="H23787" s="12"/>
    </row>
    <row r="23788" spans="8:8">
      <c r="H23788" s="12"/>
    </row>
    <row r="23789" spans="8:8">
      <c r="H23789" s="12"/>
    </row>
    <row r="23790" spans="8:8">
      <c r="H23790" s="12"/>
    </row>
    <row r="23791" spans="8:8">
      <c r="H23791" s="12"/>
    </row>
    <row r="23792" spans="8:8">
      <c r="H23792" s="12"/>
    </row>
    <row r="23793" spans="8:8">
      <c r="H23793" s="12"/>
    </row>
    <row r="23794" spans="8:8">
      <c r="H23794" s="12"/>
    </row>
    <row r="23795" spans="8:8">
      <c r="H23795" s="12"/>
    </row>
    <row r="23796" spans="8:8">
      <c r="H23796" s="12"/>
    </row>
    <row r="23797" spans="8:8">
      <c r="H23797" s="12"/>
    </row>
    <row r="23798" spans="8:8">
      <c r="H23798" s="12"/>
    </row>
    <row r="23799" spans="8:8">
      <c r="H23799" s="12"/>
    </row>
    <row r="23800" spans="8:8">
      <c r="H23800" s="12"/>
    </row>
    <row r="23801" spans="8:8">
      <c r="H23801" s="12"/>
    </row>
    <row r="23802" spans="8:8">
      <c r="H23802" s="12"/>
    </row>
    <row r="23803" spans="8:8">
      <c r="H23803" s="12"/>
    </row>
    <row r="23804" spans="8:8">
      <c r="H23804" s="12"/>
    </row>
    <row r="23805" spans="8:8">
      <c r="H23805" s="12"/>
    </row>
    <row r="23806" spans="8:8">
      <c r="H23806" s="12"/>
    </row>
    <row r="23807" spans="8:8">
      <c r="H23807" s="12"/>
    </row>
    <row r="23808" spans="8:8">
      <c r="H23808" s="12"/>
    </row>
    <row r="23809" spans="8:8">
      <c r="H23809" s="12"/>
    </row>
    <row r="23810" spans="8:8">
      <c r="H23810" s="12"/>
    </row>
    <row r="23811" spans="8:8">
      <c r="H23811" s="12"/>
    </row>
    <row r="23812" spans="8:8">
      <c r="H23812" s="12"/>
    </row>
    <row r="23813" spans="8:8">
      <c r="H23813" s="12"/>
    </row>
    <row r="23814" spans="8:8">
      <c r="H23814" s="12"/>
    </row>
    <row r="23815" spans="8:8">
      <c r="H23815" s="12"/>
    </row>
    <row r="23816" spans="8:8">
      <c r="H23816" s="12"/>
    </row>
    <row r="23817" spans="8:8">
      <c r="H23817" s="12"/>
    </row>
    <row r="23818" spans="8:8">
      <c r="H23818" s="12"/>
    </row>
    <row r="23819" spans="8:8">
      <c r="H23819" s="12"/>
    </row>
    <row r="23820" spans="8:8">
      <c r="H23820" s="12"/>
    </row>
    <row r="23821" spans="8:8">
      <c r="H23821" s="12"/>
    </row>
    <row r="23822" spans="8:8">
      <c r="H23822" s="12"/>
    </row>
    <row r="23823" spans="8:8">
      <c r="H23823" s="12"/>
    </row>
    <row r="23824" spans="8:8">
      <c r="H23824" s="12"/>
    </row>
    <row r="23825" spans="8:8">
      <c r="H23825" s="12"/>
    </row>
    <row r="23826" spans="8:8">
      <c r="H23826" s="12"/>
    </row>
    <row r="23827" spans="8:8">
      <c r="H23827" s="12"/>
    </row>
    <row r="23828" spans="8:8">
      <c r="H23828" s="12"/>
    </row>
    <row r="23829" spans="8:8">
      <c r="H23829" s="12"/>
    </row>
    <row r="23830" spans="8:8">
      <c r="H23830" s="12"/>
    </row>
    <row r="23831" spans="8:8">
      <c r="H23831" s="12"/>
    </row>
    <row r="23832" spans="8:8">
      <c r="H23832" s="12"/>
    </row>
    <row r="23833" spans="8:8">
      <c r="H23833" s="12"/>
    </row>
    <row r="23834" spans="8:8">
      <c r="H23834" s="12"/>
    </row>
    <row r="23835" spans="8:8">
      <c r="H23835" s="12"/>
    </row>
    <row r="23836" spans="8:8">
      <c r="H23836" s="12"/>
    </row>
    <row r="23837" spans="8:8">
      <c r="H23837" s="12"/>
    </row>
    <row r="23838" spans="8:8">
      <c r="H23838" s="12"/>
    </row>
    <row r="23839" spans="8:8">
      <c r="H23839" s="12"/>
    </row>
    <row r="23840" spans="8:8">
      <c r="H23840" s="12"/>
    </row>
    <row r="23841" spans="8:8">
      <c r="H23841" s="12"/>
    </row>
    <row r="23842" spans="8:8">
      <c r="H23842" s="12"/>
    </row>
    <row r="23843" spans="8:8">
      <c r="H23843" s="12"/>
    </row>
    <row r="23844" spans="8:8">
      <c r="H23844" s="12"/>
    </row>
    <row r="23845" spans="8:8">
      <c r="H23845" s="12"/>
    </row>
    <row r="23846" spans="8:8">
      <c r="H23846" s="12"/>
    </row>
    <row r="23847" spans="8:8">
      <c r="H23847" s="12"/>
    </row>
    <row r="23848" spans="8:8">
      <c r="H23848" s="12"/>
    </row>
    <row r="23849" spans="8:8">
      <c r="H23849" s="12"/>
    </row>
    <row r="23850" spans="8:8">
      <c r="H23850" s="12"/>
    </row>
    <row r="23851" spans="8:8">
      <c r="H23851" s="12"/>
    </row>
    <row r="23852" spans="8:8">
      <c r="H23852" s="12"/>
    </row>
    <row r="23853" spans="8:8">
      <c r="H23853" s="12"/>
    </row>
    <row r="23854" spans="8:8">
      <c r="H23854" s="12"/>
    </row>
    <row r="23855" spans="8:8">
      <c r="H23855" s="12"/>
    </row>
    <row r="23856" spans="8:8">
      <c r="H23856" s="12"/>
    </row>
    <row r="23857" spans="8:8">
      <c r="H23857" s="12"/>
    </row>
    <row r="23858" spans="8:8">
      <c r="H23858" s="12"/>
    </row>
    <row r="23859" spans="8:8">
      <c r="H23859" s="12"/>
    </row>
    <row r="23860" spans="8:8">
      <c r="H23860" s="12"/>
    </row>
    <row r="23861" spans="8:8">
      <c r="H23861" s="12"/>
    </row>
    <row r="23862" spans="8:8">
      <c r="H23862" s="12"/>
    </row>
    <row r="23863" spans="8:8">
      <c r="H23863" s="12"/>
    </row>
    <row r="23864" spans="8:8">
      <c r="H23864" s="12"/>
    </row>
    <row r="23865" spans="8:8">
      <c r="H23865" s="12"/>
    </row>
    <row r="23866" spans="8:8">
      <c r="H23866" s="12"/>
    </row>
    <row r="23867" spans="8:8">
      <c r="H23867" s="12"/>
    </row>
    <row r="23868" spans="8:8">
      <c r="H23868" s="12"/>
    </row>
    <row r="23869" spans="8:8">
      <c r="H23869" s="12"/>
    </row>
    <row r="23870" spans="8:8">
      <c r="H23870" s="12"/>
    </row>
    <row r="23871" spans="8:8">
      <c r="H23871" s="12"/>
    </row>
    <row r="23872" spans="8:8">
      <c r="H23872" s="12"/>
    </row>
    <row r="23873" spans="8:8">
      <c r="H23873" s="12"/>
    </row>
    <row r="23874" spans="8:8">
      <c r="H23874" s="12"/>
    </row>
    <row r="23875" spans="8:8">
      <c r="H23875" s="12"/>
    </row>
    <row r="23876" spans="8:8">
      <c r="H23876" s="12"/>
    </row>
    <row r="23877" spans="8:8">
      <c r="H23877" s="12"/>
    </row>
    <row r="23878" spans="8:8">
      <c r="H23878" s="12"/>
    </row>
    <row r="23879" spans="8:8">
      <c r="H23879" s="12"/>
    </row>
    <row r="23880" spans="8:8">
      <c r="H23880" s="12"/>
    </row>
    <row r="23881" spans="8:8">
      <c r="H23881" s="12"/>
    </row>
    <row r="23882" spans="8:8">
      <c r="H23882" s="12"/>
    </row>
    <row r="23883" spans="8:8">
      <c r="H23883" s="12"/>
    </row>
    <row r="23884" spans="8:8">
      <c r="H23884" s="12"/>
    </row>
    <row r="23885" spans="8:8">
      <c r="H23885" s="12"/>
    </row>
    <row r="23886" spans="8:8">
      <c r="H23886" s="12"/>
    </row>
    <row r="23887" spans="8:8">
      <c r="H23887" s="12"/>
    </row>
    <row r="23888" spans="8:8">
      <c r="H23888" s="12"/>
    </row>
    <row r="23889" spans="8:8">
      <c r="H23889" s="12"/>
    </row>
    <row r="23890" spans="8:8">
      <c r="H23890" s="12"/>
    </row>
    <row r="23891" spans="8:8">
      <c r="H23891" s="12"/>
    </row>
    <row r="23892" spans="8:8">
      <c r="H23892" s="12"/>
    </row>
    <row r="23893" spans="8:8">
      <c r="H23893" s="12"/>
    </row>
    <row r="23894" spans="8:8">
      <c r="H23894" s="12"/>
    </row>
    <row r="23895" spans="8:8">
      <c r="H23895" s="12"/>
    </row>
    <row r="23896" spans="8:8">
      <c r="H23896" s="12"/>
    </row>
    <row r="23897" spans="8:8">
      <c r="H23897" s="12"/>
    </row>
    <row r="23898" spans="8:8">
      <c r="H23898" s="12"/>
    </row>
    <row r="23899" spans="8:8">
      <c r="H23899" s="12"/>
    </row>
    <row r="23900" spans="8:8">
      <c r="H23900" s="12"/>
    </row>
    <row r="23901" spans="8:8">
      <c r="H23901" s="12"/>
    </row>
    <row r="23902" spans="8:8">
      <c r="H23902" s="12"/>
    </row>
    <row r="23903" spans="8:8">
      <c r="H23903" s="12"/>
    </row>
    <row r="23904" spans="8:8">
      <c r="H23904" s="12"/>
    </row>
    <row r="23905" spans="8:8">
      <c r="H23905" s="12"/>
    </row>
    <row r="23906" spans="8:8">
      <c r="H23906" s="12"/>
    </row>
    <row r="23907" spans="8:8">
      <c r="H23907" s="12"/>
    </row>
    <row r="23908" spans="8:8">
      <c r="H23908" s="12"/>
    </row>
    <row r="23909" spans="8:8">
      <c r="H23909" s="12"/>
    </row>
    <row r="23910" spans="8:8">
      <c r="H23910" s="12"/>
    </row>
    <row r="23911" spans="8:8">
      <c r="H23911" s="12"/>
    </row>
    <row r="23912" spans="8:8">
      <c r="H23912" s="12"/>
    </row>
    <row r="23913" spans="8:8">
      <c r="H23913" s="12"/>
    </row>
    <row r="23914" spans="8:8">
      <c r="H23914" s="12"/>
    </row>
    <row r="23915" spans="8:8">
      <c r="H23915" s="12"/>
    </row>
    <row r="23916" spans="8:8">
      <c r="H23916" s="12"/>
    </row>
    <row r="23917" spans="8:8">
      <c r="H23917" s="12"/>
    </row>
    <row r="23918" spans="8:8">
      <c r="H23918" s="12"/>
    </row>
    <row r="23919" spans="8:8">
      <c r="H23919" s="12"/>
    </row>
    <row r="23920" spans="8:8">
      <c r="H23920" s="12"/>
    </row>
    <row r="23921" spans="8:8">
      <c r="H23921" s="12"/>
    </row>
    <row r="23922" spans="8:8">
      <c r="H23922" s="12"/>
    </row>
    <row r="23923" spans="8:8">
      <c r="H23923" s="12"/>
    </row>
    <row r="23924" spans="8:8">
      <c r="H23924" s="12"/>
    </row>
    <row r="23925" spans="8:8">
      <c r="H23925" s="12"/>
    </row>
    <row r="23926" spans="8:8">
      <c r="H23926" s="12"/>
    </row>
    <row r="23927" spans="8:8">
      <c r="H23927" s="12"/>
    </row>
    <row r="23928" spans="8:8">
      <c r="H23928" s="12"/>
    </row>
    <row r="23929" spans="8:8">
      <c r="H23929" s="12"/>
    </row>
    <row r="23930" spans="8:8">
      <c r="H23930" s="12"/>
    </row>
    <row r="23931" spans="8:8">
      <c r="H23931" s="12"/>
    </row>
    <row r="23932" spans="8:8">
      <c r="H23932" s="12"/>
    </row>
    <row r="23933" spans="8:8">
      <c r="H23933" s="12"/>
    </row>
    <row r="23934" spans="8:8">
      <c r="H23934" s="12"/>
    </row>
    <row r="23935" spans="8:8">
      <c r="H23935" s="12"/>
    </row>
    <row r="23936" spans="8:8">
      <c r="H23936" s="12"/>
    </row>
    <row r="23937" spans="8:8">
      <c r="H23937" s="12"/>
    </row>
    <row r="23938" spans="8:8">
      <c r="H23938" s="12"/>
    </row>
    <row r="23939" spans="8:8">
      <c r="H23939" s="12"/>
    </row>
    <row r="23940" spans="8:8">
      <c r="H23940" s="12"/>
    </row>
    <row r="23941" spans="8:8">
      <c r="H23941" s="12"/>
    </row>
    <row r="23942" spans="8:8">
      <c r="H23942" s="12"/>
    </row>
    <row r="23943" spans="8:8">
      <c r="H23943" s="12"/>
    </row>
    <row r="23944" spans="8:8">
      <c r="H23944" s="12"/>
    </row>
    <row r="23945" spans="8:8">
      <c r="H23945" s="12"/>
    </row>
    <row r="23946" spans="8:8">
      <c r="H23946" s="12"/>
    </row>
    <row r="23947" spans="8:8">
      <c r="H23947" s="12"/>
    </row>
    <row r="23948" spans="8:8">
      <c r="H23948" s="12"/>
    </row>
    <row r="23949" spans="8:8">
      <c r="H23949" s="12"/>
    </row>
    <row r="23950" spans="8:8">
      <c r="H23950" s="12"/>
    </row>
    <row r="23951" spans="8:8">
      <c r="H23951" s="12"/>
    </row>
    <row r="23952" spans="8:8">
      <c r="H23952" s="12"/>
    </row>
    <row r="23953" spans="8:8">
      <c r="H23953" s="12"/>
    </row>
    <row r="23954" spans="8:8">
      <c r="H23954" s="12"/>
    </row>
    <row r="23955" spans="8:8">
      <c r="H23955" s="12"/>
    </row>
    <row r="23956" spans="8:8">
      <c r="H23956" s="12"/>
    </row>
    <row r="23957" spans="8:8">
      <c r="H23957" s="12"/>
    </row>
    <row r="23958" spans="8:8">
      <c r="H23958" s="12"/>
    </row>
    <row r="23959" spans="8:8">
      <c r="H23959" s="12"/>
    </row>
    <row r="23960" spans="8:8">
      <c r="H23960" s="12"/>
    </row>
    <row r="23961" spans="8:8">
      <c r="H23961" s="12"/>
    </row>
    <row r="23962" spans="8:8">
      <c r="H23962" s="12"/>
    </row>
    <row r="23963" spans="8:8">
      <c r="H23963" s="12"/>
    </row>
    <row r="23964" spans="8:8">
      <c r="H23964" s="12"/>
    </row>
    <row r="23965" spans="8:8">
      <c r="H23965" s="12"/>
    </row>
    <row r="23966" spans="8:8">
      <c r="H23966" s="12"/>
    </row>
    <row r="23967" spans="8:8">
      <c r="H23967" s="12"/>
    </row>
    <row r="23968" spans="8:8">
      <c r="H23968" s="12"/>
    </row>
    <row r="23969" spans="8:8">
      <c r="H23969" s="12"/>
    </row>
    <row r="23970" spans="8:8">
      <c r="H23970" s="12"/>
    </row>
    <row r="23971" spans="8:8">
      <c r="H23971" s="12"/>
    </row>
    <row r="23972" spans="8:8">
      <c r="H23972" s="12"/>
    </row>
    <row r="23973" spans="8:8">
      <c r="H23973" s="12"/>
    </row>
    <row r="23974" spans="8:8">
      <c r="H23974" s="12"/>
    </row>
    <row r="23975" spans="8:8">
      <c r="H23975" s="12"/>
    </row>
    <row r="23976" spans="8:8">
      <c r="H23976" s="12"/>
    </row>
    <row r="23977" spans="8:8">
      <c r="H23977" s="12"/>
    </row>
    <row r="23978" spans="8:8">
      <c r="H23978" s="12"/>
    </row>
    <row r="23979" spans="8:8">
      <c r="H23979" s="12"/>
    </row>
    <row r="23980" spans="8:8">
      <c r="H23980" s="12"/>
    </row>
    <row r="23981" spans="8:8">
      <c r="H23981" s="12"/>
    </row>
    <row r="23982" spans="8:8">
      <c r="H23982" s="12"/>
    </row>
    <row r="23983" spans="8:8">
      <c r="H23983" s="12"/>
    </row>
    <row r="23984" spans="8:8">
      <c r="H23984" s="12"/>
    </row>
    <row r="23985" spans="8:8">
      <c r="H23985" s="12"/>
    </row>
    <row r="23986" spans="8:8">
      <c r="H23986" s="12"/>
    </row>
    <row r="23987" spans="8:8">
      <c r="H23987" s="12"/>
    </row>
    <row r="23988" spans="8:8">
      <c r="H23988" s="12"/>
    </row>
    <row r="23989" spans="8:8">
      <c r="H23989" s="12"/>
    </row>
    <row r="23990" spans="8:8">
      <c r="H23990" s="12"/>
    </row>
    <row r="23991" spans="8:8">
      <c r="H23991" s="12"/>
    </row>
    <row r="23992" spans="8:8">
      <c r="H23992" s="12"/>
    </row>
    <row r="23993" spans="8:8">
      <c r="H23993" s="12"/>
    </row>
    <row r="23994" spans="8:8">
      <c r="H23994" s="12"/>
    </row>
    <row r="23995" spans="8:8">
      <c r="H23995" s="12"/>
    </row>
    <row r="23996" spans="8:8">
      <c r="H23996" s="12"/>
    </row>
    <row r="23997" spans="8:8">
      <c r="H23997" s="12"/>
    </row>
    <row r="23998" spans="8:8">
      <c r="H23998" s="12"/>
    </row>
    <row r="23999" spans="8:8">
      <c r="H23999" s="12"/>
    </row>
    <row r="24000" spans="8:8">
      <c r="H24000" s="12"/>
    </row>
    <row r="24001" spans="8:8">
      <c r="H24001" s="12"/>
    </row>
    <row r="24002" spans="8:8">
      <c r="H24002" s="12"/>
    </row>
    <row r="24003" spans="8:8">
      <c r="H24003" s="12"/>
    </row>
    <row r="24004" spans="8:8">
      <c r="H24004" s="12"/>
    </row>
    <row r="24005" spans="8:8">
      <c r="H24005" s="12"/>
    </row>
    <row r="24006" spans="8:8">
      <c r="H24006" s="12"/>
    </row>
    <row r="24007" spans="8:8">
      <c r="H24007" s="12"/>
    </row>
    <row r="24008" spans="8:8">
      <c r="H24008" s="12"/>
    </row>
    <row r="24009" spans="8:8">
      <c r="H24009" s="12"/>
    </row>
    <row r="24010" spans="8:8">
      <c r="H24010" s="12"/>
    </row>
    <row r="24011" spans="8:8">
      <c r="H24011" s="12"/>
    </row>
    <row r="24012" spans="8:8">
      <c r="H24012" s="12"/>
    </row>
    <row r="24013" spans="8:8">
      <c r="H24013" s="12"/>
    </row>
    <row r="24014" spans="8:8">
      <c r="H24014" s="12"/>
    </row>
    <row r="24015" spans="8:8">
      <c r="H24015" s="12"/>
    </row>
    <row r="24016" spans="8:8">
      <c r="H24016" s="12"/>
    </row>
    <row r="24017" spans="8:8">
      <c r="H24017" s="12"/>
    </row>
    <row r="24018" spans="8:8">
      <c r="H24018" s="12"/>
    </row>
    <row r="24019" spans="8:8">
      <c r="H24019" s="12"/>
    </row>
    <row r="24020" spans="8:8">
      <c r="H24020" s="12"/>
    </row>
    <row r="24021" spans="8:8">
      <c r="H24021" s="12"/>
    </row>
    <row r="24022" spans="8:8">
      <c r="H24022" s="12"/>
    </row>
    <row r="24023" spans="8:8">
      <c r="H24023" s="12"/>
    </row>
    <row r="24024" spans="8:8">
      <c r="H24024" s="12"/>
    </row>
    <row r="24025" spans="8:8">
      <c r="H24025" s="12"/>
    </row>
    <row r="24026" spans="8:8">
      <c r="H24026" s="12"/>
    </row>
    <row r="24027" spans="8:8">
      <c r="H24027" s="12"/>
    </row>
    <row r="24028" spans="8:8">
      <c r="H24028" s="12"/>
    </row>
    <row r="24029" spans="8:8">
      <c r="H24029" s="12"/>
    </row>
    <row r="24030" spans="8:8">
      <c r="H24030" s="12"/>
    </row>
    <row r="24031" spans="8:8">
      <c r="H24031" s="12"/>
    </row>
    <row r="24032" spans="8:8">
      <c r="H24032" s="12"/>
    </row>
    <row r="24033" spans="8:8">
      <c r="H24033" s="12"/>
    </row>
    <row r="24034" spans="8:8">
      <c r="H24034" s="12"/>
    </row>
    <row r="24035" spans="8:8">
      <c r="H24035" s="12"/>
    </row>
    <row r="24036" spans="8:8">
      <c r="H24036" s="12"/>
    </row>
    <row r="24037" spans="8:8">
      <c r="H24037" s="12"/>
    </row>
    <row r="24038" spans="8:8">
      <c r="H24038" s="12"/>
    </row>
    <row r="24039" spans="8:8">
      <c r="H24039" s="12"/>
    </row>
    <row r="24040" spans="8:8">
      <c r="H24040" s="12"/>
    </row>
    <row r="24041" spans="8:8">
      <c r="H24041" s="12"/>
    </row>
    <row r="24042" spans="8:8">
      <c r="H24042" s="12"/>
    </row>
    <row r="24043" spans="8:8">
      <c r="H24043" s="12"/>
    </row>
    <row r="24044" spans="8:8">
      <c r="H24044" s="12"/>
    </row>
    <row r="24045" spans="8:8">
      <c r="H24045" s="12"/>
    </row>
    <row r="24046" spans="8:8">
      <c r="H24046" s="12"/>
    </row>
    <row r="24047" spans="8:8">
      <c r="H24047" s="12"/>
    </row>
    <row r="24048" spans="8:8">
      <c r="H24048" s="12"/>
    </row>
    <row r="24049" spans="8:8">
      <c r="H24049" s="12"/>
    </row>
    <row r="24050" spans="8:8">
      <c r="H24050" s="12"/>
    </row>
    <row r="24051" spans="8:8">
      <c r="H24051" s="12"/>
    </row>
    <row r="24052" spans="8:8">
      <c r="H24052" s="12"/>
    </row>
    <row r="24053" spans="8:8">
      <c r="H24053" s="12"/>
    </row>
    <row r="24054" spans="8:8">
      <c r="H24054" s="12"/>
    </row>
    <row r="24055" spans="8:8">
      <c r="H24055" s="12"/>
    </row>
    <row r="24056" spans="8:8">
      <c r="H24056" s="12"/>
    </row>
    <row r="24057" spans="8:8">
      <c r="H24057" s="12"/>
    </row>
    <row r="24058" spans="8:8">
      <c r="H24058" s="12"/>
    </row>
    <row r="24059" spans="8:8">
      <c r="H24059" s="12"/>
    </row>
    <row r="24060" spans="8:8">
      <c r="H24060" s="12"/>
    </row>
    <row r="24061" spans="8:8">
      <c r="H24061" s="12"/>
    </row>
    <row r="24062" spans="8:8">
      <c r="H24062" s="12"/>
    </row>
    <row r="24063" spans="8:8">
      <c r="H24063" s="12"/>
    </row>
    <row r="24064" spans="8:8">
      <c r="H24064" s="12"/>
    </row>
    <row r="24065" spans="8:8">
      <c r="H24065" s="12"/>
    </row>
    <row r="24066" spans="8:8">
      <c r="H24066" s="12"/>
    </row>
    <row r="24067" spans="8:8">
      <c r="H24067" s="12"/>
    </row>
    <row r="24068" spans="8:8">
      <c r="H24068" s="12"/>
    </row>
    <row r="24069" spans="8:8">
      <c r="H24069" s="12"/>
    </row>
    <row r="24070" spans="8:8">
      <c r="H24070" s="12"/>
    </row>
    <row r="24071" spans="8:8">
      <c r="H24071" s="12"/>
    </row>
    <row r="24072" spans="8:8">
      <c r="H24072" s="12"/>
    </row>
    <row r="24073" spans="8:8">
      <c r="H24073" s="12"/>
    </row>
    <row r="24074" spans="8:8">
      <c r="H24074" s="12"/>
    </row>
    <row r="24075" spans="8:8">
      <c r="H24075" s="12"/>
    </row>
    <row r="24076" spans="8:8">
      <c r="H24076" s="12"/>
    </row>
    <row r="24077" spans="8:8">
      <c r="H24077" s="12"/>
    </row>
    <row r="24078" spans="8:8">
      <c r="H24078" s="12"/>
    </row>
    <row r="24079" spans="8:8">
      <c r="H24079" s="12"/>
    </row>
    <row r="24080" spans="8:8">
      <c r="H24080" s="12"/>
    </row>
    <row r="24081" spans="8:8">
      <c r="H24081" s="12"/>
    </row>
    <row r="24082" spans="8:8">
      <c r="H24082" s="12"/>
    </row>
    <row r="24083" spans="8:8">
      <c r="H24083" s="12"/>
    </row>
    <row r="24084" spans="8:8">
      <c r="H24084" s="12"/>
    </row>
    <row r="24085" spans="8:8">
      <c r="H24085" s="12"/>
    </row>
    <row r="24086" spans="8:8">
      <c r="H24086" s="12"/>
    </row>
    <row r="24087" spans="8:8">
      <c r="H24087" s="12"/>
    </row>
    <row r="24088" spans="8:8">
      <c r="H24088" s="12"/>
    </row>
    <row r="24089" spans="8:8">
      <c r="H24089" s="12"/>
    </row>
    <row r="24090" spans="8:8">
      <c r="H24090" s="12"/>
    </row>
    <row r="24091" spans="8:8">
      <c r="H24091" s="12"/>
    </row>
    <row r="24092" spans="8:8">
      <c r="H24092" s="12"/>
    </row>
    <row r="24093" spans="8:8">
      <c r="H24093" s="12"/>
    </row>
    <row r="24094" spans="8:8">
      <c r="H24094" s="12"/>
    </row>
    <row r="24095" spans="8:8">
      <c r="H24095" s="12"/>
    </row>
    <row r="24096" spans="8:8">
      <c r="H24096" s="12"/>
    </row>
    <row r="24097" spans="8:8">
      <c r="H24097" s="12"/>
    </row>
    <row r="24098" spans="8:8">
      <c r="H24098" s="12"/>
    </row>
    <row r="24099" spans="8:8">
      <c r="H24099" s="12"/>
    </row>
    <row r="24100" spans="8:8">
      <c r="H24100" s="12"/>
    </row>
    <row r="24101" spans="8:8">
      <c r="H24101" s="12"/>
    </row>
    <row r="24102" spans="8:8">
      <c r="H24102" s="12"/>
    </row>
    <row r="24103" spans="8:8">
      <c r="H24103" s="12"/>
    </row>
    <row r="24104" spans="8:8">
      <c r="H24104" s="12"/>
    </row>
    <row r="24105" spans="8:8">
      <c r="H24105" s="12"/>
    </row>
    <row r="24106" spans="8:8">
      <c r="H24106" s="12"/>
    </row>
    <row r="24107" spans="8:8">
      <c r="H24107" s="12"/>
    </row>
    <row r="24108" spans="8:8">
      <c r="H24108" s="12"/>
    </row>
    <row r="24109" spans="8:8">
      <c r="H24109" s="12"/>
    </row>
    <row r="24110" spans="8:8">
      <c r="H24110" s="12"/>
    </row>
    <row r="24111" spans="8:8">
      <c r="H24111" s="12"/>
    </row>
    <row r="24112" spans="8:8">
      <c r="H24112" s="12"/>
    </row>
    <row r="24113" spans="8:8">
      <c r="H24113" s="12"/>
    </row>
    <row r="24114" spans="8:8">
      <c r="H24114" s="12"/>
    </row>
    <row r="24115" spans="8:8">
      <c r="H24115" s="12"/>
    </row>
    <row r="24116" spans="8:8">
      <c r="H24116" s="12"/>
    </row>
    <row r="24117" spans="8:8">
      <c r="H24117" s="12"/>
    </row>
    <row r="24118" spans="8:8">
      <c r="H24118" s="12"/>
    </row>
    <row r="24119" spans="8:8">
      <c r="H24119" s="12"/>
    </row>
    <row r="24120" spans="8:8">
      <c r="H24120" s="12"/>
    </row>
    <row r="24121" spans="8:8">
      <c r="H24121" s="12"/>
    </row>
    <row r="24122" spans="8:8">
      <c r="H24122" s="12"/>
    </row>
    <row r="24123" spans="8:8">
      <c r="H24123" s="12"/>
    </row>
    <row r="24124" spans="8:8">
      <c r="H24124" s="12"/>
    </row>
    <row r="24125" spans="8:8">
      <c r="H24125" s="12"/>
    </row>
    <row r="24126" spans="8:8">
      <c r="H24126" s="12"/>
    </row>
    <row r="24127" spans="8:8">
      <c r="H24127" s="12"/>
    </row>
    <row r="24128" spans="8:8">
      <c r="H24128" s="12"/>
    </row>
    <row r="24129" spans="8:8">
      <c r="H24129" s="12"/>
    </row>
    <row r="24130" spans="8:8">
      <c r="H24130" s="12"/>
    </row>
    <row r="24131" spans="8:8">
      <c r="H24131" s="12"/>
    </row>
    <row r="24132" spans="8:8">
      <c r="H24132" s="12"/>
    </row>
    <row r="24133" spans="8:8">
      <c r="H24133" s="12"/>
    </row>
    <row r="24134" spans="8:8">
      <c r="H24134" s="12"/>
    </row>
    <row r="24135" spans="8:8">
      <c r="H24135" s="12"/>
    </row>
    <row r="24136" spans="8:8">
      <c r="H24136" s="12"/>
    </row>
    <row r="24137" spans="8:8">
      <c r="H24137" s="12"/>
    </row>
    <row r="24138" spans="8:8">
      <c r="H24138" s="12"/>
    </row>
    <row r="24139" spans="8:8">
      <c r="H24139" s="12"/>
    </row>
    <row r="24140" spans="8:8">
      <c r="H24140" s="12"/>
    </row>
    <row r="24141" spans="8:8">
      <c r="H24141" s="12"/>
    </row>
    <row r="24142" spans="8:8">
      <c r="H24142" s="12"/>
    </row>
    <row r="24143" spans="8:8">
      <c r="H24143" s="12"/>
    </row>
    <row r="24144" spans="8:8">
      <c r="H24144" s="12"/>
    </row>
    <row r="24145" spans="8:8">
      <c r="H24145" s="12"/>
    </row>
    <row r="24146" spans="8:8">
      <c r="H24146" s="12"/>
    </row>
    <row r="24147" spans="8:8">
      <c r="H24147" s="12"/>
    </row>
    <row r="24148" spans="8:8">
      <c r="H24148" s="12"/>
    </row>
    <row r="24149" spans="8:8">
      <c r="H24149" s="12"/>
    </row>
    <row r="24150" spans="8:8">
      <c r="H24150" s="12"/>
    </row>
    <row r="24151" spans="8:8">
      <c r="H24151" s="12"/>
    </row>
    <row r="24152" spans="8:8">
      <c r="H24152" s="12"/>
    </row>
    <row r="24153" spans="8:8">
      <c r="H24153" s="12"/>
    </row>
    <row r="24154" spans="8:8">
      <c r="H24154" s="12"/>
    </row>
    <row r="24155" spans="8:8">
      <c r="H24155" s="12"/>
    </row>
    <row r="24156" spans="8:8">
      <c r="H24156" s="12"/>
    </row>
    <row r="24157" spans="8:8">
      <c r="H24157" s="12"/>
    </row>
    <row r="24158" spans="8:8">
      <c r="H24158" s="12"/>
    </row>
    <row r="24159" spans="8:8">
      <c r="H24159" s="12"/>
    </row>
    <row r="24160" spans="8:8">
      <c r="H24160" s="12"/>
    </row>
    <row r="24161" spans="8:8">
      <c r="H24161" s="12"/>
    </row>
    <row r="24162" spans="8:8">
      <c r="H24162" s="12"/>
    </row>
    <row r="24163" spans="8:8">
      <c r="H24163" s="12"/>
    </row>
    <row r="24164" spans="8:8">
      <c r="H24164" s="12"/>
    </row>
    <row r="24165" spans="8:8">
      <c r="H24165" s="12"/>
    </row>
    <row r="24166" spans="8:8">
      <c r="H24166" s="12"/>
    </row>
    <row r="24167" spans="8:8">
      <c r="H24167" s="12"/>
    </row>
    <row r="24168" spans="8:8">
      <c r="H24168" s="12"/>
    </row>
    <row r="24169" spans="8:8">
      <c r="H24169" s="12"/>
    </row>
    <row r="24170" spans="8:8">
      <c r="H24170" s="12"/>
    </row>
    <row r="24171" spans="8:8">
      <c r="H24171" s="12"/>
    </row>
    <row r="24172" spans="8:8">
      <c r="H24172" s="12"/>
    </row>
    <row r="24173" spans="8:8">
      <c r="H24173" s="12"/>
    </row>
    <row r="24174" spans="8:8">
      <c r="H24174" s="12"/>
    </row>
    <row r="24175" spans="8:8">
      <c r="H24175" s="12"/>
    </row>
    <row r="24176" spans="8:8">
      <c r="H24176" s="12"/>
    </row>
    <row r="24177" spans="8:8">
      <c r="H24177" s="12"/>
    </row>
    <row r="24178" spans="8:8">
      <c r="H24178" s="12"/>
    </row>
    <row r="24179" spans="8:8">
      <c r="H24179" s="12"/>
    </row>
    <row r="24180" spans="8:8">
      <c r="H24180" s="12"/>
    </row>
    <row r="24181" spans="8:8">
      <c r="H24181" s="12"/>
    </row>
    <row r="24182" spans="8:8">
      <c r="H24182" s="12"/>
    </row>
    <row r="24183" spans="8:8">
      <c r="H24183" s="12"/>
    </row>
    <row r="24184" spans="8:8">
      <c r="H24184" s="12"/>
    </row>
    <row r="24185" spans="8:8">
      <c r="H24185" s="12"/>
    </row>
    <row r="24186" spans="8:8">
      <c r="H24186" s="12"/>
    </row>
    <row r="24187" spans="8:8">
      <c r="H24187" s="12"/>
    </row>
    <row r="24188" spans="8:8">
      <c r="H24188" s="12"/>
    </row>
    <row r="24189" spans="8:8">
      <c r="H24189" s="12"/>
    </row>
    <row r="24190" spans="8:8">
      <c r="H24190" s="12"/>
    </row>
    <row r="24191" spans="8:8">
      <c r="H24191" s="12"/>
    </row>
    <row r="24192" spans="8:8">
      <c r="H24192" s="12"/>
    </row>
    <row r="24193" spans="8:8">
      <c r="H24193" s="12"/>
    </row>
    <row r="24194" spans="8:8">
      <c r="H24194" s="12"/>
    </row>
    <row r="24195" spans="8:8">
      <c r="H24195" s="12"/>
    </row>
    <row r="24196" spans="8:8">
      <c r="H24196" s="12"/>
    </row>
    <row r="24197" spans="8:8">
      <c r="H24197" s="12"/>
    </row>
    <row r="24198" spans="8:8">
      <c r="H24198" s="12"/>
    </row>
    <row r="24199" spans="8:8">
      <c r="H24199" s="12"/>
    </row>
    <row r="24200" spans="8:8">
      <c r="H24200" s="12"/>
    </row>
    <row r="24201" spans="8:8">
      <c r="H24201" s="12"/>
    </row>
    <row r="24202" spans="8:8">
      <c r="H24202" s="12"/>
    </row>
    <row r="24203" spans="8:8">
      <c r="H24203" s="12"/>
    </row>
    <row r="24204" spans="8:8">
      <c r="H24204" s="12"/>
    </row>
    <row r="24205" spans="8:8">
      <c r="H24205" s="12"/>
    </row>
    <row r="24206" spans="8:8">
      <c r="H24206" s="12"/>
    </row>
    <row r="24207" spans="8:8">
      <c r="H24207" s="12"/>
    </row>
    <row r="24208" spans="8:8">
      <c r="H24208" s="12"/>
    </row>
    <row r="24209" spans="8:8">
      <c r="H24209" s="12"/>
    </row>
    <row r="24210" spans="8:8">
      <c r="H24210" s="12"/>
    </row>
    <row r="24211" spans="8:8">
      <c r="H24211" s="12"/>
    </row>
    <row r="24212" spans="8:8">
      <c r="H24212" s="12"/>
    </row>
    <row r="24213" spans="8:8">
      <c r="H24213" s="12"/>
    </row>
    <row r="24214" spans="8:8">
      <c r="H24214" s="12"/>
    </row>
    <row r="24215" spans="8:8">
      <c r="H24215" s="12"/>
    </row>
    <row r="24216" spans="8:8">
      <c r="H24216" s="12"/>
    </row>
    <row r="24217" spans="8:8">
      <c r="H24217" s="12"/>
    </row>
    <row r="24218" spans="8:8">
      <c r="H24218" s="12"/>
    </row>
    <row r="24219" spans="8:8">
      <c r="H24219" s="12"/>
    </row>
    <row r="24220" spans="8:8">
      <c r="H24220" s="12"/>
    </row>
    <row r="24221" spans="8:8">
      <c r="H24221" s="12"/>
    </row>
    <row r="24222" spans="8:8">
      <c r="H24222" s="12"/>
    </row>
    <row r="24223" spans="8:8">
      <c r="H24223" s="12"/>
    </row>
    <row r="24224" spans="8:8">
      <c r="H24224" s="12"/>
    </row>
    <row r="24225" spans="8:8">
      <c r="H24225" s="12"/>
    </row>
    <row r="24226" spans="8:8">
      <c r="H24226" s="12"/>
    </row>
    <row r="24227" spans="8:8">
      <c r="H24227" s="12"/>
    </row>
    <row r="24228" spans="8:8">
      <c r="H24228" s="12"/>
    </row>
    <row r="24229" spans="8:8">
      <c r="H24229" s="12"/>
    </row>
    <row r="24230" spans="8:8">
      <c r="H24230" s="12"/>
    </row>
    <row r="24231" spans="8:8">
      <c r="H24231" s="12"/>
    </row>
    <row r="24232" spans="8:8">
      <c r="H24232" s="12"/>
    </row>
    <row r="24233" spans="8:8">
      <c r="H24233" s="12"/>
    </row>
    <row r="24234" spans="8:8">
      <c r="H24234" s="12"/>
    </row>
    <row r="24235" spans="8:8">
      <c r="H24235" s="12"/>
    </row>
    <row r="24236" spans="8:8">
      <c r="H24236" s="12"/>
    </row>
    <row r="24237" spans="8:8">
      <c r="H24237" s="12"/>
    </row>
    <row r="24238" spans="8:8">
      <c r="H24238" s="12"/>
    </row>
    <row r="24239" spans="8:8">
      <c r="H24239" s="12"/>
    </row>
    <row r="24240" spans="8:8">
      <c r="H24240" s="12"/>
    </row>
    <row r="24241" spans="8:8">
      <c r="H24241" s="12"/>
    </row>
    <row r="24242" spans="8:8">
      <c r="H24242" s="12"/>
    </row>
    <row r="24243" spans="8:8">
      <c r="H24243" s="12"/>
    </row>
    <row r="24244" spans="8:8">
      <c r="H24244" s="12"/>
    </row>
    <row r="24245" spans="8:8">
      <c r="H24245" s="12"/>
    </row>
    <row r="24246" spans="8:8">
      <c r="H24246" s="12"/>
    </row>
    <row r="24247" spans="8:8">
      <c r="H24247" s="12"/>
    </row>
    <row r="24248" spans="8:8">
      <c r="H24248" s="12"/>
    </row>
    <row r="24249" spans="8:8">
      <c r="H24249" s="12"/>
    </row>
    <row r="24250" spans="8:8">
      <c r="H24250" s="12"/>
    </row>
    <row r="24251" spans="8:8">
      <c r="H24251" s="12"/>
    </row>
    <row r="24252" spans="8:8">
      <c r="H24252" s="12"/>
    </row>
    <row r="24253" spans="8:8">
      <c r="H24253" s="12"/>
    </row>
    <row r="24254" spans="8:8">
      <c r="H24254" s="12"/>
    </row>
    <row r="24255" spans="8:8">
      <c r="H24255" s="12"/>
    </row>
    <row r="24256" spans="8:8">
      <c r="H24256" s="12"/>
    </row>
    <row r="24257" spans="8:8">
      <c r="H24257" s="12"/>
    </row>
    <row r="24258" spans="8:8">
      <c r="H24258" s="12"/>
    </row>
    <row r="24259" spans="8:8">
      <c r="H24259" s="12"/>
    </row>
    <row r="24260" spans="8:8">
      <c r="H24260" s="12"/>
    </row>
    <row r="24261" spans="8:8">
      <c r="H24261" s="12"/>
    </row>
    <row r="24262" spans="8:8">
      <c r="H24262" s="12"/>
    </row>
    <row r="24263" spans="8:8">
      <c r="H24263" s="12"/>
    </row>
    <row r="24264" spans="8:8">
      <c r="H24264" s="12"/>
    </row>
    <row r="24265" spans="8:8">
      <c r="H24265" s="12"/>
    </row>
    <row r="24266" spans="8:8">
      <c r="H24266" s="12"/>
    </row>
    <row r="24267" spans="8:8">
      <c r="H24267" s="12"/>
    </row>
    <row r="24268" spans="8:8">
      <c r="H24268" s="12"/>
    </row>
    <row r="24269" spans="8:8">
      <c r="H24269" s="12"/>
    </row>
    <row r="24270" spans="8:8">
      <c r="H24270" s="12"/>
    </row>
    <row r="24271" spans="8:8">
      <c r="H24271" s="12"/>
    </row>
    <row r="24272" spans="8:8">
      <c r="H24272" s="12"/>
    </row>
    <row r="24273" spans="8:8">
      <c r="H24273" s="12"/>
    </row>
    <row r="24274" spans="8:8">
      <c r="H24274" s="12"/>
    </row>
    <row r="24275" spans="8:8">
      <c r="H24275" s="12"/>
    </row>
    <row r="24276" spans="8:8">
      <c r="H24276" s="12"/>
    </row>
    <row r="24277" spans="8:8">
      <c r="H24277" s="12"/>
    </row>
    <row r="24278" spans="8:8">
      <c r="H24278" s="12"/>
    </row>
    <row r="24279" spans="8:8">
      <c r="H24279" s="12"/>
    </row>
    <row r="24280" spans="8:8">
      <c r="H24280" s="12"/>
    </row>
    <row r="24281" spans="8:8">
      <c r="H24281" s="12"/>
    </row>
    <row r="24282" spans="8:8">
      <c r="H24282" s="12"/>
    </row>
    <row r="24283" spans="8:8">
      <c r="H24283" s="12"/>
    </row>
    <row r="24284" spans="8:8">
      <c r="H24284" s="12"/>
    </row>
    <row r="24285" spans="8:8">
      <c r="H24285" s="12"/>
    </row>
    <row r="24286" spans="8:8">
      <c r="H24286" s="12"/>
    </row>
    <row r="24287" spans="8:8">
      <c r="H24287" s="12"/>
    </row>
    <row r="24288" spans="8:8">
      <c r="H24288" s="12"/>
    </row>
    <row r="24289" spans="8:8">
      <c r="H24289" s="12"/>
    </row>
    <row r="24290" spans="8:8">
      <c r="H24290" s="12"/>
    </row>
    <row r="24291" spans="8:8">
      <c r="H24291" s="12"/>
    </row>
    <row r="24292" spans="8:8">
      <c r="H24292" s="12"/>
    </row>
    <row r="24293" spans="8:8">
      <c r="H24293" s="12"/>
    </row>
    <row r="24294" spans="8:8">
      <c r="H24294" s="12"/>
    </row>
    <row r="24295" spans="8:8">
      <c r="H24295" s="12"/>
    </row>
    <row r="24296" spans="8:8">
      <c r="H24296" s="12"/>
    </row>
    <row r="24297" spans="8:8">
      <c r="H24297" s="12"/>
    </row>
    <row r="24298" spans="8:8">
      <c r="H24298" s="12"/>
    </row>
    <row r="24299" spans="8:8">
      <c r="H24299" s="12"/>
    </row>
    <row r="24300" spans="8:8">
      <c r="H24300" s="12"/>
    </row>
    <row r="24301" spans="8:8">
      <c r="H24301" s="12"/>
    </row>
    <row r="24302" spans="8:8">
      <c r="H24302" s="12"/>
    </row>
    <row r="24303" spans="8:8">
      <c r="H24303" s="12"/>
    </row>
    <row r="24304" spans="8:8">
      <c r="H24304" s="12"/>
    </row>
    <row r="24305" spans="8:8">
      <c r="H24305" s="12"/>
    </row>
    <row r="24306" spans="8:8">
      <c r="H24306" s="12"/>
    </row>
    <row r="24307" spans="8:8">
      <c r="H24307" s="12"/>
    </row>
    <row r="24308" spans="8:8">
      <c r="H24308" s="12"/>
    </row>
    <row r="24309" spans="8:8">
      <c r="H24309" s="12"/>
    </row>
    <row r="24310" spans="8:8">
      <c r="H24310" s="12"/>
    </row>
    <row r="24311" spans="8:8">
      <c r="H24311" s="12"/>
    </row>
    <row r="24312" spans="8:8">
      <c r="H24312" s="12"/>
    </row>
    <row r="24313" spans="8:8">
      <c r="H24313" s="12"/>
    </row>
    <row r="24314" spans="8:8">
      <c r="H24314" s="12"/>
    </row>
    <row r="24315" spans="8:8">
      <c r="H24315" s="12"/>
    </row>
    <row r="24316" spans="8:8">
      <c r="H24316" s="12"/>
    </row>
    <row r="24317" spans="8:8">
      <c r="H24317" s="12"/>
    </row>
    <row r="24318" spans="8:8">
      <c r="H24318" s="12"/>
    </row>
    <row r="24319" spans="8:8">
      <c r="H24319" s="12"/>
    </row>
    <row r="24320" spans="8:8">
      <c r="H24320" s="12"/>
    </row>
    <row r="24321" spans="8:8">
      <c r="H24321" s="12"/>
    </row>
    <row r="24322" spans="8:8">
      <c r="H24322" s="12"/>
    </row>
    <row r="24323" spans="8:8">
      <c r="H24323" s="12"/>
    </row>
    <row r="24324" spans="8:8">
      <c r="H24324" s="12"/>
    </row>
    <row r="24325" spans="8:8">
      <c r="H24325" s="12"/>
    </row>
    <row r="24326" spans="8:8">
      <c r="H24326" s="12"/>
    </row>
    <row r="24327" spans="8:8">
      <c r="H24327" s="12"/>
    </row>
    <row r="24328" spans="8:8">
      <c r="H24328" s="12"/>
    </row>
    <row r="24329" spans="8:8">
      <c r="H24329" s="12"/>
    </row>
    <row r="24330" spans="8:8">
      <c r="H24330" s="12"/>
    </row>
    <row r="24331" spans="8:8">
      <c r="H24331" s="12"/>
    </row>
    <row r="24332" spans="8:8">
      <c r="H24332" s="12"/>
    </row>
    <row r="24333" spans="8:8">
      <c r="H24333" s="12"/>
    </row>
    <row r="24334" spans="8:8">
      <c r="H24334" s="12"/>
    </row>
    <row r="24335" spans="8:8">
      <c r="H24335" s="12"/>
    </row>
    <row r="24336" spans="8:8">
      <c r="H24336" s="12"/>
    </row>
    <row r="24337" spans="8:8">
      <c r="H24337" s="12"/>
    </row>
    <row r="24338" spans="8:8">
      <c r="H24338" s="12"/>
    </row>
    <row r="24339" spans="8:8">
      <c r="H24339" s="12"/>
    </row>
    <row r="24340" spans="8:8">
      <c r="H24340" s="12"/>
    </row>
    <row r="24341" spans="8:8">
      <c r="H24341" s="12"/>
    </row>
    <row r="24342" spans="8:8">
      <c r="H24342" s="12"/>
    </row>
    <row r="24343" spans="8:8">
      <c r="H24343" s="12"/>
    </row>
    <row r="24344" spans="8:8">
      <c r="H24344" s="12"/>
    </row>
    <row r="24345" spans="8:8">
      <c r="H24345" s="12"/>
    </row>
    <row r="24346" spans="8:8">
      <c r="H24346" s="12"/>
    </row>
    <row r="24347" spans="8:8">
      <c r="H24347" s="12"/>
    </row>
    <row r="24348" spans="8:8">
      <c r="H24348" s="12"/>
    </row>
    <row r="24349" spans="8:8">
      <c r="H24349" s="12"/>
    </row>
    <row r="24350" spans="8:8">
      <c r="H24350" s="12"/>
    </row>
    <row r="24351" spans="8:8">
      <c r="H24351" s="12"/>
    </row>
    <row r="24352" spans="8:8">
      <c r="H24352" s="12"/>
    </row>
    <row r="24353" spans="8:8">
      <c r="H24353" s="12"/>
    </row>
    <row r="24354" spans="8:8">
      <c r="H24354" s="12"/>
    </row>
    <row r="24355" spans="8:8">
      <c r="H24355" s="12"/>
    </row>
    <row r="24356" spans="8:8">
      <c r="H24356" s="12"/>
    </row>
    <row r="24357" spans="8:8">
      <c r="H24357" s="12"/>
    </row>
    <row r="24358" spans="8:8">
      <c r="H24358" s="12"/>
    </row>
    <row r="24359" spans="8:8">
      <c r="H24359" s="12"/>
    </row>
    <row r="24360" spans="8:8">
      <c r="H24360" s="12"/>
    </row>
    <row r="24361" spans="8:8">
      <c r="H24361" s="12"/>
    </row>
    <row r="24362" spans="8:8">
      <c r="H24362" s="12"/>
    </row>
    <row r="24363" spans="8:8">
      <c r="H24363" s="12"/>
    </row>
    <row r="24364" spans="8:8">
      <c r="H24364" s="12"/>
    </row>
    <row r="24365" spans="8:8">
      <c r="H24365" s="12"/>
    </row>
    <row r="24366" spans="8:8">
      <c r="H24366" s="12"/>
    </row>
    <row r="24367" spans="8:8">
      <c r="H24367" s="12"/>
    </row>
    <row r="24368" spans="8:8">
      <c r="H24368" s="12"/>
    </row>
    <row r="24369" spans="8:8">
      <c r="H24369" s="12"/>
    </row>
    <row r="24370" spans="8:8">
      <c r="H24370" s="12"/>
    </row>
    <row r="24371" spans="8:8">
      <c r="H24371" s="12"/>
    </row>
    <row r="24372" spans="8:8">
      <c r="H24372" s="12"/>
    </row>
    <row r="24373" spans="8:8">
      <c r="H24373" s="12"/>
    </row>
    <row r="24374" spans="8:8">
      <c r="H24374" s="12"/>
    </row>
    <row r="24375" spans="8:8">
      <c r="H24375" s="12"/>
    </row>
    <row r="24376" spans="8:8">
      <c r="H24376" s="12"/>
    </row>
    <row r="24377" spans="8:8">
      <c r="H24377" s="12"/>
    </row>
    <row r="24378" spans="8:8">
      <c r="H24378" s="12"/>
    </row>
    <row r="24379" spans="8:8">
      <c r="H24379" s="12"/>
    </row>
    <row r="24380" spans="8:8">
      <c r="H24380" s="12"/>
    </row>
    <row r="24381" spans="8:8">
      <c r="H24381" s="12"/>
    </row>
    <row r="24382" spans="8:8">
      <c r="H24382" s="12"/>
    </row>
    <row r="24383" spans="8:8">
      <c r="H24383" s="12"/>
    </row>
    <row r="24384" spans="8:8">
      <c r="H24384" s="12"/>
    </row>
    <row r="24385" spans="8:8">
      <c r="H24385" s="12"/>
    </row>
    <row r="24386" spans="8:8">
      <c r="H24386" s="12"/>
    </row>
    <row r="24387" spans="8:8">
      <c r="H24387" s="12"/>
    </row>
    <row r="24388" spans="8:8">
      <c r="H24388" s="12"/>
    </row>
    <row r="24389" spans="8:8">
      <c r="H24389" s="12"/>
    </row>
    <row r="24390" spans="8:8">
      <c r="H24390" s="12"/>
    </row>
    <row r="24391" spans="8:8">
      <c r="H24391" s="12"/>
    </row>
    <row r="24392" spans="8:8">
      <c r="H24392" s="12"/>
    </row>
    <row r="24393" spans="8:8">
      <c r="H24393" s="12"/>
    </row>
    <row r="24394" spans="8:8">
      <c r="H24394" s="12"/>
    </row>
    <row r="24395" spans="8:8">
      <c r="H24395" s="12"/>
    </row>
    <row r="24396" spans="8:8">
      <c r="H24396" s="12"/>
    </row>
    <row r="24397" spans="8:8">
      <c r="H24397" s="12"/>
    </row>
    <row r="24398" spans="8:8">
      <c r="H24398" s="12"/>
    </row>
    <row r="24399" spans="8:8">
      <c r="H24399" s="12"/>
    </row>
    <row r="24400" spans="8:8">
      <c r="H24400" s="12"/>
    </row>
    <row r="24401" spans="8:8">
      <c r="H24401" s="12"/>
    </row>
    <row r="24402" spans="8:8">
      <c r="H24402" s="12"/>
    </row>
    <row r="24403" spans="8:8">
      <c r="H24403" s="12"/>
    </row>
    <row r="24404" spans="8:8">
      <c r="H24404" s="12"/>
    </row>
    <row r="24405" spans="8:8">
      <c r="H24405" s="12"/>
    </row>
    <row r="24406" spans="8:8">
      <c r="H24406" s="12"/>
    </row>
    <row r="24407" spans="8:8">
      <c r="H24407" s="12"/>
    </row>
    <row r="24408" spans="8:8">
      <c r="H24408" s="12"/>
    </row>
    <row r="24409" spans="8:8">
      <c r="H24409" s="12"/>
    </row>
    <row r="24410" spans="8:8">
      <c r="H24410" s="12"/>
    </row>
    <row r="24411" spans="8:8">
      <c r="H24411" s="12"/>
    </row>
    <row r="24412" spans="8:8">
      <c r="H24412" s="12"/>
    </row>
    <row r="24413" spans="8:8">
      <c r="H24413" s="12"/>
    </row>
    <row r="24414" spans="8:8">
      <c r="H24414" s="12"/>
    </row>
    <row r="24415" spans="8:8">
      <c r="H24415" s="12"/>
    </row>
    <row r="24416" spans="8:8">
      <c r="H24416" s="12"/>
    </row>
    <row r="24417" spans="8:8">
      <c r="H24417" s="12"/>
    </row>
    <row r="24418" spans="8:8">
      <c r="H24418" s="12"/>
    </row>
    <row r="24419" spans="8:8">
      <c r="H24419" s="12"/>
    </row>
    <row r="24420" spans="8:8">
      <c r="H24420" s="12"/>
    </row>
    <row r="24421" spans="8:8">
      <c r="H24421" s="12"/>
    </row>
    <row r="24422" spans="8:8">
      <c r="H24422" s="12"/>
    </row>
    <row r="24423" spans="8:8">
      <c r="H24423" s="12"/>
    </row>
    <row r="24424" spans="8:8">
      <c r="H24424" s="12"/>
    </row>
    <row r="24425" spans="8:8">
      <c r="H24425" s="12"/>
    </row>
    <row r="24426" spans="8:8">
      <c r="H24426" s="12"/>
    </row>
    <row r="24427" spans="8:8">
      <c r="H24427" s="12"/>
    </row>
    <row r="24428" spans="8:8">
      <c r="H24428" s="12"/>
    </row>
    <row r="24429" spans="8:8">
      <c r="H24429" s="12"/>
    </row>
    <row r="24430" spans="8:8">
      <c r="H24430" s="12"/>
    </row>
    <row r="24431" spans="8:8">
      <c r="H24431" s="12"/>
    </row>
    <row r="24432" spans="8:8">
      <c r="H24432" s="12"/>
    </row>
    <row r="24433" spans="8:8">
      <c r="H24433" s="12"/>
    </row>
    <row r="24434" spans="8:8">
      <c r="H24434" s="12"/>
    </row>
    <row r="24435" spans="8:8">
      <c r="H24435" s="12"/>
    </row>
    <row r="24436" spans="8:8">
      <c r="H24436" s="12"/>
    </row>
    <row r="24437" spans="8:8">
      <c r="H24437" s="12"/>
    </row>
    <row r="24438" spans="8:8">
      <c r="H24438" s="12"/>
    </row>
    <row r="24439" spans="8:8">
      <c r="H24439" s="12"/>
    </row>
    <row r="24440" spans="8:8">
      <c r="H24440" s="12"/>
    </row>
    <row r="24441" spans="8:8">
      <c r="H24441" s="12"/>
    </row>
    <row r="24442" spans="8:8">
      <c r="H24442" s="12"/>
    </row>
    <row r="24443" spans="8:8">
      <c r="H24443" s="12"/>
    </row>
    <row r="24444" spans="8:8">
      <c r="H24444" s="12"/>
    </row>
    <row r="24445" spans="8:8">
      <c r="H24445" s="12"/>
    </row>
    <row r="24446" spans="8:8">
      <c r="H24446" s="12"/>
    </row>
    <row r="24447" spans="8:8">
      <c r="H24447" s="12"/>
    </row>
    <row r="24448" spans="8:8">
      <c r="H24448" s="12"/>
    </row>
    <row r="24449" spans="8:8">
      <c r="H24449" s="12"/>
    </row>
    <row r="24450" spans="8:8">
      <c r="H24450" s="12"/>
    </row>
    <row r="24451" spans="8:8">
      <c r="H24451" s="12"/>
    </row>
    <row r="24452" spans="8:8">
      <c r="H24452" s="12"/>
    </row>
    <row r="24453" spans="8:8">
      <c r="H24453" s="12"/>
    </row>
    <row r="24454" spans="8:8">
      <c r="H24454" s="12"/>
    </row>
    <row r="24455" spans="8:8">
      <c r="H24455" s="12"/>
    </row>
    <row r="24456" spans="8:8">
      <c r="H24456" s="12"/>
    </row>
    <row r="24457" spans="8:8">
      <c r="H24457" s="12"/>
    </row>
    <row r="24458" spans="8:8">
      <c r="H24458" s="12"/>
    </row>
    <row r="24459" spans="8:8">
      <c r="H24459" s="12"/>
    </row>
    <row r="24460" spans="8:8">
      <c r="H24460" s="12"/>
    </row>
    <row r="24461" spans="8:8">
      <c r="H24461" s="12"/>
    </row>
    <row r="24462" spans="8:8">
      <c r="H24462" s="12"/>
    </row>
    <row r="24463" spans="8:8">
      <c r="H24463" s="12"/>
    </row>
    <row r="24464" spans="8:8">
      <c r="H24464" s="12"/>
    </row>
    <row r="24465" spans="8:8">
      <c r="H24465" s="12"/>
    </row>
    <row r="24466" spans="8:8">
      <c r="H24466" s="12"/>
    </row>
    <row r="24467" spans="8:8">
      <c r="H24467" s="12"/>
    </row>
    <row r="24468" spans="8:8">
      <c r="H24468" s="12"/>
    </row>
    <row r="24469" spans="8:8">
      <c r="H24469" s="12"/>
    </row>
    <row r="24470" spans="8:8">
      <c r="H24470" s="12"/>
    </row>
    <row r="24471" spans="8:8">
      <c r="H24471" s="12"/>
    </row>
    <row r="24472" spans="8:8">
      <c r="H24472" s="12"/>
    </row>
    <row r="24473" spans="8:8">
      <c r="H24473" s="12"/>
    </row>
    <row r="24474" spans="8:8">
      <c r="H24474" s="12"/>
    </row>
    <row r="24475" spans="8:8">
      <c r="H24475" s="12"/>
    </row>
    <row r="24476" spans="8:8">
      <c r="H24476" s="12"/>
    </row>
    <row r="24477" spans="8:8">
      <c r="H24477" s="12"/>
    </row>
    <row r="24478" spans="8:8">
      <c r="H24478" s="12"/>
    </row>
    <row r="24479" spans="8:8">
      <c r="H24479" s="12"/>
    </row>
    <row r="24480" spans="8:8">
      <c r="H24480" s="12"/>
    </row>
    <row r="24481" spans="8:8">
      <c r="H24481" s="12"/>
    </row>
    <row r="24482" spans="8:8">
      <c r="H24482" s="12"/>
    </row>
    <row r="24483" spans="8:8">
      <c r="H24483" s="12"/>
    </row>
    <row r="24484" spans="8:8">
      <c r="H24484" s="12"/>
    </row>
    <row r="24485" spans="8:8">
      <c r="H24485" s="12"/>
    </row>
    <row r="24486" spans="8:8">
      <c r="H24486" s="12"/>
    </row>
    <row r="24487" spans="8:8">
      <c r="H24487" s="12"/>
    </row>
    <row r="24488" spans="8:8">
      <c r="H24488" s="12"/>
    </row>
    <row r="24489" spans="8:8">
      <c r="H24489" s="12"/>
    </row>
    <row r="24490" spans="8:8">
      <c r="H24490" s="12"/>
    </row>
    <row r="24491" spans="8:8">
      <c r="H24491" s="12"/>
    </row>
    <row r="24492" spans="8:8">
      <c r="H24492" s="12"/>
    </row>
    <row r="24493" spans="8:8">
      <c r="H24493" s="12"/>
    </row>
    <row r="24494" spans="8:8">
      <c r="H24494" s="12"/>
    </row>
    <row r="24495" spans="8:8">
      <c r="H24495" s="12"/>
    </row>
    <row r="24496" spans="8:8">
      <c r="H24496" s="12"/>
    </row>
    <row r="24497" spans="8:8">
      <c r="H24497" s="12"/>
    </row>
    <row r="24498" spans="8:8">
      <c r="H24498" s="12"/>
    </row>
    <row r="24499" spans="8:8">
      <c r="H24499" s="12"/>
    </row>
    <row r="24500" spans="8:8">
      <c r="H24500" s="12"/>
    </row>
    <row r="24501" spans="8:8">
      <c r="H24501" s="12"/>
    </row>
    <row r="24502" spans="8:8">
      <c r="H24502" s="12"/>
    </row>
    <row r="24503" spans="8:8">
      <c r="H24503" s="12"/>
    </row>
    <row r="24504" spans="8:8">
      <c r="H24504" s="12"/>
    </row>
    <row r="24505" spans="8:8">
      <c r="H24505" s="12"/>
    </row>
    <row r="24506" spans="8:8">
      <c r="H24506" s="12"/>
    </row>
    <row r="24507" spans="8:8">
      <c r="H24507" s="12"/>
    </row>
    <row r="24508" spans="8:8">
      <c r="H24508" s="12"/>
    </row>
    <row r="24509" spans="8:8">
      <c r="H24509" s="12"/>
    </row>
    <row r="24510" spans="8:8">
      <c r="H24510" s="12"/>
    </row>
    <row r="24511" spans="8:8">
      <c r="H24511" s="12"/>
    </row>
    <row r="24512" spans="8:8">
      <c r="H24512" s="12"/>
    </row>
    <row r="24513" spans="8:8">
      <c r="H24513" s="12"/>
    </row>
    <row r="24514" spans="8:8">
      <c r="H24514" s="12"/>
    </row>
    <row r="24515" spans="8:8">
      <c r="H24515" s="12"/>
    </row>
    <row r="24516" spans="8:8">
      <c r="H24516" s="12"/>
    </row>
    <row r="24517" spans="8:8">
      <c r="H24517" s="12"/>
    </row>
    <row r="24518" spans="8:8">
      <c r="H24518" s="12"/>
    </row>
    <row r="24519" spans="8:8">
      <c r="H24519" s="12"/>
    </row>
    <row r="24520" spans="8:8">
      <c r="H24520" s="12"/>
    </row>
    <row r="24521" spans="8:8">
      <c r="H24521" s="12"/>
    </row>
    <row r="24522" spans="8:8">
      <c r="H24522" s="12"/>
    </row>
    <row r="24523" spans="8:8">
      <c r="H24523" s="12"/>
    </row>
    <row r="24524" spans="8:8">
      <c r="H24524" s="12"/>
    </row>
    <row r="24525" spans="8:8">
      <c r="H24525" s="12"/>
    </row>
    <row r="24526" spans="8:8">
      <c r="H24526" s="12"/>
    </row>
    <row r="24527" spans="8:8">
      <c r="H24527" s="12"/>
    </row>
    <row r="24528" spans="8:8">
      <c r="H24528" s="12"/>
    </row>
    <row r="24529" spans="8:8">
      <c r="H24529" s="12"/>
    </row>
    <row r="24530" spans="8:8">
      <c r="H24530" s="12"/>
    </row>
    <row r="24531" spans="8:8">
      <c r="H24531" s="12"/>
    </row>
    <row r="24532" spans="8:8">
      <c r="H24532" s="12"/>
    </row>
    <row r="24533" spans="8:8">
      <c r="H24533" s="12"/>
    </row>
    <row r="24534" spans="8:8">
      <c r="H24534" s="12"/>
    </row>
    <row r="24535" spans="8:8">
      <c r="H24535" s="12"/>
    </row>
    <row r="24536" spans="8:8">
      <c r="H24536" s="12"/>
    </row>
    <row r="24537" spans="8:8">
      <c r="H24537" s="12"/>
    </row>
    <row r="24538" spans="8:8">
      <c r="H24538" s="12"/>
    </row>
    <row r="24539" spans="8:8">
      <c r="H24539" s="12"/>
    </row>
    <row r="24540" spans="8:8">
      <c r="H24540" s="12"/>
    </row>
    <row r="24541" spans="8:8">
      <c r="H24541" s="12"/>
    </row>
    <row r="24542" spans="8:8">
      <c r="H24542" s="12"/>
    </row>
    <row r="24543" spans="8:8">
      <c r="H24543" s="12"/>
    </row>
    <row r="24544" spans="8:8">
      <c r="H24544" s="12"/>
    </row>
    <row r="24545" spans="8:8">
      <c r="H24545" s="12"/>
    </row>
    <row r="24546" spans="8:8">
      <c r="H24546" s="12"/>
    </row>
    <row r="24547" spans="8:8">
      <c r="H24547" s="12"/>
    </row>
    <row r="24548" spans="8:8">
      <c r="H24548" s="12"/>
    </row>
    <row r="24549" spans="8:8">
      <c r="H24549" s="12"/>
    </row>
    <row r="24550" spans="8:8">
      <c r="H24550" s="12"/>
    </row>
    <row r="24551" spans="8:8">
      <c r="H24551" s="12"/>
    </row>
    <row r="24552" spans="8:8">
      <c r="H24552" s="12"/>
    </row>
    <row r="24553" spans="8:8">
      <c r="H24553" s="12"/>
    </row>
    <row r="24554" spans="8:8">
      <c r="H24554" s="12"/>
    </row>
    <row r="24555" spans="8:8">
      <c r="H24555" s="12"/>
    </row>
    <row r="24556" spans="8:8">
      <c r="H24556" s="12"/>
    </row>
    <row r="24557" spans="8:8">
      <c r="H24557" s="12"/>
    </row>
    <row r="24558" spans="8:8">
      <c r="H24558" s="12"/>
    </row>
    <row r="24559" spans="8:8">
      <c r="H24559" s="12"/>
    </row>
    <row r="24560" spans="8:8">
      <c r="H24560" s="12"/>
    </row>
    <row r="24561" spans="8:8">
      <c r="H24561" s="12"/>
    </row>
    <row r="24562" spans="8:8">
      <c r="H24562" s="12"/>
    </row>
    <row r="24563" spans="8:8">
      <c r="H24563" s="12"/>
    </row>
    <row r="24564" spans="8:8">
      <c r="H24564" s="12"/>
    </row>
    <row r="24565" spans="8:8">
      <c r="H24565" s="12"/>
    </row>
    <row r="24566" spans="8:8">
      <c r="H24566" s="12"/>
    </row>
    <row r="24567" spans="8:8">
      <c r="H24567" s="12"/>
    </row>
    <row r="24568" spans="8:8">
      <c r="H24568" s="12"/>
    </row>
    <row r="24569" spans="8:8">
      <c r="H24569" s="12"/>
    </row>
    <row r="24570" spans="8:8">
      <c r="H24570" s="12"/>
    </row>
    <row r="24571" spans="8:8">
      <c r="H24571" s="12"/>
    </row>
    <row r="24572" spans="8:8">
      <c r="H24572" s="12"/>
    </row>
    <row r="24573" spans="8:8">
      <c r="H24573" s="12"/>
    </row>
    <row r="24574" spans="8:8">
      <c r="H24574" s="12"/>
    </row>
    <row r="24575" spans="8:8">
      <c r="H24575" s="12"/>
    </row>
    <row r="24576" spans="8:8">
      <c r="H24576" s="12"/>
    </row>
    <row r="24577" spans="8:8">
      <c r="H24577" s="12"/>
    </row>
    <row r="24578" spans="8:8">
      <c r="H24578" s="12"/>
    </row>
    <row r="24579" spans="8:8">
      <c r="H24579" s="12"/>
    </row>
    <row r="24580" spans="8:8">
      <c r="H24580" s="12"/>
    </row>
    <row r="24581" spans="8:8">
      <c r="H24581" s="12"/>
    </row>
    <row r="24582" spans="8:8">
      <c r="H24582" s="12"/>
    </row>
    <row r="24583" spans="8:8">
      <c r="H24583" s="12"/>
    </row>
    <row r="24584" spans="8:8">
      <c r="H24584" s="12"/>
    </row>
    <row r="24585" spans="8:8">
      <c r="H24585" s="12"/>
    </row>
    <row r="24586" spans="8:8">
      <c r="H24586" s="12"/>
    </row>
    <row r="24587" spans="8:8">
      <c r="H24587" s="12"/>
    </row>
    <row r="24588" spans="8:8">
      <c r="H24588" s="12"/>
    </row>
    <row r="24589" spans="8:8">
      <c r="H24589" s="12"/>
    </row>
    <row r="24590" spans="8:8">
      <c r="H24590" s="12"/>
    </row>
    <row r="24591" spans="8:8">
      <c r="H24591" s="12"/>
    </row>
    <row r="24592" spans="8:8">
      <c r="H24592" s="12"/>
    </row>
    <row r="24593" spans="8:8">
      <c r="H24593" s="12"/>
    </row>
    <row r="24594" spans="8:8">
      <c r="H24594" s="12"/>
    </row>
    <row r="24595" spans="8:8">
      <c r="H24595" s="12"/>
    </row>
    <row r="24596" spans="8:8">
      <c r="H24596" s="12"/>
    </row>
    <row r="24597" spans="8:8">
      <c r="H24597" s="12"/>
    </row>
    <row r="24598" spans="8:8">
      <c r="H24598" s="12"/>
    </row>
    <row r="24599" spans="8:8">
      <c r="H24599" s="12"/>
    </row>
    <row r="24600" spans="8:8">
      <c r="H24600" s="12"/>
    </row>
    <row r="24601" spans="8:8">
      <c r="H24601" s="12"/>
    </row>
    <row r="24602" spans="8:8">
      <c r="H24602" s="12"/>
    </row>
    <row r="24603" spans="8:8">
      <c r="H24603" s="12"/>
    </row>
    <row r="24604" spans="8:8">
      <c r="H24604" s="12"/>
    </row>
    <row r="24605" spans="8:8">
      <c r="H24605" s="12"/>
    </row>
    <row r="24606" spans="8:8">
      <c r="H24606" s="12"/>
    </row>
    <row r="24607" spans="8:8">
      <c r="H24607" s="12"/>
    </row>
    <row r="24608" spans="8:8">
      <c r="H24608" s="12"/>
    </row>
    <row r="24609" spans="8:8">
      <c r="H24609" s="12"/>
    </row>
    <row r="24610" spans="8:8">
      <c r="H24610" s="12"/>
    </row>
    <row r="24611" spans="8:8">
      <c r="H24611" s="12"/>
    </row>
    <row r="24612" spans="8:8">
      <c r="H24612" s="12"/>
    </row>
    <row r="24613" spans="8:8">
      <c r="H24613" s="12"/>
    </row>
    <row r="24614" spans="8:8">
      <c r="H24614" s="12"/>
    </row>
    <row r="24615" spans="8:8">
      <c r="H24615" s="12"/>
    </row>
    <row r="24616" spans="8:8">
      <c r="H24616" s="12"/>
    </row>
    <row r="24617" spans="8:8">
      <c r="H24617" s="12"/>
    </row>
    <row r="24618" spans="8:8">
      <c r="H24618" s="12"/>
    </row>
    <row r="24619" spans="8:8">
      <c r="H24619" s="12"/>
    </row>
    <row r="24620" spans="8:8">
      <c r="H24620" s="12"/>
    </row>
    <row r="24621" spans="8:8">
      <c r="H24621" s="12"/>
    </row>
    <row r="24622" spans="8:8">
      <c r="H24622" s="12"/>
    </row>
    <row r="24623" spans="8:8">
      <c r="H24623" s="12"/>
    </row>
    <row r="24624" spans="8:8">
      <c r="H24624" s="12"/>
    </row>
    <row r="24625" spans="8:8">
      <c r="H24625" s="12"/>
    </row>
    <row r="24626" spans="8:8">
      <c r="H24626" s="12"/>
    </row>
    <row r="24627" spans="8:8">
      <c r="H24627" s="12"/>
    </row>
    <row r="24628" spans="8:8">
      <c r="H24628" s="12"/>
    </row>
    <row r="24629" spans="8:8">
      <c r="H24629" s="12"/>
    </row>
    <row r="24630" spans="8:8">
      <c r="H24630" s="12"/>
    </row>
    <row r="24631" spans="8:8">
      <c r="H24631" s="12"/>
    </row>
    <row r="24632" spans="8:8">
      <c r="H24632" s="12"/>
    </row>
    <row r="24633" spans="8:8">
      <c r="H24633" s="12"/>
    </row>
    <row r="24634" spans="8:8">
      <c r="H24634" s="12"/>
    </row>
    <row r="24635" spans="8:8">
      <c r="H24635" s="12"/>
    </row>
    <row r="24636" spans="8:8">
      <c r="H24636" s="12"/>
    </row>
    <row r="24637" spans="8:8">
      <c r="H24637" s="12"/>
    </row>
    <row r="24638" spans="8:8">
      <c r="H24638" s="12"/>
    </row>
    <row r="24639" spans="8:8">
      <c r="H24639" s="12"/>
    </row>
    <row r="24640" spans="8:8">
      <c r="H24640" s="12"/>
    </row>
    <row r="24641" spans="8:8">
      <c r="H24641" s="12"/>
    </row>
    <row r="24642" spans="8:8">
      <c r="H24642" s="12"/>
    </row>
    <row r="24643" spans="8:8">
      <c r="H24643" s="12"/>
    </row>
    <row r="24644" spans="8:8">
      <c r="H24644" s="12"/>
    </row>
    <row r="24645" spans="8:8">
      <c r="H24645" s="12"/>
    </row>
    <row r="24646" spans="8:8">
      <c r="H24646" s="12"/>
    </row>
    <row r="24647" spans="8:8">
      <c r="H24647" s="12"/>
    </row>
    <row r="24648" spans="8:8">
      <c r="H24648" s="12"/>
    </row>
    <row r="24649" spans="8:8">
      <c r="H24649" s="12"/>
    </row>
    <row r="24650" spans="8:8">
      <c r="H24650" s="12"/>
    </row>
    <row r="24651" spans="8:8">
      <c r="H24651" s="12"/>
    </row>
    <row r="24652" spans="8:8">
      <c r="H24652" s="12"/>
    </row>
    <row r="24653" spans="8:8">
      <c r="H24653" s="12"/>
    </row>
    <row r="24654" spans="8:8">
      <c r="H24654" s="12"/>
    </row>
    <row r="24655" spans="8:8">
      <c r="H24655" s="12"/>
    </row>
    <row r="24656" spans="8:8">
      <c r="H24656" s="12"/>
    </row>
    <row r="24657" spans="8:8">
      <c r="H24657" s="12"/>
    </row>
    <row r="24658" spans="8:8">
      <c r="H24658" s="12"/>
    </row>
    <row r="24659" spans="8:8">
      <c r="H24659" s="12"/>
    </row>
    <row r="24660" spans="8:8">
      <c r="H24660" s="12"/>
    </row>
    <row r="24661" spans="8:8">
      <c r="H24661" s="12"/>
    </row>
    <row r="24662" spans="8:8">
      <c r="H24662" s="12"/>
    </row>
    <row r="24663" spans="8:8">
      <c r="H24663" s="12"/>
    </row>
    <row r="24664" spans="8:8">
      <c r="H24664" s="12"/>
    </row>
    <row r="24665" spans="8:8">
      <c r="H24665" s="12"/>
    </row>
    <row r="24666" spans="8:8">
      <c r="H24666" s="12"/>
    </row>
    <row r="24667" spans="8:8">
      <c r="H24667" s="12"/>
    </row>
    <row r="24668" spans="8:8">
      <c r="H24668" s="12"/>
    </row>
    <row r="24669" spans="8:8">
      <c r="H24669" s="12"/>
    </row>
    <row r="24670" spans="8:8">
      <c r="H24670" s="12"/>
    </row>
    <row r="24671" spans="8:8">
      <c r="H24671" s="12"/>
    </row>
    <row r="24672" spans="8:8">
      <c r="H24672" s="12"/>
    </row>
    <row r="24673" spans="8:8">
      <c r="H24673" s="12"/>
    </row>
    <row r="24674" spans="8:8">
      <c r="H24674" s="12"/>
    </row>
    <row r="24675" spans="8:8">
      <c r="H24675" s="12"/>
    </row>
    <row r="24676" spans="8:8">
      <c r="H24676" s="12"/>
    </row>
    <row r="24677" spans="8:8">
      <c r="H24677" s="12"/>
    </row>
    <row r="24678" spans="8:8">
      <c r="H24678" s="12"/>
    </row>
    <row r="24679" spans="8:8">
      <c r="H24679" s="12"/>
    </row>
    <row r="24680" spans="8:8">
      <c r="H24680" s="12"/>
    </row>
    <row r="24681" spans="8:8">
      <c r="H24681" s="12"/>
    </row>
    <row r="24682" spans="8:8">
      <c r="H24682" s="12"/>
    </row>
    <row r="24683" spans="8:8">
      <c r="H24683" s="12"/>
    </row>
    <row r="24684" spans="8:8">
      <c r="H24684" s="12"/>
    </row>
    <row r="24685" spans="8:8">
      <c r="H24685" s="12"/>
    </row>
    <row r="24686" spans="8:8">
      <c r="H24686" s="12"/>
    </row>
    <row r="24687" spans="8:8">
      <c r="H24687" s="12"/>
    </row>
    <row r="24688" spans="8:8">
      <c r="H24688" s="12"/>
    </row>
    <row r="24689" spans="8:8">
      <c r="H24689" s="12"/>
    </row>
    <row r="24690" spans="8:8">
      <c r="H24690" s="12"/>
    </row>
    <row r="24691" spans="8:8">
      <c r="H24691" s="12"/>
    </row>
    <row r="24692" spans="8:8">
      <c r="H24692" s="12"/>
    </row>
    <row r="24693" spans="8:8">
      <c r="H24693" s="12"/>
    </row>
    <row r="24694" spans="8:8">
      <c r="H24694" s="12"/>
    </row>
    <row r="24695" spans="8:8">
      <c r="H24695" s="12"/>
    </row>
    <row r="24696" spans="8:8">
      <c r="H24696" s="12"/>
    </row>
    <row r="24697" spans="8:8">
      <c r="H24697" s="12"/>
    </row>
    <row r="24698" spans="8:8">
      <c r="H24698" s="12"/>
    </row>
    <row r="24699" spans="8:8">
      <c r="H24699" s="12"/>
    </row>
    <row r="24700" spans="8:8">
      <c r="H24700" s="12"/>
    </row>
    <row r="24701" spans="8:8">
      <c r="H24701" s="12"/>
    </row>
    <row r="24702" spans="8:8">
      <c r="H24702" s="12"/>
    </row>
    <row r="24703" spans="8:8">
      <c r="H24703" s="12"/>
    </row>
    <row r="24704" spans="8:8">
      <c r="H24704" s="12"/>
    </row>
    <row r="24705" spans="8:8">
      <c r="H24705" s="12"/>
    </row>
    <row r="24706" spans="8:8">
      <c r="H24706" s="12"/>
    </row>
    <row r="24707" spans="8:8">
      <c r="H24707" s="12"/>
    </row>
    <row r="24708" spans="8:8">
      <c r="H24708" s="12"/>
    </row>
    <row r="24709" spans="8:8">
      <c r="H24709" s="12"/>
    </row>
    <row r="24710" spans="8:8">
      <c r="H24710" s="12"/>
    </row>
    <row r="24711" spans="8:8">
      <c r="H24711" s="12"/>
    </row>
    <row r="24712" spans="8:8">
      <c r="H24712" s="12"/>
    </row>
    <row r="24713" spans="8:8">
      <c r="H24713" s="12"/>
    </row>
    <row r="24714" spans="8:8">
      <c r="H24714" s="12"/>
    </row>
    <row r="24715" spans="8:8">
      <c r="H24715" s="12"/>
    </row>
    <row r="24716" spans="8:8">
      <c r="H24716" s="12"/>
    </row>
    <row r="24717" spans="8:8">
      <c r="H24717" s="12"/>
    </row>
    <row r="24718" spans="8:8">
      <c r="H24718" s="12"/>
    </row>
    <row r="24719" spans="8:8">
      <c r="H24719" s="12"/>
    </row>
    <row r="24720" spans="8:8">
      <c r="H24720" s="12"/>
    </row>
    <row r="24721" spans="8:8">
      <c r="H24721" s="12"/>
    </row>
    <row r="24722" spans="8:8">
      <c r="H24722" s="12"/>
    </row>
    <row r="24723" spans="8:8">
      <c r="H24723" s="12"/>
    </row>
    <row r="24724" spans="8:8">
      <c r="H24724" s="12"/>
    </row>
    <row r="24725" spans="8:8">
      <c r="H24725" s="12"/>
    </row>
    <row r="24726" spans="8:8">
      <c r="H24726" s="12"/>
    </row>
    <row r="24727" spans="8:8">
      <c r="H24727" s="12"/>
    </row>
    <row r="24728" spans="8:8">
      <c r="H24728" s="12"/>
    </row>
    <row r="24729" spans="8:8">
      <c r="H24729" s="12"/>
    </row>
    <row r="24730" spans="8:8">
      <c r="H24730" s="12"/>
    </row>
    <row r="24731" spans="8:8">
      <c r="H24731" s="12"/>
    </row>
    <row r="24732" spans="8:8">
      <c r="H24732" s="12"/>
    </row>
    <row r="24733" spans="8:8">
      <c r="H24733" s="12"/>
    </row>
    <row r="24734" spans="8:8">
      <c r="H24734" s="12"/>
    </row>
    <row r="24735" spans="8:8">
      <c r="H24735" s="12"/>
    </row>
    <row r="24736" spans="8:8">
      <c r="H24736" s="12"/>
    </row>
    <row r="24737" spans="8:8">
      <c r="H24737" s="12"/>
    </row>
    <row r="24738" spans="8:8">
      <c r="H24738" s="12"/>
    </row>
    <row r="24739" spans="8:8">
      <c r="H24739" s="12"/>
    </row>
    <row r="24740" spans="8:8">
      <c r="H24740" s="12"/>
    </row>
    <row r="24741" spans="8:8">
      <c r="H24741" s="12"/>
    </row>
    <row r="24742" spans="8:8">
      <c r="H24742" s="12"/>
    </row>
    <row r="24743" spans="8:8">
      <c r="H24743" s="12"/>
    </row>
    <row r="24744" spans="8:8">
      <c r="H24744" s="12"/>
    </row>
    <row r="24745" spans="8:8">
      <c r="H24745" s="12"/>
    </row>
    <row r="24746" spans="8:8">
      <c r="H24746" s="12"/>
    </row>
    <row r="24747" spans="8:8">
      <c r="H24747" s="12"/>
    </row>
    <row r="24748" spans="8:8">
      <c r="H24748" s="12"/>
    </row>
    <row r="24749" spans="8:8">
      <c r="H24749" s="12"/>
    </row>
    <row r="24750" spans="8:8">
      <c r="H24750" s="12"/>
    </row>
    <row r="24751" spans="8:8">
      <c r="H24751" s="12"/>
    </row>
    <row r="24752" spans="8:8">
      <c r="H24752" s="12"/>
    </row>
    <row r="24753" spans="8:8">
      <c r="H24753" s="12"/>
    </row>
    <row r="24754" spans="8:8">
      <c r="H24754" s="12"/>
    </row>
    <row r="24755" spans="8:8">
      <c r="H24755" s="12"/>
    </row>
    <row r="24756" spans="8:8">
      <c r="H24756" s="12"/>
    </row>
    <row r="24757" spans="8:8">
      <c r="H24757" s="12"/>
    </row>
    <row r="24758" spans="8:8">
      <c r="H24758" s="12"/>
    </row>
    <row r="24759" spans="8:8">
      <c r="H24759" s="12"/>
    </row>
    <row r="24760" spans="8:8">
      <c r="H24760" s="12"/>
    </row>
    <row r="24761" spans="8:8">
      <c r="H24761" s="12"/>
    </row>
    <row r="24762" spans="8:8">
      <c r="H24762" s="12"/>
    </row>
    <row r="24763" spans="8:8">
      <c r="H24763" s="12"/>
    </row>
    <row r="24764" spans="8:8">
      <c r="H24764" s="12"/>
    </row>
    <row r="24765" spans="8:8">
      <c r="H24765" s="12"/>
    </row>
    <row r="24766" spans="8:8">
      <c r="H24766" s="12"/>
    </row>
    <row r="24767" spans="8:8">
      <c r="H24767" s="12"/>
    </row>
    <row r="24768" spans="8:8">
      <c r="H24768" s="12"/>
    </row>
    <row r="24769" spans="8:8">
      <c r="H24769" s="12"/>
    </row>
    <row r="24770" spans="8:8">
      <c r="H24770" s="12"/>
    </row>
    <row r="24771" spans="8:8">
      <c r="H24771" s="12"/>
    </row>
    <row r="24772" spans="8:8">
      <c r="H24772" s="12"/>
    </row>
    <row r="24773" spans="8:8">
      <c r="H24773" s="12"/>
    </row>
    <row r="24774" spans="8:8">
      <c r="H24774" s="12"/>
    </row>
    <row r="24775" spans="8:8">
      <c r="H24775" s="12"/>
    </row>
    <row r="24776" spans="8:8">
      <c r="H24776" s="12"/>
    </row>
    <row r="24777" spans="8:8">
      <c r="H24777" s="12"/>
    </row>
    <row r="24778" spans="8:8">
      <c r="H24778" s="12"/>
    </row>
    <row r="24779" spans="8:8">
      <c r="H24779" s="12"/>
    </row>
    <row r="24780" spans="8:8">
      <c r="H24780" s="12"/>
    </row>
    <row r="24781" spans="8:8">
      <c r="H24781" s="12"/>
    </row>
    <row r="24782" spans="8:8">
      <c r="H24782" s="12"/>
    </row>
    <row r="24783" spans="8:8">
      <c r="H24783" s="12"/>
    </row>
    <row r="24784" spans="8:8">
      <c r="H24784" s="12"/>
    </row>
    <row r="24785" spans="8:8">
      <c r="H24785" s="12"/>
    </row>
    <row r="24786" spans="8:8">
      <c r="H24786" s="12"/>
    </row>
    <row r="24787" spans="8:8">
      <c r="H24787" s="12"/>
    </row>
    <row r="24788" spans="8:8">
      <c r="H24788" s="12"/>
    </row>
    <row r="24789" spans="8:8">
      <c r="H24789" s="12"/>
    </row>
    <row r="24790" spans="8:8">
      <c r="H24790" s="12"/>
    </row>
    <row r="24791" spans="8:8">
      <c r="H24791" s="12"/>
    </row>
    <row r="24792" spans="8:8">
      <c r="H24792" s="12"/>
    </row>
    <row r="24793" spans="8:8">
      <c r="H24793" s="12"/>
    </row>
    <row r="24794" spans="8:8">
      <c r="H24794" s="12"/>
    </row>
    <row r="24795" spans="8:8">
      <c r="H24795" s="12"/>
    </row>
    <row r="24796" spans="8:8">
      <c r="H24796" s="12"/>
    </row>
    <row r="24797" spans="8:8">
      <c r="H24797" s="12"/>
    </row>
    <row r="24798" spans="8:8">
      <c r="H24798" s="12"/>
    </row>
    <row r="24799" spans="8:8">
      <c r="H24799" s="12"/>
    </row>
    <row r="24800" spans="8:8">
      <c r="H24800" s="12"/>
    </row>
    <row r="24801" spans="8:8">
      <c r="H24801" s="12"/>
    </row>
    <row r="24802" spans="8:8">
      <c r="H24802" s="12"/>
    </row>
    <row r="24803" spans="8:8">
      <c r="H24803" s="12"/>
    </row>
    <row r="24804" spans="8:8">
      <c r="H24804" s="12"/>
    </row>
    <row r="24805" spans="8:8">
      <c r="H24805" s="12"/>
    </row>
    <row r="24806" spans="8:8">
      <c r="H24806" s="12"/>
    </row>
    <row r="24807" spans="8:8">
      <c r="H24807" s="12"/>
    </row>
    <row r="24808" spans="8:8">
      <c r="H24808" s="12"/>
    </row>
    <row r="24809" spans="8:8">
      <c r="H24809" s="12"/>
    </row>
    <row r="24810" spans="8:8">
      <c r="H24810" s="12"/>
    </row>
    <row r="24811" spans="8:8">
      <c r="H24811" s="12"/>
    </row>
    <row r="24812" spans="8:8">
      <c r="H24812" s="12"/>
    </row>
    <row r="24813" spans="8:8">
      <c r="H24813" s="12"/>
    </row>
    <row r="24814" spans="8:8">
      <c r="H24814" s="12"/>
    </row>
    <row r="24815" spans="8:8">
      <c r="H24815" s="12"/>
    </row>
    <row r="24816" spans="8:8">
      <c r="H24816" s="12"/>
    </row>
    <row r="24817" spans="8:8">
      <c r="H24817" s="12"/>
    </row>
    <row r="24818" spans="8:8">
      <c r="H24818" s="12"/>
    </row>
    <row r="24819" spans="8:8">
      <c r="H24819" s="12"/>
    </row>
    <row r="24820" spans="8:8">
      <c r="H24820" s="12"/>
    </row>
    <row r="24821" spans="8:8">
      <c r="H24821" s="12"/>
    </row>
    <row r="24822" spans="8:8">
      <c r="H24822" s="12"/>
    </row>
    <row r="24823" spans="8:8">
      <c r="H24823" s="12"/>
    </row>
    <row r="24824" spans="8:8">
      <c r="H24824" s="12"/>
    </row>
    <row r="24825" spans="8:8">
      <c r="H24825" s="12"/>
    </row>
    <row r="24826" spans="8:8">
      <c r="H24826" s="12"/>
    </row>
    <row r="24827" spans="8:8">
      <c r="H24827" s="12"/>
    </row>
    <row r="24828" spans="8:8">
      <c r="H24828" s="12"/>
    </row>
    <row r="24829" spans="8:8">
      <c r="H24829" s="12"/>
    </row>
    <row r="24830" spans="8:8">
      <c r="H24830" s="12"/>
    </row>
    <row r="24831" spans="8:8">
      <c r="H24831" s="12"/>
    </row>
    <row r="24832" spans="8:8">
      <c r="H24832" s="12"/>
    </row>
    <row r="24833" spans="8:8">
      <c r="H24833" s="12"/>
    </row>
    <row r="24834" spans="8:8">
      <c r="H24834" s="12"/>
    </row>
    <row r="24835" spans="8:8">
      <c r="H24835" s="12"/>
    </row>
    <row r="24836" spans="8:8">
      <c r="H24836" s="12"/>
    </row>
    <row r="24837" spans="8:8">
      <c r="H24837" s="12"/>
    </row>
    <row r="24838" spans="8:8">
      <c r="H24838" s="12"/>
    </row>
    <row r="24839" spans="8:8">
      <c r="H24839" s="12"/>
    </row>
    <row r="24840" spans="8:8">
      <c r="H24840" s="12"/>
    </row>
    <row r="24841" spans="8:8">
      <c r="H24841" s="12"/>
    </row>
    <row r="24842" spans="8:8">
      <c r="H24842" s="12"/>
    </row>
    <row r="24843" spans="8:8">
      <c r="H24843" s="12"/>
    </row>
    <row r="24844" spans="8:8">
      <c r="H24844" s="12"/>
    </row>
    <row r="24845" spans="8:8">
      <c r="H24845" s="12"/>
    </row>
    <row r="24846" spans="8:8">
      <c r="H24846" s="12"/>
    </row>
    <row r="24847" spans="8:8">
      <c r="H24847" s="12"/>
    </row>
    <row r="24848" spans="8:8">
      <c r="H24848" s="12"/>
    </row>
    <row r="24849" spans="8:8">
      <c r="H24849" s="12"/>
    </row>
    <row r="24850" spans="8:8">
      <c r="H24850" s="12"/>
    </row>
    <row r="24851" spans="8:8">
      <c r="H24851" s="12"/>
    </row>
    <row r="24852" spans="8:8">
      <c r="H24852" s="12"/>
    </row>
    <row r="24853" spans="8:8">
      <c r="H24853" s="12"/>
    </row>
    <row r="24854" spans="8:8">
      <c r="H24854" s="12"/>
    </row>
    <row r="24855" spans="8:8">
      <c r="H24855" s="12"/>
    </row>
    <row r="24856" spans="8:8">
      <c r="H24856" s="12"/>
    </row>
    <row r="24857" spans="8:8">
      <c r="H24857" s="12"/>
    </row>
    <row r="24858" spans="8:8">
      <c r="H24858" s="12"/>
    </row>
    <row r="24859" spans="8:8">
      <c r="H24859" s="12"/>
    </row>
    <row r="24860" spans="8:8">
      <c r="H24860" s="12"/>
    </row>
    <row r="24861" spans="8:8">
      <c r="H24861" s="12"/>
    </row>
    <row r="24862" spans="8:8">
      <c r="H24862" s="12"/>
    </row>
    <row r="24863" spans="8:8">
      <c r="H24863" s="12"/>
    </row>
    <row r="24864" spans="8:8">
      <c r="H24864" s="12"/>
    </row>
    <row r="24865" spans="8:8">
      <c r="H24865" s="12"/>
    </row>
    <row r="24866" spans="8:8">
      <c r="H24866" s="12"/>
    </row>
    <row r="24867" spans="8:8">
      <c r="H24867" s="12"/>
    </row>
    <row r="24868" spans="8:8">
      <c r="H24868" s="12"/>
    </row>
    <row r="24869" spans="8:8">
      <c r="H24869" s="12"/>
    </row>
    <row r="24870" spans="8:8">
      <c r="H24870" s="12"/>
    </row>
    <row r="24871" spans="8:8">
      <c r="H24871" s="12"/>
    </row>
    <row r="24872" spans="8:8">
      <c r="H24872" s="12"/>
    </row>
    <row r="24873" spans="8:8">
      <c r="H24873" s="12"/>
    </row>
    <row r="24874" spans="8:8">
      <c r="H24874" s="12"/>
    </row>
    <row r="24875" spans="8:8">
      <c r="H24875" s="12"/>
    </row>
    <row r="24876" spans="8:8">
      <c r="H24876" s="12"/>
    </row>
    <row r="24877" spans="8:8">
      <c r="H24877" s="12"/>
    </row>
    <row r="24878" spans="8:8">
      <c r="H24878" s="12"/>
    </row>
    <row r="24879" spans="8:8">
      <c r="H24879" s="12"/>
    </row>
    <row r="24880" spans="8:8">
      <c r="H24880" s="12"/>
    </row>
    <row r="24881" spans="8:8">
      <c r="H24881" s="12"/>
    </row>
    <row r="24882" spans="8:8">
      <c r="H24882" s="12"/>
    </row>
    <row r="24883" spans="8:8">
      <c r="H24883" s="12"/>
    </row>
    <row r="24884" spans="8:8">
      <c r="H24884" s="12"/>
    </row>
    <row r="24885" spans="8:8">
      <c r="H24885" s="12"/>
    </row>
    <row r="24886" spans="8:8">
      <c r="H24886" s="12"/>
    </row>
    <row r="24887" spans="8:8">
      <c r="H24887" s="12"/>
    </row>
    <row r="24888" spans="8:8">
      <c r="H24888" s="12"/>
    </row>
    <row r="24889" spans="8:8">
      <c r="H24889" s="12"/>
    </row>
    <row r="24890" spans="8:8">
      <c r="H24890" s="12"/>
    </row>
    <row r="24891" spans="8:8">
      <c r="H24891" s="12"/>
    </row>
    <row r="24892" spans="8:8">
      <c r="H24892" s="12"/>
    </row>
    <row r="24893" spans="8:8">
      <c r="H24893" s="12"/>
    </row>
    <row r="24894" spans="8:8">
      <c r="H24894" s="12"/>
    </row>
    <row r="24895" spans="8:8">
      <c r="H24895" s="12"/>
    </row>
    <row r="24896" spans="8:8">
      <c r="H24896" s="12"/>
    </row>
    <row r="24897" spans="8:8">
      <c r="H24897" s="12"/>
    </row>
    <row r="24898" spans="8:8">
      <c r="H24898" s="12"/>
    </row>
    <row r="24899" spans="8:8">
      <c r="H24899" s="12"/>
    </row>
    <row r="24900" spans="8:8">
      <c r="H24900" s="12"/>
    </row>
    <row r="24901" spans="8:8">
      <c r="H24901" s="12"/>
    </row>
    <row r="24902" spans="8:8">
      <c r="H24902" s="12"/>
    </row>
    <row r="24903" spans="8:8">
      <c r="H24903" s="12"/>
    </row>
    <row r="24904" spans="8:8">
      <c r="H24904" s="12"/>
    </row>
    <row r="24905" spans="8:8">
      <c r="H24905" s="12"/>
    </row>
    <row r="24906" spans="8:8">
      <c r="H24906" s="12"/>
    </row>
    <row r="24907" spans="8:8">
      <c r="H24907" s="12"/>
    </row>
    <row r="24908" spans="8:8">
      <c r="H24908" s="12"/>
    </row>
    <row r="24909" spans="8:8">
      <c r="H24909" s="12"/>
    </row>
    <row r="24910" spans="8:8">
      <c r="H24910" s="12"/>
    </row>
    <row r="24911" spans="8:8">
      <c r="H24911" s="12"/>
    </row>
    <row r="24912" spans="8:8">
      <c r="H24912" s="12"/>
    </row>
    <row r="24913" spans="8:8">
      <c r="H24913" s="12"/>
    </row>
    <row r="24914" spans="8:8">
      <c r="H24914" s="12"/>
    </row>
    <row r="24915" spans="8:8">
      <c r="H24915" s="12"/>
    </row>
    <row r="24916" spans="8:8">
      <c r="H24916" s="12"/>
    </row>
    <row r="24917" spans="8:8">
      <c r="H24917" s="12"/>
    </row>
    <row r="24918" spans="8:8">
      <c r="H24918" s="12"/>
    </row>
    <row r="24919" spans="8:8">
      <c r="H24919" s="12"/>
    </row>
    <row r="24920" spans="8:8">
      <c r="H24920" s="12"/>
    </row>
    <row r="24921" spans="8:8">
      <c r="H24921" s="12"/>
    </row>
    <row r="24922" spans="8:8">
      <c r="H24922" s="12"/>
    </row>
    <row r="24923" spans="8:8">
      <c r="H24923" s="12"/>
    </row>
    <row r="24924" spans="8:8">
      <c r="H24924" s="12"/>
    </row>
    <row r="24925" spans="8:8">
      <c r="H24925" s="12"/>
    </row>
    <row r="24926" spans="8:8">
      <c r="H24926" s="12"/>
    </row>
    <row r="24927" spans="8:8">
      <c r="H24927" s="12"/>
    </row>
    <row r="24928" spans="8:8">
      <c r="H24928" s="12"/>
    </row>
    <row r="24929" spans="8:8">
      <c r="H24929" s="12"/>
    </row>
    <row r="24930" spans="8:8">
      <c r="H24930" s="12"/>
    </row>
    <row r="24931" spans="8:8">
      <c r="H24931" s="12"/>
    </row>
    <row r="24932" spans="8:8">
      <c r="H24932" s="12"/>
    </row>
    <row r="24933" spans="8:8">
      <c r="H24933" s="12"/>
    </row>
    <row r="24934" spans="8:8">
      <c r="H24934" s="12"/>
    </row>
    <row r="24935" spans="8:8">
      <c r="H24935" s="12"/>
    </row>
    <row r="24936" spans="8:8">
      <c r="H24936" s="12"/>
    </row>
    <row r="24937" spans="8:8">
      <c r="H24937" s="12"/>
    </row>
    <row r="24938" spans="8:8">
      <c r="H24938" s="12"/>
    </row>
    <row r="24939" spans="8:8">
      <c r="H24939" s="12"/>
    </row>
    <row r="24940" spans="8:8">
      <c r="H24940" s="12"/>
    </row>
    <row r="24941" spans="8:8">
      <c r="H24941" s="12"/>
    </row>
    <row r="24942" spans="8:8">
      <c r="H24942" s="12"/>
    </row>
    <row r="24943" spans="8:8">
      <c r="H24943" s="12"/>
    </row>
    <row r="24944" spans="8:8">
      <c r="H24944" s="12"/>
    </row>
    <row r="24945" spans="8:8">
      <c r="H24945" s="12"/>
    </row>
    <row r="24946" spans="8:8">
      <c r="H24946" s="12"/>
    </row>
    <row r="24947" spans="8:8">
      <c r="H24947" s="12"/>
    </row>
    <row r="24948" spans="8:8">
      <c r="H24948" s="12"/>
    </row>
    <row r="24949" spans="8:8">
      <c r="H24949" s="12"/>
    </row>
    <row r="24950" spans="8:8">
      <c r="H24950" s="12"/>
    </row>
    <row r="24951" spans="8:8">
      <c r="H24951" s="12"/>
    </row>
    <row r="24952" spans="8:8">
      <c r="H24952" s="12"/>
    </row>
    <row r="24953" spans="8:8">
      <c r="H24953" s="12"/>
    </row>
    <row r="24954" spans="8:8">
      <c r="H24954" s="12"/>
    </row>
    <row r="24955" spans="8:8">
      <c r="H24955" s="12"/>
    </row>
    <row r="24956" spans="8:8">
      <c r="H24956" s="12"/>
    </row>
    <row r="24957" spans="8:8">
      <c r="H24957" s="12"/>
    </row>
    <row r="24958" spans="8:8">
      <c r="H24958" s="12"/>
    </row>
    <row r="24959" spans="8:8">
      <c r="H24959" s="12"/>
    </row>
    <row r="24960" spans="8:8">
      <c r="H24960" s="12"/>
    </row>
    <row r="24961" spans="8:8">
      <c r="H24961" s="12"/>
    </row>
    <row r="24962" spans="8:8">
      <c r="H24962" s="12"/>
    </row>
    <row r="24963" spans="8:8">
      <c r="H24963" s="12"/>
    </row>
    <row r="24964" spans="8:8">
      <c r="H24964" s="12"/>
    </row>
    <row r="24965" spans="8:8">
      <c r="H24965" s="12"/>
    </row>
    <row r="24966" spans="8:8">
      <c r="H24966" s="12"/>
    </row>
    <row r="24967" spans="8:8">
      <c r="H24967" s="12"/>
    </row>
    <row r="24968" spans="8:8">
      <c r="H24968" s="12"/>
    </row>
    <row r="24969" spans="8:8">
      <c r="H24969" s="12"/>
    </row>
    <row r="24970" spans="8:8">
      <c r="H24970" s="12"/>
    </row>
    <row r="24971" spans="8:8">
      <c r="H24971" s="12"/>
    </row>
    <row r="24972" spans="8:8">
      <c r="H24972" s="12"/>
    </row>
    <row r="24973" spans="8:8">
      <c r="H24973" s="12"/>
    </row>
    <row r="24974" spans="8:8">
      <c r="H24974" s="12"/>
    </row>
    <row r="24975" spans="8:8">
      <c r="H24975" s="12"/>
    </row>
    <row r="24976" spans="8:8">
      <c r="H24976" s="12"/>
    </row>
    <row r="24977" spans="8:8">
      <c r="H24977" s="12"/>
    </row>
    <row r="24978" spans="8:8">
      <c r="H24978" s="12"/>
    </row>
    <row r="24979" spans="8:8">
      <c r="H24979" s="12"/>
    </row>
    <row r="24980" spans="8:8">
      <c r="H24980" s="12"/>
    </row>
    <row r="24981" spans="8:8">
      <c r="H24981" s="12"/>
    </row>
    <row r="24982" spans="8:8">
      <c r="H24982" s="12"/>
    </row>
    <row r="24983" spans="8:8">
      <c r="H24983" s="12"/>
    </row>
    <row r="24984" spans="8:8">
      <c r="H24984" s="12"/>
    </row>
    <row r="24985" spans="8:8">
      <c r="H24985" s="12"/>
    </row>
    <row r="24986" spans="8:8">
      <c r="H24986" s="12"/>
    </row>
    <row r="24987" spans="8:8">
      <c r="H24987" s="12"/>
    </row>
    <row r="24988" spans="8:8">
      <c r="H24988" s="12"/>
    </row>
    <row r="24989" spans="8:8">
      <c r="H24989" s="12"/>
    </row>
    <row r="24990" spans="8:8">
      <c r="H24990" s="12"/>
    </row>
    <row r="24991" spans="8:8">
      <c r="H24991" s="12"/>
    </row>
    <row r="24992" spans="8:8">
      <c r="H24992" s="12"/>
    </row>
    <row r="24993" spans="8:8">
      <c r="H24993" s="12"/>
    </row>
    <row r="24994" spans="8:8">
      <c r="H24994" s="12"/>
    </row>
    <row r="24995" spans="8:8">
      <c r="H24995" s="12"/>
    </row>
    <row r="24996" spans="8:8">
      <c r="H24996" s="12"/>
    </row>
    <row r="24997" spans="8:8">
      <c r="H24997" s="12"/>
    </row>
    <row r="24998" spans="8:8">
      <c r="H24998" s="12"/>
    </row>
    <row r="24999" spans="8:8">
      <c r="H24999" s="12"/>
    </row>
    <row r="25000" spans="8:8">
      <c r="H25000" s="12"/>
    </row>
    <row r="25001" spans="8:8">
      <c r="H25001" s="12"/>
    </row>
    <row r="25002" spans="8:8">
      <c r="H25002" s="12"/>
    </row>
    <row r="25003" spans="8:8">
      <c r="H25003" s="12"/>
    </row>
    <row r="25004" spans="8:8">
      <c r="H25004" s="12"/>
    </row>
    <row r="25005" spans="8:8">
      <c r="H25005" s="12"/>
    </row>
    <row r="25006" spans="8:8">
      <c r="H25006" s="12"/>
    </row>
    <row r="25007" spans="8:8">
      <c r="H25007" s="12"/>
    </row>
    <row r="25008" spans="8:8">
      <c r="H25008" s="12"/>
    </row>
    <row r="25009" spans="8:8">
      <c r="H25009" s="12"/>
    </row>
    <row r="25010" spans="8:8">
      <c r="H25010" s="12"/>
    </row>
    <row r="25011" spans="8:8">
      <c r="H25011" s="12"/>
    </row>
    <row r="25012" spans="8:8">
      <c r="H25012" s="12"/>
    </row>
    <row r="25013" spans="8:8">
      <c r="H25013" s="12"/>
    </row>
    <row r="25014" spans="8:8">
      <c r="H25014" s="12"/>
    </row>
    <row r="25015" spans="8:8">
      <c r="H25015" s="12"/>
    </row>
    <row r="25016" spans="8:8">
      <c r="H25016" s="12"/>
    </row>
    <row r="25017" spans="8:8">
      <c r="H25017" s="12"/>
    </row>
    <row r="25018" spans="8:8">
      <c r="H25018" s="12"/>
    </row>
    <row r="25019" spans="8:8">
      <c r="H25019" s="12"/>
    </row>
    <row r="25020" spans="8:8">
      <c r="H25020" s="12"/>
    </row>
    <row r="25021" spans="8:8">
      <c r="H25021" s="12"/>
    </row>
    <row r="25022" spans="8:8">
      <c r="H25022" s="12"/>
    </row>
    <row r="25023" spans="8:8">
      <c r="H25023" s="12"/>
    </row>
    <row r="25024" spans="8:8">
      <c r="H25024" s="12"/>
    </row>
    <row r="25025" spans="8:8">
      <c r="H25025" s="12"/>
    </row>
    <row r="25026" spans="8:8">
      <c r="H25026" s="12"/>
    </row>
    <row r="25027" spans="8:8">
      <c r="H25027" s="12"/>
    </row>
    <row r="25028" spans="8:8">
      <c r="H25028" s="12"/>
    </row>
    <row r="25029" spans="8:8">
      <c r="H25029" s="12"/>
    </row>
    <row r="25030" spans="8:8">
      <c r="H25030" s="12"/>
    </row>
    <row r="25031" spans="8:8">
      <c r="H25031" s="12"/>
    </row>
    <row r="25032" spans="8:8">
      <c r="H25032" s="12"/>
    </row>
    <row r="25033" spans="8:8">
      <c r="H25033" s="12"/>
    </row>
    <row r="25034" spans="8:8">
      <c r="H25034" s="12"/>
    </row>
    <row r="25035" spans="8:8">
      <c r="H25035" s="12"/>
    </row>
    <row r="25036" spans="8:8">
      <c r="H25036" s="12"/>
    </row>
    <row r="25037" spans="8:8">
      <c r="H25037" s="12"/>
    </row>
    <row r="25038" spans="8:8">
      <c r="H25038" s="12"/>
    </row>
    <row r="25039" spans="8:8">
      <c r="H25039" s="12"/>
    </row>
    <row r="25040" spans="8:8">
      <c r="H25040" s="12"/>
    </row>
    <row r="25041" spans="8:8">
      <c r="H25041" s="12"/>
    </row>
    <row r="25042" spans="8:8">
      <c r="H25042" s="12"/>
    </row>
    <row r="25043" spans="8:8">
      <c r="H25043" s="12"/>
    </row>
    <row r="25044" spans="8:8">
      <c r="H25044" s="12"/>
    </row>
    <row r="25045" spans="8:8">
      <c r="H25045" s="12"/>
    </row>
    <row r="25046" spans="8:8">
      <c r="H25046" s="12"/>
    </row>
    <row r="25047" spans="8:8">
      <c r="H25047" s="12"/>
    </row>
    <row r="25048" spans="8:8">
      <c r="H25048" s="12"/>
    </row>
    <row r="25049" spans="8:8">
      <c r="H25049" s="12"/>
    </row>
    <row r="25050" spans="8:8">
      <c r="H25050" s="12"/>
    </row>
    <row r="25051" spans="8:8">
      <c r="H25051" s="12"/>
    </row>
    <row r="25052" spans="8:8">
      <c r="H25052" s="12"/>
    </row>
    <row r="25053" spans="8:8">
      <c r="H25053" s="12"/>
    </row>
    <row r="25054" spans="8:8">
      <c r="H25054" s="12"/>
    </row>
    <row r="25055" spans="8:8">
      <c r="H25055" s="12"/>
    </row>
    <row r="25056" spans="8:8">
      <c r="H25056" s="12"/>
    </row>
    <row r="25057" spans="8:8">
      <c r="H25057" s="12"/>
    </row>
    <row r="25058" spans="8:8">
      <c r="H25058" s="12"/>
    </row>
    <row r="25059" spans="8:8">
      <c r="H25059" s="12"/>
    </row>
    <row r="25060" spans="8:8">
      <c r="H25060" s="12"/>
    </row>
    <row r="25061" spans="8:8">
      <c r="H25061" s="12"/>
    </row>
    <row r="25062" spans="8:8">
      <c r="H25062" s="12"/>
    </row>
    <row r="25063" spans="8:8">
      <c r="H25063" s="12"/>
    </row>
    <row r="25064" spans="8:8">
      <c r="H25064" s="12"/>
    </row>
    <row r="25065" spans="8:8">
      <c r="H25065" s="12"/>
    </row>
    <row r="25066" spans="8:8">
      <c r="H25066" s="12"/>
    </row>
    <row r="25067" spans="8:8">
      <c r="H25067" s="12"/>
    </row>
    <row r="25068" spans="8:8">
      <c r="H25068" s="12"/>
    </row>
    <row r="25069" spans="8:8">
      <c r="H25069" s="12"/>
    </row>
    <row r="25070" spans="8:8">
      <c r="H25070" s="12"/>
    </row>
    <row r="25071" spans="8:8">
      <c r="H25071" s="12"/>
    </row>
    <row r="25072" spans="8:8">
      <c r="H25072" s="12"/>
    </row>
    <row r="25073" spans="8:8">
      <c r="H25073" s="12"/>
    </row>
    <row r="25074" spans="8:8">
      <c r="H25074" s="12"/>
    </row>
    <row r="25075" spans="8:8">
      <c r="H25075" s="12"/>
    </row>
    <row r="25076" spans="8:8">
      <c r="H25076" s="12"/>
    </row>
    <row r="25077" spans="8:8">
      <c r="H25077" s="12"/>
    </row>
    <row r="25078" spans="8:8">
      <c r="H25078" s="12"/>
    </row>
    <row r="25079" spans="8:8">
      <c r="H25079" s="12"/>
    </row>
    <row r="25080" spans="8:8">
      <c r="H25080" s="12"/>
    </row>
    <row r="25081" spans="8:8">
      <c r="H25081" s="12"/>
    </row>
    <row r="25082" spans="8:8">
      <c r="H25082" s="12"/>
    </row>
    <row r="25083" spans="8:8">
      <c r="H25083" s="12"/>
    </row>
    <row r="25084" spans="8:8">
      <c r="H25084" s="12"/>
    </row>
    <row r="25085" spans="8:8">
      <c r="H25085" s="12"/>
    </row>
    <row r="25086" spans="8:8">
      <c r="H25086" s="12"/>
    </row>
    <row r="25087" spans="8:8">
      <c r="H25087" s="12"/>
    </row>
    <row r="25088" spans="8:8">
      <c r="H25088" s="12"/>
    </row>
    <row r="25089" spans="8:8">
      <c r="H25089" s="12"/>
    </row>
    <row r="25090" spans="8:8">
      <c r="H25090" s="12"/>
    </row>
    <row r="25091" spans="8:8">
      <c r="H25091" s="12"/>
    </row>
    <row r="25092" spans="8:8">
      <c r="H25092" s="12"/>
    </row>
    <row r="25093" spans="8:8">
      <c r="H25093" s="12"/>
    </row>
    <row r="25094" spans="8:8">
      <c r="H25094" s="12"/>
    </row>
    <row r="25095" spans="8:8">
      <c r="H25095" s="12"/>
    </row>
    <row r="25096" spans="8:8">
      <c r="H25096" s="12"/>
    </row>
    <row r="25097" spans="8:8">
      <c r="H25097" s="12"/>
    </row>
    <row r="25098" spans="8:8">
      <c r="H25098" s="12"/>
    </row>
    <row r="25099" spans="8:8">
      <c r="H25099" s="12"/>
    </row>
    <row r="25100" spans="8:8">
      <c r="H25100" s="12"/>
    </row>
    <row r="25101" spans="8:8">
      <c r="H25101" s="12"/>
    </row>
    <row r="25102" spans="8:8">
      <c r="H25102" s="12"/>
    </row>
    <row r="25103" spans="8:8">
      <c r="H25103" s="12"/>
    </row>
    <row r="25104" spans="8:8">
      <c r="H25104" s="12"/>
    </row>
    <row r="25105" spans="8:8">
      <c r="H25105" s="12"/>
    </row>
    <row r="25106" spans="8:8">
      <c r="H25106" s="12"/>
    </row>
    <row r="25107" spans="8:8">
      <c r="H25107" s="12"/>
    </row>
    <row r="25108" spans="8:8">
      <c r="H25108" s="12"/>
    </row>
    <row r="25109" spans="8:8">
      <c r="H25109" s="12"/>
    </row>
    <row r="25110" spans="8:8">
      <c r="H25110" s="12"/>
    </row>
    <row r="25111" spans="8:8">
      <c r="H25111" s="12"/>
    </row>
    <row r="25112" spans="8:8">
      <c r="H25112" s="12"/>
    </row>
    <row r="25113" spans="8:8">
      <c r="H25113" s="12"/>
    </row>
    <row r="25114" spans="8:8">
      <c r="H25114" s="12"/>
    </row>
    <row r="25115" spans="8:8">
      <c r="H25115" s="12"/>
    </row>
    <row r="25116" spans="8:8">
      <c r="H25116" s="12"/>
    </row>
    <row r="25117" spans="8:8">
      <c r="H25117" s="12"/>
    </row>
    <row r="25118" spans="8:8">
      <c r="H25118" s="12"/>
    </row>
    <row r="25119" spans="8:8">
      <c r="H25119" s="12"/>
    </row>
    <row r="25120" spans="8:8">
      <c r="H25120" s="12"/>
    </row>
    <row r="25121" spans="8:8">
      <c r="H25121" s="12"/>
    </row>
    <row r="25122" spans="8:8">
      <c r="H25122" s="12"/>
    </row>
    <row r="25123" spans="8:8">
      <c r="H25123" s="12"/>
    </row>
    <row r="25124" spans="8:8">
      <c r="H25124" s="12"/>
    </row>
    <row r="25125" spans="8:8">
      <c r="H25125" s="12"/>
    </row>
    <row r="25126" spans="8:8">
      <c r="H25126" s="12"/>
    </row>
    <row r="25127" spans="8:8">
      <c r="H25127" s="12"/>
    </row>
    <row r="25128" spans="8:8">
      <c r="H25128" s="12"/>
    </row>
    <row r="25129" spans="8:8">
      <c r="H25129" s="12"/>
    </row>
    <row r="25130" spans="8:8">
      <c r="H25130" s="12"/>
    </row>
    <row r="25131" spans="8:8">
      <c r="H25131" s="12"/>
    </row>
    <row r="25132" spans="8:8">
      <c r="H25132" s="12"/>
    </row>
    <row r="25133" spans="8:8">
      <c r="H25133" s="12"/>
    </row>
    <row r="25134" spans="8:8">
      <c r="H25134" s="12"/>
    </row>
    <row r="25135" spans="8:8">
      <c r="H25135" s="12"/>
    </row>
    <row r="25136" spans="8:8">
      <c r="H25136" s="12"/>
    </row>
    <row r="25137" spans="8:8">
      <c r="H25137" s="12"/>
    </row>
    <row r="25138" spans="8:8">
      <c r="H25138" s="12"/>
    </row>
    <row r="25139" spans="8:8">
      <c r="H25139" s="12"/>
    </row>
    <row r="25140" spans="8:8">
      <c r="H25140" s="12"/>
    </row>
    <row r="25141" spans="8:8">
      <c r="H25141" s="12"/>
    </row>
    <row r="25142" spans="8:8">
      <c r="H25142" s="12"/>
    </row>
    <row r="25143" spans="8:8">
      <c r="H25143" s="12"/>
    </row>
    <row r="25144" spans="8:8">
      <c r="H25144" s="12"/>
    </row>
    <row r="25145" spans="8:8">
      <c r="H25145" s="12"/>
    </row>
    <row r="25146" spans="8:8">
      <c r="H25146" s="12"/>
    </row>
    <row r="25147" spans="8:8">
      <c r="H25147" s="12"/>
    </row>
    <row r="25148" spans="8:8">
      <c r="H25148" s="12"/>
    </row>
    <row r="25149" spans="8:8">
      <c r="H25149" s="12"/>
    </row>
    <row r="25150" spans="8:8">
      <c r="H25150" s="12"/>
    </row>
    <row r="25151" spans="8:8">
      <c r="H25151" s="12"/>
    </row>
    <row r="25152" spans="8:8">
      <c r="H25152" s="12"/>
    </row>
    <row r="25153" spans="8:8">
      <c r="H25153" s="12"/>
    </row>
    <row r="25154" spans="8:8">
      <c r="H25154" s="12"/>
    </row>
    <row r="25155" spans="8:8">
      <c r="H25155" s="12"/>
    </row>
    <row r="25156" spans="8:8">
      <c r="H25156" s="12"/>
    </row>
    <row r="25157" spans="8:8">
      <c r="H25157" s="12"/>
    </row>
    <row r="25158" spans="8:8">
      <c r="H25158" s="12"/>
    </row>
    <row r="25159" spans="8:8">
      <c r="H25159" s="12"/>
    </row>
    <row r="25160" spans="8:8">
      <c r="H25160" s="12"/>
    </row>
    <row r="25161" spans="8:8">
      <c r="H25161" s="12"/>
    </row>
    <row r="25162" spans="8:8">
      <c r="H25162" s="12"/>
    </row>
    <row r="25163" spans="8:8">
      <c r="H25163" s="12"/>
    </row>
    <row r="25164" spans="8:8">
      <c r="H25164" s="12"/>
    </row>
    <row r="25165" spans="8:8">
      <c r="H25165" s="12"/>
    </row>
    <row r="25166" spans="8:8">
      <c r="H25166" s="12"/>
    </row>
    <row r="25167" spans="8:8">
      <c r="H25167" s="12"/>
    </row>
    <row r="25168" spans="8:8">
      <c r="H25168" s="12"/>
    </row>
    <row r="25169" spans="8:8">
      <c r="H25169" s="12"/>
    </row>
    <row r="25170" spans="8:8">
      <c r="H25170" s="12"/>
    </row>
    <row r="25171" spans="8:8">
      <c r="H25171" s="12"/>
    </row>
    <row r="25172" spans="8:8">
      <c r="H25172" s="12"/>
    </row>
    <row r="25173" spans="8:8">
      <c r="H25173" s="12"/>
    </row>
    <row r="25174" spans="8:8">
      <c r="H25174" s="12"/>
    </row>
    <row r="25175" spans="8:8">
      <c r="H25175" s="12"/>
    </row>
    <row r="25176" spans="8:8">
      <c r="H25176" s="12"/>
    </row>
    <row r="25177" spans="8:8">
      <c r="H25177" s="12"/>
    </row>
    <row r="25178" spans="8:8">
      <c r="H25178" s="12"/>
    </row>
    <row r="25179" spans="8:8">
      <c r="H25179" s="12"/>
    </row>
    <row r="25180" spans="8:8">
      <c r="H25180" s="12"/>
    </row>
    <row r="25181" spans="8:8">
      <c r="H25181" s="12"/>
    </row>
    <row r="25182" spans="8:8">
      <c r="H25182" s="12"/>
    </row>
    <row r="25183" spans="8:8">
      <c r="H25183" s="12"/>
    </row>
    <row r="25184" spans="8:8">
      <c r="H25184" s="12"/>
    </row>
    <row r="25185" spans="8:8">
      <c r="H25185" s="12"/>
    </row>
    <row r="25186" spans="8:8">
      <c r="H25186" s="12"/>
    </row>
    <row r="25187" spans="8:8">
      <c r="H25187" s="12"/>
    </row>
    <row r="25188" spans="8:8">
      <c r="H25188" s="12"/>
    </row>
    <row r="25189" spans="8:8">
      <c r="H25189" s="12"/>
    </row>
    <row r="25190" spans="8:8">
      <c r="H25190" s="12"/>
    </row>
    <row r="25191" spans="8:8">
      <c r="H25191" s="12"/>
    </row>
    <row r="25192" spans="8:8">
      <c r="H25192" s="12"/>
    </row>
    <row r="25193" spans="8:8">
      <c r="H25193" s="12"/>
    </row>
    <row r="25194" spans="8:8">
      <c r="H25194" s="12"/>
    </row>
    <row r="25195" spans="8:8">
      <c r="H25195" s="12"/>
    </row>
    <row r="25196" spans="8:8">
      <c r="H25196" s="12"/>
    </row>
    <row r="25197" spans="8:8">
      <c r="H25197" s="12"/>
    </row>
    <row r="25198" spans="8:8">
      <c r="H25198" s="12"/>
    </row>
    <row r="25199" spans="8:8">
      <c r="H25199" s="12"/>
    </row>
    <row r="25200" spans="8:8">
      <c r="H25200" s="12"/>
    </row>
    <row r="25201" spans="8:8">
      <c r="H25201" s="12"/>
    </row>
    <row r="25202" spans="8:8">
      <c r="H25202" s="12"/>
    </row>
    <row r="25203" spans="8:8">
      <c r="H25203" s="12"/>
    </row>
    <row r="25204" spans="8:8">
      <c r="H25204" s="12"/>
    </row>
    <row r="25205" spans="8:8">
      <c r="H25205" s="12"/>
    </row>
    <row r="25206" spans="8:8">
      <c r="H25206" s="12"/>
    </row>
    <row r="25207" spans="8:8">
      <c r="H25207" s="12"/>
    </row>
    <row r="25208" spans="8:8">
      <c r="H25208" s="12"/>
    </row>
    <row r="25209" spans="8:8">
      <c r="H25209" s="12"/>
    </row>
    <row r="25210" spans="8:8">
      <c r="H25210" s="12"/>
    </row>
    <row r="25211" spans="8:8">
      <c r="H25211" s="12"/>
    </row>
    <row r="25212" spans="8:8">
      <c r="H25212" s="12"/>
    </row>
    <row r="25213" spans="8:8">
      <c r="H25213" s="12"/>
    </row>
    <row r="25214" spans="8:8">
      <c r="H25214" s="12"/>
    </row>
    <row r="25215" spans="8:8">
      <c r="H25215" s="12"/>
    </row>
    <row r="25216" spans="8:8">
      <c r="H25216" s="12"/>
    </row>
    <row r="25217" spans="8:8">
      <c r="H25217" s="12"/>
    </row>
    <row r="25218" spans="8:8">
      <c r="H25218" s="12"/>
    </row>
    <row r="25219" spans="8:8">
      <c r="H25219" s="12"/>
    </row>
    <row r="25220" spans="8:8">
      <c r="H25220" s="12"/>
    </row>
    <row r="25221" spans="8:8">
      <c r="H25221" s="12"/>
    </row>
    <row r="25222" spans="8:8">
      <c r="H25222" s="12"/>
    </row>
    <row r="25223" spans="8:8">
      <c r="H25223" s="12"/>
    </row>
    <row r="25224" spans="8:8">
      <c r="H25224" s="12"/>
    </row>
    <row r="25225" spans="8:8">
      <c r="H25225" s="12"/>
    </row>
    <row r="25226" spans="8:8">
      <c r="H25226" s="12"/>
    </row>
    <row r="25227" spans="8:8">
      <c r="H25227" s="12"/>
    </row>
    <row r="25228" spans="8:8">
      <c r="H25228" s="12"/>
    </row>
    <row r="25229" spans="8:8">
      <c r="H25229" s="12"/>
    </row>
    <row r="25230" spans="8:8">
      <c r="H25230" s="12"/>
    </row>
    <row r="25231" spans="8:8">
      <c r="H25231" s="12"/>
    </row>
    <row r="25232" spans="8:8">
      <c r="H25232" s="12"/>
    </row>
    <row r="25233" spans="8:8">
      <c r="H25233" s="12"/>
    </row>
    <row r="25234" spans="8:8">
      <c r="H25234" s="12"/>
    </row>
    <row r="25235" spans="8:8">
      <c r="H25235" s="12"/>
    </row>
    <row r="25236" spans="8:8">
      <c r="H25236" s="12"/>
    </row>
    <row r="25237" spans="8:8">
      <c r="H25237" s="12"/>
    </row>
    <row r="25238" spans="8:8">
      <c r="H25238" s="12"/>
    </row>
    <row r="25239" spans="8:8">
      <c r="H25239" s="12"/>
    </row>
    <row r="25240" spans="8:8">
      <c r="H25240" s="12"/>
    </row>
    <row r="25241" spans="8:8">
      <c r="H25241" s="12"/>
    </row>
    <row r="25242" spans="8:8">
      <c r="H25242" s="12"/>
    </row>
    <row r="25243" spans="8:8">
      <c r="H25243" s="12"/>
    </row>
    <row r="25244" spans="8:8">
      <c r="H25244" s="12"/>
    </row>
    <row r="25245" spans="8:8">
      <c r="H25245" s="12"/>
    </row>
    <row r="25246" spans="8:8">
      <c r="H25246" s="12"/>
    </row>
    <row r="25247" spans="8:8">
      <c r="H25247" s="12"/>
    </row>
    <row r="25248" spans="8:8">
      <c r="H25248" s="12"/>
    </row>
    <row r="25249" spans="8:8">
      <c r="H25249" s="12"/>
    </row>
    <row r="25250" spans="8:8">
      <c r="H25250" s="12"/>
    </row>
    <row r="25251" spans="8:8">
      <c r="H25251" s="12"/>
    </row>
    <row r="25252" spans="8:8">
      <c r="H25252" s="12"/>
    </row>
    <row r="25253" spans="8:8">
      <c r="H25253" s="12"/>
    </row>
    <row r="25254" spans="8:8">
      <c r="H25254" s="12"/>
    </row>
    <row r="25255" spans="8:8">
      <c r="H25255" s="12"/>
    </row>
    <row r="25256" spans="8:8">
      <c r="H25256" s="12"/>
    </row>
    <row r="25257" spans="8:8">
      <c r="H25257" s="12"/>
    </row>
    <row r="25258" spans="8:8">
      <c r="H25258" s="12"/>
    </row>
    <row r="25259" spans="8:8">
      <c r="H25259" s="12"/>
    </row>
    <row r="25260" spans="8:8">
      <c r="H25260" s="12"/>
    </row>
    <row r="25261" spans="8:8">
      <c r="H25261" s="12"/>
    </row>
    <row r="25262" spans="8:8">
      <c r="H25262" s="12"/>
    </row>
    <row r="25263" spans="8:8">
      <c r="H25263" s="12"/>
    </row>
    <row r="25264" spans="8:8">
      <c r="H25264" s="12"/>
    </row>
    <row r="25265" spans="8:8">
      <c r="H25265" s="12"/>
    </row>
    <row r="25266" spans="8:8">
      <c r="H25266" s="12"/>
    </row>
    <row r="25267" spans="8:8">
      <c r="H25267" s="12"/>
    </row>
    <row r="25268" spans="8:8">
      <c r="H25268" s="12"/>
    </row>
    <row r="25269" spans="8:8">
      <c r="H25269" s="12"/>
    </row>
    <row r="25270" spans="8:8">
      <c r="H25270" s="12"/>
    </row>
    <row r="25271" spans="8:8">
      <c r="H25271" s="12"/>
    </row>
    <row r="25272" spans="8:8">
      <c r="H25272" s="12"/>
    </row>
    <row r="25273" spans="8:8">
      <c r="H25273" s="12"/>
    </row>
    <row r="25274" spans="8:8">
      <c r="H25274" s="12"/>
    </row>
    <row r="25275" spans="8:8">
      <c r="H25275" s="12"/>
    </row>
    <row r="25276" spans="8:8">
      <c r="H25276" s="12"/>
    </row>
    <row r="25277" spans="8:8">
      <c r="H25277" s="12"/>
    </row>
    <row r="25278" spans="8:8">
      <c r="H25278" s="12"/>
    </row>
    <row r="25279" spans="8:8">
      <c r="H25279" s="12"/>
    </row>
    <row r="25280" spans="8:8">
      <c r="H25280" s="12"/>
    </row>
    <row r="25281" spans="8:8">
      <c r="H25281" s="12"/>
    </row>
    <row r="25282" spans="8:8">
      <c r="H25282" s="12"/>
    </row>
    <row r="25283" spans="8:8">
      <c r="H25283" s="12"/>
    </row>
    <row r="25284" spans="8:8">
      <c r="H25284" s="12"/>
    </row>
    <row r="25285" spans="8:8">
      <c r="H25285" s="12"/>
    </row>
    <row r="25286" spans="8:8">
      <c r="H25286" s="12"/>
    </row>
    <row r="25287" spans="8:8">
      <c r="H25287" s="12"/>
    </row>
    <row r="25288" spans="8:8">
      <c r="H25288" s="12"/>
    </row>
    <row r="25289" spans="8:8">
      <c r="H25289" s="12"/>
    </row>
    <row r="25290" spans="8:8">
      <c r="H25290" s="12"/>
    </row>
    <row r="25291" spans="8:8">
      <c r="H25291" s="12"/>
    </row>
    <row r="25292" spans="8:8">
      <c r="H25292" s="12"/>
    </row>
    <row r="25293" spans="8:8">
      <c r="H25293" s="12"/>
    </row>
    <row r="25294" spans="8:8">
      <c r="H25294" s="12"/>
    </row>
    <row r="25295" spans="8:8">
      <c r="H25295" s="12"/>
    </row>
    <row r="25296" spans="8:8">
      <c r="H25296" s="12"/>
    </row>
    <row r="25297" spans="8:8">
      <c r="H25297" s="12"/>
    </row>
    <row r="25298" spans="8:8">
      <c r="H25298" s="12"/>
    </row>
    <row r="25299" spans="8:8">
      <c r="H25299" s="12"/>
    </row>
    <row r="25300" spans="8:8">
      <c r="H25300" s="12"/>
    </row>
    <row r="25301" spans="8:8">
      <c r="H25301" s="12"/>
    </row>
    <row r="25302" spans="8:8">
      <c r="H25302" s="12"/>
    </row>
    <row r="25303" spans="8:8">
      <c r="H25303" s="12"/>
    </row>
    <row r="25304" spans="8:8">
      <c r="H25304" s="12"/>
    </row>
    <row r="25305" spans="8:8">
      <c r="H25305" s="12"/>
    </row>
    <row r="25306" spans="8:8">
      <c r="H25306" s="12"/>
    </row>
    <row r="25307" spans="8:8">
      <c r="H25307" s="12"/>
    </row>
    <row r="25308" spans="8:8">
      <c r="H25308" s="12"/>
    </row>
    <row r="25309" spans="8:8">
      <c r="H25309" s="12"/>
    </row>
    <row r="25310" spans="8:8">
      <c r="H25310" s="12"/>
    </row>
    <row r="25311" spans="8:8">
      <c r="H25311" s="12"/>
    </row>
    <row r="25312" spans="8:8">
      <c r="H25312" s="12"/>
    </row>
    <row r="25313" spans="8:8">
      <c r="H25313" s="12"/>
    </row>
    <row r="25314" spans="8:8">
      <c r="H25314" s="12"/>
    </row>
    <row r="25315" spans="8:8">
      <c r="H25315" s="12"/>
    </row>
    <row r="25316" spans="8:8">
      <c r="H25316" s="12"/>
    </row>
    <row r="25317" spans="8:8">
      <c r="H25317" s="12"/>
    </row>
    <row r="25318" spans="8:8">
      <c r="H25318" s="12"/>
    </row>
    <row r="25319" spans="8:8">
      <c r="H25319" s="12"/>
    </row>
    <row r="25320" spans="8:8">
      <c r="H25320" s="12"/>
    </row>
    <row r="25321" spans="8:8">
      <c r="H25321" s="12"/>
    </row>
    <row r="25322" spans="8:8">
      <c r="H25322" s="12"/>
    </row>
    <row r="25323" spans="8:8">
      <c r="H25323" s="12"/>
    </row>
    <row r="25324" spans="8:8">
      <c r="H25324" s="12"/>
    </row>
    <row r="25325" spans="8:8">
      <c r="H25325" s="12"/>
    </row>
    <row r="25326" spans="8:8">
      <c r="H25326" s="12"/>
    </row>
    <row r="25327" spans="8:8">
      <c r="H25327" s="12"/>
    </row>
    <row r="25328" spans="8:8">
      <c r="H25328" s="12"/>
    </row>
    <row r="25329" spans="8:8">
      <c r="H25329" s="12"/>
    </row>
    <row r="25330" spans="8:8">
      <c r="H25330" s="12"/>
    </row>
    <row r="25331" spans="8:8">
      <c r="H25331" s="12"/>
    </row>
    <row r="25332" spans="8:8">
      <c r="H25332" s="12"/>
    </row>
    <row r="25333" spans="8:8">
      <c r="H25333" s="12"/>
    </row>
    <row r="25334" spans="8:8">
      <c r="H25334" s="12"/>
    </row>
    <row r="25335" spans="8:8">
      <c r="H25335" s="12"/>
    </row>
    <row r="25336" spans="8:8">
      <c r="H25336" s="12"/>
    </row>
    <row r="25337" spans="8:8">
      <c r="H25337" s="12"/>
    </row>
    <row r="25338" spans="8:8">
      <c r="H25338" s="12"/>
    </row>
    <row r="25339" spans="8:8">
      <c r="H25339" s="12"/>
    </row>
    <row r="25340" spans="8:8">
      <c r="H25340" s="12"/>
    </row>
    <row r="25341" spans="8:8">
      <c r="H25341" s="12"/>
    </row>
    <row r="25342" spans="8:8">
      <c r="H25342" s="12"/>
    </row>
    <row r="25343" spans="8:8">
      <c r="H25343" s="12"/>
    </row>
    <row r="25344" spans="8:8">
      <c r="H25344" s="12"/>
    </row>
    <row r="25345" spans="8:8">
      <c r="H25345" s="12"/>
    </row>
    <row r="25346" spans="8:8">
      <c r="H25346" s="12"/>
    </row>
    <row r="25347" spans="8:8">
      <c r="H25347" s="12"/>
    </row>
    <row r="25348" spans="8:8">
      <c r="H25348" s="12"/>
    </row>
    <row r="25349" spans="8:8">
      <c r="H25349" s="12"/>
    </row>
    <row r="25350" spans="8:8">
      <c r="H25350" s="12"/>
    </row>
    <row r="25351" spans="8:8">
      <c r="H25351" s="12"/>
    </row>
    <row r="25352" spans="8:8">
      <c r="H25352" s="12"/>
    </row>
    <row r="25353" spans="8:8">
      <c r="H25353" s="12"/>
    </row>
    <row r="25354" spans="8:8">
      <c r="H25354" s="12"/>
    </row>
    <row r="25355" spans="8:8">
      <c r="H25355" s="12"/>
    </row>
    <row r="25356" spans="8:8">
      <c r="H25356" s="12"/>
    </row>
    <row r="25357" spans="8:8">
      <c r="H25357" s="12"/>
    </row>
    <row r="25358" spans="8:8">
      <c r="H25358" s="12"/>
    </row>
    <row r="25359" spans="8:8">
      <c r="H25359" s="12"/>
    </row>
    <row r="25360" spans="8:8">
      <c r="H25360" s="12"/>
    </row>
    <row r="25361" spans="8:8">
      <c r="H25361" s="12"/>
    </row>
    <row r="25362" spans="8:8">
      <c r="H25362" s="12"/>
    </row>
    <row r="25363" spans="8:8">
      <c r="H25363" s="12"/>
    </row>
    <row r="25364" spans="8:8">
      <c r="H25364" s="12"/>
    </row>
    <row r="25365" spans="8:8">
      <c r="H25365" s="12"/>
    </row>
    <row r="25366" spans="8:8">
      <c r="H25366" s="12"/>
    </row>
    <row r="25367" spans="8:8">
      <c r="H25367" s="12"/>
    </row>
    <row r="25368" spans="8:8">
      <c r="H25368" s="12"/>
    </row>
    <row r="25369" spans="8:8">
      <c r="H25369" s="12"/>
    </row>
    <row r="25370" spans="8:8">
      <c r="H25370" s="12"/>
    </row>
    <row r="25371" spans="8:8">
      <c r="H25371" s="12"/>
    </row>
    <row r="25372" spans="8:8">
      <c r="H25372" s="12"/>
    </row>
    <row r="25373" spans="8:8">
      <c r="H25373" s="12"/>
    </row>
    <row r="25374" spans="8:8">
      <c r="H25374" s="12"/>
    </row>
    <row r="25375" spans="8:8">
      <c r="H25375" s="12"/>
    </row>
    <row r="25376" spans="8:8">
      <c r="H25376" s="12"/>
    </row>
    <row r="25377" spans="8:8">
      <c r="H25377" s="12"/>
    </row>
    <row r="25378" spans="8:8">
      <c r="H25378" s="12"/>
    </row>
    <row r="25379" spans="8:8">
      <c r="H25379" s="12"/>
    </row>
    <row r="25380" spans="8:8">
      <c r="H25380" s="12"/>
    </row>
    <row r="25381" spans="8:8">
      <c r="H25381" s="12"/>
    </row>
    <row r="25382" spans="8:8">
      <c r="H25382" s="12"/>
    </row>
    <row r="25383" spans="8:8">
      <c r="H25383" s="12"/>
    </row>
    <row r="25384" spans="8:8">
      <c r="H25384" s="12"/>
    </row>
    <row r="25385" spans="8:8">
      <c r="H25385" s="12"/>
    </row>
    <row r="25386" spans="8:8">
      <c r="H25386" s="12"/>
    </row>
    <row r="25387" spans="8:8">
      <c r="H25387" s="12"/>
    </row>
    <row r="25388" spans="8:8">
      <c r="H25388" s="12"/>
    </row>
    <row r="25389" spans="8:8">
      <c r="H25389" s="12"/>
    </row>
    <row r="25390" spans="8:8">
      <c r="H25390" s="12"/>
    </row>
    <row r="25391" spans="8:8">
      <c r="H25391" s="12"/>
    </row>
    <row r="25392" spans="8:8">
      <c r="H25392" s="12"/>
    </row>
    <row r="25393" spans="8:8">
      <c r="H25393" s="12"/>
    </row>
    <row r="25394" spans="8:8">
      <c r="H25394" s="12"/>
    </row>
    <row r="25395" spans="8:8">
      <c r="H25395" s="12"/>
    </row>
    <row r="25396" spans="8:8">
      <c r="H25396" s="12"/>
    </row>
    <row r="25397" spans="8:8">
      <c r="H25397" s="12"/>
    </row>
    <row r="25398" spans="8:8">
      <c r="H25398" s="12"/>
    </row>
    <row r="25399" spans="8:8">
      <c r="H25399" s="12"/>
    </row>
    <row r="25400" spans="8:8">
      <c r="H25400" s="12"/>
    </row>
    <row r="25401" spans="8:8">
      <c r="H25401" s="12"/>
    </row>
    <row r="25402" spans="8:8">
      <c r="H25402" s="12"/>
    </row>
    <row r="25403" spans="8:8">
      <c r="H25403" s="12"/>
    </row>
    <row r="25404" spans="8:8">
      <c r="H25404" s="12"/>
    </row>
    <row r="25405" spans="8:8">
      <c r="H25405" s="12"/>
    </row>
    <row r="25406" spans="8:8">
      <c r="H25406" s="12"/>
    </row>
    <row r="25407" spans="8:8">
      <c r="H25407" s="12"/>
    </row>
    <row r="25408" spans="8:8">
      <c r="H25408" s="12"/>
    </row>
    <row r="25409" spans="8:8">
      <c r="H25409" s="12"/>
    </row>
    <row r="25410" spans="8:8">
      <c r="H25410" s="12"/>
    </row>
    <row r="25411" spans="8:8">
      <c r="H25411" s="12"/>
    </row>
    <row r="25412" spans="8:8">
      <c r="H25412" s="12"/>
    </row>
    <row r="25413" spans="8:8">
      <c r="H25413" s="12"/>
    </row>
    <row r="25414" spans="8:8">
      <c r="H25414" s="12"/>
    </row>
    <row r="25415" spans="8:8">
      <c r="H25415" s="12"/>
    </row>
    <row r="25416" spans="8:8">
      <c r="H25416" s="12"/>
    </row>
    <row r="25417" spans="8:8">
      <c r="H25417" s="12"/>
    </row>
    <row r="25418" spans="8:8">
      <c r="H25418" s="12"/>
    </row>
    <row r="25419" spans="8:8">
      <c r="H25419" s="12"/>
    </row>
    <row r="25420" spans="8:8">
      <c r="H25420" s="12"/>
    </row>
    <row r="25421" spans="8:8">
      <c r="H25421" s="12"/>
    </row>
    <row r="25422" spans="8:8">
      <c r="H25422" s="12"/>
    </row>
    <row r="25423" spans="8:8">
      <c r="H25423" s="12"/>
    </row>
    <row r="25424" spans="8:8">
      <c r="H25424" s="12"/>
    </row>
    <row r="25425" spans="8:8">
      <c r="H25425" s="12"/>
    </row>
    <row r="25426" spans="8:8">
      <c r="H25426" s="12"/>
    </row>
    <row r="25427" spans="8:8">
      <c r="H25427" s="12"/>
    </row>
    <row r="25428" spans="8:8">
      <c r="H25428" s="12"/>
    </row>
    <row r="25429" spans="8:8">
      <c r="H25429" s="12"/>
    </row>
    <row r="25430" spans="8:8">
      <c r="H25430" s="12"/>
    </row>
    <row r="25431" spans="8:8">
      <c r="H25431" s="12"/>
    </row>
    <row r="25432" spans="8:8">
      <c r="H25432" s="12"/>
    </row>
    <row r="25433" spans="8:8">
      <c r="H25433" s="12"/>
    </row>
    <row r="25434" spans="8:8">
      <c r="H25434" s="12"/>
    </row>
    <row r="25435" spans="8:8">
      <c r="H25435" s="12"/>
    </row>
    <row r="25436" spans="8:8">
      <c r="H25436" s="12"/>
    </row>
    <row r="25437" spans="8:8">
      <c r="H25437" s="12"/>
    </row>
    <row r="25438" spans="8:8">
      <c r="H25438" s="12"/>
    </row>
    <row r="25439" spans="8:8">
      <c r="H25439" s="12"/>
    </row>
    <row r="25440" spans="8:8">
      <c r="H25440" s="12"/>
    </row>
    <row r="25441" spans="8:8">
      <c r="H25441" s="12"/>
    </row>
    <row r="25442" spans="8:8">
      <c r="H25442" s="12"/>
    </row>
    <row r="25443" spans="8:8">
      <c r="H25443" s="12"/>
    </row>
    <row r="25444" spans="8:8">
      <c r="H25444" s="12"/>
    </row>
    <row r="25445" spans="8:8">
      <c r="H25445" s="12"/>
    </row>
    <row r="25446" spans="8:8">
      <c r="H25446" s="12"/>
    </row>
    <row r="25447" spans="8:8">
      <c r="H25447" s="12"/>
    </row>
    <row r="25448" spans="8:8">
      <c r="H25448" s="12"/>
    </row>
    <row r="25449" spans="8:8">
      <c r="H25449" s="12"/>
    </row>
    <row r="25450" spans="8:8">
      <c r="H25450" s="12"/>
    </row>
    <row r="25451" spans="8:8">
      <c r="H25451" s="12"/>
    </row>
    <row r="25452" spans="8:8">
      <c r="H25452" s="12"/>
    </row>
    <row r="25453" spans="8:8">
      <c r="H25453" s="12"/>
    </row>
    <row r="25454" spans="8:8">
      <c r="H25454" s="12"/>
    </row>
    <row r="25455" spans="8:8">
      <c r="H25455" s="12"/>
    </row>
    <row r="25456" spans="8:8">
      <c r="H25456" s="12"/>
    </row>
    <row r="25457" spans="8:8">
      <c r="H25457" s="12"/>
    </row>
    <row r="25458" spans="8:8">
      <c r="H25458" s="12"/>
    </row>
    <row r="25459" spans="8:8">
      <c r="H25459" s="12"/>
    </row>
    <row r="25460" spans="8:8">
      <c r="H25460" s="12"/>
    </row>
    <row r="25461" spans="8:8">
      <c r="H25461" s="12"/>
    </row>
    <row r="25462" spans="8:8">
      <c r="H25462" s="12"/>
    </row>
    <row r="25463" spans="8:8">
      <c r="H25463" s="12"/>
    </row>
    <row r="25464" spans="8:8">
      <c r="H25464" s="12"/>
    </row>
    <row r="25465" spans="8:8">
      <c r="H25465" s="12"/>
    </row>
    <row r="25466" spans="8:8">
      <c r="H25466" s="12"/>
    </row>
    <row r="25467" spans="8:8">
      <c r="H25467" s="12"/>
    </row>
    <row r="25468" spans="8:8">
      <c r="H25468" s="12"/>
    </row>
    <row r="25469" spans="8:8">
      <c r="H25469" s="12"/>
    </row>
    <row r="25470" spans="8:8">
      <c r="H25470" s="12"/>
    </row>
    <row r="25471" spans="8:8">
      <c r="H25471" s="12"/>
    </row>
    <row r="25472" spans="8:8">
      <c r="H25472" s="12"/>
    </row>
    <row r="25473" spans="8:8">
      <c r="H25473" s="12"/>
    </row>
    <row r="25474" spans="8:8">
      <c r="H25474" s="12"/>
    </row>
    <row r="25475" spans="8:8">
      <c r="H25475" s="12"/>
    </row>
    <row r="25476" spans="8:8">
      <c r="H25476" s="12"/>
    </row>
    <row r="25477" spans="8:8">
      <c r="H25477" s="12"/>
    </row>
    <row r="25478" spans="8:8">
      <c r="H25478" s="12"/>
    </row>
    <row r="25479" spans="8:8">
      <c r="H25479" s="12"/>
    </row>
    <row r="25480" spans="8:8">
      <c r="H25480" s="12"/>
    </row>
    <row r="25481" spans="8:8">
      <c r="H25481" s="12"/>
    </row>
    <row r="25482" spans="8:8">
      <c r="H25482" s="12"/>
    </row>
    <row r="25483" spans="8:8">
      <c r="H25483" s="12"/>
    </row>
    <row r="25484" spans="8:8">
      <c r="H25484" s="12"/>
    </row>
    <row r="25485" spans="8:8">
      <c r="H25485" s="12"/>
    </row>
    <row r="25486" spans="8:8">
      <c r="H25486" s="12"/>
    </row>
    <row r="25487" spans="8:8">
      <c r="H25487" s="12"/>
    </row>
    <row r="25488" spans="8:8">
      <c r="H25488" s="12"/>
    </row>
    <row r="25489" spans="8:8">
      <c r="H25489" s="12"/>
    </row>
    <row r="25490" spans="8:8">
      <c r="H25490" s="12"/>
    </row>
    <row r="25491" spans="8:8">
      <c r="H25491" s="12"/>
    </row>
    <row r="25492" spans="8:8">
      <c r="H25492" s="12"/>
    </row>
    <row r="25493" spans="8:8">
      <c r="H25493" s="12"/>
    </row>
    <row r="25494" spans="8:8">
      <c r="H25494" s="12"/>
    </row>
    <row r="25495" spans="8:8">
      <c r="H25495" s="12"/>
    </row>
    <row r="25496" spans="8:8">
      <c r="H25496" s="12"/>
    </row>
    <row r="25497" spans="8:8">
      <c r="H25497" s="12"/>
    </row>
    <row r="25498" spans="8:8">
      <c r="H25498" s="12"/>
    </row>
    <row r="25499" spans="8:8">
      <c r="H25499" s="12"/>
    </row>
    <row r="25500" spans="8:8">
      <c r="H25500" s="12"/>
    </row>
    <row r="25501" spans="8:8">
      <c r="H25501" s="12"/>
    </row>
    <row r="25502" spans="8:8">
      <c r="H25502" s="12"/>
    </row>
    <row r="25503" spans="8:8">
      <c r="H25503" s="12"/>
    </row>
    <row r="25504" spans="8:8">
      <c r="H25504" s="12"/>
    </row>
    <row r="25505" spans="8:8">
      <c r="H25505" s="12"/>
    </row>
    <row r="25506" spans="8:8">
      <c r="H25506" s="12"/>
    </row>
    <row r="25507" spans="8:8">
      <c r="H25507" s="12"/>
    </row>
    <row r="25508" spans="8:8">
      <c r="H25508" s="12"/>
    </row>
    <row r="25509" spans="8:8">
      <c r="H25509" s="12"/>
    </row>
    <row r="25510" spans="8:8">
      <c r="H25510" s="12"/>
    </row>
    <row r="25511" spans="8:8">
      <c r="H25511" s="12"/>
    </row>
    <row r="25512" spans="8:8">
      <c r="H25512" s="12"/>
    </row>
    <row r="25513" spans="8:8">
      <c r="H25513" s="12"/>
    </row>
    <row r="25514" spans="8:8">
      <c r="H25514" s="12"/>
    </row>
    <row r="25515" spans="8:8">
      <c r="H25515" s="12"/>
    </row>
    <row r="25516" spans="8:8">
      <c r="H25516" s="12"/>
    </row>
    <row r="25517" spans="8:8">
      <c r="H25517" s="12"/>
    </row>
    <row r="25518" spans="8:8">
      <c r="H25518" s="12"/>
    </row>
    <row r="25519" spans="8:8">
      <c r="H25519" s="12"/>
    </row>
    <row r="25520" spans="8:8">
      <c r="H25520" s="12"/>
    </row>
    <row r="25521" spans="8:8">
      <c r="H25521" s="12"/>
    </row>
    <row r="25522" spans="8:8">
      <c r="H25522" s="12"/>
    </row>
    <row r="25523" spans="8:8">
      <c r="H25523" s="12"/>
    </row>
    <row r="25524" spans="8:8">
      <c r="H25524" s="12"/>
    </row>
    <row r="25525" spans="8:8">
      <c r="H25525" s="12"/>
    </row>
    <row r="25526" spans="8:8">
      <c r="H25526" s="12"/>
    </row>
    <row r="25527" spans="8:8">
      <c r="H25527" s="12"/>
    </row>
    <row r="25528" spans="8:8">
      <c r="H25528" s="12"/>
    </row>
    <row r="25529" spans="8:8">
      <c r="H25529" s="12"/>
    </row>
    <row r="25530" spans="8:8">
      <c r="H25530" s="12"/>
    </row>
    <row r="25531" spans="8:8">
      <c r="H25531" s="12"/>
    </row>
    <row r="25532" spans="8:8">
      <c r="H25532" s="12"/>
    </row>
    <row r="25533" spans="8:8">
      <c r="H25533" s="12"/>
    </row>
    <row r="25534" spans="8:8">
      <c r="H25534" s="12"/>
    </row>
    <row r="25535" spans="8:8">
      <c r="H25535" s="12"/>
    </row>
    <row r="25536" spans="8:8">
      <c r="H25536" s="12"/>
    </row>
    <row r="25537" spans="8:8">
      <c r="H25537" s="12"/>
    </row>
    <row r="25538" spans="8:8">
      <c r="H25538" s="12"/>
    </row>
    <row r="25539" spans="8:8">
      <c r="H25539" s="12"/>
    </row>
    <row r="25540" spans="8:8">
      <c r="H25540" s="12"/>
    </row>
    <row r="25541" spans="8:8">
      <c r="H25541" s="12"/>
    </row>
    <row r="25542" spans="8:8">
      <c r="H25542" s="12"/>
    </row>
    <row r="25543" spans="8:8">
      <c r="H25543" s="12"/>
    </row>
    <row r="25544" spans="8:8">
      <c r="H25544" s="12"/>
    </row>
    <row r="25545" spans="8:8">
      <c r="H25545" s="12"/>
    </row>
    <row r="25546" spans="8:8">
      <c r="H25546" s="12"/>
    </row>
    <row r="25547" spans="8:8">
      <c r="H25547" s="12"/>
    </row>
    <row r="25548" spans="8:8">
      <c r="H25548" s="12"/>
    </row>
    <row r="25549" spans="8:8">
      <c r="H25549" s="12"/>
    </row>
    <row r="25550" spans="8:8">
      <c r="H25550" s="12"/>
    </row>
    <row r="25551" spans="8:8">
      <c r="H25551" s="12"/>
    </row>
    <row r="25552" spans="8:8">
      <c r="H25552" s="12"/>
    </row>
    <row r="25553" spans="8:8">
      <c r="H25553" s="12"/>
    </row>
    <row r="25554" spans="8:8">
      <c r="H25554" s="12"/>
    </row>
    <row r="25555" spans="8:8">
      <c r="H25555" s="12"/>
    </row>
    <row r="25556" spans="8:8">
      <c r="H25556" s="12"/>
    </row>
    <row r="25557" spans="8:8">
      <c r="H25557" s="12"/>
    </row>
    <row r="25558" spans="8:8">
      <c r="H25558" s="12"/>
    </row>
    <row r="25559" spans="8:8">
      <c r="H25559" s="12"/>
    </row>
    <row r="25560" spans="8:8">
      <c r="H25560" s="12"/>
    </row>
    <row r="25561" spans="8:8">
      <c r="H25561" s="12"/>
    </row>
    <row r="25562" spans="8:8">
      <c r="H25562" s="12"/>
    </row>
    <row r="25563" spans="8:8">
      <c r="H25563" s="12"/>
    </row>
    <row r="25564" spans="8:8">
      <c r="H25564" s="12"/>
    </row>
    <row r="25565" spans="8:8">
      <c r="H25565" s="12"/>
    </row>
    <row r="25566" spans="8:8">
      <c r="H25566" s="12"/>
    </row>
    <row r="25567" spans="8:8">
      <c r="H25567" s="12"/>
    </row>
    <row r="25568" spans="8:8">
      <c r="H25568" s="12"/>
    </row>
    <row r="25569" spans="8:8">
      <c r="H25569" s="12"/>
    </row>
    <row r="25570" spans="8:8">
      <c r="H25570" s="12"/>
    </row>
    <row r="25571" spans="8:8">
      <c r="H25571" s="12"/>
    </row>
    <row r="25572" spans="8:8">
      <c r="H25572" s="12"/>
    </row>
    <row r="25573" spans="8:8">
      <c r="H25573" s="12"/>
    </row>
    <row r="25574" spans="8:8">
      <c r="H25574" s="12"/>
    </row>
    <row r="25575" spans="8:8">
      <c r="H25575" s="12"/>
    </row>
    <row r="25576" spans="8:8">
      <c r="H25576" s="12"/>
    </row>
    <row r="25577" spans="8:8">
      <c r="H25577" s="12"/>
    </row>
    <row r="25578" spans="8:8">
      <c r="H25578" s="12"/>
    </row>
    <row r="25579" spans="8:8">
      <c r="H25579" s="12"/>
    </row>
    <row r="25580" spans="8:8">
      <c r="H25580" s="12"/>
    </row>
    <row r="25581" spans="8:8">
      <c r="H25581" s="12"/>
    </row>
    <row r="25582" spans="8:8">
      <c r="H25582" s="12"/>
    </row>
    <row r="25583" spans="8:8">
      <c r="H25583" s="12"/>
    </row>
    <row r="25584" spans="8:8">
      <c r="H25584" s="12"/>
    </row>
    <row r="25585" spans="8:8">
      <c r="H25585" s="12"/>
    </row>
    <row r="25586" spans="8:8">
      <c r="H25586" s="12"/>
    </row>
    <row r="25587" spans="8:8">
      <c r="H25587" s="12"/>
    </row>
    <row r="25588" spans="8:8">
      <c r="H25588" s="12"/>
    </row>
    <row r="25589" spans="8:8">
      <c r="H25589" s="12"/>
    </row>
    <row r="25590" spans="8:8">
      <c r="H25590" s="12"/>
    </row>
    <row r="25591" spans="8:8">
      <c r="H25591" s="12"/>
    </row>
    <row r="25592" spans="8:8">
      <c r="H25592" s="12"/>
    </row>
    <row r="25593" spans="8:8">
      <c r="H25593" s="12"/>
    </row>
    <row r="25594" spans="8:8">
      <c r="H25594" s="12"/>
    </row>
    <row r="25595" spans="8:8">
      <c r="H25595" s="12"/>
    </row>
    <row r="25596" spans="8:8">
      <c r="H25596" s="12"/>
    </row>
    <row r="25597" spans="8:8">
      <c r="H25597" s="12"/>
    </row>
    <row r="25598" spans="8:8">
      <c r="H25598" s="12"/>
    </row>
    <row r="25599" spans="8:8">
      <c r="H25599" s="12"/>
    </row>
    <row r="25600" spans="8:8">
      <c r="H25600" s="12"/>
    </row>
    <row r="25601" spans="8:8">
      <c r="H25601" s="12"/>
    </row>
    <row r="25602" spans="8:8">
      <c r="H25602" s="12"/>
    </row>
    <row r="25603" spans="8:8">
      <c r="H25603" s="12"/>
    </row>
    <row r="25604" spans="8:8">
      <c r="H25604" s="12"/>
    </row>
    <row r="25605" spans="8:8">
      <c r="H25605" s="12"/>
    </row>
    <row r="25606" spans="8:8">
      <c r="H25606" s="12"/>
    </row>
    <row r="25607" spans="8:8">
      <c r="H25607" s="12"/>
    </row>
    <row r="25608" spans="8:8">
      <c r="H25608" s="12"/>
    </row>
    <row r="25609" spans="8:8">
      <c r="H25609" s="12"/>
    </row>
    <row r="25610" spans="8:8">
      <c r="H25610" s="12"/>
    </row>
    <row r="25611" spans="8:8">
      <c r="H25611" s="12"/>
    </row>
    <row r="25612" spans="8:8">
      <c r="H25612" s="12"/>
    </row>
    <row r="25613" spans="8:8">
      <c r="H25613" s="12"/>
    </row>
    <row r="25614" spans="8:8">
      <c r="H25614" s="12"/>
    </row>
    <row r="25615" spans="8:8">
      <c r="H25615" s="12"/>
    </row>
    <row r="25616" spans="8:8">
      <c r="H25616" s="12"/>
    </row>
    <row r="25617" spans="8:8">
      <c r="H25617" s="12"/>
    </row>
    <row r="25618" spans="8:8">
      <c r="H25618" s="12"/>
    </row>
    <row r="25619" spans="8:8">
      <c r="H25619" s="12"/>
    </row>
    <row r="25620" spans="8:8">
      <c r="H25620" s="12"/>
    </row>
    <row r="25621" spans="8:8">
      <c r="H25621" s="12"/>
    </row>
    <row r="25622" spans="8:8">
      <c r="H25622" s="12"/>
    </row>
    <row r="25623" spans="8:8">
      <c r="H25623" s="12"/>
    </row>
    <row r="25624" spans="8:8">
      <c r="H25624" s="12"/>
    </row>
    <row r="25625" spans="8:8">
      <c r="H25625" s="12"/>
    </row>
    <row r="25626" spans="8:8">
      <c r="H25626" s="12"/>
    </row>
    <row r="25627" spans="8:8">
      <c r="H25627" s="12"/>
    </row>
    <row r="25628" spans="8:8">
      <c r="H25628" s="12"/>
    </row>
    <row r="25629" spans="8:8">
      <c r="H25629" s="12"/>
    </row>
    <row r="25630" spans="8:8">
      <c r="H25630" s="12"/>
    </row>
    <row r="25631" spans="8:8">
      <c r="H25631" s="12"/>
    </row>
    <row r="25632" spans="8:8">
      <c r="H25632" s="12"/>
    </row>
    <row r="25633" spans="8:8">
      <c r="H25633" s="12"/>
    </row>
    <row r="25634" spans="8:8">
      <c r="H25634" s="12"/>
    </row>
    <row r="25635" spans="8:8">
      <c r="H25635" s="12"/>
    </row>
    <row r="25636" spans="8:8">
      <c r="H25636" s="12"/>
    </row>
    <row r="25637" spans="8:8">
      <c r="H25637" s="12"/>
    </row>
    <row r="25638" spans="8:8">
      <c r="H25638" s="12"/>
    </row>
    <row r="25639" spans="8:8">
      <c r="H25639" s="12"/>
    </row>
    <row r="25640" spans="8:8">
      <c r="H25640" s="12"/>
    </row>
    <row r="25641" spans="8:8">
      <c r="H25641" s="12"/>
    </row>
    <row r="25642" spans="8:8">
      <c r="H25642" s="12"/>
    </row>
    <row r="25643" spans="8:8">
      <c r="H25643" s="12"/>
    </row>
    <row r="25644" spans="8:8">
      <c r="H25644" s="12"/>
    </row>
    <row r="25645" spans="8:8">
      <c r="H25645" s="12"/>
    </row>
    <row r="25646" spans="8:8">
      <c r="H25646" s="12"/>
    </row>
    <row r="25647" spans="8:8">
      <c r="H25647" s="12"/>
    </row>
    <row r="25648" spans="8:8">
      <c r="H25648" s="12"/>
    </row>
    <row r="25649" spans="8:8">
      <c r="H25649" s="12"/>
    </row>
    <row r="25650" spans="8:8">
      <c r="H25650" s="12"/>
    </row>
    <row r="25651" spans="8:8">
      <c r="H25651" s="12"/>
    </row>
    <row r="25652" spans="8:8">
      <c r="H25652" s="12"/>
    </row>
    <row r="25653" spans="8:8">
      <c r="H25653" s="12"/>
    </row>
    <row r="25654" spans="8:8">
      <c r="H25654" s="12"/>
    </row>
    <row r="25655" spans="8:8">
      <c r="H25655" s="12"/>
    </row>
    <row r="25656" spans="8:8">
      <c r="H25656" s="12"/>
    </row>
    <row r="25657" spans="8:8">
      <c r="H25657" s="12"/>
    </row>
    <row r="25658" spans="8:8">
      <c r="H25658" s="12"/>
    </row>
    <row r="25659" spans="8:8">
      <c r="H25659" s="12"/>
    </row>
    <row r="25660" spans="8:8">
      <c r="H25660" s="12"/>
    </row>
    <row r="25661" spans="8:8">
      <c r="H25661" s="12"/>
    </row>
    <row r="25662" spans="8:8">
      <c r="H25662" s="12"/>
    </row>
    <row r="25663" spans="8:8">
      <c r="H25663" s="12"/>
    </row>
    <row r="25664" spans="8:8">
      <c r="H25664" s="12"/>
    </row>
    <row r="25665" spans="8:8">
      <c r="H25665" s="12"/>
    </row>
    <row r="25666" spans="8:8">
      <c r="H25666" s="12"/>
    </row>
    <row r="25667" spans="8:8">
      <c r="H25667" s="12"/>
    </row>
    <row r="25668" spans="8:8">
      <c r="H25668" s="12"/>
    </row>
    <row r="25669" spans="8:8">
      <c r="H25669" s="12"/>
    </row>
    <row r="25670" spans="8:8">
      <c r="H25670" s="12"/>
    </row>
    <row r="25671" spans="8:8">
      <c r="H25671" s="12"/>
    </row>
    <row r="25672" spans="8:8">
      <c r="H25672" s="12"/>
    </row>
    <row r="25673" spans="8:8">
      <c r="H25673" s="12"/>
    </row>
    <row r="25674" spans="8:8">
      <c r="H25674" s="12"/>
    </row>
    <row r="25675" spans="8:8">
      <c r="H25675" s="12"/>
    </row>
    <row r="25676" spans="8:8">
      <c r="H25676" s="12"/>
    </row>
    <row r="25677" spans="8:8">
      <c r="H25677" s="12"/>
    </row>
    <row r="25678" spans="8:8">
      <c r="H25678" s="12"/>
    </row>
    <row r="25679" spans="8:8">
      <c r="H25679" s="12"/>
    </row>
    <row r="25680" spans="8:8">
      <c r="H25680" s="12"/>
    </row>
    <row r="25681" spans="8:8">
      <c r="H25681" s="12"/>
    </row>
    <row r="25682" spans="8:8">
      <c r="H25682" s="12"/>
    </row>
    <row r="25683" spans="8:8">
      <c r="H25683" s="12"/>
    </row>
    <row r="25684" spans="8:8">
      <c r="H25684" s="12"/>
    </row>
    <row r="25685" spans="8:8">
      <c r="H25685" s="12"/>
    </row>
    <row r="25686" spans="8:8">
      <c r="H25686" s="12"/>
    </row>
    <row r="25687" spans="8:8">
      <c r="H25687" s="12"/>
    </row>
    <row r="25688" spans="8:8">
      <c r="H25688" s="12"/>
    </row>
    <row r="25689" spans="8:8">
      <c r="H25689" s="12"/>
    </row>
    <row r="25690" spans="8:8">
      <c r="H25690" s="12"/>
    </row>
    <row r="25691" spans="8:8">
      <c r="H25691" s="12"/>
    </row>
    <row r="25692" spans="8:8">
      <c r="H25692" s="12"/>
    </row>
    <row r="25693" spans="8:8">
      <c r="H25693" s="12"/>
    </row>
    <row r="25694" spans="8:8">
      <c r="H25694" s="12"/>
    </row>
    <row r="25695" spans="8:8">
      <c r="H25695" s="12"/>
    </row>
    <row r="25696" spans="8:8">
      <c r="H25696" s="12"/>
    </row>
    <row r="25697" spans="8:8">
      <c r="H25697" s="12"/>
    </row>
    <row r="25698" spans="8:8">
      <c r="H25698" s="12"/>
    </row>
    <row r="25699" spans="8:8">
      <c r="H25699" s="12"/>
    </row>
    <row r="25700" spans="8:8">
      <c r="H25700" s="12"/>
    </row>
    <row r="25701" spans="8:8">
      <c r="H25701" s="12"/>
    </row>
    <row r="25702" spans="8:8">
      <c r="H25702" s="12"/>
    </row>
    <row r="25703" spans="8:8">
      <c r="H25703" s="12"/>
    </row>
    <row r="25704" spans="8:8">
      <c r="H25704" s="12"/>
    </row>
    <row r="25705" spans="8:8">
      <c r="H25705" s="12"/>
    </row>
    <row r="25706" spans="8:8">
      <c r="H25706" s="12"/>
    </row>
    <row r="25707" spans="8:8">
      <c r="H25707" s="12"/>
    </row>
    <row r="25708" spans="8:8">
      <c r="H25708" s="12"/>
    </row>
    <row r="25709" spans="8:8">
      <c r="H25709" s="12"/>
    </row>
    <row r="25710" spans="8:8">
      <c r="H25710" s="12"/>
    </row>
    <row r="25711" spans="8:8">
      <c r="H25711" s="12"/>
    </row>
    <row r="25712" spans="8:8">
      <c r="H25712" s="12"/>
    </row>
    <row r="25713" spans="8:8">
      <c r="H25713" s="12"/>
    </row>
    <row r="25714" spans="8:8">
      <c r="H25714" s="12"/>
    </row>
    <row r="25715" spans="8:8">
      <c r="H25715" s="12"/>
    </row>
    <row r="25716" spans="8:8">
      <c r="H25716" s="12"/>
    </row>
    <row r="25717" spans="8:8">
      <c r="H25717" s="12"/>
    </row>
    <row r="25718" spans="8:8">
      <c r="H25718" s="12"/>
    </row>
    <row r="25719" spans="8:8">
      <c r="H25719" s="12"/>
    </row>
    <row r="25720" spans="8:8">
      <c r="H25720" s="12"/>
    </row>
    <row r="25721" spans="8:8">
      <c r="H25721" s="12"/>
    </row>
    <row r="25722" spans="8:8">
      <c r="H25722" s="12"/>
    </row>
    <row r="25723" spans="8:8">
      <c r="H25723" s="12"/>
    </row>
    <row r="25724" spans="8:8">
      <c r="H25724" s="12"/>
    </row>
    <row r="25725" spans="8:8">
      <c r="H25725" s="12"/>
    </row>
    <row r="25726" spans="8:8">
      <c r="H25726" s="12"/>
    </row>
    <row r="25727" spans="8:8">
      <c r="H25727" s="12"/>
    </row>
    <row r="25728" spans="8:8">
      <c r="H25728" s="12"/>
    </row>
    <row r="25729" spans="8:8">
      <c r="H25729" s="12"/>
    </row>
    <row r="25730" spans="8:8">
      <c r="H25730" s="12"/>
    </row>
    <row r="25731" spans="8:8">
      <c r="H25731" s="12"/>
    </row>
    <row r="25732" spans="8:8">
      <c r="H25732" s="12"/>
    </row>
    <row r="25733" spans="8:8">
      <c r="H25733" s="12"/>
    </row>
    <row r="25734" spans="8:8">
      <c r="H25734" s="12"/>
    </row>
    <row r="25735" spans="8:8">
      <c r="H25735" s="12"/>
    </row>
    <row r="25736" spans="8:8">
      <c r="H25736" s="12"/>
    </row>
    <row r="25737" spans="8:8">
      <c r="H25737" s="12"/>
    </row>
    <row r="25738" spans="8:8">
      <c r="H25738" s="12"/>
    </row>
    <row r="25739" spans="8:8">
      <c r="H25739" s="12"/>
    </row>
    <row r="25740" spans="8:8">
      <c r="H25740" s="12"/>
    </row>
    <row r="25741" spans="8:8">
      <c r="H25741" s="12"/>
    </row>
    <row r="25742" spans="8:8">
      <c r="H25742" s="12"/>
    </row>
    <row r="25743" spans="8:8">
      <c r="H25743" s="12"/>
    </row>
    <row r="25744" spans="8:8">
      <c r="H25744" s="12"/>
    </row>
    <row r="25745" spans="8:8">
      <c r="H25745" s="12"/>
    </row>
    <row r="25746" spans="8:8">
      <c r="H25746" s="12"/>
    </row>
    <row r="25747" spans="8:8">
      <c r="H25747" s="12"/>
    </row>
    <row r="25748" spans="8:8">
      <c r="H25748" s="12"/>
    </row>
    <row r="25749" spans="8:8">
      <c r="H25749" s="12"/>
    </row>
    <row r="25750" spans="8:8">
      <c r="H25750" s="12"/>
    </row>
    <row r="25751" spans="8:8">
      <c r="H25751" s="12"/>
    </row>
    <row r="25752" spans="8:8">
      <c r="H25752" s="12"/>
    </row>
    <row r="25753" spans="8:8">
      <c r="H25753" s="12"/>
    </row>
    <row r="25754" spans="8:8">
      <c r="H25754" s="12"/>
    </row>
    <row r="25755" spans="8:8">
      <c r="H25755" s="12"/>
    </row>
    <row r="25756" spans="8:8">
      <c r="H25756" s="12"/>
    </row>
    <row r="25757" spans="8:8">
      <c r="H25757" s="12"/>
    </row>
    <row r="25758" spans="8:8">
      <c r="H25758" s="12"/>
    </row>
    <row r="25759" spans="8:8">
      <c r="H25759" s="12"/>
    </row>
    <row r="25760" spans="8:8">
      <c r="H25760" s="12"/>
    </row>
    <row r="25761" spans="8:8">
      <c r="H25761" s="12"/>
    </row>
    <row r="25762" spans="8:8">
      <c r="H25762" s="12"/>
    </row>
    <row r="25763" spans="8:8">
      <c r="H25763" s="12"/>
    </row>
    <row r="25764" spans="8:8">
      <c r="H25764" s="12"/>
    </row>
    <row r="25765" spans="8:8">
      <c r="H25765" s="12"/>
    </row>
    <row r="25766" spans="8:8">
      <c r="H25766" s="12"/>
    </row>
    <row r="25767" spans="8:8">
      <c r="H25767" s="12"/>
    </row>
    <row r="25768" spans="8:8">
      <c r="H25768" s="12"/>
    </row>
    <row r="25769" spans="8:8">
      <c r="H25769" s="12"/>
    </row>
    <row r="25770" spans="8:8">
      <c r="H25770" s="12"/>
    </row>
    <row r="25771" spans="8:8">
      <c r="H25771" s="12"/>
    </row>
    <row r="25772" spans="8:8">
      <c r="H25772" s="12"/>
    </row>
    <row r="25773" spans="8:8">
      <c r="H25773" s="12"/>
    </row>
    <row r="25774" spans="8:8">
      <c r="H25774" s="12"/>
    </row>
    <row r="25775" spans="8:8">
      <c r="H25775" s="12"/>
    </row>
    <row r="25776" spans="8:8">
      <c r="H25776" s="12"/>
    </row>
    <row r="25777" spans="8:8">
      <c r="H25777" s="12"/>
    </row>
    <row r="25778" spans="8:8">
      <c r="H25778" s="12"/>
    </row>
    <row r="25779" spans="8:8">
      <c r="H25779" s="12"/>
    </row>
    <row r="25780" spans="8:8">
      <c r="H25780" s="12"/>
    </row>
    <row r="25781" spans="8:8">
      <c r="H25781" s="12"/>
    </row>
    <row r="25782" spans="8:8">
      <c r="H25782" s="12"/>
    </row>
    <row r="25783" spans="8:8">
      <c r="H25783" s="12"/>
    </row>
    <row r="25784" spans="8:8">
      <c r="H25784" s="12"/>
    </row>
    <row r="25785" spans="8:8">
      <c r="H25785" s="12"/>
    </row>
    <row r="25786" spans="8:8">
      <c r="H25786" s="12"/>
    </row>
    <row r="25787" spans="8:8">
      <c r="H25787" s="12"/>
    </row>
    <row r="25788" spans="8:8">
      <c r="H25788" s="12"/>
    </row>
    <row r="25789" spans="8:8">
      <c r="H25789" s="12"/>
    </row>
    <row r="25790" spans="8:8">
      <c r="H25790" s="12"/>
    </row>
    <row r="25791" spans="8:8">
      <c r="H25791" s="12"/>
    </row>
    <row r="25792" spans="8:8">
      <c r="H25792" s="12"/>
    </row>
    <row r="25793" spans="8:8">
      <c r="H25793" s="12"/>
    </row>
    <row r="25794" spans="8:8">
      <c r="H25794" s="12"/>
    </row>
    <row r="25795" spans="8:8">
      <c r="H25795" s="12"/>
    </row>
    <row r="25796" spans="8:8">
      <c r="H25796" s="12"/>
    </row>
    <row r="25797" spans="8:8">
      <c r="H25797" s="12"/>
    </row>
    <row r="25798" spans="8:8">
      <c r="H25798" s="12"/>
    </row>
    <row r="25799" spans="8:8">
      <c r="H25799" s="12"/>
    </row>
    <row r="25800" spans="8:8">
      <c r="H25800" s="12"/>
    </row>
    <row r="25801" spans="8:8">
      <c r="H25801" s="12"/>
    </row>
    <row r="25802" spans="8:8">
      <c r="H25802" s="12"/>
    </row>
    <row r="25803" spans="8:8">
      <c r="H25803" s="12"/>
    </row>
    <row r="25804" spans="8:8">
      <c r="H25804" s="12"/>
    </row>
    <row r="25805" spans="8:8">
      <c r="H25805" s="12"/>
    </row>
    <row r="25806" spans="8:8">
      <c r="H25806" s="12"/>
    </row>
    <row r="25807" spans="8:8">
      <c r="H25807" s="12"/>
    </row>
    <row r="25808" spans="8:8">
      <c r="H25808" s="12"/>
    </row>
    <row r="25809" spans="8:8">
      <c r="H25809" s="12"/>
    </row>
    <row r="25810" spans="8:8">
      <c r="H25810" s="12"/>
    </row>
    <row r="25811" spans="8:8">
      <c r="H25811" s="12"/>
    </row>
    <row r="25812" spans="8:8">
      <c r="H25812" s="12"/>
    </row>
    <row r="25813" spans="8:8">
      <c r="H25813" s="12"/>
    </row>
    <row r="25814" spans="8:8">
      <c r="H25814" s="12"/>
    </row>
    <row r="25815" spans="8:8">
      <c r="H25815" s="12"/>
    </row>
    <row r="25816" spans="8:8">
      <c r="H25816" s="12"/>
    </row>
    <row r="25817" spans="8:8">
      <c r="H25817" s="12"/>
    </row>
    <row r="25818" spans="8:8">
      <c r="H25818" s="12"/>
    </row>
    <row r="25819" spans="8:8">
      <c r="H25819" s="12"/>
    </row>
    <row r="25820" spans="8:8">
      <c r="H25820" s="12"/>
    </row>
    <row r="25821" spans="8:8">
      <c r="H25821" s="12"/>
    </row>
    <row r="25822" spans="8:8">
      <c r="H25822" s="12"/>
    </row>
    <row r="25823" spans="8:8">
      <c r="H25823" s="12"/>
    </row>
    <row r="25824" spans="8:8">
      <c r="H25824" s="12"/>
    </row>
    <row r="25825" spans="8:8">
      <c r="H25825" s="12"/>
    </row>
    <row r="25826" spans="8:8">
      <c r="H25826" s="12"/>
    </row>
    <row r="25827" spans="8:8">
      <c r="H25827" s="12"/>
    </row>
    <row r="25828" spans="8:8">
      <c r="H25828" s="12"/>
    </row>
    <row r="25829" spans="8:8">
      <c r="H25829" s="12"/>
    </row>
    <row r="25830" spans="8:8">
      <c r="H25830" s="12"/>
    </row>
    <row r="25831" spans="8:8">
      <c r="H25831" s="12"/>
    </row>
    <row r="25832" spans="8:8">
      <c r="H25832" s="12"/>
    </row>
    <row r="25833" spans="8:8">
      <c r="H25833" s="12"/>
    </row>
    <row r="25834" spans="8:8">
      <c r="H25834" s="12"/>
    </row>
    <row r="25835" spans="8:8">
      <c r="H25835" s="12"/>
    </row>
    <row r="25836" spans="8:8">
      <c r="H25836" s="12"/>
    </row>
    <row r="25837" spans="8:8">
      <c r="H25837" s="12"/>
    </row>
    <row r="25838" spans="8:8">
      <c r="H25838" s="12"/>
    </row>
    <row r="25839" spans="8:8">
      <c r="H25839" s="12"/>
    </row>
    <row r="25840" spans="8:8">
      <c r="H25840" s="12"/>
    </row>
    <row r="25841" spans="8:8">
      <c r="H25841" s="12"/>
    </row>
    <row r="25842" spans="8:8">
      <c r="H25842" s="12"/>
    </row>
    <row r="25843" spans="8:8">
      <c r="H25843" s="12"/>
    </row>
    <row r="25844" spans="8:8">
      <c r="H25844" s="12"/>
    </row>
    <row r="25845" spans="8:8">
      <c r="H25845" s="12"/>
    </row>
    <row r="25846" spans="8:8">
      <c r="H25846" s="12"/>
    </row>
    <row r="25847" spans="8:8">
      <c r="H25847" s="12"/>
    </row>
    <row r="25848" spans="8:8">
      <c r="H25848" s="12"/>
    </row>
    <row r="25849" spans="8:8">
      <c r="H25849" s="12"/>
    </row>
    <row r="25850" spans="8:8">
      <c r="H25850" s="12"/>
    </row>
    <row r="25851" spans="8:8">
      <c r="H25851" s="12"/>
    </row>
    <row r="25852" spans="8:8">
      <c r="H25852" s="12"/>
    </row>
    <row r="25853" spans="8:8">
      <c r="H25853" s="12"/>
    </row>
    <row r="25854" spans="8:8">
      <c r="H25854" s="12"/>
    </row>
    <row r="25855" spans="8:8">
      <c r="H25855" s="12"/>
    </row>
    <row r="25856" spans="8:8">
      <c r="H25856" s="12"/>
    </row>
    <row r="25857" spans="8:8">
      <c r="H25857" s="12"/>
    </row>
    <row r="25858" spans="8:8">
      <c r="H25858" s="12"/>
    </row>
    <row r="25859" spans="8:8">
      <c r="H25859" s="12"/>
    </row>
    <row r="25860" spans="8:8">
      <c r="H25860" s="12"/>
    </row>
    <row r="25861" spans="8:8">
      <c r="H25861" s="12"/>
    </row>
    <row r="25862" spans="8:8">
      <c r="H25862" s="12"/>
    </row>
    <row r="25863" spans="8:8">
      <c r="H25863" s="12"/>
    </row>
    <row r="25864" spans="8:8">
      <c r="H25864" s="12"/>
    </row>
    <row r="25865" spans="8:8">
      <c r="H25865" s="12"/>
    </row>
    <row r="25866" spans="8:8">
      <c r="H25866" s="12"/>
    </row>
    <row r="25867" spans="8:8">
      <c r="H25867" s="12"/>
    </row>
    <row r="25868" spans="8:8">
      <c r="H25868" s="12"/>
    </row>
    <row r="25869" spans="8:8">
      <c r="H25869" s="12"/>
    </row>
    <row r="25870" spans="8:8">
      <c r="H25870" s="12"/>
    </row>
    <row r="25871" spans="8:8">
      <c r="H25871" s="12"/>
    </row>
    <row r="25872" spans="8:8">
      <c r="H25872" s="12"/>
    </row>
    <row r="25873" spans="8:8">
      <c r="H25873" s="12"/>
    </row>
    <row r="25874" spans="8:8">
      <c r="H25874" s="12"/>
    </row>
    <row r="25875" spans="8:8">
      <c r="H25875" s="12"/>
    </row>
    <row r="25876" spans="8:8">
      <c r="H25876" s="12"/>
    </row>
    <row r="25877" spans="8:8">
      <c r="H25877" s="12"/>
    </row>
    <row r="25878" spans="8:8">
      <c r="H25878" s="12"/>
    </row>
    <row r="25879" spans="8:8">
      <c r="H25879" s="12"/>
    </row>
    <row r="25880" spans="8:8">
      <c r="H25880" s="12"/>
    </row>
    <row r="25881" spans="8:8">
      <c r="H25881" s="12"/>
    </row>
    <row r="25882" spans="8:8">
      <c r="H25882" s="12"/>
    </row>
    <row r="25883" spans="8:8">
      <c r="H25883" s="12"/>
    </row>
    <row r="25884" spans="8:8">
      <c r="H25884" s="12"/>
    </row>
    <row r="25885" spans="8:8">
      <c r="H25885" s="12"/>
    </row>
    <row r="25886" spans="8:8">
      <c r="H25886" s="12"/>
    </row>
    <row r="25887" spans="8:8">
      <c r="H25887" s="12"/>
    </row>
    <row r="25888" spans="8:8">
      <c r="H25888" s="12"/>
    </row>
    <row r="25889" spans="8:8">
      <c r="H25889" s="12"/>
    </row>
    <row r="25890" spans="8:8">
      <c r="H25890" s="12"/>
    </row>
    <row r="25891" spans="8:8">
      <c r="H25891" s="12"/>
    </row>
    <row r="25892" spans="8:8">
      <c r="H25892" s="12"/>
    </row>
    <row r="25893" spans="8:8">
      <c r="H25893" s="12"/>
    </row>
    <row r="25894" spans="8:8">
      <c r="H25894" s="12"/>
    </row>
    <row r="25895" spans="8:8">
      <c r="H25895" s="12"/>
    </row>
    <row r="25896" spans="8:8">
      <c r="H25896" s="12"/>
    </row>
    <row r="25897" spans="8:8">
      <c r="H25897" s="12"/>
    </row>
    <row r="25898" spans="8:8">
      <c r="H25898" s="12"/>
    </row>
    <row r="25899" spans="8:8">
      <c r="H25899" s="12"/>
    </row>
    <row r="25900" spans="8:8">
      <c r="H25900" s="12"/>
    </row>
    <row r="25901" spans="8:8">
      <c r="H25901" s="12"/>
    </row>
    <row r="25902" spans="8:8">
      <c r="H25902" s="12"/>
    </row>
    <row r="25903" spans="8:8">
      <c r="H25903" s="12"/>
    </row>
    <row r="25904" spans="8:8">
      <c r="H25904" s="12"/>
    </row>
    <row r="25905" spans="8:8">
      <c r="H25905" s="12"/>
    </row>
    <row r="25906" spans="8:8">
      <c r="H25906" s="12"/>
    </row>
    <row r="25907" spans="8:8">
      <c r="H25907" s="12"/>
    </row>
    <row r="25908" spans="8:8">
      <c r="H25908" s="12"/>
    </row>
    <row r="25909" spans="8:8">
      <c r="H25909" s="12"/>
    </row>
    <row r="25910" spans="8:8">
      <c r="H25910" s="12"/>
    </row>
    <row r="25911" spans="8:8">
      <c r="H25911" s="12"/>
    </row>
    <row r="25912" spans="8:8">
      <c r="H25912" s="12"/>
    </row>
    <row r="25913" spans="8:8">
      <c r="H25913" s="12"/>
    </row>
    <row r="25914" spans="8:8">
      <c r="H25914" s="12"/>
    </row>
    <row r="25915" spans="8:8">
      <c r="H25915" s="12"/>
    </row>
    <row r="25916" spans="8:8">
      <c r="H25916" s="12"/>
    </row>
    <row r="25917" spans="8:8">
      <c r="H25917" s="12"/>
    </row>
    <row r="25918" spans="8:8">
      <c r="H25918" s="12"/>
    </row>
    <row r="25919" spans="8:8">
      <c r="H25919" s="12"/>
    </row>
    <row r="25920" spans="8:8">
      <c r="H25920" s="12"/>
    </row>
    <row r="25921" spans="8:8">
      <c r="H25921" s="12"/>
    </row>
    <row r="25922" spans="8:8">
      <c r="H25922" s="12"/>
    </row>
    <row r="25923" spans="8:8">
      <c r="H25923" s="12"/>
    </row>
    <row r="25924" spans="8:8">
      <c r="H25924" s="12"/>
    </row>
    <row r="25925" spans="8:8">
      <c r="H25925" s="12"/>
    </row>
    <row r="25926" spans="8:8">
      <c r="H25926" s="12"/>
    </row>
    <row r="25927" spans="8:8">
      <c r="H25927" s="12"/>
    </row>
    <row r="25928" spans="8:8">
      <c r="H25928" s="12"/>
    </row>
    <row r="25929" spans="8:8">
      <c r="H25929" s="12"/>
    </row>
    <row r="25930" spans="8:8">
      <c r="H25930" s="12"/>
    </row>
    <row r="25931" spans="8:8">
      <c r="H25931" s="12"/>
    </row>
    <row r="25932" spans="8:8">
      <c r="H25932" s="12"/>
    </row>
    <row r="25933" spans="8:8">
      <c r="H25933" s="12"/>
    </row>
    <row r="25934" spans="8:8">
      <c r="H25934" s="12"/>
    </row>
    <row r="25935" spans="8:8">
      <c r="H25935" s="12"/>
    </row>
    <row r="25936" spans="8:8">
      <c r="H25936" s="12"/>
    </row>
    <row r="25937" spans="8:8">
      <c r="H25937" s="12"/>
    </row>
    <row r="25938" spans="8:8">
      <c r="H25938" s="12"/>
    </row>
    <row r="25939" spans="8:8">
      <c r="H25939" s="12"/>
    </row>
    <row r="25940" spans="8:8">
      <c r="H25940" s="12"/>
    </row>
    <row r="25941" spans="8:8">
      <c r="H25941" s="12"/>
    </row>
    <row r="25942" spans="8:8">
      <c r="H25942" s="12"/>
    </row>
    <row r="25943" spans="8:8">
      <c r="H25943" s="12"/>
    </row>
    <row r="25944" spans="8:8">
      <c r="H25944" s="12"/>
    </row>
    <row r="25945" spans="8:8">
      <c r="H25945" s="12"/>
    </row>
    <row r="25946" spans="8:8">
      <c r="H25946" s="12"/>
    </row>
    <row r="25947" spans="8:8">
      <c r="H25947" s="12"/>
    </row>
    <row r="25948" spans="8:8">
      <c r="H25948" s="12"/>
    </row>
    <row r="25949" spans="8:8">
      <c r="H25949" s="12"/>
    </row>
    <row r="25950" spans="8:8">
      <c r="H25950" s="12"/>
    </row>
    <row r="25951" spans="8:8">
      <c r="H25951" s="12"/>
    </row>
    <row r="25952" spans="8:8">
      <c r="H25952" s="12"/>
    </row>
    <row r="25953" spans="8:8">
      <c r="H25953" s="12"/>
    </row>
    <row r="25954" spans="8:8">
      <c r="H25954" s="12"/>
    </row>
    <row r="25955" spans="8:8">
      <c r="H25955" s="12"/>
    </row>
    <row r="25956" spans="8:8">
      <c r="H25956" s="12"/>
    </row>
    <row r="25957" spans="8:8">
      <c r="H25957" s="12"/>
    </row>
    <row r="25958" spans="8:8">
      <c r="H25958" s="12"/>
    </row>
    <row r="25959" spans="8:8">
      <c r="H25959" s="12"/>
    </row>
    <row r="25960" spans="8:8">
      <c r="H25960" s="12"/>
    </row>
    <row r="25961" spans="8:8">
      <c r="H25961" s="12"/>
    </row>
    <row r="25962" spans="8:8">
      <c r="H25962" s="12"/>
    </row>
    <row r="25963" spans="8:8">
      <c r="H25963" s="12"/>
    </row>
    <row r="25964" spans="8:8">
      <c r="H25964" s="12"/>
    </row>
    <row r="25965" spans="8:8">
      <c r="H25965" s="12"/>
    </row>
    <row r="25966" spans="8:8">
      <c r="H25966" s="12"/>
    </row>
    <row r="25967" spans="8:8">
      <c r="H25967" s="12"/>
    </row>
    <row r="25968" spans="8:8">
      <c r="H25968" s="12"/>
    </row>
    <row r="25969" spans="8:8">
      <c r="H25969" s="12"/>
    </row>
    <row r="25970" spans="8:8">
      <c r="H25970" s="12"/>
    </row>
    <row r="25971" spans="8:8">
      <c r="H25971" s="12"/>
    </row>
    <row r="25972" spans="8:8">
      <c r="H25972" s="12"/>
    </row>
    <row r="25973" spans="8:8">
      <c r="H25973" s="12"/>
    </row>
    <row r="25974" spans="8:8">
      <c r="H25974" s="12"/>
    </row>
    <row r="25975" spans="8:8">
      <c r="H25975" s="12"/>
    </row>
    <row r="25976" spans="8:8">
      <c r="H25976" s="12"/>
    </row>
    <row r="25977" spans="8:8">
      <c r="H25977" s="12"/>
    </row>
    <row r="25978" spans="8:8">
      <c r="H25978" s="12"/>
    </row>
    <row r="25979" spans="8:8">
      <c r="H25979" s="12"/>
    </row>
    <row r="25980" spans="8:8">
      <c r="H25980" s="12"/>
    </row>
    <row r="25981" spans="8:8">
      <c r="H25981" s="12"/>
    </row>
    <row r="25982" spans="8:8">
      <c r="H25982" s="12"/>
    </row>
    <row r="25983" spans="8:8">
      <c r="H25983" s="12"/>
    </row>
    <row r="25984" spans="8:8">
      <c r="H25984" s="12"/>
    </row>
    <row r="25985" spans="8:8">
      <c r="H25985" s="12"/>
    </row>
    <row r="25986" spans="8:8">
      <c r="H25986" s="12"/>
    </row>
    <row r="25987" spans="8:8">
      <c r="H25987" s="12"/>
    </row>
    <row r="25988" spans="8:8">
      <c r="H25988" s="12"/>
    </row>
    <row r="25989" spans="8:8">
      <c r="H25989" s="12"/>
    </row>
    <row r="25990" spans="8:8">
      <c r="H25990" s="12"/>
    </row>
    <row r="25991" spans="8:8">
      <c r="H25991" s="12"/>
    </row>
    <row r="25992" spans="8:8">
      <c r="H25992" s="12"/>
    </row>
    <row r="25993" spans="8:8">
      <c r="H25993" s="12"/>
    </row>
    <row r="25994" spans="8:8">
      <c r="H25994" s="12"/>
    </row>
    <row r="25995" spans="8:8">
      <c r="H25995" s="12"/>
    </row>
    <row r="25996" spans="8:8">
      <c r="H25996" s="12"/>
    </row>
    <row r="25997" spans="8:8">
      <c r="H25997" s="12"/>
    </row>
    <row r="25998" spans="8:8">
      <c r="H25998" s="12"/>
    </row>
    <row r="25999" spans="8:8">
      <c r="H25999" s="12"/>
    </row>
    <row r="26000" spans="8:8">
      <c r="H26000" s="12"/>
    </row>
    <row r="26001" spans="8:8">
      <c r="H26001" s="12"/>
    </row>
    <row r="26002" spans="8:8">
      <c r="H26002" s="12"/>
    </row>
    <row r="26003" spans="8:8">
      <c r="H26003" s="12"/>
    </row>
    <row r="26004" spans="8:8">
      <c r="H26004" s="12"/>
    </row>
    <row r="26005" spans="8:8">
      <c r="H26005" s="12"/>
    </row>
    <row r="26006" spans="8:8">
      <c r="H26006" s="12"/>
    </row>
    <row r="26007" spans="8:8">
      <c r="H26007" s="12"/>
    </row>
    <row r="26008" spans="8:8">
      <c r="H26008" s="12"/>
    </row>
    <row r="26009" spans="8:8">
      <c r="H26009" s="12"/>
    </row>
    <row r="26010" spans="8:8">
      <c r="H26010" s="12"/>
    </row>
    <row r="26011" spans="8:8">
      <c r="H26011" s="12"/>
    </row>
    <row r="26012" spans="8:8">
      <c r="H26012" s="12"/>
    </row>
    <row r="26013" spans="8:8">
      <c r="H26013" s="12"/>
    </row>
    <row r="26014" spans="8:8">
      <c r="H26014" s="12"/>
    </row>
    <row r="26015" spans="8:8">
      <c r="H26015" s="12"/>
    </row>
    <row r="26016" spans="8:8">
      <c r="H26016" s="12"/>
    </row>
    <row r="26017" spans="8:8">
      <c r="H26017" s="12"/>
    </row>
    <row r="26018" spans="8:8">
      <c r="H26018" s="12"/>
    </row>
    <row r="26019" spans="8:8">
      <c r="H26019" s="12"/>
    </row>
    <row r="26020" spans="8:8">
      <c r="H26020" s="12"/>
    </row>
    <row r="26021" spans="8:8">
      <c r="H26021" s="12"/>
    </row>
    <row r="26022" spans="8:8">
      <c r="H26022" s="12"/>
    </row>
    <row r="26023" spans="8:8">
      <c r="H26023" s="12"/>
    </row>
    <row r="26024" spans="8:8">
      <c r="H26024" s="12"/>
    </row>
    <row r="26025" spans="8:8">
      <c r="H26025" s="12"/>
    </row>
    <row r="26026" spans="8:8">
      <c r="H26026" s="12"/>
    </row>
    <row r="26027" spans="8:8">
      <c r="H26027" s="12"/>
    </row>
    <row r="26028" spans="8:8">
      <c r="H26028" s="12"/>
    </row>
    <row r="26029" spans="8:8">
      <c r="H26029" s="12"/>
    </row>
    <row r="26030" spans="8:8">
      <c r="H26030" s="12"/>
    </row>
    <row r="26031" spans="8:8">
      <c r="H26031" s="12"/>
    </row>
    <row r="26032" spans="8:8">
      <c r="H26032" s="12"/>
    </row>
    <row r="26033" spans="8:8">
      <c r="H26033" s="12"/>
    </row>
    <row r="26034" spans="8:8">
      <c r="H26034" s="12"/>
    </row>
    <row r="26035" spans="8:8">
      <c r="H26035" s="12"/>
    </row>
    <row r="26036" spans="8:8">
      <c r="H26036" s="12"/>
    </row>
    <row r="26037" spans="8:8">
      <c r="H26037" s="12"/>
    </row>
    <row r="26038" spans="8:8">
      <c r="H26038" s="12"/>
    </row>
    <row r="26039" spans="8:8">
      <c r="H26039" s="12"/>
    </row>
    <row r="26040" spans="8:8">
      <c r="H26040" s="12"/>
    </row>
    <row r="26041" spans="8:8">
      <c r="H26041" s="12"/>
    </row>
    <row r="26042" spans="8:8">
      <c r="H26042" s="12"/>
    </row>
    <row r="26043" spans="8:8">
      <c r="H26043" s="12"/>
    </row>
    <row r="26044" spans="8:8">
      <c r="H26044" s="12"/>
    </row>
    <row r="26045" spans="8:8">
      <c r="H26045" s="12"/>
    </row>
    <row r="26046" spans="8:8">
      <c r="H26046" s="12"/>
    </row>
    <row r="26047" spans="8:8">
      <c r="H26047" s="12"/>
    </row>
    <row r="26048" spans="8:8">
      <c r="H26048" s="12"/>
    </row>
    <row r="26049" spans="8:8">
      <c r="H26049" s="12"/>
    </row>
    <row r="26050" spans="8:8">
      <c r="H26050" s="12"/>
    </row>
    <row r="26051" spans="8:8">
      <c r="H26051" s="12"/>
    </row>
    <row r="26052" spans="8:8">
      <c r="H26052" s="12"/>
    </row>
    <row r="26053" spans="8:8">
      <c r="H26053" s="12"/>
    </row>
    <row r="26054" spans="8:8">
      <c r="H26054" s="12"/>
    </row>
    <row r="26055" spans="8:8">
      <c r="H26055" s="12"/>
    </row>
    <row r="26056" spans="8:8">
      <c r="H26056" s="12"/>
    </row>
    <row r="26057" spans="8:8">
      <c r="H26057" s="12"/>
    </row>
    <row r="26058" spans="8:8">
      <c r="H26058" s="12"/>
    </row>
    <row r="26059" spans="8:8">
      <c r="H26059" s="12"/>
    </row>
    <row r="26060" spans="8:8">
      <c r="H26060" s="12"/>
    </row>
    <row r="26061" spans="8:8">
      <c r="H26061" s="12"/>
    </row>
    <row r="26062" spans="8:8">
      <c r="H26062" s="12"/>
    </row>
    <row r="26063" spans="8:8">
      <c r="H26063" s="12"/>
    </row>
    <row r="26064" spans="8:8">
      <c r="H26064" s="12"/>
    </row>
    <row r="26065" spans="8:8">
      <c r="H26065" s="12"/>
    </row>
    <row r="26066" spans="8:8">
      <c r="H26066" s="12"/>
    </row>
    <row r="26067" spans="8:8">
      <c r="H26067" s="12"/>
    </row>
    <row r="26068" spans="8:8">
      <c r="H26068" s="12"/>
    </row>
    <row r="26069" spans="8:8">
      <c r="H26069" s="12"/>
    </row>
    <row r="26070" spans="8:8">
      <c r="H26070" s="12"/>
    </row>
    <row r="26071" spans="8:8">
      <c r="H26071" s="12"/>
    </row>
    <row r="26072" spans="8:8">
      <c r="H26072" s="12"/>
    </row>
    <row r="26073" spans="8:8">
      <c r="H26073" s="12"/>
    </row>
    <row r="26074" spans="8:8">
      <c r="H26074" s="12"/>
    </row>
    <row r="26075" spans="8:8">
      <c r="H26075" s="12"/>
    </row>
    <row r="26076" spans="8:8">
      <c r="H26076" s="12"/>
    </row>
    <row r="26077" spans="8:8">
      <c r="H26077" s="12"/>
    </row>
    <row r="26078" spans="8:8">
      <c r="H26078" s="12"/>
    </row>
    <row r="26079" spans="8:8">
      <c r="H26079" s="12"/>
    </row>
    <row r="26080" spans="8:8">
      <c r="H26080" s="12"/>
    </row>
    <row r="26081" spans="8:8">
      <c r="H26081" s="12"/>
    </row>
    <row r="26082" spans="8:8">
      <c r="H26082" s="12"/>
    </row>
    <row r="26083" spans="8:8">
      <c r="H26083" s="12"/>
    </row>
    <row r="26084" spans="8:8">
      <c r="H26084" s="12"/>
    </row>
    <row r="26085" spans="8:8">
      <c r="H26085" s="12"/>
    </row>
    <row r="26086" spans="8:8">
      <c r="H26086" s="12"/>
    </row>
    <row r="26087" spans="8:8">
      <c r="H26087" s="12"/>
    </row>
    <row r="26088" spans="8:8">
      <c r="H26088" s="12"/>
    </row>
    <row r="26089" spans="8:8">
      <c r="H26089" s="12"/>
    </row>
    <row r="26090" spans="8:8">
      <c r="H26090" s="12"/>
    </row>
    <row r="26091" spans="8:8">
      <c r="H26091" s="12"/>
    </row>
    <row r="26092" spans="8:8">
      <c r="H26092" s="12"/>
    </row>
    <row r="26093" spans="8:8">
      <c r="H26093" s="12"/>
    </row>
    <row r="26094" spans="8:8">
      <c r="H26094" s="12"/>
    </row>
    <row r="26095" spans="8:8">
      <c r="H26095" s="12"/>
    </row>
    <row r="26096" spans="8:8">
      <c r="H26096" s="12"/>
    </row>
    <row r="26097" spans="8:8">
      <c r="H26097" s="12"/>
    </row>
    <row r="26098" spans="8:8">
      <c r="H26098" s="12"/>
    </row>
    <row r="26099" spans="8:8">
      <c r="H26099" s="12"/>
    </row>
    <row r="26100" spans="8:8">
      <c r="H26100" s="12"/>
    </row>
    <row r="26101" spans="8:8">
      <c r="H26101" s="12"/>
    </row>
    <row r="26102" spans="8:8">
      <c r="H26102" s="12"/>
    </row>
    <row r="26103" spans="8:8">
      <c r="H26103" s="12"/>
    </row>
    <row r="26104" spans="8:8">
      <c r="H26104" s="12"/>
    </row>
    <row r="26105" spans="8:8">
      <c r="H26105" s="12"/>
    </row>
    <row r="26106" spans="8:8">
      <c r="H26106" s="12"/>
    </row>
    <row r="26107" spans="8:8">
      <c r="H26107" s="12"/>
    </row>
    <row r="26108" spans="8:8">
      <c r="H26108" s="12"/>
    </row>
    <row r="26109" spans="8:8">
      <c r="H26109" s="12"/>
    </row>
    <row r="26110" spans="8:8">
      <c r="H26110" s="12"/>
    </row>
    <row r="26111" spans="8:8">
      <c r="H26111" s="12"/>
    </row>
    <row r="26112" spans="8:8">
      <c r="H26112" s="12"/>
    </row>
    <row r="26113" spans="8:8">
      <c r="H26113" s="12"/>
    </row>
    <row r="26114" spans="8:8">
      <c r="H26114" s="12"/>
    </row>
    <row r="26115" spans="8:8">
      <c r="H26115" s="12"/>
    </row>
    <row r="26116" spans="8:8">
      <c r="H26116" s="12"/>
    </row>
    <row r="26117" spans="8:8">
      <c r="H26117" s="12"/>
    </row>
    <row r="26118" spans="8:8">
      <c r="H26118" s="12"/>
    </row>
    <row r="26119" spans="8:8">
      <c r="H26119" s="12"/>
    </row>
    <row r="26120" spans="8:8">
      <c r="H26120" s="12"/>
    </row>
    <row r="26121" spans="8:8">
      <c r="H26121" s="12"/>
    </row>
    <row r="26122" spans="8:8">
      <c r="H26122" s="12"/>
    </row>
    <row r="26123" spans="8:8">
      <c r="H26123" s="12"/>
    </row>
    <row r="26124" spans="8:8">
      <c r="H26124" s="12"/>
    </row>
    <row r="26125" spans="8:8">
      <c r="H26125" s="12"/>
    </row>
    <row r="26126" spans="8:8">
      <c r="H26126" s="12"/>
    </row>
    <row r="26127" spans="8:8">
      <c r="H26127" s="12"/>
    </row>
    <row r="26128" spans="8:8">
      <c r="H26128" s="12"/>
    </row>
    <row r="26129" spans="8:8">
      <c r="H26129" s="12"/>
    </row>
    <row r="26130" spans="8:8">
      <c r="H26130" s="12"/>
    </row>
    <row r="26131" spans="8:8">
      <c r="H26131" s="12"/>
    </row>
    <row r="26132" spans="8:8">
      <c r="H26132" s="12"/>
    </row>
    <row r="26133" spans="8:8">
      <c r="H26133" s="12"/>
    </row>
    <row r="26134" spans="8:8">
      <c r="H26134" s="12"/>
    </row>
    <row r="26135" spans="8:8">
      <c r="H26135" s="12"/>
    </row>
    <row r="26136" spans="8:8">
      <c r="H26136" s="12"/>
    </row>
    <row r="26137" spans="8:8">
      <c r="H26137" s="12"/>
    </row>
    <row r="26138" spans="8:8">
      <c r="H26138" s="12"/>
    </row>
    <row r="26139" spans="8:8">
      <c r="H26139" s="12"/>
    </row>
    <row r="26140" spans="8:8">
      <c r="H26140" s="12"/>
    </row>
    <row r="26141" spans="8:8">
      <c r="H26141" s="12"/>
    </row>
    <row r="26142" spans="8:8">
      <c r="H26142" s="12"/>
    </row>
    <row r="26143" spans="8:8">
      <c r="H26143" s="12"/>
    </row>
    <row r="26144" spans="8:8">
      <c r="H26144" s="12"/>
    </row>
    <row r="26145" spans="8:8">
      <c r="H26145" s="12"/>
    </row>
    <row r="26146" spans="8:8">
      <c r="H26146" s="12"/>
    </row>
    <row r="26147" spans="8:8">
      <c r="H26147" s="12"/>
    </row>
    <row r="26148" spans="8:8">
      <c r="H26148" s="12"/>
    </row>
    <row r="26149" spans="8:8">
      <c r="H26149" s="12"/>
    </row>
    <row r="26150" spans="8:8">
      <c r="H26150" s="12"/>
    </row>
    <row r="26151" spans="8:8">
      <c r="H26151" s="12"/>
    </row>
    <row r="26152" spans="8:8">
      <c r="H26152" s="12"/>
    </row>
    <row r="26153" spans="8:8">
      <c r="H26153" s="12"/>
    </row>
    <row r="26154" spans="8:8">
      <c r="H26154" s="12"/>
    </row>
    <row r="26155" spans="8:8">
      <c r="H26155" s="12"/>
    </row>
    <row r="26156" spans="8:8">
      <c r="H26156" s="12"/>
    </row>
    <row r="26157" spans="8:8">
      <c r="H26157" s="12"/>
    </row>
    <row r="26158" spans="8:8">
      <c r="H26158" s="12"/>
    </row>
    <row r="26159" spans="8:8">
      <c r="H26159" s="12"/>
    </row>
    <row r="26160" spans="8:8">
      <c r="H26160" s="12"/>
    </row>
    <row r="26161" spans="8:8">
      <c r="H26161" s="12"/>
    </row>
    <row r="26162" spans="8:8">
      <c r="H26162" s="12"/>
    </row>
    <row r="26163" spans="8:8">
      <c r="H26163" s="12"/>
    </row>
    <row r="26164" spans="8:8">
      <c r="H26164" s="12"/>
    </row>
    <row r="26165" spans="8:8">
      <c r="H26165" s="12"/>
    </row>
    <row r="26166" spans="8:8">
      <c r="H26166" s="12"/>
    </row>
    <row r="26167" spans="8:8">
      <c r="H26167" s="12"/>
    </row>
    <row r="26168" spans="8:8">
      <c r="H26168" s="12"/>
    </row>
    <row r="26169" spans="8:8">
      <c r="H26169" s="12"/>
    </row>
    <row r="26170" spans="8:8">
      <c r="H26170" s="12"/>
    </row>
    <row r="26171" spans="8:8">
      <c r="H26171" s="12"/>
    </row>
    <row r="26172" spans="8:8">
      <c r="H26172" s="12"/>
    </row>
    <row r="26173" spans="8:8">
      <c r="H26173" s="12"/>
    </row>
    <row r="26174" spans="8:8">
      <c r="H26174" s="12"/>
    </row>
    <row r="26175" spans="8:8">
      <c r="H26175" s="12"/>
    </row>
    <row r="26176" spans="8:8">
      <c r="H26176" s="12"/>
    </row>
    <row r="26177" spans="8:8">
      <c r="H26177" s="12"/>
    </row>
    <row r="26178" spans="8:8">
      <c r="H26178" s="12"/>
    </row>
    <row r="26179" spans="8:8">
      <c r="H26179" s="12"/>
    </row>
    <row r="26180" spans="8:8">
      <c r="H26180" s="12"/>
    </row>
    <row r="26181" spans="8:8">
      <c r="H26181" s="12"/>
    </row>
    <row r="26182" spans="8:8">
      <c r="H26182" s="12"/>
    </row>
    <row r="26183" spans="8:8">
      <c r="H26183" s="12"/>
    </row>
    <row r="26184" spans="8:8">
      <c r="H26184" s="12"/>
    </row>
    <row r="26185" spans="8:8">
      <c r="H26185" s="12"/>
    </row>
    <row r="26186" spans="8:8">
      <c r="H26186" s="12"/>
    </row>
    <row r="26187" spans="8:8">
      <c r="H26187" s="12"/>
    </row>
    <row r="26188" spans="8:8">
      <c r="H26188" s="12"/>
    </row>
    <row r="26189" spans="8:8">
      <c r="H26189" s="12"/>
    </row>
    <row r="26190" spans="8:8">
      <c r="H26190" s="12"/>
    </row>
    <row r="26191" spans="8:8">
      <c r="H26191" s="12"/>
    </row>
    <row r="26192" spans="8:8">
      <c r="H26192" s="12"/>
    </row>
    <row r="26193" spans="8:8">
      <c r="H26193" s="12"/>
    </row>
    <row r="26194" spans="8:8">
      <c r="H26194" s="12"/>
    </row>
    <row r="26195" spans="8:8">
      <c r="H26195" s="12"/>
    </row>
    <row r="26196" spans="8:8">
      <c r="H26196" s="12"/>
    </row>
    <row r="26197" spans="8:8">
      <c r="H26197" s="12"/>
    </row>
    <row r="26198" spans="8:8">
      <c r="H26198" s="12"/>
    </row>
    <row r="26199" spans="8:8">
      <c r="H26199" s="12"/>
    </row>
    <row r="26200" spans="8:8">
      <c r="H26200" s="12"/>
    </row>
    <row r="26201" spans="8:8">
      <c r="H26201" s="12"/>
    </row>
    <row r="26202" spans="8:8">
      <c r="H26202" s="12"/>
    </row>
    <row r="26203" spans="8:8">
      <c r="H26203" s="12"/>
    </row>
    <row r="26204" spans="8:8">
      <c r="H26204" s="12"/>
    </row>
    <row r="26205" spans="8:8">
      <c r="H26205" s="12"/>
    </row>
    <row r="26206" spans="8:8">
      <c r="H26206" s="12"/>
    </row>
    <row r="26207" spans="8:8">
      <c r="H26207" s="12"/>
    </row>
    <row r="26208" spans="8:8">
      <c r="H26208" s="12"/>
    </row>
    <row r="26209" spans="8:8">
      <c r="H26209" s="12"/>
    </row>
    <row r="26210" spans="8:8">
      <c r="H26210" s="12"/>
    </row>
    <row r="26211" spans="8:8">
      <c r="H26211" s="12"/>
    </row>
    <row r="26212" spans="8:8">
      <c r="H26212" s="12"/>
    </row>
    <row r="26213" spans="8:8">
      <c r="H26213" s="12"/>
    </row>
    <row r="26214" spans="8:8">
      <c r="H26214" s="12"/>
    </row>
    <row r="26215" spans="8:8">
      <c r="H26215" s="12"/>
    </row>
    <row r="26216" spans="8:8">
      <c r="H26216" s="12"/>
    </row>
    <row r="26217" spans="8:8">
      <c r="H26217" s="12"/>
    </row>
    <row r="26218" spans="8:8">
      <c r="H26218" s="12"/>
    </row>
    <row r="26219" spans="8:8">
      <c r="H26219" s="12"/>
    </row>
    <row r="26220" spans="8:8">
      <c r="H26220" s="12"/>
    </row>
    <row r="26221" spans="8:8">
      <c r="H26221" s="12"/>
    </row>
    <row r="26222" spans="8:8">
      <c r="H26222" s="12"/>
    </row>
    <row r="26223" spans="8:8">
      <c r="H26223" s="12"/>
    </row>
    <row r="26224" spans="8:8">
      <c r="H26224" s="12"/>
    </row>
    <row r="26225" spans="8:8">
      <c r="H26225" s="12"/>
    </row>
    <row r="26226" spans="8:8">
      <c r="H26226" s="12"/>
    </row>
    <row r="26227" spans="8:8">
      <c r="H26227" s="12"/>
    </row>
    <row r="26228" spans="8:8">
      <c r="H26228" s="12"/>
    </row>
    <row r="26229" spans="8:8">
      <c r="H26229" s="12"/>
    </row>
    <row r="26230" spans="8:8">
      <c r="H26230" s="12"/>
    </row>
    <row r="26231" spans="8:8">
      <c r="H26231" s="12"/>
    </row>
    <row r="26232" spans="8:8">
      <c r="H26232" s="12"/>
    </row>
    <row r="26233" spans="8:8">
      <c r="H26233" s="12"/>
    </row>
    <row r="26234" spans="8:8">
      <c r="H26234" s="12"/>
    </row>
    <row r="26235" spans="8:8">
      <c r="H26235" s="12"/>
    </row>
    <row r="26236" spans="8:8">
      <c r="H26236" s="12"/>
    </row>
    <row r="26237" spans="8:8">
      <c r="H26237" s="12"/>
    </row>
    <row r="26238" spans="8:8">
      <c r="H26238" s="12"/>
    </row>
    <row r="26239" spans="8:8">
      <c r="H26239" s="12"/>
    </row>
    <row r="26240" spans="8:8">
      <c r="H26240" s="12"/>
    </row>
    <row r="26241" spans="8:8">
      <c r="H26241" s="12"/>
    </row>
    <row r="26242" spans="8:8">
      <c r="H26242" s="12"/>
    </row>
    <row r="26243" spans="8:8">
      <c r="H26243" s="12"/>
    </row>
    <row r="26244" spans="8:8">
      <c r="H26244" s="12"/>
    </row>
    <row r="26245" spans="8:8">
      <c r="H26245" s="12"/>
    </row>
    <row r="26246" spans="8:8">
      <c r="H26246" s="12"/>
    </row>
    <row r="26247" spans="8:8">
      <c r="H26247" s="12"/>
    </row>
    <row r="26248" spans="8:8">
      <c r="H26248" s="12"/>
    </row>
    <row r="26249" spans="8:8">
      <c r="H26249" s="12"/>
    </row>
    <row r="26250" spans="8:8">
      <c r="H26250" s="12"/>
    </row>
    <row r="26251" spans="8:8">
      <c r="H26251" s="12"/>
    </row>
    <row r="26252" spans="8:8">
      <c r="H26252" s="12"/>
    </row>
    <row r="26253" spans="8:8">
      <c r="H26253" s="12"/>
    </row>
    <row r="26254" spans="8:8">
      <c r="H26254" s="12"/>
    </row>
    <row r="26255" spans="8:8">
      <c r="H26255" s="12"/>
    </row>
    <row r="26256" spans="8:8">
      <c r="H26256" s="12"/>
    </row>
    <row r="26257" spans="8:8">
      <c r="H26257" s="12"/>
    </row>
    <row r="26258" spans="8:8">
      <c r="H26258" s="12"/>
    </row>
    <row r="26259" spans="8:8">
      <c r="H26259" s="12"/>
    </row>
    <row r="26260" spans="8:8">
      <c r="H26260" s="12"/>
    </row>
    <row r="26261" spans="8:8">
      <c r="H26261" s="12"/>
    </row>
    <row r="26262" spans="8:8">
      <c r="H26262" s="12"/>
    </row>
    <row r="26263" spans="8:8">
      <c r="H26263" s="12"/>
    </row>
    <row r="26264" spans="8:8">
      <c r="H26264" s="12"/>
    </row>
    <row r="26265" spans="8:8">
      <c r="H26265" s="12"/>
    </row>
    <row r="26266" spans="8:8">
      <c r="H26266" s="12"/>
    </row>
    <row r="26267" spans="8:8">
      <c r="H26267" s="12"/>
    </row>
    <row r="26268" spans="8:8">
      <c r="H26268" s="12"/>
    </row>
    <row r="26269" spans="8:8">
      <c r="H26269" s="12"/>
    </row>
    <row r="26270" spans="8:8">
      <c r="H26270" s="12"/>
    </row>
    <row r="26271" spans="8:8">
      <c r="H26271" s="12"/>
    </row>
    <row r="26272" spans="8:8">
      <c r="H26272" s="12"/>
    </row>
    <row r="26273" spans="8:8">
      <c r="H26273" s="12"/>
    </row>
    <row r="26274" spans="8:8">
      <c r="H26274" s="12"/>
    </row>
    <row r="26275" spans="8:8">
      <c r="H26275" s="12"/>
    </row>
    <row r="26276" spans="8:8">
      <c r="H26276" s="12"/>
    </row>
    <row r="26277" spans="8:8">
      <c r="H26277" s="12"/>
    </row>
    <row r="26278" spans="8:8">
      <c r="H26278" s="12"/>
    </row>
    <row r="26279" spans="8:8">
      <c r="H26279" s="12"/>
    </row>
    <row r="26280" spans="8:8">
      <c r="H26280" s="12"/>
    </row>
    <row r="26281" spans="8:8">
      <c r="H26281" s="12"/>
    </row>
    <row r="26282" spans="8:8">
      <c r="H26282" s="12"/>
    </row>
    <row r="26283" spans="8:8">
      <c r="H26283" s="12"/>
    </row>
    <row r="26284" spans="8:8">
      <c r="H26284" s="12"/>
    </row>
    <row r="26285" spans="8:8">
      <c r="H26285" s="12"/>
    </row>
    <row r="26286" spans="8:8">
      <c r="H26286" s="12"/>
    </row>
    <row r="26287" spans="8:8">
      <c r="H26287" s="12"/>
    </row>
    <row r="26288" spans="8:8">
      <c r="H26288" s="12"/>
    </row>
    <row r="26289" spans="8:8">
      <c r="H26289" s="12"/>
    </row>
    <row r="26290" spans="8:8">
      <c r="H26290" s="12"/>
    </row>
    <row r="26291" spans="8:8">
      <c r="H26291" s="12"/>
    </row>
    <row r="26292" spans="8:8">
      <c r="H26292" s="12"/>
    </row>
    <row r="26293" spans="8:8">
      <c r="H26293" s="12"/>
    </row>
    <row r="26294" spans="8:8">
      <c r="H26294" s="12"/>
    </row>
    <row r="26295" spans="8:8">
      <c r="H26295" s="12"/>
    </row>
    <row r="26296" spans="8:8">
      <c r="H26296" s="12"/>
    </row>
    <row r="26297" spans="8:8">
      <c r="H26297" s="12"/>
    </row>
    <row r="26298" spans="8:8">
      <c r="H26298" s="12"/>
    </row>
    <row r="26299" spans="8:8">
      <c r="H26299" s="12"/>
    </row>
    <row r="26300" spans="8:8">
      <c r="H26300" s="12"/>
    </row>
    <row r="26301" spans="8:8">
      <c r="H26301" s="12"/>
    </row>
    <row r="26302" spans="8:8">
      <c r="H26302" s="12"/>
    </row>
    <row r="26303" spans="8:8">
      <c r="H26303" s="12"/>
    </row>
    <row r="26304" spans="8:8">
      <c r="H26304" s="12"/>
    </row>
    <row r="26305" spans="8:8">
      <c r="H26305" s="12"/>
    </row>
    <row r="26306" spans="8:8">
      <c r="H26306" s="12"/>
    </row>
    <row r="26307" spans="8:8">
      <c r="H26307" s="12"/>
    </row>
    <row r="26308" spans="8:8">
      <c r="H26308" s="12"/>
    </row>
    <row r="26309" spans="8:8">
      <c r="H26309" s="12"/>
    </row>
    <row r="26310" spans="8:8">
      <c r="H26310" s="12"/>
    </row>
    <row r="26311" spans="8:8">
      <c r="H26311" s="12"/>
    </row>
    <row r="26312" spans="8:8">
      <c r="H26312" s="12"/>
    </row>
    <row r="26313" spans="8:8">
      <c r="H26313" s="12"/>
    </row>
    <row r="26314" spans="8:8">
      <c r="H26314" s="12"/>
    </row>
    <row r="26315" spans="8:8">
      <c r="H26315" s="12"/>
    </row>
    <row r="26316" spans="8:8">
      <c r="H26316" s="12"/>
    </row>
    <row r="26317" spans="8:8">
      <c r="H26317" s="12"/>
    </row>
    <row r="26318" spans="8:8">
      <c r="H26318" s="12"/>
    </row>
    <row r="26319" spans="8:8">
      <c r="H26319" s="12"/>
    </row>
    <row r="26320" spans="8:8">
      <c r="H26320" s="12"/>
    </row>
    <row r="26321" spans="8:8">
      <c r="H26321" s="12"/>
    </row>
    <row r="26322" spans="8:8">
      <c r="H26322" s="12"/>
    </row>
    <row r="26323" spans="8:8">
      <c r="H26323" s="12"/>
    </row>
    <row r="26324" spans="8:8">
      <c r="H26324" s="12"/>
    </row>
    <row r="26325" spans="8:8">
      <c r="H26325" s="12"/>
    </row>
    <row r="26326" spans="8:8">
      <c r="H26326" s="12"/>
    </row>
    <row r="26327" spans="8:8">
      <c r="H26327" s="12"/>
    </row>
    <row r="26328" spans="8:8">
      <c r="H26328" s="12"/>
    </row>
    <row r="26329" spans="8:8">
      <c r="H26329" s="12"/>
    </row>
    <row r="26330" spans="8:8">
      <c r="H26330" s="12"/>
    </row>
    <row r="26331" spans="8:8">
      <c r="H26331" s="12"/>
    </row>
    <row r="26332" spans="8:8">
      <c r="H26332" s="12"/>
    </row>
    <row r="26333" spans="8:8">
      <c r="H26333" s="12"/>
    </row>
    <row r="26334" spans="8:8">
      <c r="H26334" s="12"/>
    </row>
    <row r="26335" spans="8:8">
      <c r="H26335" s="12"/>
    </row>
    <row r="26336" spans="8:8">
      <c r="H26336" s="12"/>
    </row>
    <row r="26337" spans="8:8">
      <c r="H26337" s="12"/>
    </row>
    <row r="26338" spans="8:8">
      <c r="H26338" s="12"/>
    </row>
    <row r="26339" spans="8:8">
      <c r="H26339" s="12"/>
    </row>
    <row r="26340" spans="8:8">
      <c r="H26340" s="12"/>
    </row>
    <row r="26341" spans="8:8">
      <c r="H26341" s="12"/>
    </row>
    <row r="26342" spans="8:8">
      <c r="H26342" s="12"/>
    </row>
    <row r="26343" spans="8:8">
      <c r="H26343" s="12"/>
    </row>
    <row r="26344" spans="8:8">
      <c r="H26344" s="12"/>
    </row>
    <row r="26345" spans="8:8">
      <c r="H26345" s="12"/>
    </row>
    <row r="26346" spans="8:8">
      <c r="H26346" s="12"/>
    </row>
    <row r="26347" spans="8:8">
      <c r="H26347" s="12"/>
    </row>
    <row r="26348" spans="8:8">
      <c r="H26348" s="12"/>
    </row>
    <row r="26349" spans="8:8">
      <c r="H26349" s="12"/>
    </row>
    <row r="26350" spans="8:8">
      <c r="H26350" s="12"/>
    </row>
    <row r="26351" spans="8:8">
      <c r="H26351" s="12"/>
    </row>
    <row r="26352" spans="8:8">
      <c r="H26352" s="12"/>
    </row>
    <row r="26353" spans="8:8">
      <c r="H26353" s="12"/>
    </row>
    <row r="26354" spans="8:8">
      <c r="H26354" s="12"/>
    </row>
    <row r="26355" spans="8:8">
      <c r="H26355" s="12"/>
    </row>
    <row r="26356" spans="8:8">
      <c r="H26356" s="12"/>
    </row>
    <row r="26357" spans="8:8">
      <c r="H26357" s="12"/>
    </row>
    <row r="26358" spans="8:8">
      <c r="H26358" s="12"/>
    </row>
    <row r="26359" spans="8:8">
      <c r="H26359" s="12"/>
    </row>
    <row r="26360" spans="8:8">
      <c r="H26360" s="12"/>
    </row>
    <row r="26361" spans="8:8">
      <c r="H26361" s="12"/>
    </row>
    <row r="26362" spans="8:8">
      <c r="H26362" s="12"/>
    </row>
    <row r="26363" spans="8:8">
      <c r="H26363" s="12"/>
    </row>
    <row r="26364" spans="8:8">
      <c r="H26364" s="12"/>
    </row>
    <row r="26365" spans="8:8">
      <c r="H26365" s="12"/>
    </row>
    <row r="26366" spans="8:8">
      <c r="H26366" s="12"/>
    </row>
    <row r="26367" spans="8:8">
      <c r="H26367" s="12"/>
    </row>
    <row r="26368" spans="8:8">
      <c r="H26368" s="12"/>
    </row>
    <row r="26369" spans="8:8">
      <c r="H26369" s="12"/>
    </row>
    <row r="26370" spans="8:8">
      <c r="H26370" s="12"/>
    </row>
    <row r="26371" spans="8:8">
      <c r="H26371" s="12"/>
    </row>
    <row r="26372" spans="8:8">
      <c r="H26372" s="12"/>
    </row>
    <row r="26373" spans="8:8">
      <c r="H26373" s="12"/>
    </row>
    <row r="26374" spans="8:8">
      <c r="H26374" s="12"/>
    </row>
    <row r="26375" spans="8:8">
      <c r="H26375" s="12"/>
    </row>
    <row r="26376" spans="8:8">
      <c r="H26376" s="12"/>
    </row>
    <row r="26377" spans="8:8">
      <c r="H26377" s="12"/>
    </row>
    <row r="26378" spans="8:8">
      <c r="H26378" s="12"/>
    </row>
    <row r="26379" spans="8:8">
      <c r="H26379" s="12"/>
    </row>
    <row r="26380" spans="8:8">
      <c r="H26380" s="12"/>
    </row>
    <row r="26381" spans="8:8">
      <c r="H26381" s="12"/>
    </row>
    <row r="26382" spans="8:8">
      <c r="H26382" s="12"/>
    </row>
    <row r="26383" spans="8:8">
      <c r="H26383" s="12"/>
    </row>
    <row r="26384" spans="8:8">
      <c r="H26384" s="12"/>
    </row>
    <row r="26385" spans="8:8">
      <c r="H26385" s="12"/>
    </row>
    <row r="26386" spans="8:8">
      <c r="H26386" s="12"/>
    </row>
    <row r="26387" spans="8:8">
      <c r="H26387" s="12"/>
    </row>
    <row r="26388" spans="8:8">
      <c r="H26388" s="12"/>
    </row>
    <row r="26389" spans="8:8">
      <c r="H26389" s="12"/>
    </row>
    <row r="26390" spans="8:8">
      <c r="H26390" s="12"/>
    </row>
    <row r="26391" spans="8:8">
      <c r="H26391" s="12"/>
    </row>
    <row r="26392" spans="8:8">
      <c r="H26392" s="12"/>
    </row>
    <row r="26393" spans="8:8">
      <c r="H26393" s="12"/>
    </row>
    <row r="26394" spans="8:8">
      <c r="H26394" s="12"/>
    </row>
    <row r="26395" spans="8:8">
      <c r="H26395" s="12"/>
    </row>
    <row r="26396" spans="8:8">
      <c r="H26396" s="12"/>
    </row>
    <row r="26397" spans="8:8">
      <c r="H26397" s="12"/>
    </row>
    <row r="26398" spans="8:8">
      <c r="H26398" s="12"/>
    </row>
    <row r="26399" spans="8:8">
      <c r="H26399" s="12"/>
    </row>
    <row r="26400" spans="8:8">
      <c r="H26400" s="12"/>
    </row>
    <row r="26401" spans="8:8">
      <c r="H26401" s="12"/>
    </row>
    <row r="26402" spans="8:8">
      <c r="H26402" s="12"/>
    </row>
    <row r="26403" spans="8:8">
      <c r="H26403" s="12"/>
    </row>
    <row r="26404" spans="8:8">
      <c r="H26404" s="12"/>
    </row>
    <row r="26405" spans="8:8">
      <c r="H26405" s="12"/>
    </row>
    <row r="26406" spans="8:8">
      <c r="H26406" s="12"/>
    </row>
    <row r="26407" spans="8:8">
      <c r="H26407" s="12"/>
    </row>
    <row r="26408" spans="8:8">
      <c r="H26408" s="12"/>
    </row>
    <row r="26409" spans="8:8">
      <c r="H26409" s="12"/>
    </row>
    <row r="26410" spans="8:8">
      <c r="H26410" s="12"/>
    </row>
    <row r="26411" spans="8:8">
      <c r="H26411" s="12"/>
    </row>
    <row r="26412" spans="8:8">
      <c r="H26412" s="12"/>
    </row>
    <row r="26413" spans="8:8">
      <c r="H26413" s="12"/>
    </row>
    <row r="26414" spans="8:8">
      <c r="H26414" s="12"/>
    </row>
    <row r="26415" spans="8:8">
      <c r="H26415" s="12"/>
    </row>
    <row r="26416" spans="8:8">
      <c r="H26416" s="12"/>
    </row>
    <row r="26417" spans="8:8">
      <c r="H26417" s="12"/>
    </row>
    <row r="26418" spans="8:8">
      <c r="H26418" s="12"/>
    </row>
    <row r="26419" spans="8:8">
      <c r="H26419" s="12"/>
    </row>
    <row r="26420" spans="8:8">
      <c r="H26420" s="12"/>
    </row>
    <row r="26421" spans="8:8">
      <c r="H26421" s="12"/>
    </row>
    <row r="26422" spans="8:8">
      <c r="H26422" s="12"/>
    </row>
    <row r="26423" spans="8:8">
      <c r="H26423" s="12"/>
    </row>
    <row r="26424" spans="8:8">
      <c r="H26424" s="12"/>
    </row>
    <row r="26425" spans="8:8">
      <c r="H26425" s="12"/>
    </row>
    <row r="26426" spans="8:8">
      <c r="H26426" s="12"/>
    </row>
    <row r="26427" spans="8:8">
      <c r="H26427" s="12"/>
    </row>
    <row r="26428" spans="8:8">
      <c r="H26428" s="12"/>
    </row>
    <row r="26429" spans="8:8">
      <c r="H26429" s="12"/>
    </row>
    <row r="26430" spans="8:8">
      <c r="H26430" s="12"/>
    </row>
    <row r="26431" spans="8:8">
      <c r="H26431" s="12"/>
    </row>
    <row r="26432" spans="8:8">
      <c r="H26432" s="12"/>
    </row>
    <row r="26433" spans="8:8">
      <c r="H26433" s="12"/>
    </row>
    <row r="26434" spans="8:8">
      <c r="H26434" s="12"/>
    </row>
    <row r="26435" spans="8:8">
      <c r="H26435" s="12"/>
    </row>
    <row r="26436" spans="8:8">
      <c r="H26436" s="12"/>
    </row>
    <row r="26437" spans="8:8">
      <c r="H26437" s="12"/>
    </row>
    <row r="26438" spans="8:8">
      <c r="H26438" s="12"/>
    </row>
    <row r="26439" spans="8:8">
      <c r="H26439" s="12"/>
    </row>
    <row r="26440" spans="8:8">
      <c r="H26440" s="12"/>
    </row>
    <row r="26441" spans="8:8">
      <c r="H26441" s="12"/>
    </row>
    <row r="26442" spans="8:8">
      <c r="H26442" s="12"/>
    </row>
    <row r="26443" spans="8:8">
      <c r="H26443" s="12"/>
    </row>
    <row r="26444" spans="8:8">
      <c r="H26444" s="12"/>
    </row>
    <row r="26445" spans="8:8">
      <c r="H26445" s="12"/>
    </row>
    <row r="26446" spans="8:8">
      <c r="H26446" s="12"/>
    </row>
    <row r="26447" spans="8:8">
      <c r="H26447" s="12"/>
    </row>
    <row r="26448" spans="8:8">
      <c r="H26448" s="12"/>
    </row>
    <row r="26449" spans="8:8">
      <c r="H26449" s="12"/>
    </row>
    <row r="26450" spans="8:8">
      <c r="H26450" s="12"/>
    </row>
    <row r="26451" spans="8:8">
      <c r="H26451" s="12"/>
    </row>
    <row r="26452" spans="8:8">
      <c r="H26452" s="12"/>
    </row>
    <row r="26453" spans="8:8">
      <c r="H26453" s="12"/>
    </row>
    <row r="26454" spans="8:8">
      <c r="H26454" s="12"/>
    </row>
    <row r="26455" spans="8:8">
      <c r="H26455" s="12"/>
    </row>
    <row r="26456" spans="8:8">
      <c r="H26456" s="12"/>
    </row>
    <row r="26457" spans="8:8">
      <c r="H26457" s="12"/>
    </row>
    <row r="26458" spans="8:8">
      <c r="H26458" s="12"/>
    </row>
    <row r="26459" spans="8:8">
      <c r="H26459" s="12"/>
    </row>
    <row r="26460" spans="8:8">
      <c r="H26460" s="12"/>
    </row>
    <row r="26461" spans="8:8">
      <c r="H26461" s="12"/>
    </row>
    <row r="26462" spans="8:8">
      <c r="H26462" s="12"/>
    </row>
    <row r="26463" spans="8:8">
      <c r="H26463" s="12"/>
    </row>
    <row r="26464" spans="8:8">
      <c r="H26464" s="12"/>
    </row>
    <row r="26465" spans="8:8">
      <c r="H26465" s="12"/>
    </row>
    <row r="26466" spans="8:8">
      <c r="H26466" s="12"/>
    </row>
    <row r="26467" spans="8:8">
      <c r="H26467" s="12"/>
    </row>
    <row r="26468" spans="8:8">
      <c r="H26468" s="12"/>
    </row>
    <row r="26469" spans="8:8">
      <c r="H26469" s="12"/>
    </row>
    <row r="26470" spans="8:8">
      <c r="H26470" s="12"/>
    </row>
    <row r="26471" spans="8:8">
      <c r="H26471" s="12"/>
    </row>
    <row r="26472" spans="8:8">
      <c r="H26472" s="12"/>
    </row>
    <row r="26473" spans="8:8">
      <c r="H26473" s="12"/>
    </row>
    <row r="26474" spans="8:8">
      <c r="H26474" s="12"/>
    </row>
    <row r="26475" spans="8:8">
      <c r="H26475" s="12"/>
    </row>
    <row r="26476" spans="8:8">
      <c r="H26476" s="12"/>
    </row>
    <row r="26477" spans="8:8">
      <c r="H26477" s="12"/>
    </row>
    <row r="26478" spans="8:8">
      <c r="H26478" s="12"/>
    </row>
    <row r="26479" spans="8:8">
      <c r="H26479" s="12"/>
    </row>
    <row r="26480" spans="8:8">
      <c r="H26480" s="12"/>
    </row>
    <row r="26481" spans="8:8">
      <c r="H26481" s="12"/>
    </row>
    <row r="26482" spans="8:8">
      <c r="H26482" s="12"/>
    </row>
    <row r="26483" spans="8:8">
      <c r="H26483" s="12"/>
    </row>
    <row r="26484" spans="8:8">
      <c r="H26484" s="12"/>
    </row>
    <row r="26485" spans="8:8">
      <c r="H26485" s="12"/>
    </row>
    <row r="26486" spans="8:8">
      <c r="H26486" s="12"/>
    </row>
    <row r="26487" spans="8:8">
      <c r="H26487" s="12"/>
    </row>
    <row r="26488" spans="8:8">
      <c r="H26488" s="12"/>
    </row>
    <row r="26489" spans="8:8">
      <c r="H26489" s="12"/>
    </row>
    <row r="26490" spans="8:8">
      <c r="H26490" s="12"/>
    </row>
    <row r="26491" spans="8:8">
      <c r="H26491" s="12"/>
    </row>
    <row r="26492" spans="8:8">
      <c r="H26492" s="12"/>
    </row>
    <row r="26493" spans="8:8">
      <c r="H26493" s="12"/>
    </row>
    <row r="26494" spans="8:8">
      <c r="H26494" s="12"/>
    </row>
    <row r="26495" spans="8:8">
      <c r="H26495" s="12"/>
    </row>
    <row r="26496" spans="8:8">
      <c r="H26496" s="12"/>
    </row>
    <row r="26497" spans="8:8">
      <c r="H26497" s="12"/>
    </row>
    <row r="26498" spans="8:8">
      <c r="H26498" s="12"/>
    </row>
    <row r="26499" spans="8:8">
      <c r="H26499" s="12"/>
    </row>
    <row r="26500" spans="8:8">
      <c r="H26500" s="12"/>
    </row>
    <row r="26501" spans="8:8">
      <c r="H26501" s="12"/>
    </row>
    <row r="26502" spans="8:8">
      <c r="H26502" s="12"/>
    </row>
    <row r="26503" spans="8:8">
      <c r="H26503" s="12"/>
    </row>
    <row r="26504" spans="8:8">
      <c r="H26504" s="12"/>
    </row>
    <row r="26505" spans="8:8">
      <c r="H26505" s="12"/>
    </row>
    <row r="26506" spans="8:8">
      <c r="H26506" s="12"/>
    </row>
    <row r="26507" spans="8:8">
      <c r="H26507" s="12"/>
    </row>
    <row r="26508" spans="8:8">
      <c r="H26508" s="12"/>
    </row>
    <row r="26509" spans="8:8">
      <c r="H26509" s="12"/>
    </row>
    <row r="26510" spans="8:8">
      <c r="H26510" s="12"/>
    </row>
    <row r="26511" spans="8:8">
      <c r="H26511" s="12"/>
    </row>
    <row r="26512" spans="8:8">
      <c r="H26512" s="12"/>
    </row>
    <row r="26513" spans="8:8">
      <c r="H26513" s="12"/>
    </row>
    <row r="26514" spans="8:8">
      <c r="H26514" s="12"/>
    </row>
    <row r="26515" spans="8:8">
      <c r="H26515" s="12"/>
    </row>
    <row r="26516" spans="8:8">
      <c r="H26516" s="12"/>
    </row>
    <row r="26517" spans="8:8">
      <c r="H26517" s="12"/>
    </row>
    <row r="26518" spans="8:8">
      <c r="H26518" s="12"/>
    </row>
    <row r="26519" spans="8:8">
      <c r="H26519" s="12"/>
    </row>
    <row r="26520" spans="8:8">
      <c r="H26520" s="12"/>
    </row>
    <row r="26521" spans="8:8">
      <c r="H26521" s="12"/>
    </row>
    <row r="26522" spans="8:8">
      <c r="H26522" s="12"/>
    </row>
    <row r="26523" spans="8:8">
      <c r="H26523" s="12"/>
    </row>
    <row r="26524" spans="8:8">
      <c r="H26524" s="12"/>
    </row>
    <row r="26525" spans="8:8">
      <c r="H26525" s="12"/>
    </row>
    <row r="26526" spans="8:8">
      <c r="H26526" s="12"/>
    </row>
    <row r="26527" spans="8:8">
      <c r="H26527" s="12"/>
    </row>
    <row r="26528" spans="8:8">
      <c r="H26528" s="12"/>
    </row>
    <row r="26529" spans="8:8">
      <c r="H26529" s="12"/>
    </row>
    <row r="26530" spans="8:8">
      <c r="H26530" s="12"/>
    </row>
    <row r="26531" spans="8:8">
      <c r="H26531" s="12"/>
    </row>
    <row r="26532" spans="8:8">
      <c r="H26532" s="12"/>
    </row>
    <row r="26533" spans="8:8">
      <c r="H26533" s="12"/>
    </row>
    <row r="26534" spans="8:8">
      <c r="H26534" s="12"/>
    </row>
    <row r="26535" spans="8:8">
      <c r="H26535" s="12"/>
    </row>
    <row r="26536" spans="8:8">
      <c r="H26536" s="12"/>
    </row>
    <row r="26537" spans="8:8">
      <c r="H26537" s="12"/>
    </row>
    <row r="26538" spans="8:8">
      <c r="H26538" s="12"/>
    </row>
    <row r="26539" spans="8:8">
      <c r="H26539" s="12"/>
    </row>
    <row r="26540" spans="8:8">
      <c r="H26540" s="12"/>
    </row>
    <row r="26541" spans="8:8">
      <c r="H26541" s="12"/>
    </row>
    <row r="26542" spans="8:8">
      <c r="H26542" s="12"/>
    </row>
    <row r="26543" spans="8:8">
      <c r="H26543" s="12"/>
    </row>
    <row r="26544" spans="8:8">
      <c r="H26544" s="12"/>
    </row>
    <row r="26545" spans="8:8">
      <c r="H26545" s="12"/>
    </row>
    <row r="26546" spans="8:8">
      <c r="H26546" s="12"/>
    </row>
    <row r="26547" spans="8:8">
      <c r="H26547" s="12"/>
    </row>
    <row r="26548" spans="8:8">
      <c r="H26548" s="12"/>
    </row>
    <row r="26549" spans="8:8">
      <c r="H26549" s="12"/>
    </row>
    <row r="26550" spans="8:8">
      <c r="H26550" s="12"/>
    </row>
    <row r="26551" spans="8:8">
      <c r="H26551" s="12"/>
    </row>
    <row r="26552" spans="8:8">
      <c r="H26552" s="12"/>
    </row>
    <row r="26553" spans="8:8">
      <c r="H26553" s="12"/>
    </row>
    <row r="26554" spans="8:8">
      <c r="H26554" s="12"/>
    </row>
    <row r="26555" spans="8:8">
      <c r="H26555" s="12"/>
    </row>
    <row r="26556" spans="8:8">
      <c r="H26556" s="12"/>
    </row>
    <row r="26557" spans="8:8">
      <c r="H26557" s="12"/>
    </row>
    <row r="26558" spans="8:8">
      <c r="H26558" s="12"/>
    </row>
    <row r="26559" spans="8:8">
      <c r="H26559" s="12"/>
    </row>
    <row r="26560" spans="8:8">
      <c r="H26560" s="12"/>
    </row>
    <row r="26561" spans="8:8">
      <c r="H26561" s="12"/>
    </row>
    <row r="26562" spans="8:8">
      <c r="H26562" s="12"/>
    </row>
    <row r="26563" spans="8:8">
      <c r="H26563" s="12"/>
    </row>
    <row r="26564" spans="8:8">
      <c r="H26564" s="12"/>
    </row>
    <row r="26565" spans="8:8">
      <c r="H26565" s="12"/>
    </row>
    <row r="26566" spans="8:8">
      <c r="H26566" s="12"/>
    </row>
    <row r="26567" spans="8:8">
      <c r="H26567" s="12"/>
    </row>
    <row r="26568" spans="8:8">
      <c r="H26568" s="12"/>
    </row>
    <row r="26569" spans="8:8">
      <c r="H26569" s="12"/>
    </row>
    <row r="26570" spans="8:8">
      <c r="H26570" s="12"/>
    </row>
    <row r="26571" spans="8:8">
      <c r="H26571" s="12"/>
    </row>
    <row r="26572" spans="8:8">
      <c r="H26572" s="12"/>
    </row>
    <row r="26573" spans="8:8">
      <c r="H26573" s="12"/>
    </row>
    <row r="26574" spans="8:8">
      <c r="H26574" s="12"/>
    </row>
    <row r="26575" spans="8:8">
      <c r="H26575" s="12"/>
    </row>
    <row r="26576" spans="8:8">
      <c r="H26576" s="12"/>
    </row>
    <row r="26577" spans="8:8">
      <c r="H26577" s="12"/>
    </row>
    <row r="26578" spans="8:8">
      <c r="H26578" s="12"/>
    </row>
    <row r="26579" spans="8:8">
      <c r="H26579" s="12"/>
    </row>
    <row r="26580" spans="8:8">
      <c r="H26580" s="12"/>
    </row>
    <row r="26581" spans="8:8">
      <c r="H26581" s="12"/>
    </row>
    <row r="26582" spans="8:8">
      <c r="H26582" s="12"/>
    </row>
    <row r="26583" spans="8:8">
      <c r="H26583" s="12"/>
    </row>
    <row r="26584" spans="8:8">
      <c r="H26584" s="12"/>
    </row>
    <row r="26585" spans="8:8">
      <c r="H26585" s="12"/>
    </row>
    <row r="26586" spans="8:8">
      <c r="H26586" s="12"/>
    </row>
    <row r="26587" spans="8:8">
      <c r="H26587" s="12"/>
    </row>
    <row r="26588" spans="8:8">
      <c r="H26588" s="12"/>
    </row>
    <row r="26589" spans="8:8">
      <c r="H26589" s="12"/>
    </row>
    <row r="26590" spans="8:8">
      <c r="H26590" s="12"/>
    </row>
    <row r="26591" spans="8:8">
      <c r="H26591" s="12"/>
    </row>
    <row r="26592" spans="8:8">
      <c r="H26592" s="12"/>
    </row>
    <row r="26593" spans="8:8">
      <c r="H26593" s="12"/>
    </row>
    <row r="26594" spans="8:8">
      <c r="H26594" s="12"/>
    </row>
    <row r="26595" spans="8:8">
      <c r="H26595" s="12"/>
    </row>
    <row r="26596" spans="8:8">
      <c r="H26596" s="12"/>
    </row>
    <row r="26597" spans="8:8">
      <c r="H26597" s="12"/>
    </row>
    <row r="26598" spans="8:8">
      <c r="H26598" s="12"/>
    </row>
    <row r="26599" spans="8:8">
      <c r="H26599" s="12"/>
    </row>
    <row r="26600" spans="8:8">
      <c r="H26600" s="12"/>
    </row>
    <row r="26601" spans="8:8">
      <c r="H26601" s="12"/>
    </row>
    <row r="26602" spans="8:8">
      <c r="H26602" s="12"/>
    </row>
    <row r="26603" spans="8:8">
      <c r="H26603" s="12"/>
    </row>
    <row r="26604" spans="8:8">
      <c r="H26604" s="12"/>
    </row>
    <row r="26605" spans="8:8">
      <c r="H26605" s="12"/>
    </row>
    <row r="26606" spans="8:8">
      <c r="H26606" s="12"/>
    </row>
    <row r="26607" spans="8:8">
      <c r="H26607" s="12"/>
    </row>
    <row r="26608" spans="8:8">
      <c r="H26608" s="12"/>
    </row>
    <row r="26609" spans="8:8">
      <c r="H26609" s="12"/>
    </row>
    <row r="26610" spans="8:8">
      <c r="H26610" s="12"/>
    </row>
    <row r="26611" spans="8:8">
      <c r="H26611" s="12"/>
    </row>
    <row r="26612" spans="8:8">
      <c r="H26612" s="12"/>
    </row>
    <row r="26613" spans="8:8">
      <c r="H26613" s="12"/>
    </row>
    <row r="26614" spans="8:8">
      <c r="H26614" s="12"/>
    </row>
    <row r="26615" spans="8:8">
      <c r="H26615" s="12"/>
    </row>
    <row r="26616" spans="8:8">
      <c r="H26616" s="12"/>
    </row>
    <row r="26617" spans="8:8">
      <c r="H26617" s="12"/>
    </row>
    <row r="26618" spans="8:8">
      <c r="H26618" s="12"/>
    </row>
    <row r="26619" spans="8:8">
      <c r="H26619" s="12"/>
    </row>
    <row r="26620" spans="8:8">
      <c r="H26620" s="12"/>
    </row>
    <row r="26621" spans="8:8">
      <c r="H26621" s="12"/>
    </row>
    <row r="26622" spans="8:8">
      <c r="H26622" s="12"/>
    </row>
    <row r="26623" spans="8:8">
      <c r="H26623" s="12"/>
    </row>
    <row r="26624" spans="8:8">
      <c r="H26624" s="12"/>
    </row>
    <row r="26625" spans="8:8">
      <c r="H26625" s="12"/>
    </row>
    <row r="26626" spans="8:8">
      <c r="H26626" s="12"/>
    </row>
    <row r="26627" spans="8:8">
      <c r="H26627" s="12"/>
    </row>
    <row r="26628" spans="8:8">
      <c r="H26628" s="12"/>
    </row>
    <row r="26629" spans="8:8">
      <c r="H26629" s="12"/>
    </row>
    <row r="26630" spans="8:8">
      <c r="H26630" s="12"/>
    </row>
    <row r="26631" spans="8:8">
      <c r="H26631" s="12"/>
    </row>
    <row r="26632" spans="8:8">
      <c r="H26632" s="12"/>
    </row>
    <row r="26633" spans="8:8">
      <c r="H26633" s="12"/>
    </row>
    <row r="26634" spans="8:8">
      <c r="H26634" s="12"/>
    </row>
    <row r="26635" spans="8:8">
      <c r="H26635" s="12"/>
    </row>
    <row r="26636" spans="8:8">
      <c r="H26636" s="12"/>
    </row>
    <row r="26637" spans="8:8">
      <c r="H26637" s="12"/>
    </row>
    <row r="26638" spans="8:8">
      <c r="H26638" s="12"/>
    </row>
    <row r="26639" spans="8:8">
      <c r="H26639" s="12"/>
    </row>
    <row r="26640" spans="8:8">
      <c r="H26640" s="12"/>
    </row>
    <row r="26641" spans="8:8">
      <c r="H26641" s="12"/>
    </row>
    <row r="26642" spans="8:8">
      <c r="H26642" s="12"/>
    </row>
    <row r="26643" spans="8:8">
      <c r="H26643" s="12"/>
    </row>
    <row r="26644" spans="8:8">
      <c r="H26644" s="12"/>
    </row>
    <row r="26645" spans="8:8">
      <c r="H26645" s="12"/>
    </row>
    <row r="26646" spans="8:8">
      <c r="H26646" s="12"/>
    </row>
    <row r="26647" spans="8:8">
      <c r="H26647" s="12"/>
    </row>
    <row r="26648" spans="8:8">
      <c r="H26648" s="12"/>
    </row>
    <row r="26649" spans="8:8">
      <c r="H26649" s="12"/>
    </row>
    <row r="26650" spans="8:8">
      <c r="H26650" s="12"/>
    </row>
    <row r="26651" spans="8:8">
      <c r="H26651" s="12"/>
    </row>
    <row r="26652" spans="8:8">
      <c r="H26652" s="12"/>
    </row>
    <row r="26653" spans="8:8">
      <c r="H26653" s="12"/>
    </row>
    <row r="26654" spans="8:8">
      <c r="H26654" s="12"/>
    </row>
    <row r="26655" spans="8:8">
      <c r="H26655" s="12"/>
    </row>
    <row r="26656" spans="8:8">
      <c r="H26656" s="12"/>
    </row>
    <row r="26657" spans="8:8">
      <c r="H26657" s="12"/>
    </row>
    <row r="26658" spans="8:8">
      <c r="H26658" s="12"/>
    </row>
    <row r="26659" spans="8:8">
      <c r="H26659" s="12"/>
    </row>
    <row r="26660" spans="8:8">
      <c r="H26660" s="12"/>
    </row>
    <row r="26661" spans="8:8">
      <c r="H26661" s="12"/>
    </row>
    <row r="26662" spans="8:8">
      <c r="H26662" s="12"/>
    </row>
    <row r="26663" spans="8:8">
      <c r="H26663" s="12"/>
    </row>
    <row r="26664" spans="8:8">
      <c r="H26664" s="12"/>
    </row>
    <row r="26665" spans="8:8">
      <c r="H26665" s="12"/>
    </row>
    <row r="26666" spans="8:8">
      <c r="H26666" s="12"/>
    </row>
    <row r="26667" spans="8:8">
      <c r="H26667" s="12"/>
    </row>
    <row r="26668" spans="8:8">
      <c r="H26668" s="12"/>
    </row>
    <row r="26669" spans="8:8">
      <c r="H26669" s="12"/>
    </row>
    <row r="26670" spans="8:8">
      <c r="H26670" s="12"/>
    </row>
    <row r="26671" spans="8:8">
      <c r="H26671" s="12"/>
    </row>
    <row r="26672" spans="8:8">
      <c r="H26672" s="12"/>
    </row>
    <row r="26673" spans="8:8">
      <c r="H26673" s="12"/>
    </row>
    <row r="26674" spans="8:8">
      <c r="H26674" s="12"/>
    </row>
    <row r="26675" spans="8:8">
      <c r="H26675" s="12"/>
    </row>
    <row r="26676" spans="8:8">
      <c r="H26676" s="12"/>
    </row>
    <row r="26677" spans="8:8">
      <c r="H26677" s="12"/>
    </row>
    <row r="26678" spans="8:8">
      <c r="H26678" s="12"/>
    </row>
    <row r="26679" spans="8:8">
      <c r="H26679" s="12"/>
    </row>
    <row r="26680" spans="8:8">
      <c r="H26680" s="12"/>
    </row>
    <row r="26681" spans="8:8">
      <c r="H26681" s="12"/>
    </row>
    <row r="26682" spans="8:8">
      <c r="H26682" s="12"/>
    </row>
    <row r="26683" spans="8:8">
      <c r="H26683" s="12"/>
    </row>
    <row r="26684" spans="8:8">
      <c r="H26684" s="12"/>
    </row>
    <row r="26685" spans="8:8">
      <c r="H26685" s="12"/>
    </row>
    <row r="26686" spans="8:8">
      <c r="H26686" s="12"/>
    </row>
    <row r="26687" spans="8:8">
      <c r="H26687" s="12"/>
    </row>
    <row r="26688" spans="8:8">
      <c r="H26688" s="12"/>
    </row>
    <row r="26689" spans="8:8">
      <c r="H26689" s="12"/>
    </row>
    <row r="26690" spans="8:8">
      <c r="H26690" s="12"/>
    </row>
    <row r="26691" spans="8:8">
      <c r="H26691" s="12"/>
    </row>
    <row r="26692" spans="8:8">
      <c r="H26692" s="12"/>
    </row>
    <row r="26693" spans="8:8">
      <c r="H26693" s="12"/>
    </row>
    <row r="26694" spans="8:8">
      <c r="H26694" s="12"/>
    </row>
    <row r="26695" spans="8:8">
      <c r="H26695" s="12"/>
    </row>
    <row r="26696" spans="8:8">
      <c r="H26696" s="12"/>
    </row>
    <row r="26697" spans="8:8">
      <c r="H26697" s="12"/>
    </row>
    <row r="26698" spans="8:8">
      <c r="H26698" s="12"/>
    </row>
    <row r="26699" spans="8:8">
      <c r="H26699" s="12"/>
    </row>
    <row r="26700" spans="8:8">
      <c r="H26700" s="12"/>
    </row>
    <row r="26701" spans="8:8">
      <c r="H26701" s="12"/>
    </row>
    <row r="26702" spans="8:8">
      <c r="H26702" s="12"/>
    </row>
    <row r="26703" spans="8:8">
      <c r="H26703" s="12"/>
    </row>
    <row r="26704" spans="8:8">
      <c r="H26704" s="12"/>
    </row>
    <row r="26705" spans="8:8">
      <c r="H26705" s="12"/>
    </row>
    <row r="26706" spans="8:8">
      <c r="H26706" s="12"/>
    </row>
    <row r="26707" spans="8:8">
      <c r="H26707" s="12"/>
    </row>
    <row r="26708" spans="8:8">
      <c r="H26708" s="12"/>
    </row>
    <row r="26709" spans="8:8">
      <c r="H26709" s="12"/>
    </row>
    <row r="26710" spans="8:8">
      <c r="H26710" s="12"/>
    </row>
    <row r="26711" spans="8:8">
      <c r="H26711" s="12"/>
    </row>
    <row r="26712" spans="8:8">
      <c r="H26712" s="12"/>
    </row>
    <row r="26713" spans="8:8">
      <c r="H26713" s="12"/>
    </row>
    <row r="26714" spans="8:8">
      <c r="H26714" s="12"/>
    </row>
    <row r="26715" spans="8:8">
      <c r="H26715" s="12"/>
    </row>
    <row r="26716" spans="8:8">
      <c r="H26716" s="12"/>
    </row>
    <row r="26717" spans="8:8">
      <c r="H26717" s="12"/>
    </row>
    <row r="26718" spans="8:8">
      <c r="H26718" s="12"/>
    </row>
    <row r="26719" spans="8:8">
      <c r="H26719" s="12"/>
    </row>
    <row r="26720" spans="8:8">
      <c r="H26720" s="12"/>
    </row>
    <row r="26721" spans="8:8">
      <c r="H26721" s="12"/>
    </row>
    <row r="26722" spans="8:8">
      <c r="H26722" s="12"/>
    </row>
    <row r="26723" spans="8:8">
      <c r="H26723" s="12"/>
    </row>
    <row r="26724" spans="8:8">
      <c r="H26724" s="12"/>
    </row>
    <row r="26725" spans="8:8">
      <c r="H26725" s="12"/>
    </row>
    <row r="26726" spans="8:8">
      <c r="H26726" s="12"/>
    </row>
    <row r="26727" spans="8:8">
      <c r="H26727" s="12"/>
    </row>
    <row r="26728" spans="8:8">
      <c r="H26728" s="12"/>
    </row>
    <row r="26729" spans="8:8">
      <c r="H26729" s="12"/>
    </row>
    <row r="26730" spans="8:8">
      <c r="H26730" s="12"/>
    </row>
    <row r="26731" spans="8:8">
      <c r="H26731" s="12"/>
    </row>
    <row r="26732" spans="8:8">
      <c r="H26732" s="12"/>
    </row>
    <row r="26733" spans="8:8">
      <c r="H26733" s="12"/>
    </row>
    <row r="26734" spans="8:8">
      <c r="H26734" s="12"/>
    </row>
    <row r="26735" spans="8:8">
      <c r="H26735" s="12"/>
    </row>
    <row r="26736" spans="8:8">
      <c r="H26736" s="12"/>
    </row>
    <row r="26737" spans="8:8">
      <c r="H26737" s="12"/>
    </row>
    <row r="26738" spans="8:8">
      <c r="H26738" s="12"/>
    </row>
    <row r="26739" spans="8:8">
      <c r="H26739" s="12"/>
    </row>
    <row r="26740" spans="8:8">
      <c r="H26740" s="12"/>
    </row>
    <row r="26741" spans="8:8">
      <c r="H26741" s="12"/>
    </row>
    <row r="26742" spans="8:8">
      <c r="H26742" s="12"/>
    </row>
    <row r="26743" spans="8:8">
      <c r="H26743" s="12"/>
    </row>
    <row r="26744" spans="8:8">
      <c r="H26744" s="12"/>
    </row>
    <row r="26745" spans="8:8">
      <c r="H26745" s="12"/>
    </row>
    <row r="26746" spans="8:8">
      <c r="H26746" s="12"/>
    </row>
    <row r="26747" spans="8:8">
      <c r="H26747" s="12"/>
    </row>
    <row r="26748" spans="8:8">
      <c r="H26748" s="12"/>
    </row>
    <row r="26749" spans="8:8">
      <c r="H26749" s="12"/>
    </row>
    <row r="26750" spans="8:8">
      <c r="H26750" s="12"/>
    </row>
    <row r="26751" spans="8:8">
      <c r="H26751" s="12"/>
    </row>
    <row r="26752" spans="8:8">
      <c r="H26752" s="12"/>
    </row>
    <row r="26753" spans="8:8">
      <c r="H26753" s="12"/>
    </row>
    <row r="26754" spans="8:8">
      <c r="H26754" s="12"/>
    </row>
    <row r="26755" spans="8:8">
      <c r="H26755" s="12"/>
    </row>
    <row r="26756" spans="8:8">
      <c r="H26756" s="12"/>
    </row>
    <row r="26757" spans="8:8">
      <c r="H26757" s="12"/>
    </row>
    <row r="26758" spans="8:8">
      <c r="H26758" s="12"/>
    </row>
    <row r="26759" spans="8:8">
      <c r="H26759" s="12"/>
    </row>
    <row r="26760" spans="8:8">
      <c r="H26760" s="12"/>
    </row>
    <row r="26761" spans="8:8">
      <c r="H26761" s="12"/>
    </row>
    <row r="26762" spans="8:8">
      <c r="H26762" s="12"/>
    </row>
    <row r="26763" spans="8:8">
      <c r="H26763" s="12"/>
    </row>
    <row r="26764" spans="8:8">
      <c r="H26764" s="12"/>
    </row>
    <row r="26765" spans="8:8">
      <c r="H26765" s="12"/>
    </row>
    <row r="26766" spans="8:8">
      <c r="H26766" s="12"/>
    </row>
    <row r="26767" spans="8:8">
      <c r="H26767" s="12"/>
    </row>
    <row r="26768" spans="8:8">
      <c r="H26768" s="12"/>
    </row>
    <row r="26769" spans="8:8">
      <c r="H26769" s="12"/>
    </row>
    <row r="26770" spans="8:8">
      <c r="H26770" s="12"/>
    </row>
    <row r="26771" spans="8:8">
      <c r="H26771" s="12"/>
    </row>
    <row r="26772" spans="8:8">
      <c r="H26772" s="12"/>
    </row>
    <row r="26773" spans="8:8">
      <c r="H26773" s="12"/>
    </row>
    <row r="26774" spans="8:8">
      <c r="H26774" s="12"/>
    </row>
    <row r="26775" spans="8:8">
      <c r="H26775" s="12"/>
    </row>
    <row r="26776" spans="8:8">
      <c r="H26776" s="12"/>
    </row>
    <row r="26777" spans="8:8">
      <c r="H26777" s="12"/>
    </row>
    <row r="26778" spans="8:8">
      <c r="H26778" s="12"/>
    </row>
    <row r="26779" spans="8:8">
      <c r="H26779" s="12"/>
    </row>
    <row r="26780" spans="8:8">
      <c r="H26780" s="12"/>
    </row>
    <row r="26781" spans="8:8">
      <c r="H26781" s="12"/>
    </row>
    <row r="26782" spans="8:8">
      <c r="H26782" s="12"/>
    </row>
    <row r="26783" spans="8:8">
      <c r="H26783" s="12"/>
    </row>
    <row r="26784" spans="8:8">
      <c r="H26784" s="12"/>
    </row>
    <row r="26785" spans="8:8">
      <c r="H26785" s="12"/>
    </row>
    <row r="26786" spans="8:8">
      <c r="H26786" s="12"/>
    </row>
    <row r="26787" spans="8:8">
      <c r="H26787" s="12"/>
    </row>
    <row r="26788" spans="8:8">
      <c r="H26788" s="12"/>
    </row>
    <row r="26789" spans="8:8">
      <c r="H26789" s="12"/>
    </row>
    <row r="26790" spans="8:8">
      <c r="H26790" s="12"/>
    </row>
    <row r="26791" spans="8:8">
      <c r="H26791" s="12"/>
    </row>
    <row r="26792" spans="8:8">
      <c r="H26792" s="12"/>
    </row>
    <row r="26793" spans="8:8">
      <c r="H26793" s="12"/>
    </row>
    <row r="26794" spans="8:8">
      <c r="H26794" s="12"/>
    </row>
    <row r="26795" spans="8:8">
      <c r="H26795" s="12"/>
    </row>
    <row r="26796" spans="8:8">
      <c r="H26796" s="12"/>
    </row>
    <row r="26797" spans="8:8">
      <c r="H26797" s="12"/>
    </row>
    <row r="26798" spans="8:8">
      <c r="H26798" s="12"/>
    </row>
    <row r="26799" spans="8:8">
      <c r="H26799" s="12"/>
    </row>
    <row r="26800" spans="8:8">
      <c r="H26800" s="12"/>
    </row>
    <row r="26801" spans="8:8">
      <c r="H26801" s="12"/>
    </row>
    <row r="26802" spans="8:8">
      <c r="H26802" s="12"/>
    </row>
    <row r="26803" spans="8:8">
      <c r="H26803" s="12"/>
    </row>
    <row r="26804" spans="8:8">
      <c r="H26804" s="12"/>
    </row>
    <row r="26805" spans="8:8">
      <c r="H26805" s="12"/>
    </row>
    <row r="26806" spans="8:8">
      <c r="H26806" s="12"/>
    </row>
    <row r="26807" spans="8:8">
      <c r="H26807" s="12"/>
    </row>
    <row r="26808" spans="8:8">
      <c r="H26808" s="12"/>
    </row>
    <row r="26809" spans="8:8">
      <c r="H26809" s="12"/>
    </row>
    <row r="26810" spans="8:8">
      <c r="H26810" s="12"/>
    </row>
    <row r="26811" spans="8:8">
      <c r="H26811" s="12"/>
    </row>
    <row r="26812" spans="8:8">
      <c r="H26812" s="12"/>
    </row>
    <row r="26813" spans="8:8">
      <c r="H26813" s="12"/>
    </row>
    <row r="26814" spans="8:8">
      <c r="H26814" s="12"/>
    </row>
    <row r="26815" spans="8:8">
      <c r="H26815" s="12"/>
    </row>
    <row r="26816" spans="8:8">
      <c r="H26816" s="12"/>
    </row>
    <row r="26817" spans="8:8">
      <c r="H26817" s="12"/>
    </row>
    <row r="26818" spans="8:8">
      <c r="H26818" s="12"/>
    </row>
    <row r="26819" spans="8:8">
      <c r="H26819" s="12"/>
    </row>
    <row r="26820" spans="8:8">
      <c r="H26820" s="12"/>
    </row>
    <row r="26821" spans="8:8">
      <c r="H26821" s="12"/>
    </row>
    <row r="26822" spans="8:8">
      <c r="H26822" s="12"/>
    </row>
    <row r="26823" spans="8:8">
      <c r="H26823" s="12"/>
    </row>
    <row r="26824" spans="8:8">
      <c r="H26824" s="12"/>
    </row>
    <row r="26825" spans="8:8">
      <c r="H26825" s="12"/>
    </row>
    <row r="26826" spans="8:8">
      <c r="H26826" s="12"/>
    </row>
    <row r="26827" spans="8:8">
      <c r="H26827" s="12"/>
    </row>
    <row r="26828" spans="8:8">
      <c r="H26828" s="12"/>
    </row>
    <row r="26829" spans="8:8">
      <c r="H26829" s="12"/>
    </row>
    <row r="26830" spans="8:8">
      <c r="H26830" s="12"/>
    </row>
    <row r="26831" spans="8:8">
      <c r="H26831" s="12"/>
    </row>
    <row r="26832" spans="8:8">
      <c r="H26832" s="12"/>
    </row>
    <row r="26833" spans="8:8">
      <c r="H26833" s="12"/>
    </row>
    <row r="26834" spans="8:8">
      <c r="H26834" s="12"/>
    </row>
    <row r="26835" spans="8:8">
      <c r="H26835" s="12"/>
    </row>
    <row r="26836" spans="8:8">
      <c r="H26836" s="12"/>
    </row>
    <row r="26837" spans="8:8">
      <c r="H26837" s="12"/>
    </row>
    <row r="26838" spans="8:8">
      <c r="H26838" s="12"/>
    </row>
    <row r="26839" spans="8:8">
      <c r="H26839" s="12"/>
    </row>
    <row r="26840" spans="8:8">
      <c r="H26840" s="12"/>
    </row>
    <row r="26841" spans="8:8">
      <c r="H26841" s="12"/>
    </row>
    <row r="26842" spans="8:8">
      <c r="H26842" s="12"/>
    </row>
    <row r="26843" spans="8:8">
      <c r="H26843" s="12"/>
    </row>
    <row r="26844" spans="8:8">
      <c r="H26844" s="12"/>
    </row>
    <row r="26845" spans="8:8">
      <c r="H26845" s="12"/>
    </row>
    <row r="26846" spans="8:8">
      <c r="H26846" s="12"/>
    </row>
    <row r="26847" spans="8:8">
      <c r="H26847" s="12"/>
    </row>
    <row r="26848" spans="8:8">
      <c r="H26848" s="12"/>
    </row>
    <row r="26849" spans="8:8">
      <c r="H26849" s="12"/>
    </row>
    <row r="26850" spans="8:8">
      <c r="H26850" s="12"/>
    </row>
    <row r="26851" spans="8:8">
      <c r="H26851" s="12"/>
    </row>
    <row r="26852" spans="8:8">
      <c r="H26852" s="12"/>
    </row>
    <row r="26853" spans="8:8">
      <c r="H26853" s="12"/>
    </row>
    <row r="26854" spans="8:8">
      <c r="H26854" s="12"/>
    </row>
    <row r="26855" spans="8:8">
      <c r="H26855" s="12"/>
    </row>
    <row r="26856" spans="8:8">
      <c r="H26856" s="12"/>
    </row>
    <row r="26857" spans="8:8">
      <c r="H26857" s="12"/>
    </row>
    <row r="26858" spans="8:8">
      <c r="H26858" s="12"/>
    </row>
    <row r="26859" spans="8:8">
      <c r="H26859" s="12"/>
    </row>
    <row r="26860" spans="8:8">
      <c r="H26860" s="12"/>
    </row>
    <row r="26861" spans="8:8">
      <c r="H26861" s="12"/>
    </row>
    <row r="26862" spans="8:8">
      <c r="H26862" s="12"/>
    </row>
    <row r="26863" spans="8:8">
      <c r="H26863" s="12"/>
    </row>
    <row r="26864" spans="8:8">
      <c r="H26864" s="12"/>
    </row>
    <row r="26865" spans="8:8">
      <c r="H26865" s="12"/>
    </row>
    <row r="26866" spans="8:8">
      <c r="H26866" s="12"/>
    </row>
    <row r="26867" spans="8:8">
      <c r="H26867" s="12"/>
    </row>
    <row r="26868" spans="8:8">
      <c r="H26868" s="12"/>
    </row>
    <row r="26869" spans="8:8">
      <c r="H26869" s="12"/>
    </row>
    <row r="26870" spans="8:8">
      <c r="H26870" s="12"/>
    </row>
    <row r="26871" spans="8:8">
      <c r="H26871" s="12"/>
    </row>
    <row r="26872" spans="8:8">
      <c r="H26872" s="12"/>
    </row>
    <row r="26873" spans="8:8">
      <c r="H26873" s="12"/>
    </row>
    <row r="26874" spans="8:8">
      <c r="H26874" s="12"/>
    </row>
    <row r="26875" spans="8:8">
      <c r="H26875" s="12"/>
    </row>
    <row r="26876" spans="8:8">
      <c r="H26876" s="12"/>
    </row>
    <row r="26877" spans="8:8">
      <c r="H26877" s="12"/>
    </row>
    <row r="26878" spans="8:8">
      <c r="H26878" s="12"/>
    </row>
    <row r="26879" spans="8:8">
      <c r="H26879" s="12"/>
    </row>
    <row r="26880" spans="8:8">
      <c r="H26880" s="12"/>
    </row>
    <row r="26881" spans="8:8">
      <c r="H26881" s="12"/>
    </row>
    <row r="26882" spans="8:8">
      <c r="H26882" s="12"/>
    </row>
    <row r="26883" spans="8:8">
      <c r="H26883" s="12"/>
    </row>
    <row r="26884" spans="8:8">
      <c r="H26884" s="12"/>
    </row>
    <row r="26885" spans="8:8">
      <c r="H26885" s="12"/>
    </row>
    <row r="26886" spans="8:8">
      <c r="H26886" s="12"/>
    </row>
    <row r="26887" spans="8:8">
      <c r="H26887" s="12"/>
    </row>
    <row r="26888" spans="8:8">
      <c r="H26888" s="12"/>
    </row>
    <row r="26889" spans="8:8">
      <c r="H26889" s="12"/>
    </row>
    <row r="26890" spans="8:8">
      <c r="H26890" s="12"/>
    </row>
    <row r="26891" spans="8:8">
      <c r="H26891" s="12"/>
    </row>
    <row r="26892" spans="8:8">
      <c r="H26892" s="12"/>
    </row>
    <row r="26893" spans="8:8">
      <c r="H26893" s="12"/>
    </row>
    <row r="26894" spans="8:8">
      <c r="H26894" s="12"/>
    </row>
    <row r="26895" spans="8:8">
      <c r="H26895" s="12"/>
    </row>
    <row r="26896" spans="8:8">
      <c r="H26896" s="12"/>
    </row>
    <row r="26897" spans="8:8">
      <c r="H26897" s="12"/>
    </row>
    <row r="26898" spans="8:8">
      <c r="H26898" s="12"/>
    </row>
    <row r="26899" spans="8:8">
      <c r="H26899" s="12"/>
    </row>
    <row r="26900" spans="8:8">
      <c r="H26900" s="12"/>
    </row>
    <row r="26901" spans="8:8">
      <c r="H26901" s="12"/>
    </row>
    <row r="26902" spans="8:8">
      <c r="H26902" s="12"/>
    </row>
    <row r="26903" spans="8:8">
      <c r="H26903" s="12"/>
    </row>
    <row r="26904" spans="8:8">
      <c r="H26904" s="12"/>
    </row>
    <row r="26905" spans="8:8">
      <c r="H26905" s="12"/>
    </row>
    <row r="26906" spans="8:8">
      <c r="H26906" s="12"/>
    </row>
    <row r="26907" spans="8:8">
      <c r="H26907" s="12"/>
    </row>
    <row r="26908" spans="8:8">
      <c r="H26908" s="12"/>
    </row>
    <row r="26909" spans="8:8">
      <c r="H26909" s="12"/>
    </row>
    <row r="26910" spans="8:8">
      <c r="H26910" s="12"/>
    </row>
    <row r="26911" spans="8:8">
      <c r="H26911" s="12"/>
    </row>
    <row r="26912" spans="8:8">
      <c r="H26912" s="12"/>
    </row>
    <row r="26913" spans="8:8">
      <c r="H26913" s="12"/>
    </row>
    <row r="26914" spans="8:8">
      <c r="H26914" s="12"/>
    </row>
    <row r="26915" spans="8:8">
      <c r="H26915" s="12"/>
    </row>
    <row r="26916" spans="8:8">
      <c r="H26916" s="12"/>
    </row>
    <row r="26917" spans="8:8">
      <c r="H26917" s="12"/>
    </row>
    <row r="26918" spans="8:8">
      <c r="H26918" s="12"/>
    </row>
    <row r="26919" spans="8:8">
      <c r="H26919" s="12"/>
    </row>
    <row r="26920" spans="8:8">
      <c r="H26920" s="12"/>
    </row>
    <row r="26921" spans="8:8">
      <c r="H26921" s="12"/>
    </row>
    <row r="26922" spans="8:8">
      <c r="H26922" s="12"/>
    </row>
    <row r="26923" spans="8:8">
      <c r="H26923" s="12"/>
    </row>
    <row r="26924" spans="8:8">
      <c r="H26924" s="12"/>
    </row>
    <row r="26925" spans="8:8">
      <c r="H26925" s="12"/>
    </row>
    <row r="26926" spans="8:8">
      <c r="H26926" s="12"/>
    </row>
    <row r="26927" spans="8:8">
      <c r="H26927" s="12"/>
    </row>
    <row r="26928" spans="8:8">
      <c r="H26928" s="12"/>
    </row>
    <row r="26929" spans="8:8">
      <c r="H26929" s="12"/>
    </row>
    <row r="26930" spans="8:8">
      <c r="H26930" s="12"/>
    </row>
    <row r="26931" spans="8:8">
      <c r="H26931" s="12"/>
    </row>
    <row r="26932" spans="8:8">
      <c r="H26932" s="12"/>
    </row>
    <row r="26933" spans="8:8">
      <c r="H26933" s="12"/>
    </row>
    <row r="26934" spans="8:8">
      <c r="H26934" s="12"/>
    </row>
    <row r="26935" spans="8:8">
      <c r="H26935" s="12"/>
    </row>
    <row r="26936" spans="8:8">
      <c r="H26936" s="12"/>
    </row>
    <row r="26937" spans="8:8">
      <c r="H26937" s="12"/>
    </row>
    <row r="26938" spans="8:8">
      <c r="H26938" s="12"/>
    </row>
    <row r="26939" spans="8:8">
      <c r="H26939" s="12"/>
    </row>
    <row r="26940" spans="8:8">
      <c r="H26940" s="12"/>
    </row>
    <row r="26941" spans="8:8">
      <c r="H26941" s="12"/>
    </row>
    <row r="26942" spans="8:8">
      <c r="H26942" s="12"/>
    </row>
    <row r="26943" spans="8:8">
      <c r="H26943" s="12"/>
    </row>
    <row r="26944" spans="8:8">
      <c r="H26944" s="12"/>
    </row>
    <row r="26945" spans="8:8">
      <c r="H26945" s="12"/>
    </row>
    <row r="26946" spans="8:8">
      <c r="H26946" s="12"/>
    </row>
    <row r="26947" spans="8:8">
      <c r="H26947" s="12"/>
    </row>
    <row r="26948" spans="8:8">
      <c r="H26948" s="12"/>
    </row>
    <row r="26949" spans="8:8">
      <c r="H26949" s="12"/>
    </row>
    <row r="26950" spans="8:8">
      <c r="H26950" s="12"/>
    </row>
    <row r="26951" spans="8:8">
      <c r="H26951" s="12"/>
    </row>
    <row r="26952" spans="8:8">
      <c r="H26952" s="12"/>
    </row>
    <row r="26953" spans="8:8">
      <c r="H26953" s="12"/>
    </row>
    <row r="26954" spans="8:8">
      <c r="H26954" s="12"/>
    </row>
    <row r="26955" spans="8:8">
      <c r="H26955" s="12"/>
    </row>
    <row r="26956" spans="8:8">
      <c r="H26956" s="12"/>
    </row>
    <row r="26957" spans="8:8">
      <c r="H26957" s="12"/>
    </row>
    <row r="26958" spans="8:8">
      <c r="H26958" s="12"/>
    </row>
    <row r="26959" spans="8:8">
      <c r="H26959" s="12"/>
    </row>
    <row r="26960" spans="8:8">
      <c r="H26960" s="12"/>
    </row>
    <row r="26961" spans="8:8">
      <c r="H26961" s="12"/>
    </row>
    <row r="26962" spans="8:8">
      <c r="H26962" s="12"/>
    </row>
    <row r="26963" spans="8:8">
      <c r="H26963" s="12"/>
    </row>
    <row r="26964" spans="8:8">
      <c r="H26964" s="12"/>
    </row>
    <row r="26965" spans="8:8">
      <c r="H26965" s="12"/>
    </row>
    <row r="26966" spans="8:8">
      <c r="H26966" s="12"/>
    </row>
    <row r="26967" spans="8:8">
      <c r="H26967" s="12"/>
    </row>
    <row r="26968" spans="8:8">
      <c r="H26968" s="12"/>
    </row>
    <row r="26969" spans="8:8">
      <c r="H26969" s="12"/>
    </row>
    <row r="26970" spans="8:8">
      <c r="H26970" s="12"/>
    </row>
    <row r="26971" spans="8:8">
      <c r="H26971" s="12"/>
    </row>
    <row r="26972" spans="8:8">
      <c r="H26972" s="12"/>
    </row>
    <row r="26973" spans="8:8">
      <c r="H26973" s="12"/>
    </row>
    <row r="26974" spans="8:8">
      <c r="H26974" s="12"/>
    </row>
    <row r="26975" spans="8:8">
      <c r="H26975" s="12"/>
    </row>
    <row r="26976" spans="8:8">
      <c r="H26976" s="12"/>
    </row>
    <row r="26977" spans="8:8">
      <c r="H26977" s="12"/>
    </row>
    <row r="26978" spans="8:8">
      <c r="H26978" s="12"/>
    </row>
    <row r="26979" spans="8:8">
      <c r="H26979" s="12"/>
    </row>
    <row r="26980" spans="8:8">
      <c r="H26980" s="12"/>
    </row>
    <row r="26981" spans="8:8">
      <c r="H26981" s="12"/>
    </row>
    <row r="26982" spans="8:8">
      <c r="H26982" s="12"/>
    </row>
    <row r="26983" spans="8:8">
      <c r="H26983" s="12"/>
    </row>
    <row r="26984" spans="8:8">
      <c r="H26984" s="12"/>
    </row>
    <row r="26985" spans="8:8">
      <c r="H26985" s="12"/>
    </row>
    <row r="26986" spans="8:8">
      <c r="H26986" s="12"/>
    </row>
    <row r="26987" spans="8:8">
      <c r="H26987" s="12"/>
    </row>
    <row r="26988" spans="8:8">
      <c r="H26988" s="12"/>
    </row>
    <row r="26989" spans="8:8">
      <c r="H26989" s="12"/>
    </row>
    <row r="26990" spans="8:8">
      <c r="H26990" s="12"/>
    </row>
    <row r="26991" spans="8:8">
      <c r="H26991" s="12"/>
    </row>
    <row r="26992" spans="8:8">
      <c r="H26992" s="12"/>
    </row>
    <row r="26993" spans="8:8">
      <c r="H26993" s="12"/>
    </row>
    <row r="26994" spans="8:8">
      <c r="H26994" s="12"/>
    </row>
    <row r="26995" spans="8:8">
      <c r="H26995" s="12"/>
    </row>
    <row r="26996" spans="8:8">
      <c r="H26996" s="12"/>
    </row>
    <row r="26997" spans="8:8">
      <c r="H26997" s="12"/>
    </row>
    <row r="26998" spans="8:8">
      <c r="H26998" s="12"/>
    </row>
    <row r="26999" spans="8:8">
      <c r="H26999" s="12"/>
    </row>
    <row r="27000" spans="8:8">
      <c r="H27000" s="12"/>
    </row>
    <row r="27001" spans="8:8">
      <c r="H27001" s="12"/>
    </row>
    <row r="27002" spans="8:8">
      <c r="H27002" s="12"/>
    </row>
    <row r="27003" spans="8:8">
      <c r="H27003" s="12"/>
    </row>
    <row r="27004" spans="8:8">
      <c r="H27004" s="12"/>
    </row>
    <row r="27005" spans="8:8">
      <c r="H27005" s="12"/>
    </row>
    <row r="27006" spans="8:8">
      <c r="H27006" s="12"/>
    </row>
    <row r="27007" spans="8:8">
      <c r="H27007" s="12"/>
    </row>
    <row r="27008" spans="8:8">
      <c r="H27008" s="12"/>
    </row>
    <row r="27009" spans="8:8">
      <c r="H27009" s="12"/>
    </row>
    <row r="27010" spans="8:8">
      <c r="H27010" s="12"/>
    </row>
    <row r="27011" spans="8:8">
      <c r="H27011" s="12"/>
    </row>
    <row r="27012" spans="8:8">
      <c r="H27012" s="12"/>
    </row>
    <row r="27013" spans="8:8">
      <c r="H27013" s="12"/>
    </row>
    <row r="27014" spans="8:8">
      <c r="H27014" s="12"/>
    </row>
    <row r="27015" spans="8:8">
      <c r="H27015" s="12"/>
    </row>
    <row r="27016" spans="8:8">
      <c r="H27016" s="12"/>
    </row>
    <row r="27017" spans="8:8">
      <c r="H27017" s="12"/>
    </row>
    <row r="27018" spans="8:8">
      <c r="H27018" s="12"/>
    </row>
    <row r="27019" spans="8:8">
      <c r="H27019" s="12"/>
    </row>
    <row r="27020" spans="8:8">
      <c r="H27020" s="12"/>
    </row>
    <row r="27021" spans="8:8">
      <c r="H27021" s="12"/>
    </row>
    <row r="27022" spans="8:8">
      <c r="H27022" s="12"/>
    </row>
    <row r="27023" spans="8:8">
      <c r="H27023" s="12"/>
    </row>
    <row r="27024" spans="8:8">
      <c r="H27024" s="12"/>
    </row>
    <row r="27025" spans="8:8">
      <c r="H27025" s="12"/>
    </row>
    <row r="27026" spans="8:8">
      <c r="H27026" s="12"/>
    </row>
    <row r="27027" spans="8:8">
      <c r="H27027" s="12"/>
    </row>
    <row r="27028" spans="8:8">
      <c r="H27028" s="12"/>
    </row>
    <row r="27029" spans="8:8">
      <c r="H27029" s="12"/>
    </row>
    <row r="27030" spans="8:8">
      <c r="H27030" s="12"/>
    </row>
    <row r="27031" spans="8:8">
      <c r="H27031" s="12"/>
    </row>
    <row r="27032" spans="8:8">
      <c r="H27032" s="12"/>
    </row>
    <row r="27033" spans="8:8">
      <c r="H27033" s="12"/>
    </row>
    <row r="27034" spans="8:8">
      <c r="H27034" s="12"/>
    </row>
    <row r="27035" spans="8:8">
      <c r="H27035" s="12"/>
    </row>
    <row r="27036" spans="8:8">
      <c r="H27036" s="12"/>
    </row>
    <row r="27037" spans="8:8">
      <c r="H27037" s="12"/>
    </row>
    <row r="27038" spans="8:8">
      <c r="H27038" s="12"/>
    </row>
    <row r="27039" spans="8:8">
      <c r="H27039" s="12"/>
    </row>
    <row r="27040" spans="8:8">
      <c r="H27040" s="12"/>
    </row>
    <row r="27041" spans="8:8">
      <c r="H27041" s="12"/>
    </row>
    <row r="27042" spans="8:8">
      <c r="H27042" s="12"/>
    </row>
    <row r="27043" spans="8:8">
      <c r="H27043" s="12"/>
    </row>
    <row r="27044" spans="8:8">
      <c r="H27044" s="12"/>
    </row>
    <row r="27045" spans="8:8">
      <c r="H27045" s="12"/>
    </row>
    <row r="27046" spans="8:8">
      <c r="H27046" s="12"/>
    </row>
    <row r="27047" spans="8:8">
      <c r="H27047" s="12"/>
    </row>
    <row r="27048" spans="8:8">
      <c r="H27048" s="12"/>
    </row>
    <row r="27049" spans="8:8">
      <c r="H27049" s="12"/>
    </row>
    <row r="27050" spans="8:8">
      <c r="H27050" s="12"/>
    </row>
    <row r="27051" spans="8:8">
      <c r="H27051" s="12"/>
    </row>
    <row r="27052" spans="8:8">
      <c r="H27052" s="12"/>
    </row>
    <row r="27053" spans="8:8">
      <c r="H27053" s="12"/>
    </row>
    <row r="27054" spans="8:8">
      <c r="H27054" s="12"/>
    </row>
    <row r="27055" spans="8:8">
      <c r="H27055" s="12"/>
    </row>
    <row r="27056" spans="8:8">
      <c r="H27056" s="12"/>
    </row>
    <row r="27057" spans="8:8">
      <c r="H27057" s="12"/>
    </row>
    <row r="27058" spans="8:8">
      <c r="H27058" s="12"/>
    </row>
    <row r="27059" spans="8:8">
      <c r="H27059" s="12"/>
    </row>
    <row r="27060" spans="8:8">
      <c r="H27060" s="12"/>
    </row>
    <row r="27061" spans="8:8">
      <c r="H27061" s="12"/>
    </row>
    <row r="27062" spans="8:8">
      <c r="H27062" s="12"/>
    </row>
    <row r="27063" spans="8:8">
      <c r="H27063" s="12"/>
    </row>
    <row r="27064" spans="8:8">
      <c r="H27064" s="12"/>
    </row>
    <row r="27065" spans="8:8">
      <c r="H27065" s="12"/>
    </row>
    <row r="27066" spans="8:8">
      <c r="H27066" s="12"/>
    </row>
    <row r="27067" spans="8:8">
      <c r="H27067" s="12"/>
    </row>
    <row r="27068" spans="8:8">
      <c r="H27068" s="12"/>
    </row>
    <row r="27069" spans="8:8">
      <c r="H27069" s="12"/>
    </row>
    <row r="27070" spans="8:8">
      <c r="H27070" s="12"/>
    </row>
    <row r="27071" spans="8:8">
      <c r="H27071" s="12"/>
    </row>
    <row r="27072" spans="8:8">
      <c r="H27072" s="12"/>
    </row>
    <row r="27073" spans="8:8">
      <c r="H27073" s="12"/>
    </row>
    <row r="27074" spans="8:8">
      <c r="H27074" s="12"/>
    </row>
    <row r="27075" spans="8:8">
      <c r="H27075" s="12"/>
    </row>
    <row r="27076" spans="8:8">
      <c r="H27076" s="12"/>
    </row>
    <row r="27077" spans="8:8">
      <c r="H27077" s="12"/>
    </row>
    <row r="27078" spans="8:8">
      <c r="H27078" s="12"/>
    </row>
    <row r="27079" spans="8:8">
      <c r="H27079" s="12"/>
    </row>
    <row r="27080" spans="8:8">
      <c r="H27080" s="12"/>
    </row>
    <row r="27081" spans="8:8">
      <c r="H27081" s="12"/>
    </row>
    <row r="27082" spans="8:8">
      <c r="H27082" s="12"/>
    </row>
    <row r="27083" spans="8:8">
      <c r="H27083" s="12"/>
    </row>
    <row r="27084" spans="8:8">
      <c r="H27084" s="12"/>
    </row>
    <row r="27085" spans="8:8">
      <c r="H27085" s="12"/>
    </row>
    <row r="27086" spans="8:8">
      <c r="H27086" s="12"/>
    </row>
    <row r="27087" spans="8:8">
      <c r="H27087" s="12"/>
    </row>
    <row r="27088" spans="8:8">
      <c r="H27088" s="12"/>
    </row>
    <row r="27089" spans="8:8">
      <c r="H27089" s="12"/>
    </row>
    <row r="27090" spans="8:8">
      <c r="H27090" s="12"/>
    </row>
    <row r="27091" spans="8:8">
      <c r="H27091" s="12"/>
    </row>
    <row r="27092" spans="8:8">
      <c r="H27092" s="12"/>
    </row>
    <row r="27093" spans="8:8">
      <c r="H27093" s="12"/>
    </row>
    <row r="27094" spans="8:8">
      <c r="H27094" s="12"/>
    </row>
    <row r="27095" spans="8:8">
      <c r="H27095" s="12"/>
    </row>
    <row r="27096" spans="8:8">
      <c r="H27096" s="12"/>
    </row>
    <row r="27097" spans="8:8">
      <c r="H27097" s="12"/>
    </row>
    <row r="27098" spans="8:8">
      <c r="H27098" s="12"/>
    </row>
    <row r="27099" spans="8:8">
      <c r="H27099" s="12"/>
    </row>
    <row r="27100" spans="8:8">
      <c r="H27100" s="12"/>
    </row>
    <row r="27101" spans="8:8">
      <c r="H27101" s="12"/>
    </row>
    <row r="27102" spans="8:8">
      <c r="H27102" s="12"/>
    </row>
    <row r="27103" spans="8:8">
      <c r="H27103" s="12"/>
    </row>
    <row r="27104" spans="8:8">
      <c r="H27104" s="12"/>
    </row>
    <row r="27105" spans="8:8">
      <c r="H27105" s="12"/>
    </row>
    <row r="27106" spans="8:8">
      <c r="H27106" s="12"/>
    </row>
    <row r="27107" spans="8:8">
      <c r="H27107" s="12"/>
    </row>
    <row r="27108" spans="8:8">
      <c r="H27108" s="12"/>
    </row>
    <row r="27109" spans="8:8">
      <c r="H27109" s="12"/>
    </row>
    <row r="27110" spans="8:8">
      <c r="H27110" s="12"/>
    </row>
    <row r="27111" spans="8:8">
      <c r="H27111" s="12"/>
    </row>
    <row r="27112" spans="8:8">
      <c r="H27112" s="12"/>
    </row>
    <row r="27113" spans="8:8">
      <c r="H27113" s="12"/>
    </row>
    <row r="27114" spans="8:8">
      <c r="H27114" s="12"/>
    </row>
    <row r="27115" spans="8:8">
      <c r="H27115" s="12"/>
    </row>
    <row r="27116" spans="8:8">
      <c r="H27116" s="12"/>
    </row>
    <row r="27117" spans="8:8">
      <c r="H27117" s="12"/>
    </row>
    <row r="27118" spans="8:8">
      <c r="H27118" s="12"/>
    </row>
    <row r="27119" spans="8:8">
      <c r="H27119" s="12"/>
    </row>
    <row r="27120" spans="8:8">
      <c r="H27120" s="12"/>
    </row>
    <row r="27121" spans="8:8">
      <c r="H27121" s="12"/>
    </row>
    <row r="27122" spans="8:8">
      <c r="H27122" s="12"/>
    </row>
    <row r="27123" spans="8:8">
      <c r="H27123" s="12"/>
    </row>
    <row r="27124" spans="8:8">
      <c r="H27124" s="12"/>
    </row>
    <row r="27125" spans="8:8">
      <c r="H27125" s="12"/>
    </row>
    <row r="27126" spans="8:8">
      <c r="H27126" s="12"/>
    </row>
    <row r="27127" spans="8:8">
      <c r="H27127" s="12"/>
    </row>
    <row r="27128" spans="8:8">
      <c r="H27128" s="12"/>
    </row>
    <row r="27129" spans="8:8">
      <c r="H27129" s="12"/>
    </row>
    <row r="27130" spans="8:8">
      <c r="H27130" s="12"/>
    </row>
    <row r="27131" spans="8:8">
      <c r="H27131" s="12"/>
    </row>
    <row r="27132" spans="8:8">
      <c r="H27132" s="12"/>
    </row>
    <row r="27133" spans="8:8">
      <c r="H27133" s="12"/>
    </row>
    <row r="27134" spans="8:8">
      <c r="H27134" s="12"/>
    </row>
    <row r="27135" spans="8:8">
      <c r="H27135" s="12"/>
    </row>
    <row r="27136" spans="8:8">
      <c r="H27136" s="12"/>
    </row>
    <row r="27137" spans="8:8">
      <c r="H27137" s="12"/>
    </row>
    <row r="27138" spans="8:8">
      <c r="H27138" s="12"/>
    </row>
    <row r="27139" spans="8:8">
      <c r="H27139" s="12"/>
    </row>
    <row r="27140" spans="8:8">
      <c r="H27140" s="12"/>
    </row>
    <row r="27141" spans="8:8">
      <c r="H27141" s="12"/>
    </row>
    <row r="27142" spans="8:8">
      <c r="H27142" s="12"/>
    </row>
    <row r="27143" spans="8:8">
      <c r="H27143" s="12"/>
    </row>
    <row r="27144" spans="8:8">
      <c r="H27144" s="12"/>
    </row>
    <row r="27145" spans="8:8">
      <c r="H27145" s="12"/>
    </row>
    <row r="27146" spans="8:8">
      <c r="H27146" s="12"/>
    </row>
    <row r="27147" spans="8:8">
      <c r="H27147" s="12"/>
    </row>
    <row r="27148" spans="8:8">
      <c r="H27148" s="12"/>
    </row>
    <row r="27149" spans="8:8">
      <c r="H27149" s="12"/>
    </row>
    <row r="27150" spans="8:8">
      <c r="H27150" s="12"/>
    </row>
    <row r="27151" spans="8:8">
      <c r="H27151" s="12"/>
    </row>
    <row r="27152" spans="8:8">
      <c r="H27152" s="12"/>
    </row>
    <row r="27153" spans="8:8">
      <c r="H27153" s="12"/>
    </row>
    <row r="27154" spans="8:8">
      <c r="H27154" s="12"/>
    </row>
    <row r="27155" spans="8:8">
      <c r="H27155" s="12"/>
    </row>
    <row r="27156" spans="8:8">
      <c r="H27156" s="12"/>
    </row>
    <row r="27157" spans="8:8">
      <c r="H27157" s="12"/>
    </row>
    <row r="27158" spans="8:8">
      <c r="H27158" s="12"/>
    </row>
    <row r="27159" spans="8:8">
      <c r="H27159" s="12"/>
    </row>
    <row r="27160" spans="8:8">
      <c r="H27160" s="12"/>
    </row>
    <row r="27161" spans="8:8">
      <c r="H27161" s="12"/>
    </row>
    <row r="27162" spans="8:8">
      <c r="H27162" s="12"/>
    </row>
    <row r="27163" spans="8:8">
      <c r="H27163" s="12"/>
    </row>
    <row r="27164" spans="8:8">
      <c r="H27164" s="12"/>
    </row>
    <row r="27165" spans="8:8">
      <c r="H27165" s="12"/>
    </row>
    <row r="27166" spans="8:8">
      <c r="H27166" s="12"/>
    </row>
    <row r="27167" spans="8:8">
      <c r="H27167" s="12"/>
    </row>
    <row r="27168" spans="8:8">
      <c r="H27168" s="12"/>
    </row>
    <row r="27169" spans="8:8">
      <c r="H27169" s="12"/>
    </row>
    <row r="27170" spans="8:8">
      <c r="H27170" s="12"/>
    </row>
    <row r="27171" spans="8:8">
      <c r="H27171" s="12"/>
    </row>
    <row r="27172" spans="8:8">
      <c r="H27172" s="12"/>
    </row>
    <row r="27173" spans="8:8">
      <c r="H27173" s="12"/>
    </row>
    <row r="27174" spans="8:8">
      <c r="H27174" s="12"/>
    </row>
    <row r="27175" spans="8:8">
      <c r="H27175" s="12"/>
    </row>
    <row r="27176" spans="8:8">
      <c r="H27176" s="12"/>
    </row>
    <row r="27177" spans="8:8">
      <c r="H27177" s="12"/>
    </row>
    <row r="27178" spans="8:8">
      <c r="H27178" s="12"/>
    </row>
    <row r="27179" spans="8:8">
      <c r="H27179" s="12"/>
    </row>
    <row r="27180" spans="8:8">
      <c r="H27180" s="12"/>
    </row>
    <row r="27181" spans="8:8">
      <c r="H27181" s="12"/>
    </row>
    <row r="27182" spans="8:8">
      <c r="H27182" s="12"/>
    </row>
    <row r="27183" spans="8:8">
      <c r="H27183" s="12"/>
    </row>
    <row r="27184" spans="8:8">
      <c r="H27184" s="12"/>
    </row>
    <row r="27185" spans="8:8">
      <c r="H27185" s="12"/>
    </row>
    <row r="27186" spans="8:8">
      <c r="H27186" s="12"/>
    </row>
    <row r="27187" spans="8:8">
      <c r="H27187" s="12"/>
    </row>
    <row r="27188" spans="8:8">
      <c r="H27188" s="12"/>
    </row>
    <row r="27189" spans="8:8">
      <c r="H27189" s="12"/>
    </row>
    <row r="27190" spans="8:8">
      <c r="H27190" s="12"/>
    </row>
    <row r="27191" spans="8:8">
      <c r="H27191" s="12"/>
    </row>
    <row r="27192" spans="8:8">
      <c r="H27192" s="12"/>
    </row>
    <row r="27193" spans="8:8">
      <c r="H27193" s="12"/>
    </row>
    <row r="27194" spans="8:8">
      <c r="H27194" s="12"/>
    </row>
    <row r="27195" spans="8:8">
      <c r="H27195" s="12"/>
    </row>
    <row r="27196" spans="8:8">
      <c r="H27196" s="12"/>
    </row>
    <row r="27197" spans="8:8">
      <c r="H27197" s="12"/>
    </row>
    <row r="27198" spans="8:8">
      <c r="H27198" s="12"/>
    </row>
    <row r="27199" spans="8:8">
      <c r="H27199" s="12"/>
    </row>
    <row r="27200" spans="8:8">
      <c r="H27200" s="12"/>
    </row>
    <row r="27201" spans="8:8">
      <c r="H27201" s="12"/>
    </row>
    <row r="27202" spans="8:8">
      <c r="H27202" s="12"/>
    </row>
    <row r="27203" spans="8:8">
      <c r="H27203" s="12"/>
    </row>
    <row r="27204" spans="8:8">
      <c r="H27204" s="12"/>
    </row>
    <row r="27205" spans="8:8">
      <c r="H27205" s="12"/>
    </row>
    <row r="27206" spans="8:8">
      <c r="H27206" s="12"/>
    </row>
    <row r="27207" spans="8:8">
      <c r="H27207" s="12"/>
    </row>
    <row r="27208" spans="8:8">
      <c r="H27208" s="12"/>
    </row>
    <row r="27209" spans="8:8">
      <c r="H27209" s="12"/>
    </row>
    <row r="27210" spans="8:8">
      <c r="H27210" s="12"/>
    </row>
    <row r="27211" spans="8:8">
      <c r="H27211" s="12"/>
    </row>
    <row r="27212" spans="8:8">
      <c r="H27212" s="12"/>
    </row>
    <row r="27213" spans="8:8">
      <c r="H27213" s="12"/>
    </row>
    <row r="27214" spans="8:8">
      <c r="H27214" s="12"/>
    </row>
    <row r="27215" spans="8:8">
      <c r="H27215" s="12"/>
    </row>
    <row r="27216" spans="8:8">
      <c r="H27216" s="12"/>
    </row>
    <row r="27217" spans="8:8">
      <c r="H27217" s="12"/>
    </row>
    <row r="27218" spans="8:8">
      <c r="H27218" s="12"/>
    </row>
    <row r="27219" spans="8:8">
      <c r="H27219" s="12"/>
    </row>
    <row r="27220" spans="8:8">
      <c r="H27220" s="12"/>
    </row>
    <row r="27221" spans="8:8">
      <c r="H27221" s="12"/>
    </row>
    <row r="27222" spans="8:8">
      <c r="H27222" s="12"/>
    </row>
    <row r="27223" spans="8:8">
      <c r="H27223" s="12"/>
    </row>
    <row r="27224" spans="8:8">
      <c r="H27224" s="12"/>
    </row>
    <row r="27225" spans="8:8">
      <c r="H27225" s="12"/>
    </row>
    <row r="27226" spans="8:8">
      <c r="H27226" s="12"/>
    </row>
    <row r="27227" spans="8:8">
      <c r="H27227" s="12"/>
    </row>
    <row r="27228" spans="8:8">
      <c r="H27228" s="12"/>
    </row>
    <row r="27229" spans="8:8">
      <c r="H27229" s="12"/>
    </row>
    <row r="27230" spans="8:8">
      <c r="H27230" s="12"/>
    </row>
    <row r="27231" spans="8:8">
      <c r="H27231" s="12"/>
    </row>
    <row r="27232" spans="8:8">
      <c r="H27232" s="12"/>
    </row>
    <row r="27233" spans="8:8">
      <c r="H27233" s="12"/>
    </row>
    <row r="27234" spans="8:8">
      <c r="H27234" s="12"/>
    </row>
    <row r="27235" spans="8:8">
      <c r="H27235" s="12"/>
    </row>
    <row r="27236" spans="8:8">
      <c r="H27236" s="12"/>
    </row>
    <row r="27237" spans="8:8">
      <c r="H27237" s="12"/>
    </row>
    <row r="27238" spans="8:8">
      <c r="H27238" s="12"/>
    </row>
    <row r="27239" spans="8:8">
      <c r="H27239" s="12"/>
    </row>
    <row r="27240" spans="8:8">
      <c r="H27240" s="12"/>
    </row>
    <row r="27241" spans="8:8">
      <c r="H27241" s="12"/>
    </row>
    <row r="27242" spans="8:8">
      <c r="H27242" s="12"/>
    </row>
    <row r="27243" spans="8:8">
      <c r="H27243" s="12"/>
    </row>
    <row r="27244" spans="8:8">
      <c r="H27244" s="12"/>
    </row>
    <row r="27245" spans="8:8">
      <c r="H27245" s="12"/>
    </row>
    <row r="27246" spans="8:8">
      <c r="H27246" s="12"/>
    </row>
    <row r="27247" spans="8:8">
      <c r="H27247" s="12"/>
    </row>
    <row r="27248" spans="8:8">
      <c r="H27248" s="12"/>
    </row>
    <row r="27249" spans="8:8">
      <c r="H27249" s="12"/>
    </row>
    <row r="27250" spans="8:8">
      <c r="H27250" s="12"/>
    </row>
    <row r="27251" spans="8:8">
      <c r="H27251" s="12"/>
    </row>
    <row r="27252" spans="8:8">
      <c r="H27252" s="12"/>
    </row>
    <row r="27253" spans="8:8">
      <c r="H27253" s="12"/>
    </row>
    <row r="27254" spans="8:8">
      <c r="H27254" s="12"/>
    </row>
    <row r="27255" spans="8:8">
      <c r="H27255" s="12"/>
    </row>
    <row r="27256" spans="8:8">
      <c r="H27256" s="12"/>
    </row>
    <row r="27257" spans="8:8">
      <c r="H27257" s="12"/>
    </row>
    <row r="27258" spans="8:8">
      <c r="H27258" s="12"/>
    </row>
    <row r="27259" spans="8:8">
      <c r="H27259" s="12"/>
    </row>
    <row r="27260" spans="8:8">
      <c r="H27260" s="12"/>
    </row>
    <row r="27261" spans="8:8">
      <c r="H27261" s="12"/>
    </row>
    <row r="27262" spans="8:8">
      <c r="H27262" s="12"/>
    </row>
    <row r="27263" spans="8:8">
      <c r="H27263" s="12"/>
    </row>
    <row r="27264" spans="8:8">
      <c r="H27264" s="12"/>
    </row>
    <row r="27265" spans="8:8">
      <c r="H27265" s="12"/>
    </row>
    <row r="27266" spans="8:8">
      <c r="H27266" s="12"/>
    </row>
    <row r="27267" spans="8:8">
      <c r="H27267" s="12"/>
    </row>
    <row r="27268" spans="8:8">
      <c r="H27268" s="12"/>
    </row>
    <row r="27269" spans="8:8">
      <c r="H27269" s="12"/>
    </row>
    <row r="27270" spans="8:8">
      <c r="H27270" s="12"/>
    </row>
    <row r="27271" spans="8:8">
      <c r="H27271" s="12"/>
    </row>
    <row r="27272" spans="8:8">
      <c r="H27272" s="12"/>
    </row>
    <row r="27273" spans="8:8">
      <c r="H27273" s="12"/>
    </row>
    <row r="27274" spans="8:8">
      <c r="H27274" s="12"/>
    </row>
    <row r="27275" spans="8:8">
      <c r="H27275" s="12"/>
    </row>
    <row r="27276" spans="8:8">
      <c r="H27276" s="12"/>
    </row>
    <row r="27277" spans="8:8">
      <c r="H27277" s="12"/>
    </row>
    <row r="27278" spans="8:8">
      <c r="H27278" s="12"/>
    </row>
    <row r="27279" spans="8:8">
      <c r="H27279" s="12"/>
    </row>
    <row r="27280" spans="8:8">
      <c r="H27280" s="12"/>
    </row>
    <row r="27281" spans="8:8">
      <c r="H27281" s="12"/>
    </row>
    <row r="27282" spans="8:8">
      <c r="H27282" s="12"/>
    </row>
    <row r="27283" spans="8:8">
      <c r="H27283" s="12"/>
    </row>
    <row r="27284" spans="8:8">
      <c r="H27284" s="12"/>
    </row>
    <row r="27285" spans="8:8">
      <c r="H27285" s="12"/>
    </row>
    <row r="27286" spans="8:8">
      <c r="H27286" s="12"/>
    </row>
    <row r="27287" spans="8:8">
      <c r="H27287" s="12"/>
    </row>
    <row r="27288" spans="8:8">
      <c r="H27288" s="12"/>
    </row>
    <row r="27289" spans="8:8">
      <c r="H27289" s="12"/>
    </row>
    <row r="27290" spans="8:8">
      <c r="H27290" s="12"/>
    </row>
    <row r="27291" spans="8:8">
      <c r="H27291" s="12"/>
    </row>
    <row r="27292" spans="8:8">
      <c r="H27292" s="12"/>
    </row>
    <row r="27293" spans="8:8">
      <c r="H27293" s="12"/>
    </row>
    <row r="27294" spans="8:8">
      <c r="H27294" s="12"/>
    </row>
    <row r="27295" spans="8:8">
      <c r="H27295" s="12"/>
    </row>
    <row r="27296" spans="8:8">
      <c r="H27296" s="12"/>
    </row>
    <row r="27297" spans="8:8">
      <c r="H27297" s="12"/>
    </row>
    <row r="27298" spans="8:8">
      <c r="H27298" s="12"/>
    </row>
    <row r="27299" spans="8:8">
      <c r="H27299" s="12"/>
    </row>
    <row r="27300" spans="8:8">
      <c r="H27300" s="12"/>
    </row>
    <row r="27301" spans="8:8">
      <c r="H27301" s="12"/>
    </row>
    <row r="27302" spans="8:8">
      <c r="H27302" s="12"/>
    </row>
    <row r="27303" spans="8:8">
      <c r="H27303" s="12"/>
    </row>
    <row r="27304" spans="8:8">
      <c r="H27304" s="12"/>
    </row>
    <row r="27305" spans="8:8">
      <c r="H27305" s="12"/>
    </row>
    <row r="27306" spans="8:8">
      <c r="H27306" s="12"/>
    </row>
    <row r="27307" spans="8:8">
      <c r="H27307" s="12"/>
    </row>
    <row r="27308" spans="8:8">
      <c r="H27308" s="12"/>
    </row>
    <row r="27309" spans="8:8">
      <c r="H27309" s="12"/>
    </row>
    <row r="27310" spans="8:8">
      <c r="H27310" s="12"/>
    </row>
    <row r="27311" spans="8:8">
      <c r="H27311" s="12"/>
    </row>
    <row r="27312" spans="8:8">
      <c r="H27312" s="12"/>
    </row>
    <row r="27313" spans="8:8">
      <c r="H27313" s="12"/>
    </row>
    <row r="27314" spans="8:8">
      <c r="H27314" s="12"/>
    </row>
    <row r="27315" spans="8:8">
      <c r="H27315" s="12"/>
    </row>
    <row r="27316" spans="8:8">
      <c r="H27316" s="12"/>
    </row>
    <row r="27317" spans="8:8">
      <c r="H27317" s="12"/>
    </row>
    <row r="27318" spans="8:8">
      <c r="H27318" s="12"/>
    </row>
    <row r="27319" spans="8:8">
      <c r="H27319" s="12"/>
    </row>
    <row r="27320" spans="8:8">
      <c r="H27320" s="12"/>
    </row>
    <row r="27321" spans="8:8">
      <c r="H27321" s="12"/>
    </row>
    <row r="27322" spans="8:8">
      <c r="H27322" s="12"/>
    </row>
    <row r="27323" spans="8:8">
      <c r="H27323" s="12"/>
    </row>
    <row r="27324" spans="8:8">
      <c r="H27324" s="12"/>
    </row>
    <row r="27325" spans="8:8">
      <c r="H27325" s="12"/>
    </row>
    <row r="27326" spans="8:8">
      <c r="H27326" s="12"/>
    </row>
    <row r="27327" spans="8:8">
      <c r="H27327" s="12"/>
    </row>
    <row r="27328" spans="8:8">
      <c r="H27328" s="12"/>
    </row>
    <row r="27329" spans="8:8">
      <c r="H27329" s="12"/>
    </row>
    <row r="27330" spans="8:8">
      <c r="H27330" s="12"/>
    </row>
    <row r="27331" spans="8:8">
      <c r="H27331" s="12"/>
    </row>
    <row r="27332" spans="8:8">
      <c r="H27332" s="12"/>
    </row>
    <row r="27333" spans="8:8">
      <c r="H27333" s="12"/>
    </row>
    <row r="27334" spans="8:8">
      <c r="H27334" s="12"/>
    </row>
    <row r="27335" spans="8:8">
      <c r="H27335" s="12"/>
    </row>
    <row r="27336" spans="8:8">
      <c r="H27336" s="12"/>
    </row>
    <row r="27337" spans="8:8">
      <c r="H27337" s="12"/>
    </row>
    <row r="27338" spans="8:8">
      <c r="H27338" s="12"/>
    </row>
    <row r="27339" spans="8:8">
      <c r="H27339" s="12"/>
    </row>
    <row r="27340" spans="8:8">
      <c r="H27340" s="12"/>
    </row>
    <row r="27341" spans="8:8">
      <c r="H27341" s="12"/>
    </row>
    <row r="27342" spans="8:8">
      <c r="H27342" s="12"/>
    </row>
    <row r="27343" spans="8:8">
      <c r="H27343" s="12"/>
    </row>
    <row r="27344" spans="8:8">
      <c r="H27344" s="12"/>
    </row>
    <row r="27345" spans="8:8">
      <c r="H27345" s="12"/>
    </row>
    <row r="27346" spans="8:8">
      <c r="H27346" s="12"/>
    </row>
    <row r="27347" spans="8:8">
      <c r="H27347" s="12"/>
    </row>
    <row r="27348" spans="8:8">
      <c r="H27348" s="12"/>
    </row>
    <row r="27349" spans="8:8">
      <c r="H27349" s="12"/>
    </row>
    <row r="27350" spans="8:8">
      <c r="H27350" s="12"/>
    </row>
    <row r="27351" spans="8:8">
      <c r="H27351" s="12"/>
    </row>
    <row r="27352" spans="8:8">
      <c r="H27352" s="12"/>
    </row>
    <row r="27353" spans="8:8">
      <c r="H27353" s="12"/>
    </row>
    <row r="27354" spans="8:8">
      <c r="H27354" s="12"/>
    </row>
    <row r="27355" spans="8:8">
      <c r="H27355" s="12"/>
    </row>
    <row r="27356" spans="8:8">
      <c r="H27356" s="12"/>
    </row>
    <row r="27357" spans="8:8">
      <c r="H27357" s="12"/>
    </row>
    <row r="27358" spans="8:8">
      <c r="H27358" s="12"/>
    </row>
    <row r="27359" spans="8:8">
      <c r="H27359" s="12"/>
    </row>
    <row r="27360" spans="8:8">
      <c r="H27360" s="12"/>
    </row>
    <row r="27361" spans="8:8">
      <c r="H27361" s="12"/>
    </row>
    <row r="27362" spans="8:8">
      <c r="H27362" s="12"/>
    </row>
    <row r="27363" spans="8:8">
      <c r="H27363" s="12"/>
    </row>
    <row r="27364" spans="8:8">
      <c r="H27364" s="12"/>
    </row>
    <row r="27365" spans="8:8">
      <c r="H27365" s="12"/>
    </row>
    <row r="27366" spans="8:8">
      <c r="H27366" s="12"/>
    </row>
    <row r="27367" spans="8:8">
      <c r="H27367" s="12"/>
    </row>
    <row r="27368" spans="8:8">
      <c r="H27368" s="12"/>
    </row>
    <row r="27369" spans="8:8">
      <c r="H27369" s="12"/>
    </row>
    <row r="27370" spans="8:8">
      <c r="H27370" s="12"/>
    </row>
    <row r="27371" spans="8:8">
      <c r="H27371" s="12"/>
    </row>
    <row r="27372" spans="8:8">
      <c r="H27372" s="12"/>
    </row>
    <row r="27373" spans="8:8">
      <c r="H27373" s="12"/>
    </row>
    <row r="27374" spans="8:8">
      <c r="H27374" s="12"/>
    </row>
    <row r="27375" spans="8:8">
      <c r="H27375" s="12"/>
    </row>
    <row r="27376" spans="8:8">
      <c r="H27376" s="12"/>
    </row>
    <row r="27377" spans="8:8">
      <c r="H27377" s="12"/>
    </row>
    <row r="27378" spans="8:8">
      <c r="H27378" s="12"/>
    </row>
    <row r="27379" spans="8:8">
      <c r="H27379" s="12"/>
    </row>
    <row r="27380" spans="8:8">
      <c r="H27380" s="12"/>
    </row>
    <row r="27381" spans="8:8">
      <c r="H27381" s="12"/>
    </row>
    <row r="27382" spans="8:8">
      <c r="H27382" s="12"/>
    </row>
    <row r="27383" spans="8:8">
      <c r="H27383" s="12"/>
    </row>
    <row r="27384" spans="8:8">
      <c r="H27384" s="12"/>
    </row>
    <row r="27385" spans="8:8">
      <c r="H27385" s="12"/>
    </row>
    <row r="27386" spans="8:8">
      <c r="H27386" s="12"/>
    </row>
    <row r="27387" spans="8:8">
      <c r="H27387" s="12"/>
    </row>
    <row r="27388" spans="8:8">
      <c r="H27388" s="12"/>
    </row>
    <row r="27389" spans="8:8">
      <c r="H27389" s="12"/>
    </row>
    <row r="27390" spans="8:8">
      <c r="H27390" s="12"/>
    </row>
    <row r="27391" spans="8:8">
      <c r="H27391" s="12"/>
    </row>
    <row r="27392" spans="8:8">
      <c r="H27392" s="12"/>
    </row>
    <row r="27393" spans="8:8">
      <c r="H27393" s="12"/>
    </row>
    <row r="27394" spans="8:8">
      <c r="H27394" s="12"/>
    </row>
    <row r="27395" spans="8:8">
      <c r="H27395" s="12"/>
    </row>
    <row r="27396" spans="8:8">
      <c r="H27396" s="12"/>
    </row>
    <row r="27397" spans="8:8">
      <c r="H27397" s="12"/>
    </row>
    <row r="27398" spans="8:8">
      <c r="H27398" s="12"/>
    </row>
    <row r="27399" spans="8:8">
      <c r="H27399" s="12"/>
    </row>
    <row r="27400" spans="8:8">
      <c r="H27400" s="12"/>
    </row>
    <row r="27401" spans="8:8">
      <c r="H27401" s="12"/>
    </row>
    <row r="27402" spans="8:8">
      <c r="H27402" s="12"/>
    </row>
    <row r="27403" spans="8:8">
      <c r="H27403" s="12"/>
    </row>
    <row r="27404" spans="8:8">
      <c r="H27404" s="12"/>
    </row>
    <row r="27405" spans="8:8">
      <c r="H27405" s="12"/>
    </row>
    <row r="27406" spans="8:8">
      <c r="H27406" s="12"/>
    </row>
    <row r="27407" spans="8:8">
      <c r="H27407" s="12"/>
    </row>
    <row r="27408" spans="8:8">
      <c r="H27408" s="12"/>
    </row>
    <row r="27409" spans="8:8">
      <c r="H27409" s="12"/>
    </row>
    <row r="27410" spans="8:8">
      <c r="H27410" s="12"/>
    </row>
    <row r="27411" spans="8:8">
      <c r="H27411" s="12"/>
    </row>
    <row r="27412" spans="8:8">
      <c r="H27412" s="12"/>
    </row>
    <row r="27413" spans="8:8">
      <c r="H27413" s="12"/>
    </row>
    <row r="27414" spans="8:8">
      <c r="H27414" s="12"/>
    </row>
    <row r="27415" spans="8:8">
      <c r="H27415" s="12"/>
    </row>
    <row r="27416" spans="8:8">
      <c r="H27416" s="12"/>
    </row>
    <row r="27417" spans="8:8">
      <c r="H27417" s="12"/>
    </row>
    <row r="27418" spans="8:8">
      <c r="H27418" s="12"/>
    </row>
    <row r="27419" spans="8:8">
      <c r="H27419" s="12"/>
    </row>
    <row r="27420" spans="8:8">
      <c r="H27420" s="12"/>
    </row>
    <row r="27421" spans="8:8">
      <c r="H27421" s="12"/>
    </row>
    <row r="27422" spans="8:8">
      <c r="H27422" s="12"/>
    </row>
    <row r="27423" spans="8:8">
      <c r="H27423" s="12"/>
    </row>
    <row r="27424" spans="8:8">
      <c r="H27424" s="12"/>
    </row>
    <row r="27425" spans="8:8">
      <c r="H27425" s="12"/>
    </row>
    <row r="27426" spans="8:8">
      <c r="H27426" s="12"/>
    </row>
    <row r="27427" spans="8:8">
      <c r="H27427" s="12"/>
    </row>
    <row r="27428" spans="8:8">
      <c r="H27428" s="12"/>
    </row>
    <row r="27429" spans="8:8">
      <c r="H27429" s="12"/>
    </row>
    <row r="27430" spans="8:8">
      <c r="H27430" s="12"/>
    </row>
    <row r="27431" spans="8:8">
      <c r="H27431" s="12"/>
    </row>
    <row r="27432" spans="8:8">
      <c r="H27432" s="12"/>
    </row>
    <row r="27433" spans="8:8">
      <c r="H27433" s="12"/>
    </row>
    <row r="27434" spans="8:8">
      <c r="H27434" s="12"/>
    </row>
    <row r="27435" spans="8:8">
      <c r="H27435" s="12"/>
    </row>
    <row r="27436" spans="8:8">
      <c r="H27436" s="12"/>
    </row>
    <row r="27437" spans="8:8">
      <c r="H27437" s="12"/>
    </row>
    <row r="27438" spans="8:8">
      <c r="H27438" s="12"/>
    </row>
    <row r="27439" spans="8:8">
      <c r="H27439" s="12"/>
    </row>
    <row r="27440" spans="8:8">
      <c r="H27440" s="12"/>
    </row>
    <row r="27441" spans="8:8">
      <c r="H27441" s="12"/>
    </row>
    <row r="27442" spans="8:8">
      <c r="H27442" s="12"/>
    </row>
    <row r="27443" spans="8:8">
      <c r="H27443" s="12"/>
    </row>
    <row r="27444" spans="8:8">
      <c r="H27444" s="12"/>
    </row>
    <row r="27445" spans="8:8">
      <c r="H27445" s="12"/>
    </row>
    <row r="27446" spans="8:8">
      <c r="H27446" s="12"/>
    </row>
    <row r="27447" spans="8:8">
      <c r="H27447" s="12"/>
    </row>
    <row r="27448" spans="8:8">
      <c r="H27448" s="12"/>
    </row>
    <row r="27449" spans="8:8">
      <c r="H27449" s="12"/>
    </row>
    <row r="27450" spans="8:8">
      <c r="H27450" s="12"/>
    </row>
    <row r="27451" spans="8:8">
      <c r="H27451" s="12"/>
    </row>
    <row r="27452" spans="8:8">
      <c r="H27452" s="12"/>
    </row>
    <row r="27453" spans="8:8">
      <c r="H27453" s="12"/>
    </row>
    <row r="27454" spans="8:8">
      <c r="H27454" s="12"/>
    </row>
    <row r="27455" spans="8:8">
      <c r="H27455" s="12"/>
    </row>
    <row r="27456" spans="8:8">
      <c r="H27456" s="12"/>
    </row>
    <row r="27457" spans="8:8">
      <c r="H27457" s="12"/>
    </row>
    <row r="27458" spans="8:8">
      <c r="H27458" s="12"/>
    </row>
    <row r="27459" spans="8:8">
      <c r="H27459" s="12"/>
    </row>
    <row r="27460" spans="8:8">
      <c r="H27460" s="12"/>
    </row>
    <row r="27461" spans="8:8">
      <c r="H27461" s="12"/>
    </row>
    <row r="27462" spans="8:8">
      <c r="H27462" s="12"/>
    </row>
    <row r="27463" spans="8:8">
      <c r="H27463" s="12"/>
    </row>
    <row r="27464" spans="8:8">
      <c r="H27464" s="12"/>
    </row>
    <row r="27465" spans="8:8">
      <c r="H27465" s="12"/>
    </row>
    <row r="27466" spans="8:8">
      <c r="H27466" s="12"/>
    </row>
    <row r="27467" spans="8:8">
      <c r="H27467" s="12"/>
    </row>
    <row r="27468" spans="8:8">
      <c r="H27468" s="12"/>
    </row>
    <row r="27469" spans="8:8">
      <c r="H27469" s="12"/>
    </row>
    <row r="27470" spans="8:8">
      <c r="H27470" s="12"/>
    </row>
    <row r="27471" spans="8:8">
      <c r="H27471" s="12"/>
    </row>
    <row r="27472" spans="8:8">
      <c r="H27472" s="12"/>
    </row>
    <row r="27473" spans="8:8">
      <c r="H27473" s="12"/>
    </row>
    <row r="27474" spans="8:8">
      <c r="H27474" s="12"/>
    </row>
    <row r="27475" spans="8:8">
      <c r="H27475" s="12"/>
    </row>
    <row r="27476" spans="8:8">
      <c r="H27476" s="12"/>
    </row>
    <row r="27477" spans="8:8">
      <c r="H27477" s="12"/>
    </row>
    <row r="27478" spans="8:8">
      <c r="H27478" s="12"/>
    </row>
    <row r="27479" spans="8:8">
      <c r="H27479" s="12"/>
    </row>
    <row r="27480" spans="8:8">
      <c r="H27480" s="12"/>
    </row>
    <row r="27481" spans="8:8">
      <c r="H27481" s="12"/>
    </row>
    <row r="27482" spans="8:8">
      <c r="H27482" s="12"/>
    </row>
    <row r="27483" spans="8:8">
      <c r="H27483" s="12"/>
    </row>
    <row r="27484" spans="8:8">
      <c r="H27484" s="12"/>
    </row>
    <row r="27485" spans="8:8">
      <c r="H27485" s="12"/>
    </row>
    <row r="27486" spans="8:8">
      <c r="H27486" s="12"/>
    </row>
    <row r="27487" spans="8:8">
      <c r="H27487" s="12"/>
    </row>
    <row r="27488" spans="8:8">
      <c r="H27488" s="12"/>
    </row>
    <row r="27489" spans="8:8">
      <c r="H27489" s="12"/>
    </row>
    <row r="27490" spans="8:8">
      <c r="H27490" s="12"/>
    </row>
    <row r="27491" spans="8:8">
      <c r="H27491" s="12"/>
    </row>
    <row r="27492" spans="8:8">
      <c r="H27492" s="12"/>
    </row>
    <row r="27493" spans="8:8">
      <c r="H27493" s="12"/>
    </row>
    <row r="27494" spans="8:8">
      <c r="H27494" s="12"/>
    </row>
    <row r="27495" spans="8:8">
      <c r="H27495" s="12"/>
    </row>
    <row r="27496" spans="8:8">
      <c r="H27496" s="12"/>
    </row>
    <row r="27497" spans="8:8">
      <c r="H27497" s="12"/>
    </row>
    <row r="27498" spans="8:8">
      <c r="H27498" s="12"/>
    </row>
    <row r="27499" spans="8:8">
      <c r="H27499" s="12"/>
    </row>
    <row r="27500" spans="8:8">
      <c r="H27500" s="12"/>
    </row>
    <row r="27501" spans="8:8">
      <c r="H27501" s="12"/>
    </row>
    <row r="27502" spans="8:8">
      <c r="H27502" s="12"/>
    </row>
    <row r="27503" spans="8:8">
      <c r="H27503" s="12"/>
    </row>
    <row r="27504" spans="8:8">
      <c r="H27504" s="12"/>
    </row>
    <row r="27505" spans="8:8">
      <c r="H27505" s="12"/>
    </row>
    <row r="27506" spans="8:8">
      <c r="H27506" s="12"/>
    </row>
    <row r="27507" spans="8:8">
      <c r="H27507" s="12"/>
    </row>
    <row r="27508" spans="8:8">
      <c r="H27508" s="12"/>
    </row>
    <row r="27509" spans="8:8">
      <c r="H27509" s="12"/>
    </row>
    <row r="27510" spans="8:8">
      <c r="H27510" s="12"/>
    </row>
    <row r="27511" spans="8:8">
      <c r="H27511" s="12"/>
    </row>
    <row r="27512" spans="8:8">
      <c r="H27512" s="12"/>
    </row>
    <row r="27513" spans="8:8">
      <c r="H27513" s="12"/>
    </row>
    <row r="27514" spans="8:8">
      <c r="H27514" s="12"/>
    </row>
    <row r="27515" spans="8:8">
      <c r="H27515" s="12"/>
    </row>
    <row r="27516" spans="8:8">
      <c r="H27516" s="12"/>
    </row>
    <row r="27517" spans="8:8">
      <c r="H27517" s="12"/>
    </row>
    <row r="27518" spans="8:8">
      <c r="H27518" s="12"/>
    </row>
    <row r="27519" spans="8:8">
      <c r="H27519" s="12"/>
    </row>
    <row r="27520" spans="8:8">
      <c r="H27520" s="12"/>
    </row>
    <row r="27521" spans="8:8">
      <c r="H27521" s="12"/>
    </row>
    <row r="27522" spans="8:8">
      <c r="H27522" s="12"/>
    </row>
    <row r="27523" spans="8:8">
      <c r="H27523" s="12"/>
    </row>
    <row r="27524" spans="8:8">
      <c r="H27524" s="12"/>
    </row>
    <row r="27525" spans="8:8">
      <c r="H27525" s="12"/>
    </row>
    <row r="27526" spans="8:8">
      <c r="H27526" s="12"/>
    </row>
    <row r="27527" spans="8:8">
      <c r="H27527" s="12"/>
    </row>
    <row r="27528" spans="8:8">
      <c r="H27528" s="12"/>
    </row>
    <row r="27529" spans="8:8">
      <c r="H27529" s="12"/>
    </row>
    <row r="27530" spans="8:8">
      <c r="H27530" s="12"/>
    </row>
    <row r="27531" spans="8:8">
      <c r="H27531" s="12"/>
    </row>
    <row r="27532" spans="8:8">
      <c r="H27532" s="12"/>
    </row>
    <row r="27533" spans="8:8">
      <c r="H27533" s="12"/>
    </row>
    <row r="27534" spans="8:8">
      <c r="H27534" s="12"/>
    </row>
    <row r="27535" spans="8:8">
      <c r="H27535" s="12"/>
    </row>
    <row r="27536" spans="8:8">
      <c r="H27536" s="12"/>
    </row>
    <row r="27537" spans="8:8">
      <c r="H27537" s="12"/>
    </row>
    <row r="27538" spans="8:8">
      <c r="H27538" s="12"/>
    </row>
    <row r="27539" spans="8:8">
      <c r="H27539" s="12"/>
    </row>
    <row r="27540" spans="8:8">
      <c r="H27540" s="12"/>
    </row>
    <row r="27541" spans="8:8">
      <c r="H27541" s="12"/>
    </row>
    <row r="27542" spans="8:8">
      <c r="H27542" s="12"/>
    </row>
    <row r="27543" spans="8:8">
      <c r="H27543" s="12"/>
    </row>
    <row r="27544" spans="8:8">
      <c r="H27544" s="12"/>
    </row>
    <row r="27545" spans="8:8">
      <c r="H27545" s="12"/>
    </row>
    <row r="27546" spans="8:8">
      <c r="H27546" s="12"/>
    </row>
    <row r="27547" spans="8:8">
      <c r="H27547" s="12"/>
    </row>
    <row r="27548" spans="8:8">
      <c r="H27548" s="12"/>
    </row>
    <row r="27549" spans="8:8">
      <c r="H27549" s="12"/>
    </row>
    <row r="27550" spans="8:8">
      <c r="H27550" s="12"/>
    </row>
    <row r="27551" spans="8:8">
      <c r="H27551" s="12"/>
    </row>
    <row r="27552" spans="8:8">
      <c r="H27552" s="12"/>
    </row>
    <row r="27553" spans="8:8">
      <c r="H27553" s="12"/>
    </row>
    <row r="27554" spans="8:8">
      <c r="H27554" s="12"/>
    </row>
    <row r="27555" spans="8:8">
      <c r="H27555" s="12"/>
    </row>
    <row r="27556" spans="8:8">
      <c r="H27556" s="12"/>
    </row>
    <row r="27557" spans="8:8">
      <c r="H27557" s="12"/>
    </row>
    <row r="27558" spans="8:8">
      <c r="H27558" s="12"/>
    </row>
    <row r="27559" spans="8:8">
      <c r="H27559" s="12"/>
    </row>
    <row r="27560" spans="8:8">
      <c r="H27560" s="12"/>
    </row>
    <row r="27561" spans="8:8">
      <c r="H27561" s="12"/>
    </row>
    <row r="27562" spans="8:8">
      <c r="H27562" s="12"/>
    </row>
    <row r="27563" spans="8:8">
      <c r="H27563" s="12"/>
    </row>
    <row r="27564" spans="8:8">
      <c r="H27564" s="12"/>
    </row>
    <row r="27565" spans="8:8">
      <c r="H27565" s="12"/>
    </row>
    <row r="27566" spans="8:8">
      <c r="H27566" s="12"/>
    </row>
    <row r="27567" spans="8:8">
      <c r="H27567" s="12"/>
    </row>
    <row r="27568" spans="8:8">
      <c r="H27568" s="12"/>
    </row>
    <row r="27569" spans="8:8">
      <c r="H27569" s="12"/>
    </row>
    <row r="27570" spans="8:8">
      <c r="H27570" s="12"/>
    </row>
    <row r="27571" spans="8:8">
      <c r="H27571" s="12"/>
    </row>
    <row r="27572" spans="8:8">
      <c r="H27572" s="12"/>
    </row>
    <row r="27573" spans="8:8">
      <c r="H27573" s="12"/>
    </row>
    <row r="27574" spans="8:8">
      <c r="H27574" s="12"/>
    </row>
    <row r="27575" spans="8:8">
      <c r="H27575" s="12"/>
    </row>
    <row r="27576" spans="8:8">
      <c r="H27576" s="12"/>
    </row>
    <row r="27577" spans="8:8">
      <c r="H27577" s="12"/>
    </row>
    <row r="27578" spans="8:8">
      <c r="H27578" s="12"/>
    </row>
    <row r="27579" spans="8:8">
      <c r="H27579" s="12"/>
    </row>
    <row r="27580" spans="8:8">
      <c r="H27580" s="12"/>
    </row>
    <row r="27581" spans="8:8">
      <c r="H27581" s="12"/>
    </row>
    <row r="27582" spans="8:8">
      <c r="H27582" s="12"/>
    </row>
    <row r="27583" spans="8:8">
      <c r="H27583" s="12"/>
    </row>
    <row r="27584" spans="8:8">
      <c r="H27584" s="12"/>
    </row>
    <row r="27585" spans="8:8">
      <c r="H27585" s="12"/>
    </row>
    <row r="27586" spans="8:8">
      <c r="H27586" s="12"/>
    </row>
    <row r="27587" spans="8:8">
      <c r="H27587" s="12"/>
    </row>
    <row r="27588" spans="8:8">
      <c r="H27588" s="12"/>
    </row>
    <row r="27589" spans="8:8">
      <c r="H27589" s="12"/>
    </row>
    <row r="27590" spans="8:8">
      <c r="H27590" s="12"/>
    </row>
    <row r="27591" spans="8:8">
      <c r="H27591" s="12"/>
    </row>
    <row r="27592" spans="8:8">
      <c r="H27592" s="12"/>
    </row>
    <row r="27593" spans="8:8">
      <c r="H27593" s="12"/>
    </row>
    <row r="27594" spans="8:8">
      <c r="H27594" s="12"/>
    </row>
    <row r="27595" spans="8:8">
      <c r="H27595" s="12"/>
    </row>
    <row r="27596" spans="8:8">
      <c r="H27596" s="12"/>
    </row>
    <row r="27597" spans="8:8">
      <c r="H27597" s="12"/>
    </row>
    <row r="27598" spans="8:8">
      <c r="H27598" s="12"/>
    </row>
    <row r="27599" spans="8:8">
      <c r="H27599" s="12"/>
    </row>
    <row r="27600" spans="8:8">
      <c r="H27600" s="12"/>
    </row>
    <row r="27601" spans="8:8">
      <c r="H27601" s="12"/>
    </row>
    <row r="27602" spans="8:8">
      <c r="H27602" s="12"/>
    </row>
    <row r="27603" spans="8:8">
      <c r="H27603" s="12"/>
    </row>
    <row r="27604" spans="8:8">
      <c r="H27604" s="12"/>
    </row>
    <row r="27605" spans="8:8">
      <c r="H27605" s="12"/>
    </row>
    <row r="27606" spans="8:8">
      <c r="H27606" s="12"/>
    </row>
    <row r="27607" spans="8:8">
      <c r="H27607" s="12"/>
    </row>
    <row r="27608" spans="8:8">
      <c r="H27608" s="12"/>
    </row>
    <row r="27609" spans="8:8">
      <c r="H27609" s="12"/>
    </row>
    <row r="27610" spans="8:8">
      <c r="H27610" s="12"/>
    </row>
    <row r="27611" spans="8:8">
      <c r="H27611" s="12"/>
    </row>
    <row r="27612" spans="8:8">
      <c r="H27612" s="12"/>
    </row>
    <row r="27613" spans="8:8">
      <c r="H27613" s="12"/>
    </row>
    <row r="27614" spans="8:8">
      <c r="H27614" s="12"/>
    </row>
    <row r="27615" spans="8:8">
      <c r="H27615" s="12"/>
    </row>
    <row r="27616" spans="8:8">
      <c r="H27616" s="12"/>
    </row>
    <row r="27617" spans="8:8">
      <c r="H27617" s="12"/>
    </row>
    <row r="27618" spans="8:8">
      <c r="H27618" s="12"/>
    </row>
    <row r="27619" spans="8:8">
      <c r="H27619" s="12"/>
    </row>
    <row r="27620" spans="8:8">
      <c r="H27620" s="12"/>
    </row>
    <row r="27621" spans="8:8">
      <c r="H27621" s="12"/>
    </row>
    <row r="27622" spans="8:8">
      <c r="H27622" s="12"/>
    </row>
    <row r="27623" spans="8:8">
      <c r="H27623" s="12"/>
    </row>
    <row r="27624" spans="8:8">
      <c r="H27624" s="12"/>
    </row>
    <row r="27625" spans="8:8">
      <c r="H27625" s="12"/>
    </row>
    <row r="27626" spans="8:8">
      <c r="H27626" s="12"/>
    </row>
    <row r="27627" spans="8:8">
      <c r="H27627" s="12"/>
    </row>
    <row r="27628" spans="8:8">
      <c r="H27628" s="12"/>
    </row>
    <row r="27629" spans="8:8">
      <c r="H27629" s="12"/>
    </row>
    <row r="27630" spans="8:8">
      <c r="H27630" s="12"/>
    </row>
    <row r="27631" spans="8:8">
      <c r="H27631" s="12"/>
    </row>
    <row r="27632" spans="8:8">
      <c r="H27632" s="12"/>
    </row>
    <row r="27633" spans="8:8">
      <c r="H27633" s="12"/>
    </row>
    <row r="27634" spans="8:8">
      <c r="H27634" s="12"/>
    </row>
    <row r="27635" spans="8:8">
      <c r="H27635" s="12"/>
    </row>
    <row r="27636" spans="8:8">
      <c r="H27636" s="12"/>
    </row>
    <row r="27637" spans="8:8">
      <c r="H27637" s="12"/>
    </row>
    <row r="27638" spans="8:8">
      <c r="H27638" s="12"/>
    </row>
    <row r="27639" spans="8:8">
      <c r="H27639" s="12"/>
    </row>
    <row r="27640" spans="8:8">
      <c r="H27640" s="12"/>
    </row>
    <row r="27641" spans="8:8">
      <c r="H27641" s="12"/>
    </row>
    <row r="27642" spans="8:8">
      <c r="H27642" s="12"/>
    </row>
    <row r="27643" spans="8:8">
      <c r="H27643" s="12"/>
    </row>
    <row r="27644" spans="8:8">
      <c r="H27644" s="12"/>
    </row>
    <row r="27645" spans="8:8">
      <c r="H27645" s="12"/>
    </row>
    <row r="27646" spans="8:8">
      <c r="H27646" s="12"/>
    </row>
    <row r="27647" spans="8:8">
      <c r="H27647" s="12"/>
    </row>
    <row r="27648" spans="8:8">
      <c r="H27648" s="12"/>
    </row>
    <row r="27649" spans="8:8">
      <c r="H27649" s="12"/>
    </row>
    <row r="27650" spans="8:8">
      <c r="H27650" s="12"/>
    </row>
    <row r="27651" spans="8:8">
      <c r="H27651" s="12"/>
    </row>
    <row r="27652" spans="8:8">
      <c r="H27652" s="12"/>
    </row>
    <row r="27653" spans="8:8">
      <c r="H27653" s="12"/>
    </row>
    <row r="27654" spans="8:8">
      <c r="H27654" s="12"/>
    </row>
    <row r="27655" spans="8:8">
      <c r="H27655" s="12"/>
    </row>
    <row r="27656" spans="8:8">
      <c r="H27656" s="12"/>
    </row>
    <row r="27657" spans="8:8">
      <c r="H27657" s="12"/>
    </row>
    <row r="27658" spans="8:8">
      <c r="H27658" s="12"/>
    </row>
    <row r="27659" spans="8:8">
      <c r="H27659" s="12"/>
    </row>
    <row r="27660" spans="8:8">
      <c r="H27660" s="12"/>
    </row>
    <row r="27661" spans="8:8">
      <c r="H27661" s="12"/>
    </row>
    <row r="27662" spans="8:8">
      <c r="H27662" s="12"/>
    </row>
    <row r="27663" spans="8:8">
      <c r="H27663" s="12"/>
    </row>
    <row r="27664" spans="8:8">
      <c r="H27664" s="12"/>
    </row>
    <row r="27665" spans="8:8">
      <c r="H27665" s="12"/>
    </row>
    <row r="27666" spans="8:8">
      <c r="H27666" s="12"/>
    </row>
    <row r="27667" spans="8:8">
      <c r="H27667" s="12"/>
    </row>
    <row r="27668" spans="8:8">
      <c r="H27668" s="12"/>
    </row>
    <row r="27669" spans="8:8">
      <c r="H27669" s="12"/>
    </row>
    <row r="27670" spans="8:8">
      <c r="H27670" s="12"/>
    </row>
    <row r="27671" spans="8:8">
      <c r="H27671" s="12"/>
    </row>
    <row r="27672" spans="8:8">
      <c r="H27672" s="12"/>
    </row>
    <row r="27673" spans="8:8">
      <c r="H27673" s="12"/>
    </row>
    <row r="27674" spans="8:8">
      <c r="H27674" s="12"/>
    </row>
    <row r="27675" spans="8:8">
      <c r="H27675" s="12"/>
    </row>
    <row r="27676" spans="8:8">
      <c r="H27676" s="12"/>
    </row>
    <row r="27677" spans="8:8">
      <c r="H27677" s="12"/>
    </row>
    <row r="27678" spans="8:8">
      <c r="H27678" s="12"/>
    </row>
    <row r="27679" spans="8:8">
      <c r="H27679" s="12"/>
    </row>
    <row r="27680" spans="8:8">
      <c r="H27680" s="12"/>
    </row>
    <row r="27681" spans="8:8">
      <c r="H27681" s="12"/>
    </row>
    <row r="27682" spans="8:8">
      <c r="H27682" s="12"/>
    </row>
    <row r="27683" spans="8:8">
      <c r="H27683" s="12"/>
    </row>
    <row r="27684" spans="8:8">
      <c r="H27684" s="12"/>
    </row>
    <row r="27685" spans="8:8">
      <c r="H27685" s="12"/>
    </row>
    <row r="27686" spans="8:8">
      <c r="H27686" s="12"/>
    </row>
    <row r="27687" spans="8:8">
      <c r="H27687" s="12"/>
    </row>
    <row r="27688" spans="8:8">
      <c r="H27688" s="12"/>
    </row>
    <row r="27689" spans="8:8">
      <c r="H27689" s="12"/>
    </row>
    <row r="27690" spans="8:8">
      <c r="H27690" s="12"/>
    </row>
    <row r="27691" spans="8:8">
      <c r="H27691" s="12"/>
    </row>
    <row r="27692" spans="8:8">
      <c r="H27692" s="12"/>
    </row>
    <row r="27693" spans="8:8">
      <c r="H27693" s="12"/>
    </row>
    <row r="27694" spans="8:8">
      <c r="H27694" s="12"/>
    </row>
    <row r="27695" spans="8:8">
      <c r="H27695" s="12"/>
    </row>
    <row r="27696" spans="8:8">
      <c r="H27696" s="12"/>
    </row>
    <row r="27697" spans="8:8">
      <c r="H27697" s="12"/>
    </row>
    <row r="27698" spans="8:8">
      <c r="H27698" s="12"/>
    </row>
    <row r="27699" spans="8:8">
      <c r="H27699" s="12"/>
    </row>
    <row r="27700" spans="8:8">
      <c r="H27700" s="12"/>
    </row>
    <row r="27701" spans="8:8">
      <c r="H27701" s="12"/>
    </row>
    <row r="27702" spans="8:8">
      <c r="H27702" s="12"/>
    </row>
    <row r="27703" spans="8:8">
      <c r="H27703" s="12"/>
    </row>
    <row r="27704" spans="8:8">
      <c r="H27704" s="12"/>
    </row>
    <row r="27705" spans="8:8">
      <c r="H27705" s="12"/>
    </row>
    <row r="27706" spans="8:8">
      <c r="H27706" s="12"/>
    </row>
    <row r="27707" spans="8:8">
      <c r="H27707" s="12"/>
    </row>
    <row r="27708" spans="8:8">
      <c r="H27708" s="12"/>
    </row>
    <row r="27709" spans="8:8">
      <c r="H27709" s="12"/>
    </row>
    <row r="27710" spans="8:8">
      <c r="H27710" s="12"/>
    </row>
    <row r="27711" spans="8:8">
      <c r="H27711" s="12"/>
    </row>
    <row r="27712" spans="8:8">
      <c r="H27712" s="12"/>
    </row>
    <row r="27713" spans="8:8">
      <c r="H27713" s="12"/>
    </row>
    <row r="27714" spans="8:8">
      <c r="H27714" s="12"/>
    </row>
    <row r="27715" spans="8:8">
      <c r="H27715" s="12"/>
    </row>
    <row r="27716" spans="8:8">
      <c r="H27716" s="12"/>
    </row>
    <row r="27717" spans="8:8">
      <c r="H27717" s="12"/>
    </row>
    <row r="27718" spans="8:8">
      <c r="H27718" s="12"/>
    </row>
    <row r="27719" spans="8:8">
      <c r="H27719" s="12"/>
    </row>
    <row r="27720" spans="8:8">
      <c r="H27720" s="12"/>
    </row>
    <row r="27721" spans="8:8">
      <c r="H27721" s="12"/>
    </row>
    <row r="27722" spans="8:8">
      <c r="H27722" s="12"/>
    </row>
    <row r="27723" spans="8:8">
      <c r="H27723" s="12"/>
    </row>
    <row r="27724" spans="8:8">
      <c r="H27724" s="12"/>
    </row>
    <row r="27725" spans="8:8">
      <c r="H27725" s="12"/>
    </row>
    <row r="27726" spans="8:8">
      <c r="H27726" s="12"/>
    </row>
    <row r="27727" spans="8:8">
      <c r="H27727" s="12"/>
    </row>
    <row r="27728" spans="8:8">
      <c r="H27728" s="12"/>
    </row>
    <row r="27729" spans="8:8">
      <c r="H27729" s="12"/>
    </row>
    <row r="27730" spans="8:8">
      <c r="H27730" s="12"/>
    </row>
    <row r="27731" spans="8:8">
      <c r="H27731" s="12"/>
    </row>
    <row r="27732" spans="8:8">
      <c r="H27732" s="12"/>
    </row>
    <row r="27733" spans="8:8">
      <c r="H27733" s="12"/>
    </row>
    <row r="27734" spans="8:8">
      <c r="H27734" s="12"/>
    </row>
    <row r="27735" spans="8:8">
      <c r="H27735" s="12"/>
    </row>
    <row r="27736" spans="8:8">
      <c r="H27736" s="12"/>
    </row>
    <row r="27737" spans="8:8">
      <c r="H27737" s="12"/>
    </row>
    <row r="27738" spans="8:8">
      <c r="H27738" s="12"/>
    </row>
    <row r="27739" spans="8:8">
      <c r="H27739" s="12"/>
    </row>
    <row r="27740" spans="8:8">
      <c r="H27740" s="12"/>
    </row>
    <row r="27741" spans="8:8">
      <c r="H27741" s="12"/>
    </row>
    <row r="27742" spans="8:8">
      <c r="H27742" s="12"/>
    </row>
    <row r="27743" spans="8:8">
      <c r="H27743" s="12"/>
    </row>
    <row r="27744" spans="8:8">
      <c r="H27744" s="12"/>
    </row>
    <row r="27745" spans="8:8">
      <c r="H27745" s="12"/>
    </row>
    <row r="27746" spans="8:8">
      <c r="H27746" s="12"/>
    </row>
    <row r="27747" spans="8:8">
      <c r="H27747" s="12"/>
    </row>
    <row r="27748" spans="8:8">
      <c r="H27748" s="12"/>
    </row>
    <row r="27749" spans="8:8">
      <c r="H27749" s="12"/>
    </row>
    <row r="27750" spans="8:8">
      <c r="H27750" s="12"/>
    </row>
    <row r="27751" spans="8:8">
      <c r="H27751" s="12"/>
    </row>
    <row r="27752" spans="8:8">
      <c r="H27752" s="12"/>
    </row>
    <row r="27753" spans="8:8">
      <c r="H27753" s="12"/>
    </row>
    <row r="27754" spans="8:8">
      <c r="H27754" s="12"/>
    </row>
    <row r="27755" spans="8:8">
      <c r="H27755" s="12"/>
    </row>
    <row r="27756" spans="8:8">
      <c r="H27756" s="12"/>
    </row>
    <row r="27757" spans="8:8">
      <c r="H27757" s="12"/>
    </row>
    <row r="27758" spans="8:8">
      <c r="H27758" s="12"/>
    </row>
    <row r="27759" spans="8:8">
      <c r="H27759" s="12"/>
    </row>
    <row r="27760" spans="8:8">
      <c r="H27760" s="12"/>
    </row>
    <row r="27761" spans="8:8">
      <c r="H27761" s="12"/>
    </row>
    <row r="27762" spans="8:8">
      <c r="H27762" s="12"/>
    </row>
    <row r="27763" spans="8:8">
      <c r="H27763" s="12"/>
    </row>
    <row r="27764" spans="8:8">
      <c r="H27764" s="12"/>
    </row>
    <row r="27765" spans="8:8">
      <c r="H27765" s="12"/>
    </row>
    <row r="27766" spans="8:8">
      <c r="H27766" s="12"/>
    </row>
    <row r="27767" spans="8:8">
      <c r="H27767" s="12"/>
    </row>
    <row r="27768" spans="8:8">
      <c r="H27768" s="12"/>
    </row>
    <row r="27769" spans="8:8">
      <c r="H27769" s="12"/>
    </row>
    <row r="27770" spans="8:8">
      <c r="H27770" s="12"/>
    </row>
    <row r="27771" spans="8:8">
      <c r="H27771" s="12"/>
    </row>
    <row r="27772" spans="8:8">
      <c r="H27772" s="12"/>
    </row>
    <row r="27773" spans="8:8">
      <c r="H27773" s="12"/>
    </row>
    <row r="27774" spans="8:8">
      <c r="H27774" s="12"/>
    </row>
    <row r="27775" spans="8:8">
      <c r="H27775" s="12"/>
    </row>
    <row r="27776" spans="8:8">
      <c r="H27776" s="12"/>
    </row>
    <row r="27777" spans="8:8">
      <c r="H27777" s="12"/>
    </row>
    <row r="27778" spans="8:8">
      <c r="H27778" s="12"/>
    </row>
    <row r="27779" spans="8:8">
      <c r="H27779" s="12"/>
    </row>
    <row r="27780" spans="8:8">
      <c r="H27780" s="12"/>
    </row>
    <row r="27781" spans="8:8">
      <c r="H27781" s="12"/>
    </row>
    <row r="27782" spans="8:8">
      <c r="H27782" s="12"/>
    </row>
    <row r="27783" spans="8:8">
      <c r="H27783" s="12"/>
    </row>
    <row r="27784" spans="8:8">
      <c r="H27784" s="12"/>
    </row>
    <row r="27785" spans="8:8">
      <c r="H27785" s="12"/>
    </row>
    <row r="27786" spans="8:8">
      <c r="H27786" s="12"/>
    </row>
    <row r="27787" spans="8:8">
      <c r="H27787" s="12"/>
    </row>
    <row r="27788" spans="8:8">
      <c r="H27788" s="12"/>
    </row>
    <row r="27789" spans="8:8">
      <c r="H27789" s="12"/>
    </row>
    <row r="27790" spans="8:8">
      <c r="H27790" s="12"/>
    </row>
    <row r="27791" spans="8:8">
      <c r="H27791" s="12"/>
    </row>
    <row r="27792" spans="8:8">
      <c r="H27792" s="12"/>
    </row>
    <row r="27793" spans="8:8">
      <c r="H27793" s="12"/>
    </row>
    <row r="27794" spans="8:8">
      <c r="H27794" s="12"/>
    </row>
    <row r="27795" spans="8:8">
      <c r="H27795" s="12"/>
    </row>
    <row r="27796" spans="8:8">
      <c r="H27796" s="12"/>
    </row>
    <row r="27797" spans="8:8">
      <c r="H27797" s="12"/>
    </row>
    <row r="27798" spans="8:8">
      <c r="H27798" s="12"/>
    </row>
    <row r="27799" spans="8:8">
      <c r="H27799" s="12"/>
    </row>
    <row r="27800" spans="8:8">
      <c r="H27800" s="12"/>
    </row>
    <row r="27801" spans="8:8">
      <c r="H27801" s="12"/>
    </row>
    <row r="27802" spans="8:8">
      <c r="H27802" s="12"/>
    </row>
    <row r="27803" spans="8:8">
      <c r="H27803" s="12"/>
    </row>
    <row r="27804" spans="8:8">
      <c r="H27804" s="12"/>
    </row>
    <row r="27805" spans="8:8">
      <c r="H27805" s="12"/>
    </row>
    <row r="27806" spans="8:8">
      <c r="H27806" s="12"/>
    </row>
    <row r="27807" spans="8:8">
      <c r="H27807" s="12"/>
    </row>
    <row r="27808" spans="8:8">
      <c r="H27808" s="12"/>
    </row>
    <row r="27809" spans="8:8">
      <c r="H27809" s="12"/>
    </row>
    <row r="27810" spans="8:8">
      <c r="H27810" s="12"/>
    </row>
    <row r="27811" spans="8:8">
      <c r="H27811" s="12"/>
    </row>
    <row r="27812" spans="8:8">
      <c r="H27812" s="12"/>
    </row>
    <row r="27813" spans="8:8">
      <c r="H27813" s="12"/>
    </row>
    <row r="27814" spans="8:8">
      <c r="H27814" s="12"/>
    </row>
    <row r="27815" spans="8:8">
      <c r="H27815" s="12"/>
    </row>
    <row r="27816" spans="8:8">
      <c r="H27816" s="12"/>
    </row>
    <row r="27817" spans="8:8">
      <c r="H27817" s="12"/>
    </row>
    <row r="27818" spans="8:8">
      <c r="H27818" s="12"/>
    </row>
    <row r="27819" spans="8:8">
      <c r="H27819" s="12"/>
    </row>
    <row r="27820" spans="8:8">
      <c r="H27820" s="12"/>
    </row>
    <row r="27821" spans="8:8">
      <c r="H27821" s="12"/>
    </row>
    <row r="27822" spans="8:8">
      <c r="H27822" s="12"/>
    </row>
    <row r="27823" spans="8:8">
      <c r="H27823" s="12"/>
    </row>
    <row r="27824" spans="8:8">
      <c r="H27824" s="12"/>
    </row>
    <row r="27825" spans="8:8">
      <c r="H27825" s="12"/>
    </row>
    <row r="27826" spans="8:8">
      <c r="H27826" s="12"/>
    </row>
    <row r="27827" spans="8:8">
      <c r="H27827" s="12"/>
    </row>
    <row r="27828" spans="8:8">
      <c r="H27828" s="12"/>
    </row>
    <row r="27829" spans="8:8">
      <c r="H27829" s="12"/>
    </row>
    <row r="27830" spans="8:8">
      <c r="H27830" s="12"/>
    </row>
    <row r="27831" spans="8:8">
      <c r="H27831" s="12"/>
    </row>
    <row r="27832" spans="8:8">
      <c r="H27832" s="12"/>
    </row>
    <row r="27833" spans="8:8">
      <c r="H27833" s="12"/>
    </row>
    <row r="27834" spans="8:8">
      <c r="H27834" s="12"/>
    </row>
    <row r="27835" spans="8:8">
      <c r="H27835" s="12"/>
    </row>
    <row r="27836" spans="8:8">
      <c r="H27836" s="12"/>
    </row>
    <row r="27837" spans="8:8">
      <c r="H27837" s="12"/>
    </row>
    <row r="27838" spans="8:8">
      <c r="H27838" s="12"/>
    </row>
    <row r="27839" spans="8:8">
      <c r="H27839" s="12"/>
    </row>
    <row r="27840" spans="8:8">
      <c r="H27840" s="12"/>
    </row>
    <row r="27841" spans="8:8">
      <c r="H27841" s="12"/>
    </row>
    <row r="27842" spans="8:8">
      <c r="H27842" s="12"/>
    </row>
    <row r="27843" spans="8:8">
      <c r="H27843" s="12"/>
    </row>
    <row r="27844" spans="8:8">
      <c r="H27844" s="12"/>
    </row>
    <row r="27845" spans="8:8">
      <c r="H27845" s="12"/>
    </row>
    <row r="27846" spans="8:8">
      <c r="H27846" s="12"/>
    </row>
    <row r="27847" spans="8:8">
      <c r="H27847" s="12"/>
    </row>
    <row r="27848" spans="8:8">
      <c r="H27848" s="12"/>
    </row>
    <row r="27849" spans="8:8">
      <c r="H27849" s="12"/>
    </row>
    <row r="27850" spans="8:8">
      <c r="H27850" s="12"/>
    </row>
    <row r="27851" spans="8:8">
      <c r="H27851" s="12"/>
    </row>
    <row r="27852" spans="8:8">
      <c r="H27852" s="12"/>
    </row>
    <row r="27853" spans="8:8">
      <c r="H27853" s="12"/>
    </row>
    <row r="27854" spans="8:8">
      <c r="H27854" s="12"/>
    </row>
    <row r="27855" spans="8:8">
      <c r="H27855" s="12"/>
    </row>
    <row r="27856" spans="8:8">
      <c r="H27856" s="12"/>
    </row>
    <row r="27857" spans="8:8">
      <c r="H27857" s="12"/>
    </row>
    <row r="27858" spans="8:8">
      <c r="H27858" s="12"/>
    </row>
    <row r="27859" spans="8:8">
      <c r="H27859" s="12"/>
    </row>
    <row r="27860" spans="8:8">
      <c r="H27860" s="12"/>
    </row>
    <row r="27861" spans="8:8">
      <c r="H27861" s="12"/>
    </row>
    <row r="27862" spans="8:8">
      <c r="H27862" s="12"/>
    </row>
    <row r="27863" spans="8:8">
      <c r="H27863" s="12"/>
    </row>
    <row r="27864" spans="8:8">
      <c r="H27864" s="12"/>
    </row>
    <row r="27865" spans="8:8">
      <c r="H27865" s="12"/>
    </row>
    <row r="27866" spans="8:8">
      <c r="H27866" s="12"/>
    </row>
    <row r="27867" spans="8:8">
      <c r="H27867" s="12"/>
    </row>
    <row r="27868" spans="8:8">
      <c r="H27868" s="12"/>
    </row>
    <row r="27869" spans="8:8">
      <c r="H27869" s="12"/>
    </row>
    <row r="27870" spans="8:8">
      <c r="H27870" s="12"/>
    </row>
    <row r="27871" spans="8:8">
      <c r="H27871" s="12"/>
    </row>
    <row r="27872" spans="8:8">
      <c r="H27872" s="12"/>
    </row>
    <row r="27873" spans="8:8">
      <c r="H27873" s="12"/>
    </row>
    <row r="27874" spans="8:8">
      <c r="H27874" s="12"/>
    </row>
    <row r="27875" spans="8:8">
      <c r="H27875" s="12"/>
    </row>
    <row r="27876" spans="8:8">
      <c r="H27876" s="12"/>
    </row>
    <row r="27877" spans="8:8">
      <c r="H27877" s="12"/>
    </row>
    <row r="27878" spans="8:8">
      <c r="H27878" s="12"/>
    </row>
    <row r="27879" spans="8:8">
      <c r="H27879" s="12"/>
    </row>
    <row r="27880" spans="8:8">
      <c r="H27880" s="12"/>
    </row>
    <row r="27881" spans="8:8">
      <c r="H27881" s="12"/>
    </row>
    <row r="27882" spans="8:8">
      <c r="H27882" s="12"/>
    </row>
    <row r="27883" spans="8:8">
      <c r="H27883" s="12"/>
    </row>
    <row r="27884" spans="8:8">
      <c r="H27884" s="12"/>
    </row>
    <row r="27885" spans="8:8">
      <c r="H27885" s="12"/>
    </row>
    <row r="27886" spans="8:8">
      <c r="H27886" s="12"/>
    </row>
    <row r="27887" spans="8:8">
      <c r="H27887" s="12"/>
    </row>
    <row r="27888" spans="8:8">
      <c r="H27888" s="12"/>
    </row>
    <row r="27889" spans="8:8">
      <c r="H27889" s="12"/>
    </row>
    <row r="27890" spans="8:8">
      <c r="H27890" s="12"/>
    </row>
    <row r="27891" spans="8:8">
      <c r="H27891" s="12"/>
    </row>
    <row r="27892" spans="8:8">
      <c r="H27892" s="12"/>
    </row>
    <row r="27893" spans="8:8">
      <c r="H27893" s="12"/>
    </row>
    <row r="27894" spans="8:8">
      <c r="H27894" s="12"/>
    </row>
    <row r="27895" spans="8:8">
      <c r="H27895" s="12"/>
    </row>
    <row r="27896" spans="8:8">
      <c r="H27896" s="12"/>
    </row>
    <row r="27897" spans="8:8">
      <c r="H27897" s="12"/>
    </row>
    <row r="27898" spans="8:8">
      <c r="H27898" s="12"/>
    </row>
    <row r="27899" spans="8:8">
      <c r="H27899" s="12"/>
    </row>
    <row r="27900" spans="8:8">
      <c r="H27900" s="12"/>
    </row>
    <row r="27901" spans="8:8">
      <c r="H27901" s="12"/>
    </row>
    <row r="27902" spans="8:8">
      <c r="H27902" s="12"/>
    </row>
    <row r="27903" spans="8:8">
      <c r="H27903" s="12"/>
    </row>
    <row r="27904" spans="8:8">
      <c r="H27904" s="12"/>
    </row>
    <row r="27905" spans="8:8">
      <c r="H27905" s="12"/>
    </row>
    <row r="27906" spans="8:8">
      <c r="H27906" s="12"/>
    </row>
    <row r="27907" spans="8:8">
      <c r="H27907" s="12"/>
    </row>
    <row r="27908" spans="8:8">
      <c r="H27908" s="12"/>
    </row>
    <row r="27909" spans="8:8">
      <c r="H27909" s="12"/>
    </row>
    <row r="27910" spans="8:8">
      <c r="H27910" s="12"/>
    </row>
    <row r="27911" spans="8:8">
      <c r="H27911" s="12"/>
    </row>
    <row r="27912" spans="8:8">
      <c r="H27912" s="12"/>
    </row>
    <row r="27913" spans="8:8">
      <c r="H27913" s="12"/>
    </row>
    <row r="27914" spans="8:8">
      <c r="H27914" s="12"/>
    </row>
    <row r="27915" spans="8:8">
      <c r="H27915" s="12"/>
    </row>
    <row r="27916" spans="8:8">
      <c r="H27916" s="12"/>
    </row>
    <row r="27917" spans="8:8">
      <c r="H27917" s="12"/>
    </row>
    <row r="27918" spans="8:8">
      <c r="H27918" s="12"/>
    </row>
    <row r="27919" spans="8:8">
      <c r="H27919" s="12"/>
    </row>
    <row r="27920" spans="8:8">
      <c r="H27920" s="12"/>
    </row>
    <row r="27921" spans="8:8">
      <c r="H27921" s="12"/>
    </row>
    <row r="27922" spans="8:8">
      <c r="H27922" s="12"/>
    </row>
    <row r="27923" spans="8:8">
      <c r="H27923" s="12"/>
    </row>
    <row r="27924" spans="8:8">
      <c r="H27924" s="12"/>
    </row>
    <row r="27925" spans="8:8">
      <c r="H27925" s="12"/>
    </row>
    <row r="27926" spans="8:8">
      <c r="H27926" s="12"/>
    </row>
    <row r="27927" spans="8:8">
      <c r="H27927" s="12"/>
    </row>
    <row r="27928" spans="8:8">
      <c r="H27928" s="12"/>
    </row>
    <row r="27929" spans="8:8">
      <c r="H27929" s="12"/>
    </row>
    <row r="27930" spans="8:8">
      <c r="H27930" s="12"/>
    </row>
    <row r="27931" spans="8:8">
      <c r="H27931" s="12"/>
    </row>
    <row r="27932" spans="8:8">
      <c r="H27932" s="12"/>
    </row>
    <row r="27933" spans="8:8">
      <c r="H27933" s="12"/>
    </row>
    <row r="27934" spans="8:8">
      <c r="H27934" s="12"/>
    </row>
    <row r="27935" spans="8:8">
      <c r="H27935" s="12"/>
    </row>
    <row r="27936" spans="8:8">
      <c r="H27936" s="12"/>
    </row>
    <row r="27937" spans="8:8">
      <c r="H27937" s="12"/>
    </row>
    <row r="27938" spans="8:8">
      <c r="H27938" s="12"/>
    </row>
    <row r="27939" spans="8:8">
      <c r="H27939" s="12"/>
    </row>
    <row r="27940" spans="8:8">
      <c r="H27940" s="12"/>
    </row>
    <row r="27941" spans="8:8">
      <c r="H27941" s="12"/>
    </row>
    <row r="27942" spans="8:8">
      <c r="H27942" s="12"/>
    </row>
    <row r="27943" spans="8:8">
      <c r="H27943" s="12"/>
    </row>
    <row r="27944" spans="8:8">
      <c r="H27944" s="12"/>
    </row>
    <row r="27945" spans="8:8">
      <c r="H27945" s="12"/>
    </row>
    <row r="27946" spans="8:8">
      <c r="H27946" s="12"/>
    </row>
    <row r="27947" spans="8:8">
      <c r="H27947" s="12"/>
    </row>
    <row r="27948" spans="8:8">
      <c r="H27948" s="12"/>
    </row>
    <row r="27949" spans="8:8">
      <c r="H27949" s="12"/>
    </row>
    <row r="27950" spans="8:8">
      <c r="H27950" s="12"/>
    </row>
    <row r="27951" spans="8:8">
      <c r="H27951" s="12"/>
    </row>
    <row r="27952" spans="8:8">
      <c r="H27952" s="12"/>
    </row>
    <row r="27953" spans="8:8">
      <c r="H27953" s="12"/>
    </row>
    <row r="27954" spans="8:8">
      <c r="H27954" s="12"/>
    </row>
    <row r="27955" spans="8:8">
      <c r="H27955" s="12"/>
    </row>
    <row r="27956" spans="8:8">
      <c r="H27956" s="12"/>
    </row>
    <row r="27957" spans="8:8">
      <c r="H27957" s="12"/>
    </row>
    <row r="27958" spans="8:8">
      <c r="H27958" s="12"/>
    </row>
    <row r="27959" spans="8:8">
      <c r="H27959" s="12"/>
    </row>
    <row r="27960" spans="8:8">
      <c r="H27960" s="12"/>
    </row>
    <row r="27961" spans="8:8">
      <c r="H27961" s="12"/>
    </row>
    <row r="27962" spans="8:8">
      <c r="H27962" s="12"/>
    </row>
    <row r="27963" spans="8:8">
      <c r="H27963" s="12"/>
    </row>
    <row r="27964" spans="8:8">
      <c r="H27964" s="12"/>
    </row>
    <row r="27965" spans="8:8">
      <c r="H27965" s="12"/>
    </row>
    <row r="27966" spans="8:8">
      <c r="H27966" s="12"/>
    </row>
    <row r="27967" spans="8:8">
      <c r="H27967" s="12"/>
    </row>
    <row r="27968" spans="8:8">
      <c r="H27968" s="12"/>
    </row>
    <row r="27969" spans="8:8">
      <c r="H27969" s="12"/>
    </row>
    <row r="27970" spans="8:8">
      <c r="H27970" s="12"/>
    </row>
    <row r="27971" spans="8:8">
      <c r="H27971" s="12"/>
    </row>
    <row r="27972" spans="8:8">
      <c r="H27972" s="12"/>
    </row>
    <row r="27973" spans="8:8">
      <c r="H27973" s="12"/>
    </row>
    <row r="27974" spans="8:8">
      <c r="H27974" s="12"/>
    </row>
    <row r="27975" spans="8:8">
      <c r="H27975" s="12"/>
    </row>
    <row r="27976" spans="8:8">
      <c r="H27976" s="12"/>
    </row>
    <row r="27977" spans="8:8">
      <c r="H27977" s="12"/>
    </row>
    <row r="27978" spans="8:8">
      <c r="H27978" s="12"/>
    </row>
    <row r="27979" spans="8:8">
      <c r="H27979" s="12"/>
    </row>
    <row r="27980" spans="8:8">
      <c r="H27980" s="12"/>
    </row>
    <row r="27981" spans="8:8">
      <c r="H27981" s="12"/>
    </row>
    <row r="27982" spans="8:8">
      <c r="H27982" s="12"/>
    </row>
    <row r="27983" spans="8:8">
      <c r="H27983" s="12"/>
    </row>
    <row r="27984" spans="8:8">
      <c r="H27984" s="12"/>
    </row>
    <row r="27985" spans="8:8">
      <c r="H27985" s="12"/>
    </row>
    <row r="27986" spans="8:8">
      <c r="H27986" s="12"/>
    </row>
    <row r="27987" spans="8:8">
      <c r="H27987" s="12"/>
    </row>
    <row r="27988" spans="8:8">
      <c r="H27988" s="12"/>
    </row>
    <row r="27989" spans="8:8">
      <c r="H27989" s="12"/>
    </row>
    <row r="27990" spans="8:8">
      <c r="H27990" s="12"/>
    </row>
    <row r="27991" spans="8:8">
      <c r="H27991" s="12"/>
    </row>
    <row r="27992" spans="8:8">
      <c r="H27992" s="12"/>
    </row>
    <row r="27993" spans="8:8">
      <c r="H27993" s="12"/>
    </row>
    <row r="27994" spans="8:8">
      <c r="H27994" s="12"/>
    </row>
    <row r="27995" spans="8:8">
      <c r="H27995" s="12"/>
    </row>
    <row r="27996" spans="8:8">
      <c r="H27996" s="12"/>
    </row>
    <row r="27997" spans="8:8">
      <c r="H27997" s="12"/>
    </row>
    <row r="27998" spans="8:8">
      <c r="H27998" s="12"/>
    </row>
    <row r="27999" spans="8:8">
      <c r="H27999" s="12"/>
    </row>
    <row r="28000" spans="8:8">
      <c r="H28000" s="12"/>
    </row>
    <row r="28001" spans="8:8">
      <c r="H28001" s="12"/>
    </row>
    <row r="28002" spans="8:8">
      <c r="H28002" s="12"/>
    </row>
    <row r="28003" spans="8:8">
      <c r="H28003" s="12"/>
    </row>
    <row r="28004" spans="8:8">
      <c r="H28004" s="12"/>
    </row>
    <row r="28005" spans="8:8">
      <c r="H28005" s="12"/>
    </row>
    <row r="28006" spans="8:8">
      <c r="H28006" s="12"/>
    </row>
    <row r="28007" spans="8:8">
      <c r="H28007" s="12"/>
    </row>
    <row r="28008" spans="8:8">
      <c r="H28008" s="12"/>
    </row>
    <row r="28009" spans="8:8">
      <c r="H28009" s="12"/>
    </row>
    <row r="28010" spans="8:8">
      <c r="H28010" s="12"/>
    </row>
    <row r="28011" spans="8:8">
      <c r="H28011" s="12"/>
    </row>
    <row r="28012" spans="8:8">
      <c r="H28012" s="12"/>
    </row>
    <row r="28013" spans="8:8">
      <c r="H28013" s="12"/>
    </row>
    <row r="28014" spans="8:8">
      <c r="H28014" s="12"/>
    </row>
    <row r="28015" spans="8:8">
      <c r="H28015" s="12"/>
    </row>
    <row r="28016" spans="8:8">
      <c r="H28016" s="12"/>
    </row>
    <row r="28017" spans="8:8">
      <c r="H28017" s="12"/>
    </row>
    <row r="28018" spans="8:8">
      <c r="H28018" s="12"/>
    </row>
    <row r="28019" spans="8:8">
      <c r="H28019" s="12"/>
    </row>
    <row r="28020" spans="8:8">
      <c r="H28020" s="12"/>
    </row>
    <row r="28021" spans="8:8">
      <c r="H28021" s="12"/>
    </row>
    <row r="28022" spans="8:8">
      <c r="H28022" s="12"/>
    </row>
    <row r="28023" spans="8:8">
      <c r="H28023" s="12"/>
    </row>
    <row r="28024" spans="8:8">
      <c r="H28024" s="12"/>
    </row>
    <row r="28025" spans="8:8">
      <c r="H28025" s="12"/>
    </row>
    <row r="28026" spans="8:8">
      <c r="H28026" s="12"/>
    </row>
    <row r="28027" spans="8:8">
      <c r="H28027" s="12"/>
    </row>
    <row r="28028" spans="8:8">
      <c r="H28028" s="12"/>
    </row>
    <row r="28029" spans="8:8">
      <c r="H28029" s="12"/>
    </row>
    <row r="28030" spans="8:8">
      <c r="H28030" s="12"/>
    </row>
    <row r="28031" spans="8:8">
      <c r="H28031" s="12"/>
    </row>
    <row r="28032" spans="8:8">
      <c r="H28032" s="12"/>
    </row>
    <row r="28033" spans="8:8">
      <c r="H28033" s="12"/>
    </row>
    <row r="28034" spans="8:8">
      <c r="H28034" s="12"/>
    </row>
    <row r="28035" spans="8:8">
      <c r="H28035" s="12"/>
    </row>
    <row r="28036" spans="8:8">
      <c r="H28036" s="12"/>
    </row>
    <row r="28037" spans="8:8">
      <c r="H28037" s="12"/>
    </row>
    <row r="28038" spans="8:8">
      <c r="H28038" s="12"/>
    </row>
    <row r="28039" spans="8:8">
      <c r="H28039" s="12"/>
    </row>
    <row r="28040" spans="8:8">
      <c r="H28040" s="12"/>
    </row>
    <row r="28041" spans="8:8">
      <c r="H28041" s="12"/>
    </row>
    <row r="28042" spans="8:8">
      <c r="H28042" s="12"/>
    </row>
    <row r="28043" spans="8:8">
      <c r="H28043" s="12"/>
    </row>
    <row r="28044" spans="8:8">
      <c r="H28044" s="12"/>
    </row>
    <row r="28045" spans="8:8">
      <c r="H28045" s="12"/>
    </row>
    <row r="28046" spans="8:8">
      <c r="H28046" s="12"/>
    </row>
    <row r="28047" spans="8:8">
      <c r="H28047" s="12"/>
    </row>
    <row r="28048" spans="8:8">
      <c r="H28048" s="12"/>
    </row>
    <row r="28049" spans="8:8">
      <c r="H28049" s="12"/>
    </row>
    <row r="28050" spans="8:8">
      <c r="H28050" s="12"/>
    </row>
    <row r="28051" spans="8:8">
      <c r="H28051" s="12"/>
    </row>
    <row r="28052" spans="8:8">
      <c r="H28052" s="12"/>
    </row>
    <row r="28053" spans="8:8">
      <c r="H28053" s="12"/>
    </row>
    <row r="28054" spans="8:8">
      <c r="H28054" s="12"/>
    </row>
    <row r="28055" spans="8:8">
      <c r="H28055" s="12"/>
    </row>
    <row r="28056" spans="8:8">
      <c r="H28056" s="12"/>
    </row>
    <row r="28057" spans="8:8">
      <c r="H28057" s="12"/>
    </row>
    <row r="28058" spans="8:8">
      <c r="H28058" s="12"/>
    </row>
    <row r="28059" spans="8:8">
      <c r="H28059" s="12"/>
    </row>
    <row r="28060" spans="8:8">
      <c r="H28060" s="12"/>
    </row>
    <row r="28061" spans="8:8">
      <c r="H28061" s="12"/>
    </row>
    <row r="28062" spans="8:8">
      <c r="H28062" s="12"/>
    </row>
    <row r="28063" spans="8:8">
      <c r="H28063" s="12"/>
    </row>
    <row r="28064" spans="8:8">
      <c r="H28064" s="12"/>
    </row>
    <row r="28065" spans="8:8">
      <c r="H28065" s="12"/>
    </row>
    <row r="28066" spans="8:8">
      <c r="H28066" s="12"/>
    </row>
    <row r="28067" spans="8:8">
      <c r="H28067" s="12"/>
    </row>
    <row r="28068" spans="8:8">
      <c r="H28068" s="12"/>
    </row>
    <row r="28069" spans="8:8">
      <c r="H28069" s="12"/>
    </row>
    <row r="28070" spans="8:8">
      <c r="H28070" s="12"/>
    </row>
    <row r="28071" spans="8:8">
      <c r="H28071" s="12"/>
    </row>
    <row r="28072" spans="8:8">
      <c r="H28072" s="12"/>
    </row>
    <row r="28073" spans="8:8">
      <c r="H28073" s="12"/>
    </row>
    <row r="28074" spans="8:8">
      <c r="H28074" s="12"/>
    </row>
    <row r="28075" spans="8:8">
      <c r="H28075" s="12"/>
    </row>
    <row r="28076" spans="8:8">
      <c r="H28076" s="12"/>
    </row>
    <row r="28077" spans="8:8">
      <c r="H28077" s="12"/>
    </row>
    <row r="28078" spans="8:8">
      <c r="H28078" s="12"/>
    </row>
    <row r="28079" spans="8:8">
      <c r="H28079" s="12"/>
    </row>
    <row r="28080" spans="8:8">
      <c r="H28080" s="12"/>
    </row>
    <row r="28081" spans="8:8">
      <c r="H28081" s="12"/>
    </row>
    <row r="28082" spans="8:8">
      <c r="H28082" s="12"/>
    </row>
    <row r="28083" spans="8:8">
      <c r="H28083" s="12"/>
    </row>
    <row r="28084" spans="8:8">
      <c r="H28084" s="12"/>
    </row>
    <row r="28085" spans="8:8">
      <c r="H28085" s="12"/>
    </row>
    <row r="28086" spans="8:8">
      <c r="H28086" s="12"/>
    </row>
    <row r="28087" spans="8:8">
      <c r="H28087" s="12"/>
    </row>
    <row r="28088" spans="8:8">
      <c r="H28088" s="12"/>
    </row>
    <row r="28089" spans="8:8">
      <c r="H28089" s="12"/>
    </row>
    <row r="28090" spans="8:8">
      <c r="H28090" s="12"/>
    </row>
    <row r="28091" spans="8:8">
      <c r="H28091" s="12"/>
    </row>
    <row r="28092" spans="8:8">
      <c r="H28092" s="12"/>
    </row>
    <row r="28093" spans="8:8">
      <c r="H28093" s="12"/>
    </row>
    <row r="28094" spans="8:8">
      <c r="H28094" s="12"/>
    </row>
    <row r="28095" spans="8:8">
      <c r="H28095" s="12"/>
    </row>
    <row r="28096" spans="8:8">
      <c r="H28096" s="12"/>
    </row>
    <row r="28097" spans="8:8">
      <c r="H28097" s="12"/>
    </row>
    <row r="28098" spans="8:8">
      <c r="H28098" s="12"/>
    </row>
    <row r="28099" spans="8:8">
      <c r="H28099" s="12"/>
    </row>
    <row r="28100" spans="8:8">
      <c r="H28100" s="12"/>
    </row>
    <row r="28101" spans="8:8">
      <c r="H28101" s="12"/>
    </row>
    <row r="28102" spans="8:8">
      <c r="H28102" s="12"/>
    </row>
    <row r="28103" spans="8:8">
      <c r="H28103" s="12"/>
    </row>
    <row r="28104" spans="8:8">
      <c r="H28104" s="12"/>
    </row>
    <row r="28105" spans="8:8">
      <c r="H28105" s="12"/>
    </row>
    <row r="28106" spans="8:8">
      <c r="H28106" s="12"/>
    </row>
    <row r="28107" spans="8:8">
      <c r="H28107" s="12"/>
    </row>
    <row r="28108" spans="8:8">
      <c r="H28108" s="12"/>
    </row>
    <row r="28109" spans="8:8">
      <c r="H28109" s="12"/>
    </row>
    <row r="28110" spans="8:8">
      <c r="H28110" s="12"/>
    </row>
    <row r="28111" spans="8:8">
      <c r="H28111" s="12"/>
    </row>
    <row r="28112" spans="8:8">
      <c r="H28112" s="12"/>
    </row>
    <row r="28113" spans="8:8">
      <c r="H28113" s="12"/>
    </row>
    <row r="28114" spans="8:8">
      <c r="H28114" s="12"/>
    </row>
    <row r="28115" spans="8:8">
      <c r="H28115" s="12"/>
    </row>
    <row r="28116" spans="8:8">
      <c r="H28116" s="12"/>
    </row>
    <row r="28117" spans="8:8">
      <c r="H28117" s="12"/>
    </row>
    <row r="28118" spans="8:8">
      <c r="H28118" s="12"/>
    </row>
    <row r="28119" spans="8:8">
      <c r="H28119" s="12"/>
    </row>
    <row r="28120" spans="8:8">
      <c r="H28120" s="12"/>
    </row>
    <row r="28121" spans="8:8">
      <c r="H28121" s="12"/>
    </row>
    <row r="28122" spans="8:8">
      <c r="H28122" s="12"/>
    </row>
    <row r="28123" spans="8:8">
      <c r="H28123" s="12"/>
    </row>
    <row r="28124" spans="8:8">
      <c r="H28124" s="12"/>
    </row>
    <row r="28125" spans="8:8">
      <c r="H28125" s="12"/>
    </row>
    <row r="28126" spans="8:8">
      <c r="H28126" s="12"/>
    </row>
    <row r="28127" spans="8:8">
      <c r="H28127" s="12"/>
    </row>
    <row r="28128" spans="8:8">
      <c r="H28128" s="12"/>
    </row>
    <row r="28129" spans="8:8">
      <c r="H28129" s="12"/>
    </row>
    <row r="28130" spans="8:8">
      <c r="H28130" s="12"/>
    </row>
    <row r="28131" spans="8:8">
      <c r="H28131" s="12"/>
    </row>
    <row r="28132" spans="8:8">
      <c r="H28132" s="12"/>
    </row>
    <row r="28133" spans="8:8">
      <c r="H28133" s="12"/>
    </row>
    <row r="28134" spans="8:8">
      <c r="H28134" s="12"/>
    </row>
    <row r="28135" spans="8:8">
      <c r="H28135" s="12"/>
    </row>
    <row r="28136" spans="8:8">
      <c r="H28136" s="12"/>
    </row>
    <row r="28137" spans="8:8">
      <c r="H28137" s="12"/>
    </row>
    <row r="28138" spans="8:8">
      <c r="H28138" s="12"/>
    </row>
    <row r="28139" spans="8:8">
      <c r="H28139" s="12"/>
    </row>
    <row r="28140" spans="8:8">
      <c r="H28140" s="12"/>
    </row>
    <row r="28141" spans="8:8">
      <c r="H28141" s="12"/>
    </row>
    <row r="28142" spans="8:8">
      <c r="H28142" s="12"/>
    </row>
    <row r="28143" spans="8:8">
      <c r="H28143" s="12"/>
    </row>
    <row r="28144" spans="8:8">
      <c r="H28144" s="12"/>
    </row>
    <row r="28145" spans="8:8">
      <c r="H28145" s="12"/>
    </row>
    <row r="28146" spans="8:8">
      <c r="H28146" s="12"/>
    </row>
    <row r="28147" spans="8:8">
      <c r="H28147" s="12"/>
    </row>
    <row r="28148" spans="8:8">
      <c r="H28148" s="12"/>
    </row>
    <row r="28149" spans="8:8">
      <c r="H28149" s="12"/>
    </row>
    <row r="28150" spans="8:8">
      <c r="H28150" s="12"/>
    </row>
    <row r="28151" spans="8:8">
      <c r="H28151" s="12"/>
    </row>
    <row r="28152" spans="8:8">
      <c r="H28152" s="12"/>
    </row>
    <row r="28153" spans="8:8">
      <c r="H28153" s="12"/>
    </row>
    <row r="28154" spans="8:8">
      <c r="H28154" s="12"/>
    </row>
    <row r="28155" spans="8:8">
      <c r="H28155" s="12"/>
    </row>
    <row r="28156" spans="8:8">
      <c r="H28156" s="12"/>
    </row>
    <row r="28157" spans="8:8">
      <c r="H28157" s="12"/>
    </row>
    <row r="28158" spans="8:8">
      <c r="H28158" s="12"/>
    </row>
    <row r="28159" spans="8:8">
      <c r="H28159" s="12"/>
    </row>
    <row r="28160" spans="8:8">
      <c r="H28160" s="12"/>
    </row>
    <row r="28161" spans="8:8">
      <c r="H28161" s="12"/>
    </row>
    <row r="28162" spans="8:8">
      <c r="H28162" s="12"/>
    </row>
    <row r="28163" spans="8:8">
      <c r="H28163" s="12"/>
    </row>
    <row r="28164" spans="8:8">
      <c r="H28164" s="12"/>
    </row>
    <row r="28165" spans="8:8">
      <c r="H28165" s="12"/>
    </row>
    <row r="28166" spans="8:8">
      <c r="H28166" s="12"/>
    </row>
    <row r="28167" spans="8:8">
      <c r="H28167" s="12"/>
    </row>
    <row r="28168" spans="8:8">
      <c r="H28168" s="12"/>
    </row>
    <row r="28169" spans="8:8">
      <c r="H28169" s="12"/>
    </row>
    <row r="28170" spans="8:8">
      <c r="H28170" s="12"/>
    </row>
    <row r="28171" spans="8:8">
      <c r="H28171" s="12"/>
    </row>
    <row r="28172" spans="8:8">
      <c r="H28172" s="12"/>
    </row>
    <row r="28173" spans="8:8">
      <c r="H28173" s="12"/>
    </row>
    <row r="28174" spans="8:8">
      <c r="H28174" s="12"/>
    </row>
    <row r="28175" spans="8:8">
      <c r="H28175" s="12"/>
    </row>
    <row r="28176" spans="8:8">
      <c r="H28176" s="12"/>
    </row>
    <row r="28177" spans="8:8">
      <c r="H28177" s="12"/>
    </row>
    <row r="28178" spans="8:8">
      <c r="H28178" s="12"/>
    </row>
    <row r="28179" spans="8:8">
      <c r="H28179" s="12"/>
    </row>
    <row r="28180" spans="8:8">
      <c r="H28180" s="12"/>
    </row>
    <row r="28181" spans="8:8">
      <c r="H28181" s="12"/>
    </row>
    <row r="28182" spans="8:8">
      <c r="H28182" s="12"/>
    </row>
    <row r="28183" spans="8:8">
      <c r="H28183" s="12"/>
    </row>
    <row r="28184" spans="8:8">
      <c r="H28184" s="12"/>
    </row>
    <row r="28185" spans="8:8">
      <c r="H28185" s="12"/>
    </row>
    <row r="28186" spans="8:8">
      <c r="H28186" s="12"/>
    </row>
    <row r="28187" spans="8:8">
      <c r="H28187" s="12"/>
    </row>
    <row r="28188" spans="8:8">
      <c r="H28188" s="12"/>
    </row>
    <row r="28189" spans="8:8">
      <c r="H28189" s="12"/>
    </row>
    <row r="28190" spans="8:8">
      <c r="H28190" s="12"/>
    </row>
    <row r="28191" spans="8:8">
      <c r="H28191" s="12"/>
    </row>
    <row r="28192" spans="8:8">
      <c r="H28192" s="12"/>
    </row>
    <row r="28193" spans="8:8">
      <c r="H28193" s="12"/>
    </row>
    <row r="28194" spans="8:8">
      <c r="H28194" s="12"/>
    </row>
    <row r="28195" spans="8:8">
      <c r="H28195" s="12"/>
    </row>
    <row r="28196" spans="8:8">
      <c r="H28196" s="12"/>
    </row>
    <row r="28197" spans="8:8">
      <c r="H28197" s="12"/>
    </row>
    <row r="28198" spans="8:8">
      <c r="H28198" s="12"/>
    </row>
    <row r="28199" spans="8:8">
      <c r="H28199" s="12"/>
    </row>
    <row r="28200" spans="8:8">
      <c r="H28200" s="12"/>
    </row>
    <row r="28201" spans="8:8">
      <c r="H28201" s="12"/>
    </row>
    <row r="28202" spans="8:8">
      <c r="H28202" s="12"/>
    </row>
    <row r="28203" spans="8:8">
      <c r="H28203" s="12"/>
    </row>
    <row r="28204" spans="8:8">
      <c r="H28204" s="12"/>
    </row>
    <row r="28205" spans="8:8">
      <c r="H28205" s="12"/>
    </row>
    <row r="28206" spans="8:8">
      <c r="H28206" s="12"/>
    </row>
    <row r="28207" spans="8:8">
      <c r="H28207" s="12"/>
    </row>
    <row r="28208" spans="8:8">
      <c r="H28208" s="12"/>
    </row>
    <row r="28209" spans="8:8">
      <c r="H28209" s="12"/>
    </row>
    <row r="28210" spans="8:8">
      <c r="H28210" s="12"/>
    </row>
    <row r="28211" spans="8:8">
      <c r="H28211" s="12"/>
    </row>
    <row r="28212" spans="8:8">
      <c r="H28212" s="12"/>
    </row>
    <row r="28213" spans="8:8">
      <c r="H28213" s="12"/>
    </row>
    <row r="28214" spans="8:8">
      <c r="H28214" s="12"/>
    </row>
    <row r="28215" spans="8:8">
      <c r="H28215" s="12"/>
    </row>
    <row r="28216" spans="8:8">
      <c r="H28216" s="12"/>
    </row>
    <row r="28217" spans="8:8">
      <c r="H28217" s="12"/>
    </row>
    <row r="28218" spans="8:8">
      <c r="H28218" s="12"/>
    </row>
    <row r="28219" spans="8:8">
      <c r="H28219" s="12"/>
    </row>
    <row r="28220" spans="8:8">
      <c r="H28220" s="12"/>
    </row>
    <row r="28221" spans="8:8">
      <c r="H28221" s="12"/>
    </row>
    <row r="28222" spans="8:8">
      <c r="H28222" s="12"/>
    </row>
    <row r="28223" spans="8:8">
      <c r="H28223" s="12"/>
    </row>
    <row r="28224" spans="8:8">
      <c r="H28224" s="12"/>
    </row>
    <row r="28225" spans="8:8">
      <c r="H28225" s="12"/>
    </row>
    <row r="28226" spans="8:8">
      <c r="H28226" s="12"/>
    </row>
    <row r="28227" spans="8:8">
      <c r="H28227" s="12"/>
    </row>
    <row r="28228" spans="8:8">
      <c r="H28228" s="12"/>
    </row>
    <row r="28229" spans="8:8">
      <c r="H28229" s="12"/>
    </row>
    <row r="28230" spans="8:8">
      <c r="H28230" s="12"/>
    </row>
    <row r="28231" spans="8:8">
      <c r="H28231" s="12"/>
    </row>
    <row r="28232" spans="8:8">
      <c r="H28232" s="12"/>
    </row>
    <row r="28233" spans="8:8">
      <c r="H28233" s="12"/>
    </row>
    <row r="28234" spans="8:8">
      <c r="H28234" s="12"/>
    </row>
    <row r="28235" spans="8:8">
      <c r="H28235" s="12"/>
    </row>
    <row r="28236" spans="8:8">
      <c r="H28236" s="12"/>
    </row>
    <row r="28237" spans="8:8">
      <c r="H28237" s="12"/>
    </row>
    <row r="28238" spans="8:8">
      <c r="H28238" s="12"/>
    </row>
    <row r="28239" spans="8:8">
      <c r="H28239" s="12"/>
    </row>
    <row r="28240" spans="8:8">
      <c r="H28240" s="12"/>
    </row>
    <row r="28241" spans="8:8">
      <c r="H28241" s="12"/>
    </row>
    <row r="28242" spans="8:8">
      <c r="H28242" s="12"/>
    </row>
    <row r="28243" spans="8:8">
      <c r="H28243" s="12"/>
    </row>
    <row r="28244" spans="8:8">
      <c r="H28244" s="12"/>
    </row>
    <row r="28245" spans="8:8">
      <c r="H28245" s="12"/>
    </row>
    <row r="28246" spans="8:8">
      <c r="H28246" s="12"/>
    </row>
    <row r="28247" spans="8:8">
      <c r="H28247" s="12"/>
    </row>
    <row r="28248" spans="8:8">
      <c r="H28248" s="12"/>
    </row>
    <row r="28249" spans="8:8">
      <c r="H28249" s="12"/>
    </row>
    <row r="28250" spans="8:8">
      <c r="H28250" s="12"/>
    </row>
    <row r="28251" spans="8:8">
      <c r="H28251" s="12"/>
    </row>
    <row r="28252" spans="8:8">
      <c r="H28252" s="12"/>
    </row>
    <row r="28253" spans="8:8">
      <c r="H28253" s="12"/>
    </row>
    <row r="28254" spans="8:8">
      <c r="H28254" s="12"/>
    </row>
    <row r="28255" spans="8:8">
      <c r="H28255" s="12"/>
    </row>
    <row r="28256" spans="8:8">
      <c r="H28256" s="12"/>
    </row>
    <row r="28257" spans="8:8">
      <c r="H28257" s="12"/>
    </row>
    <row r="28258" spans="8:8">
      <c r="H28258" s="12"/>
    </row>
    <row r="28259" spans="8:8">
      <c r="H28259" s="12"/>
    </row>
    <row r="28260" spans="8:8">
      <c r="H28260" s="12"/>
    </row>
    <row r="28261" spans="8:8">
      <c r="H28261" s="12"/>
    </row>
    <row r="28262" spans="8:8">
      <c r="H28262" s="12"/>
    </row>
    <row r="28263" spans="8:8">
      <c r="H28263" s="12"/>
    </row>
    <row r="28264" spans="8:8">
      <c r="H28264" s="12"/>
    </row>
    <row r="28265" spans="8:8">
      <c r="H28265" s="12"/>
    </row>
    <row r="28266" spans="8:8">
      <c r="H28266" s="12"/>
    </row>
    <row r="28267" spans="8:8">
      <c r="H28267" s="12"/>
    </row>
    <row r="28268" spans="8:8">
      <c r="H28268" s="12"/>
    </row>
    <row r="28269" spans="8:8">
      <c r="H28269" s="12"/>
    </row>
    <row r="28270" spans="8:8">
      <c r="H28270" s="12"/>
    </row>
    <row r="28271" spans="8:8">
      <c r="H28271" s="12"/>
    </row>
    <row r="28272" spans="8:8">
      <c r="H28272" s="12"/>
    </row>
    <row r="28273" spans="8:8">
      <c r="H28273" s="12"/>
    </row>
    <row r="28274" spans="8:8">
      <c r="H28274" s="12"/>
    </row>
    <row r="28275" spans="8:8">
      <c r="H28275" s="12"/>
    </row>
    <row r="28276" spans="8:8">
      <c r="H28276" s="12"/>
    </row>
    <row r="28277" spans="8:8">
      <c r="H28277" s="12"/>
    </row>
    <row r="28278" spans="8:8">
      <c r="H28278" s="12"/>
    </row>
    <row r="28279" spans="8:8">
      <c r="H28279" s="12"/>
    </row>
    <row r="28280" spans="8:8">
      <c r="H28280" s="12"/>
    </row>
    <row r="28281" spans="8:8">
      <c r="H28281" s="12"/>
    </row>
    <row r="28282" spans="8:8">
      <c r="H28282" s="12"/>
    </row>
    <row r="28283" spans="8:8">
      <c r="H28283" s="12"/>
    </row>
    <row r="28284" spans="8:8">
      <c r="H28284" s="12"/>
    </row>
    <row r="28285" spans="8:8">
      <c r="H28285" s="12"/>
    </row>
    <row r="28286" spans="8:8">
      <c r="H28286" s="12"/>
    </row>
    <row r="28287" spans="8:8">
      <c r="H28287" s="12"/>
    </row>
    <row r="28288" spans="8:8">
      <c r="H28288" s="12"/>
    </row>
    <row r="28289" spans="8:8">
      <c r="H28289" s="12"/>
    </row>
    <row r="28290" spans="8:8">
      <c r="H28290" s="12"/>
    </row>
    <row r="28291" spans="8:8">
      <c r="H28291" s="12"/>
    </row>
    <row r="28292" spans="8:8">
      <c r="H28292" s="12"/>
    </row>
    <row r="28293" spans="8:8">
      <c r="H28293" s="12"/>
    </row>
    <row r="28294" spans="8:8">
      <c r="H28294" s="12"/>
    </row>
    <row r="28295" spans="8:8">
      <c r="H28295" s="12"/>
    </row>
    <row r="28296" spans="8:8">
      <c r="H28296" s="12"/>
    </row>
    <row r="28297" spans="8:8">
      <c r="H28297" s="12"/>
    </row>
    <row r="28298" spans="8:8">
      <c r="H28298" s="12"/>
    </row>
    <row r="28299" spans="8:8">
      <c r="H28299" s="12"/>
    </row>
    <row r="28300" spans="8:8">
      <c r="H28300" s="12"/>
    </row>
    <row r="28301" spans="8:8">
      <c r="H28301" s="12"/>
    </row>
    <row r="28302" spans="8:8">
      <c r="H28302" s="12"/>
    </row>
    <row r="28303" spans="8:8">
      <c r="H28303" s="12"/>
    </row>
    <row r="28304" spans="8:8">
      <c r="H28304" s="12"/>
    </row>
    <row r="28305" spans="8:8">
      <c r="H28305" s="12"/>
    </row>
    <row r="28306" spans="8:8">
      <c r="H28306" s="12"/>
    </row>
    <row r="28307" spans="8:8">
      <c r="H28307" s="12"/>
    </row>
    <row r="28308" spans="8:8">
      <c r="H28308" s="12"/>
    </row>
    <row r="28309" spans="8:8">
      <c r="H28309" s="12"/>
    </row>
    <row r="28310" spans="8:8">
      <c r="H28310" s="12"/>
    </row>
    <row r="28311" spans="8:8">
      <c r="H28311" s="12"/>
    </row>
    <row r="28312" spans="8:8">
      <c r="H28312" s="12"/>
    </row>
    <row r="28313" spans="8:8">
      <c r="H28313" s="12"/>
    </row>
    <row r="28314" spans="8:8">
      <c r="H28314" s="12"/>
    </row>
    <row r="28315" spans="8:8">
      <c r="H28315" s="12"/>
    </row>
    <row r="28316" spans="8:8">
      <c r="H28316" s="12"/>
    </row>
    <row r="28317" spans="8:8">
      <c r="H28317" s="12"/>
    </row>
    <row r="28318" spans="8:8">
      <c r="H28318" s="12"/>
    </row>
    <row r="28319" spans="8:8">
      <c r="H28319" s="12"/>
    </row>
    <row r="28320" spans="8:8">
      <c r="H28320" s="12"/>
    </row>
    <row r="28321" spans="8:8">
      <c r="H28321" s="12"/>
    </row>
    <row r="28322" spans="8:8">
      <c r="H28322" s="12"/>
    </row>
    <row r="28323" spans="8:8">
      <c r="H28323" s="12"/>
    </row>
    <row r="28324" spans="8:8">
      <c r="H28324" s="12"/>
    </row>
    <row r="28325" spans="8:8">
      <c r="H28325" s="12"/>
    </row>
    <row r="28326" spans="8:8">
      <c r="H28326" s="12"/>
    </row>
    <row r="28327" spans="8:8">
      <c r="H28327" s="12"/>
    </row>
    <row r="28328" spans="8:8">
      <c r="H28328" s="12"/>
    </row>
    <row r="28329" spans="8:8">
      <c r="H28329" s="12"/>
    </row>
    <row r="28330" spans="8:8">
      <c r="H28330" s="12"/>
    </row>
    <row r="28331" spans="8:8">
      <c r="H28331" s="12"/>
    </row>
    <row r="28332" spans="8:8">
      <c r="H28332" s="12"/>
    </row>
    <row r="28333" spans="8:8">
      <c r="H28333" s="12"/>
    </row>
    <row r="28334" spans="8:8">
      <c r="H28334" s="12"/>
    </row>
    <row r="28335" spans="8:8">
      <c r="H28335" s="12"/>
    </row>
    <row r="28336" spans="8:8">
      <c r="H28336" s="12"/>
    </row>
    <row r="28337" spans="8:8">
      <c r="H28337" s="12"/>
    </row>
    <row r="28338" spans="8:8">
      <c r="H28338" s="12"/>
    </row>
    <row r="28339" spans="8:8">
      <c r="H28339" s="12"/>
    </row>
    <row r="28340" spans="8:8">
      <c r="H28340" s="12"/>
    </row>
    <row r="28341" spans="8:8">
      <c r="H28341" s="12"/>
    </row>
    <row r="28342" spans="8:8">
      <c r="H28342" s="12"/>
    </row>
    <row r="28343" spans="8:8">
      <c r="H28343" s="12"/>
    </row>
    <row r="28344" spans="8:8">
      <c r="H28344" s="12"/>
    </row>
    <row r="28345" spans="8:8">
      <c r="H28345" s="12"/>
    </row>
    <row r="28346" spans="8:8">
      <c r="H28346" s="12"/>
    </row>
    <row r="28347" spans="8:8">
      <c r="H28347" s="12"/>
    </row>
    <row r="28348" spans="8:8">
      <c r="H28348" s="12"/>
    </row>
    <row r="28349" spans="8:8">
      <c r="H28349" s="12"/>
    </row>
    <row r="28350" spans="8:8">
      <c r="H28350" s="12"/>
    </row>
    <row r="28351" spans="8:8">
      <c r="H28351" s="12"/>
    </row>
    <row r="28352" spans="8:8">
      <c r="H28352" s="12"/>
    </row>
    <row r="28353" spans="8:8">
      <c r="H28353" s="12"/>
    </row>
    <row r="28354" spans="8:8">
      <c r="H28354" s="12"/>
    </row>
    <row r="28355" spans="8:8">
      <c r="H28355" s="12"/>
    </row>
    <row r="28356" spans="8:8">
      <c r="H28356" s="12"/>
    </row>
    <row r="28357" spans="8:8">
      <c r="H28357" s="12"/>
    </row>
    <row r="28358" spans="8:8">
      <c r="H28358" s="12"/>
    </row>
    <row r="28359" spans="8:8">
      <c r="H28359" s="12"/>
    </row>
    <row r="28360" spans="8:8">
      <c r="H28360" s="12"/>
    </row>
    <row r="28361" spans="8:8">
      <c r="H28361" s="12"/>
    </row>
    <row r="28362" spans="8:8">
      <c r="H28362" s="12"/>
    </row>
    <row r="28363" spans="8:8">
      <c r="H28363" s="12"/>
    </row>
    <row r="28364" spans="8:8">
      <c r="H28364" s="12"/>
    </row>
    <row r="28365" spans="8:8">
      <c r="H28365" s="12"/>
    </row>
    <row r="28366" spans="8:8">
      <c r="H28366" s="12"/>
    </row>
    <row r="28367" spans="8:8">
      <c r="H28367" s="12"/>
    </row>
    <row r="28368" spans="8:8">
      <c r="H28368" s="12"/>
    </row>
    <row r="28369" spans="8:8">
      <c r="H28369" s="12"/>
    </row>
    <row r="28370" spans="8:8">
      <c r="H28370" s="12"/>
    </row>
    <row r="28371" spans="8:8">
      <c r="H28371" s="12"/>
    </row>
    <row r="28372" spans="8:8">
      <c r="H28372" s="12"/>
    </row>
    <row r="28373" spans="8:8">
      <c r="H28373" s="12"/>
    </row>
    <row r="28374" spans="8:8">
      <c r="H28374" s="12"/>
    </row>
    <row r="28375" spans="8:8">
      <c r="H28375" s="12"/>
    </row>
    <row r="28376" spans="8:8">
      <c r="H28376" s="12"/>
    </row>
    <row r="28377" spans="8:8">
      <c r="H28377" s="12"/>
    </row>
    <row r="28378" spans="8:8">
      <c r="H28378" s="12"/>
    </row>
    <row r="28379" spans="8:8">
      <c r="H28379" s="12"/>
    </row>
    <row r="28380" spans="8:8">
      <c r="H28380" s="12"/>
    </row>
    <row r="28381" spans="8:8">
      <c r="H28381" s="12"/>
    </row>
    <row r="28382" spans="8:8">
      <c r="H28382" s="12"/>
    </row>
    <row r="28383" spans="8:8">
      <c r="H28383" s="12"/>
    </row>
    <row r="28384" spans="8:8">
      <c r="H28384" s="12"/>
    </row>
    <row r="28385" spans="8:8">
      <c r="H28385" s="12"/>
    </row>
    <row r="28386" spans="8:8">
      <c r="H28386" s="12"/>
    </row>
    <row r="28387" spans="8:8">
      <c r="H28387" s="12"/>
    </row>
    <row r="28388" spans="8:8">
      <c r="H28388" s="12"/>
    </row>
    <row r="28389" spans="8:8">
      <c r="H28389" s="12"/>
    </row>
    <row r="28390" spans="8:8">
      <c r="H28390" s="12"/>
    </row>
    <row r="28391" spans="8:8">
      <c r="H28391" s="12"/>
    </row>
    <row r="28392" spans="8:8">
      <c r="H28392" s="12"/>
    </row>
    <row r="28393" spans="8:8">
      <c r="H28393" s="12"/>
    </row>
    <row r="28394" spans="8:8">
      <c r="H28394" s="12"/>
    </row>
    <row r="28395" spans="8:8">
      <c r="H28395" s="12"/>
    </row>
    <row r="28396" spans="8:8">
      <c r="H28396" s="12"/>
    </row>
    <row r="28397" spans="8:8">
      <c r="H28397" s="12"/>
    </row>
    <row r="28398" spans="8:8">
      <c r="H28398" s="12"/>
    </row>
    <row r="28399" spans="8:8">
      <c r="H28399" s="12"/>
    </row>
    <row r="28400" spans="8:8">
      <c r="H28400" s="12"/>
    </row>
    <row r="28401" spans="8:8">
      <c r="H28401" s="12"/>
    </row>
    <row r="28402" spans="8:8">
      <c r="H28402" s="12"/>
    </row>
    <row r="28403" spans="8:8">
      <c r="H28403" s="12"/>
    </row>
    <row r="28404" spans="8:8">
      <c r="H28404" s="12"/>
    </row>
    <row r="28405" spans="8:8">
      <c r="H28405" s="12"/>
    </row>
    <row r="28406" spans="8:8">
      <c r="H28406" s="12"/>
    </row>
    <row r="28407" spans="8:8">
      <c r="H28407" s="12"/>
    </row>
    <row r="28408" spans="8:8">
      <c r="H28408" s="12"/>
    </row>
    <row r="28409" spans="8:8">
      <c r="H28409" s="12"/>
    </row>
    <row r="28410" spans="8:8">
      <c r="H28410" s="12"/>
    </row>
    <row r="28411" spans="8:8">
      <c r="H28411" s="12"/>
    </row>
    <row r="28412" spans="8:8">
      <c r="H28412" s="12"/>
    </row>
    <row r="28413" spans="8:8">
      <c r="H28413" s="12"/>
    </row>
    <row r="28414" spans="8:8">
      <c r="H28414" s="12"/>
    </row>
    <row r="28415" spans="8:8">
      <c r="H28415" s="12"/>
    </row>
    <row r="28416" spans="8:8">
      <c r="H28416" s="12"/>
    </row>
    <row r="28417" spans="8:8">
      <c r="H28417" s="12"/>
    </row>
    <row r="28418" spans="8:8">
      <c r="H28418" s="12"/>
    </row>
    <row r="28419" spans="8:8">
      <c r="H28419" s="12"/>
    </row>
    <row r="28420" spans="8:8">
      <c r="H28420" s="12"/>
    </row>
    <row r="28421" spans="8:8">
      <c r="H28421" s="12"/>
    </row>
    <row r="28422" spans="8:8">
      <c r="H28422" s="12"/>
    </row>
    <row r="28423" spans="8:8">
      <c r="H28423" s="12"/>
    </row>
    <row r="28424" spans="8:8">
      <c r="H28424" s="12"/>
    </row>
    <row r="28425" spans="8:8">
      <c r="H28425" s="12"/>
    </row>
    <row r="28426" spans="8:8">
      <c r="H28426" s="12"/>
    </row>
    <row r="28427" spans="8:8">
      <c r="H28427" s="12"/>
    </row>
    <row r="28428" spans="8:8">
      <c r="H28428" s="12"/>
    </row>
    <row r="28429" spans="8:8">
      <c r="H28429" s="12"/>
    </row>
    <row r="28430" spans="8:8">
      <c r="H28430" s="12"/>
    </row>
    <row r="28431" spans="8:8">
      <c r="H28431" s="12"/>
    </row>
    <row r="28432" spans="8:8">
      <c r="H28432" s="12"/>
    </row>
    <row r="28433" spans="8:8">
      <c r="H28433" s="12"/>
    </row>
    <row r="28434" spans="8:8">
      <c r="H28434" s="12"/>
    </row>
    <row r="28435" spans="8:8">
      <c r="H28435" s="12"/>
    </row>
    <row r="28436" spans="8:8">
      <c r="H28436" s="12"/>
    </row>
    <row r="28437" spans="8:8">
      <c r="H28437" s="12"/>
    </row>
    <row r="28438" spans="8:8">
      <c r="H28438" s="12"/>
    </row>
    <row r="28439" spans="8:8">
      <c r="H28439" s="12"/>
    </row>
    <row r="28440" spans="8:8">
      <c r="H28440" s="12"/>
    </row>
    <row r="28441" spans="8:8">
      <c r="H28441" s="12"/>
    </row>
    <row r="28442" spans="8:8">
      <c r="H28442" s="12"/>
    </row>
    <row r="28443" spans="8:8">
      <c r="H28443" s="12"/>
    </row>
    <row r="28444" spans="8:8">
      <c r="H28444" s="12"/>
    </row>
    <row r="28445" spans="8:8">
      <c r="H28445" s="12"/>
    </row>
    <row r="28446" spans="8:8">
      <c r="H28446" s="12"/>
    </row>
    <row r="28447" spans="8:8">
      <c r="H28447" s="12"/>
    </row>
    <row r="28448" spans="8:8">
      <c r="H28448" s="12"/>
    </row>
    <row r="28449" spans="8:8">
      <c r="H28449" s="12"/>
    </row>
    <row r="28450" spans="8:8">
      <c r="H28450" s="12"/>
    </row>
    <row r="28451" spans="8:8">
      <c r="H28451" s="12"/>
    </row>
    <row r="28452" spans="8:8">
      <c r="H28452" s="12"/>
    </row>
    <row r="28453" spans="8:8">
      <c r="H28453" s="12"/>
    </row>
    <row r="28454" spans="8:8">
      <c r="H28454" s="12"/>
    </row>
    <row r="28455" spans="8:8">
      <c r="H28455" s="12"/>
    </row>
    <row r="28456" spans="8:8">
      <c r="H28456" s="12"/>
    </row>
    <row r="28457" spans="8:8">
      <c r="H28457" s="12"/>
    </row>
    <row r="28458" spans="8:8">
      <c r="H28458" s="12"/>
    </row>
    <row r="28459" spans="8:8">
      <c r="H28459" s="12"/>
    </row>
    <row r="28460" spans="8:8">
      <c r="H28460" s="12"/>
    </row>
    <row r="28461" spans="8:8">
      <c r="H28461" s="12"/>
    </row>
    <row r="28462" spans="8:8">
      <c r="H28462" s="12"/>
    </row>
    <row r="28463" spans="8:8">
      <c r="H28463" s="12"/>
    </row>
    <row r="28464" spans="8:8">
      <c r="H28464" s="12"/>
    </row>
    <row r="28465" spans="8:8">
      <c r="H28465" s="12"/>
    </row>
    <row r="28466" spans="8:8">
      <c r="H28466" s="12"/>
    </row>
    <row r="28467" spans="8:8">
      <c r="H28467" s="12"/>
    </row>
    <row r="28468" spans="8:8">
      <c r="H28468" s="12"/>
    </row>
    <row r="28469" spans="8:8">
      <c r="H28469" s="12"/>
    </row>
    <row r="28470" spans="8:8">
      <c r="H28470" s="12"/>
    </row>
    <row r="28471" spans="8:8">
      <c r="H28471" s="12"/>
    </row>
    <row r="28472" spans="8:8">
      <c r="H28472" s="12"/>
    </row>
    <row r="28473" spans="8:8">
      <c r="H28473" s="12"/>
    </row>
    <row r="28474" spans="8:8">
      <c r="H28474" s="12"/>
    </row>
    <row r="28475" spans="8:8">
      <c r="H28475" s="12"/>
    </row>
    <row r="28476" spans="8:8">
      <c r="H28476" s="12"/>
    </row>
    <row r="28477" spans="8:8">
      <c r="H28477" s="12"/>
    </row>
    <row r="28478" spans="8:8">
      <c r="H28478" s="12"/>
    </row>
    <row r="28479" spans="8:8">
      <c r="H28479" s="12"/>
    </row>
    <row r="28480" spans="8:8">
      <c r="H28480" s="12"/>
    </row>
    <row r="28481" spans="8:8">
      <c r="H28481" s="12"/>
    </row>
    <row r="28482" spans="8:8">
      <c r="H28482" s="12"/>
    </row>
    <row r="28483" spans="8:8">
      <c r="H28483" s="12"/>
    </row>
    <row r="28484" spans="8:8">
      <c r="H28484" s="12"/>
    </row>
    <row r="28485" spans="8:8">
      <c r="H28485" s="12"/>
    </row>
    <row r="28486" spans="8:8">
      <c r="H28486" s="12"/>
    </row>
    <row r="28487" spans="8:8">
      <c r="H28487" s="12"/>
    </row>
    <row r="28488" spans="8:8">
      <c r="H28488" s="12"/>
    </row>
    <row r="28489" spans="8:8">
      <c r="H28489" s="12"/>
    </row>
    <row r="28490" spans="8:8">
      <c r="H28490" s="12"/>
    </row>
    <row r="28491" spans="8:8">
      <c r="H28491" s="12"/>
    </row>
    <row r="28492" spans="8:8">
      <c r="H28492" s="12"/>
    </row>
    <row r="28493" spans="8:8">
      <c r="H28493" s="12"/>
    </row>
    <row r="28494" spans="8:8">
      <c r="H28494" s="12"/>
    </row>
    <row r="28495" spans="8:8">
      <c r="H28495" s="12"/>
    </row>
    <row r="28496" spans="8:8">
      <c r="H28496" s="12"/>
    </row>
    <row r="28497" spans="8:8">
      <c r="H28497" s="12"/>
    </row>
    <row r="28498" spans="8:8">
      <c r="H28498" s="12"/>
    </row>
    <row r="28499" spans="8:8">
      <c r="H28499" s="12"/>
    </row>
    <row r="28500" spans="8:8">
      <c r="H28500" s="12"/>
    </row>
    <row r="28501" spans="8:8">
      <c r="H28501" s="12"/>
    </row>
    <row r="28502" spans="8:8">
      <c r="H28502" s="12"/>
    </row>
    <row r="28503" spans="8:8">
      <c r="H28503" s="12"/>
    </row>
    <row r="28504" spans="8:8">
      <c r="H28504" s="12"/>
    </row>
    <row r="28505" spans="8:8">
      <c r="H28505" s="12"/>
    </row>
    <row r="28506" spans="8:8">
      <c r="H28506" s="12"/>
    </row>
    <row r="28507" spans="8:8">
      <c r="H28507" s="12"/>
    </row>
    <row r="28508" spans="8:8">
      <c r="H28508" s="12"/>
    </row>
    <row r="28509" spans="8:8">
      <c r="H28509" s="12"/>
    </row>
    <row r="28510" spans="8:8">
      <c r="H28510" s="12"/>
    </row>
    <row r="28511" spans="8:8">
      <c r="H28511" s="12"/>
    </row>
    <row r="28512" spans="8:8">
      <c r="H28512" s="12"/>
    </row>
    <row r="28513" spans="8:8">
      <c r="H28513" s="12"/>
    </row>
    <row r="28514" spans="8:8">
      <c r="H28514" s="12"/>
    </row>
    <row r="28515" spans="8:8">
      <c r="H28515" s="12"/>
    </row>
    <row r="28516" spans="8:8">
      <c r="H28516" s="12"/>
    </row>
    <row r="28517" spans="8:8">
      <c r="H28517" s="12"/>
    </row>
    <row r="28518" spans="8:8">
      <c r="H28518" s="12"/>
    </row>
    <row r="28519" spans="8:8">
      <c r="H28519" s="12"/>
    </row>
    <row r="28520" spans="8:8">
      <c r="H28520" s="12"/>
    </row>
    <row r="28521" spans="8:8">
      <c r="H28521" s="12"/>
    </row>
    <row r="28522" spans="8:8">
      <c r="H28522" s="12"/>
    </row>
    <row r="28523" spans="8:8">
      <c r="H28523" s="12"/>
    </row>
    <row r="28524" spans="8:8">
      <c r="H28524" s="12"/>
    </row>
    <row r="28525" spans="8:8">
      <c r="H28525" s="12"/>
    </row>
    <row r="28526" spans="8:8">
      <c r="H28526" s="12"/>
    </row>
    <row r="28527" spans="8:8">
      <c r="H28527" s="12"/>
    </row>
    <row r="28528" spans="8:8">
      <c r="H28528" s="12"/>
    </row>
    <row r="28529" spans="8:8">
      <c r="H28529" s="12"/>
    </row>
    <row r="28530" spans="8:8">
      <c r="H28530" s="12"/>
    </row>
    <row r="28531" spans="8:8">
      <c r="H28531" s="12"/>
    </row>
    <row r="28532" spans="8:8">
      <c r="H28532" s="12"/>
    </row>
    <row r="28533" spans="8:8">
      <c r="H28533" s="12"/>
    </row>
    <row r="28534" spans="8:8">
      <c r="H28534" s="12"/>
    </row>
    <row r="28535" spans="8:8">
      <c r="H28535" s="12"/>
    </row>
    <row r="28536" spans="8:8">
      <c r="H28536" s="12"/>
    </row>
    <row r="28537" spans="8:8">
      <c r="H28537" s="12"/>
    </row>
    <row r="28538" spans="8:8">
      <c r="H28538" s="12"/>
    </row>
    <row r="28539" spans="8:8">
      <c r="H28539" s="12"/>
    </row>
    <row r="28540" spans="8:8">
      <c r="H28540" s="12"/>
    </row>
    <row r="28541" spans="8:8">
      <c r="H28541" s="12"/>
    </row>
    <row r="28542" spans="8:8">
      <c r="H28542" s="12"/>
    </row>
    <row r="28543" spans="8:8">
      <c r="H28543" s="12"/>
    </row>
    <row r="28544" spans="8:8">
      <c r="H28544" s="12"/>
    </row>
    <row r="28545" spans="8:8">
      <c r="H28545" s="12"/>
    </row>
    <row r="28546" spans="8:8">
      <c r="H28546" s="12"/>
    </row>
    <row r="28547" spans="8:8">
      <c r="H28547" s="12"/>
    </row>
    <row r="28548" spans="8:8">
      <c r="H28548" s="12"/>
    </row>
    <row r="28549" spans="8:8">
      <c r="H28549" s="12"/>
    </row>
    <row r="28550" spans="8:8">
      <c r="H28550" s="12"/>
    </row>
    <row r="28551" spans="8:8">
      <c r="H28551" s="12"/>
    </row>
    <row r="28552" spans="8:8">
      <c r="H28552" s="12"/>
    </row>
    <row r="28553" spans="8:8">
      <c r="H28553" s="12"/>
    </row>
    <row r="28554" spans="8:8">
      <c r="H28554" s="12"/>
    </row>
    <row r="28555" spans="8:8">
      <c r="H28555" s="12"/>
    </row>
    <row r="28556" spans="8:8">
      <c r="H28556" s="12"/>
    </row>
    <row r="28557" spans="8:8">
      <c r="H28557" s="12"/>
    </row>
    <row r="28558" spans="8:8">
      <c r="H28558" s="12"/>
    </row>
    <row r="28559" spans="8:8">
      <c r="H28559" s="12"/>
    </row>
    <row r="28560" spans="8:8">
      <c r="H28560" s="12"/>
    </row>
    <row r="28561" spans="8:8">
      <c r="H28561" s="12"/>
    </row>
    <row r="28562" spans="8:8">
      <c r="H28562" s="12"/>
    </row>
    <row r="28563" spans="8:8">
      <c r="H28563" s="12"/>
    </row>
    <row r="28564" spans="8:8">
      <c r="H28564" s="12"/>
    </row>
    <row r="28565" spans="8:8">
      <c r="H28565" s="12"/>
    </row>
    <row r="28566" spans="8:8">
      <c r="H28566" s="12"/>
    </row>
    <row r="28567" spans="8:8">
      <c r="H28567" s="12"/>
    </row>
    <row r="28568" spans="8:8">
      <c r="H28568" s="12"/>
    </row>
    <row r="28569" spans="8:8">
      <c r="H28569" s="12"/>
    </row>
    <row r="28570" spans="8:8">
      <c r="H28570" s="12"/>
    </row>
    <row r="28571" spans="8:8">
      <c r="H28571" s="12"/>
    </row>
    <row r="28572" spans="8:8">
      <c r="H28572" s="12"/>
    </row>
    <row r="28573" spans="8:8">
      <c r="H28573" s="12"/>
    </row>
    <row r="28574" spans="8:8">
      <c r="H28574" s="12"/>
    </row>
    <row r="28575" spans="8:8">
      <c r="H28575" s="12"/>
    </row>
    <row r="28576" spans="8:8">
      <c r="H28576" s="12"/>
    </row>
    <row r="28577" spans="8:8">
      <c r="H28577" s="12"/>
    </row>
    <row r="28578" spans="8:8">
      <c r="H28578" s="12"/>
    </row>
    <row r="28579" spans="8:8">
      <c r="H28579" s="12"/>
    </row>
    <row r="28580" spans="8:8">
      <c r="H28580" s="12"/>
    </row>
    <row r="28581" spans="8:8">
      <c r="H28581" s="12"/>
    </row>
    <row r="28582" spans="8:8">
      <c r="H28582" s="12"/>
    </row>
    <row r="28583" spans="8:8">
      <c r="H28583" s="12"/>
    </row>
    <row r="28584" spans="8:8">
      <c r="H28584" s="12"/>
    </row>
    <row r="28585" spans="8:8">
      <c r="H28585" s="12"/>
    </row>
    <row r="28586" spans="8:8">
      <c r="H28586" s="12"/>
    </row>
    <row r="28587" spans="8:8">
      <c r="H28587" s="12"/>
    </row>
    <row r="28588" spans="8:8">
      <c r="H28588" s="12"/>
    </row>
    <row r="28589" spans="8:8">
      <c r="H28589" s="12"/>
    </row>
    <row r="28590" spans="8:8">
      <c r="H28590" s="12"/>
    </row>
    <row r="28591" spans="8:8">
      <c r="H28591" s="12"/>
    </row>
    <row r="28592" spans="8:8">
      <c r="H28592" s="12"/>
    </row>
    <row r="28593" spans="8:8">
      <c r="H28593" s="12"/>
    </row>
    <row r="28594" spans="8:8">
      <c r="H28594" s="12"/>
    </row>
    <row r="28595" spans="8:8">
      <c r="H28595" s="12"/>
    </row>
    <row r="28596" spans="8:8">
      <c r="H28596" s="12"/>
    </row>
    <row r="28597" spans="8:8">
      <c r="H28597" s="12"/>
    </row>
    <row r="28598" spans="8:8">
      <c r="H28598" s="12"/>
    </row>
    <row r="28599" spans="8:8">
      <c r="H28599" s="12"/>
    </row>
    <row r="28600" spans="8:8">
      <c r="H28600" s="12"/>
    </row>
    <row r="28601" spans="8:8">
      <c r="H28601" s="12"/>
    </row>
    <row r="28602" spans="8:8">
      <c r="H28602" s="12"/>
    </row>
    <row r="28603" spans="8:8">
      <c r="H28603" s="12"/>
    </row>
    <row r="28604" spans="8:8">
      <c r="H28604" s="12"/>
    </row>
    <row r="28605" spans="8:8">
      <c r="H28605" s="12"/>
    </row>
    <row r="28606" spans="8:8">
      <c r="H28606" s="12"/>
    </row>
    <row r="28607" spans="8:8">
      <c r="H28607" s="12"/>
    </row>
    <row r="28608" spans="8:8">
      <c r="H28608" s="12"/>
    </row>
    <row r="28609" spans="8:8">
      <c r="H28609" s="12"/>
    </row>
    <row r="28610" spans="8:8">
      <c r="H28610" s="12"/>
    </row>
    <row r="28611" spans="8:8">
      <c r="H28611" s="12"/>
    </row>
    <row r="28612" spans="8:8">
      <c r="H28612" s="12"/>
    </row>
    <row r="28613" spans="8:8">
      <c r="H28613" s="12"/>
    </row>
    <row r="28614" spans="8:8">
      <c r="H28614" s="12"/>
    </row>
    <row r="28615" spans="8:8">
      <c r="H28615" s="12"/>
    </row>
    <row r="28616" spans="8:8">
      <c r="H28616" s="12"/>
    </row>
    <row r="28617" spans="8:8">
      <c r="H28617" s="12"/>
    </row>
    <row r="28618" spans="8:8">
      <c r="H28618" s="12"/>
    </row>
    <row r="28619" spans="8:8">
      <c r="H28619" s="12"/>
    </row>
    <row r="28620" spans="8:8">
      <c r="H28620" s="12"/>
    </row>
    <row r="28621" spans="8:8">
      <c r="H28621" s="12"/>
    </row>
    <row r="28622" spans="8:8">
      <c r="H28622" s="12"/>
    </row>
    <row r="28623" spans="8:8">
      <c r="H28623" s="12"/>
    </row>
    <row r="28624" spans="8:8">
      <c r="H28624" s="12"/>
    </row>
    <row r="28625" spans="8:8">
      <c r="H28625" s="12"/>
    </row>
    <row r="28626" spans="8:8">
      <c r="H28626" s="12"/>
    </row>
    <row r="28627" spans="8:8">
      <c r="H28627" s="12"/>
    </row>
    <row r="28628" spans="8:8">
      <c r="H28628" s="12"/>
    </row>
    <row r="28629" spans="8:8">
      <c r="H28629" s="12"/>
    </row>
    <row r="28630" spans="8:8">
      <c r="H28630" s="12"/>
    </row>
    <row r="28631" spans="8:8">
      <c r="H28631" s="12"/>
    </row>
    <row r="28632" spans="8:8">
      <c r="H28632" s="12"/>
    </row>
    <row r="28633" spans="8:8">
      <c r="H28633" s="12"/>
    </row>
    <row r="28634" spans="8:8">
      <c r="H28634" s="12"/>
    </row>
    <row r="28635" spans="8:8">
      <c r="H28635" s="12"/>
    </row>
    <row r="28636" spans="8:8">
      <c r="H28636" s="12"/>
    </row>
    <row r="28637" spans="8:8">
      <c r="H28637" s="12"/>
    </row>
    <row r="28638" spans="8:8">
      <c r="H28638" s="12"/>
    </row>
    <row r="28639" spans="8:8">
      <c r="H28639" s="12"/>
    </row>
    <row r="28640" spans="8:8">
      <c r="H28640" s="12"/>
    </row>
    <row r="28641" spans="8:8">
      <c r="H28641" s="12"/>
    </row>
    <row r="28642" spans="8:8">
      <c r="H28642" s="12"/>
    </row>
    <row r="28643" spans="8:8">
      <c r="H28643" s="12"/>
    </row>
    <row r="28644" spans="8:8">
      <c r="H28644" s="12"/>
    </row>
    <row r="28645" spans="8:8">
      <c r="H28645" s="12"/>
    </row>
    <row r="28646" spans="8:8">
      <c r="H28646" s="12"/>
    </row>
    <row r="28647" spans="8:8">
      <c r="H28647" s="12"/>
    </row>
    <row r="28648" spans="8:8">
      <c r="H28648" s="12"/>
    </row>
    <row r="28649" spans="8:8">
      <c r="H28649" s="12"/>
    </row>
    <row r="28650" spans="8:8">
      <c r="H28650" s="12"/>
    </row>
    <row r="28651" spans="8:8">
      <c r="H28651" s="12"/>
    </row>
    <row r="28652" spans="8:8">
      <c r="H28652" s="12"/>
    </row>
    <row r="28653" spans="8:8">
      <c r="H28653" s="12"/>
    </row>
    <row r="28654" spans="8:8">
      <c r="H28654" s="12"/>
    </row>
    <row r="28655" spans="8:8">
      <c r="H28655" s="12"/>
    </row>
    <row r="28656" spans="8:8">
      <c r="H28656" s="12"/>
    </row>
    <row r="28657" spans="8:8">
      <c r="H28657" s="12"/>
    </row>
    <row r="28658" spans="8:8">
      <c r="H28658" s="12"/>
    </row>
    <row r="28659" spans="8:8">
      <c r="H28659" s="12"/>
    </row>
    <row r="28660" spans="8:8">
      <c r="H28660" s="12"/>
    </row>
    <row r="28661" spans="8:8">
      <c r="H28661" s="12"/>
    </row>
    <row r="28662" spans="8:8">
      <c r="H28662" s="12"/>
    </row>
    <row r="28663" spans="8:8">
      <c r="H28663" s="12"/>
    </row>
    <row r="28664" spans="8:8">
      <c r="H28664" s="12"/>
    </row>
    <row r="28665" spans="8:8">
      <c r="H28665" s="12"/>
    </row>
    <row r="28666" spans="8:8">
      <c r="H28666" s="12"/>
    </row>
    <row r="28667" spans="8:8">
      <c r="H28667" s="12"/>
    </row>
    <row r="28668" spans="8:8">
      <c r="H28668" s="12"/>
    </row>
    <row r="28669" spans="8:8">
      <c r="H28669" s="12"/>
    </row>
    <row r="28670" spans="8:8">
      <c r="H28670" s="12"/>
    </row>
    <row r="28671" spans="8:8">
      <c r="H28671" s="12"/>
    </row>
    <row r="28672" spans="8:8">
      <c r="H28672" s="12"/>
    </row>
    <row r="28673" spans="8:8">
      <c r="H28673" s="12"/>
    </row>
    <row r="28674" spans="8:8">
      <c r="H28674" s="12"/>
    </row>
    <row r="28675" spans="8:8">
      <c r="H28675" s="12"/>
    </row>
    <row r="28676" spans="8:8">
      <c r="H28676" s="12"/>
    </row>
    <row r="28677" spans="8:8">
      <c r="H28677" s="12"/>
    </row>
    <row r="28678" spans="8:8">
      <c r="H28678" s="12"/>
    </row>
    <row r="28679" spans="8:8">
      <c r="H28679" s="12"/>
    </row>
    <row r="28680" spans="8:8">
      <c r="H28680" s="12"/>
    </row>
    <row r="28681" spans="8:8">
      <c r="H28681" s="12"/>
    </row>
    <row r="28682" spans="8:8">
      <c r="H28682" s="12"/>
    </row>
    <row r="28683" spans="8:8">
      <c r="H28683" s="12"/>
    </row>
    <row r="28684" spans="8:8">
      <c r="H28684" s="12"/>
    </row>
    <row r="28685" spans="8:8">
      <c r="H28685" s="12"/>
    </row>
    <row r="28686" spans="8:8">
      <c r="H28686" s="12"/>
    </row>
    <row r="28687" spans="8:8">
      <c r="H28687" s="12"/>
    </row>
    <row r="28688" spans="8:8">
      <c r="H28688" s="12"/>
    </row>
    <row r="28689" spans="8:8">
      <c r="H28689" s="12"/>
    </row>
    <row r="28690" spans="8:8">
      <c r="H28690" s="12"/>
    </row>
    <row r="28691" spans="8:8">
      <c r="H28691" s="12"/>
    </row>
    <row r="28692" spans="8:8">
      <c r="H28692" s="12"/>
    </row>
    <row r="28693" spans="8:8">
      <c r="H28693" s="12"/>
    </row>
    <row r="28694" spans="8:8">
      <c r="H28694" s="12"/>
    </row>
    <row r="28695" spans="8:8">
      <c r="H28695" s="12"/>
    </row>
    <row r="28696" spans="8:8">
      <c r="H28696" s="12"/>
    </row>
    <row r="28697" spans="8:8">
      <c r="H28697" s="12"/>
    </row>
    <row r="28698" spans="8:8">
      <c r="H28698" s="12"/>
    </row>
    <row r="28699" spans="8:8">
      <c r="H28699" s="12"/>
    </row>
    <row r="28700" spans="8:8">
      <c r="H28700" s="12"/>
    </row>
    <row r="28701" spans="8:8">
      <c r="H28701" s="12"/>
    </row>
    <row r="28702" spans="8:8">
      <c r="H28702" s="12"/>
    </row>
    <row r="28703" spans="8:8">
      <c r="H28703" s="12"/>
    </row>
    <row r="28704" spans="8:8">
      <c r="H28704" s="12"/>
    </row>
    <row r="28705" spans="8:8">
      <c r="H28705" s="12"/>
    </row>
    <row r="28706" spans="8:8">
      <c r="H28706" s="12"/>
    </row>
    <row r="28707" spans="8:8">
      <c r="H28707" s="12"/>
    </row>
    <row r="28708" spans="8:8">
      <c r="H28708" s="12"/>
    </row>
    <row r="28709" spans="8:8">
      <c r="H28709" s="12"/>
    </row>
    <row r="28710" spans="8:8">
      <c r="H28710" s="12"/>
    </row>
    <row r="28711" spans="8:8">
      <c r="H28711" s="12"/>
    </row>
    <row r="28712" spans="8:8">
      <c r="H28712" s="12"/>
    </row>
    <row r="28713" spans="8:8">
      <c r="H28713" s="12"/>
    </row>
    <row r="28714" spans="8:8">
      <c r="H28714" s="12"/>
    </row>
    <row r="28715" spans="8:8">
      <c r="H28715" s="12"/>
    </row>
    <row r="28716" spans="8:8">
      <c r="H28716" s="12"/>
    </row>
    <row r="28717" spans="8:8">
      <c r="H28717" s="12"/>
    </row>
    <row r="28718" spans="8:8">
      <c r="H28718" s="12"/>
    </row>
    <row r="28719" spans="8:8">
      <c r="H28719" s="12"/>
    </row>
    <row r="28720" spans="8:8">
      <c r="H28720" s="12"/>
    </row>
    <row r="28721" spans="8:8">
      <c r="H28721" s="12"/>
    </row>
    <row r="28722" spans="8:8">
      <c r="H28722" s="12"/>
    </row>
    <row r="28723" spans="8:8">
      <c r="H28723" s="12"/>
    </row>
    <row r="28724" spans="8:8">
      <c r="H28724" s="12"/>
    </row>
    <row r="28725" spans="8:8">
      <c r="H28725" s="12"/>
    </row>
    <row r="28726" spans="8:8">
      <c r="H28726" s="12"/>
    </row>
    <row r="28727" spans="8:8">
      <c r="H28727" s="12"/>
    </row>
    <row r="28728" spans="8:8">
      <c r="H28728" s="12"/>
    </row>
    <row r="28729" spans="8:8">
      <c r="H28729" s="12"/>
    </row>
    <row r="28730" spans="8:8">
      <c r="H28730" s="12"/>
    </row>
    <row r="28731" spans="8:8">
      <c r="H28731" s="12"/>
    </row>
    <row r="28732" spans="8:8">
      <c r="H28732" s="12"/>
    </row>
    <row r="28733" spans="8:8">
      <c r="H28733" s="12"/>
    </row>
    <row r="28734" spans="8:8">
      <c r="H28734" s="12"/>
    </row>
    <row r="28735" spans="8:8">
      <c r="H28735" s="12"/>
    </row>
    <row r="28736" spans="8:8">
      <c r="H28736" s="12"/>
    </row>
    <row r="28737" spans="8:8">
      <c r="H28737" s="12"/>
    </row>
    <row r="28738" spans="8:8">
      <c r="H28738" s="12"/>
    </row>
    <row r="28739" spans="8:8">
      <c r="H28739" s="12"/>
    </row>
    <row r="28740" spans="8:8">
      <c r="H28740" s="12"/>
    </row>
    <row r="28741" spans="8:8">
      <c r="H28741" s="12"/>
    </row>
    <row r="28742" spans="8:8">
      <c r="H28742" s="12"/>
    </row>
    <row r="28743" spans="8:8">
      <c r="H28743" s="12"/>
    </row>
    <row r="28744" spans="8:8">
      <c r="H28744" s="12"/>
    </row>
    <row r="28745" spans="8:8">
      <c r="H28745" s="12"/>
    </row>
    <row r="28746" spans="8:8">
      <c r="H28746" s="12"/>
    </row>
    <row r="28747" spans="8:8">
      <c r="H28747" s="12"/>
    </row>
    <row r="28748" spans="8:8">
      <c r="H28748" s="12"/>
    </row>
    <row r="28749" spans="8:8">
      <c r="H28749" s="12"/>
    </row>
    <row r="28750" spans="8:8">
      <c r="H28750" s="12"/>
    </row>
    <row r="28751" spans="8:8">
      <c r="H28751" s="12"/>
    </row>
    <row r="28752" spans="8:8">
      <c r="H28752" s="12"/>
    </row>
    <row r="28753" spans="8:8">
      <c r="H28753" s="12"/>
    </row>
    <row r="28754" spans="8:8">
      <c r="H28754" s="12"/>
    </row>
    <row r="28755" spans="8:8">
      <c r="H28755" s="12"/>
    </row>
    <row r="28756" spans="8:8">
      <c r="H28756" s="12"/>
    </row>
    <row r="28757" spans="8:8">
      <c r="H28757" s="12"/>
    </row>
    <row r="28758" spans="8:8">
      <c r="H28758" s="12"/>
    </row>
    <row r="28759" spans="8:8">
      <c r="H28759" s="12"/>
    </row>
    <row r="28760" spans="8:8">
      <c r="H28760" s="12"/>
    </row>
    <row r="28761" spans="8:8">
      <c r="H28761" s="12"/>
    </row>
    <row r="28762" spans="8:8">
      <c r="H28762" s="12"/>
    </row>
    <row r="28763" spans="8:8">
      <c r="H28763" s="12"/>
    </row>
    <row r="28764" spans="8:8">
      <c r="H28764" s="12"/>
    </row>
    <row r="28765" spans="8:8">
      <c r="H28765" s="12"/>
    </row>
    <row r="28766" spans="8:8">
      <c r="H28766" s="12"/>
    </row>
    <row r="28767" spans="8:8">
      <c r="H28767" s="12"/>
    </row>
    <row r="28768" spans="8:8">
      <c r="H28768" s="12"/>
    </row>
    <row r="28769" spans="8:8">
      <c r="H28769" s="12"/>
    </row>
    <row r="28770" spans="8:8">
      <c r="H28770" s="12"/>
    </row>
    <row r="28771" spans="8:8">
      <c r="H28771" s="12"/>
    </row>
    <row r="28772" spans="8:8">
      <c r="H28772" s="12"/>
    </row>
    <row r="28773" spans="8:8">
      <c r="H28773" s="12"/>
    </row>
    <row r="28774" spans="8:8">
      <c r="H28774" s="12"/>
    </row>
    <row r="28775" spans="8:8">
      <c r="H28775" s="12"/>
    </row>
    <row r="28776" spans="8:8">
      <c r="H28776" s="12"/>
    </row>
    <row r="28777" spans="8:8">
      <c r="H28777" s="12"/>
    </row>
    <row r="28778" spans="8:8">
      <c r="H28778" s="12"/>
    </row>
    <row r="28779" spans="8:8">
      <c r="H28779" s="12"/>
    </row>
    <row r="28780" spans="8:8">
      <c r="H28780" s="12"/>
    </row>
    <row r="28781" spans="8:8">
      <c r="H28781" s="12"/>
    </row>
    <row r="28782" spans="8:8">
      <c r="H28782" s="12"/>
    </row>
    <row r="28783" spans="8:8">
      <c r="H28783" s="12"/>
    </row>
    <row r="28784" spans="8:8">
      <c r="H28784" s="12"/>
    </row>
    <row r="28785" spans="8:8">
      <c r="H28785" s="12"/>
    </row>
    <row r="28786" spans="8:8">
      <c r="H28786" s="12"/>
    </row>
    <row r="28787" spans="8:8">
      <c r="H28787" s="12"/>
    </row>
    <row r="28788" spans="8:8">
      <c r="H28788" s="12"/>
    </row>
    <row r="28789" spans="8:8">
      <c r="H28789" s="12"/>
    </row>
    <row r="28790" spans="8:8">
      <c r="H28790" s="12"/>
    </row>
    <row r="28791" spans="8:8">
      <c r="H28791" s="12"/>
    </row>
    <row r="28792" spans="8:8">
      <c r="H28792" s="12"/>
    </row>
    <row r="28793" spans="8:8">
      <c r="H28793" s="12"/>
    </row>
    <row r="28794" spans="8:8">
      <c r="H28794" s="12"/>
    </row>
    <row r="28795" spans="8:8">
      <c r="H28795" s="12"/>
    </row>
    <row r="28796" spans="8:8">
      <c r="H28796" s="12"/>
    </row>
    <row r="28797" spans="8:8">
      <c r="H28797" s="12"/>
    </row>
    <row r="28798" spans="8:8">
      <c r="H28798" s="12"/>
    </row>
    <row r="28799" spans="8:8">
      <c r="H28799" s="12"/>
    </row>
    <row r="28800" spans="8:8">
      <c r="H28800" s="12"/>
    </row>
    <row r="28801" spans="8:8">
      <c r="H28801" s="12"/>
    </row>
    <row r="28802" spans="8:8">
      <c r="H28802" s="12"/>
    </row>
    <row r="28803" spans="8:8">
      <c r="H28803" s="12"/>
    </row>
    <row r="28804" spans="8:8">
      <c r="H28804" s="12"/>
    </row>
    <row r="28805" spans="8:8">
      <c r="H28805" s="12"/>
    </row>
    <row r="28806" spans="8:8">
      <c r="H28806" s="12"/>
    </row>
    <row r="28807" spans="8:8">
      <c r="H28807" s="12"/>
    </row>
    <row r="28808" spans="8:8">
      <c r="H28808" s="12"/>
    </row>
    <row r="28809" spans="8:8">
      <c r="H28809" s="12"/>
    </row>
    <row r="28810" spans="8:8">
      <c r="H28810" s="12"/>
    </row>
    <row r="28811" spans="8:8">
      <c r="H28811" s="12"/>
    </row>
    <row r="28812" spans="8:8">
      <c r="H28812" s="12"/>
    </row>
    <row r="28813" spans="8:8">
      <c r="H28813" s="12"/>
    </row>
    <row r="28814" spans="8:8">
      <c r="H28814" s="12"/>
    </row>
    <row r="28815" spans="8:8">
      <c r="H28815" s="12"/>
    </row>
    <row r="28816" spans="8:8">
      <c r="H28816" s="12"/>
    </row>
    <row r="28817" spans="8:8">
      <c r="H28817" s="12"/>
    </row>
    <row r="28818" spans="8:8">
      <c r="H28818" s="12"/>
    </row>
    <row r="28819" spans="8:8">
      <c r="H28819" s="12"/>
    </row>
    <row r="28820" spans="8:8">
      <c r="H28820" s="12"/>
    </row>
    <row r="28821" spans="8:8">
      <c r="H28821" s="12"/>
    </row>
    <row r="28822" spans="8:8">
      <c r="H28822" s="12"/>
    </row>
    <row r="28823" spans="8:8">
      <c r="H28823" s="12"/>
    </row>
    <row r="28824" spans="8:8">
      <c r="H28824" s="12"/>
    </row>
    <row r="28825" spans="8:8">
      <c r="H28825" s="12"/>
    </row>
    <row r="28826" spans="8:8">
      <c r="H28826" s="12"/>
    </row>
    <row r="28827" spans="8:8">
      <c r="H28827" s="12"/>
    </row>
    <row r="28828" spans="8:8">
      <c r="H28828" s="12"/>
    </row>
    <row r="28829" spans="8:8">
      <c r="H28829" s="12"/>
    </row>
    <row r="28830" spans="8:8">
      <c r="H28830" s="12"/>
    </row>
    <row r="28831" spans="8:8">
      <c r="H28831" s="12"/>
    </row>
    <row r="28832" spans="8:8">
      <c r="H28832" s="12"/>
    </row>
    <row r="28833" spans="8:8">
      <c r="H28833" s="12"/>
    </row>
    <row r="28834" spans="8:8">
      <c r="H28834" s="12"/>
    </row>
    <row r="28835" spans="8:8">
      <c r="H28835" s="12"/>
    </row>
    <row r="28836" spans="8:8">
      <c r="H28836" s="12"/>
    </row>
    <row r="28837" spans="8:8">
      <c r="H28837" s="12"/>
    </row>
    <row r="28838" spans="8:8">
      <c r="H28838" s="12"/>
    </row>
    <row r="28839" spans="8:8">
      <c r="H28839" s="12"/>
    </row>
    <row r="28840" spans="8:8">
      <c r="H28840" s="12"/>
    </row>
    <row r="28841" spans="8:8">
      <c r="H28841" s="12"/>
    </row>
    <row r="28842" spans="8:8">
      <c r="H28842" s="12"/>
    </row>
    <row r="28843" spans="8:8">
      <c r="H28843" s="12"/>
    </row>
    <row r="28844" spans="8:8">
      <c r="H28844" s="12"/>
    </row>
    <row r="28845" spans="8:8">
      <c r="H28845" s="12"/>
    </row>
    <row r="28846" spans="8:8">
      <c r="H28846" s="12"/>
    </row>
    <row r="28847" spans="8:8">
      <c r="H28847" s="12"/>
    </row>
    <row r="28848" spans="8:8">
      <c r="H28848" s="12"/>
    </row>
    <row r="28849" spans="8:8">
      <c r="H28849" s="12"/>
    </row>
    <row r="28850" spans="8:8">
      <c r="H28850" s="12"/>
    </row>
    <row r="28851" spans="8:8">
      <c r="H28851" s="12"/>
    </row>
    <row r="28852" spans="8:8">
      <c r="H28852" s="12"/>
    </row>
    <row r="28853" spans="8:8">
      <c r="H28853" s="12"/>
    </row>
    <row r="28854" spans="8:8">
      <c r="H28854" s="12"/>
    </row>
    <row r="28855" spans="8:8">
      <c r="H28855" s="12"/>
    </row>
    <row r="28856" spans="8:8">
      <c r="H28856" s="12"/>
    </row>
    <row r="28857" spans="8:8">
      <c r="H28857" s="12"/>
    </row>
    <row r="28858" spans="8:8">
      <c r="H28858" s="12"/>
    </row>
    <row r="28859" spans="8:8">
      <c r="H28859" s="12"/>
    </row>
    <row r="28860" spans="8:8">
      <c r="H28860" s="12"/>
    </row>
    <row r="28861" spans="8:8">
      <c r="H28861" s="12"/>
    </row>
    <row r="28862" spans="8:8">
      <c r="H28862" s="12"/>
    </row>
    <row r="28863" spans="8:8">
      <c r="H28863" s="12"/>
    </row>
    <row r="28864" spans="8:8">
      <c r="H28864" s="12"/>
    </row>
    <row r="28865" spans="8:8">
      <c r="H28865" s="12"/>
    </row>
    <row r="28866" spans="8:8">
      <c r="H28866" s="12"/>
    </row>
    <row r="28867" spans="8:8">
      <c r="H28867" s="12"/>
    </row>
    <row r="28868" spans="8:8">
      <c r="H28868" s="12"/>
    </row>
    <row r="28869" spans="8:8">
      <c r="H28869" s="12"/>
    </row>
    <row r="28870" spans="8:8">
      <c r="H28870" s="12"/>
    </row>
    <row r="28871" spans="8:8">
      <c r="H28871" s="12"/>
    </row>
    <row r="28872" spans="8:8">
      <c r="H28872" s="12"/>
    </row>
    <row r="28873" spans="8:8">
      <c r="H28873" s="12"/>
    </row>
    <row r="28874" spans="8:8">
      <c r="H28874" s="12"/>
    </row>
    <row r="28875" spans="8:8">
      <c r="H28875" s="12"/>
    </row>
    <row r="28876" spans="8:8">
      <c r="H28876" s="12"/>
    </row>
    <row r="28877" spans="8:8">
      <c r="H28877" s="12"/>
    </row>
    <row r="28878" spans="8:8">
      <c r="H28878" s="12"/>
    </row>
    <row r="28879" spans="8:8">
      <c r="H28879" s="12"/>
    </row>
    <row r="28880" spans="8:8">
      <c r="H28880" s="12"/>
    </row>
    <row r="28881" spans="8:8">
      <c r="H28881" s="12"/>
    </row>
    <row r="28882" spans="8:8">
      <c r="H28882" s="12"/>
    </row>
    <row r="28883" spans="8:8">
      <c r="H28883" s="12"/>
    </row>
    <row r="28884" spans="8:8">
      <c r="H28884" s="12"/>
    </row>
    <row r="28885" spans="8:8">
      <c r="H28885" s="12"/>
    </row>
    <row r="28886" spans="8:8">
      <c r="H28886" s="12"/>
    </row>
    <row r="28887" spans="8:8">
      <c r="H28887" s="12"/>
    </row>
    <row r="28888" spans="8:8">
      <c r="H28888" s="12"/>
    </row>
    <row r="28889" spans="8:8">
      <c r="H28889" s="12"/>
    </row>
    <row r="28890" spans="8:8">
      <c r="H28890" s="12"/>
    </row>
    <row r="28891" spans="8:8">
      <c r="H28891" s="12"/>
    </row>
    <row r="28892" spans="8:8">
      <c r="H28892" s="12"/>
    </row>
    <row r="28893" spans="8:8">
      <c r="H28893" s="12"/>
    </row>
    <row r="28894" spans="8:8">
      <c r="H28894" s="12"/>
    </row>
    <row r="28895" spans="8:8">
      <c r="H28895" s="12"/>
    </row>
    <row r="28896" spans="8:8">
      <c r="H28896" s="12"/>
    </row>
    <row r="28897" spans="8:8">
      <c r="H28897" s="12"/>
    </row>
    <row r="28898" spans="8:8">
      <c r="H28898" s="12"/>
    </row>
    <row r="28899" spans="8:8">
      <c r="H28899" s="12"/>
    </row>
    <row r="28900" spans="8:8">
      <c r="H28900" s="12"/>
    </row>
    <row r="28901" spans="8:8">
      <c r="H28901" s="12"/>
    </row>
    <row r="28902" spans="8:8">
      <c r="H28902" s="12"/>
    </row>
    <row r="28903" spans="8:8">
      <c r="H28903" s="12"/>
    </row>
    <row r="28904" spans="8:8">
      <c r="H28904" s="12"/>
    </row>
    <row r="28905" spans="8:8">
      <c r="H28905" s="12"/>
    </row>
    <row r="28906" spans="8:8">
      <c r="H28906" s="12"/>
    </row>
    <row r="28907" spans="8:8">
      <c r="H28907" s="12"/>
    </row>
    <row r="28908" spans="8:8">
      <c r="H28908" s="12"/>
    </row>
    <row r="28909" spans="8:8">
      <c r="H28909" s="12"/>
    </row>
    <row r="28910" spans="8:8">
      <c r="H28910" s="12"/>
    </row>
    <row r="28911" spans="8:8">
      <c r="H28911" s="12"/>
    </row>
    <row r="28912" spans="8:8">
      <c r="H28912" s="12"/>
    </row>
    <row r="28913" spans="8:8">
      <c r="H28913" s="12"/>
    </row>
    <row r="28914" spans="8:8">
      <c r="H28914" s="12"/>
    </row>
    <row r="28915" spans="8:8">
      <c r="H28915" s="12"/>
    </row>
    <row r="28916" spans="8:8">
      <c r="H28916" s="12"/>
    </row>
    <row r="28917" spans="8:8">
      <c r="H28917" s="12"/>
    </row>
    <row r="28918" spans="8:8">
      <c r="H28918" s="12"/>
    </row>
    <row r="28919" spans="8:8">
      <c r="H28919" s="12"/>
    </row>
    <row r="28920" spans="8:8">
      <c r="H28920" s="12"/>
    </row>
    <row r="28921" spans="8:8">
      <c r="H28921" s="12"/>
    </row>
    <row r="28922" spans="8:8">
      <c r="H28922" s="12"/>
    </row>
    <row r="28923" spans="8:8">
      <c r="H28923" s="12"/>
    </row>
    <row r="28924" spans="8:8">
      <c r="H28924" s="12"/>
    </row>
    <row r="28925" spans="8:8">
      <c r="H28925" s="12"/>
    </row>
    <row r="28926" spans="8:8">
      <c r="H28926" s="12"/>
    </row>
    <row r="28927" spans="8:8">
      <c r="H28927" s="12"/>
    </row>
    <row r="28928" spans="8:8">
      <c r="H28928" s="12"/>
    </row>
    <row r="28929" spans="8:8">
      <c r="H28929" s="12"/>
    </row>
    <row r="28930" spans="8:8">
      <c r="H28930" s="12"/>
    </row>
    <row r="28931" spans="8:8">
      <c r="H28931" s="12"/>
    </row>
    <row r="28932" spans="8:8">
      <c r="H28932" s="12"/>
    </row>
    <row r="28933" spans="8:8">
      <c r="H28933" s="12"/>
    </row>
    <row r="28934" spans="8:8">
      <c r="H28934" s="12"/>
    </row>
    <row r="28935" spans="8:8">
      <c r="H28935" s="12"/>
    </row>
    <row r="28936" spans="8:8">
      <c r="H28936" s="12"/>
    </row>
    <row r="28937" spans="8:8">
      <c r="H28937" s="12"/>
    </row>
    <row r="28938" spans="8:8">
      <c r="H28938" s="12"/>
    </row>
    <row r="28939" spans="8:8">
      <c r="H28939" s="12"/>
    </row>
    <row r="28940" spans="8:8">
      <c r="H28940" s="12"/>
    </row>
    <row r="28941" spans="8:8">
      <c r="H28941" s="12"/>
    </row>
    <row r="28942" spans="8:8">
      <c r="H28942" s="12"/>
    </row>
    <row r="28943" spans="8:8">
      <c r="H28943" s="12"/>
    </row>
    <row r="28944" spans="8:8">
      <c r="H28944" s="12"/>
    </row>
    <row r="28945" spans="8:8">
      <c r="H28945" s="12"/>
    </row>
    <row r="28946" spans="8:8">
      <c r="H28946" s="12"/>
    </row>
    <row r="28947" spans="8:8">
      <c r="H28947" s="12"/>
    </row>
    <row r="28948" spans="8:8">
      <c r="H28948" s="12"/>
    </row>
    <row r="28949" spans="8:8">
      <c r="H28949" s="12"/>
    </row>
    <row r="28950" spans="8:8">
      <c r="H28950" s="12"/>
    </row>
    <row r="28951" spans="8:8">
      <c r="H28951" s="12"/>
    </row>
    <row r="28952" spans="8:8">
      <c r="H28952" s="12"/>
    </row>
    <row r="28953" spans="8:8">
      <c r="H28953" s="12"/>
    </row>
    <row r="28954" spans="8:8">
      <c r="H28954" s="12"/>
    </row>
    <row r="28955" spans="8:8">
      <c r="H28955" s="12"/>
    </row>
    <row r="28956" spans="8:8">
      <c r="H28956" s="12"/>
    </row>
    <row r="28957" spans="8:8">
      <c r="H28957" s="12"/>
    </row>
    <row r="28958" spans="8:8">
      <c r="H28958" s="12"/>
    </row>
    <row r="28959" spans="8:8">
      <c r="H28959" s="12"/>
    </row>
    <row r="28960" spans="8:8">
      <c r="H28960" s="12"/>
    </row>
    <row r="28961" spans="8:8">
      <c r="H28961" s="12"/>
    </row>
    <row r="28962" spans="8:8">
      <c r="H28962" s="12"/>
    </row>
    <row r="28963" spans="8:8">
      <c r="H28963" s="12"/>
    </row>
    <row r="28964" spans="8:8">
      <c r="H28964" s="12"/>
    </row>
    <row r="28965" spans="8:8">
      <c r="H28965" s="12"/>
    </row>
    <row r="28966" spans="8:8">
      <c r="H28966" s="12"/>
    </row>
    <row r="28967" spans="8:8">
      <c r="H28967" s="12"/>
    </row>
    <row r="28968" spans="8:8">
      <c r="H28968" s="12"/>
    </row>
    <row r="28969" spans="8:8">
      <c r="H28969" s="12"/>
    </row>
    <row r="28970" spans="8:8">
      <c r="H28970" s="12"/>
    </row>
    <row r="28971" spans="8:8">
      <c r="H28971" s="12"/>
    </row>
    <row r="28972" spans="8:8">
      <c r="H28972" s="12"/>
    </row>
    <row r="28973" spans="8:8">
      <c r="H28973" s="12"/>
    </row>
    <row r="28974" spans="8:8">
      <c r="H28974" s="12"/>
    </row>
    <row r="28975" spans="8:8">
      <c r="H28975" s="12"/>
    </row>
    <row r="28976" spans="8:8">
      <c r="H28976" s="12"/>
    </row>
    <row r="28977" spans="8:8">
      <c r="H28977" s="12"/>
    </row>
    <row r="28978" spans="8:8">
      <c r="H28978" s="12"/>
    </row>
    <row r="28979" spans="8:8">
      <c r="H28979" s="12"/>
    </row>
    <row r="28980" spans="8:8">
      <c r="H28980" s="12"/>
    </row>
    <row r="28981" spans="8:8">
      <c r="H28981" s="12"/>
    </row>
    <row r="28982" spans="8:8">
      <c r="H28982" s="12"/>
    </row>
    <row r="28983" spans="8:8">
      <c r="H28983" s="12"/>
    </row>
    <row r="28984" spans="8:8">
      <c r="H28984" s="12"/>
    </row>
    <row r="28985" spans="8:8">
      <c r="H28985" s="12"/>
    </row>
    <row r="28986" spans="8:8">
      <c r="H28986" s="12"/>
    </row>
    <row r="28987" spans="8:8">
      <c r="H28987" s="12"/>
    </row>
    <row r="28988" spans="8:8">
      <c r="H28988" s="12"/>
    </row>
    <row r="28989" spans="8:8">
      <c r="H28989" s="12"/>
    </row>
    <row r="28990" spans="8:8">
      <c r="H28990" s="12"/>
    </row>
    <row r="28991" spans="8:8">
      <c r="H28991" s="12"/>
    </row>
    <row r="28992" spans="8:8">
      <c r="H28992" s="12"/>
    </row>
    <row r="28993" spans="8:8">
      <c r="H28993" s="12"/>
    </row>
    <row r="28994" spans="8:8">
      <c r="H28994" s="12"/>
    </row>
    <row r="28995" spans="8:8">
      <c r="H28995" s="12"/>
    </row>
    <row r="28996" spans="8:8">
      <c r="H28996" s="12"/>
    </row>
    <row r="28997" spans="8:8">
      <c r="H28997" s="12"/>
    </row>
    <row r="28998" spans="8:8">
      <c r="H28998" s="12"/>
    </row>
    <row r="28999" spans="8:8">
      <c r="H28999" s="12"/>
    </row>
    <row r="29000" spans="8:8">
      <c r="H29000" s="12"/>
    </row>
    <row r="29001" spans="8:8">
      <c r="H29001" s="12"/>
    </row>
    <row r="29002" spans="8:8">
      <c r="H29002" s="12"/>
    </row>
    <row r="29003" spans="8:8">
      <c r="H29003" s="12"/>
    </row>
    <row r="29004" spans="8:8">
      <c r="H29004" s="12"/>
    </row>
    <row r="29005" spans="8:8">
      <c r="H29005" s="12"/>
    </row>
    <row r="29006" spans="8:8">
      <c r="H29006" s="12"/>
    </row>
    <row r="29007" spans="8:8">
      <c r="H29007" s="12"/>
    </row>
    <row r="29008" spans="8:8">
      <c r="H29008" s="12"/>
    </row>
    <row r="29009" spans="8:8">
      <c r="H29009" s="12"/>
    </row>
    <row r="29010" spans="8:8">
      <c r="H29010" s="12"/>
    </row>
    <row r="29011" spans="8:8">
      <c r="H29011" s="12"/>
    </row>
    <row r="29012" spans="8:8">
      <c r="H29012" s="12"/>
    </row>
    <row r="29013" spans="8:8">
      <c r="H29013" s="12"/>
    </row>
    <row r="29014" spans="8:8">
      <c r="H29014" s="12"/>
    </row>
    <row r="29015" spans="8:8">
      <c r="H29015" s="12"/>
    </row>
    <row r="29016" spans="8:8">
      <c r="H29016" s="12"/>
    </row>
    <row r="29017" spans="8:8">
      <c r="H29017" s="12"/>
    </row>
    <row r="29018" spans="8:8">
      <c r="H29018" s="12"/>
    </row>
    <row r="29019" spans="8:8">
      <c r="H29019" s="12"/>
    </row>
    <row r="29020" spans="8:8">
      <c r="H29020" s="12"/>
    </row>
    <row r="29021" spans="8:8">
      <c r="H29021" s="12"/>
    </row>
    <row r="29022" spans="8:8">
      <c r="H29022" s="12"/>
    </row>
    <row r="29023" spans="8:8">
      <c r="H29023" s="12"/>
    </row>
    <row r="29024" spans="8:8">
      <c r="H29024" s="12"/>
    </row>
    <row r="29025" spans="8:8">
      <c r="H29025" s="12"/>
    </row>
    <row r="29026" spans="8:8">
      <c r="H29026" s="12"/>
    </row>
    <row r="29027" spans="8:8">
      <c r="H29027" s="12"/>
    </row>
    <row r="29028" spans="8:8">
      <c r="H29028" s="12"/>
    </row>
    <row r="29029" spans="8:8">
      <c r="H29029" s="12"/>
    </row>
    <row r="29030" spans="8:8">
      <c r="H29030" s="12"/>
    </row>
    <row r="29031" spans="8:8">
      <c r="H29031" s="12"/>
    </row>
    <row r="29032" spans="8:8">
      <c r="H29032" s="12"/>
    </row>
    <row r="29033" spans="8:8">
      <c r="H29033" s="12"/>
    </row>
    <row r="29034" spans="8:8">
      <c r="H29034" s="12"/>
    </row>
    <row r="29035" spans="8:8">
      <c r="H29035" s="12"/>
    </row>
    <row r="29036" spans="8:8">
      <c r="H29036" s="12"/>
    </row>
    <row r="29037" spans="8:8">
      <c r="H29037" s="12"/>
    </row>
    <row r="29038" spans="8:8">
      <c r="H29038" s="12"/>
    </row>
    <row r="29039" spans="8:8">
      <c r="H29039" s="12"/>
    </row>
    <row r="29040" spans="8:8">
      <c r="H29040" s="12"/>
    </row>
    <row r="29041" spans="8:8">
      <c r="H29041" s="12"/>
    </row>
    <row r="29042" spans="8:8">
      <c r="H29042" s="12"/>
    </row>
    <row r="29043" spans="8:8">
      <c r="H29043" s="12"/>
    </row>
    <row r="29044" spans="8:8">
      <c r="H29044" s="12"/>
    </row>
    <row r="29045" spans="8:8">
      <c r="H29045" s="12"/>
    </row>
    <row r="29046" spans="8:8">
      <c r="H29046" s="12"/>
    </row>
    <row r="29047" spans="8:8">
      <c r="H29047" s="12"/>
    </row>
    <row r="29048" spans="8:8">
      <c r="H29048" s="12"/>
    </row>
    <row r="29049" spans="8:8">
      <c r="H29049" s="12"/>
    </row>
    <row r="29050" spans="8:8">
      <c r="H29050" s="12"/>
    </row>
    <row r="29051" spans="8:8">
      <c r="H29051" s="12"/>
    </row>
    <row r="29052" spans="8:8">
      <c r="H29052" s="12"/>
    </row>
    <row r="29053" spans="8:8">
      <c r="H29053" s="12"/>
    </row>
    <row r="29054" spans="8:8">
      <c r="H29054" s="12"/>
    </row>
    <row r="29055" spans="8:8">
      <c r="H29055" s="12"/>
    </row>
    <row r="29056" spans="8:8">
      <c r="H29056" s="12"/>
    </row>
    <row r="29057" spans="8:8">
      <c r="H29057" s="12"/>
    </row>
    <row r="29058" spans="8:8">
      <c r="H29058" s="12"/>
    </row>
    <row r="29059" spans="8:8">
      <c r="H29059" s="12"/>
    </row>
    <row r="29060" spans="8:8">
      <c r="H29060" s="12"/>
    </row>
    <row r="29061" spans="8:8">
      <c r="H29061" s="12"/>
    </row>
    <row r="29062" spans="8:8">
      <c r="H29062" s="12"/>
    </row>
    <row r="29063" spans="8:8">
      <c r="H29063" s="12"/>
    </row>
    <row r="29064" spans="8:8">
      <c r="H29064" s="12"/>
    </row>
    <row r="29065" spans="8:8">
      <c r="H29065" s="12"/>
    </row>
    <row r="29066" spans="8:8">
      <c r="H29066" s="12"/>
    </row>
    <row r="29067" spans="8:8">
      <c r="H29067" s="12"/>
    </row>
    <row r="29068" spans="8:8">
      <c r="H29068" s="12"/>
    </row>
    <row r="29069" spans="8:8">
      <c r="H29069" s="12"/>
    </row>
    <row r="29070" spans="8:8">
      <c r="H29070" s="12"/>
    </row>
    <row r="29071" spans="8:8">
      <c r="H29071" s="12"/>
    </row>
    <row r="29072" spans="8:8">
      <c r="H29072" s="12"/>
    </row>
    <row r="29073" spans="8:8">
      <c r="H29073" s="12"/>
    </row>
    <row r="29074" spans="8:8">
      <c r="H29074" s="12"/>
    </row>
    <row r="29075" spans="8:8">
      <c r="H29075" s="12"/>
    </row>
    <row r="29076" spans="8:8">
      <c r="H29076" s="12"/>
    </row>
    <row r="29077" spans="8:8">
      <c r="H29077" s="12"/>
    </row>
    <row r="29078" spans="8:8">
      <c r="H29078" s="12"/>
    </row>
    <row r="29079" spans="8:8">
      <c r="H29079" s="12"/>
    </row>
    <row r="29080" spans="8:8">
      <c r="H29080" s="12"/>
    </row>
    <row r="29081" spans="8:8">
      <c r="H29081" s="12"/>
    </row>
    <row r="29082" spans="8:8">
      <c r="H29082" s="12"/>
    </row>
    <row r="29083" spans="8:8">
      <c r="H29083" s="12"/>
    </row>
    <row r="29084" spans="8:8">
      <c r="H29084" s="12"/>
    </row>
    <row r="29085" spans="8:8">
      <c r="H29085" s="12"/>
    </row>
    <row r="29086" spans="8:8">
      <c r="H29086" s="12"/>
    </row>
    <row r="29087" spans="8:8">
      <c r="H29087" s="12"/>
    </row>
    <row r="29088" spans="8:8">
      <c r="H29088" s="12"/>
    </row>
    <row r="29089" spans="8:8">
      <c r="H29089" s="12"/>
    </row>
    <row r="29090" spans="8:8">
      <c r="H29090" s="12"/>
    </row>
    <row r="29091" spans="8:8">
      <c r="H29091" s="12"/>
    </row>
    <row r="29092" spans="8:8">
      <c r="H29092" s="12"/>
    </row>
    <row r="29093" spans="8:8">
      <c r="H29093" s="12"/>
    </row>
    <row r="29094" spans="8:8">
      <c r="H29094" s="12"/>
    </row>
    <row r="29095" spans="8:8">
      <c r="H29095" s="12"/>
    </row>
    <row r="29096" spans="8:8">
      <c r="H29096" s="12"/>
    </row>
    <row r="29097" spans="8:8">
      <c r="H29097" s="12"/>
    </row>
    <row r="29098" spans="8:8">
      <c r="H29098" s="12"/>
    </row>
    <row r="29099" spans="8:8">
      <c r="H29099" s="12"/>
    </row>
    <row r="29100" spans="8:8">
      <c r="H29100" s="12"/>
    </row>
    <row r="29101" spans="8:8">
      <c r="H29101" s="12"/>
    </row>
    <row r="29102" spans="8:8">
      <c r="H29102" s="12"/>
    </row>
    <row r="29103" spans="8:8">
      <c r="H29103" s="12"/>
    </row>
    <row r="29104" spans="8:8">
      <c r="H29104" s="12"/>
    </row>
    <row r="29105" spans="8:8">
      <c r="H29105" s="12"/>
    </row>
    <row r="29106" spans="8:8">
      <c r="H29106" s="12"/>
    </row>
    <row r="29107" spans="8:8">
      <c r="H29107" s="12"/>
    </row>
    <row r="29108" spans="8:8">
      <c r="H29108" s="12"/>
    </row>
    <row r="29109" spans="8:8">
      <c r="H29109" s="12"/>
    </row>
    <row r="29110" spans="8:8">
      <c r="H29110" s="12"/>
    </row>
    <row r="29111" spans="8:8">
      <c r="H29111" s="12"/>
    </row>
    <row r="29112" spans="8:8">
      <c r="H29112" s="12"/>
    </row>
    <row r="29113" spans="8:8">
      <c r="H29113" s="12"/>
    </row>
    <row r="29114" spans="8:8">
      <c r="H29114" s="12"/>
    </row>
    <row r="29115" spans="8:8">
      <c r="H29115" s="12"/>
    </row>
    <row r="29116" spans="8:8">
      <c r="H29116" s="12"/>
    </row>
    <row r="29117" spans="8:8">
      <c r="H29117" s="12"/>
    </row>
    <row r="29118" spans="8:8">
      <c r="H29118" s="12"/>
    </row>
    <row r="29119" spans="8:8">
      <c r="H29119" s="12"/>
    </row>
    <row r="29120" spans="8:8">
      <c r="H29120" s="12"/>
    </row>
    <row r="29121" spans="8:8">
      <c r="H29121" s="12"/>
    </row>
    <row r="29122" spans="8:8">
      <c r="H29122" s="12"/>
    </row>
    <row r="29123" spans="8:8">
      <c r="H29123" s="12"/>
    </row>
    <row r="29124" spans="8:8">
      <c r="H29124" s="12"/>
    </row>
    <row r="29125" spans="8:8">
      <c r="H29125" s="12"/>
    </row>
    <row r="29126" spans="8:8">
      <c r="H29126" s="12"/>
    </row>
    <row r="29127" spans="8:8">
      <c r="H29127" s="12"/>
    </row>
    <row r="29128" spans="8:8">
      <c r="H29128" s="12"/>
    </row>
    <row r="29129" spans="8:8">
      <c r="H29129" s="12"/>
    </row>
    <row r="29130" spans="8:8">
      <c r="H29130" s="12"/>
    </row>
    <row r="29131" spans="8:8">
      <c r="H29131" s="12"/>
    </row>
    <row r="29132" spans="8:8">
      <c r="H29132" s="12"/>
    </row>
    <row r="29133" spans="8:8">
      <c r="H29133" s="12"/>
    </row>
    <row r="29134" spans="8:8">
      <c r="H29134" s="12"/>
    </row>
    <row r="29135" spans="8:8">
      <c r="H29135" s="12"/>
    </row>
    <row r="29136" spans="8:8">
      <c r="H29136" s="12"/>
    </row>
    <row r="29137" spans="8:8">
      <c r="H29137" s="12"/>
    </row>
    <row r="29138" spans="8:8">
      <c r="H29138" s="12"/>
    </row>
    <row r="29139" spans="8:8">
      <c r="H29139" s="12"/>
    </row>
    <row r="29140" spans="8:8">
      <c r="H29140" s="12"/>
    </row>
    <row r="29141" spans="8:8">
      <c r="H29141" s="12"/>
    </row>
    <row r="29142" spans="8:8">
      <c r="H29142" s="12"/>
    </row>
    <row r="29143" spans="8:8">
      <c r="H29143" s="12"/>
    </row>
    <row r="29144" spans="8:8">
      <c r="H29144" s="12"/>
    </row>
    <row r="29145" spans="8:8">
      <c r="H29145" s="12"/>
    </row>
    <row r="29146" spans="8:8">
      <c r="H29146" s="12"/>
    </row>
    <row r="29147" spans="8:8">
      <c r="H29147" s="12"/>
    </row>
    <row r="29148" spans="8:8">
      <c r="H29148" s="12"/>
    </row>
    <row r="29149" spans="8:8">
      <c r="H29149" s="12"/>
    </row>
    <row r="29150" spans="8:8">
      <c r="H29150" s="12"/>
    </row>
    <row r="29151" spans="8:8">
      <c r="H29151" s="12"/>
    </row>
    <row r="29152" spans="8:8">
      <c r="H29152" s="12"/>
    </row>
    <row r="29153" spans="8:8">
      <c r="H29153" s="12"/>
    </row>
    <row r="29154" spans="8:8">
      <c r="H29154" s="12"/>
    </row>
    <row r="29155" spans="8:8">
      <c r="H29155" s="12"/>
    </row>
    <row r="29156" spans="8:8">
      <c r="H29156" s="12"/>
    </row>
    <row r="29157" spans="8:8">
      <c r="H29157" s="12"/>
    </row>
    <row r="29158" spans="8:8">
      <c r="H29158" s="12"/>
    </row>
    <row r="29159" spans="8:8">
      <c r="H29159" s="12"/>
    </row>
    <row r="29160" spans="8:8">
      <c r="H29160" s="12"/>
    </row>
    <row r="29161" spans="8:8">
      <c r="H29161" s="12"/>
    </row>
    <row r="29162" spans="8:8">
      <c r="H29162" s="12"/>
    </row>
    <row r="29163" spans="8:8">
      <c r="H29163" s="12"/>
    </row>
    <row r="29164" spans="8:8">
      <c r="H29164" s="12"/>
    </row>
    <row r="29165" spans="8:8">
      <c r="H29165" s="12"/>
    </row>
    <row r="29166" spans="8:8">
      <c r="H29166" s="12"/>
    </row>
    <row r="29167" spans="8:8">
      <c r="H29167" s="12"/>
    </row>
    <row r="29168" spans="8:8">
      <c r="H29168" s="12"/>
    </row>
    <row r="29169" spans="8:8">
      <c r="H29169" s="12"/>
    </row>
    <row r="29170" spans="8:8">
      <c r="H29170" s="12"/>
    </row>
    <row r="29171" spans="8:8">
      <c r="H29171" s="12"/>
    </row>
    <row r="29172" spans="8:8">
      <c r="H29172" s="12"/>
    </row>
    <row r="29173" spans="8:8">
      <c r="H29173" s="12"/>
    </row>
    <row r="29174" spans="8:8">
      <c r="H29174" s="12"/>
    </row>
    <row r="29175" spans="8:8">
      <c r="H29175" s="12"/>
    </row>
    <row r="29176" spans="8:8">
      <c r="H29176" s="12"/>
    </row>
    <row r="29177" spans="8:8">
      <c r="H29177" s="12"/>
    </row>
    <row r="29178" spans="8:8">
      <c r="H29178" s="12"/>
    </row>
    <row r="29179" spans="8:8">
      <c r="H29179" s="12"/>
    </row>
    <row r="29180" spans="8:8">
      <c r="H29180" s="12"/>
    </row>
    <row r="29181" spans="8:8">
      <c r="H29181" s="12"/>
    </row>
    <row r="29182" spans="8:8">
      <c r="H29182" s="12"/>
    </row>
    <row r="29183" spans="8:8">
      <c r="H29183" s="12"/>
    </row>
    <row r="29184" spans="8:8">
      <c r="H29184" s="12"/>
    </row>
    <row r="29185" spans="8:8">
      <c r="H29185" s="12"/>
    </row>
    <row r="29186" spans="8:8">
      <c r="H29186" s="12"/>
    </row>
    <row r="29187" spans="8:8">
      <c r="H29187" s="12"/>
    </row>
    <row r="29188" spans="8:8">
      <c r="H29188" s="12"/>
    </row>
    <row r="29189" spans="8:8">
      <c r="H29189" s="12"/>
    </row>
    <row r="29190" spans="8:8">
      <c r="H29190" s="12"/>
    </row>
    <row r="29191" spans="8:8">
      <c r="H29191" s="12"/>
    </row>
    <row r="29192" spans="8:8">
      <c r="H29192" s="12"/>
    </row>
    <row r="29193" spans="8:8">
      <c r="H29193" s="12"/>
    </row>
    <row r="29194" spans="8:8">
      <c r="H29194" s="12"/>
    </row>
    <row r="29195" spans="8:8">
      <c r="H29195" s="12"/>
    </row>
    <row r="29196" spans="8:8">
      <c r="H29196" s="12"/>
    </row>
    <row r="29197" spans="8:8">
      <c r="H29197" s="12"/>
    </row>
    <row r="29198" spans="8:8">
      <c r="H29198" s="12"/>
    </row>
    <row r="29199" spans="8:8">
      <c r="H29199" s="12"/>
    </row>
    <row r="29200" spans="8:8">
      <c r="H29200" s="12"/>
    </row>
    <row r="29201" spans="8:8">
      <c r="H29201" s="12"/>
    </row>
    <row r="29202" spans="8:8">
      <c r="H29202" s="12"/>
    </row>
    <row r="29203" spans="8:8">
      <c r="H29203" s="12"/>
    </row>
    <row r="29204" spans="8:8">
      <c r="H29204" s="12"/>
    </row>
    <row r="29205" spans="8:8">
      <c r="H29205" s="12"/>
    </row>
    <row r="29206" spans="8:8">
      <c r="H29206" s="12"/>
    </row>
    <row r="29207" spans="8:8">
      <c r="H29207" s="12"/>
    </row>
    <row r="29208" spans="8:8">
      <c r="H29208" s="12"/>
    </row>
    <row r="29209" spans="8:8">
      <c r="H29209" s="12"/>
    </row>
    <row r="29210" spans="8:8">
      <c r="H29210" s="12"/>
    </row>
    <row r="29211" spans="8:8">
      <c r="H29211" s="12"/>
    </row>
    <row r="29212" spans="8:8">
      <c r="H29212" s="12"/>
    </row>
    <row r="29213" spans="8:8">
      <c r="H29213" s="12"/>
    </row>
    <row r="29214" spans="8:8">
      <c r="H29214" s="12"/>
    </row>
    <row r="29215" spans="8:8">
      <c r="H29215" s="12"/>
    </row>
    <row r="29216" spans="8:8">
      <c r="H29216" s="12"/>
    </row>
    <row r="29217" spans="8:8">
      <c r="H29217" s="12"/>
    </row>
    <row r="29218" spans="8:8">
      <c r="H29218" s="12"/>
    </row>
    <row r="29219" spans="8:8">
      <c r="H29219" s="12"/>
    </row>
    <row r="29220" spans="8:8">
      <c r="H29220" s="12"/>
    </row>
    <row r="29221" spans="8:8">
      <c r="H29221" s="12"/>
    </row>
    <row r="29222" spans="8:8">
      <c r="H29222" s="12"/>
    </row>
    <row r="29223" spans="8:8">
      <c r="H29223" s="12"/>
    </row>
    <row r="29224" spans="8:8">
      <c r="H29224" s="12"/>
    </row>
    <row r="29225" spans="8:8">
      <c r="H29225" s="12"/>
    </row>
    <row r="29226" spans="8:8">
      <c r="H29226" s="12"/>
    </row>
    <row r="29227" spans="8:8">
      <c r="H29227" s="12"/>
    </row>
    <row r="29228" spans="8:8">
      <c r="H29228" s="12"/>
    </row>
    <row r="29229" spans="8:8">
      <c r="H29229" s="12"/>
    </row>
    <row r="29230" spans="8:8">
      <c r="H29230" s="12"/>
    </row>
    <row r="29231" spans="8:8">
      <c r="H29231" s="12"/>
    </row>
    <row r="29232" spans="8:8">
      <c r="H29232" s="12"/>
    </row>
    <row r="29233" spans="8:8">
      <c r="H29233" s="12"/>
    </row>
    <row r="29234" spans="8:8">
      <c r="H29234" s="12"/>
    </row>
    <row r="29235" spans="8:8">
      <c r="H29235" s="12"/>
    </row>
    <row r="29236" spans="8:8">
      <c r="H29236" s="12"/>
    </row>
    <row r="29237" spans="8:8">
      <c r="H29237" s="12"/>
    </row>
    <row r="29238" spans="8:8">
      <c r="H29238" s="12"/>
    </row>
    <row r="29239" spans="8:8">
      <c r="H29239" s="12"/>
    </row>
    <row r="29240" spans="8:8">
      <c r="H29240" s="12"/>
    </row>
    <row r="29241" spans="8:8">
      <c r="H29241" s="12"/>
    </row>
    <row r="29242" spans="8:8">
      <c r="H29242" s="12"/>
    </row>
    <row r="29243" spans="8:8">
      <c r="H29243" s="12"/>
    </row>
    <row r="29244" spans="8:8">
      <c r="H29244" s="12"/>
    </row>
    <row r="29245" spans="8:8">
      <c r="H29245" s="12"/>
    </row>
    <row r="29246" spans="8:8">
      <c r="H29246" s="12"/>
    </row>
    <row r="29247" spans="8:8">
      <c r="H29247" s="12"/>
    </row>
    <row r="29248" spans="8:8">
      <c r="H29248" s="12"/>
    </row>
    <row r="29249" spans="8:8">
      <c r="H29249" s="12"/>
    </row>
    <row r="29250" spans="8:8">
      <c r="H29250" s="12"/>
    </row>
    <row r="29251" spans="8:8">
      <c r="H29251" s="12"/>
    </row>
    <row r="29252" spans="8:8">
      <c r="H29252" s="12"/>
    </row>
    <row r="29253" spans="8:8">
      <c r="H29253" s="12"/>
    </row>
    <row r="29254" spans="8:8">
      <c r="H29254" s="12"/>
    </row>
    <row r="29255" spans="8:8">
      <c r="H29255" s="12"/>
    </row>
    <row r="29256" spans="8:8">
      <c r="H29256" s="12"/>
    </row>
    <row r="29257" spans="8:8">
      <c r="H29257" s="12"/>
    </row>
    <row r="29258" spans="8:8">
      <c r="H29258" s="12"/>
    </row>
    <row r="29259" spans="8:8">
      <c r="H29259" s="12"/>
    </row>
    <row r="29260" spans="8:8">
      <c r="H29260" s="12"/>
    </row>
    <row r="29261" spans="8:8">
      <c r="H29261" s="12"/>
    </row>
    <row r="29262" spans="8:8">
      <c r="H29262" s="12"/>
    </row>
    <row r="29263" spans="8:8">
      <c r="H29263" s="12"/>
    </row>
    <row r="29264" spans="8:8">
      <c r="H29264" s="12"/>
    </row>
    <row r="29265" spans="8:8">
      <c r="H29265" s="12"/>
    </row>
    <row r="29266" spans="8:8">
      <c r="H29266" s="12"/>
    </row>
    <row r="29267" spans="8:8">
      <c r="H29267" s="12"/>
    </row>
    <row r="29268" spans="8:8">
      <c r="H29268" s="12"/>
    </row>
    <row r="29269" spans="8:8">
      <c r="H29269" s="12"/>
    </row>
    <row r="29270" spans="8:8">
      <c r="H29270" s="12"/>
    </row>
    <row r="29271" spans="8:8">
      <c r="H29271" s="12"/>
    </row>
    <row r="29272" spans="8:8">
      <c r="H29272" s="12"/>
    </row>
    <row r="29273" spans="8:8">
      <c r="H29273" s="12"/>
    </row>
    <row r="29274" spans="8:8">
      <c r="H29274" s="12"/>
    </row>
    <row r="29275" spans="8:8">
      <c r="H29275" s="12"/>
    </row>
    <row r="29276" spans="8:8">
      <c r="H29276" s="12"/>
    </row>
    <row r="29277" spans="8:8">
      <c r="H29277" s="12"/>
    </row>
    <row r="29278" spans="8:8">
      <c r="H29278" s="12"/>
    </row>
    <row r="29279" spans="8:8">
      <c r="H29279" s="12"/>
    </row>
    <row r="29280" spans="8:8">
      <c r="H29280" s="12"/>
    </row>
    <row r="29281" spans="8:8">
      <c r="H29281" s="12"/>
    </row>
    <row r="29282" spans="8:8">
      <c r="H29282" s="12"/>
    </row>
    <row r="29283" spans="8:8">
      <c r="H29283" s="12"/>
    </row>
    <row r="29284" spans="8:8">
      <c r="H29284" s="12"/>
    </row>
    <row r="29285" spans="8:8">
      <c r="H29285" s="12"/>
    </row>
    <row r="29286" spans="8:8">
      <c r="H29286" s="12"/>
    </row>
    <row r="29287" spans="8:8">
      <c r="H29287" s="12"/>
    </row>
    <row r="29288" spans="8:8">
      <c r="H29288" s="12"/>
    </row>
    <row r="29289" spans="8:8">
      <c r="H29289" s="12"/>
    </row>
    <row r="29290" spans="8:8">
      <c r="H29290" s="12"/>
    </row>
    <row r="29291" spans="8:8">
      <c r="H29291" s="12"/>
    </row>
    <row r="29292" spans="8:8">
      <c r="H29292" s="12"/>
    </row>
    <row r="29293" spans="8:8">
      <c r="H29293" s="12"/>
    </row>
    <row r="29294" spans="8:8">
      <c r="H29294" s="12"/>
    </row>
    <row r="29295" spans="8:8">
      <c r="H29295" s="12"/>
    </row>
    <row r="29296" spans="8:8">
      <c r="H29296" s="12"/>
    </row>
    <row r="29297" spans="8:8">
      <c r="H29297" s="12"/>
    </row>
    <row r="29298" spans="8:8">
      <c r="H29298" s="12"/>
    </row>
    <row r="29299" spans="8:8">
      <c r="H29299" s="12"/>
    </row>
    <row r="29300" spans="8:8">
      <c r="H29300" s="12"/>
    </row>
    <row r="29301" spans="8:8">
      <c r="H29301" s="12"/>
    </row>
    <row r="29302" spans="8:8">
      <c r="H29302" s="12"/>
    </row>
    <row r="29303" spans="8:8">
      <c r="H29303" s="12"/>
    </row>
    <row r="29304" spans="8:8">
      <c r="H29304" s="12"/>
    </row>
    <row r="29305" spans="8:8">
      <c r="H29305" s="12"/>
    </row>
    <row r="29306" spans="8:8">
      <c r="H29306" s="12"/>
    </row>
    <row r="29307" spans="8:8">
      <c r="H29307" s="12"/>
    </row>
    <row r="29308" spans="8:8">
      <c r="H29308" s="12"/>
    </row>
    <row r="29309" spans="8:8">
      <c r="H29309" s="12"/>
    </row>
    <row r="29310" spans="8:8">
      <c r="H29310" s="12"/>
    </row>
    <row r="29311" spans="8:8">
      <c r="H29311" s="12"/>
    </row>
    <row r="29312" spans="8:8">
      <c r="H29312" s="12"/>
    </row>
    <row r="29313" spans="8:8">
      <c r="H29313" s="12"/>
    </row>
    <row r="29314" spans="8:8">
      <c r="H29314" s="12"/>
    </row>
    <row r="29315" spans="8:8">
      <c r="H29315" s="12"/>
    </row>
    <row r="29316" spans="8:8">
      <c r="H29316" s="12"/>
    </row>
    <row r="29317" spans="8:8">
      <c r="H29317" s="12"/>
    </row>
    <row r="29318" spans="8:8">
      <c r="H29318" s="12"/>
    </row>
    <row r="29319" spans="8:8">
      <c r="H29319" s="12"/>
    </row>
    <row r="29320" spans="8:8">
      <c r="H29320" s="12"/>
    </row>
    <row r="29321" spans="8:8">
      <c r="H29321" s="12"/>
    </row>
    <row r="29322" spans="8:8">
      <c r="H29322" s="12"/>
    </row>
    <row r="29323" spans="8:8">
      <c r="H29323" s="12"/>
    </row>
    <row r="29324" spans="8:8">
      <c r="H29324" s="12"/>
    </row>
    <row r="29325" spans="8:8">
      <c r="H29325" s="12"/>
    </row>
    <row r="29326" spans="8:8">
      <c r="H29326" s="12"/>
    </row>
    <row r="29327" spans="8:8">
      <c r="H29327" s="12"/>
    </row>
    <row r="29328" spans="8:8">
      <c r="H29328" s="12"/>
    </row>
    <row r="29329" spans="8:8">
      <c r="H29329" s="12"/>
    </row>
    <row r="29330" spans="8:8">
      <c r="H29330" s="12"/>
    </row>
    <row r="29331" spans="8:8">
      <c r="H29331" s="12"/>
    </row>
    <row r="29332" spans="8:8">
      <c r="H29332" s="12"/>
    </row>
    <row r="29333" spans="8:8">
      <c r="H29333" s="12"/>
    </row>
    <row r="29334" spans="8:8">
      <c r="H29334" s="12"/>
    </row>
    <row r="29335" spans="8:8">
      <c r="H29335" s="12"/>
    </row>
    <row r="29336" spans="8:8">
      <c r="H29336" s="12"/>
    </row>
    <row r="29337" spans="8:8">
      <c r="H29337" s="12"/>
    </row>
    <row r="29338" spans="8:8">
      <c r="H29338" s="12"/>
    </row>
    <row r="29339" spans="8:8">
      <c r="H29339" s="12"/>
    </row>
    <row r="29340" spans="8:8">
      <c r="H29340" s="12"/>
    </row>
    <row r="29341" spans="8:8">
      <c r="H29341" s="12"/>
    </row>
    <row r="29342" spans="8:8">
      <c r="H29342" s="12"/>
    </row>
    <row r="29343" spans="8:8">
      <c r="H29343" s="12"/>
    </row>
    <row r="29344" spans="8:8">
      <c r="H29344" s="12"/>
    </row>
    <row r="29345" spans="8:8">
      <c r="H29345" s="12"/>
    </row>
    <row r="29346" spans="8:8">
      <c r="H29346" s="12"/>
    </row>
    <row r="29347" spans="8:8">
      <c r="H29347" s="12"/>
    </row>
    <row r="29348" spans="8:8">
      <c r="H29348" s="12"/>
    </row>
    <row r="29349" spans="8:8">
      <c r="H29349" s="12"/>
    </row>
    <row r="29350" spans="8:8">
      <c r="H29350" s="12"/>
    </row>
    <row r="29351" spans="8:8">
      <c r="H29351" s="12"/>
    </row>
    <row r="29352" spans="8:8">
      <c r="H29352" s="12"/>
    </row>
    <row r="29353" spans="8:8">
      <c r="H29353" s="12"/>
    </row>
    <row r="29354" spans="8:8">
      <c r="H29354" s="12"/>
    </row>
    <row r="29355" spans="8:8">
      <c r="H29355" s="12"/>
    </row>
    <row r="29356" spans="8:8">
      <c r="H29356" s="12"/>
    </row>
    <row r="29357" spans="8:8">
      <c r="H29357" s="12"/>
    </row>
    <row r="29358" spans="8:8">
      <c r="H29358" s="12"/>
    </row>
    <row r="29359" spans="8:8">
      <c r="H29359" s="12"/>
    </row>
    <row r="29360" spans="8:8">
      <c r="H29360" s="12"/>
    </row>
    <row r="29361" spans="8:8">
      <c r="H29361" s="12"/>
    </row>
    <row r="29362" spans="8:8">
      <c r="H29362" s="12"/>
    </row>
    <row r="29363" spans="8:8">
      <c r="H29363" s="12"/>
    </row>
    <row r="29364" spans="8:8">
      <c r="H29364" s="12"/>
    </row>
    <row r="29365" spans="8:8">
      <c r="H29365" s="12"/>
    </row>
    <row r="29366" spans="8:8">
      <c r="H29366" s="12"/>
    </row>
    <row r="29367" spans="8:8">
      <c r="H29367" s="12"/>
    </row>
    <row r="29368" spans="8:8">
      <c r="H29368" s="12"/>
    </row>
    <row r="29369" spans="8:8">
      <c r="H29369" s="12"/>
    </row>
    <row r="29370" spans="8:8">
      <c r="H29370" s="12"/>
    </row>
    <row r="29371" spans="8:8">
      <c r="H29371" s="12"/>
    </row>
    <row r="29372" spans="8:8">
      <c r="H29372" s="12"/>
    </row>
    <row r="29373" spans="8:8">
      <c r="H29373" s="12"/>
    </row>
    <row r="29374" spans="8:8">
      <c r="H29374" s="12"/>
    </row>
    <row r="29375" spans="8:8">
      <c r="H29375" s="12"/>
    </row>
    <row r="29376" spans="8:8">
      <c r="H29376" s="12"/>
    </row>
    <row r="29377" spans="8:8">
      <c r="H29377" s="12"/>
    </row>
    <row r="29378" spans="8:8">
      <c r="H29378" s="12"/>
    </row>
    <row r="29379" spans="8:8">
      <c r="H29379" s="12"/>
    </row>
    <row r="29380" spans="8:8">
      <c r="H29380" s="12"/>
    </row>
    <row r="29381" spans="8:8">
      <c r="H29381" s="12"/>
    </row>
    <row r="29382" spans="8:8">
      <c r="H29382" s="12"/>
    </row>
    <row r="29383" spans="8:8">
      <c r="H29383" s="12"/>
    </row>
    <row r="29384" spans="8:8">
      <c r="H29384" s="12"/>
    </row>
    <row r="29385" spans="8:8">
      <c r="H29385" s="12"/>
    </row>
    <row r="29386" spans="8:8">
      <c r="H29386" s="12"/>
    </row>
    <row r="29387" spans="8:8">
      <c r="H29387" s="12"/>
    </row>
    <row r="29388" spans="8:8">
      <c r="H29388" s="12"/>
    </row>
    <row r="29389" spans="8:8">
      <c r="H29389" s="12"/>
    </row>
    <row r="29390" spans="8:8">
      <c r="H29390" s="12"/>
    </row>
    <row r="29391" spans="8:8">
      <c r="H29391" s="12"/>
    </row>
    <row r="29392" spans="8:8">
      <c r="H29392" s="12"/>
    </row>
    <row r="29393" spans="8:8">
      <c r="H29393" s="12"/>
    </row>
    <row r="29394" spans="8:8">
      <c r="H29394" s="12"/>
    </row>
    <row r="29395" spans="8:8">
      <c r="H29395" s="12"/>
    </row>
    <row r="29396" spans="8:8">
      <c r="H29396" s="12"/>
    </row>
    <row r="29397" spans="8:8">
      <c r="H29397" s="12"/>
    </row>
    <row r="29398" spans="8:8">
      <c r="H29398" s="12"/>
    </row>
    <row r="29399" spans="8:8">
      <c r="H29399" s="12"/>
    </row>
    <row r="29400" spans="8:8">
      <c r="H29400" s="12"/>
    </row>
    <row r="29401" spans="8:8">
      <c r="H29401" s="12"/>
    </row>
    <row r="29402" spans="8:8">
      <c r="H29402" s="12"/>
    </row>
    <row r="29403" spans="8:8">
      <c r="H29403" s="12"/>
    </row>
    <row r="29404" spans="8:8">
      <c r="H29404" s="12"/>
    </row>
    <row r="29405" spans="8:8">
      <c r="H29405" s="12"/>
    </row>
    <row r="29406" spans="8:8">
      <c r="H29406" s="12"/>
    </row>
    <row r="29407" spans="8:8">
      <c r="H29407" s="12"/>
    </row>
    <row r="29408" spans="8:8">
      <c r="H29408" s="12"/>
    </row>
    <row r="29409" spans="8:8">
      <c r="H29409" s="12"/>
    </row>
    <row r="29410" spans="8:8">
      <c r="H29410" s="12"/>
    </row>
    <row r="29411" spans="8:8">
      <c r="H29411" s="12"/>
    </row>
    <row r="29412" spans="8:8">
      <c r="H29412" s="12"/>
    </row>
    <row r="29413" spans="8:8">
      <c r="H29413" s="12"/>
    </row>
    <row r="29414" spans="8:8">
      <c r="H29414" s="12"/>
    </row>
    <row r="29415" spans="8:8">
      <c r="H29415" s="12"/>
    </row>
    <row r="29416" spans="8:8">
      <c r="H29416" s="12"/>
    </row>
    <row r="29417" spans="8:8">
      <c r="H29417" s="12"/>
    </row>
    <row r="29418" spans="8:8">
      <c r="H29418" s="12"/>
    </row>
    <row r="29419" spans="8:8">
      <c r="H29419" s="12"/>
    </row>
    <row r="29420" spans="8:8">
      <c r="H29420" s="12"/>
    </row>
    <row r="29421" spans="8:8">
      <c r="H29421" s="12"/>
    </row>
    <row r="29422" spans="8:8">
      <c r="H29422" s="12"/>
    </row>
    <row r="29423" spans="8:8">
      <c r="H29423" s="12"/>
    </row>
    <row r="29424" spans="8:8">
      <c r="H29424" s="12"/>
    </row>
    <row r="29425" spans="8:8">
      <c r="H29425" s="12"/>
    </row>
    <row r="29426" spans="8:8">
      <c r="H29426" s="12"/>
    </row>
    <row r="29427" spans="8:8">
      <c r="H29427" s="12"/>
    </row>
    <row r="29428" spans="8:8">
      <c r="H29428" s="12"/>
    </row>
    <row r="29429" spans="8:8">
      <c r="H29429" s="12"/>
    </row>
    <row r="29430" spans="8:8">
      <c r="H29430" s="12"/>
    </row>
    <row r="29431" spans="8:8">
      <c r="H29431" s="12"/>
    </row>
    <row r="29432" spans="8:8">
      <c r="H29432" s="12"/>
    </row>
    <row r="29433" spans="8:8">
      <c r="H29433" s="12"/>
    </row>
    <row r="29434" spans="8:8">
      <c r="H29434" s="12"/>
    </row>
    <row r="29435" spans="8:8">
      <c r="H29435" s="12"/>
    </row>
    <row r="29436" spans="8:8">
      <c r="H29436" s="12"/>
    </row>
    <row r="29437" spans="8:8">
      <c r="H29437" s="12"/>
    </row>
    <row r="29438" spans="8:8">
      <c r="H29438" s="12"/>
    </row>
    <row r="29439" spans="8:8">
      <c r="H29439" s="12"/>
    </row>
    <row r="29440" spans="8:8">
      <c r="H29440" s="12"/>
    </row>
    <row r="29441" spans="8:8">
      <c r="H29441" s="12"/>
    </row>
    <row r="29442" spans="8:8">
      <c r="H29442" s="12"/>
    </row>
    <row r="29443" spans="8:8">
      <c r="H29443" s="12"/>
    </row>
    <row r="29444" spans="8:8">
      <c r="H29444" s="12"/>
    </row>
    <row r="29445" spans="8:8">
      <c r="H29445" s="12"/>
    </row>
    <row r="29446" spans="8:8">
      <c r="H29446" s="12"/>
    </row>
    <row r="29447" spans="8:8">
      <c r="H29447" s="12"/>
    </row>
    <row r="29448" spans="8:8">
      <c r="H29448" s="12"/>
    </row>
    <row r="29449" spans="8:8">
      <c r="H29449" s="12"/>
    </row>
    <row r="29450" spans="8:8">
      <c r="H29450" s="12"/>
    </row>
    <row r="29451" spans="8:8">
      <c r="H29451" s="12"/>
    </row>
    <row r="29452" spans="8:8">
      <c r="H29452" s="12"/>
    </row>
    <row r="29453" spans="8:8">
      <c r="H29453" s="12"/>
    </row>
    <row r="29454" spans="8:8">
      <c r="H29454" s="12"/>
    </row>
    <row r="29455" spans="8:8">
      <c r="H29455" s="12"/>
    </row>
    <row r="29456" spans="8:8">
      <c r="H29456" s="12"/>
    </row>
    <row r="29457" spans="8:8">
      <c r="H29457" s="12"/>
    </row>
    <row r="29458" spans="8:8">
      <c r="H29458" s="12"/>
    </row>
    <row r="29459" spans="8:8">
      <c r="H29459" s="12"/>
    </row>
    <row r="29460" spans="8:8">
      <c r="H29460" s="12"/>
    </row>
    <row r="29461" spans="8:8">
      <c r="H29461" s="12"/>
    </row>
    <row r="29462" spans="8:8">
      <c r="H29462" s="12"/>
    </row>
    <row r="29463" spans="8:8">
      <c r="H29463" s="12"/>
    </row>
    <row r="29464" spans="8:8">
      <c r="H29464" s="12"/>
    </row>
    <row r="29465" spans="8:8">
      <c r="H29465" s="12"/>
    </row>
    <row r="29466" spans="8:8">
      <c r="H29466" s="12"/>
    </row>
    <row r="29467" spans="8:8">
      <c r="H29467" s="12"/>
    </row>
    <row r="29468" spans="8:8">
      <c r="H29468" s="12"/>
    </row>
    <row r="29469" spans="8:8">
      <c r="H29469" s="12"/>
    </row>
    <row r="29470" spans="8:8">
      <c r="H29470" s="12"/>
    </row>
    <row r="29471" spans="8:8">
      <c r="H29471" s="12"/>
    </row>
    <row r="29472" spans="8:8">
      <c r="H29472" s="12"/>
    </row>
    <row r="29473" spans="8:8">
      <c r="H29473" s="12"/>
    </row>
    <row r="29474" spans="8:8">
      <c r="H29474" s="12"/>
    </row>
    <row r="29475" spans="8:8">
      <c r="H29475" s="12"/>
    </row>
    <row r="29476" spans="8:8">
      <c r="H29476" s="12"/>
    </row>
    <row r="29477" spans="8:8">
      <c r="H29477" s="12"/>
    </row>
    <row r="29478" spans="8:8">
      <c r="H29478" s="12"/>
    </row>
    <row r="29479" spans="8:8">
      <c r="H29479" s="12"/>
    </row>
    <row r="29480" spans="8:8">
      <c r="H29480" s="12"/>
    </row>
    <row r="29481" spans="8:8">
      <c r="H29481" s="12"/>
    </row>
    <row r="29482" spans="8:8">
      <c r="H29482" s="12"/>
    </row>
    <row r="29483" spans="8:8">
      <c r="H29483" s="12"/>
    </row>
    <row r="29484" spans="8:8">
      <c r="H29484" s="12"/>
    </row>
    <row r="29485" spans="8:8">
      <c r="H29485" s="12"/>
    </row>
    <row r="29486" spans="8:8">
      <c r="H29486" s="12"/>
    </row>
    <row r="29487" spans="8:8">
      <c r="H29487" s="12"/>
    </row>
    <row r="29488" spans="8:8">
      <c r="H29488" s="12"/>
    </row>
    <row r="29489" spans="8:8">
      <c r="H29489" s="12"/>
    </row>
    <row r="29490" spans="8:8">
      <c r="H29490" s="12"/>
    </row>
    <row r="29491" spans="8:8">
      <c r="H29491" s="12"/>
    </row>
    <row r="29492" spans="8:8">
      <c r="H29492" s="12"/>
    </row>
    <row r="29493" spans="8:8">
      <c r="H29493" s="12"/>
    </row>
    <row r="29494" spans="8:8">
      <c r="H29494" s="12"/>
    </row>
    <row r="29495" spans="8:8">
      <c r="H29495" s="12"/>
    </row>
    <row r="29496" spans="8:8">
      <c r="H29496" s="12"/>
    </row>
    <row r="29497" spans="8:8">
      <c r="H29497" s="12"/>
    </row>
    <row r="29498" spans="8:8">
      <c r="H29498" s="12"/>
    </row>
    <row r="29499" spans="8:8">
      <c r="H29499" s="12"/>
    </row>
    <row r="29500" spans="8:8">
      <c r="H29500" s="12"/>
    </row>
    <row r="29501" spans="8:8">
      <c r="H29501" s="12"/>
    </row>
    <row r="29502" spans="8:8">
      <c r="H29502" s="12"/>
    </row>
    <row r="29503" spans="8:8">
      <c r="H29503" s="12"/>
    </row>
    <row r="29504" spans="8:8">
      <c r="H29504" s="12"/>
    </row>
    <row r="29505" spans="8:8">
      <c r="H29505" s="12"/>
    </row>
    <row r="29506" spans="8:8">
      <c r="H29506" s="12"/>
    </row>
    <row r="29507" spans="8:8">
      <c r="H29507" s="12"/>
    </row>
    <row r="29508" spans="8:8">
      <c r="H29508" s="12"/>
    </row>
    <row r="29509" spans="8:8">
      <c r="H29509" s="12"/>
    </row>
    <row r="29510" spans="8:8">
      <c r="H29510" s="12"/>
    </row>
    <row r="29511" spans="8:8">
      <c r="H29511" s="12"/>
    </row>
    <row r="29512" spans="8:8">
      <c r="H29512" s="12"/>
    </row>
    <row r="29513" spans="8:8">
      <c r="H29513" s="12"/>
    </row>
    <row r="29514" spans="8:8">
      <c r="H29514" s="12"/>
    </row>
    <row r="29515" spans="8:8">
      <c r="H29515" s="12"/>
    </row>
    <row r="29516" spans="8:8">
      <c r="H29516" s="12"/>
    </row>
    <row r="29517" spans="8:8">
      <c r="H29517" s="12"/>
    </row>
    <row r="29518" spans="8:8">
      <c r="H29518" s="12"/>
    </row>
    <row r="29519" spans="8:8">
      <c r="H29519" s="12"/>
    </row>
    <row r="29520" spans="8:8">
      <c r="H29520" s="12"/>
    </row>
    <row r="29521" spans="8:8">
      <c r="H29521" s="12"/>
    </row>
    <row r="29522" spans="8:8">
      <c r="H29522" s="12"/>
    </row>
    <row r="29523" spans="8:8">
      <c r="H29523" s="12"/>
    </row>
    <row r="29524" spans="8:8">
      <c r="H29524" s="12"/>
    </row>
    <row r="29525" spans="8:8">
      <c r="H29525" s="12"/>
    </row>
    <row r="29526" spans="8:8">
      <c r="H29526" s="12"/>
    </row>
    <row r="29527" spans="8:8">
      <c r="H29527" s="12"/>
    </row>
    <row r="29528" spans="8:8">
      <c r="H29528" s="12"/>
    </row>
    <row r="29529" spans="8:8">
      <c r="H29529" s="12"/>
    </row>
    <row r="29530" spans="8:8">
      <c r="H29530" s="12"/>
    </row>
    <row r="29531" spans="8:8">
      <c r="H29531" s="12"/>
    </row>
    <row r="29532" spans="8:8">
      <c r="H29532" s="12"/>
    </row>
    <row r="29533" spans="8:8">
      <c r="H29533" s="12"/>
    </row>
    <row r="29534" spans="8:8">
      <c r="H29534" s="12"/>
    </row>
    <row r="29535" spans="8:8">
      <c r="H29535" s="12"/>
    </row>
    <row r="29536" spans="8:8">
      <c r="H29536" s="12"/>
    </row>
    <row r="29537" spans="8:8">
      <c r="H29537" s="12"/>
    </row>
    <row r="29538" spans="8:8">
      <c r="H29538" s="12"/>
    </row>
    <row r="29539" spans="8:8">
      <c r="H29539" s="12"/>
    </row>
    <row r="29540" spans="8:8">
      <c r="H29540" s="12"/>
    </row>
    <row r="29541" spans="8:8">
      <c r="H29541" s="12"/>
    </row>
    <row r="29542" spans="8:8">
      <c r="H29542" s="12"/>
    </row>
    <row r="29543" spans="8:8">
      <c r="H29543" s="12"/>
    </row>
    <row r="29544" spans="8:8">
      <c r="H29544" s="12"/>
    </row>
    <row r="29545" spans="8:8">
      <c r="H29545" s="12"/>
    </row>
    <row r="29546" spans="8:8">
      <c r="H29546" s="12"/>
    </row>
    <row r="29547" spans="8:8">
      <c r="H29547" s="12"/>
    </row>
    <row r="29548" spans="8:8">
      <c r="H29548" s="12"/>
    </row>
    <row r="29549" spans="8:8">
      <c r="H29549" s="12"/>
    </row>
    <row r="29550" spans="8:8">
      <c r="H29550" s="12"/>
    </row>
    <row r="29551" spans="8:8">
      <c r="H29551" s="12"/>
    </row>
    <row r="29552" spans="8:8">
      <c r="H29552" s="12"/>
    </row>
    <row r="29553" spans="8:8">
      <c r="H29553" s="12"/>
    </row>
    <row r="29554" spans="8:8">
      <c r="H29554" s="12"/>
    </row>
    <row r="29555" spans="8:8">
      <c r="H29555" s="12"/>
    </row>
    <row r="29556" spans="8:8">
      <c r="H29556" s="12"/>
    </row>
    <row r="29557" spans="8:8">
      <c r="H29557" s="12"/>
    </row>
    <row r="29558" spans="8:8">
      <c r="H29558" s="12"/>
    </row>
    <row r="29559" spans="8:8">
      <c r="H29559" s="12"/>
    </row>
    <row r="29560" spans="8:8">
      <c r="H29560" s="12"/>
    </row>
    <row r="29561" spans="8:8">
      <c r="H29561" s="12"/>
    </row>
    <row r="29562" spans="8:8">
      <c r="H29562" s="12"/>
    </row>
    <row r="29563" spans="8:8">
      <c r="H29563" s="12"/>
    </row>
    <row r="29564" spans="8:8">
      <c r="H29564" s="12"/>
    </row>
    <row r="29565" spans="8:8">
      <c r="H29565" s="12"/>
    </row>
    <row r="29566" spans="8:8">
      <c r="H29566" s="12"/>
    </row>
    <row r="29567" spans="8:8">
      <c r="H29567" s="12"/>
    </row>
    <row r="29568" spans="8:8">
      <c r="H29568" s="12"/>
    </row>
    <row r="29569" spans="8:8">
      <c r="H29569" s="12"/>
    </row>
    <row r="29570" spans="8:8">
      <c r="H29570" s="12"/>
    </row>
    <row r="29571" spans="8:8">
      <c r="H29571" s="12"/>
    </row>
    <row r="29572" spans="8:8">
      <c r="H29572" s="12"/>
    </row>
    <row r="29573" spans="8:8">
      <c r="H29573" s="12"/>
    </row>
    <row r="29574" spans="8:8">
      <c r="H29574" s="12"/>
    </row>
    <row r="29575" spans="8:8">
      <c r="H29575" s="12"/>
    </row>
    <row r="29576" spans="8:8">
      <c r="H29576" s="12"/>
    </row>
    <row r="29577" spans="8:8">
      <c r="H29577" s="12"/>
    </row>
    <row r="29578" spans="8:8">
      <c r="H29578" s="12"/>
    </row>
    <row r="29579" spans="8:8">
      <c r="H29579" s="12"/>
    </row>
    <row r="29580" spans="8:8">
      <c r="H29580" s="12"/>
    </row>
    <row r="29581" spans="8:8">
      <c r="H29581" s="12"/>
    </row>
    <row r="29582" spans="8:8">
      <c r="H29582" s="12"/>
    </row>
    <row r="29583" spans="8:8">
      <c r="H29583" s="12"/>
    </row>
    <row r="29584" spans="8:8">
      <c r="H29584" s="12"/>
    </row>
    <row r="29585" spans="8:8">
      <c r="H29585" s="12"/>
    </row>
    <row r="29586" spans="8:8">
      <c r="H29586" s="12"/>
    </row>
    <row r="29587" spans="8:8">
      <c r="H29587" s="12"/>
    </row>
    <row r="29588" spans="8:8">
      <c r="H29588" s="12"/>
    </row>
    <row r="29589" spans="8:8">
      <c r="H29589" s="12"/>
    </row>
    <row r="29590" spans="8:8">
      <c r="H29590" s="12"/>
    </row>
    <row r="29591" spans="8:8">
      <c r="H29591" s="12"/>
    </row>
    <row r="29592" spans="8:8">
      <c r="H29592" s="12"/>
    </row>
    <row r="29593" spans="8:8">
      <c r="H29593" s="12"/>
    </row>
    <row r="29594" spans="8:8">
      <c r="H29594" s="12"/>
    </row>
    <row r="29595" spans="8:8">
      <c r="H29595" s="12"/>
    </row>
    <row r="29596" spans="8:8">
      <c r="H29596" s="12"/>
    </row>
    <row r="29597" spans="8:8">
      <c r="H29597" s="12"/>
    </row>
    <row r="29598" spans="8:8">
      <c r="H29598" s="12"/>
    </row>
    <row r="29599" spans="8:8">
      <c r="H29599" s="12"/>
    </row>
    <row r="29600" spans="8:8">
      <c r="H29600" s="12"/>
    </row>
    <row r="29601" spans="8:8">
      <c r="H29601" s="12"/>
    </row>
    <row r="29602" spans="8:8">
      <c r="H29602" s="12"/>
    </row>
    <row r="29603" spans="8:8">
      <c r="H29603" s="12"/>
    </row>
    <row r="29604" spans="8:8">
      <c r="H29604" s="12"/>
    </row>
    <row r="29605" spans="8:8">
      <c r="H29605" s="12"/>
    </row>
    <row r="29606" spans="8:8">
      <c r="H29606" s="12"/>
    </row>
    <row r="29607" spans="8:8">
      <c r="H29607" s="12"/>
    </row>
    <row r="29608" spans="8:8">
      <c r="H29608" s="12"/>
    </row>
    <row r="29609" spans="8:8">
      <c r="H29609" s="12"/>
    </row>
    <row r="29610" spans="8:8">
      <c r="H29610" s="12"/>
    </row>
    <row r="29611" spans="8:8">
      <c r="H29611" s="12"/>
    </row>
    <row r="29612" spans="8:8">
      <c r="H29612" s="12"/>
    </row>
    <row r="29613" spans="8:8">
      <c r="H29613" s="12"/>
    </row>
    <row r="29614" spans="8:8">
      <c r="H29614" s="12"/>
    </row>
    <row r="29615" spans="8:8">
      <c r="H29615" s="12"/>
    </row>
    <row r="29616" spans="8:8">
      <c r="H29616" s="12"/>
    </row>
    <row r="29617" spans="8:8">
      <c r="H29617" s="12"/>
    </row>
    <row r="29618" spans="8:8">
      <c r="H29618" s="12"/>
    </row>
    <row r="29619" spans="8:8">
      <c r="H29619" s="12"/>
    </row>
    <row r="29620" spans="8:8">
      <c r="H29620" s="12"/>
    </row>
    <row r="29621" spans="8:8">
      <c r="H29621" s="12"/>
    </row>
    <row r="29622" spans="8:8">
      <c r="H29622" s="12"/>
    </row>
    <row r="29623" spans="8:8">
      <c r="H29623" s="12"/>
    </row>
    <row r="29624" spans="8:8">
      <c r="H29624" s="12"/>
    </row>
    <row r="29625" spans="8:8">
      <c r="H29625" s="12"/>
    </row>
    <row r="29626" spans="8:8">
      <c r="H29626" s="12"/>
    </row>
    <row r="29627" spans="8:8">
      <c r="H29627" s="12"/>
    </row>
    <row r="29628" spans="8:8">
      <c r="H29628" s="12"/>
    </row>
    <row r="29629" spans="8:8">
      <c r="H29629" s="12"/>
    </row>
    <row r="29630" spans="8:8">
      <c r="H29630" s="12"/>
    </row>
    <row r="29631" spans="8:8">
      <c r="H29631" s="12"/>
    </row>
    <row r="29632" spans="8:8">
      <c r="H29632" s="12"/>
    </row>
    <row r="29633" spans="8:8">
      <c r="H29633" s="12"/>
    </row>
    <row r="29634" spans="8:8">
      <c r="H29634" s="12"/>
    </row>
    <row r="29635" spans="8:8">
      <c r="H29635" s="12"/>
    </row>
    <row r="29636" spans="8:8">
      <c r="H29636" s="12"/>
    </row>
    <row r="29637" spans="8:8">
      <c r="H29637" s="12"/>
    </row>
    <row r="29638" spans="8:8">
      <c r="H29638" s="12"/>
    </row>
    <row r="29639" spans="8:8">
      <c r="H29639" s="12"/>
    </row>
    <row r="29640" spans="8:8">
      <c r="H29640" s="12"/>
    </row>
    <row r="29641" spans="8:8">
      <c r="H29641" s="12"/>
    </row>
    <row r="29642" spans="8:8">
      <c r="H29642" s="12"/>
    </row>
    <row r="29643" spans="8:8">
      <c r="H29643" s="12"/>
    </row>
    <row r="29644" spans="8:8">
      <c r="H29644" s="12"/>
    </row>
    <row r="29645" spans="8:8">
      <c r="H29645" s="12"/>
    </row>
    <row r="29646" spans="8:8">
      <c r="H29646" s="12"/>
    </row>
    <row r="29647" spans="8:8">
      <c r="H29647" s="12"/>
    </row>
    <row r="29648" spans="8:8">
      <c r="H29648" s="12"/>
    </row>
    <row r="29649" spans="8:8">
      <c r="H29649" s="12"/>
    </row>
    <row r="29650" spans="8:8">
      <c r="H29650" s="12"/>
    </row>
    <row r="29651" spans="8:8">
      <c r="H29651" s="12"/>
    </row>
    <row r="29652" spans="8:8">
      <c r="H29652" s="12"/>
    </row>
    <row r="29653" spans="8:8">
      <c r="H29653" s="12"/>
    </row>
    <row r="29654" spans="8:8">
      <c r="H29654" s="12"/>
    </row>
    <row r="29655" spans="8:8">
      <c r="H29655" s="12"/>
    </row>
    <row r="29656" spans="8:8">
      <c r="H29656" s="12"/>
    </row>
    <row r="29657" spans="8:8">
      <c r="H29657" s="12"/>
    </row>
    <row r="29658" spans="8:8">
      <c r="H29658" s="12"/>
    </row>
    <row r="29659" spans="8:8">
      <c r="H29659" s="12"/>
    </row>
    <row r="29660" spans="8:8">
      <c r="H29660" s="12"/>
    </row>
    <row r="29661" spans="8:8">
      <c r="H29661" s="12"/>
    </row>
    <row r="29662" spans="8:8">
      <c r="H29662" s="12"/>
    </row>
    <row r="29663" spans="8:8">
      <c r="H29663" s="12"/>
    </row>
    <row r="29664" spans="8:8">
      <c r="H29664" s="12"/>
    </row>
    <row r="29665" spans="8:8">
      <c r="H29665" s="12"/>
    </row>
    <row r="29666" spans="8:8">
      <c r="H29666" s="12"/>
    </row>
    <row r="29667" spans="8:8">
      <c r="H29667" s="12"/>
    </row>
    <row r="29668" spans="8:8">
      <c r="H29668" s="12"/>
    </row>
    <row r="29669" spans="8:8">
      <c r="H29669" s="12"/>
    </row>
    <row r="29670" spans="8:8">
      <c r="H29670" s="12"/>
    </row>
    <row r="29671" spans="8:8">
      <c r="H29671" s="12"/>
    </row>
    <row r="29672" spans="8:8">
      <c r="H29672" s="12"/>
    </row>
    <row r="29673" spans="8:8">
      <c r="H29673" s="12"/>
    </row>
    <row r="29674" spans="8:8">
      <c r="H29674" s="12"/>
    </row>
    <row r="29675" spans="8:8">
      <c r="H29675" s="12"/>
    </row>
    <row r="29676" spans="8:8">
      <c r="H29676" s="12"/>
    </row>
    <row r="29677" spans="8:8">
      <c r="H29677" s="12"/>
    </row>
    <row r="29678" spans="8:8">
      <c r="H29678" s="12"/>
    </row>
    <row r="29679" spans="8:8">
      <c r="H29679" s="12"/>
    </row>
    <row r="29680" spans="8:8">
      <c r="H29680" s="12"/>
    </row>
    <row r="29681" spans="8:8">
      <c r="H29681" s="12"/>
    </row>
    <row r="29682" spans="8:8">
      <c r="H29682" s="12"/>
    </row>
    <row r="29683" spans="8:8">
      <c r="H29683" s="12"/>
    </row>
    <row r="29684" spans="8:8">
      <c r="H29684" s="12"/>
    </row>
    <row r="29685" spans="8:8">
      <c r="H29685" s="12"/>
    </row>
    <row r="29686" spans="8:8">
      <c r="H29686" s="12"/>
    </row>
    <row r="29687" spans="8:8">
      <c r="H29687" s="12"/>
    </row>
    <row r="29688" spans="8:8">
      <c r="H29688" s="12"/>
    </row>
    <row r="29689" spans="8:8">
      <c r="H29689" s="12"/>
    </row>
    <row r="29690" spans="8:8">
      <c r="H29690" s="12"/>
    </row>
    <row r="29691" spans="8:8">
      <c r="H29691" s="12"/>
    </row>
    <row r="29692" spans="8:8">
      <c r="H29692" s="12"/>
    </row>
    <row r="29693" spans="8:8">
      <c r="H29693" s="12"/>
    </row>
    <row r="29694" spans="8:8">
      <c r="H29694" s="12"/>
    </row>
    <row r="29695" spans="8:8">
      <c r="H29695" s="12"/>
    </row>
    <row r="29696" spans="8:8">
      <c r="H29696" s="12"/>
    </row>
    <row r="29697" spans="8:8">
      <c r="H29697" s="12"/>
    </row>
    <row r="29698" spans="8:8">
      <c r="H29698" s="12"/>
    </row>
    <row r="29699" spans="8:8">
      <c r="H29699" s="12"/>
    </row>
    <row r="29700" spans="8:8">
      <c r="H29700" s="12"/>
    </row>
    <row r="29701" spans="8:8">
      <c r="H29701" s="12"/>
    </row>
    <row r="29702" spans="8:8">
      <c r="H29702" s="12"/>
    </row>
    <row r="29703" spans="8:8">
      <c r="H29703" s="12"/>
    </row>
    <row r="29704" spans="8:8">
      <c r="H29704" s="12"/>
    </row>
    <row r="29705" spans="8:8">
      <c r="H29705" s="12"/>
    </row>
    <row r="29706" spans="8:8">
      <c r="H29706" s="12"/>
    </row>
    <row r="29707" spans="8:8">
      <c r="H29707" s="12"/>
    </row>
    <row r="29708" spans="8:8">
      <c r="H29708" s="12"/>
    </row>
    <row r="29709" spans="8:8">
      <c r="H29709" s="12"/>
    </row>
    <row r="29710" spans="8:8">
      <c r="H29710" s="12"/>
    </row>
    <row r="29711" spans="8:8">
      <c r="H29711" s="12"/>
    </row>
    <row r="29712" spans="8:8">
      <c r="H29712" s="12"/>
    </row>
    <row r="29713" spans="8:8">
      <c r="H29713" s="12"/>
    </row>
    <row r="29714" spans="8:8">
      <c r="H29714" s="12"/>
    </row>
    <row r="29715" spans="8:8">
      <c r="H29715" s="12"/>
    </row>
    <row r="29716" spans="8:8">
      <c r="H29716" s="12"/>
    </row>
    <row r="29717" spans="8:8">
      <c r="H29717" s="12"/>
    </row>
    <row r="29718" spans="8:8">
      <c r="H29718" s="12"/>
    </row>
    <row r="29719" spans="8:8">
      <c r="H29719" s="12"/>
    </row>
    <row r="29720" spans="8:8">
      <c r="H29720" s="12"/>
    </row>
    <row r="29721" spans="8:8">
      <c r="H29721" s="12"/>
    </row>
    <row r="29722" spans="8:8">
      <c r="H29722" s="12"/>
    </row>
    <row r="29723" spans="8:8">
      <c r="H29723" s="12"/>
    </row>
    <row r="29724" spans="8:8">
      <c r="H29724" s="12"/>
    </row>
    <row r="29725" spans="8:8">
      <c r="H29725" s="12"/>
    </row>
    <row r="29726" spans="8:8">
      <c r="H29726" s="12"/>
    </row>
    <row r="29727" spans="8:8">
      <c r="H29727" s="12"/>
    </row>
    <row r="29728" spans="8:8">
      <c r="H29728" s="12"/>
    </row>
    <row r="29729" spans="8:8">
      <c r="H29729" s="12"/>
    </row>
    <row r="29730" spans="8:8">
      <c r="H29730" s="12"/>
    </row>
    <row r="29731" spans="8:8">
      <c r="H29731" s="12"/>
    </row>
    <row r="29732" spans="8:8">
      <c r="H29732" s="12"/>
    </row>
    <row r="29733" spans="8:8">
      <c r="H29733" s="12"/>
    </row>
    <row r="29734" spans="8:8">
      <c r="H29734" s="12"/>
    </row>
    <row r="29735" spans="8:8">
      <c r="H29735" s="12"/>
    </row>
    <row r="29736" spans="8:8">
      <c r="H29736" s="12"/>
    </row>
    <row r="29737" spans="8:8">
      <c r="H29737" s="12"/>
    </row>
    <row r="29738" spans="8:8">
      <c r="H29738" s="12"/>
    </row>
    <row r="29739" spans="8:8">
      <c r="H29739" s="12"/>
    </row>
    <row r="29740" spans="8:8">
      <c r="H29740" s="12"/>
    </row>
    <row r="29741" spans="8:8">
      <c r="H29741" s="12"/>
    </row>
    <row r="29742" spans="8:8">
      <c r="H29742" s="12"/>
    </row>
    <row r="29743" spans="8:8">
      <c r="H29743" s="12"/>
    </row>
    <row r="29744" spans="8:8">
      <c r="H29744" s="12"/>
    </row>
    <row r="29745" spans="8:8">
      <c r="H29745" s="12"/>
    </row>
    <row r="29746" spans="8:8">
      <c r="H29746" s="12"/>
    </row>
    <row r="29747" spans="8:8">
      <c r="H29747" s="12"/>
    </row>
    <row r="29748" spans="8:8">
      <c r="H29748" s="12"/>
    </row>
    <row r="29749" spans="8:8">
      <c r="H29749" s="12"/>
    </row>
    <row r="29750" spans="8:8">
      <c r="H29750" s="12"/>
    </row>
    <row r="29751" spans="8:8">
      <c r="H29751" s="12"/>
    </row>
    <row r="29752" spans="8:8">
      <c r="H29752" s="12"/>
    </row>
    <row r="29753" spans="8:8">
      <c r="H29753" s="12"/>
    </row>
    <row r="29754" spans="8:8">
      <c r="H29754" s="12"/>
    </row>
    <row r="29755" spans="8:8">
      <c r="H29755" s="12"/>
    </row>
    <row r="29756" spans="8:8">
      <c r="H29756" s="12"/>
    </row>
    <row r="29757" spans="8:8">
      <c r="H29757" s="12"/>
    </row>
    <row r="29758" spans="8:8">
      <c r="H29758" s="12"/>
    </row>
    <row r="29759" spans="8:8">
      <c r="H29759" s="12"/>
    </row>
    <row r="29760" spans="8:8">
      <c r="H29760" s="12"/>
    </row>
    <row r="29761" spans="8:8">
      <c r="H29761" s="12"/>
    </row>
    <row r="29762" spans="8:8">
      <c r="H29762" s="12"/>
    </row>
    <row r="29763" spans="8:8">
      <c r="H29763" s="12"/>
    </row>
    <row r="29764" spans="8:8">
      <c r="H29764" s="12"/>
    </row>
    <row r="29765" spans="8:8">
      <c r="H29765" s="12"/>
    </row>
    <row r="29766" spans="8:8">
      <c r="H29766" s="12"/>
    </row>
    <row r="29767" spans="8:8">
      <c r="H29767" s="12"/>
    </row>
    <row r="29768" spans="8:8">
      <c r="H29768" s="12"/>
    </row>
    <row r="29769" spans="8:8">
      <c r="H29769" s="12"/>
    </row>
    <row r="29770" spans="8:8">
      <c r="H29770" s="12"/>
    </row>
    <row r="29771" spans="8:8">
      <c r="H29771" s="12"/>
    </row>
    <row r="29772" spans="8:8">
      <c r="H29772" s="12"/>
    </row>
    <row r="29773" spans="8:8">
      <c r="H29773" s="12"/>
    </row>
    <row r="29774" spans="8:8">
      <c r="H29774" s="12"/>
    </row>
    <row r="29775" spans="8:8">
      <c r="H29775" s="12"/>
    </row>
    <row r="29776" spans="8:8">
      <c r="H29776" s="12"/>
    </row>
    <row r="29777" spans="8:8">
      <c r="H29777" s="12"/>
    </row>
    <row r="29778" spans="8:8">
      <c r="H29778" s="12"/>
    </row>
    <row r="29779" spans="8:8">
      <c r="H29779" s="12"/>
    </row>
    <row r="29780" spans="8:8">
      <c r="H29780" s="12"/>
    </row>
    <row r="29781" spans="8:8">
      <c r="H29781" s="12"/>
    </row>
    <row r="29782" spans="8:8">
      <c r="H29782" s="12"/>
    </row>
    <row r="29783" spans="8:8">
      <c r="H29783" s="12"/>
    </row>
    <row r="29784" spans="8:8">
      <c r="H29784" s="12"/>
    </row>
    <row r="29785" spans="8:8">
      <c r="H29785" s="12"/>
    </row>
    <row r="29786" spans="8:8">
      <c r="H29786" s="12"/>
    </row>
    <row r="29787" spans="8:8">
      <c r="H29787" s="12"/>
    </row>
    <row r="29788" spans="8:8">
      <c r="H29788" s="12"/>
    </row>
    <row r="29789" spans="8:8">
      <c r="H29789" s="12"/>
    </row>
    <row r="29790" spans="8:8">
      <c r="H29790" s="12"/>
    </row>
    <row r="29791" spans="8:8">
      <c r="H29791" s="12"/>
    </row>
    <row r="29792" spans="8:8">
      <c r="H29792" s="12"/>
    </row>
    <row r="29793" spans="8:8">
      <c r="H29793" s="12"/>
    </row>
    <row r="29794" spans="8:8">
      <c r="H29794" s="12"/>
    </row>
    <row r="29795" spans="8:8">
      <c r="H29795" s="12"/>
    </row>
    <row r="29796" spans="8:8">
      <c r="H29796" s="12"/>
    </row>
    <row r="29797" spans="8:8">
      <c r="H29797" s="12"/>
    </row>
    <row r="29798" spans="8:8">
      <c r="H29798" s="12"/>
    </row>
    <row r="29799" spans="8:8">
      <c r="H29799" s="12"/>
    </row>
    <row r="29800" spans="8:8">
      <c r="H29800" s="12"/>
    </row>
    <row r="29801" spans="8:8">
      <c r="H29801" s="12"/>
    </row>
    <row r="29802" spans="8:8">
      <c r="H29802" s="12"/>
    </row>
    <row r="29803" spans="8:8">
      <c r="H29803" s="12"/>
    </row>
    <row r="29804" spans="8:8">
      <c r="H29804" s="12"/>
    </row>
    <row r="29805" spans="8:8">
      <c r="H29805" s="12"/>
    </row>
    <row r="29806" spans="8:8">
      <c r="H29806" s="12"/>
    </row>
    <row r="29807" spans="8:8">
      <c r="H29807" s="12"/>
    </row>
    <row r="29808" spans="8:8">
      <c r="H29808" s="12"/>
    </row>
    <row r="29809" spans="8:8">
      <c r="H29809" s="12"/>
    </row>
    <row r="29810" spans="8:8">
      <c r="H29810" s="12"/>
    </row>
    <row r="29811" spans="8:8">
      <c r="H29811" s="12"/>
    </row>
    <row r="29812" spans="8:8">
      <c r="H29812" s="12"/>
    </row>
    <row r="29813" spans="8:8">
      <c r="H29813" s="12"/>
    </row>
    <row r="29814" spans="8:8">
      <c r="H29814" s="12"/>
    </row>
    <row r="29815" spans="8:8">
      <c r="H29815" s="12"/>
    </row>
    <row r="29816" spans="8:8">
      <c r="H29816" s="12"/>
    </row>
    <row r="29817" spans="8:8">
      <c r="H29817" s="12"/>
    </row>
    <row r="29818" spans="8:8">
      <c r="H29818" s="12"/>
    </row>
    <row r="29819" spans="8:8">
      <c r="H29819" s="12"/>
    </row>
    <row r="29820" spans="8:8">
      <c r="H29820" s="12"/>
    </row>
    <row r="29821" spans="8:8">
      <c r="H29821" s="12"/>
    </row>
    <row r="29822" spans="8:8">
      <c r="H29822" s="12"/>
    </row>
    <row r="29823" spans="8:8">
      <c r="H29823" s="12"/>
    </row>
    <row r="29824" spans="8:8">
      <c r="H29824" s="12"/>
    </row>
    <row r="29825" spans="8:8">
      <c r="H29825" s="12"/>
    </row>
    <row r="29826" spans="8:8">
      <c r="H29826" s="12"/>
    </row>
    <row r="29827" spans="8:8">
      <c r="H29827" s="12"/>
    </row>
    <row r="29828" spans="8:8">
      <c r="H29828" s="12"/>
    </row>
    <row r="29829" spans="8:8">
      <c r="H29829" s="12"/>
    </row>
    <row r="29830" spans="8:8">
      <c r="H29830" s="12"/>
    </row>
    <row r="29831" spans="8:8">
      <c r="H29831" s="12"/>
    </row>
    <row r="29832" spans="8:8">
      <c r="H29832" s="12"/>
    </row>
    <row r="29833" spans="8:8">
      <c r="H29833" s="12"/>
    </row>
    <row r="29834" spans="8:8">
      <c r="H29834" s="12"/>
    </row>
    <row r="29835" spans="8:8">
      <c r="H29835" s="12"/>
    </row>
    <row r="29836" spans="8:8">
      <c r="H29836" s="12"/>
    </row>
    <row r="29837" spans="8:8">
      <c r="H29837" s="12"/>
    </row>
    <row r="29838" spans="8:8">
      <c r="H29838" s="12"/>
    </row>
    <row r="29839" spans="8:8">
      <c r="H29839" s="12"/>
    </row>
    <row r="29840" spans="8:8">
      <c r="H29840" s="12"/>
    </row>
    <row r="29841" spans="8:8">
      <c r="H29841" s="12"/>
    </row>
    <row r="29842" spans="8:8">
      <c r="H29842" s="12"/>
    </row>
    <row r="29843" spans="8:8">
      <c r="H29843" s="12"/>
    </row>
    <row r="29844" spans="8:8">
      <c r="H29844" s="12"/>
    </row>
    <row r="29845" spans="8:8">
      <c r="H29845" s="12"/>
    </row>
    <row r="29846" spans="8:8">
      <c r="H29846" s="12"/>
    </row>
    <row r="29847" spans="8:8">
      <c r="H29847" s="12"/>
    </row>
    <row r="29848" spans="8:8">
      <c r="H29848" s="12"/>
    </row>
    <row r="29849" spans="8:8">
      <c r="H29849" s="12"/>
    </row>
    <row r="29850" spans="8:8">
      <c r="H29850" s="12"/>
    </row>
    <row r="29851" spans="8:8">
      <c r="H29851" s="12"/>
    </row>
    <row r="29852" spans="8:8">
      <c r="H29852" s="12"/>
    </row>
    <row r="29853" spans="8:8">
      <c r="H29853" s="12"/>
    </row>
    <row r="29854" spans="8:8">
      <c r="H29854" s="12"/>
    </row>
    <row r="29855" spans="8:8">
      <c r="H29855" s="12"/>
    </row>
    <row r="29856" spans="8:8">
      <c r="H29856" s="12"/>
    </row>
    <row r="29857" spans="8:8">
      <c r="H29857" s="12"/>
    </row>
    <row r="29858" spans="8:8">
      <c r="H29858" s="12"/>
    </row>
    <row r="29859" spans="8:8">
      <c r="H29859" s="12"/>
    </row>
    <row r="29860" spans="8:8">
      <c r="H29860" s="12"/>
    </row>
    <row r="29861" spans="8:8">
      <c r="H29861" s="12"/>
    </row>
    <row r="29862" spans="8:8">
      <c r="H29862" s="12"/>
    </row>
    <row r="29863" spans="8:8">
      <c r="H29863" s="12"/>
    </row>
    <row r="29864" spans="8:8">
      <c r="H29864" s="12"/>
    </row>
    <row r="29865" spans="8:8">
      <c r="H29865" s="12"/>
    </row>
    <row r="29866" spans="8:8">
      <c r="H29866" s="12"/>
    </row>
    <row r="29867" spans="8:8">
      <c r="H29867" s="12"/>
    </row>
    <row r="29868" spans="8:8">
      <c r="H29868" s="12"/>
    </row>
    <row r="29869" spans="8:8">
      <c r="H29869" s="12"/>
    </row>
    <row r="29870" spans="8:8">
      <c r="H29870" s="12"/>
    </row>
    <row r="29871" spans="8:8">
      <c r="H29871" s="12"/>
    </row>
    <row r="29872" spans="8:8">
      <c r="H29872" s="12"/>
    </row>
    <row r="29873" spans="8:8">
      <c r="H29873" s="12"/>
    </row>
    <row r="29874" spans="8:8">
      <c r="H29874" s="12"/>
    </row>
    <row r="29875" spans="8:8">
      <c r="H29875" s="12"/>
    </row>
    <row r="29876" spans="8:8">
      <c r="H29876" s="12"/>
    </row>
    <row r="29877" spans="8:8">
      <c r="H29877" s="12"/>
    </row>
    <row r="29878" spans="8:8">
      <c r="H29878" s="12"/>
    </row>
    <row r="29879" spans="8:8">
      <c r="H29879" s="12"/>
    </row>
    <row r="29880" spans="8:8">
      <c r="H29880" s="12"/>
    </row>
    <row r="29881" spans="8:8">
      <c r="H29881" s="12"/>
    </row>
    <row r="29882" spans="8:8">
      <c r="H29882" s="12"/>
    </row>
    <row r="29883" spans="8:8">
      <c r="H29883" s="12"/>
    </row>
    <row r="29884" spans="8:8">
      <c r="H29884" s="12"/>
    </row>
    <row r="29885" spans="8:8">
      <c r="H29885" s="12"/>
    </row>
    <row r="29886" spans="8:8">
      <c r="H29886" s="12"/>
    </row>
    <row r="29887" spans="8:8">
      <c r="H29887" s="12"/>
    </row>
    <row r="29888" spans="8:8">
      <c r="H29888" s="12"/>
    </row>
    <row r="29889" spans="8:8">
      <c r="H29889" s="12"/>
    </row>
    <row r="29890" spans="8:8">
      <c r="H29890" s="12"/>
    </row>
    <row r="29891" spans="8:8">
      <c r="H29891" s="12"/>
    </row>
    <row r="29892" spans="8:8">
      <c r="H29892" s="12"/>
    </row>
    <row r="29893" spans="8:8">
      <c r="H29893" s="12"/>
    </row>
    <row r="29894" spans="8:8">
      <c r="H29894" s="12"/>
    </row>
    <row r="29895" spans="8:8">
      <c r="H29895" s="12"/>
    </row>
    <row r="29896" spans="8:8">
      <c r="H29896" s="12"/>
    </row>
    <row r="29897" spans="8:8">
      <c r="H29897" s="12"/>
    </row>
    <row r="29898" spans="8:8">
      <c r="H29898" s="12"/>
    </row>
    <row r="29899" spans="8:8">
      <c r="H29899" s="12"/>
    </row>
    <row r="29900" spans="8:8">
      <c r="H29900" s="12"/>
    </row>
    <row r="29901" spans="8:8">
      <c r="H29901" s="12"/>
    </row>
    <row r="29902" spans="8:8">
      <c r="H29902" s="12"/>
    </row>
    <row r="29903" spans="8:8">
      <c r="H29903" s="12"/>
    </row>
    <row r="29904" spans="8:8">
      <c r="H29904" s="12"/>
    </row>
    <row r="29905" spans="8:8">
      <c r="H29905" s="12"/>
    </row>
    <row r="29906" spans="8:8">
      <c r="H29906" s="12"/>
    </row>
    <row r="29907" spans="8:8">
      <c r="H29907" s="12"/>
    </row>
    <row r="29908" spans="8:8">
      <c r="H29908" s="12"/>
    </row>
    <row r="29909" spans="8:8">
      <c r="H29909" s="12"/>
    </row>
    <row r="29910" spans="8:8">
      <c r="H29910" s="12"/>
    </row>
    <row r="29911" spans="8:8">
      <c r="H29911" s="12"/>
    </row>
    <row r="29912" spans="8:8">
      <c r="H29912" s="12"/>
    </row>
    <row r="29913" spans="8:8">
      <c r="H29913" s="12"/>
    </row>
    <row r="29914" spans="8:8">
      <c r="H29914" s="12"/>
    </row>
    <row r="29915" spans="8:8">
      <c r="H29915" s="12"/>
    </row>
    <row r="29916" spans="8:8">
      <c r="H29916" s="12"/>
    </row>
    <row r="29917" spans="8:8">
      <c r="H29917" s="12"/>
    </row>
    <row r="29918" spans="8:8">
      <c r="H29918" s="12"/>
    </row>
    <row r="29919" spans="8:8">
      <c r="H29919" s="12"/>
    </row>
    <row r="29920" spans="8:8">
      <c r="H29920" s="12"/>
    </row>
    <row r="29921" spans="8:8">
      <c r="H29921" s="12"/>
    </row>
    <row r="29922" spans="8:8">
      <c r="H29922" s="12"/>
    </row>
    <row r="29923" spans="8:8">
      <c r="H29923" s="12"/>
    </row>
    <row r="29924" spans="8:8">
      <c r="H29924" s="12"/>
    </row>
    <row r="29925" spans="8:8">
      <c r="H29925" s="12"/>
    </row>
    <row r="29926" spans="8:8">
      <c r="H29926" s="12"/>
    </row>
    <row r="29927" spans="8:8">
      <c r="H29927" s="12"/>
    </row>
    <row r="29928" spans="8:8">
      <c r="H29928" s="12"/>
    </row>
    <row r="29929" spans="8:8">
      <c r="H29929" s="12"/>
    </row>
    <row r="29930" spans="8:8">
      <c r="H29930" s="12"/>
    </row>
    <row r="29931" spans="8:8">
      <c r="H29931" s="12"/>
    </row>
    <row r="29932" spans="8:8">
      <c r="H29932" s="12"/>
    </row>
    <row r="29933" spans="8:8">
      <c r="H29933" s="12"/>
    </row>
    <row r="29934" spans="8:8">
      <c r="H29934" s="12"/>
    </row>
    <row r="29935" spans="8:8">
      <c r="H29935" s="12"/>
    </row>
    <row r="29936" spans="8:8">
      <c r="H29936" s="12"/>
    </row>
    <row r="29937" spans="8:8">
      <c r="H29937" s="12"/>
    </row>
    <row r="29938" spans="8:8">
      <c r="H29938" s="12"/>
    </row>
    <row r="29939" spans="8:8">
      <c r="H29939" s="12"/>
    </row>
    <row r="29940" spans="8:8">
      <c r="H29940" s="12"/>
    </row>
    <row r="29941" spans="8:8">
      <c r="H29941" s="12"/>
    </row>
    <row r="29942" spans="8:8">
      <c r="H29942" s="12"/>
    </row>
    <row r="29943" spans="8:8">
      <c r="H29943" s="12"/>
    </row>
    <row r="29944" spans="8:8">
      <c r="H29944" s="12"/>
    </row>
    <row r="29945" spans="8:8">
      <c r="H29945" s="12"/>
    </row>
    <row r="29946" spans="8:8">
      <c r="H29946" s="12"/>
    </row>
    <row r="29947" spans="8:8">
      <c r="H29947" s="12"/>
    </row>
    <row r="29948" spans="8:8">
      <c r="H29948" s="12"/>
    </row>
    <row r="29949" spans="8:8">
      <c r="H29949" s="12"/>
    </row>
    <row r="29950" spans="8:8">
      <c r="H29950" s="12"/>
    </row>
    <row r="29951" spans="8:8">
      <c r="H29951" s="12"/>
    </row>
    <row r="29952" spans="8:8">
      <c r="H29952" s="12"/>
    </row>
    <row r="29953" spans="8:8">
      <c r="H29953" s="12"/>
    </row>
    <row r="29954" spans="8:8">
      <c r="H29954" s="12"/>
    </row>
    <row r="29955" spans="8:8">
      <c r="H29955" s="12"/>
    </row>
    <row r="29956" spans="8:8">
      <c r="H29956" s="12"/>
    </row>
    <row r="29957" spans="8:8">
      <c r="H29957" s="12"/>
    </row>
    <row r="29958" spans="8:8">
      <c r="H29958" s="12"/>
    </row>
    <row r="29959" spans="8:8">
      <c r="H29959" s="12"/>
    </row>
    <row r="29960" spans="8:8">
      <c r="H29960" s="12"/>
    </row>
    <row r="29961" spans="8:8">
      <c r="H29961" s="12"/>
    </row>
    <row r="29962" spans="8:8">
      <c r="H29962" s="12"/>
    </row>
    <row r="29963" spans="8:8">
      <c r="H29963" s="12"/>
    </row>
    <row r="29964" spans="8:8">
      <c r="H29964" s="12"/>
    </row>
    <row r="29965" spans="8:8">
      <c r="H29965" s="12"/>
    </row>
    <row r="29966" spans="8:8">
      <c r="H29966" s="12"/>
    </row>
    <row r="29967" spans="8:8">
      <c r="H29967" s="12"/>
    </row>
    <row r="29968" spans="8:8">
      <c r="H29968" s="12"/>
    </row>
    <row r="29969" spans="8:8">
      <c r="H29969" s="12"/>
    </row>
    <row r="29970" spans="8:8">
      <c r="H29970" s="12"/>
    </row>
    <row r="29971" spans="8:8">
      <c r="H29971" s="12"/>
    </row>
    <row r="29972" spans="8:8">
      <c r="H29972" s="12"/>
    </row>
    <row r="29973" spans="8:8">
      <c r="H29973" s="12"/>
    </row>
    <row r="29974" spans="8:8">
      <c r="H29974" s="12"/>
    </row>
    <row r="29975" spans="8:8">
      <c r="H29975" s="12"/>
    </row>
    <row r="29976" spans="8:8">
      <c r="H29976" s="12"/>
    </row>
    <row r="29977" spans="8:8">
      <c r="H29977" s="12"/>
    </row>
    <row r="29978" spans="8:8">
      <c r="H29978" s="12"/>
    </row>
    <row r="29979" spans="8:8">
      <c r="H29979" s="12"/>
    </row>
    <row r="29980" spans="8:8">
      <c r="H29980" s="12"/>
    </row>
    <row r="29981" spans="8:8">
      <c r="H29981" s="12"/>
    </row>
    <row r="29982" spans="8:8">
      <c r="H29982" s="12"/>
    </row>
    <row r="29983" spans="8:8">
      <c r="H29983" s="12"/>
    </row>
    <row r="29984" spans="8:8">
      <c r="H29984" s="12"/>
    </row>
    <row r="29985" spans="8:8">
      <c r="H29985" s="12"/>
    </row>
    <row r="29986" spans="8:8">
      <c r="H29986" s="12"/>
    </row>
    <row r="29987" spans="8:8">
      <c r="H29987" s="12"/>
    </row>
    <row r="29988" spans="8:8">
      <c r="H29988" s="12"/>
    </row>
    <row r="29989" spans="8:8">
      <c r="H29989" s="12"/>
    </row>
    <row r="29990" spans="8:8">
      <c r="H29990" s="12"/>
    </row>
    <row r="29991" spans="8:8">
      <c r="H29991" s="12"/>
    </row>
    <row r="29992" spans="8:8">
      <c r="H29992" s="12"/>
    </row>
    <row r="29993" spans="8:8">
      <c r="H29993" s="12"/>
    </row>
    <row r="29994" spans="8:8">
      <c r="H29994" s="12"/>
    </row>
    <row r="29995" spans="8:8">
      <c r="H29995" s="12"/>
    </row>
    <row r="29996" spans="8:8">
      <c r="H29996" s="12"/>
    </row>
    <row r="29997" spans="8:8">
      <c r="H29997" s="12"/>
    </row>
    <row r="29998" spans="8:8">
      <c r="H29998" s="12"/>
    </row>
    <row r="29999" spans="8:8">
      <c r="H29999" s="12"/>
    </row>
    <row r="30000" spans="8:8">
      <c r="H30000" s="12"/>
    </row>
    <row r="30001" spans="8:8">
      <c r="H30001" s="12"/>
    </row>
    <row r="30002" spans="8:8">
      <c r="H30002" s="12"/>
    </row>
    <row r="30003" spans="8:8">
      <c r="H30003" s="12"/>
    </row>
    <row r="30004" spans="8:8">
      <c r="H30004" s="12"/>
    </row>
    <row r="30005" spans="8:8">
      <c r="H30005" s="12"/>
    </row>
    <row r="30006" spans="8:8">
      <c r="H30006" s="12"/>
    </row>
    <row r="30007" spans="8:8">
      <c r="H30007" s="12"/>
    </row>
    <row r="30008" spans="8:8">
      <c r="H30008" s="12"/>
    </row>
    <row r="30009" spans="8:8">
      <c r="H30009" s="12"/>
    </row>
    <row r="30010" spans="8:8">
      <c r="H30010" s="12"/>
    </row>
    <row r="30011" spans="8:8">
      <c r="H30011" s="12"/>
    </row>
    <row r="30012" spans="8:8">
      <c r="H30012" s="12"/>
    </row>
    <row r="30013" spans="8:8">
      <c r="H30013" s="12"/>
    </row>
    <row r="30014" spans="8:8">
      <c r="H30014" s="12"/>
    </row>
    <row r="30015" spans="8:8">
      <c r="H30015" s="12"/>
    </row>
    <row r="30016" spans="8:8">
      <c r="H30016" s="12"/>
    </row>
    <row r="30017" spans="8:8">
      <c r="H30017" s="12"/>
    </row>
    <row r="30018" spans="8:8">
      <c r="H30018" s="12"/>
    </row>
    <row r="30019" spans="8:8">
      <c r="H30019" s="12"/>
    </row>
    <row r="30020" spans="8:8">
      <c r="H30020" s="12"/>
    </row>
    <row r="30021" spans="8:8">
      <c r="H30021" s="12"/>
    </row>
    <row r="30022" spans="8:8">
      <c r="H30022" s="12"/>
    </row>
    <row r="30023" spans="8:8">
      <c r="H30023" s="12"/>
    </row>
    <row r="30024" spans="8:8">
      <c r="H30024" s="12"/>
    </row>
    <row r="30025" spans="8:8">
      <c r="H30025" s="12"/>
    </row>
    <row r="30026" spans="8:8">
      <c r="H30026" s="12"/>
    </row>
    <row r="30027" spans="8:8">
      <c r="H30027" s="12"/>
    </row>
    <row r="30028" spans="8:8">
      <c r="H30028" s="12"/>
    </row>
    <row r="30029" spans="8:8">
      <c r="H30029" s="12"/>
    </row>
    <row r="30030" spans="8:8">
      <c r="H30030" s="12"/>
    </row>
    <row r="30031" spans="8:8">
      <c r="H30031" s="12"/>
    </row>
    <row r="30032" spans="8:8">
      <c r="H30032" s="12"/>
    </row>
    <row r="30033" spans="8:8">
      <c r="H30033" s="12"/>
    </row>
    <row r="30034" spans="8:8">
      <c r="H30034" s="12"/>
    </row>
    <row r="30035" spans="8:8">
      <c r="H30035" s="12"/>
    </row>
    <row r="30036" spans="8:8">
      <c r="H30036" s="12"/>
    </row>
    <row r="30037" spans="8:8">
      <c r="H30037" s="12"/>
    </row>
    <row r="30038" spans="8:8">
      <c r="H30038" s="12"/>
    </row>
    <row r="30039" spans="8:8">
      <c r="H30039" s="12"/>
    </row>
    <row r="30040" spans="8:8">
      <c r="H30040" s="12"/>
    </row>
    <row r="30041" spans="8:8">
      <c r="H30041" s="12"/>
    </row>
    <row r="30042" spans="8:8">
      <c r="H30042" s="12"/>
    </row>
    <row r="30043" spans="8:8">
      <c r="H30043" s="12"/>
    </row>
    <row r="30044" spans="8:8">
      <c r="H30044" s="12"/>
    </row>
    <row r="30045" spans="8:8">
      <c r="H30045" s="12"/>
    </row>
    <row r="30046" spans="8:8">
      <c r="H30046" s="12"/>
    </row>
    <row r="30047" spans="8:8">
      <c r="H30047" s="12"/>
    </row>
    <row r="30048" spans="8:8">
      <c r="H30048" s="12"/>
    </row>
    <row r="30049" spans="8:8">
      <c r="H30049" s="12"/>
    </row>
    <row r="30050" spans="8:8">
      <c r="H30050" s="12"/>
    </row>
    <row r="30051" spans="8:8">
      <c r="H30051" s="12"/>
    </row>
    <row r="30052" spans="8:8">
      <c r="H30052" s="12"/>
    </row>
    <row r="30053" spans="8:8">
      <c r="H30053" s="12"/>
    </row>
    <row r="30054" spans="8:8">
      <c r="H30054" s="12"/>
    </row>
    <row r="30055" spans="8:8">
      <c r="H30055" s="12"/>
    </row>
    <row r="30056" spans="8:8">
      <c r="H30056" s="12"/>
    </row>
    <row r="30057" spans="8:8">
      <c r="H30057" s="12"/>
    </row>
    <row r="30058" spans="8:8">
      <c r="H30058" s="12"/>
    </row>
    <row r="30059" spans="8:8">
      <c r="H30059" s="12"/>
    </row>
    <row r="30060" spans="8:8">
      <c r="H30060" s="12"/>
    </row>
    <row r="30061" spans="8:8">
      <c r="H30061" s="12"/>
    </row>
    <row r="30062" spans="8:8">
      <c r="H30062" s="12"/>
    </row>
    <row r="30063" spans="8:8">
      <c r="H30063" s="12"/>
    </row>
    <row r="30064" spans="8:8">
      <c r="H30064" s="12"/>
    </row>
    <row r="30065" spans="8:8">
      <c r="H30065" s="12"/>
    </row>
    <row r="30066" spans="8:8">
      <c r="H30066" s="12"/>
    </row>
    <row r="30067" spans="8:8">
      <c r="H30067" s="12"/>
    </row>
    <row r="30068" spans="8:8">
      <c r="H30068" s="12"/>
    </row>
    <row r="30069" spans="8:8">
      <c r="H30069" s="12"/>
    </row>
    <row r="30070" spans="8:8">
      <c r="H30070" s="12"/>
    </row>
    <row r="30071" spans="8:8">
      <c r="H30071" s="12"/>
    </row>
    <row r="30072" spans="8:8">
      <c r="H30072" s="12"/>
    </row>
    <row r="30073" spans="8:8">
      <c r="H30073" s="12"/>
    </row>
    <row r="30074" spans="8:8">
      <c r="H30074" s="12"/>
    </row>
    <row r="30075" spans="8:8">
      <c r="H30075" s="12"/>
    </row>
    <row r="30076" spans="8:8">
      <c r="H30076" s="12"/>
    </row>
    <row r="30077" spans="8:8">
      <c r="H30077" s="12"/>
    </row>
    <row r="30078" spans="8:8">
      <c r="H30078" s="12"/>
    </row>
    <row r="30079" spans="8:8">
      <c r="H30079" s="12"/>
    </row>
    <row r="30080" spans="8:8">
      <c r="H30080" s="12"/>
    </row>
    <row r="30081" spans="8:8">
      <c r="H30081" s="12"/>
    </row>
    <row r="30082" spans="8:8">
      <c r="H30082" s="12"/>
    </row>
    <row r="30083" spans="8:8">
      <c r="H30083" s="12"/>
    </row>
    <row r="30084" spans="8:8">
      <c r="H30084" s="12"/>
    </row>
    <row r="30085" spans="8:8">
      <c r="H30085" s="12"/>
    </row>
    <row r="30086" spans="8:8">
      <c r="H30086" s="12"/>
    </row>
    <row r="30087" spans="8:8">
      <c r="H30087" s="12"/>
    </row>
    <row r="30088" spans="8:8">
      <c r="H30088" s="12"/>
    </row>
    <row r="30089" spans="8:8">
      <c r="H30089" s="12"/>
    </row>
    <row r="30090" spans="8:8">
      <c r="H30090" s="12"/>
    </row>
    <row r="30091" spans="8:8">
      <c r="H30091" s="12"/>
    </row>
    <row r="30092" spans="8:8">
      <c r="H30092" s="12"/>
    </row>
    <row r="30093" spans="8:8">
      <c r="H30093" s="12"/>
    </row>
    <row r="30094" spans="8:8">
      <c r="H30094" s="12"/>
    </row>
    <row r="30095" spans="8:8">
      <c r="H30095" s="12"/>
    </row>
    <row r="30096" spans="8:8">
      <c r="H30096" s="12"/>
    </row>
    <row r="30097" spans="8:8">
      <c r="H30097" s="12"/>
    </row>
    <row r="30098" spans="8:8">
      <c r="H30098" s="12"/>
    </row>
    <row r="30099" spans="8:8">
      <c r="H30099" s="12"/>
    </row>
    <row r="30100" spans="8:8">
      <c r="H30100" s="12"/>
    </row>
    <row r="30101" spans="8:8">
      <c r="H30101" s="12"/>
    </row>
    <row r="30102" spans="8:8">
      <c r="H30102" s="12"/>
    </row>
    <row r="30103" spans="8:8">
      <c r="H30103" s="12"/>
    </row>
    <row r="30104" spans="8:8">
      <c r="H30104" s="12"/>
    </row>
    <row r="30105" spans="8:8">
      <c r="H30105" s="12"/>
    </row>
    <row r="30106" spans="8:8">
      <c r="H30106" s="12"/>
    </row>
    <row r="30107" spans="8:8">
      <c r="H30107" s="12"/>
    </row>
    <row r="30108" spans="8:8">
      <c r="H30108" s="12"/>
    </row>
    <row r="30109" spans="8:8">
      <c r="H30109" s="12"/>
    </row>
    <row r="30110" spans="8:8">
      <c r="H30110" s="12"/>
    </row>
    <row r="30111" spans="8:8">
      <c r="H30111" s="12"/>
    </row>
    <row r="30112" spans="8:8">
      <c r="H30112" s="12"/>
    </row>
    <row r="30113" spans="8:8">
      <c r="H30113" s="12"/>
    </row>
    <row r="30114" spans="8:8">
      <c r="H30114" s="12"/>
    </row>
    <row r="30115" spans="8:8">
      <c r="H30115" s="12"/>
    </row>
    <row r="30116" spans="8:8">
      <c r="H30116" s="12"/>
    </row>
    <row r="30117" spans="8:8">
      <c r="H30117" s="12"/>
    </row>
    <row r="30118" spans="8:8">
      <c r="H30118" s="12"/>
    </row>
    <row r="30119" spans="8:8">
      <c r="H30119" s="12"/>
    </row>
    <row r="30120" spans="8:8">
      <c r="H30120" s="12"/>
    </row>
    <row r="30121" spans="8:8">
      <c r="H30121" s="12"/>
    </row>
    <row r="30122" spans="8:8">
      <c r="H30122" s="12"/>
    </row>
    <row r="30123" spans="8:8">
      <c r="H30123" s="12"/>
    </row>
    <row r="30124" spans="8:8">
      <c r="H30124" s="12"/>
    </row>
    <row r="30125" spans="8:8">
      <c r="H30125" s="12"/>
    </row>
    <row r="30126" spans="8:8">
      <c r="H30126" s="12"/>
    </row>
    <row r="30127" spans="8:8">
      <c r="H30127" s="12"/>
    </row>
    <row r="30128" spans="8:8">
      <c r="H30128" s="12"/>
    </row>
    <row r="30129" spans="8:8">
      <c r="H30129" s="12"/>
    </row>
    <row r="30130" spans="8:8">
      <c r="H30130" s="12"/>
    </row>
    <row r="30131" spans="8:8">
      <c r="H30131" s="12"/>
    </row>
    <row r="30132" spans="8:8">
      <c r="H30132" s="12"/>
    </row>
    <row r="30133" spans="8:8">
      <c r="H30133" s="12"/>
    </row>
    <row r="30134" spans="8:8">
      <c r="H30134" s="12"/>
    </row>
    <row r="30135" spans="8:8">
      <c r="H30135" s="12"/>
    </row>
    <row r="30136" spans="8:8">
      <c r="H30136" s="12"/>
    </row>
    <row r="30137" spans="8:8">
      <c r="H30137" s="12"/>
    </row>
    <row r="30138" spans="8:8">
      <c r="H30138" s="12"/>
    </row>
    <row r="30139" spans="8:8">
      <c r="H30139" s="12"/>
    </row>
    <row r="30140" spans="8:8">
      <c r="H30140" s="12"/>
    </row>
    <row r="30141" spans="8:8">
      <c r="H30141" s="12"/>
    </row>
    <row r="30142" spans="8:8">
      <c r="H30142" s="12"/>
    </row>
    <row r="30143" spans="8:8">
      <c r="H30143" s="12"/>
    </row>
    <row r="30144" spans="8:8">
      <c r="H30144" s="12"/>
    </row>
    <row r="30145" spans="8:8">
      <c r="H30145" s="12"/>
    </row>
    <row r="30146" spans="8:8">
      <c r="H30146" s="12"/>
    </row>
    <row r="30147" spans="8:8">
      <c r="H30147" s="12"/>
    </row>
    <row r="30148" spans="8:8">
      <c r="H30148" s="12"/>
    </row>
    <row r="30149" spans="8:8">
      <c r="H30149" s="12"/>
    </row>
    <row r="30150" spans="8:8">
      <c r="H30150" s="12"/>
    </row>
    <row r="30151" spans="8:8">
      <c r="H30151" s="12"/>
    </row>
    <row r="30152" spans="8:8">
      <c r="H30152" s="12"/>
    </row>
    <row r="30153" spans="8:8">
      <c r="H30153" s="12"/>
    </row>
    <row r="30154" spans="8:8">
      <c r="H30154" s="12"/>
    </row>
    <row r="30155" spans="8:8">
      <c r="H30155" s="12"/>
    </row>
    <row r="30156" spans="8:8">
      <c r="H30156" s="12"/>
    </row>
    <row r="30157" spans="8:8">
      <c r="H30157" s="12"/>
    </row>
    <row r="30158" spans="8:8">
      <c r="H30158" s="12"/>
    </row>
    <row r="30159" spans="8:8">
      <c r="H30159" s="12"/>
    </row>
    <row r="30160" spans="8:8">
      <c r="H30160" s="12"/>
    </row>
    <row r="30161" spans="8:8">
      <c r="H30161" s="12"/>
    </row>
    <row r="30162" spans="8:8">
      <c r="H30162" s="12"/>
    </row>
    <row r="30163" spans="8:8">
      <c r="H30163" s="12"/>
    </row>
    <row r="30164" spans="8:8">
      <c r="H30164" s="12"/>
    </row>
    <row r="30165" spans="8:8">
      <c r="H30165" s="12"/>
    </row>
    <row r="30166" spans="8:8">
      <c r="H30166" s="12"/>
    </row>
    <row r="30167" spans="8:8">
      <c r="H30167" s="12"/>
    </row>
    <row r="30168" spans="8:8">
      <c r="H30168" s="12"/>
    </row>
    <row r="30169" spans="8:8">
      <c r="H30169" s="12"/>
    </row>
    <row r="30170" spans="8:8">
      <c r="H30170" s="12"/>
    </row>
    <row r="30171" spans="8:8">
      <c r="H30171" s="12"/>
    </row>
    <row r="30172" spans="8:8">
      <c r="H30172" s="12"/>
    </row>
    <row r="30173" spans="8:8">
      <c r="H30173" s="12"/>
    </row>
    <row r="30174" spans="8:8">
      <c r="H30174" s="12"/>
    </row>
    <row r="30175" spans="8:8">
      <c r="H30175" s="12"/>
    </row>
    <row r="30176" spans="8:8">
      <c r="H30176" s="12"/>
    </row>
    <row r="30177" spans="8:8">
      <c r="H30177" s="12"/>
    </row>
    <row r="30178" spans="8:8">
      <c r="H30178" s="12"/>
    </row>
    <row r="30179" spans="8:8">
      <c r="H30179" s="12"/>
    </row>
    <row r="30180" spans="8:8">
      <c r="H30180" s="12"/>
    </row>
    <row r="30181" spans="8:8">
      <c r="H30181" s="12"/>
    </row>
    <row r="30182" spans="8:8">
      <c r="H30182" s="12"/>
    </row>
    <row r="30183" spans="8:8">
      <c r="H30183" s="12"/>
    </row>
    <row r="30184" spans="8:8">
      <c r="H30184" s="12"/>
    </row>
    <row r="30185" spans="8:8">
      <c r="H30185" s="12"/>
    </row>
    <row r="30186" spans="8:8">
      <c r="H30186" s="12"/>
    </row>
    <row r="30187" spans="8:8">
      <c r="H30187" s="12"/>
    </row>
    <row r="30188" spans="8:8">
      <c r="H30188" s="12"/>
    </row>
    <row r="30189" spans="8:8">
      <c r="H30189" s="12"/>
    </row>
    <row r="30190" spans="8:8">
      <c r="H30190" s="12"/>
    </row>
    <row r="30191" spans="8:8">
      <c r="H30191" s="12"/>
    </row>
    <row r="30192" spans="8:8">
      <c r="H30192" s="12"/>
    </row>
    <row r="30193" spans="8:8">
      <c r="H30193" s="12"/>
    </row>
    <row r="30194" spans="8:8">
      <c r="H30194" s="12"/>
    </row>
    <row r="30195" spans="8:8">
      <c r="H30195" s="12"/>
    </row>
    <row r="30196" spans="8:8">
      <c r="H30196" s="12"/>
    </row>
    <row r="30197" spans="8:8">
      <c r="H30197" s="12"/>
    </row>
    <row r="30198" spans="8:8">
      <c r="H30198" s="12"/>
    </row>
    <row r="30199" spans="8:8">
      <c r="H30199" s="12"/>
    </row>
    <row r="30200" spans="8:8">
      <c r="H30200" s="12"/>
    </row>
    <row r="30201" spans="8:8">
      <c r="H30201" s="12"/>
    </row>
    <row r="30202" spans="8:8">
      <c r="H30202" s="12"/>
    </row>
    <row r="30203" spans="8:8">
      <c r="H30203" s="12"/>
    </row>
    <row r="30204" spans="8:8">
      <c r="H30204" s="12"/>
    </row>
    <row r="30205" spans="8:8">
      <c r="H30205" s="12"/>
    </row>
    <row r="30206" spans="8:8">
      <c r="H30206" s="12"/>
    </row>
    <row r="30207" spans="8:8">
      <c r="H30207" s="12"/>
    </row>
    <row r="30208" spans="8:8">
      <c r="H30208" s="12"/>
    </row>
    <row r="30209" spans="8:8">
      <c r="H30209" s="12"/>
    </row>
    <row r="30210" spans="8:8">
      <c r="H30210" s="12"/>
    </row>
    <row r="30211" spans="8:8">
      <c r="H30211" s="12"/>
    </row>
    <row r="30212" spans="8:8">
      <c r="H30212" s="12"/>
    </row>
    <row r="30213" spans="8:8">
      <c r="H30213" s="12"/>
    </row>
    <row r="30214" spans="8:8">
      <c r="H30214" s="12"/>
    </row>
    <row r="30215" spans="8:8">
      <c r="H30215" s="12"/>
    </row>
    <row r="30216" spans="8:8">
      <c r="H30216" s="12"/>
    </row>
    <row r="30217" spans="8:8">
      <c r="H30217" s="12"/>
    </row>
    <row r="30218" spans="8:8">
      <c r="H30218" s="12"/>
    </row>
    <row r="30219" spans="8:8">
      <c r="H30219" s="12"/>
    </row>
    <row r="30220" spans="8:8">
      <c r="H30220" s="12"/>
    </row>
    <row r="30221" spans="8:8">
      <c r="H30221" s="12"/>
    </row>
    <row r="30222" spans="8:8">
      <c r="H30222" s="12"/>
    </row>
    <row r="30223" spans="8:8">
      <c r="H30223" s="12"/>
    </row>
    <row r="30224" spans="8:8">
      <c r="H30224" s="12"/>
    </row>
    <row r="30225" spans="8:8">
      <c r="H30225" s="12"/>
    </row>
    <row r="30226" spans="8:8">
      <c r="H30226" s="12"/>
    </row>
    <row r="30227" spans="8:8">
      <c r="H30227" s="12"/>
    </row>
    <row r="30228" spans="8:8">
      <c r="H30228" s="12"/>
    </row>
    <row r="30229" spans="8:8">
      <c r="H30229" s="12"/>
    </row>
    <row r="30230" spans="8:8">
      <c r="H30230" s="12"/>
    </row>
    <row r="30231" spans="8:8">
      <c r="H30231" s="12"/>
    </row>
    <row r="30232" spans="8:8">
      <c r="H30232" s="12"/>
    </row>
    <row r="30233" spans="8:8">
      <c r="H30233" s="12"/>
    </row>
    <row r="30234" spans="8:8">
      <c r="H30234" s="12"/>
    </row>
    <row r="30235" spans="8:8">
      <c r="H30235" s="12"/>
    </row>
    <row r="30236" spans="8:8">
      <c r="H30236" s="12"/>
    </row>
    <row r="30237" spans="8:8">
      <c r="H30237" s="12"/>
    </row>
    <row r="30238" spans="8:8">
      <c r="H30238" s="12"/>
    </row>
    <row r="30239" spans="8:8">
      <c r="H30239" s="12"/>
    </row>
    <row r="30240" spans="8:8">
      <c r="H30240" s="12"/>
    </row>
    <row r="30241" spans="8:8">
      <c r="H30241" s="12"/>
    </row>
    <row r="30242" spans="8:8">
      <c r="H30242" s="12"/>
    </row>
    <row r="30243" spans="8:8">
      <c r="H30243" s="12"/>
    </row>
    <row r="30244" spans="8:8">
      <c r="H30244" s="12"/>
    </row>
    <row r="30245" spans="8:8">
      <c r="H30245" s="12"/>
    </row>
    <row r="30246" spans="8:8">
      <c r="H30246" s="12"/>
    </row>
    <row r="30247" spans="8:8">
      <c r="H30247" s="12"/>
    </row>
    <row r="30248" spans="8:8">
      <c r="H30248" s="12"/>
    </row>
    <row r="30249" spans="8:8">
      <c r="H30249" s="12"/>
    </row>
    <row r="30250" spans="8:8">
      <c r="H30250" s="12"/>
    </row>
    <row r="30251" spans="8:8">
      <c r="H30251" s="12"/>
    </row>
    <row r="30252" spans="8:8">
      <c r="H30252" s="12"/>
    </row>
    <row r="30253" spans="8:8">
      <c r="H30253" s="12"/>
    </row>
    <row r="30254" spans="8:8">
      <c r="H30254" s="12"/>
    </row>
    <row r="30255" spans="8:8">
      <c r="H30255" s="12"/>
    </row>
    <row r="30256" spans="8:8">
      <c r="H30256" s="12"/>
    </row>
    <row r="30257" spans="8:8">
      <c r="H30257" s="12"/>
    </row>
    <row r="30258" spans="8:8">
      <c r="H30258" s="12"/>
    </row>
    <row r="30259" spans="8:8">
      <c r="H30259" s="12"/>
    </row>
    <row r="30260" spans="8:8">
      <c r="H30260" s="12"/>
    </row>
    <row r="30261" spans="8:8">
      <c r="H30261" s="12"/>
    </row>
    <row r="30262" spans="8:8">
      <c r="H30262" s="12"/>
    </row>
    <row r="30263" spans="8:8">
      <c r="H30263" s="12"/>
    </row>
    <row r="30264" spans="8:8">
      <c r="H30264" s="12"/>
    </row>
    <row r="30265" spans="8:8">
      <c r="H30265" s="12"/>
    </row>
    <row r="30266" spans="8:8">
      <c r="H30266" s="12"/>
    </row>
    <row r="30267" spans="8:8">
      <c r="H30267" s="12"/>
    </row>
    <row r="30268" spans="8:8">
      <c r="H30268" s="12"/>
    </row>
    <row r="30269" spans="8:8">
      <c r="H30269" s="12"/>
    </row>
    <row r="30270" spans="8:8">
      <c r="H30270" s="12"/>
    </row>
    <row r="30271" spans="8:8">
      <c r="H30271" s="12"/>
    </row>
    <row r="30272" spans="8:8">
      <c r="H30272" s="12"/>
    </row>
    <row r="30273" spans="8:8">
      <c r="H30273" s="12"/>
    </row>
    <row r="30274" spans="8:8">
      <c r="H30274" s="12"/>
    </row>
    <row r="30275" spans="8:8">
      <c r="H30275" s="12"/>
    </row>
    <row r="30276" spans="8:8">
      <c r="H30276" s="12"/>
    </row>
    <row r="30277" spans="8:8">
      <c r="H30277" s="12"/>
    </row>
    <row r="30278" spans="8:8">
      <c r="H30278" s="12"/>
    </row>
    <row r="30279" spans="8:8">
      <c r="H30279" s="12"/>
    </row>
    <row r="30280" spans="8:8">
      <c r="H30280" s="12"/>
    </row>
    <row r="30281" spans="8:8">
      <c r="H30281" s="12"/>
    </row>
    <row r="30282" spans="8:8">
      <c r="H30282" s="12"/>
    </row>
    <row r="30283" spans="8:8">
      <c r="H30283" s="12"/>
    </row>
    <row r="30284" spans="8:8">
      <c r="H30284" s="12"/>
    </row>
    <row r="30285" spans="8:8">
      <c r="H30285" s="12"/>
    </row>
    <row r="30286" spans="8:8">
      <c r="H30286" s="12"/>
    </row>
    <row r="30287" spans="8:8">
      <c r="H30287" s="12"/>
    </row>
    <row r="30288" spans="8:8">
      <c r="H30288" s="12"/>
    </row>
    <row r="30289" spans="8:8">
      <c r="H30289" s="12"/>
    </row>
    <row r="30290" spans="8:8">
      <c r="H30290" s="12"/>
    </row>
    <row r="30291" spans="8:8">
      <c r="H30291" s="12"/>
    </row>
    <row r="30292" spans="8:8">
      <c r="H30292" s="12"/>
    </row>
    <row r="30293" spans="8:8">
      <c r="H30293" s="12"/>
    </row>
    <row r="30294" spans="8:8">
      <c r="H30294" s="12"/>
    </row>
    <row r="30295" spans="8:8">
      <c r="H30295" s="12"/>
    </row>
    <row r="30296" spans="8:8">
      <c r="H30296" s="12"/>
    </row>
    <row r="30297" spans="8:8">
      <c r="H30297" s="12"/>
    </row>
    <row r="30298" spans="8:8">
      <c r="H30298" s="12"/>
    </row>
    <row r="30299" spans="8:8">
      <c r="H30299" s="12"/>
    </row>
    <row r="30300" spans="8:8">
      <c r="H30300" s="12"/>
    </row>
    <row r="30301" spans="8:8">
      <c r="H30301" s="12"/>
    </row>
    <row r="30302" spans="8:8">
      <c r="H30302" s="12"/>
    </row>
    <row r="30303" spans="8:8">
      <c r="H30303" s="12"/>
    </row>
    <row r="30304" spans="8:8">
      <c r="H30304" s="12"/>
    </row>
    <row r="30305" spans="8:8">
      <c r="H30305" s="12"/>
    </row>
    <row r="30306" spans="8:8">
      <c r="H30306" s="12"/>
    </row>
    <row r="30307" spans="8:8">
      <c r="H30307" s="12"/>
    </row>
    <row r="30308" spans="8:8">
      <c r="H30308" s="12"/>
    </row>
    <row r="30309" spans="8:8">
      <c r="H30309" s="12"/>
    </row>
    <row r="30310" spans="8:8">
      <c r="H30310" s="12"/>
    </row>
    <row r="30311" spans="8:8">
      <c r="H30311" s="12"/>
    </row>
    <row r="30312" spans="8:8">
      <c r="H30312" s="12"/>
    </row>
    <row r="30313" spans="8:8">
      <c r="H30313" s="12"/>
    </row>
    <row r="30314" spans="8:8">
      <c r="H30314" s="12"/>
    </row>
    <row r="30315" spans="8:8">
      <c r="H30315" s="12"/>
    </row>
    <row r="30316" spans="8:8">
      <c r="H30316" s="12"/>
    </row>
    <row r="30317" spans="8:8">
      <c r="H30317" s="12"/>
    </row>
    <row r="30318" spans="8:8">
      <c r="H30318" s="12"/>
    </row>
    <row r="30319" spans="8:8">
      <c r="H30319" s="12"/>
    </row>
    <row r="30320" spans="8:8">
      <c r="H30320" s="12"/>
    </row>
    <row r="30321" spans="8:8">
      <c r="H30321" s="12"/>
    </row>
    <row r="30322" spans="8:8">
      <c r="H30322" s="12"/>
    </row>
    <row r="30323" spans="8:8">
      <c r="H30323" s="12"/>
    </row>
    <row r="30324" spans="8:8">
      <c r="H30324" s="12"/>
    </row>
    <row r="30325" spans="8:8">
      <c r="H30325" s="12"/>
    </row>
    <row r="30326" spans="8:8">
      <c r="H30326" s="12"/>
    </row>
    <row r="30327" spans="8:8">
      <c r="H30327" s="12"/>
    </row>
    <row r="30328" spans="8:8">
      <c r="H30328" s="12"/>
    </row>
    <row r="30329" spans="8:8">
      <c r="H30329" s="12"/>
    </row>
    <row r="30330" spans="8:8">
      <c r="H30330" s="12"/>
    </row>
    <row r="30331" spans="8:8">
      <c r="H30331" s="12"/>
    </row>
    <row r="30332" spans="8:8">
      <c r="H30332" s="12"/>
    </row>
    <row r="30333" spans="8:8">
      <c r="H30333" s="12"/>
    </row>
    <row r="30334" spans="8:8">
      <c r="H30334" s="12"/>
    </row>
    <row r="30335" spans="8:8">
      <c r="H30335" s="12"/>
    </row>
    <row r="30336" spans="8:8">
      <c r="H30336" s="12"/>
    </row>
    <row r="30337" spans="8:8">
      <c r="H30337" s="12"/>
    </row>
    <row r="30338" spans="8:8">
      <c r="H30338" s="12"/>
    </row>
    <row r="30339" spans="8:8">
      <c r="H30339" s="12"/>
    </row>
    <row r="30340" spans="8:8">
      <c r="H30340" s="12"/>
    </row>
    <row r="30341" spans="8:8">
      <c r="H30341" s="12"/>
    </row>
    <row r="30342" spans="8:8">
      <c r="H30342" s="12"/>
    </row>
    <row r="30343" spans="8:8">
      <c r="H30343" s="12"/>
    </row>
    <row r="30344" spans="8:8">
      <c r="H30344" s="12"/>
    </row>
    <row r="30345" spans="8:8">
      <c r="H30345" s="12"/>
    </row>
    <row r="30346" spans="8:8">
      <c r="H30346" s="12"/>
    </row>
    <row r="30347" spans="8:8">
      <c r="H30347" s="12"/>
    </row>
    <row r="30348" spans="8:8">
      <c r="H30348" s="12"/>
    </row>
    <row r="30349" spans="8:8">
      <c r="H30349" s="12"/>
    </row>
    <row r="30350" spans="8:8">
      <c r="H30350" s="12"/>
    </row>
    <row r="30351" spans="8:8">
      <c r="H30351" s="12"/>
    </row>
    <row r="30352" spans="8:8">
      <c r="H30352" s="12"/>
    </row>
    <row r="30353" spans="8:8">
      <c r="H30353" s="12"/>
    </row>
    <row r="30354" spans="8:8">
      <c r="H30354" s="12"/>
    </row>
    <row r="30355" spans="8:8">
      <c r="H30355" s="12"/>
    </row>
    <row r="30356" spans="8:8">
      <c r="H30356" s="12"/>
    </row>
    <row r="30357" spans="8:8">
      <c r="H30357" s="12"/>
    </row>
    <row r="30358" spans="8:8">
      <c r="H30358" s="12"/>
    </row>
    <row r="30359" spans="8:8">
      <c r="H30359" s="12"/>
    </row>
    <row r="30360" spans="8:8">
      <c r="H30360" s="12"/>
    </row>
    <row r="30361" spans="8:8">
      <c r="H30361" s="12"/>
    </row>
    <row r="30362" spans="8:8">
      <c r="H30362" s="12"/>
    </row>
    <row r="30363" spans="8:8">
      <c r="H30363" s="12"/>
    </row>
    <row r="30364" spans="8:8">
      <c r="H30364" s="12"/>
    </row>
    <row r="30365" spans="8:8">
      <c r="H30365" s="12"/>
    </row>
    <row r="30366" spans="8:8">
      <c r="H30366" s="12"/>
    </row>
    <row r="30367" spans="8:8">
      <c r="H30367" s="12"/>
    </row>
    <row r="30368" spans="8:8">
      <c r="H30368" s="12"/>
    </row>
    <row r="30369" spans="8:8">
      <c r="H30369" s="12"/>
    </row>
    <row r="30370" spans="8:8">
      <c r="H30370" s="12"/>
    </row>
    <row r="30371" spans="8:8">
      <c r="H30371" s="12"/>
    </row>
    <row r="30372" spans="8:8">
      <c r="H30372" s="12"/>
    </row>
    <row r="30373" spans="8:8">
      <c r="H30373" s="12"/>
    </row>
    <row r="30374" spans="8:8">
      <c r="H30374" s="12"/>
    </row>
    <row r="30375" spans="8:8">
      <c r="H30375" s="12"/>
    </row>
    <row r="30376" spans="8:8">
      <c r="H30376" s="12"/>
    </row>
    <row r="30377" spans="8:8">
      <c r="H30377" s="12"/>
    </row>
    <row r="30378" spans="8:8">
      <c r="H30378" s="12"/>
    </row>
    <row r="30379" spans="8:8">
      <c r="H30379" s="12"/>
    </row>
    <row r="30380" spans="8:8">
      <c r="H30380" s="12"/>
    </row>
    <row r="30381" spans="8:8">
      <c r="H30381" s="12"/>
    </row>
    <row r="30382" spans="8:8">
      <c r="H30382" s="12"/>
    </row>
    <row r="30383" spans="8:8">
      <c r="H30383" s="12"/>
    </row>
    <row r="30384" spans="8:8">
      <c r="H30384" s="12"/>
    </row>
    <row r="30385" spans="8:8">
      <c r="H30385" s="12"/>
    </row>
    <row r="30386" spans="8:8">
      <c r="H30386" s="12"/>
    </row>
    <row r="30387" spans="8:8">
      <c r="H30387" s="12"/>
    </row>
    <row r="30388" spans="8:8">
      <c r="H30388" s="12"/>
    </row>
    <row r="30389" spans="8:8">
      <c r="H30389" s="12"/>
    </row>
    <row r="30390" spans="8:8">
      <c r="H30390" s="12"/>
    </row>
    <row r="30391" spans="8:8">
      <c r="H30391" s="12"/>
    </row>
    <row r="30392" spans="8:8">
      <c r="H30392" s="12"/>
    </row>
    <row r="30393" spans="8:8">
      <c r="H30393" s="12"/>
    </row>
    <row r="30394" spans="8:8">
      <c r="H30394" s="12"/>
    </row>
    <row r="30395" spans="8:8">
      <c r="H30395" s="12"/>
    </row>
    <row r="30396" spans="8:8">
      <c r="H30396" s="12"/>
    </row>
    <row r="30397" spans="8:8">
      <c r="H30397" s="12"/>
    </row>
    <row r="30398" spans="8:8">
      <c r="H30398" s="12"/>
    </row>
    <row r="30399" spans="8:8">
      <c r="H30399" s="12"/>
    </row>
    <row r="30400" spans="8:8">
      <c r="H30400" s="12"/>
    </row>
    <row r="30401" spans="8:8">
      <c r="H30401" s="12"/>
    </row>
    <row r="30402" spans="8:8">
      <c r="H30402" s="12"/>
    </row>
    <row r="30403" spans="8:8">
      <c r="H30403" s="12"/>
    </row>
    <row r="30404" spans="8:8">
      <c r="H30404" s="12"/>
    </row>
    <row r="30405" spans="8:8">
      <c r="H30405" s="12"/>
    </row>
    <row r="30406" spans="8:8">
      <c r="H30406" s="12"/>
    </row>
    <row r="30407" spans="8:8">
      <c r="H30407" s="12"/>
    </row>
    <row r="30408" spans="8:8">
      <c r="H30408" s="12"/>
    </row>
    <row r="30409" spans="8:8">
      <c r="H30409" s="12"/>
    </row>
    <row r="30410" spans="8:8">
      <c r="H30410" s="12"/>
    </row>
    <row r="30411" spans="8:8">
      <c r="H30411" s="12"/>
    </row>
    <row r="30412" spans="8:8">
      <c r="H30412" s="12"/>
    </row>
    <row r="30413" spans="8:8">
      <c r="H30413" s="12"/>
    </row>
    <row r="30414" spans="8:8">
      <c r="H30414" s="12"/>
    </row>
    <row r="30415" spans="8:8">
      <c r="H30415" s="12"/>
    </row>
    <row r="30416" spans="8:8">
      <c r="H30416" s="12"/>
    </row>
    <row r="30417" spans="8:8">
      <c r="H30417" s="12"/>
    </row>
    <row r="30418" spans="8:8">
      <c r="H30418" s="12"/>
    </row>
    <row r="30419" spans="8:8">
      <c r="H30419" s="12"/>
    </row>
    <row r="30420" spans="8:8">
      <c r="H30420" s="12"/>
    </row>
    <row r="30421" spans="8:8">
      <c r="H30421" s="12"/>
    </row>
    <row r="30422" spans="8:8">
      <c r="H30422" s="12"/>
    </row>
    <row r="30423" spans="8:8">
      <c r="H30423" s="12"/>
    </row>
    <row r="30424" spans="8:8">
      <c r="H30424" s="12"/>
    </row>
    <row r="30425" spans="8:8">
      <c r="H30425" s="12"/>
    </row>
    <row r="30426" spans="8:8">
      <c r="H30426" s="12"/>
    </row>
    <row r="30427" spans="8:8">
      <c r="H30427" s="12"/>
    </row>
    <row r="30428" spans="8:8">
      <c r="H30428" s="12"/>
    </row>
    <row r="30429" spans="8:8">
      <c r="H30429" s="12"/>
    </row>
    <row r="30430" spans="8:8">
      <c r="H30430" s="12"/>
    </row>
    <row r="30431" spans="8:8">
      <c r="H30431" s="12"/>
    </row>
    <row r="30432" spans="8:8">
      <c r="H30432" s="12"/>
    </row>
    <row r="30433" spans="8:8">
      <c r="H30433" s="12"/>
    </row>
    <row r="30434" spans="8:8">
      <c r="H30434" s="12"/>
    </row>
    <row r="30435" spans="8:8">
      <c r="H30435" s="12"/>
    </row>
    <row r="30436" spans="8:8">
      <c r="H30436" s="12"/>
    </row>
    <row r="30437" spans="8:8">
      <c r="H30437" s="12"/>
    </row>
    <row r="30438" spans="8:8">
      <c r="H30438" s="12"/>
    </row>
    <row r="30439" spans="8:8">
      <c r="H30439" s="12"/>
    </row>
    <row r="30440" spans="8:8">
      <c r="H30440" s="12"/>
    </row>
    <row r="30441" spans="8:8">
      <c r="H30441" s="12"/>
    </row>
    <row r="30442" spans="8:8">
      <c r="H30442" s="12"/>
    </row>
    <row r="30443" spans="8:8">
      <c r="H30443" s="12"/>
    </row>
    <row r="30444" spans="8:8">
      <c r="H30444" s="12"/>
    </row>
    <row r="30445" spans="8:8">
      <c r="H30445" s="12"/>
    </row>
    <row r="30446" spans="8:8">
      <c r="H30446" s="12"/>
    </row>
    <row r="30447" spans="8:8">
      <c r="H30447" s="12"/>
    </row>
    <row r="30448" spans="8:8">
      <c r="H30448" s="12"/>
    </row>
    <row r="30449" spans="8:8">
      <c r="H30449" s="12"/>
    </row>
    <row r="30450" spans="8:8">
      <c r="H30450" s="12"/>
    </row>
    <row r="30451" spans="8:8">
      <c r="H30451" s="12"/>
    </row>
    <row r="30452" spans="8:8">
      <c r="H30452" s="12"/>
    </row>
    <row r="30453" spans="8:8">
      <c r="H30453" s="12"/>
    </row>
    <row r="30454" spans="8:8">
      <c r="H30454" s="12"/>
    </row>
    <row r="30455" spans="8:8">
      <c r="H30455" s="12"/>
    </row>
    <row r="30456" spans="8:8">
      <c r="H30456" s="12"/>
    </row>
    <row r="30457" spans="8:8">
      <c r="H30457" s="12"/>
    </row>
    <row r="30458" spans="8:8">
      <c r="H30458" s="12"/>
    </row>
    <row r="30459" spans="8:8">
      <c r="H30459" s="12"/>
    </row>
    <row r="30460" spans="8:8">
      <c r="H30460" s="12"/>
    </row>
    <row r="30461" spans="8:8">
      <c r="H30461" s="12"/>
    </row>
    <row r="30462" spans="8:8">
      <c r="H30462" s="12"/>
    </row>
    <row r="30463" spans="8:8">
      <c r="H30463" s="12"/>
    </row>
    <row r="30464" spans="8:8">
      <c r="H30464" s="12"/>
    </row>
    <row r="30465" spans="8:8">
      <c r="H30465" s="12"/>
    </row>
    <row r="30466" spans="8:8">
      <c r="H30466" s="12"/>
    </row>
    <row r="30467" spans="8:8">
      <c r="H30467" s="12"/>
    </row>
    <row r="30468" spans="8:8">
      <c r="H30468" s="12"/>
    </row>
    <row r="30469" spans="8:8">
      <c r="H30469" s="12"/>
    </row>
    <row r="30470" spans="8:8">
      <c r="H30470" s="12"/>
    </row>
    <row r="30471" spans="8:8">
      <c r="H30471" s="12"/>
    </row>
    <row r="30472" spans="8:8">
      <c r="H30472" s="12"/>
    </row>
    <row r="30473" spans="8:8">
      <c r="H30473" s="12"/>
    </row>
    <row r="30474" spans="8:8">
      <c r="H30474" s="12"/>
    </row>
    <row r="30475" spans="8:8">
      <c r="H30475" s="12"/>
    </row>
    <row r="30476" spans="8:8">
      <c r="H30476" s="12"/>
    </row>
    <row r="30477" spans="8:8">
      <c r="H30477" s="12"/>
    </row>
    <row r="30478" spans="8:8">
      <c r="H30478" s="12"/>
    </row>
    <row r="30479" spans="8:8">
      <c r="H30479" s="12"/>
    </row>
    <row r="30480" spans="8:8">
      <c r="H30480" s="12"/>
    </row>
    <row r="30481" spans="8:8">
      <c r="H30481" s="12"/>
    </row>
    <row r="30482" spans="8:8">
      <c r="H30482" s="12"/>
    </row>
    <row r="30483" spans="8:8">
      <c r="H30483" s="12"/>
    </row>
    <row r="30484" spans="8:8">
      <c r="H30484" s="12"/>
    </row>
    <row r="30485" spans="8:8">
      <c r="H30485" s="12"/>
    </row>
    <row r="30486" spans="8:8">
      <c r="H30486" s="12"/>
    </row>
    <row r="30487" spans="8:8">
      <c r="H30487" s="12"/>
    </row>
    <row r="30488" spans="8:8">
      <c r="H30488" s="12"/>
    </row>
    <row r="30489" spans="8:8">
      <c r="H30489" s="12"/>
    </row>
    <row r="30490" spans="8:8">
      <c r="H30490" s="12"/>
    </row>
    <row r="30491" spans="8:8">
      <c r="H30491" s="12"/>
    </row>
    <row r="30492" spans="8:8">
      <c r="H30492" s="12"/>
    </row>
    <row r="30493" spans="8:8">
      <c r="H30493" s="12"/>
    </row>
    <row r="30494" spans="8:8">
      <c r="H30494" s="12"/>
    </row>
    <row r="30495" spans="8:8">
      <c r="H30495" s="12"/>
    </row>
    <row r="30496" spans="8:8">
      <c r="H30496" s="12"/>
    </row>
    <row r="30497" spans="8:8">
      <c r="H30497" s="12"/>
    </row>
    <row r="30498" spans="8:8">
      <c r="H30498" s="12"/>
    </row>
    <row r="30499" spans="8:8">
      <c r="H30499" s="12"/>
    </row>
    <row r="30500" spans="8:8">
      <c r="H30500" s="12"/>
    </row>
    <row r="30501" spans="8:8">
      <c r="H30501" s="12"/>
    </row>
    <row r="30502" spans="8:8">
      <c r="H30502" s="12"/>
    </row>
    <row r="30503" spans="8:8">
      <c r="H30503" s="12"/>
    </row>
    <row r="30504" spans="8:8">
      <c r="H30504" s="12"/>
    </row>
    <row r="30505" spans="8:8">
      <c r="H30505" s="12"/>
    </row>
    <row r="30506" spans="8:8">
      <c r="H30506" s="12"/>
    </row>
    <row r="30507" spans="8:8">
      <c r="H30507" s="12"/>
    </row>
    <row r="30508" spans="8:8">
      <c r="H30508" s="12"/>
    </row>
    <row r="30509" spans="8:8">
      <c r="H30509" s="12"/>
    </row>
    <row r="30510" spans="8:8">
      <c r="H30510" s="12"/>
    </row>
    <row r="30511" spans="8:8">
      <c r="H30511" s="12"/>
    </row>
    <row r="30512" spans="8:8">
      <c r="H30512" s="12"/>
    </row>
    <row r="30513" spans="8:8">
      <c r="H30513" s="12"/>
    </row>
    <row r="30514" spans="8:8">
      <c r="H30514" s="12"/>
    </row>
    <row r="30515" spans="8:8">
      <c r="H30515" s="12"/>
    </row>
    <row r="30516" spans="8:8">
      <c r="H30516" s="12"/>
    </row>
    <row r="30517" spans="8:8">
      <c r="H30517" s="12"/>
    </row>
    <row r="30518" spans="8:8">
      <c r="H30518" s="12"/>
    </row>
    <row r="30519" spans="8:8">
      <c r="H30519" s="12"/>
    </row>
    <row r="30520" spans="8:8">
      <c r="H30520" s="12"/>
    </row>
    <row r="30521" spans="8:8">
      <c r="H30521" s="12"/>
    </row>
    <row r="30522" spans="8:8">
      <c r="H30522" s="12"/>
    </row>
    <row r="30523" spans="8:8">
      <c r="H30523" s="12"/>
    </row>
    <row r="30524" spans="8:8">
      <c r="H30524" s="12"/>
    </row>
    <row r="30525" spans="8:8">
      <c r="H30525" s="12"/>
    </row>
    <row r="30526" spans="8:8">
      <c r="H30526" s="12"/>
    </row>
    <row r="30527" spans="8:8">
      <c r="H30527" s="12"/>
    </row>
    <row r="30528" spans="8:8">
      <c r="H30528" s="12"/>
    </row>
    <row r="30529" spans="8:8">
      <c r="H30529" s="12"/>
    </row>
    <row r="30530" spans="8:8">
      <c r="H30530" s="12"/>
    </row>
    <row r="30531" spans="8:8">
      <c r="H30531" s="12"/>
    </row>
    <row r="30532" spans="8:8">
      <c r="H30532" s="12"/>
    </row>
    <row r="30533" spans="8:8">
      <c r="H30533" s="12"/>
    </row>
    <row r="30534" spans="8:8">
      <c r="H30534" s="12"/>
    </row>
    <row r="30535" spans="8:8">
      <c r="H30535" s="12"/>
    </row>
    <row r="30536" spans="8:8">
      <c r="H30536" s="12"/>
    </row>
    <row r="30537" spans="8:8">
      <c r="H30537" s="12"/>
    </row>
    <row r="30538" spans="8:8">
      <c r="H30538" s="12"/>
    </row>
    <row r="30539" spans="8:8">
      <c r="H30539" s="12"/>
    </row>
    <row r="30540" spans="8:8">
      <c r="H30540" s="12"/>
    </row>
    <row r="30541" spans="8:8">
      <c r="H30541" s="12"/>
    </row>
    <row r="30542" spans="8:8">
      <c r="H30542" s="12"/>
    </row>
    <row r="30543" spans="8:8">
      <c r="H30543" s="12"/>
    </row>
    <row r="30544" spans="8:8">
      <c r="H30544" s="12"/>
    </row>
    <row r="30545" spans="8:8">
      <c r="H30545" s="12"/>
    </row>
    <row r="30546" spans="8:8">
      <c r="H30546" s="12"/>
    </row>
    <row r="30547" spans="8:8">
      <c r="H30547" s="12"/>
    </row>
    <row r="30548" spans="8:8">
      <c r="H30548" s="12"/>
    </row>
    <row r="30549" spans="8:8">
      <c r="H30549" s="12"/>
    </row>
    <row r="30550" spans="8:8">
      <c r="H30550" s="12"/>
    </row>
    <row r="30551" spans="8:8">
      <c r="H30551" s="12"/>
    </row>
    <row r="30552" spans="8:8">
      <c r="H30552" s="12"/>
    </row>
    <row r="30553" spans="8:8">
      <c r="H30553" s="12"/>
    </row>
    <row r="30554" spans="8:8">
      <c r="H30554" s="12"/>
    </row>
    <row r="30555" spans="8:8">
      <c r="H30555" s="12"/>
    </row>
    <row r="30556" spans="8:8">
      <c r="H30556" s="12"/>
    </row>
    <row r="30557" spans="8:8">
      <c r="H30557" s="12"/>
    </row>
    <row r="30558" spans="8:8">
      <c r="H30558" s="12"/>
    </row>
    <row r="30559" spans="8:8">
      <c r="H30559" s="12"/>
    </row>
    <row r="30560" spans="8:8">
      <c r="H30560" s="12"/>
    </row>
    <row r="30561" spans="8:8">
      <c r="H30561" s="12"/>
    </row>
    <row r="30562" spans="8:8">
      <c r="H30562" s="12"/>
    </row>
    <row r="30563" spans="8:8">
      <c r="H30563" s="12"/>
    </row>
    <row r="30564" spans="8:8">
      <c r="H30564" s="12"/>
    </row>
    <row r="30565" spans="8:8">
      <c r="H30565" s="12"/>
    </row>
    <row r="30566" spans="8:8">
      <c r="H30566" s="12"/>
    </row>
    <row r="30567" spans="8:8">
      <c r="H30567" s="12"/>
    </row>
    <row r="30568" spans="8:8">
      <c r="H30568" s="12"/>
    </row>
    <row r="30569" spans="8:8">
      <c r="H30569" s="12"/>
    </row>
    <row r="30570" spans="8:8">
      <c r="H30570" s="12"/>
    </row>
    <row r="30571" spans="8:8">
      <c r="H30571" s="12"/>
    </row>
    <row r="30572" spans="8:8">
      <c r="H30572" s="12"/>
    </row>
    <row r="30573" spans="8:8">
      <c r="H30573" s="12"/>
    </row>
    <row r="30574" spans="8:8">
      <c r="H30574" s="12"/>
    </row>
    <row r="30575" spans="8:8">
      <c r="H30575" s="12"/>
    </row>
    <row r="30576" spans="8:8">
      <c r="H30576" s="12"/>
    </row>
    <row r="30577" spans="8:8">
      <c r="H30577" s="12"/>
    </row>
    <row r="30578" spans="8:8">
      <c r="H30578" s="12"/>
    </row>
    <row r="30579" spans="8:8">
      <c r="H30579" s="12"/>
    </row>
    <row r="30580" spans="8:8">
      <c r="H30580" s="12"/>
    </row>
    <row r="30581" spans="8:8">
      <c r="H30581" s="12"/>
    </row>
    <row r="30582" spans="8:8">
      <c r="H30582" s="12"/>
    </row>
    <row r="30583" spans="8:8">
      <c r="H30583" s="12"/>
    </row>
    <row r="30584" spans="8:8">
      <c r="H30584" s="12"/>
    </row>
    <row r="30585" spans="8:8">
      <c r="H30585" s="12"/>
    </row>
    <row r="30586" spans="8:8">
      <c r="H30586" s="12"/>
    </row>
    <row r="30587" spans="8:8">
      <c r="H30587" s="12"/>
    </row>
    <row r="30588" spans="8:8">
      <c r="H30588" s="12"/>
    </row>
    <row r="30589" spans="8:8">
      <c r="H30589" s="12"/>
    </row>
    <row r="30590" spans="8:8">
      <c r="H30590" s="12"/>
    </row>
    <row r="30591" spans="8:8">
      <c r="H30591" s="12"/>
    </row>
    <row r="30592" spans="8:8">
      <c r="H30592" s="12"/>
    </row>
    <row r="30593" spans="8:8">
      <c r="H30593" s="12"/>
    </row>
    <row r="30594" spans="8:8">
      <c r="H30594" s="12"/>
    </row>
    <row r="30595" spans="8:8">
      <c r="H30595" s="12"/>
    </row>
    <row r="30596" spans="8:8">
      <c r="H30596" s="12"/>
    </row>
    <row r="30597" spans="8:8">
      <c r="H30597" s="12"/>
    </row>
    <row r="30598" spans="8:8">
      <c r="H30598" s="12"/>
    </row>
    <row r="30599" spans="8:8">
      <c r="H30599" s="12"/>
    </row>
    <row r="30600" spans="8:8">
      <c r="H30600" s="12"/>
    </row>
    <row r="30601" spans="8:8">
      <c r="H30601" s="12"/>
    </row>
    <row r="30602" spans="8:8">
      <c r="H30602" s="12"/>
    </row>
    <row r="30603" spans="8:8">
      <c r="H30603" s="12"/>
    </row>
    <row r="30604" spans="8:8">
      <c r="H30604" s="12"/>
    </row>
    <row r="30605" spans="8:8">
      <c r="H30605" s="12"/>
    </row>
    <row r="30606" spans="8:8">
      <c r="H30606" s="12"/>
    </row>
    <row r="30607" spans="8:8">
      <c r="H30607" s="12"/>
    </row>
    <row r="30608" spans="8:8">
      <c r="H30608" s="12"/>
    </row>
    <row r="30609" spans="8:8">
      <c r="H30609" s="12"/>
    </row>
    <row r="30610" spans="8:8">
      <c r="H30610" s="12"/>
    </row>
    <row r="30611" spans="8:8">
      <c r="H30611" s="12"/>
    </row>
    <row r="30612" spans="8:8">
      <c r="H30612" s="12"/>
    </row>
    <row r="30613" spans="8:8">
      <c r="H30613" s="12"/>
    </row>
    <row r="30614" spans="8:8">
      <c r="H30614" s="12"/>
    </row>
    <row r="30615" spans="8:8">
      <c r="H30615" s="12"/>
    </row>
    <row r="30616" spans="8:8">
      <c r="H30616" s="12"/>
    </row>
    <row r="30617" spans="8:8">
      <c r="H30617" s="12"/>
    </row>
    <row r="30618" spans="8:8">
      <c r="H30618" s="12"/>
    </row>
    <row r="30619" spans="8:8">
      <c r="H30619" s="12"/>
    </row>
    <row r="30620" spans="8:8">
      <c r="H30620" s="12"/>
    </row>
    <row r="30621" spans="8:8">
      <c r="H30621" s="12"/>
    </row>
    <row r="30622" spans="8:8">
      <c r="H30622" s="12"/>
    </row>
    <row r="30623" spans="8:8">
      <c r="H30623" s="12"/>
    </row>
    <row r="30624" spans="8:8">
      <c r="H30624" s="12"/>
    </row>
    <row r="30625" spans="8:8">
      <c r="H30625" s="12"/>
    </row>
    <row r="30626" spans="8:8">
      <c r="H30626" s="12"/>
    </row>
    <row r="30627" spans="8:8">
      <c r="H30627" s="12"/>
    </row>
    <row r="30628" spans="8:8">
      <c r="H30628" s="12"/>
    </row>
    <row r="30629" spans="8:8">
      <c r="H30629" s="12"/>
    </row>
    <row r="30630" spans="8:8">
      <c r="H30630" s="12"/>
    </row>
    <row r="30631" spans="8:8">
      <c r="H30631" s="12"/>
    </row>
    <row r="30632" spans="8:8">
      <c r="H30632" s="12"/>
    </row>
    <row r="30633" spans="8:8">
      <c r="H30633" s="12"/>
    </row>
    <row r="30634" spans="8:8">
      <c r="H30634" s="12"/>
    </row>
    <row r="30635" spans="8:8">
      <c r="H30635" s="12"/>
    </row>
    <row r="30636" spans="8:8">
      <c r="H30636" s="12"/>
    </row>
    <row r="30637" spans="8:8">
      <c r="H30637" s="12"/>
    </row>
    <row r="30638" spans="8:8">
      <c r="H30638" s="12"/>
    </row>
    <row r="30639" spans="8:8">
      <c r="H30639" s="12"/>
    </row>
    <row r="30640" spans="8:8">
      <c r="H30640" s="12"/>
    </row>
    <row r="30641" spans="8:8">
      <c r="H30641" s="12"/>
    </row>
    <row r="30642" spans="8:8">
      <c r="H30642" s="12"/>
    </row>
    <row r="30643" spans="8:8">
      <c r="H30643" s="12"/>
    </row>
    <row r="30644" spans="8:8">
      <c r="H30644" s="12"/>
    </row>
    <row r="30645" spans="8:8">
      <c r="H30645" s="12"/>
    </row>
    <row r="30646" spans="8:8">
      <c r="H30646" s="12"/>
    </row>
    <row r="30647" spans="8:8">
      <c r="H30647" s="12"/>
    </row>
    <row r="30648" spans="8:8">
      <c r="H30648" s="12"/>
    </row>
    <row r="30649" spans="8:8">
      <c r="H30649" s="12"/>
    </row>
    <row r="30650" spans="8:8">
      <c r="H30650" s="12"/>
    </row>
    <row r="30651" spans="8:8">
      <c r="H30651" s="12"/>
    </row>
    <row r="30652" spans="8:8">
      <c r="H30652" s="12"/>
    </row>
    <row r="30653" spans="8:8">
      <c r="H30653" s="12"/>
    </row>
    <row r="30654" spans="8:8">
      <c r="H30654" s="12"/>
    </row>
    <row r="30655" spans="8:8">
      <c r="H30655" s="12"/>
    </row>
    <row r="30656" spans="8:8">
      <c r="H30656" s="12"/>
    </row>
    <row r="30657" spans="8:8">
      <c r="H30657" s="12"/>
    </row>
    <row r="30658" spans="8:8">
      <c r="H30658" s="12"/>
    </row>
    <row r="30659" spans="8:8">
      <c r="H30659" s="12"/>
    </row>
    <row r="30660" spans="8:8">
      <c r="H30660" s="12"/>
    </row>
    <row r="30661" spans="8:8">
      <c r="H30661" s="12"/>
    </row>
    <row r="30662" spans="8:8">
      <c r="H30662" s="12"/>
    </row>
    <row r="30663" spans="8:8">
      <c r="H30663" s="12"/>
    </row>
    <row r="30664" spans="8:8">
      <c r="H30664" s="12"/>
    </row>
    <row r="30665" spans="8:8">
      <c r="H30665" s="12"/>
    </row>
    <row r="30666" spans="8:8">
      <c r="H30666" s="12"/>
    </row>
    <row r="30667" spans="8:8">
      <c r="H30667" s="12"/>
    </row>
    <row r="30668" spans="8:8">
      <c r="H30668" s="12"/>
    </row>
    <row r="30669" spans="8:8">
      <c r="H30669" s="12"/>
    </row>
    <row r="30670" spans="8:8">
      <c r="H30670" s="12"/>
    </row>
    <row r="30671" spans="8:8">
      <c r="H30671" s="12"/>
    </row>
    <row r="30672" spans="8:8">
      <c r="H30672" s="12"/>
    </row>
    <row r="30673" spans="8:8">
      <c r="H30673" s="12"/>
    </row>
    <row r="30674" spans="8:8">
      <c r="H30674" s="12"/>
    </row>
    <row r="30675" spans="8:8">
      <c r="H30675" s="12"/>
    </row>
    <row r="30676" spans="8:8">
      <c r="H30676" s="12"/>
    </row>
    <row r="30677" spans="8:8">
      <c r="H30677" s="12"/>
    </row>
    <row r="30678" spans="8:8">
      <c r="H30678" s="12"/>
    </row>
    <row r="30679" spans="8:8">
      <c r="H30679" s="12"/>
    </row>
    <row r="30680" spans="8:8">
      <c r="H30680" s="12"/>
    </row>
    <row r="30681" spans="8:8">
      <c r="H30681" s="12"/>
    </row>
    <row r="30682" spans="8:8">
      <c r="H30682" s="12"/>
    </row>
    <row r="30683" spans="8:8">
      <c r="H30683" s="12"/>
    </row>
    <row r="30684" spans="8:8">
      <c r="H30684" s="12"/>
    </row>
    <row r="30685" spans="8:8">
      <c r="H30685" s="12"/>
    </row>
    <row r="30686" spans="8:8">
      <c r="H30686" s="12"/>
    </row>
    <row r="30687" spans="8:8">
      <c r="H30687" s="12"/>
    </row>
    <row r="30688" spans="8:8">
      <c r="H30688" s="12"/>
    </row>
    <row r="30689" spans="8:8">
      <c r="H30689" s="12"/>
    </row>
    <row r="30690" spans="8:8">
      <c r="H30690" s="12"/>
    </row>
    <row r="30691" spans="8:8">
      <c r="H30691" s="12"/>
    </row>
    <row r="30692" spans="8:8">
      <c r="H30692" s="12"/>
    </row>
    <row r="30693" spans="8:8">
      <c r="H30693" s="12"/>
    </row>
    <row r="30694" spans="8:8">
      <c r="H30694" s="12"/>
    </row>
    <row r="30695" spans="8:8">
      <c r="H30695" s="12"/>
    </row>
    <row r="30696" spans="8:8">
      <c r="H30696" s="12"/>
    </row>
    <row r="30697" spans="8:8">
      <c r="H30697" s="12"/>
    </row>
    <row r="30698" spans="8:8">
      <c r="H30698" s="12"/>
    </row>
    <row r="30699" spans="8:8">
      <c r="H30699" s="12"/>
    </row>
    <row r="30700" spans="8:8">
      <c r="H30700" s="12"/>
    </row>
    <row r="30701" spans="8:8">
      <c r="H30701" s="12"/>
    </row>
    <row r="30702" spans="8:8">
      <c r="H30702" s="12"/>
    </row>
    <row r="30703" spans="8:8">
      <c r="H30703" s="12"/>
    </row>
    <row r="30704" spans="8:8">
      <c r="H30704" s="12"/>
    </row>
    <row r="30705" spans="8:8">
      <c r="H30705" s="12"/>
    </row>
    <row r="30706" spans="8:8">
      <c r="H30706" s="12"/>
    </row>
    <row r="30707" spans="8:8">
      <c r="H30707" s="12"/>
    </row>
    <row r="30708" spans="8:8">
      <c r="H30708" s="12"/>
    </row>
    <row r="30709" spans="8:8">
      <c r="H30709" s="12"/>
    </row>
    <row r="30710" spans="8:8">
      <c r="H30710" s="12"/>
    </row>
    <row r="30711" spans="8:8">
      <c r="H30711" s="12"/>
    </row>
    <row r="30712" spans="8:8">
      <c r="H30712" s="12"/>
    </row>
    <row r="30713" spans="8:8">
      <c r="H30713" s="12"/>
    </row>
    <row r="30714" spans="8:8">
      <c r="H30714" s="12"/>
    </row>
    <row r="30715" spans="8:8">
      <c r="H30715" s="12"/>
    </row>
    <row r="30716" spans="8:8">
      <c r="H30716" s="12"/>
    </row>
    <row r="30717" spans="8:8">
      <c r="H30717" s="12"/>
    </row>
    <row r="30718" spans="8:8">
      <c r="H30718" s="12"/>
    </row>
    <row r="30719" spans="8:8">
      <c r="H30719" s="12"/>
    </row>
    <row r="30720" spans="8:8">
      <c r="H30720" s="12"/>
    </row>
    <row r="30721" spans="8:8">
      <c r="H30721" s="12"/>
    </row>
    <row r="30722" spans="8:8">
      <c r="H30722" s="12"/>
    </row>
    <row r="30723" spans="8:8">
      <c r="H30723" s="12"/>
    </row>
    <row r="30724" spans="8:8">
      <c r="H30724" s="12"/>
    </row>
    <row r="30725" spans="8:8">
      <c r="H30725" s="12"/>
    </row>
    <row r="30726" spans="8:8">
      <c r="H30726" s="12"/>
    </row>
    <row r="30727" spans="8:8">
      <c r="H30727" s="12"/>
    </row>
    <row r="30728" spans="8:8">
      <c r="H30728" s="12"/>
    </row>
    <row r="30729" spans="8:8">
      <c r="H30729" s="12"/>
    </row>
    <row r="30730" spans="8:8">
      <c r="H30730" s="12"/>
    </row>
    <row r="30731" spans="8:8">
      <c r="H30731" s="12"/>
    </row>
    <row r="30732" spans="8:8">
      <c r="H30732" s="12"/>
    </row>
    <row r="30733" spans="8:8">
      <c r="H30733" s="12"/>
    </row>
    <row r="30734" spans="8:8">
      <c r="H30734" s="12"/>
    </row>
    <row r="30735" spans="8:8">
      <c r="H30735" s="12"/>
    </row>
    <row r="30736" spans="8:8">
      <c r="H30736" s="12"/>
    </row>
    <row r="30737" spans="8:8">
      <c r="H30737" s="12"/>
    </row>
    <row r="30738" spans="8:8">
      <c r="H30738" s="12"/>
    </row>
    <row r="30739" spans="8:8">
      <c r="H30739" s="12"/>
    </row>
    <row r="30740" spans="8:8">
      <c r="H30740" s="12"/>
    </row>
    <row r="30741" spans="8:8">
      <c r="H30741" s="12"/>
    </row>
    <row r="30742" spans="8:8">
      <c r="H30742" s="12"/>
    </row>
    <row r="30743" spans="8:8">
      <c r="H30743" s="12"/>
    </row>
    <row r="30744" spans="8:8">
      <c r="H30744" s="12"/>
    </row>
    <row r="30745" spans="8:8">
      <c r="H30745" s="12"/>
    </row>
    <row r="30746" spans="8:8">
      <c r="H30746" s="12"/>
    </row>
    <row r="30747" spans="8:8">
      <c r="H30747" s="12"/>
    </row>
    <row r="30748" spans="8:8">
      <c r="H30748" s="12"/>
    </row>
    <row r="30749" spans="8:8">
      <c r="H30749" s="12"/>
    </row>
    <row r="30750" spans="8:8">
      <c r="H30750" s="12"/>
    </row>
    <row r="30751" spans="8:8">
      <c r="H30751" s="12"/>
    </row>
    <row r="30752" spans="8:8">
      <c r="H30752" s="12"/>
    </row>
    <row r="30753" spans="8:8">
      <c r="H30753" s="12"/>
    </row>
    <row r="30754" spans="8:8">
      <c r="H30754" s="12"/>
    </row>
    <row r="30755" spans="8:8">
      <c r="H30755" s="12"/>
    </row>
    <row r="30756" spans="8:8">
      <c r="H30756" s="12"/>
    </row>
    <row r="30757" spans="8:8">
      <c r="H30757" s="12"/>
    </row>
    <row r="30758" spans="8:8">
      <c r="H30758" s="12"/>
    </row>
    <row r="30759" spans="8:8">
      <c r="H30759" s="12"/>
    </row>
    <row r="30760" spans="8:8">
      <c r="H30760" s="12"/>
    </row>
    <row r="30761" spans="8:8">
      <c r="H30761" s="12"/>
    </row>
    <row r="30762" spans="8:8">
      <c r="H30762" s="12"/>
    </row>
    <row r="30763" spans="8:8">
      <c r="H30763" s="12"/>
    </row>
    <row r="30764" spans="8:8">
      <c r="H30764" s="12"/>
    </row>
    <row r="30765" spans="8:8">
      <c r="H30765" s="12"/>
    </row>
    <row r="30766" spans="8:8">
      <c r="H30766" s="12"/>
    </row>
    <row r="30767" spans="8:8">
      <c r="H30767" s="12"/>
    </row>
    <row r="30768" spans="8:8">
      <c r="H30768" s="12"/>
    </row>
    <row r="30769" spans="8:8">
      <c r="H30769" s="12"/>
    </row>
    <row r="30770" spans="8:8">
      <c r="H30770" s="12"/>
    </row>
    <row r="30771" spans="8:8">
      <c r="H30771" s="12"/>
    </row>
    <row r="30772" spans="8:8">
      <c r="H30772" s="12"/>
    </row>
    <row r="30773" spans="8:8">
      <c r="H30773" s="12"/>
    </row>
    <row r="30774" spans="8:8">
      <c r="H30774" s="12"/>
    </row>
    <row r="30775" spans="8:8">
      <c r="H30775" s="12"/>
    </row>
    <row r="30776" spans="8:8">
      <c r="H30776" s="12"/>
    </row>
    <row r="30777" spans="8:8">
      <c r="H30777" s="12"/>
    </row>
    <row r="30778" spans="8:8">
      <c r="H30778" s="12"/>
    </row>
    <row r="30779" spans="8:8">
      <c r="H30779" s="12"/>
    </row>
    <row r="30780" spans="8:8">
      <c r="H30780" s="12"/>
    </row>
    <row r="30781" spans="8:8">
      <c r="H30781" s="12"/>
    </row>
    <row r="30782" spans="8:8">
      <c r="H30782" s="12"/>
    </row>
    <row r="30783" spans="8:8">
      <c r="H30783" s="12"/>
    </row>
    <row r="30784" spans="8:8">
      <c r="H30784" s="12"/>
    </row>
    <row r="30785" spans="8:8">
      <c r="H30785" s="12"/>
    </row>
    <row r="30786" spans="8:8">
      <c r="H30786" s="12"/>
    </row>
    <row r="30787" spans="8:8">
      <c r="H30787" s="12"/>
    </row>
    <row r="30788" spans="8:8">
      <c r="H30788" s="12"/>
    </row>
    <row r="30789" spans="8:8">
      <c r="H30789" s="12"/>
    </row>
    <row r="30790" spans="8:8">
      <c r="H30790" s="12"/>
    </row>
    <row r="30791" spans="8:8">
      <c r="H30791" s="12"/>
    </row>
    <row r="30792" spans="8:8">
      <c r="H30792" s="12"/>
    </row>
    <row r="30793" spans="8:8">
      <c r="H30793" s="12"/>
    </row>
    <row r="30794" spans="8:8">
      <c r="H30794" s="12"/>
    </row>
    <row r="30795" spans="8:8">
      <c r="H30795" s="12"/>
    </row>
    <row r="30796" spans="8:8">
      <c r="H30796" s="12"/>
    </row>
    <row r="30797" spans="8:8">
      <c r="H30797" s="12"/>
    </row>
    <row r="30798" spans="8:8">
      <c r="H30798" s="12"/>
    </row>
    <row r="30799" spans="8:8">
      <c r="H30799" s="12"/>
    </row>
    <row r="30800" spans="8:8">
      <c r="H30800" s="12"/>
    </row>
    <row r="30801" spans="8:8">
      <c r="H30801" s="12"/>
    </row>
    <row r="30802" spans="8:8">
      <c r="H30802" s="12"/>
    </row>
    <row r="30803" spans="8:8">
      <c r="H30803" s="12"/>
    </row>
    <row r="30804" spans="8:8">
      <c r="H30804" s="12"/>
    </row>
    <row r="30805" spans="8:8">
      <c r="H30805" s="12"/>
    </row>
    <row r="30806" spans="8:8">
      <c r="H30806" s="12"/>
    </row>
    <row r="30807" spans="8:8">
      <c r="H30807" s="12"/>
    </row>
    <row r="30808" spans="8:8">
      <c r="H30808" s="12"/>
    </row>
    <row r="30809" spans="8:8">
      <c r="H30809" s="12"/>
    </row>
    <row r="30810" spans="8:8">
      <c r="H30810" s="12"/>
    </row>
    <row r="30811" spans="8:8">
      <c r="H30811" s="12"/>
    </row>
    <row r="30812" spans="8:8">
      <c r="H30812" s="12"/>
    </row>
    <row r="30813" spans="8:8">
      <c r="H30813" s="12"/>
    </row>
    <row r="30814" spans="8:8">
      <c r="H30814" s="12"/>
    </row>
    <row r="30815" spans="8:8">
      <c r="H30815" s="12"/>
    </row>
    <row r="30816" spans="8:8">
      <c r="H30816" s="12"/>
    </row>
    <row r="30817" spans="8:8">
      <c r="H30817" s="12"/>
    </row>
    <row r="30818" spans="8:8">
      <c r="H30818" s="12"/>
    </row>
    <row r="30819" spans="8:8">
      <c r="H30819" s="12"/>
    </row>
    <row r="30820" spans="8:8">
      <c r="H30820" s="12"/>
    </row>
    <row r="30821" spans="8:8">
      <c r="H30821" s="12"/>
    </row>
    <row r="30822" spans="8:8">
      <c r="H30822" s="12"/>
    </row>
    <row r="30823" spans="8:8">
      <c r="H30823" s="12"/>
    </row>
    <row r="30824" spans="8:8">
      <c r="H30824" s="12"/>
    </row>
    <row r="30825" spans="8:8">
      <c r="H30825" s="12"/>
    </row>
    <row r="30826" spans="8:8">
      <c r="H30826" s="12"/>
    </row>
    <row r="30827" spans="8:8">
      <c r="H30827" s="12"/>
    </row>
    <row r="30828" spans="8:8">
      <c r="H30828" s="12"/>
    </row>
    <row r="30829" spans="8:8">
      <c r="H30829" s="12"/>
    </row>
    <row r="30830" spans="8:8">
      <c r="H30830" s="12"/>
    </row>
    <row r="30831" spans="8:8">
      <c r="H30831" s="12"/>
    </row>
    <row r="30832" spans="8:8">
      <c r="H30832" s="12"/>
    </row>
    <row r="30833" spans="8:8">
      <c r="H30833" s="12"/>
    </row>
    <row r="30834" spans="8:8">
      <c r="H30834" s="12"/>
    </row>
    <row r="30835" spans="8:8">
      <c r="H30835" s="12"/>
    </row>
    <row r="30836" spans="8:8">
      <c r="H30836" s="12"/>
    </row>
    <row r="30837" spans="8:8">
      <c r="H30837" s="12"/>
    </row>
    <row r="30838" spans="8:8">
      <c r="H30838" s="12"/>
    </row>
    <row r="30839" spans="8:8">
      <c r="H30839" s="12"/>
    </row>
    <row r="30840" spans="8:8">
      <c r="H30840" s="12"/>
    </row>
    <row r="30841" spans="8:8">
      <c r="H30841" s="12"/>
    </row>
    <row r="30842" spans="8:8">
      <c r="H30842" s="12"/>
    </row>
    <row r="30843" spans="8:8">
      <c r="H30843" s="12"/>
    </row>
    <row r="30844" spans="8:8">
      <c r="H30844" s="12"/>
    </row>
    <row r="30845" spans="8:8">
      <c r="H30845" s="12"/>
    </row>
    <row r="30846" spans="8:8">
      <c r="H30846" s="12"/>
    </row>
    <row r="30847" spans="8:8">
      <c r="H30847" s="12"/>
    </row>
    <row r="30848" spans="8:8">
      <c r="H30848" s="12"/>
    </row>
    <row r="30849" spans="8:8">
      <c r="H30849" s="12"/>
    </row>
    <row r="30850" spans="8:8">
      <c r="H30850" s="12"/>
    </row>
    <row r="30851" spans="8:8">
      <c r="H30851" s="12"/>
    </row>
    <row r="30852" spans="8:8">
      <c r="H30852" s="12"/>
    </row>
    <row r="30853" spans="8:8">
      <c r="H30853" s="12"/>
    </row>
    <row r="30854" spans="8:8">
      <c r="H30854" s="12"/>
    </row>
    <row r="30855" spans="8:8">
      <c r="H30855" s="12"/>
    </row>
    <row r="30856" spans="8:8">
      <c r="H30856" s="12"/>
    </row>
    <row r="30857" spans="8:8">
      <c r="H30857" s="12"/>
    </row>
    <row r="30858" spans="8:8">
      <c r="H30858" s="12"/>
    </row>
    <row r="30859" spans="8:8">
      <c r="H30859" s="12"/>
    </row>
    <row r="30860" spans="8:8">
      <c r="H30860" s="12"/>
    </row>
    <row r="30861" spans="8:8">
      <c r="H30861" s="12"/>
    </row>
    <row r="30862" spans="8:8">
      <c r="H30862" s="12"/>
    </row>
    <row r="30863" spans="8:8">
      <c r="H30863" s="12"/>
    </row>
    <row r="30864" spans="8:8">
      <c r="H30864" s="12"/>
    </row>
    <row r="30865" spans="8:8">
      <c r="H30865" s="12"/>
    </row>
    <row r="30866" spans="8:8">
      <c r="H30866" s="12"/>
    </row>
    <row r="30867" spans="8:8">
      <c r="H30867" s="12"/>
    </row>
    <row r="30868" spans="8:8">
      <c r="H30868" s="12"/>
    </row>
    <row r="30869" spans="8:8">
      <c r="H30869" s="12"/>
    </row>
    <row r="30870" spans="8:8">
      <c r="H30870" s="12"/>
    </row>
    <row r="30871" spans="8:8">
      <c r="H30871" s="12"/>
    </row>
    <row r="30872" spans="8:8">
      <c r="H30872" s="12"/>
    </row>
    <row r="30873" spans="8:8">
      <c r="H30873" s="12"/>
    </row>
    <row r="30874" spans="8:8">
      <c r="H30874" s="12"/>
    </row>
    <row r="30875" spans="8:8">
      <c r="H30875" s="12"/>
    </row>
    <row r="30876" spans="8:8">
      <c r="H30876" s="12"/>
    </row>
    <row r="30877" spans="8:8">
      <c r="H30877" s="12"/>
    </row>
    <row r="30878" spans="8:8">
      <c r="H30878" s="12"/>
    </row>
    <row r="30879" spans="8:8">
      <c r="H30879" s="12"/>
    </row>
    <row r="30880" spans="8:8">
      <c r="H30880" s="12"/>
    </row>
    <row r="30881" spans="8:8">
      <c r="H30881" s="12"/>
    </row>
    <row r="30882" spans="8:8">
      <c r="H30882" s="12"/>
    </row>
    <row r="30883" spans="8:8">
      <c r="H30883" s="12"/>
    </row>
    <row r="30884" spans="8:8">
      <c r="H30884" s="12"/>
    </row>
    <row r="30885" spans="8:8">
      <c r="H30885" s="12"/>
    </row>
    <row r="30886" spans="8:8">
      <c r="H30886" s="12"/>
    </row>
    <row r="30887" spans="8:8">
      <c r="H30887" s="12"/>
    </row>
    <row r="30888" spans="8:8">
      <c r="H30888" s="12"/>
    </row>
    <row r="30889" spans="8:8">
      <c r="H30889" s="12"/>
    </row>
    <row r="30890" spans="8:8">
      <c r="H30890" s="12"/>
    </row>
    <row r="30891" spans="8:8">
      <c r="H30891" s="12"/>
    </row>
    <row r="30892" spans="8:8">
      <c r="H30892" s="12"/>
    </row>
    <row r="30893" spans="8:8">
      <c r="H30893" s="12"/>
    </row>
    <row r="30894" spans="8:8">
      <c r="H30894" s="12"/>
    </row>
    <row r="30895" spans="8:8">
      <c r="H30895" s="12"/>
    </row>
    <row r="30896" spans="8:8">
      <c r="H30896" s="12"/>
    </row>
    <row r="30897" spans="8:8">
      <c r="H30897" s="12"/>
    </row>
    <row r="30898" spans="8:8">
      <c r="H30898" s="12"/>
    </row>
    <row r="30899" spans="8:8">
      <c r="H30899" s="12"/>
    </row>
    <row r="30900" spans="8:8">
      <c r="H30900" s="12"/>
    </row>
    <row r="30901" spans="8:8">
      <c r="H30901" s="12"/>
    </row>
    <row r="30902" spans="8:8">
      <c r="H30902" s="12"/>
    </row>
    <row r="30903" spans="8:8">
      <c r="H30903" s="12"/>
    </row>
    <row r="30904" spans="8:8">
      <c r="H30904" s="12"/>
    </row>
    <row r="30905" spans="8:8">
      <c r="H30905" s="12"/>
    </row>
    <row r="30906" spans="8:8">
      <c r="H30906" s="12"/>
    </row>
    <row r="30907" spans="8:8">
      <c r="H30907" s="12"/>
    </row>
    <row r="30908" spans="8:8">
      <c r="H30908" s="12"/>
    </row>
    <row r="30909" spans="8:8">
      <c r="H30909" s="12"/>
    </row>
    <row r="30910" spans="8:8">
      <c r="H30910" s="12"/>
    </row>
    <row r="30911" spans="8:8">
      <c r="H30911" s="12"/>
    </row>
    <row r="30912" spans="8:8">
      <c r="H30912" s="12"/>
    </row>
    <row r="30913" spans="8:8">
      <c r="H30913" s="12"/>
    </row>
    <row r="30914" spans="8:8">
      <c r="H30914" s="12"/>
    </row>
    <row r="30915" spans="8:8">
      <c r="H30915" s="12"/>
    </row>
    <row r="30916" spans="8:8">
      <c r="H30916" s="12"/>
    </row>
    <row r="30917" spans="8:8">
      <c r="H30917" s="12"/>
    </row>
    <row r="30918" spans="8:8">
      <c r="H30918" s="12"/>
    </row>
    <row r="30919" spans="8:8">
      <c r="H30919" s="12"/>
    </row>
    <row r="30920" spans="8:8">
      <c r="H30920" s="12"/>
    </row>
    <row r="30921" spans="8:8">
      <c r="H30921" s="12"/>
    </row>
    <row r="30922" spans="8:8">
      <c r="H30922" s="12"/>
    </row>
    <row r="30923" spans="8:8">
      <c r="H30923" s="12"/>
    </row>
    <row r="30924" spans="8:8">
      <c r="H30924" s="12"/>
    </row>
    <row r="30925" spans="8:8">
      <c r="H30925" s="12"/>
    </row>
    <row r="30926" spans="8:8">
      <c r="H30926" s="12"/>
    </row>
    <row r="30927" spans="8:8">
      <c r="H30927" s="12"/>
    </row>
    <row r="30928" spans="8:8">
      <c r="H30928" s="12"/>
    </row>
    <row r="30929" spans="8:8">
      <c r="H30929" s="12"/>
    </row>
    <row r="30930" spans="8:8">
      <c r="H30930" s="12"/>
    </row>
    <row r="30931" spans="8:8">
      <c r="H30931" s="12"/>
    </row>
    <row r="30932" spans="8:8">
      <c r="H30932" s="12"/>
    </row>
    <row r="30933" spans="8:8">
      <c r="H30933" s="12"/>
    </row>
    <row r="30934" spans="8:8">
      <c r="H30934" s="12"/>
    </row>
    <row r="30935" spans="8:8">
      <c r="H30935" s="12"/>
    </row>
    <row r="30936" spans="8:8">
      <c r="H30936" s="12"/>
    </row>
    <row r="30937" spans="8:8">
      <c r="H30937" s="12"/>
    </row>
    <row r="30938" spans="8:8">
      <c r="H30938" s="12"/>
    </row>
    <row r="30939" spans="8:8">
      <c r="H30939" s="12"/>
    </row>
    <row r="30940" spans="8:8">
      <c r="H30940" s="12"/>
    </row>
    <row r="30941" spans="8:8">
      <c r="H30941" s="12"/>
    </row>
    <row r="30942" spans="8:8">
      <c r="H30942" s="12"/>
    </row>
    <row r="30943" spans="8:8">
      <c r="H30943" s="12"/>
    </row>
    <row r="30944" spans="8:8">
      <c r="H30944" s="12"/>
    </row>
    <row r="30945" spans="8:8">
      <c r="H30945" s="12"/>
    </row>
    <row r="30946" spans="8:8">
      <c r="H30946" s="12"/>
    </row>
    <row r="30947" spans="8:8">
      <c r="H30947" s="12"/>
    </row>
    <row r="30948" spans="8:8">
      <c r="H30948" s="12"/>
    </row>
    <row r="30949" spans="8:8">
      <c r="H30949" s="12"/>
    </row>
    <row r="30950" spans="8:8">
      <c r="H30950" s="12"/>
    </row>
    <row r="30951" spans="8:8">
      <c r="H30951" s="12"/>
    </row>
    <row r="30952" spans="8:8">
      <c r="H30952" s="12"/>
    </row>
    <row r="30953" spans="8:8">
      <c r="H30953" s="12"/>
    </row>
    <row r="30954" spans="8:8">
      <c r="H30954" s="12"/>
    </row>
    <row r="30955" spans="8:8">
      <c r="H30955" s="12"/>
    </row>
    <row r="30956" spans="8:8">
      <c r="H30956" s="12"/>
    </row>
    <row r="30957" spans="8:8">
      <c r="H30957" s="12"/>
    </row>
    <row r="30958" spans="8:8">
      <c r="H30958" s="12"/>
    </row>
    <row r="30959" spans="8:8">
      <c r="H30959" s="12"/>
    </row>
    <row r="30960" spans="8:8">
      <c r="H30960" s="12"/>
    </row>
    <row r="30961" spans="8:8">
      <c r="H30961" s="12"/>
    </row>
    <row r="30962" spans="8:8">
      <c r="H30962" s="12"/>
    </row>
    <row r="30963" spans="8:8">
      <c r="H30963" s="12"/>
    </row>
    <row r="30964" spans="8:8">
      <c r="H30964" s="12"/>
    </row>
    <row r="30965" spans="8:8">
      <c r="H30965" s="12"/>
    </row>
    <row r="30966" spans="8:8">
      <c r="H30966" s="12"/>
    </row>
    <row r="30967" spans="8:8">
      <c r="H30967" s="12"/>
    </row>
    <row r="30968" spans="8:8">
      <c r="H30968" s="12"/>
    </row>
    <row r="30969" spans="8:8">
      <c r="H30969" s="12"/>
    </row>
    <row r="30970" spans="8:8">
      <c r="H30970" s="12"/>
    </row>
    <row r="30971" spans="8:8">
      <c r="H30971" s="12"/>
    </row>
    <row r="30972" spans="8:8">
      <c r="H30972" s="12"/>
    </row>
    <row r="30973" spans="8:8">
      <c r="H30973" s="12"/>
    </row>
    <row r="30974" spans="8:8">
      <c r="H30974" s="12"/>
    </row>
    <row r="30975" spans="8:8">
      <c r="H30975" s="12"/>
    </row>
    <row r="30976" spans="8:8">
      <c r="H30976" s="12"/>
    </row>
    <row r="30977" spans="8:8">
      <c r="H30977" s="12"/>
    </row>
    <row r="30978" spans="8:8">
      <c r="H30978" s="12"/>
    </row>
    <row r="30979" spans="8:8">
      <c r="H30979" s="12"/>
    </row>
    <row r="30980" spans="8:8">
      <c r="H30980" s="12"/>
    </row>
    <row r="30981" spans="8:8">
      <c r="H30981" s="12"/>
    </row>
    <row r="30982" spans="8:8">
      <c r="H30982" s="12"/>
    </row>
    <row r="30983" spans="8:8">
      <c r="H30983" s="12"/>
    </row>
    <row r="30984" spans="8:8">
      <c r="H30984" s="12"/>
    </row>
    <row r="30985" spans="8:8">
      <c r="H30985" s="12"/>
    </row>
    <row r="30986" spans="8:8">
      <c r="H30986" s="12"/>
    </row>
    <row r="30987" spans="8:8">
      <c r="H30987" s="12"/>
    </row>
    <row r="30988" spans="8:8">
      <c r="H30988" s="12"/>
    </row>
    <row r="30989" spans="8:8">
      <c r="H30989" s="12"/>
    </row>
    <row r="30990" spans="8:8">
      <c r="H30990" s="12"/>
    </row>
    <row r="30991" spans="8:8">
      <c r="H30991" s="12"/>
    </row>
    <row r="30992" spans="8:8">
      <c r="H30992" s="12"/>
    </row>
    <row r="30993" spans="8:8">
      <c r="H30993" s="12"/>
    </row>
    <row r="30994" spans="8:8">
      <c r="H30994" s="12"/>
    </row>
    <row r="30995" spans="8:8">
      <c r="H30995" s="12"/>
    </row>
    <row r="30996" spans="8:8">
      <c r="H30996" s="12"/>
    </row>
    <row r="30997" spans="8:8">
      <c r="H30997" s="12"/>
    </row>
    <row r="30998" spans="8:8">
      <c r="H30998" s="12"/>
    </row>
    <row r="30999" spans="8:8">
      <c r="H30999" s="12"/>
    </row>
    <row r="31000" spans="8:8">
      <c r="H31000" s="12"/>
    </row>
    <row r="31001" spans="8:8">
      <c r="H31001" s="12"/>
    </row>
    <row r="31002" spans="8:8">
      <c r="H31002" s="12"/>
    </row>
    <row r="31003" spans="8:8">
      <c r="H31003" s="12"/>
    </row>
    <row r="31004" spans="8:8">
      <c r="H31004" s="12"/>
    </row>
    <row r="31005" spans="8:8">
      <c r="H31005" s="12"/>
    </row>
    <row r="31006" spans="8:8">
      <c r="H31006" s="12"/>
    </row>
    <row r="31007" spans="8:8">
      <c r="H31007" s="12"/>
    </row>
    <row r="31008" spans="8:8">
      <c r="H31008" s="12"/>
    </row>
    <row r="31009" spans="8:8">
      <c r="H31009" s="12"/>
    </row>
    <row r="31010" spans="8:8">
      <c r="H31010" s="12"/>
    </row>
    <row r="31011" spans="8:8">
      <c r="H31011" s="12"/>
    </row>
    <row r="31012" spans="8:8">
      <c r="H31012" s="12"/>
    </row>
    <row r="31013" spans="8:8">
      <c r="H31013" s="12"/>
    </row>
    <row r="31014" spans="8:8">
      <c r="H31014" s="12"/>
    </row>
    <row r="31015" spans="8:8">
      <c r="H31015" s="12"/>
    </row>
    <row r="31016" spans="8:8">
      <c r="H31016" s="12"/>
    </row>
    <row r="31017" spans="8:8">
      <c r="H31017" s="12"/>
    </row>
    <row r="31018" spans="8:8">
      <c r="H31018" s="12"/>
    </row>
    <row r="31019" spans="8:8">
      <c r="H31019" s="12"/>
    </row>
    <row r="31020" spans="8:8">
      <c r="H31020" s="12"/>
    </row>
    <row r="31021" spans="8:8">
      <c r="H31021" s="12"/>
    </row>
    <row r="31022" spans="8:8">
      <c r="H31022" s="12"/>
    </row>
    <row r="31023" spans="8:8">
      <c r="H31023" s="12"/>
    </row>
    <row r="31024" spans="8:8">
      <c r="H31024" s="12"/>
    </row>
    <row r="31025" spans="8:8">
      <c r="H31025" s="12"/>
    </row>
    <row r="31026" spans="8:8">
      <c r="H31026" s="12"/>
    </row>
    <row r="31027" spans="8:8">
      <c r="H31027" s="12"/>
    </row>
    <row r="31028" spans="8:8">
      <c r="H31028" s="12"/>
    </row>
    <row r="31029" spans="8:8">
      <c r="H31029" s="12"/>
    </row>
    <row r="31030" spans="8:8">
      <c r="H31030" s="12"/>
    </row>
    <row r="31031" spans="8:8">
      <c r="H31031" s="12"/>
    </row>
    <row r="31032" spans="8:8">
      <c r="H31032" s="12"/>
    </row>
    <row r="31033" spans="8:8">
      <c r="H31033" s="12"/>
    </row>
    <row r="31034" spans="8:8">
      <c r="H31034" s="12"/>
    </row>
    <row r="31035" spans="8:8">
      <c r="H31035" s="12"/>
    </row>
    <row r="31036" spans="8:8">
      <c r="H31036" s="12"/>
    </row>
    <row r="31037" spans="8:8">
      <c r="H31037" s="12"/>
    </row>
    <row r="31038" spans="8:8">
      <c r="H31038" s="12"/>
    </row>
    <row r="31039" spans="8:8">
      <c r="H31039" s="12"/>
    </row>
    <row r="31040" spans="8:8">
      <c r="H31040" s="12"/>
    </row>
    <row r="31041" spans="8:8">
      <c r="H31041" s="12"/>
    </row>
    <row r="31042" spans="8:8">
      <c r="H31042" s="12"/>
    </row>
    <row r="31043" spans="8:8">
      <c r="H31043" s="12"/>
    </row>
    <row r="31044" spans="8:8">
      <c r="H31044" s="12"/>
    </row>
    <row r="31045" spans="8:8">
      <c r="H31045" s="12"/>
    </row>
    <row r="31046" spans="8:8">
      <c r="H31046" s="12"/>
    </row>
    <row r="31047" spans="8:8">
      <c r="H31047" s="12"/>
    </row>
    <row r="31048" spans="8:8">
      <c r="H31048" s="12"/>
    </row>
    <row r="31049" spans="8:8">
      <c r="H31049" s="12"/>
    </row>
    <row r="31050" spans="8:8">
      <c r="H31050" s="12"/>
    </row>
    <row r="31051" spans="8:8">
      <c r="H31051" s="12"/>
    </row>
    <row r="31052" spans="8:8">
      <c r="H31052" s="12"/>
    </row>
    <row r="31053" spans="8:8">
      <c r="H31053" s="12"/>
    </row>
    <row r="31054" spans="8:8">
      <c r="H31054" s="12"/>
    </row>
    <row r="31055" spans="8:8">
      <c r="H31055" s="12"/>
    </row>
    <row r="31056" spans="8:8">
      <c r="H31056" s="12"/>
    </row>
    <row r="31057" spans="8:8">
      <c r="H31057" s="12"/>
    </row>
    <row r="31058" spans="8:8">
      <c r="H31058" s="12"/>
    </row>
    <row r="31059" spans="8:8">
      <c r="H31059" s="12"/>
    </row>
    <row r="31060" spans="8:8">
      <c r="H31060" s="12"/>
    </row>
    <row r="31061" spans="8:8">
      <c r="H31061" s="12"/>
    </row>
    <row r="31062" spans="8:8">
      <c r="H31062" s="12"/>
    </row>
    <row r="31063" spans="8:8">
      <c r="H31063" s="12"/>
    </row>
    <row r="31064" spans="8:8">
      <c r="H31064" s="12"/>
    </row>
    <row r="31065" spans="8:8">
      <c r="H31065" s="12"/>
    </row>
    <row r="31066" spans="8:8">
      <c r="H31066" s="12"/>
    </row>
    <row r="31067" spans="8:8">
      <c r="H31067" s="12"/>
    </row>
    <row r="31068" spans="8:8">
      <c r="H31068" s="12"/>
    </row>
    <row r="31069" spans="8:8">
      <c r="H31069" s="12"/>
    </row>
    <row r="31070" spans="8:8">
      <c r="H31070" s="12"/>
    </row>
    <row r="31071" spans="8:8">
      <c r="H31071" s="12"/>
    </row>
    <row r="31072" spans="8:8">
      <c r="H31072" s="12"/>
    </row>
    <row r="31073" spans="8:8">
      <c r="H31073" s="12"/>
    </row>
    <row r="31074" spans="8:8">
      <c r="H31074" s="12"/>
    </row>
    <row r="31075" spans="8:8">
      <c r="H31075" s="12"/>
    </row>
    <row r="31076" spans="8:8">
      <c r="H31076" s="12"/>
    </row>
    <row r="31077" spans="8:8">
      <c r="H31077" s="12"/>
    </row>
    <row r="31078" spans="8:8">
      <c r="H31078" s="12"/>
    </row>
    <row r="31079" spans="8:8">
      <c r="H31079" s="12"/>
    </row>
    <row r="31080" spans="8:8">
      <c r="H31080" s="12"/>
    </row>
    <row r="31081" spans="8:8">
      <c r="H31081" s="12"/>
    </row>
    <row r="31082" spans="8:8">
      <c r="H31082" s="12"/>
    </row>
    <row r="31083" spans="8:8">
      <c r="H31083" s="12"/>
    </row>
    <row r="31084" spans="8:8">
      <c r="H31084" s="12"/>
    </row>
    <row r="31085" spans="8:8">
      <c r="H31085" s="12"/>
    </row>
    <row r="31086" spans="8:8">
      <c r="H31086" s="12"/>
    </row>
    <row r="31087" spans="8:8">
      <c r="H31087" s="12"/>
    </row>
    <row r="31088" spans="8:8">
      <c r="H31088" s="12"/>
    </row>
    <row r="31089" spans="8:8">
      <c r="H31089" s="12"/>
    </row>
    <row r="31090" spans="8:8">
      <c r="H31090" s="12"/>
    </row>
    <row r="31091" spans="8:8">
      <c r="H31091" s="12"/>
    </row>
    <row r="31092" spans="8:8">
      <c r="H31092" s="12"/>
    </row>
    <row r="31093" spans="8:8">
      <c r="H31093" s="12"/>
    </row>
    <row r="31094" spans="8:8">
      <c r="H31094" s="12"/>
    </row>
    <row r="31095" spans="8:8">
      <c r="H31095" s="12"/>
    </row>
    <row r="31096" spans="8:8">
      <c r="H31096" s="12"/>
    </row>
    <row r="31097" spans="8:8">
      <c r="H31097" s="12"/>
    </row>
    <row r="31098" spans="8:8">
      <c r="H31098" s="12"/>
    </row>
    <row r="31099" spans="8:8">
      <c r="H31099" s="12"/>
    </row>
    <row r="31100" spans="8:8">
      <c r="H31100" s="12"/>
    </row>
    <row r="31101" spans="8:8">
      <c r="H31101" s="12"/>
    </row>
    <row r="31102" spans="8:8">
      <c r="H31102" s="12"/>
    </row>
    <row r="31103" spans="8:8">
      <c r="H31103" s="12"/>
    </row>
    <row r="31104" spans="8:8">
      <c r="H31104" s="12"/>
    </row>
    <row r="31105" spans="8:8">
      <c r="H31105" s="12"/>
    </row>
    <row r="31106" spans="8:8">
      <c r="H31106" s="12"/>
    </row>
    <row r="31107" spans="8:8">
      <c r="H31107" s="12"/>
    </row>
    <row r="31108" spans="8:8">
      <c r="H31108" s="12"/>
    </row>
    <row r="31109" spans="8:8">
      <c r="H31109" s="12"/>
    </row>
    <row r="31110" spans="8:8">
      <c r="H31110" s="12"/>
    </row>
    <row r="31111" spans="8:8">
      <c r="H31111" s="12"/>
    </row>
    <row r="31112" spans="8:8">
      <c r="H31112" s="12"/>
    </row>
    <row r="31113" spans="8:8">
      <c r="H31113" s="12"/>
    </row>
    <row r="31114" spans="8:8">
      <c r="H31114" s="12"/>
    </row>
    <row r="31115" spans="8:8">
      <c r="H31115" s="12"/>
    </row>
    <row r="31116" spans="8:8">
      <c r="H31116" s="12"/>
    </row>
    <row r="31117" spans="8:8">
      <c r="H31117" s="12"/>
    </row>
    <row r="31118" spans="8:8">
      <c r="H31118" s="12"/>
    </row>
    <row r="31119" spans="8:8">
      <c r="H31119" s="12"/>
    </row>
    <row r="31120" spans="8:8">
      <c r="H31120" s="12"/>
    </row>
    <row r="31121" spans="8:8">
      <c r="H31121" s="12"/>
    </row>
    <row r="31122" spans="8:8">
      <c r="H31122" s="12"/>
    </row>
    <row r="31123" spans="8:8">
      <c r="H31123" s="12"/>
    </row>
    <row r="31124" spans="8:8">
      <c r="H31124" s="12"/>
    </row>
    <row r="31125" spans="8:8">
      <c r="H31125" s="12"/>
    </row>
    <row r="31126" spans="8:8">
      <c r="H31126" s="12"/>
    </row>
    <row r="31127" spans="8:8">
      <c r="H31127" s="12"/>
    </row>
    <row r="31128" spans="8:8">
      <c r="H31128" s="12"/>
    </row>
    <row r="31129" spans="8:8">
      <c r="H31129" s="12"/>
    </row>
    <row r="31130" spans="8:8">
      <c r="H31130" s="12"/>
    </row>
    <row r="31131" spans="8:8">
      <c r="H31131" s="12"/>
    </row>
    <row r="31132" spans="8:8">
      <c r="H31132" s="12"/>
    </row>
    <row r="31133" spans="8:8">
      <c r="H31133" s="12"/>
    </row>
    <row r="31134" spans="8:8">
      <c r="H31134" s="12"/>
    </row>
    <row r="31135" spans="8:8">
      <c r="H31135" s="12"/>
    </row>
    <row r="31136" spans="8:8">
      <c r="H31136" s="12"/>
    </row>
    <row r="31137" spans="8:8">
      <c r="H31137" s="12"/>
    </row>
    <row r="31138" spans="8:8">
      <c r="H31138" s="12"/>
    </row>
    <row r="31139" spans="8:8">
      <c r="H31139" s="12"/>
    </row>
    <row r="31140" spans="8:8">
      <c r="H31140" s="12"/>
    </row>
    <row r="31141" spans="8:8">
      <c r="H31141" s="12"/>
    </row>
    <row r="31142" spans="8:8">
      <c r="H31142" s="12"/>
    </row>
    <row r="31143" spans="8:8">
      <c r="H31143" s="12"/>
    </row>
    <row r="31144" spans="8:8">
      <c r="H31144" s="12"/>
    </row>
    <row r="31145" spans="8:8">
      <c r="H31145" s="12"/>
    </row>
    <row r="31146" spans="8:8">
      <c r="H31146" s="12"/>
    </row>
    <row r="31147" spans="8:8">
      <c r="H31147" s="12"/>
    </row>
    <row r="31148" spans="8:8">
      <c r="H31148" s="12"/>
    </row>
    <row r="31149" spans="8:8">
      <c r="H31149" s="12"/>
    </row>
    <row r="31150" spans="8:8">
      <c r="H31150" s="12"/>
    </row>
    <row r="31151" spans="8:8">
      <c r="H31151" s="12"/>
    </row>
    <row r="31152" spans="8:8">
      <c r="H31152" s="12"/>
    </row>
    <row r="31153" spans="8:8">
      <c r="H31153" s="12"/>
    </row>
    <row r="31154" spans="8:8">
      <c r="H31154" s="12"/>
    </row>
    <row r="31155" spans="8:8">
      <c r="H31155" s="12"/>
    </row>
    <row r="31156" spans="8:8">
      <c r="H31156" s="12"/>
    </row>
    <row r="31157" spans="8:8">
      <c r="H31157" s="12"/>
    </row>
    <row r="31158" spans="8:8">
      <c r="H31158" s="12"/>
    </row>
    <row r="31159" spans="8:8">
      <c r="H31159" s="12"/>
    </row>
    <row r="31160" spans="8:8">
      <c r="H31160" s="12"/>
    </row>
    <row r="31161" spans="8:8">
      <c r="H31161" s="12"/>
    </row>
    <row r="31162" spans="8:8">
      <c r="H31162" s="12"/>
    </row>
    <row r="31163" spans="8:8">
      <c r="H31163" s="12"/>
    </row>
    <row r="31164" spans="8:8">
      <c r="H31164" s="12"/>
    </row>
    <row r="31165" spans="8:8">
      <c r="H31165" s="12"/>
    </row>
    <row r="31166" spans="8:8">
      <c r="H31166" s="12"/>
    </row>
    <row r="31167" spans="8:8">
      <c r="H31167" s="12"/>
    </row>
    <row r="31168" spans="8:8">
      <c r="H31168" s="12"/>
    </row>
    <row r="31169" spans="8:8">
      <c r="H31169" s="12"/>
    </row>
    <row r="31170" spans="8:8">
      <c r="H31170" s="12"/>
    </row>
    <row r="31171" spans="8:8">
      <c r="H31171" s="12"/>
    </row>
    <row r="31172" spans="8:8">
      <c r="H31172" s="12"/>
    </row>
    <row r="31173" spans="8:8">
      <c r="H31173" s="12"/>
    </row>
    <row r="31174" spans="8:8">
      <c r="H31174" s="12"/>
    </row>
    <row r="31175" spans="8:8">
      <c r="H31175" s="12"/>
    </row>
    <row r="31176" spans="8:8">
      <c r="H31176" s="12"/>
    </row>
    <row r="31177" spans="8:8">
      <c r="H31177" s="12"/>
    </row>
    <row r="31178" spans="8:8">
      <c r="H31178" s="12"/>
    </row>
    <row r="31179" spans="8:8">
      <c r="H31179" s="12"/>
    </row>
    <row r="31180" spans="8:8">
      <c r="H31180" s="12"/>
    </row>
    <row r="31181" spans="8:8">
      <c r="H31181" s="12"/>
    </row>
    <row r="31182" spans="8:8">
      <c r="H31182" s="12"/>
    </row>
    <row r="31183" spans="8:8">
      <c r="H31183" s="12"/>
    </row>
    <row r="31184" spans="8:8">
      <c r="H31184" s="12"/>
    </row>
    <row r="31185" spans="8:8">
      <c r="H31185" s="12"/>
    </row>
    <row r="31186" spans="8:8">
      <c r="H31186" s="12"/>
    </row>
    <row r="31187" spans="8:8">
      <c r="H31187" s="12"/>
    </row>
    <row r="31188" spans="8:8">
      <c r="H31188" s="12"/>
    </row>
    <row r="31189" spans="8:8">
      <c r="H31189" s="12"/>
    </row>
    <row r="31190" spans="8:8">
      <c r="H31190" s="12"/>
    </row>
    <row r="31191" spans="8:8">
      <c r="H31191" s="12"/>
    </row>
    <row r="31192" spans="8:8">
      <c r="H31192" s="12"/>
    </row>
    <row r="31193" spans="8:8">
      <c r="H31193" s="12"/>
    </row>
    <row r="31194" spans="8:8">
      <c r="H31194" s="12"/>
    </row>
    <row r="31195" spans="8:8">
      <c r="H31195" s="12"/>
    </row>
    <row r="31196" spans="8:8">
      <c r="H31196" s="12"/>
    </row>
    <row r="31197" spans="8:8">
      <c r="H31197" s="12"/>
    </row>
    <row r="31198" spans="8:8">
      <c r="H31198" s="12"/>
    </row>
    <row r="31199" spans="8:8">
      <c r="H31199" s="12"/>
    </row>
    <row r="31200" spans="8:8">
      <c r="H31200" s="12"/>
    </row>
    <row r="31201" spans="8:8">
      <c r="H31201" s="12"/>
    </row>
    <row r="31202" spans="8:8">
      <c r="H31202" s="12"/>
    </row>
    <row r="31203" spans="8:8">
      <c r="H31203" s="12"/>
    </row>
    <row r="31204" spans="8:8">
      <c r="H31204" s="12"/>
    </row>
    <row r="31205" spans="8:8">
      <c r="H31205" s="12"/>
    </row>
    <row r="31206" spans="8:8">
      <c r="H31206" s="12"/>
    </row>
    <row r="31207" spans="8:8">
      <c r="H31207" s="12"/>
    </row>
    <row r="31208" spans="8:8">
      <c r="H31208" s="12"/>
    </row>
    <row r="31209" spans="8:8">
      <c r="H31209" s="12"/>
    </row>
    <row r="31210" spans="8:8">
      <c r="H31210" s="12"/>
    </row>
    <row r="31211" spans="8:8">
      <c r="H31211" s="12"/>
    </row>
    <row r="31212" spans="8:8">
      <c r="H31212" s="12"/>
    </row>
    <row r="31213" spans="8:8">
      <c r="H31213" s="12"/>
    </row>
    <row r="31214" spans="8:8">
      <c r="H31214" s="12"/>
    </row>
    <row r="31215" spans="8:8">
      <c r="H31215" s="12"/>
    </row>
    <row r="31216" spans="8:8">
      <c r="H31216" s="12"/>
    </row>
    <row r="31217" spans="8:8">
      <c r="H31217" s="12"/>
    </row>
    <row r="31218" spans="8:8">
      <c r="H31218" s="12"/>
    </row>
    <row r="31219" spans="8:8">
      <c r="H31219" s="12"/>
    </row>
    <row r="31220" spans="8:8">
      <c r="H31220" s="12"/>
    </row>
    <row r="31221" spans="8:8">
      <c r="H31221" s="12"/>
    </row>
    <row r="31222" spans="8:8">
      <c r="H31222" s="12"/>
    </row>
    <row r="31223" spans="8:8">
      <c r="H31223" s="12"/>
    </row>
    <row r="31224" spans="8:8">
      <c r="H31224" s="12"/>
    </row>
    <row r="31225" spans="8:8">
      <c r="H31225" s="12"/>
    </row>
    <row r="31226" spans="8:8">
      <c r="H31226" s="12"/>
    </row>
    <row r="31227" spans="8:8">
      <c r="H31227" s="12"/>
    </row>
    <row r="31228" spans="8:8">
      <c r="H31228" s="12"/>
    </row>
    <row r="31229" spans="8:8">
      <c r="H31229" s="12"/>
    </row>
    <row r="31230" spans="8:8">
      <c r="H31230" s="12"/>
    </row>
    <row r="31231" spans="8:8">
      <c r="H31231" s="12"/>
    </row>
    <row r="31232" spans="8:8">
      <c r="H31232" s="12"/>
    </row>
    <row r="31233" spans="8:8">
      <c r="H31233" s="12"/>
    </row>
    <row r="31234" spans="8:8">
      <c r="H31234" s="12"/>
    </row>
    <row r="31235" spans="8:8">
      <c r="H31235" s="12"/>
    </row>
    <row r="31236" spans="8:8">
      <c r="H31236" s="12"/>
    </row>
    <row r="31237" spans="8:8">
      <c r="H31237" s="12"/>
    </row>
    <row r="31238" spans="8:8">
      <c r="H31238" s="12"/>
    </row>
    <row r="31239" spans="8:8">
      <c r="H31239" s="12"/>
    </row>
    <row r="31240" spans="8:8">
      <c r="H31240" s="12"/>
    </row>
    <row r="31241" spans="8:8">
      <c r="H31241" s="12"/>
    </row>
    <row r="31242" spans="8:8">
      <c r="H31242" s="12"/>
    </row>
    <row r="31243" spans="8:8">
      <c r="H31243" s="12"/>
    </row>
    <row r="31244" spans="8:8">
      <c r="H31244" s="12"/>
    </row>
    <row r="31245" spans="8:8">
      <c r="H31245" s="12"/>
    </row>
    <row r="31246" spans="8:8">
      <c r="H31246" s="12"/>
    </row>
    <row r="31247" spans="8:8">
      <c r="H31247" s="12"/>
    </row>
    <row r="31248" spans="8:8">
      <c r="H31248" s="12"/>
    </row>
    <row r="31249" spans="8:8">
      <c r="H31249" s="12"/>
    </row>
    <row r="31250" spans="8:8">
      <c r="H31250" s="12"/>
    </row>
    <row r="31251" spans="8:8">
      <c r="H31251" s="12"/>
    </row>
    <row r="31252" spans="8:8">
      <c r="H31252" s="12"/>
    </row>
    <row r="31253" spans="8:8">
      <c r="H31253" s="12"/>
    </row>
    <row r="31254" spans="8:8">
      <c r="H31254" s="12"/>
    </row>
    <row r="31255" spans="8:8">
      <c r="H31255" s="12"/>
    </row>
    <row r="31256" spans="8:8">
      <c r="H31256" s="12"/>
    </row>
    <row r="31257" spans="8:8">
      <c r="H31257" s="12"/>
    </row>
    <row r="31258" spans="8:8">
      <c r="H31258" s="12"/>
    </row>
    <row r="31259" spans="8:8">
      <c r="H31259" s="12"/>
    </row>
    <row r="31260" spans="8:8">
      <c r="H31260" s="12"/>
    </row>
    <row r="31261" spans="8:8">
      <c r="H31261" s="12"/>
    </row>
    <row r="31262" spans="8:8">
      <c r="H31262" s="12"/>
    </row>
    <row r="31263" spans="8:8">
      <c r="H31263" s="12"/>
    </row>
    <row r="31264" spans="8:8">
      <c r="H31264" s="12"/>
    </row>
    <row r="31265" spans="8:8">
      <c r="H31265" s="12"/>
    </row>
    <row r="31266" spans="8:8">
      <c r="H31266" s="12"/>
    </row>
    <row r="31267" spans="8:8">
      <c r="H31267" s="12"/>
    </row>
    <row r="31268" spans="8:8">
      <c r="H31268" s="12"/>
    </row>
    <row r="31269" spans="8:8">
      <c r="H31269" s="12"/>
    </row>
    <row r="31270" spans="8:8">
      <c r="H31270" s="12"/>
    </row>
    <row r="31271" spans="8:8">
      <c r="H31271" s="12"/>
    </row>
    <row r="31272" spans="8:8">
      <c r="H31272" s="12"/>
    </row>
    <row r="31273" spans="8:8">
      <c r="H31273" s="12"/>
    </row>
    <row r="31274" spans="8:8">
      <c r="H31274" s="12"/>
    </row>
    <row r="31275" spans="8:8">
      <c r="H31275" s="12"/>
    </row>
    <row r="31276" spans="8:8">
      <c r="H31276" s="12"/>
    </row>
    <row r="31277" spans="8:8">
      <c r="H31277" s="12"/>
    </row>
    <row r="31278" spans="8:8">
      <c r="H31278" s="12"/>
    </row>
    <row r="31279" spans="8:8">
      <c r="H31279" s="12"/>
    </row>
    <row r="31280" spans="8:8">
      <c r="H31280" s="12"/>
    </row>
    <row r="31281" spans="8:8">
      <c r="H31281" s="12"/>
    </row>
    <row r="31282" spans="8:8">
      <c r="H31282" s="12"/>
    </row>
    <row r="31283" spans="8:8">
      <c r="H31283" s="12"/>
    </row>
    <row r="31284" spans="8:8">
      <c r="H31284" s="12"/>
    </row>
    <row r="31285" spans="8:8">
      <c r="H31285" s="12"/>
    </row>
    <row r="31286" spans="8:8">
      <c r="H31286" s="12"/>
    </row>
    <row r="31287" spans="8:8">
      <c r="H31287" s="12"/>
    </row>
    <row r="31288" spans="8:8">
      <c r="H31288" s="12"/>
    </row>
    <row r="31289" spans="8:8">
      <c r="H31289" s="12"/>
    </row>
    <row r="31290" spans="8:8">
      <c r="H31290" s="12"/>
    </row>
    <row r="31291" spans="8:8">
      <c r="H31291" s="12"/>
    </row>
    <row r="31292" spans="8:8">
      <c r="H31292" s="12"/>
    </row>
    <row r="31293" spans="8:8">
      <c r="H31293" s="12"/>
    </row>
    <row r="31294" spans="8:8">
      <c r="H31294" s="12"/>
    </row>
    <row r="31295" spans="8:8">
      <c r="H31295" s="12"/>
    </row>
    <row r="31296" spans="8:8">
      <c r="H31296" s="12"/>
    </row>
    <row r="31297" spans="8:8">
      <c r="H31297" s="12"/>
    </row>
    <row r="31298" spans="8:8">
      <c r="H31298" s="12"/>
    </row>
    <row r="31299" spans="8:8">
      <c r="H31299" s="12"/>
    </row>
    <row r="31300" spans="8:8">
      <c r="H31300" s="12"/>
    </row>
    <row r="31301" spans="8:8">
      <c r="H31301" s="12"/>
    </row>
    <row r="31302" spans="8:8">
      <c r="H31302" s="12"/>
    </row>
    <row r="31303" spans="8:8">
      <c r="H31303" s="12"/>
    </row>
    <row r="31304" spans="8:8">
      <c r="H31304" s="12"/>
    </row>
    <row r="31305" spans="8:8">
      <c r="H31305" s="12"/>
    </row>
    <row r="31306" spans="8:8">
      <c r="H31306" s="12"/>
    </row>
    <row r="31307" spans="8:8">
      <c r="H31307" s="12"/>
    </row>
    <row r="31308" spans="8:8">
      <c r="H31308" s="12"/>
    </row>
    <row r="31309" spans="8:8">
      <c r="H31309" s="12"/>
    </row>
    <row r="31310" spans="8:8">
      <c r="H31310" s="12"/>
    </row>
    <row r="31311" spans="8:8">
      <c r="H31311" s="12"/>
    </row>
    <row r="31312" spans="8:8">
      <c r="H31312" s="12"/>
    </row>
    <row r="31313" spans="8:8">
      <c r="H31313" s="12"/>
    </row>
    <row r="31314" spans="8:8">
      <c r="H31314" s="12"/>
    </row>
    <row r="31315" spans="8:8">
      <c r="H31315" s="12"/>
    </row>
    <row r="31316" spans="8:8">
      <c r="H31316" s="12"/>
    </row>
    <row r="31317" spans="8:8">
      <c r="H31317" s="12"/>
    </row>
    <row r="31318" spans="8:8">
      <c r="H31318" s="12"/>
    </row>
    <row r="31319" spans="8:8">
      <c r="H31319" s="12"/>
    </row>
    <row r="31320" spans="8:8">
      <c r="H31320" s="12"/>
    </row>
    <row r="31321" spans="8:8">
      <c r="H31321" s="12"/>
    </row>
    <row r="31322" spans="8:8">
      <c r="H31322" s="12"/>
    </row>
    <row r="31323" spans="8:8">
      <c r="H31323" s="12"/>
    </row>
    <row r="31324" spans="8:8">
      <c r="H31324" s="12"/>
    </row>
    <row r="31325" spans="8:8">
      <c r="H31325" s="12"/>
    </row>
    <row r="31326" spans="8:8">
      <c r="H31326" s="12"/>
    </row>
    <row r="31327" spans="8:8">
      <c r="H31327" s="12"/>
    </row>
    <row r="31328" spans="8:8">
      <c r="H31328" s="12"/>
    </row>
    <row r="31329" spans="8:8">
      <c r="H31329" s="12"/>
    </row>
    <row r="31330" spans="8:8">
      <c r="H31330" s="12"/>
    </row>
    <row r="31331" spans="8:8">
      <c r="H31331" s="12"/>
    </row>
    <row r="31332" spans="8:8">
      <c r="H31332" s="12"/>
    </row>
    <row r="31333" spans="8:8">
      <c r="H31333" s="12"/>
    </row>
    <row r="31334" spans="8:8">
      <c r="H31334" s="12"/>
    </row>
    <row r="31335" spans="8:8">
      <c r="H31335" s="12"/>
    </row>
    <row r="31336" spans="8:8">
      <c r="H31336" s="12"/>
    </row>
    <row r="31337" spans="8:8">
      <c r="H31337" s="12"/>
    </row>
    <row r="31338" spans="8:8">
      <c r="H31338" s="12"/>
    </row>
    <row r="31339" spans="8:8">
      <c r="H31339" s="12"/>
    </row>
    <row r="31340" spans="8:8">
      <c r="H31340" s="12"/>
    </row>
    <row r="31341" spans="8:8">
      <c r="H31341" s="12"/>
    </row>
    <row r="31342" spans="8:8">
      <c r="H31342" s="12"/>
    </row>
    <row r="31343" spans="8:8">
      <c r="H31343" s="12"/>
    </row>
    <row r="31344" spans="8:8">
      <c r="H31344" s="12"/>
    </row>
    <row r="31345" spans="8:8">
      <c r="H31345" s="12"/>
    </row>
    <row r="31346" spans="8:8">
      <c r="H31346" s="12"/>
    </row>
    <row r="31347" spans="8:8">
      <c r="H31347" s="12"/>
    </row>
    <row r="31348" spans="8:8">
      <c r="H31348" s="12"/>
    </row>
    <row r="31349" spans="8:8">
      <c r="H31349" s="12"/>
    </row>
    <row r="31350" spans="8:8">
      <c r="H31350" s="12"/>
    </row>
    <row r="31351" spans="8:8">
      <c r="H31351" s="12"/>
    </row>
    <row r="31352" spans="8:8">
      <c r="H31352" s="12"/>
    </row>
    <row r="31353" spans="8:8">
      <c r="H31353" s="12"/>
    </row>
    <row r="31354" spans="8:8">
      <c r="H31354" s="12"/>
    </row>
    <row r="31355" spans="8:8">
      <c r="H31355" s="12"/>
    </row>
    <row r="31356" spans="8:8">
      <c r="H31356" s="12"/>
    </row>
    <row r="31357" spans="8:8">
      <c r="H31357" s="12"/>
    </row>
    <row r="31358" spans="8:8">
      <c r="H31358" s="12"/>
    </row>
    <row r="31359" spans="8:8">
      <c r="H31359" s="12"/>
    </row>
    <row r="31360" spans="8:8">
      <c r="H31360" s="12"/>
    </row>
    <row r="31361" spans="8:8">
      <c r="H31361" s="12"/>
    </row>
    <row r="31362" spans="8:8">
      <c r="H31362" s="12"/>
    </row>
    <row r="31363" spans="8:8">
      <c r="H31363" s="12"/>
    </row>
    <row r="31364" spans="8:8">
      <c r="H31364" s="12"/>
    </row>
    <row r="31365" spans="8:8">
      <c r="H31365" s="12"/>
    </row>
    <row r="31366" spans="8:8">
      <c r="H31366" s="12"/>
    </row>
    <row r="31367" spans="8:8">
      <c r="H31367" s="12"/>
    </row>
    <row r="31368" spans="8:8">
      <c r="H31368" s="12"/>
    </row>
    <row r="31369" spans="8:8">
      <c r="H31369" s="12"/>
    </row>
    <row r="31370" spans="8:8">
      <c r="H31370" s="12"/>
    </row>
    <row r="31371" spans="8:8">
      <c r="H31371" s="12"/>
    </row>
    <row r="31372" spans="8:8">
      <c r="H31372" s="12"/>
    </row>
    <row r="31373" spans="8:8">
      <c r="H31373" s="12"/>
    </row>
    <row r="31374" spans="8:8">
      <c r="H31374" s="12"/>
    </row>
    <row r="31375" spans="8:8">
      <c r="H31375" s="12"/>
    </row>
    <row r="31376" spans="8:8">
      <c r="H31376" s="12"/>
    </row>
    <row r="31377" spans="8:8">
      <c r="H31377" s="12"/>
    </row>
    <row r="31378" spans="8:8">
      <c r="H31378" s="12"/>
    </row>
    <row r="31379" spans="8:8">
      <c r="H31379" s="12"/>
    </row>
    <row r="31380" spans="8:8">
      <c r="H31380" s="12"/>
    </row>
    <row r="31381" spans="8:8">
      <c r="H31381" s="12"/>
    </row>
    <row r="31382" spans="8:8">
      <c r="H31382" s="12"/>
    </row>
    <row r="31383" spans="8:8">
      <c r="H31383" s="12"/>
    </row>
    <row r="31384" spans="8:8">
      <c r="H31384" s="12"/>
    </row>
    <row r="31385" spans="8:8">
      <c r="H31385" s="12"/>
    </row>
    <row r="31386" spans="8:8">
      <c r="H31386" s="12"/>
    </row>
    <row r="31387" spans="8:8">
      <c r="H31387" s="12"/>
    </row>
    <row r="31388" spans="8:8">
      <c r="H31388" s="12"/>
    </row>
    <row r="31389" spans="8:8">
      <c r="H31389" s="12"/>
    </row>
    <row r="31390" spans="8:8">
      <c r="H31390" s="12"/>
    </row>
    <row r="31391" spans="8:8">
      <c r="H31391" s="12"/>
    </row>
    <row r="31392" spans="8:8">
      <c r="H31392" s="12"/>
    </row>
    <row r="31393" spans="8:8">
      <c r="H31393" s="12"/>
    </row>
    <row r="31394" spans="8:8">
      <c r="H31394" s="12"/>
    </row>
    <row r="31395" spans="8:8">
      <c r="H31395" s="12"/>
    </row>
    <row r="31396" spans="8:8">
      <c r="H31396" s="12"/>
    </row>
    <row r="31397" spans="8:8">
      <c r="H31397" s="12"/>
    </row>
    <row r="31398" spans="8:8">
      <c r="H31398" s="12"/>
    </row>
    <row r="31399" spans="8:8">
      <c r="H31399" s="12"/>
    </row>
    <row r="31400" spans="8:8">
      <c r="H31400" s="12"/>
    </row>
    <row r="31401" spans="8:8">
      <c r="H31401" s="12"/>
    </row>
    <row r="31402" spans="8:8">
      <c r="H31402" s="12"/>
    </row>
    <row r="31403" spans="8:8">
      <c r="H31403" s="12"/>
    </row>
    <row r="31404" spans="8:8">
      <c r="H31404" s="12"/>
    </row>
    <row r="31405" spans="8:8">
      <c r="H31405" s="12"/>
    </row>
    <row r="31406" spans="8:8">
      <c r="H31406" s="12"/>
    </row>
    <row r="31407" spans="8:8">
      <c r="H31407" s="12"/>
    </row>
    <row r="31408" spans="8:8">
      <c r="H31408" s="12"/>
    </row>
    <row r="31409" spans="8:8">
      <c r="H31409" s="12"/>
    </row>
    <row r="31410" spans="8:8">
      <c r="H31410" s="12"/>
    </row>
    <row r="31411" spans="8:8">
      <c r="H31411" s="12"/>
    </row>
    <row r="31412" spans="8:8">
      <c r="H31412" s="12"/>
    </row>
    <row r="31413" spans="8:8">
      <c r="H31413" s="12"/>
    </row>
    <row r="31414" spans="8:8">
      <c r="H31414" s="12"/>
    </row>
    <row r="31415" spans="8:8">
      <c r="H31415" s="12"/>
    </row>
    <row r="31416" spans="8:8">
      <c r="H31416" s="12"/>
    </row>
    <row r="31417" spans="8:8">
      <c r="H31417" s="12"/>
    </row>
    <row r="31418" spans="8:8">
      <c r="H31418" s="12"/>
    </row>
    <row r="31419" spans="8:8">
      <c r="H31419" s="12"/>
    </row>
    <row r="31420" spans="8:8">
      <c r="H31420" s="12"/>
    </row>
    <row r="31421" spans="8:8">
      <c r="H31421" s="12"/>
    </row>
    <row r="31422" spans="8:8">
      <c r="H31422" s="12"/>
    </row>
    <row r="31423" spans="8:8">
      <c r="H31423" s="12"/>
    </row>
    <row r="31424" spans="8:8">
      <c r="H31424" s="12"/>
    </row>
    <row r="31425" spans="8:8">
      <c r="H31425" s="12"/>
    </row>
    <row r="31426" spans="8:8">
      <c r="H31426" s="12"/>
    </row>
    <row r="31427" spans="8:8">
      <c r="H31427" s="12"/>
    </row>
    <row r="31428" spans="8:8">
      <c r="H31428" s="12"/>
    </row>
    <row r="31429" spans="8:8">
      <c r="H31429" s="12"/>
    </row>
    <row r="31430" spans="8:8">
      <c r="H31430" s="12"/>
    </row>
    <row r="31431" spans="8:8">
      <c r="H31431" s="12"/>
    </row>
    <row r="31432" spans="8:8">
      <c r="H31432" s="12"/>
    </row>
    <row r="31433" spans="8:8">
      <c r="H31433" s="12"/>
    </row>
    <row r="31434" spans="8:8">
      <c r="H31434" s="12"/>
    </row>
    <row r="31435" spans="8:8">
      <c r="H31435" s="12"/>
    </row>
    <row r="31436" spans="8:8">
      <c r="H31436" s="12"/>
    </row>
    <row r="31437" spans="8:8">
      <c r="H31437" s="12"/>
    </row>
    <row r="31438" spans="8:8">
      <c r="H31438" s="12"/>
    </row>
    <row r="31439" spans="8:8">
      <c r="H31439" s="12"/>
    </row>
    <row r="31440" spans="8:8">
      <c r="H31440" s="12"/>
    </row>
    <row r="31441" spans="8:8">
      <c r="H31441" s="12"/>
    </row>
    <row r="31442" spans="8:8">
      <c r="H31442" s="12"/>
    </row>
    <row r="31443" spans="8:8">
      <c r="H31443" s="12"/>
    </row>
    <row r="31444" spans="8:8">
      <c r="H31444" s="12"/>
    </row>
    <row r="31445" spans="8:8">
      <c r="H31445" s="12"/>
    </row>
    <row r="31446" spans="8:8">
      <c r="H31446" s="12"/>
    </row>
    <row r="31447" spans="8:8">
      <c r="H31447" s="12"/>
    </row>
    <row r="31448" spans="8:8">
      <c r="H31448" s="12"/>
    </row>
    <row r="31449" spans="8:8">
      <c r="H31449" s="12"/>
    </row>
    <row r="31450" spans="8:8">
      <c r="H31450" s="12"/>
    </row>
    <row r="31451" spans="8:8">
      <c r="H31451" s="12"/>
    </row>
    <row r="31452" spans="8:8">
      <c r="H31452" s="12"/>
    </row>
    <row r="31453" spans="8:8">
      <c r="H31453" s="12"/>
    </row>
    <row r="31454" spans="8:8">
      <c r="H31454" s="12"/>
    </row>
    <row r="31455" spans="8:8">
      <c r="H31455" s="12"/>
    </row>
    <row r="31456" spans="8:8">
      <c r="H31456" s="12"/>
    </row>
    <row r="31457" spans="8:8">
      <c r="H31457" s="12"/>
    </row>
    <row r="31458" spans="8:8">
      <c r="H31458" s="12"/>
    </row>
    <row r="31459" spans="8:8">
      <c r="H31459" s="12"/>
    </row>
    <row r="31460" spans="8:8">
      <c r="H31460" s="12"/>
    </row>
    <row r="31461" spans="8:8">
      <c r="H31461" s="12"/>
    </row>
    <row r="31462" spans="8:8">
      <c r="H31462" s="12"/>
    </row>
    <row r="31463" spans="8:8">
      <c r="H31463" s="12"/>
    </row>
    <row r="31464" spans="8:8">
      <c r="H31464" s="12"/>
    </row>
    <row r="31465" spans="8:8">
      <c r="H31465" s="12"/>
    </row>
    <row r="31466" spans="8:8">
      <c r="H31466" s="12"/>
    </row>
    <row r="31467" spans="8:8">
      <c r="H31467" s="12"/>
    </row>
    <row r="31468" spans="8:8">
      <c r="H31468" s="12"/>
    </row>
    <row r="31469" spans="8:8">
      <c r="H31469" s="12"/>
    </row>
    <row r="31470" spans="8:8">
      <c r="H31470" s="12"/>
    </row>
    <row r="31471" spans="8:8">
      <c r="H31471" s="12"/>
    </row>
    <row r="31472" spans="8:8">
      <c r="H31472" s="12"/>
    </row>
    <row r="31473" spans="8:8">
      <c r="H31473" s="12"/>
    </row>
    <row r="31474" spans="8:8">
      <c r="H31474" s="12"/>
    </row>
    <row r="31475" spans="8:8">
      <c r="H31475" s="12"/>
    </row>
    <row r="31476" spans="8:8">
      <c r="H31476" s="12"/>
    </row>
    <row r="31477" spans="8:8">
      <c r="H31477" s="12"/>
    </row>
    <row r="31478" spans="8:8">
      <c r="H31478" s="12"/>
    </row>
    <row r="31479" spans="8:8">
      <c r="H31479" s="12"/>
    </row>
    <row r="31480" spans="8:8">
      <c r="H31480" s="12"/>
    </row>
    <row r="31481" spans="8:8">
      <c r="H31481" s="12"/>
    </row>
    <row r="31482" spans="8:8">
      <c r="H31482" s="12"/>
    </row>
    <row r="31483" spans="8:8">
      <c r="H31483" s="12"/>
    </row>
    <row r="31484" spans="8:8">
      <c r="H31484" s="12"/>
    </row>
    <row r="31485" spans="8:8">
      <c r="H31485" s="12"/>
    </row>
    <row r="31486" spans="8:8">
      <c r="H31486" s="12"/>
    </row>
    <row r="31487" spans="8:8">
      <c r="H31487" s="12"/>
    </row>
    <row r="31488" spans="8:8">
      <c r="H31488" s="12"/>
    </row>
    <row r="31489" spans="8:8">
      <c r="H31489" s="12"/>
    </row>
    <row r="31490" spans="8:8">
      <c r="H31490" s="12"/>
    </row>
    <row r="31491" spans="8:8">
      <c r="H31491" s="12"/>
    </row>
    <row r="31492" spans="8:8">
      <c r="H31492" s="12"/>
    </row>
    <row r="31493" spans="8:8">
      <c r="H31493" s="12"/>
    </row>
    <row r="31494" spans="8:8">
      <c r="H31494" s="12"/>
    </row>
    <row r="31495" spans="8:8">
      <c r="H31495" s="12"/>
    </row>
    <row r="31496" spans="8:8">
      <c r="H31496" s="12"/>
    </row>
    <row r="31497" spans="8:8">
      <c r="H31497" s="12"/>
    </row>
    <row r="31498" spans="8:8">
      <c r="H31498" s="12"/>
    </row>
    <row r="31499" spans="8:8">
      <c r="H31499" s="12"/>
    </row>
    <row r="31500" spans="8:8">
      <c r="H31500" s="12"/>
    </row>
    <row r="31501" spans="8:8">
      <c r="H31501" s="12"/>
    </row>
    <row r="31502" spans="8:8">
      <c r="H31502" s="12"/>
    </row>
    <row r="31503" spans="8:8">
      <c r="H31503" s="12"/>
    </row>
    <row r="31504" spans="8:8">
      <c r="H31504" s="12"/>
    </row>
    <row r="31505" spans="8:8">
      <c r="H31505" s="12"/>
    </row>
    <row r="31506" spans="8:8">
      <c r="H31506" s="12"/>
    </row>
    <row r="31507" spans="8:8">
      <c r="H31507" s="12"/>
    </row>
    <row r="31508" spans="8:8">
      <c r="H31508" s="12"/>
    </row>
    <row r="31509" spans="8:8">
      <c r="H31509" s="12"/>
    </row>
    <row r="31510" spans="8:8">
      <c r="H31510" s="12"/>
    </row>
    <row r="31511" spans="8:8">
      <c r="H31511" s="12"/>
    </row>
    <row r="31512" spans="8:8">
      <c r="H31512" s="12"/>
    </row>
    <row r="31513" spans="8:8">
      <c r="H31513" s="12"/>
    </row>
    <row r="31514" spans="8:8">
      <c r="H31514" s="12"/>
    </row>
    <row r="31515" spans="8:8">
      <c r="H31515" s="12"/>
    </row>
    <row r="31516" spans="8:8">
      <c r="H31516" s="12"/>
    </row>
    <row r="31517" spans="8:8">
      <c r="H31517" s="12"/>
    </row>
    <row r="31518" spans="8:8">
      <c r="H31518" s="12"/>
    </row>
    <row r="31519" spans="8:8">
      <c r="H31519" s="12"/>
    </row>
    <row r="31520" spans="8:8">
      <c r="H31520" s="12"/>
    </row>
    <row r="31521" spans="8:8">
      <c r="H31521" s="12"/>
    </row>
    <row r="31522" spans="8:8">
      <c r="H31522" s="12"/>
    </row>
    <row r="31523" spans="8:8">
      <c r="H31523" s="12"/>
    </row>
    <row r="31524" spans="8:8">
      <c r="H31524" s="12"/>
    </row>
    <row r="31525" spans="8:8">
      <c r="H31525" s="12"/>
    </row>
    <row r="31526" spans="8:8">
      <c r="H31526" s="12"/>
    </row>
    <row r="31527" spans="8:8">
      <c r="H31527" s="12"/>
    </row>
    <row r="31528" spans="8:8">
      <c r="H31528" s="12"/>
    </row>
    <row r="31529" spans="8:8">
      <c r="H31529" s="12"/>
    </row>
    <row r="31530" spans="8:8">
      <c r="H31530" s="12"/>
    </row>
    <row r="31531" spans="8:8">
      <c r="H31531" s="12"/>
    </row>
    <row r="31532" spans="8:8">
      <c r="H31532" s="12"/>
    </row>
    <row r="31533" spans="8:8">
      <c r="H31533" s="12"/>
    </row>
    <row r="31534" spans="8:8">
      <c r="H31534" s="12"/>
    </row>
    <row r="31535" spans="8:8">
      <c r="H31535" s="12"/>
    </row>
    <row r="31536" spans="8:8">
      <c r="H31536" s="12"/>
    </row>
    <row r="31537" spans="8:8">
      <c r="H31537" s="12"/>
    </row>
    <row r="31538" spans="8:8">
      <c r="H31538" s="12"/>
    </row>
    <row r="31539" spans="8:8">
      <c r="H31539" s="12"/>
    </row>
    <row r="31540" spans="8:8">
      <c r="H31540" s="12"/>
    </row>
    <row r="31541" spans="8:8">
      <c r="H31541" s="12"/>
    </row>
    <row r="31542" spans="8:8">
      <c r="H31542" s="12"/>
    </row>
    <row r="31543" spans="8:8">
      <c r="H31543" s="12"/>
    </row>
    <row r="31544" spans="8:8">
      <c r="H31544" s="12"/>
    </row>
    <row r="31545" spans="8:8">
      <c r="H31545" s="12"/>
    </row>
    <row r="31546" spans="8:8">
      <c r="H31546" s="12"/>
    </row>
    <row r="31547" spans="8:8">
      <c r="H31547" s="12"/>
    </row>
    <row r="31548" spans="8:8">
      <c r="H31548" s="12"/>
    </row>
    <row r="31549" spans="8:8">
      <c r="H31549" s="12"/>
    </row>
    <row r="31550" spans="8:8">
      <c r="H31550" s="12"/>
    </row>
    <row r="31551" spans="8:8">
      <c r="H31551" s="12"/>
    </row>
    <row r="31552" spans="8:8">
      <c r="H31552" s="12"/>
    </row>
    <row r="31553" spans="8:8">
      <c r="H31553" s="12"/>
    </row>
    <row r="31554" spans="8:8">
      <c r="H31554" s="12"/>
    </row>
    <row r="31555" spans="8:8">
      <c r="H31555" s="12"/>
    </row>
    <row r="31556" spans="8:8">
      <c r="H31556" s="12"/>
    </row>
    <row r="31557" spans="8:8">
      <c r="H31557" s="12"/>
    </row>
    <row r="31558" spans="8:8">
      <c r="H31558" s="12"/>
    </row>
    <row r="31559" spans="8:8">
      <c r="H31559" s="12"/>
    </row>
    <row r="31560" spans="8:8">
      <c r="H31560" s="12"/>
    </row>
    <row r="31561" spans="8:8">
      <c r="H31561" s="12"/>
    </row>
    <row r="31562" spans="8:8">
      <c r="H31562" s="12"/>
    </row>
    <row r="31563" spans="8:8">
      <c r="H31563" s="12"/>
    </row>
    <row r="31564" spans="8:8">
      <c r="H31564" s="12"/>
    </row>
    <row r="31565" spans="8:8">
      <c r="H31565" s="12"/>
    </row>
    <row r="31566" spans="8:8">
      <c r="H31566" s="12"/>
    </row>
    <row r="31567" spans="8:8">
      <c r="H31567" s="12"/>
    </row>
    <row r="31568" spans="8:8">
      <c r="H31568" s="12"/>
    </row>
    <row r="31569" spans="8:8">
      <c r="H31569" s="12"/>
    </row>
    <row r="31570" spans="8:8">
      <c r="H31570" s="12"/>
    </row>
    <row r="31571" spans="8:8">
      <c r="H31571" s="12"/>
    </row>
    <row r="31572" spans="8:8">
      <c r="H31572" s="12"/>
    </row>
    <row r="31573" spans="8:8">
      <c r="H31573" s="12"/>
    </row>
    <row r="31574" spans="8:8">
      <c r="H31574" s="12"/>
    </row>
    <row r="31575" spans="8:8">
      <c r="H31575" s="12"/>
    </row>
    <row r="31576" spans="8:8">
      <c r="H31576" s="12"/>
    </row>
    <row r="31577" spans="8:8">
      <c r="H31577" s="12"/>
    </row>
    <row r="31578" spans="8:8">
      <c r="H31578" s="12"/>
    </row>
    <row r="31579" spans="8:8">
      <c r="H31579" s="12"/>
    </row>
    <row r="31580" spans="8:8">
      <c r="H31580" s="12"/>
    </row>
    <row r="31581" spans="8:8">
      <c r="H31581" s="12"/>
    </row>
    <row r="31582" spans="8:8">
      <c r="H31582" s="12"/>
    </row>
    <row r="31583" spans="8:8">
      <c r="H31583" s="12"/>
    </row>
    <row r="31584" spans="8:8">
      <c r="H31584" s="12"/>
    </row>
    <row r="31585" spans="8:8">
      <c r="H31585" s="12"/>
    </row>
    <row r="31586" spans="8:8">
      <c r="H31586" s="12"/>
    </row>
    <row r="31587" spans="8:8">
      <c r="H31587" s="12"/>
    </row>
    <row r="31588" spans="8:8">
      <c r="H31588" s="12"/>
    </row>
    <row r="31589" spans="8:8">
      <c r="H31589" s="12"/>
    </row>
    <row r="31590" spans="8:8">
      <c r="H31590" s="12"/>
    </row>
    <row r="31591" spans="8:8">
      <c r="H31591" s="12"/>
    </row>
    <row r="31592" spans="8:8">
      <c r="H31592" s="12"/>
    </row>
    <row r="31593" spans="8:8">
      <c r="H31593" s="12"/>
    </row>
    <row r="31594" spans="8:8">
      <c r="H31594" s="12"/>
    </row>
    <row r="31595" spans="8:8">
      <c r="H31595" s="12"/>
    </row>
    <row r="31596" spans="8:8">
      <c r="H31596" s="12"/>
    </row>
    <row r="31597" spans="8:8">
      <c r="H31597" s="12"/>
    </row>
    <row r="31598" spans="8:8">
      <c r="H31598" s="12"/>
    </row>
    <row r="31599" spans="8:8">
      <c r="H31599" s="12"/>
    </row>
    <row r="31600" spans="8:8">
      <c r="H31600" s="12"/>
    </row>
    <row r="31601" spans="8:8">
      <c r="H31601" s="12"/>
    </row>
    <row r="31602" spans="8:8">
      <c r="H31602" s="12"/>
    </row>
    <row r="31603" spans="8:8">
      <c r="H31603" s="12"/>
    </row>
    <row r="31604" spans="8:8">
      <c r="H31604" s="12"/>
    </row>
    <row r="31605" spans="8:8">
      <c r="H31605" s="12"/>
    </row>
    <row r="31606" spans="8:8">
      <c r="H31606" s="12"/>
    </row>
    <row r="31607" spans="8:8">
      <c r="H31607" s="12"/>
    </row>
    <row r="31608" spans="8:8">
      <c r="H31608" s="12"/>
    </row>
    <row r="31609" spans="8:8">
      <c r="H31609" s="12"/>
    </row>
    <row r="31610" spans="8:8">
      <c r="H31610" s="12"/>
    </row>
    <row r="31611" spans="8:8">
      <c r="H31611" s="12"/>
    </row>
    <row r="31612" spans="8:8">
      <c r="H31612" s="12"/>
    </row>
    <row r="31613" spans="8:8">
      <c r="H31613" s="12"/>
    </row>
    <row r="31614" spans="8:8">
      <c r="H31614" s="12"/>
    </row>
    <row r="31615" spans="8:8">
      <c r="H31615" s="12"/>
    </row>
    <row r="31616" spans="8:8">
      <c r="H31616" s="12"/>
    </row>
    <row r="31617" spans="8:8">
      <c r="H31617" s="12"/>
    </row>
    <row r="31618" spans="8:8">
      <c r="H31618" s="12"/>
    </row>
    <row r="31619" spans="8:8">
      <c r="H31619" s="12"/>
    </row>
    <row r="31620" spans="8:8">
      <c r="H31620" s="12"/>
    </row>
    <row r="31621" spans="8:8">
      <c r="H31621" s="12"/>
    </row>
    <row r="31622" spans="8:8">
      <c r="H31622" s="12"/>
    </row>
    <row r="31623" spans="8:8">
      <c r="H31623" s="12"/>
    </row>
    <row r="31624" spans="8:8">
      <c r="H31624" s="12"/>
    </row>
    <row r="31625" spans="8:8">
      <c r="H31625" s="12"/>
    </row>
    <row r="31626" spans="8:8">
      <c r="H31626" s="12"/>
    </row>
    <row r="31627" spans="8:8">
      <c r="H31627" s="12"/>
    </row>
    <row r="31628" spans="8:8">
      <c r="H31628" s="12"/>
    </row>
    <row r="31629" spans="8:8">
      <c r="H31629" s="12"/>
    </row>
    <row r="31630" spans="8:8">
      <c r="H31630" s="12"/>
    </row>
    <row r="31631" spans="8:8">
      <c r="H31631" s="12"/>
    </row>
    <row r="31632" spans="8:8">
      <c r="H31632" s="12"/>
    </row>
    <row r="31633" spans="8:8">
      <c r="H31633" s="12"/>
    </row>
    <row r="31634" spans="8:8">
      <c r="H31634" s="12"/>
    </row>
    <row r="31635" spans="8:8">
      <c r="H31635" s="12"/>
    </row>
    <row r="31636" spans="8:8">
      <c r="H31636" s="12"/>
    </row>
    <row r="31637" spans="8:8">
      <c r="H31637" s="12"/>
    </row>
    <row r="31638" spans="8:8">
      <c r="H31638" s="12"/>
    </row>
    <row r="31639" spans="8:8">
      <c r="H31639" s="12"/>
    </row>
    <row r="31640" spans="8:8">
      <c r="H31640" s="12"/>
    </row>
    <row r="31641" spans="8:8">
      <c r="H31641" s="12"/>
    </row>
    <row r="31642" spans="8:8">
      <c r="H31642" s="12"/>
    </row>
    <row r="31643" spans="8:8">
      <c r="H31643" s="12"/>
    </row>
    <row r="31644" spans="8:8">
      <c r="H31644" s="12"/>
    </row>
    <row r="31645" spans="8:8">
      <c r="H31645" s="12"/>
    </row>
    <row r="31646" spans="8:8">
      <c r="H31646" s="12"/>
    </row>
    <row r="31647" spans="8:8">
      <c r="H31647" s="12"/>
    </row>
    <row r="31648" spans="8:8">
      <c r="H31648" s="12"/>
    </row>
    <row r="31649" spans="8:8">
      <c r="H31649" s="12"/>
    </row>
    <row r="31650" spans="8:8">
      <c r="H31650" s="12"/>
    </row>
    <row r="31651" spans="8:8">
      <c r="H31651" s="12"/>
    </row>
    <row r="31652" spans="8:8">
      <c r="H31652" s="12"/>
    </row>
    <row r="31653" spans="8:8">
      <c r="H31653" s="12"/>
    </row>
    <row r="31654" spans="8:8">
      <c r="H31654" s="12"/>
    </row>
    <row r="31655" spans="8:8">
      <c r="H31655" s="12"/>
    </row>
    <row r="31656" spans="8:8">
      <c r="H31656" s="12"/>
    </row>
    <row r="31657" spans="8:8">
      <c r="H31657" s="12"/>
    </row>
    <row r="31658" spans="8:8">
      <c r="H31658" s="12"/>
    </row>
    <row r="31659" spans="8:8">
      <c r="H31659" s="12"/>
    </row>
    <row r="31660" spans="8:8">
      <c r="H31660" s="12"/>
    </row>
    <row r="31661" spans="8:8">
      <c r="H31661" s="12"/>
    </row>
    <row r="31662" spans="8:8">
      <c r="H31662" s="12"/>
    </row>
    <row r="31663" spans="8:8">
      <c r="H31663" s="12"/>
    </row>
    <row r="31664" spans="8:8">
      <c r="H31664" s="12"/>
    </row>
    <row r="31665" spans="8:8">
      <c r="H31665" s="12"/>
    </row>
    <row r="31666" spans="8:8">
      <c r="H31666" s="12"/>
    </row>
    <row r="31667" spans="8:8">
      <c r="H31667" s="12"/>
    </row>
    <row r="31668" spans="8:8">
      <c r="H31668" s="12"/>
    </row>
    <row r="31669" spans="8:8">
      <c r="H31669" s="12"/>
    </row>
    <row r="31670" spans="8:8">
      <c r="H31670" s="12"/>
    </row>
    <row r="31671" spans="8:8">
      <c r="H31671" s="12"/>
    </row>
    <row r="31672" spans="8:8">
      <c r="H31672" s="12"/>
    </row>
    <row r="31673" spans="8:8">
      <c r="H31673" s="12"/>
    </row>
    <row r="31674" spans="8:8">
      <c r="H31674" s="12"/>
    </row>
    <row r="31675" spans="8:8">
      <c r="H31675" s="12"/>
    </row>
    <row r="31676" spans="8:8">
      <c r="H31676" s="12"/>
    </row>
    <row r="31677" spans="8:8">
      <c r="H31677" s="12"/>
    </row>
    <row r="31678" spans="8:8">
      <c r="H31678" s="12"/>
    </row>
    <row r="31679" spans="8:8">
      <c r="H31679" s="12"/>
    </row>
    <row r="31680" spans="8:8">
      <c r="H31680" s="12"/>
    </row>
    <row r="31681" spans="8:8">
      <c r="H31681" s="12"/>
    </row>
    <row r="31682" spans="8:8">
      <c r="H31682" s="12"/>
    </row>
    <row r="31683" spans="8:8">
      <c r="H31683" s="12"/>
    </row>
    <row r="31684" spans="8:8">
      <c r="H31684" s="12"/>
    </row>
    <row r="31685" spans="8:8">
      <c r="H31685" s="12"/>
    </row>
    <row r="31686" spans="8:8">
      <c r="H31686" s="12"/>
    </row>
    <row r="31687" spans="8:8">
      <c r="H31687" s="12"/>
    </row>
    <row r="31688" spans="8:8">
      <c r="H31688" s="12"/>
    </row>
    <row r="31689" spans="8:8">
      <c r="H31689" s="12"/>
    </row>
    <row r="31690" spans="8:8">
      <c r="H31690" s="12"/>
    </row>
    <row r="31691" spans="8:8">
      <c r="H31691" s="12"/>
    </row>
    <row r="31692" spans="8:8">
      <c r="H31692" s="12"/>
    </row>
    <row r="31693" spans="8:8">
      <c r="H31693" s="12"/>
    </row>
    <row r="31694" spans="8:8">
      <c r="H31694" s="12"/>
    </row>
    <row r="31695" spans="8:8">
      <c r="H31695" s="12"/>
    </row>
    <row r="31696" spans="8:8">
      <c r="H31696" s="12"/>
    </row>
    <row r="31697" spans="8:8">
      <c r="H31697" s="12"/>
    </row>
    <row r="31698" spans="8:8">
      <c r="H31698" s="12"/>
    </row>
    <row r="31699" spans="8:8">
      <c r="H31699" s="12"/>
    </row>
    <row r="31700" spans="8:8">
      <c r="H31700" s="12"/>
    </row>
    <row r="31701" spans="8:8">
      <c r="H31701" s="12"/>
    </row>
    <row r="31702" spans="8:8">
      <c r="H31702" s="12"/>
    </row>
    <row r="31703" spans="8:8">
      <c r="H31703" s="12"/>
    </row>
    <row r="31704" spans="8:8">
      <c r="H31704" s="12"/>
    </row>
    <row r="31705" spans="8:8">
      <c r="H31705" s="12"/>
    </row>
    <row r="31706" spans="8:8">
      <c r="H31706" s="12"/>
    </row>
    <row r="31707" spans="8:8">
      <c r="H31707" s="12"/>
    </row>
    <row r="31708" spans="8:8">
      <c r="H31708" s="12"/>
    </row>
    <row r="31709" spans="8:8">
      <c r="H31709" s="12"/>
    </row>
    <row r="31710" spans="8:8">
      <c r="H31710" s="12"/>
    </row>
    <row r="31711" spans="8:8">
      <c r="H31711" s="12"/>
    </row>
    <row r="31712" spans="8:8">
      <c r="H31712" s="12"/>
    </row>
    <row r="31713" spans="8:8">
      <c r="H31713" s="12"/>
    </row>
    <row r="31714" spans="8:8">
      <c r="H31714" s="12"/>
    </row>
    <row r="31715" spans="8:8">
      <c r="H31715" s="12"/>
    </row>
    <row r="31716" spans="8:8">
      <c r="H31716" s="12"/>
    </row>
    <row r="31717" spans="8:8">
      <c r="H31717" s="12"/>
    </row>
    <row r="31718" spans="8:8">
      <c r="H31718" s="12"/>
    </row>
    <row r="31719" spans="8:8">
      <c r="H31719" s="12"/>
    </row>
    <row r="31720" spans="8:8">
      <c r="H31720" s="12"/>
    </row>
    <row r="31721" spans="8:8">
      <c r="H31721" s="12"/>
    </row>
    <row r="31722" spans="8:8">
      <c r="H31722" s="12"/>
    </row>
    <row r="31723" spans="8:8">
      <c r="H31723" s="12"/>
    </row>
    <row r="31724" spans="8:8">
      <c r="H31724" s="12"/>
    </row>
    <row r="31725" spans="8:8">
      <c r="H31725" s="12"/>
    </row>
    <row r="31726" spans="8:8">
      <c r="H31726" s="12"/>
    </row>
    <row r="31727" spans="8:8">
      <c r="H31727" s="12"/>
    </row>
    <row r="31728" spans="8:8">
      <c r="H31728" s="12"/>
    </row>
    <row r="31729" spans="8:8">
      <c r="H31729" s="12"/>
    </row>
    <row r="31730" spans="8:8">
      <c r="H31730" s="12"/>
    </row>
    <row r="31731" spans="8:8">
      <c r="H31731" s="12"/>
    </row>
    <row r="31732" spans="8:8">
      <c r="H31732" s="12"/>
    </row>
    <row r="31733" spans="8:8">
      <c r="H31733" s="12"/>
    </row>
    <row r="31734" spans="8:8">
      <c r="H31734" s="12"/>
    </row>
    <row r="31735" spans="8:8">
      <c r="H31735" s="12"/>
    </row>
    <row r="31736" spans="8:8">
      <c r="H31736" s="12"/>
    </row>
    <row r="31737" spans="8:8">
      <c r="H31737" s="12"/>
    </row>
    <row r="31738" spans="8:8">
      <c r="H31738" s="12"/>
    </row>
    <row r="31739" spans="8:8">
      <c r="H31739" s="12"/>
    </row>
    <row r="31740" spans="8:8">
      <c r="H31740" s="12"/>
    </row>
    <row r="31741" spans="8:8">
      <c r="H31741" s="12"/>
    </row>
    <row r="31742" spans="8:8">
      <c r="H31742" s="12"/>
    </row>
    <row r="31743" spans="8:8">
      <c r="H31743" s="12"/>
    </row>
    <row r="31744" spans="8:8">
      <c r="H31744" s="12"/>
    </row>
    <row r="31745" spans="8:8">
      <c r="H31745" s="12"/>
    </row>
    <row r="31746" spans="8:8">
      <c r="H31746" s="12"/>
    </row>
    <row r="31747" spans="8:8">
      <c r="H31747" s="12"/>
    </row>
    <row r="31748" spans="8:8">
      <c r="H31748" s="12"/>
    </row>
    <row r="31749" spans="8:8">
      <c r="H31749" s="12"/>
    </row>
    <row r="31750" spans="8:8">
      <c r="H31750" s="12"/>
    </row>
    <row r="31751" spans="8:8">
      <c r="H31751" s="12"/>
    </row>
    <row r="31752" spans="8:8">
      <c r="H31752" s="12"/>
    </row>
    <row r="31753" spans="8:8">
      <c r="H31753" s="12"/>
    </row>
    <row r="31754" spans="8:8">
      <c r="H31754" s="12"/>
    </row>
    <row r="31755" spans="8:8">
      <c r="H31755" s="12"/>
    </row>
    <row r="31756" spans="8:8">
      <c r="H31756" s="12"/>
    </row>
    <row r="31757" spans="8:8">
      <c r="H31757" s="12"/>
    </row>
    <row r="31758" spans="8:8">
      <c r="H31758" s="12"/>
    </row>
    <row r="31759" spans="8:8">
      <c r="H31759" s="12"/>
    </row>
    <row r="31760" spans="8:8">
      <c r="H31760" s="12"/>
    </row>
    <row r="31761" spans="8:8">
      <c r="H31761" s="12"/>
    </row>
    <row r="31762" spans="8:8">
      <c r="H31762" s="12"/>
    </row>
    <row r="31763" spans="8:8">
      <c r="H31763" s="12"/>
    </row>
    <row r="31764" spans="8:8">
      <c r="H31764" s="12"/>
    </row>
    <row r="31765" spans="8:8">
      <c r="H31765" s="12"/>
    </row>
    <row r="31766" spans="8:8">
      <c r="H31766" s="12"/>
    </row>
    <row r="31767" spans="8:8">
      <c r="H31767" s="12"/>
    </row>
    <row r="31768" spans="8:8">
      <c r="H31768" s="12"/>
    </row>
    <row r="31769" spans="8:8">
      <c r="H31769" s="12"/>
    </row>
    <row r="31770" spans="8:8">
      <c r="H31770" s="12"/>
    </row>
    <row r="31771" spans="8:8">
      <c r="H31771" s="12"/>
    </row>
    <row r="31772" spans="8:8">
      <c r="H31772" s="12"/>
    </row>
    <row r="31773" spans="8:8">
      <c r="H31773" s="12"/>
    </row>
    <row r="31774" spans="8:8">
      <c r="H31774" s="12"/>
    </row>
    <row r="31775" spans="8:8">
      <c r="H31775" s="12"/>
    </row>
    <row r="31776" spans="8:8">
      <c r="H31776" s="12"/>
    </row>
    <row r="31777" spans="8:8">
      <c r="H31777" s="12"/>
    </row>
    <row r="31778" spans="8:8">
      <c r="H31778" s="12"/>
    </row>
    <row r="31779" spans="8:8">
      <c r="H31779" s="12"/>
    </row>
    <row r="31780" spans="8:8">
      <c r="H31780" s="12"/>
    </row>
    <row r="31781" spans="8:8">
      <c r="H31781" s="12"/>
    </row>
    <row r="31782" spans="8:8">
      <c r="H31782" s="12"/>
    </row>
    <row r="31783" spans="8:8">
      <c r="H31783" s="12"/>
    </row>
    <row r="31784" spans="8:8">
      <c r="H31784" s="12"/>
    </row>
    <row r="31785" spans="8:8">
      <c r="H31785" s="12"/>
    </row>
    <row r="31786" spans="8:8">
      <c r="H31786" s="12"/>
    </row>
    <row r="31787" spans="8:8">
      <c r="H31787" s="12"/>
    </row>
    <row r="31788" spans="8:8">
      <c r="H31788" s="12"/>
    </row>
    <row r="31789" spans="8:8">
      <c r="H31789" s="12"/>
    </row>
    <row r="31790" spans="8:8">
      <c r="H31790" s="12"/>
    </row>
    <row r="31791" spans="8:8">
      <c r="H31791" s="12"/>
    </row>
    <row r="31792" spans="8:8">
      <c r="H31792" s="12"/>
    </row>
    <row r="31793" spans="8:8">
      <c r="H31793" s="12"/>
    </row>
    <row r="31794" spans="8:8">
      <c r="H31794" s="12"/>
    </row>
    <row r="31795" spans="8:8">
      <c r="H31795" s="12"/>
    </row>
    <row r="31796" spans="8:8">
      <c r="H31796" s="12"/>
    </row>
    <row r="31797" spans="8:8">
      <c r="H31797" s="12"/>
    </row>
    <row r="31798" spans="8:8">
      <c r="H31798" s="12"/>
    </row>
    <row r="31799" spans="8:8">
      <c r="H31799" s="12"/>
    </row>
    <row r="31800" spans="8:8">
      <c r="H31800" s="12"/>
    </row>
    <row r="31801" spans="8:8">
      <c r="H31801" s="12"/>
    </row>
    <row r="31802" spans="8:8">
      <c r="H31802" s="12"/>
    </row>
    <row r="31803" spans="8:8">
      <c r="H31803" s="12"/>
    </row>
    <row r="31804" spans="8:8">
      <c r="H31804" s="12"/>
    </row>
    <row r="31805" spans="8:8">
      <c r="H31805" s="12"/>
    </row>
    <row r="31806" spans="8:8">
      <c r="H31806" s="12"/>
    </row>
    <row r="31807" spans="8:8">
      <c r="H31807" s="12"/>
    </row>
    <row r="31808" spans="8:8">
      <c r="H31808" s="12"/>
    </row>
    <row r="31809" spans="8:8">
      <c r="H31809" s="12"/>
    </row>
    <row r="31810" spans="8:8">
      <c r="H31810" s="12"/>
    </row>
    <row r="31811" spans="8:8">
      <c r="H31811" s="12"/>
    </row>
    <row r="31812" spans="8:8">
      <c r="H31812" s="12"/>
    </row>
    <row r="31813" spans="8:8">
      <c r="H31813" s="12"/>
    </row>
    <row r="31814" spans="8:8">
      <c r="H31814" s="12"/>
    </row>
    <row r="31815" spans="8:8">
      <c r="H31815" s="12"/>
    </row>
    <row r="31816" spans="8:8">
      <c r="H31816" s="12"/>
    </row>
    <row r="31817" spans="8:8">
      <c r="H31817" s="12"/>
    </row>
    <row r="31818" spans="8:8">
      <c r="H31818" s="12"/>
    </row>
    <row r="31819" spans="8:8">
      <c r="H31819" s="12"/>
    </row>
    <row r="31820" spans="8:8">
      <c r="H31820" s="12"/>
    </row>
    <row r="31821" spans="8:8">
      <c r="H31821" s="12"/>
    </row>
    <row r="31822" spans="8:8">
      <c r="H31822" s="12"/>
    </row>
    <row r="31823" spans="8:8">
      <c r="H31823" s="12"/>
    </row>
    <row r="31824" spans="8:8">
      <c r="H31824" s="12"/>
    </row>
    <row r="31825" spans="8:8">
      <c r="H31825" s="12"/>
    </row>
    <row r="31826" spans="8:8">
      <c r="H31826" s="12"/>
    </row>
    <row r="31827" spans="8:8">
      <c r="H31827" s="12"/>
    </row>
    <row r="31828" spans="8:8">
      <c r="H31828" s="12"/>
    </row>
    <row r="31829" spans="8:8">
      <c r="H31829" s="12"/>
    </row>
    <row r="31830" spans="8:8">
      <c r="H31830" s="12"/>
    </row>
    <row r="31831" spans="8:8">
      <c r="H31831" s="12"/>
    </row>
    <row r="31832" spans="8:8">
      <c r="H31832" s="12"/>
    </row>
    <row r="31833" spans="8:8">
      <c r="H31833" s="12"/>
    </row>
    <row r="31834" spans="8:8">
      <c r="H31834" s="12"/>
    </row>
    <row r="31835" spans="8:8">
      <c r="H31835" s="12"/>
    </row>
    <row r="31836" spans="8:8">
      <c r="H31836" s="12"/>
    </row>
    <row r="31837" spans="8:8">
      <c r="H31837" s="12"/>
    </row>
    <row r="31838" spans="8:8">
      <c r="H31838" s="12"/>
    </row>
    <row r="31839" spans="8:8">
      <c r="H31839" s="12"/>
    </row>
    <row r="31840" spans="8:8">
      <c r="H31840" s="12"/>
    </row>
    <row r="31841" spans="8:8">
      <c r="H31841" s="12"/>
    </row>
    <row r="31842" spans="8:8">
      <c r="H31842" s="12"/>
    </row>
    <row r="31843" spans="8:8">
      <c r="H31843" s="12"/>
    </row>
    <row r="31844" spans="8:8">
      <c r="H31844" s="12"/>
    </row>
    <row r="31845" spans="8:8">
      <c r="H31845" s="12"/>
    </row>
    <row r="31846" spans="8:8">
      <c r="H31846" s="12"/>
    </row>
    <row r="31847" spans="8:8">
      <c r="H31847" s="12"/>
    </row>
    <row r="31848" spans="8:8">
      <c r="H31848" s="12"/>
    </row>
    <row r="31849" spans="8:8">
      <c r="H31849" s="12"/>
    </row>
    <row r="31850" spans="8:8">
      <c r="H31850" s="12"/>
    </row>
    <row r="31851" spans="8:8">
      <c r="H31851" s="12"/>
    </row>
    <row r="31852" spans="8:8">
      <c r="H31852" s="12"/>
    </row>
    <row r="31853" spans="8:8">
      <c r="H31853" s="12"/>
    </row>
    <row r="31854" spans="8:8">
      <c r="H31854" s="12"/>
    </row>
    <row r="31855" spans="8:8">
      <c r="H31855" s="12"/>
    </row>
    <row r="31856" spans="8:8">
      <c r="H31856" s="12"/>
    </row>
    <row r="31857" spans="8:8">
      <c r="H31857" s="12"/>
    </row>
    <row r="31858" spans="8:8">
      <c r="H31858" s="12"/>
    </row>
    <row r="31859" spans="8:8">
      <c r="H31859" s="12"/>
    </row>
    <row r="31860" spans="8:8">
      <c r="H31860" s="12"/>
    </row>
    <row r="31861" spans="8:8">
      <c r="H31861" s="12"/>
    </row>
    <row r="31862" spans="8:8">
      <c r="H31862" s="12"/>
    </row>
    <row r="31863" spans="8:8">
      <c r="H31863" s="12"/>
    </row>
    <row r="31864" spans="8:8">
      <c r="H31864" s="12"/>
    </row>
    <row r="31865" spans="8:8">
      <c r="H31865" s="12"/>
    </row>
    <row r="31866" spans="8:8">
      <c r="H31866" s="12"/>
    </row>
    <row r="31867" spans="8:8">
      <c r="H31867" s="12"/>
    </row>
    <row r="31868" spans="8:8">
      <c r="H31868" s="12"/>
    </row>
    <row r="31869" spans="8:8">
      <c r="H31869" s="12"/>
    </row>
    <row r="31870" spans="8:8">
      <c r="H31870" s="12"/>
    </row>
    <row r="31871" spans="8:8">
      <c r="H31871" s="12"/>
    </row>
    <row r="31872" spans="8:8">
      <c r="H31872" s="12"/>
    </row>
    <row r="31873" spans="8:8">
      <c r="H31873" s="12"/>
    </row>
    <row r="31874" spans="8:8">
      <c r="H31874" s="12"/>
    </row>
    <row r="31875" spans="8:8">
      <c r="H31875" s="12"/>
    </row>
    <row r="31876" spans="8:8">
      <c r="H31876" s="12"/>
    </row>
    <row r="31877" spans="8:8">
      <c r="H31877" s="12"/>
    </row>
    <row r="31878" spans="8:8">
      <c r="H31878" s="12"/>
    </row>
    <row r="31879" spans="8:8">
      <c r="H31879" s="12"/>
    </row>
    <row r="31880" spans="8:8">
      <c r="H31880" s="12"/>
    </row>
    <row r="31881" spans="8:8">
      <c r="H31881" s="12"/>
    </row>
    <row r="31882" spans="8:8">
      <c r="H31882" s="12"/>
    </row>
    <row r="31883" spans="8:8">
      <c r="H31883" s="12"/>
    </row>
    <row r="31884" spans="8:8">
      <c r="H31884" s="12"/>
    </row>
    <row r="31885" spans="8:8">
      <c r="H31885" s="12"/>
    </row>
    <row r="31886" spans="8:8">
      <c r="H31886" s="12"/>
    </row>
    <row r="31887" spans="8:8">
      <c r="H31887" s="12"/>
    </row>
    <row r="31888" spans="8:8">
      <c r="H31888" s="12"/>
    </row>
    <row r="31889" spans="8:8">
      <c r="H31889" s="12"/>
    </row>
    <row r="31890" spans="8:8">
      <c r="H31890" s="12"/>
    </row>
    <row r="31891" spans="8:8">
      <c r="H31891" s="12"/>
    </row>
    <row r="31892" spans="8:8">
      <c r="H31892" s="12"/>
    </row>
    <row r="31893" spans="8:8">
      <c r="H31893" s="12"/>
    </row>
    <row r="31894" spans="8:8">
      <c r="H31894" s="12"/>
    </row>
    <row r="31895" spans="8:8">
      <c r="H31895" s="12"/>
    </row>
    <row r="31896" spans="8:8">
      <c r="H31896" s="12"/>
    </row>
    <row r="31897" spans="8:8">
      <c r="H31897" s="12"/>
    </row>
    <row r="31898" spans="8:8">
      <c r="H31898" s="12"/>
    </row>
    <row r="31899" spans="8:8">
      <c r="H31899" s="12"/>
    </row>
    <row r="31900" spans="8:8">
      <c r="H31900" s="12"/>
    </row>
    <row r="31901" spans="8:8">
      <c r="H31901" s="12"/>
    </row>
    <row r="31902" spans="8:8">
      <c r="H31902" s="12"/>
    </row>
    <row r="31903" spans="8:8">
      <c r="H31903" s="12"/>
    </row>
    <row r="31904" spans="8:8">
      <c r="H31904" s="12"/>
    </row>
    <row r="31905" spans="8:8">
      <c r="H31905" s="12"/>
    </row>
    <row r="31906" spans="8:8">
      <c r="H31906" s="12"/>
    </row>
    <row r="31907" spans="8:8">
      <c r="H31907" s="12"/>
    </row>
    <row r="31908" spans="8:8">
      <c r="H31908" s="12"/>
    </row>
    <row r="31909" spans="8:8">
      <c r="H31909" s="12"/>
    </row>
    <row r="31910" spans="8:8">
      <c r="H31910" s="12"/>
    </row>
    <row r="31911" spans="8:8">
      <c r="H31911" s="12"/>
    </row>
    <row r="31912" spans="8:8">
      <c r="H31912" s="12"/>
    </row>
    <row r="31913" spans="8:8">
      <c r="H31913" s="12"/>
    </row>
    <row r="31914" spans="8:8">
      <c r="H31914" s="12"/>
    </row>
    <row r="31915" spans="8:8">
      <c r="H31915" s="12"/>
    </row>
    <row r="31916" spans="8:8">
      <c r="H31916" s="12"/>
    </row>
    <row r="31917" spans="8:8">
      <c r="H31917" s="12"/>
    </row>
    <row r="31918" spans="8:8">
      <c r="H31918" s="12"/>
    </row>
    <row r="31919" spans="8:8">
      <c r="H31919" s="12"/>
    </row>
    <row r="31920" spans="8:8">
      <c r="H31920" s="12"/>
    </row>
    <row r="31921" spans="8:8">
      <c r="H31921" s="12"/>
    </row>
    <row r="31922" spans="8:8">
      <c r="H31922" s="12"/>
    </row>
    <row r="31923" spans="8:8">
      <c r="H31923" s="12"/>
    </row>
    <row r="31924" spans="8:8">
      <c r="H31924" s="12"/>
    </row>
    <row r="31925" spans="8:8">
      <c r="H31925" s="12"/>
    </row>
    <row r="31926" spans="8:8">
      <c r="H31926" s="12"/>
    </row>
    <row r="31927" spans="8:8">
      <c r="H31927" s="12"/>
    </row>
    <row r="31928" spans="8:8">
      <c r="H31928" s="12"/>
    </row>
    <row r="31929" spans="8:8">
      <c r="H31929" s="12"/>
    </row>
    <row r="31930" spans="8:8">
      <c r="H31930" s="12"/>
    </row>
    <row r="31931" spans="8:8">
      <c r="H31931" s="12"/>
    </row>
    <row r="31932" spans="8:8">
      <c r="H31932" s="12"/>
    </row>
    <row r="31933" spans="8:8">
      <c r="H31933" s="12"/>
    </row>
    <row r="31934" spans="8:8">
      <c r="H31934" s="12"/>
    </row>
    <row r="31935" spans="8:8">
      <c r="H31935" s="12"/>
    </row>
    <row r="31936" spans="8:8">
      <c r="H31936" s="12"/>
    </row>
    <row r="31937" spans="8:8">
      <c r="H31937" s="12"/>
    </row>
    <row r="31938" spans="8:8">
      <c r="H31938" s="12"/>
    </row>
    <row r="31939" spans="8:8">
      <c r="H31939" s="12"/>
    </row>
    <row r="31940" spans="8:8">
      <c r="H31940" s="12"/>
    </row>
    <row r="31941" spans="8:8">
      <c r="H31941" s="12"/>
    </row>
    <row r="31942" spans="8:8">
      <c r="H31942" s="12"/>
    </row>
    <row r="31943" spans="8:8">
      <c r="H31943" s="12"/>
    </row>
    <row r="31944" spans="8:8">
      <c r="H31944" s="12"/>
    </row>
    <row r="31945" spans="8:8">
      <c r="H31945" s="12"/>
    </row>
    <row r="31946" spans="8:8">
      <c r="H31946" s="12"/>
    </row>
    <row r="31947" spans="8:8">
      <c r="H31947" s="12"/>
    </row>
    <row r="31948" spans="8:8">
      <c r="H31948" s="12"/>
    </row>
    <row r="31949" spans="8:8">
      <c r="H31949" s="12"/>
    </row>
    <row r="31950" spans="8:8">
      <c r="H31950" s="12"/>
    </row>
    <row r="31951" spans="8:8">
      <c r="H31951" s="12"/>
    </row>
    <row r="31952" spans="8:8">
      <c r="H31952" s="12"/>
    </row>
    <row r="31953" spans="8:8">
      <c r="H31953" s="12"/>
    </row>
    <row r="31954" spans="8:8">
      <c r="H31954" s="12"/>
    </row>
    <row r="31955" spans="8:8">
      <c r="H31955" s="12"/>
    </row>
    <row r="31956" spans="8:8">
      <c r="H31956" s="12"/>
    </row>
    <row r="31957" spans="8:8">
      <c r="H31957" s="12"/>
    </row>
    <row r="31958" spans="8:8">
      <c r="H31958" s="12"/>
    </row>
    <row r="31959" spans="8:8">
      <c r="H31959" s="12"/>
    </row>
    <row r="31960" spans="8:8">
      <c r="H31960" s="12"/>
    </row>
    <row r="31961" spans="8:8">
      <c r="H31961" s="12"/>
    </row>
    <row r="31962" spans="8:8">
      <c r="H31962" s="12"/>
    </row>
    <row r="31963" spans="8:8">
      <c r="H31963" s="12"/>
    </row>
    <row r="31964" spans="8:8">
      <c r="H31964" s="12"/>
    </row>
    <row r="31965" spans="8:8">
      <c r="H31965" s="12"/>
    </row>
    <row r="31966" spans="8:8">
      <c r="H31966" s="12"/>
    </row>
    <row r="31967" spans="8:8">
      <c r="H31967" s="12"/>
    </row>
    <row r="31968" spans="8:8">
      <c r="H31968" s="12"/>
    </row>
    <row r="31969" spans="8:8">
      <c r="H31969" s="12"/>
    </row>
    <row r="31970" spans="8:8">
      <c r="H31970" s="12"/>
    </row>
    <row r="31971" spans="8:8">
      <c r="H31971" s="12"/>
    </row>
    <row r="31972" spans="8:8">
      <c r="H31972" s="12"/>
    </row>
    <row r="31973" spans="8:8">
      <c r="H31973" s="12"/>
    </row>
    <row r="31974" spans="8:8">
      <c r="H31974" s="12"/>
    </row>
    <row r="31975" spans="8:8">
      <c r="H31975" s="12"/>
    </row>
    <row r="31976" spans="8:8">
      <c r="H31976" s="12"/>
    </row>
    <row r="31977" spans="8:8">
      <c r="H31977" s="12"/>
    </row>
    <row r="31978" spans="8:8">
      <c r="H31978" s="12"/>
    </row>
    <row r="31979" spans="8:8">
      <c r="H31979" s="12"/>
    </row>
    <row r="31980" spans="8:8">
      <c r="H31980" s="12"/>
    </row>
    <row r="31981" spans="8:8">
      <c r="H31981" s="12"/>
    </row>
    <row r="31982" spans="8:8">
      <c r="H31982" s="12"/>
    </row>
    <row r="31983" spans="8:8">
      <c r="H31983" s="12"/>
    </row>
    <row r="31984" spans="8:8">
      <c r="H31984" s="12"/>
    </row>
    <row r="31985" spans="8:8">
      <c r="H31985" s="12"/>
    </row>
    <row r="31986" spans="8:8">
      <c r="H31986" s="12"/>
    </row>
    <row r="31987" spans="8:8">
      <c r="H31987" s="12"/>
    </row>
    <row r="31988" spans="8:8">
      <c r="H31988" s="12"/>
    </row>
    <row r="31989" spans="8:8">
      <c r="H31989" s="12"/>
    </row>
    <row r="31990" spans="8:8">
      <c r="H31990" s="12"/>
    </row>
    <row r="31991" spans="8:8">
      <c r="H31991" s="12"/>
    </row>
    <row r="31992" spans="8:8">
      <c r="H31992" s="12"/>
    </row>
    <row r="31993" spans="8:8">
      <c r="H31993" s="12"/>
    </row>
    <row r="31994" spans="8:8">
      <c r="H31994" s="12"/>
    </row>
    <row r="31995" spans="8:8">
      <c r="H31995" s="12"/>
    </row>
    <row r="31996" spans="8:8">
      <c r="H31996" s="12"/>
    </row>
    <row r="31997" spans="8:8">
      <c r="H31997" s="12"/>
    </row>
    <row r="31998" spans="8:8">
      <c r="H31998" s="12"/>
    </row>
    <row r="31999" spans="8:8">
      <c r="H31999" s="12"/>
    </row>
    <row r="32000" spans="8:8">
      <c r="H32000" s="12"/>
    </row>
    <row r="32001" spans="8:8">
      <c r="H32001" s="12"/>
    </row>
    <row r="32002" spans="8:8">
      <c r="H32002" s="12"/>
    </row>
    <row r="32003" spans="8:8">
      <c r="H32003" s="12"/>
    </row>
    <row r="32004" spans="8:8">
      <c r="H32004" s="12"/>
    </row>
    <row r="32005" spans="8:8">
      <c r="H32005" s="12"/>
    </row>
    <row r="32006" spans="8:8">
      <c r="H32006" s="12"/>
    </row>
    <row r="32007" spans="8:8">
      <c r="H32007" s="12"/>
    </row>
    <row r="32008" spans="8:8">
      <c r="H32008" s="12"/>
    </row>
    <row r="32009" spans="8:8">
      <c r="H32009" s="12"/>
    </row>
    <row r="32010" spans="8:8">
      <c r="H32010" s="12"/>
    </row>
    <row r="32011" spans="8:8">
      <c r="H32011" s="12"/>
    </row>
    <row r="32012" spans="8:8">
      <c r="H32012" s="12"/>
    </row>
    <row r="32013" spans="8:8">
      <c r="H32013" s="12"/>
    </row>
    <row r="32014" spans="8:8">
      <c r="H32014" s="12"/>
    </row>
    <row r="32015" spans="8:8">
      <c r="H32015" s="12"/>
    </row>
    <row r="32016" spans="8:8">
      <c r="H32016" s="12"/>
    </row>
    <row r="32017" spans="8:8">
      <c r="H32017" s="12"/>
    </row>
    <row r="32018" spans="8:8">
      <c r="H32018" s="12"/>
    </row>
    <row r="32019" spans="8:8">
      <c r="H32019" s="12"/>
    </row>
    <row r="32020" spans="8:8">
      <c r="H32020" s="12"/>
    </row>
    <row r="32021" spans="8:8">
      <c r="H32021" s="12"/>
    </row>
    <row r="32022" spans="8:8">
      <c r="H32022" s="12"/>
    </row>
    <row r="32023" spans="8:8">
      <c r="H32023" s="12"/>
    </row>
    <row r="32024" spans="8:8">
      <c r="H32024" s="12"/>
    </row>
    <row r="32025" spans="8:8">
      <c r="H32025" s="12"/>
    </row>
    <row r="32026" spans="8:8">
      <c r="H32026" s="12"/>
    </row>
    <row r="32027" spans="8:8">
      <c r="H32027" s="12"/>
    </row>
    <row r="32028" spans="8:8">
      <c r="H32028" s="12"/>
    </row>
    <row r="32029" spans="8:8">
      <c r="H32029" s="12"/>
    </row>
    <row r="32030" spans="8:8">
      <c r="H32030" s="12"/>
    </row>
    <row r="32031" spans="8:8">
      <c r="H32031" s="12"/>
    </row>
    <row r="32032" spans="8:8">
      <c r="H32032" s="12"/>
    </row>
    <row r="32033" spans="8:8">
      <c r="H32033" s="12"/>
    </row>
    <row r="32034" spans="8:8">
      <c r="H32034" s="12"/>
    </row>
    <row r="32035" spans="8:8">
      <c r="H32035" s="12"/>
    </row>
    <row r="32036" spans="8:8">
      <c r="H32036" s="12"/>
    </row>
    <row r="32037" spans="8:8">
      <c r="H32037" s="12"/>
    </row>
    <row r="32038" spans="8:8">
      <c r="H32038" s="12"/>
    </row>
    <row r="32039" spans="8:8">
      <c r="H32039" s="12"/>
    </row>
    <row r="32040" spans="8:8">
      <c r="H32040" s="12"/>
    </row>
    <row r="32041" spans="8:8">
      <c r="H32041" s="12"/>
    </row>
    <row r="32042" spans="8:8">
      <c r="H32042" s="12"/>
    </row>
    <row r="32043" spans="8:8">
      <c r="H32043" s="12"/>
    </row>
    <row r="32044" spans="8:8">
      <c r="H32044" s="12"/>
    </row>
    <row r="32045" spans="8:8">
      <c r="H32045" s="12"/>
    </row>
    <row r="32046" spans="8:8">
      <c r="H32046" s="12"/>
    </row>
    <row r="32047" spans="8:8">
      <c r="H32047" s="12"/>
    </row>
    <row r="32048" spans="8:8">
      <c r="H32048" s="12"/>
    </row>
    <row r="32049" spans="8:8">
      <c r="H32049" s="12"/>
    </row>
    <row r="32050" spans="8:8">
      <c r="H32050" s="12"/>
    </row>
    <row r="32051" spans="8:8">
      <c r="H32051" s="12"/>
    </row>
    <row r="32052" spans="8:8">
      <c r="H32052" s="12"/>
    </row>
    <row r="32053" spans="8:8">
      <c r="H32053" s="12"/>
    </row>
    <row r="32054" spans="8:8">
      <c r="H32054" s="12"/>
    </row>
    <row r="32055" spans="8:8">
      <c r="H32055" s="12"/>
    </row>
    <row r="32056" spans="8:8">
      <c r="H32056" s="12"/>
    </row>
    <row r="32057" spans="8:8">
      <c r="H32057" s="12"/>
    </row>
    <row r="32058" spans="8:8">
      <c r="H32058" s="12"/>
    </row>
    <row r="32059" spans="8:8">
      <c r="H32059" s="12"/>
    </row>
    <row r="32060" spans="8:8">
      <c r="H32060" s="12"/>
    </row>
    <row r="32061" spans="8:8">
      <c r="H32061" s="12"/>
    </row>
    <row r="32062" spans="8:8">
      <c r="H32062" s="12"/>
    </row>
    <row r="32063" spans="8:8">
      <c r="H32063" s="12"/>
    </row>
    <row r="32064" spans="8:8">
      <c r="H32064" s="12"/>
    </row>
    <row r="32065" spans="8:8">
      <c r="H32065" s="12"/>
    </row>
    <row r="32066" spans="8:8">
      <c r="H32066" s="12"/>
    </row>
    <row r="32067" spans="8:8">
      <c r="H32067" s="12"/>
    </row>
    <row r="32068" spans="8:8">
      <c r="H32068" s="12"/>
    </row>
    <row r="32069" spans="8:8">
      <c r="H32069" s="12"/>
    </row>
    <row r="32070" spans="8:8">
      <c r="H32070" s="12"/>
    </row>
    <row r="32071" spans="8:8">
      <c r="H32071" s="12"/>
    </row>
    <row r="32072" spans="8:8">
      <c r="H32072" s="12"/>
    </row>
    <row r="32073" spans="8:8">
      <c r="H32073" s="12"/>
    </row>
    <row r="32074" spans="8:8">
      <c r="H32074" s="12"/>
    </row>
    <row r="32075" spans="8:8">
      <c r="H32075" s="12"/>
    </row>
    <row r="32076" spans="8:8">
      <c r="H32076" s="12"/>
    </row>
    <row r="32077" spans="8:8">
      <c r="H32077" s="12"/>
    </row>
    <row r="32078" spans="8:8">
      <c r="H32078" s="12"/>
    </row>
    <row r="32079" spans="8:8">
      <c r="H32079" s="12"/>
    </row>
    <row r="32080" spans="8:8">
      <c r="H32080" s="12"/>
    </row>
    <row r="32081" spans="8:8">
      <c r="H32081" s="12"/>
    </row>
    <row r="32082" spans="8:8">
      <c r="H32082" s="12"/>
    </row>
    <row r="32083" spans="8:8">
      <c r="H32083" s="12"/>
    </row>
    <row r="32084" spans="8:8">
      <c r="H32084" s="12"/>
    </row>
    <row r="32085" spans="8:8">
      <c r="H32085" s="12"/>
    </row>
    <row r="32086" spans="8:8">
      <c r="H32086" s="12"/>
    </row>
    <row r="32087" spans="8:8">
      <c r="H32087" s="12"/>
    </row>
    <row r="32088" spans="8:8">
      <c r="H32088" s="12"/>
    </row>
    <row r="32089" spans="8:8">
      <c r="H32089" s="12"/>
    </row>
    <row r="32090" spans="8:8">
      <c r="H32090" s="12"/>
    </row>
    <row r="32091" spans="8:8">
      <c r="H32091" s="12"/>
    </row>
    <row r="32092" spans="8:8">
      <c r="H32092" s="12"/>
    </row>
    <row r="32093" spans="8:8">
      <c r="H32093" s="12"/>
    </row>
    <row r="32094" spans="8:8">
      <c r="H32094" s="12"/>
    </row>
    <row r="32095" spans="8:8">
      <c r="H32095" s="12"/>
    </row>
    <row r="32096" spans="8:8">
      <c r="H32096" s="12"/>
    </row>
    <row r="32097" spans="8:8">
      <c r="H32097" s="12"/>
    </row>
    <row r="32098" spans="8:8">
      <c r="H32098" s="12"/>
    </row>
    <row r="32099" spans="8:8">
      <c r="H32099" s="12"/>
    </row>
    <row r="32100" spans="8:8">
      <c r="H32100" s="12"/>
    </row>
    <row r="32101" spans="8:8">
      <c r="H32101" s="12"/>
    </row>
    <row r="32102" spans="8:8">
      <c r="H32102" s="12"/>
    </row>
    <row r="32103" spans="8:8">
      <c r="H32103" s="12"/>
    </row>
    <row r="32104" spans="8:8">
      <c r="H32104" s="12"/>
    </row>
    <row r="32105" spans="8:8">
      <c r="H32105" s="12"/>
    </row>
    <row r="32106" spans="8:8">
      <c r="H32106" s="12"/>
    </row>
    <row r="32107" spans="8:8">
      <c r="H32107" s="12"/>
    </row>
    <row r="32108" spans="8:8">
      <c r="H32108" s="12"/>
    </row>
    <row r="32109" spans="8:8">
      <c r="H32109" s="12"/>
    </row>
    <row r="32110" spans="8:8">
      <c r="H32110" s="12"/>
    </row>
    <row r="32111" spans="8:8">
      <c r="H32111" s="12"/>
    </row>
    <row r="32112" spans="8:8">
      <c r="H32112" s="12"/>
    </row>
    <row r="32113" spans="8:8">
      <c r="H32113" s="12"/>
    </row>
    <row r="32114" spans="8:8">
      <c r="H32114" s="12"/>
    </row>
    <row r="32115" spans="8:8">
      <c r="H32115" s="12"/>
    </row>
    <row r="32116" spans="8:8">
      <c r="H32116" s="12"/>
    </row>
    <row r="32117" spans="8:8">
      <c r="H32117" s="12"/>
    </row>
    <row r="32118" spans="8:8">
      <c r="H32118" s="12"/>
    </row>
    <row r="32119" spans="8:8">
      <c r="H32119" s="12"/>
    </row>
    <row r="32120" spans="8:8">
      <c r="H32120" s="12"/>
    </row>
    <row r="32121" spans="8:8">
      <c r="H32121" s="12"/>
    </row>
    <row r="32122" spans="8:8">
      <c r="H32122" s="12"/>
    </row>
    <row r="32123" spans="8:8">
      <c r="H32123" s="12"/>
    </row>
    <row r="32124" spans="8:8">
      <c r="H32124" s="12"/>
    </row>
    <row r="32125" spans="8:8">
      <c r="H32125" s="12"/>
    </row>
    <row r="32126" spans="8:8">
      <c r="H32126" s="12"/>
    </row>
    <row r="32127" spans="8:8">
      <c r="H32127" s="12"/>
    </row>
    <row r="32128" spans="8:8">
      <c r="H32128" s="12"/>
    </row>
    <row r="32129" spans="8:8">
      <c r="H32129" s="12"/>
    </row>
    <row r="32130" spans="8:8">
      <c r="H32130" s="12"/>
    </row>
    <row r="32131" spans="8:8">
      <c r="H32131" s="12"/>
    </row>
    <row r="32132" spans="8:8">
      <c r="H32132" s="12"/>
    </row>
    <row r="32133" spans="8:8">
      <c r="H32133" s="12"/>
    </row>
    <row r="32134" spans="8:8">
      <c r="H32134" s="12"/>
    </row>
    <row r="32135" spans="8:8">
      <c r="H32135" s="12"/>
    </row>
    <row r="32136" spans="8:8">
      <c r="H32136" s="12"/>
    </row>
    <row r="32137" spans="8:8">
      <c r="H32137" s="12"/>
    </row>
    <row r="32138" spans="8:8">
      <c r="H32138" s="12"/>
    </row>
    <row r="32139" spans="8:8">
      <c r="H32139" s="12"/>
    </row>
    <row r="32140" spans="8:8">
      <c r="H32140" s="12"/>
    </row>
    <row r="32141" spans="8:8">
      <c r="H32141" s="12"/>
    </row>
    <row r="32142" spans="8:8">
      <c r="H32142" s="12"/>
    </row>
    <row r="32143" spans="8:8">
      <c r="H32143" s="12"/>
    </row>
    <row r="32144" spans="8:8">
      <c r="H32144" s="12"/>
    </row>
    <row r="32145" spans="8:8">
      <c r="H32145" s="12"/>
    </row>
    <row r="32146" spans="8:8">
      <c r="H32146" s="12"/>
    </row>
    <row r="32147" spans="8:8">
      <c r="H32147" s="12"/>
    </row>
    <row r="32148" spans="8:8">
      <c r="H32148" s="12"/>
    </row>
    <row r="32149" spans="8:8">
      <c r="H32149" s="12"/>
    </row>
    <row r="32150" spans="8:8">
      <c r="H32150" s="12"/>
    </row>
    <row r="32151" spans="8:8">
      <c r="H32151" s="12"/>
    </row>
    <row r="32152" spans="8:8">
      <c r="H32152" s="12"/>
    </row>
    <row r="32153" spans="8:8">
      <c r="H32153" s="12"/>
    </row>
    <row r="32154" spans="8:8">
      <c r="H32154" s="12"/>
    </row>
    <row r="32155" spans="8:8">
      <c r="H32155" s="12"/>
    </row>
    <row r="32156" spans="8:8">
      <c r="H32156" s="12"/>
    </row>
    <row r="32157" spans="8:8">
      <c r="H32157" s="12"/>
    </row>
    <row r="32158" spans="8:8">
      <c r="H32158" s="12"/>
    </row>
    <row r="32159" spans="8:8">
      <c r="H32159" s="12"/>
    </row>
    <row r="32160" spans="8:8">
      <c r="H32160" s="12"/>
    </row>
    <row r="32161" spans="8:8">
      <c r="H32161" s="12"/>
    </row>
    <row r="32162" spans="8:8">
      <c r="H32162" s="12"/>
    </row>
    <row r="32163" spans="8:8">
      <c r="H32163" s="12"/>
    </row>
    <row r="32164" spans="8:8">
      <c r="H32164" s="12"/>
    </row>
    <row r="32165" spans="8:8">
      <c r="H32165" s="12"/>
    </row>
    <row r="32166" spans="8:8">
      <c r="H32166" s="12"/>
    </row>
    <row r="32167" spans="8:8">
      <c r="H32167" s="12"/>
    </row>
    <row r="32168" spans="8:8">
      <c r="H32168" s="12"/>
    </row>
    <row r="32169" spans="8:8">
      <c r="H32169" s="12"/>
    </row>
    <row r="32170" spans="8:8">
      <c r="H32170" s="12"/>
    </row>
    <row r="32171" spans="8:8">
      <c r="H32171" s="12"/>
    </row>
    <row r="32172" spans="8:8">
      <c r="H32172" s="12"/>
    </row>
    <row r="32173" spans="8:8">
      <c r="H32173" s="12"/>
    </row>
    <row r="32174" spans="8:8">
      <c r="H32174" s="12"/>
    </row>
    <row r="32175" spans="8:8">
      <c r="H32175" s="12"/>
    </row>
    <row r="32176" spans="8:8">
      <c r="H32176" s="12"/>
    </row>
    <row r="32177" spans="8:8">
      <c r="H32177" s="12"/>
    </row>
    <row r="32178" spans="8:8">
      <c r="H32178" s="12"/>
    </row>
    <row r="32179" spans="8:8">
      <c r="H32179" s="12"/>
    </row>
    <row r="32180" spans="8:8">
      <c r="H32180" s="12"/>
    </row>
    <row r="32181" spans="8:8">
      <c r="H32181" s="12"/>
    </row>
    <row r="32182" spans="8:8">
      <c r="H32182" s="12"/>
    </row>
    <row r="32183" spans="8:8">
      <c r="H32183" s="12"/>
    </row>
    <row r="32184" spans="8:8">
      <c r="H32184" s="12"/>
    </row>
    <row r="32185" spans="8:8">
      <c r="H32185" s="12"/>
    </row>
    <row r="32186" spans="8:8">
      <c r="H32186" s="12"/>
    </row>
    <row r="32187" spans="8:8">
      <c r="H32187" s="12"/>
    </row>
    <row r="32188" spans="8:8">
      <c r="H32188" s="12"/>
    </row>
    <row r="32189" spans="8:8">
      <c r="H32189" s="12"/>
    </row>
    <row r="32190" spans="8:8">
      <c r="H32190" s="12"/>
    </row>
    <row r="32191" spans="8:8">
      <c r="H32191" s="12"/>
    </row>
    <row r="32192" spans="8:8">
      <c r="H32192" s="12"/>
    </row>
    <row r="32193" spans="8:8">
      <c r="H32193" s="12"/>
    </row>
    <row r="32194" spans="8:8">
      <c r="H32194" s="12"/>
    </row>
    <row r="32195" spans="8:8">
      <c r="H32195" s="12"/>
    </row>
    <row r="32196" spans="8:8">
      <c r="H32196" s="12"/>
    </row>
    <row r="32197" spans="8:8">
      <c r="H32197" s="12"/>
    </row>
    <row r="32198" spans="8:8">
      <c r="H32198" s="12"/>
    </row>
    <row r="32199" spans="8:8">
      <c r="H32199" s="12"/>
    </row>
    <row r="32200" spans="8:8">
      <c r="H32200" s="12"/>
    </row>
    <row r="32201" spans="8:8">
      <c r="H32201" s="12"/>
    </row>
    <row r="32202" spans="8:8">
      <c r="H32202" s="12"/>
    </row>
    <row r="32203" spans="8:8">
      <c r="H32203" s="12"/>
    </row>
    <row r="32204" spans="8:8">
      <c r="H32204" s="12"/>
    </row>
    <row r="32205" spans="8:8">
      <c r="H32205" s="12"/>
    </row>
    <row r="32206" spans="8:8">
      <c r="H32206" s="12"/>
    </row>
    <row r="32207" spans="8:8">
      <c r="H32207" s="12"/>
    </row>
    <row r="32208" spans="8:8">
      <c r="H32208" s="12"/>
    </row>
    <row r="32209" spans="8:8">
      <c r="H32209" s="12"/>
    </row>
    <row r="32210" spans="8:8">
      <c r="H32210" s="12"/>
    </row>
    <row r="32211" spans="8:8">
      <c r="H32211" s="12"/>
    </row>
    <row r="32212" spans="8:8">
      <c r="H32212" s="12"/>
    </row>
    <row r="32213" spans="8:8">
      <c r="H32213" s="12"/>
    </row>
    <row r="32214" spans="8:8">
      <c r="H32214" s="12"/>
    </row>
    <row r="32215" spans="8:8">
      <c r="H32215" s="12"/>
    </row>
    <row r="32216" spans="8:8">
      <c r="H32216" s="12"/>
    </row>
    <row r="32217" spans="8:8">
      <c r="H32217" s="12"/>
    </row>
    <row r="32218" spans="8:8">
      <c r="H32218" s="12"/>
    </row>
    <row r="32219" spans="8:8">
      <c r="H32219" s="12"/>
    </row>
    <row r="32220" spans="8:8">
      <c r="H32220" s="12"/>
    </row>
    <row r="32221" spans="8:8">
      <c r="H32221" s="12"/>
    </row>
    <row r="32222" spans="8:8">
      <c r="H32222" s="12"/>
    </row>
    <row r="32223" spans="8:8">
      <c r="H32223" s="12"/>
    </row>
    <row r="32224" spans="8:8">
      <c r="H32224" s="12"/>
    </row>
    <row r="32225" spans="8:8">
      <c r="H32225" s="12"/>
    </row>
    <row r="32226" spans="8:8">
      <c r="H32226" s="12"/>
    </row>
    <row r="32227" spans="8:8">
      <c r="H32227" s="12"/>
    </row>
    <row r="32228" spans="8:8">
      <c r="H32228" s="12"/>
    </row>
    <row r="32229" spans="8:8">
      <c r="H32229" s="12"/>
    </row>
    <row r="32230" spans="8:8">
      <c r="H32230" s="12"/>
    </row>
    <row r="32231" spans="8:8">
      <c r="H32231" s="12"/>
    </row>
    <row r="32232" spans="8:8">
      <c r="H32232" s="12"/>
    </row>
    <row r="32233" spans="8:8">
      <c r="H32233" s="12"/>
    </row>
    <row r="32234" spans="8:8">
      <c r="H32234" s="12"/>
    </row>
    <row r="32235" spans="8:8">
      <c r="H32235" s="12"/>
    </row>
    <row r="32236" spans="8:8">
      <c r="H32236" s="12"/>
    </row>
    <row r="32237" spans="8:8">
      <c r="H32237" s="12"/>
    </row>
    <row r="32238" spans="8:8">
      <c r="H32238" s="12"/>
    </row>
    <row r="32239" spans="8:8">
      <c r="H32239" s="12"/>
    </row>
    <row r="32240" spans="8:8">
      <c r="H32240" s="12"/>
    </row>
    <row r="32241" spans="8:8">
      <c r="H32241" s="12"/>
    </row>
    <row r="32242" spans="8:8">
      <c r="H32242" s="12"/>
    </row>
    <row r="32243" spans="8:8">
      <c r="H32243" s="12"/>
    </row>
    <row r="32244" spans="8:8">
      <c r="H32244" s="12"/>
    </row>
    <row r="32245" spans="8:8">
      <c r="H32245" s="12"/>
    </row>
    <row r="32246" spans="8:8">
      <c r="H32246" s="12"/>
    </row>
    <row r="32247" spans="8:8">
      <c r="H32247" s="12"/>
    </row>
    <row r="32248" spans="8:8">
      <c r="H32248" s="12"/>
    </row>
    <row r="32249" spans="8:8">
      <c r="H32249" s="12"/>
    </row>
    <row r="32250" spans="8:8">
      <c r="H32250" s="12"/>
    </row>
    <row r="32251" spans="8:8">
      <c r="H32251" s="12"/>
    </row>
    <row r="32252" spans="8:8">
      <c r="H32252" s="12"/>
    </row>
    <row r="32253" spans="8:8">
      <c r="H32253" s="12"/>
    </row>
    <row r="32254" spans="8:8">
      <c r="H32254" s="12"/>
    </row>
    <row r="32255" spans="8:8">
      <c r="H32255" s="12"/>
    </row>
    <row r="32256" spans="8:8">
      <c r="H32256" s="12"/>
    </row>
    <row r="32257" spans="8:8">
      <c r="H32257" s="12"/>
    </row>
    <row r="32258" spans="8:8">
      <c r="H32258" s="12"/>
    </row>
    <row r="32259" spans="8:8">
      <c r="H32259" s="12"/>
    </row>
    <row r="32260" spans="8:8">
      <c r="H32260" s="12"/>
    </row>
    <row r="32261" spans="8:8">
      <c r="H32261" s="12"/>
    </row>
    <row r="32262" spans="8:8">
      <c r="H32262" s="12"/>
    </row>
    <row r="32263" spans="8:8">
      <c r="H32263" s="12"/>
    </row>
    <row r="32264" spans="8:8">
      <c r="H32264" s="12"/>
    </row>
    <row r="32265" spans="8:8">
      <c r="H32265" s="12"/>
    </row>
    <row r="32266" spans="8:8">
      <c r="H32266" s="12"/>
    </row>
    <row r="32267" spans="8:8">
      <c r="H32267" s="12"/>
    </row>
    <row r="32268" spans="8:8">
      <c r="H32268" s="12"/>
    </row>
    <row r="32269" spans="8:8">
      <c r="H32269" s="12"/>
    </row>
    <row r="32270" spans="8:8">
      <c r="H32270" s="12"/>
    </row>
    <row r="32271" spans="8:8">
      <c r="H32271" s="12"/>
    </row>
    <row r="32272" spans="8:8">
      <c r="H32272" s="12"/>
    </row>
    <row r="32273" spans="8:8">
      <c r="H32273" s="12"/>
    </row>
    <row r="32274" spans="8:8">
      <c r="H32274" s="12"/>
    </row>
    <row r="32275" spans="8:8">
      <c r="H32275" s="12"/>
    </row>
    <row r="32276" spans="8:8">
      <c r="H32276" s="12"/>
    </row>
    <row r="32277" spans="8:8">
      <c r="H32277" s="12"/>
    </row>
    <row r="32278" spans="8:8">
      <c r="H32278" s="12"/>
    </row>
    <row r="32279" spans="8:8">
      <c r="H32279" s="12"/>
    </row>
    <row r="32280" spans="8:8">
      <c r="H32280" s="12"/>
    </row>
    <row r="32281" spans="8:8">
      <c r="H32281" s="12"/>
    </row>
    <row r="32282" spans="8:8">
      <c r="H32282" s="12"/>
    </row>
    <row r="32283" spans="8:8">
      <c r="H32283" s="12"/>
    </row>
    <row r="32284" spans="8:8">
      <c r="H32284" s="12"/>
    </row>
    <row r="32285" spans="8:8">
      <c r="H32285" s="12"/>
    </row>
    <row r="32286" spans="8:8">
      <c r="H32286" s="12"/>
    </row>
    <row r="32287" spans="8:8">
      <c r="H32287" s="12"/>
    </row>
    <row r="32288" spans="8:8">
      <c r="H32288" s="12"/>
    </row>
    <row r="32289" spans="8:8">
      <c r="H32289" s="12"/>
    </row>
    <row r="32290" spans="8:8">
      <c r="H32290" s="12"/>
    </row>
    <row r="32291" spans="8:8">
      <c r="H32291" s="12"/>
    </row>
    <row r="32292" spans="8:8">
      <c r="H32292" s="12"/>
    </row>
    <row r="32293" spans="8:8">
      <c r="H32293" s="12"/>
    </row>
    <row r="32294" spans="8:8">
      <c r="H32294" s="12"/>
    </row>
    <row r="32295" spans="8:8">
      <c r="H32295" s="12"/>
    </row>
    <row r="32296" spans="8:8">
      <c r="H32296" s="12"/>
    </row>
    <row r="32297" spans="8:8">
      <c r="H32297" s="12"/>
    </row>
    <row r="32298" spans="8:8">
      <c r="H32298" s="12"/>
    </row>
    <row r="32299" spans="8:8">
      <c r="H32299" s="12"/>
    </row>
    <row r="32300" spans="8:8">
      <c r="H32300" s="12"/>
    </row>
    <row r="32301" spans="8:8">
      <c r="H32301" s="12"/>
    </row>
    <row r="32302" spans="8:8">
      <c r="H32302" s="12"/>
    </row>
    <row r="32303" spans="8:8">
      <c r="H32303" s="12"/>
    </row>
    <row r="32304" spans="8:8">
      <c r="H32304" s="12"/>
    </row>
    <row r="32305" spans="8:8">
      <c r="H32305" s="12"/>
    </row>
    <row r="32306" spans="8:8">
      <c r="H32306" s="12"/>
    </row>
    <row r="32307" spans="8:8">
      <c r="H32307" s="12"/>
    </row>
    <row r="32308" spans="8:8">
      <c r="H32308" s="12"/>
    </row>
    <row r="32309" spans="8:8">
      <c r="H32309" s="12"/>
    </row>
    <row r="32310" spans="8:8">
      <c r="H32310" s="12"/>
    </row>
    <row r="32311" spans="8:8">
      <c r="H32311" s="12"/>
    </row>
    <row r="32312" spans="8:8">
      <c r="H32312" s="12"/>
    </row>
    <row r="32313" spans="8:8">
      <c r="H32313" s="12"/>
    </row>
    <row r="32314" spans="8:8">
      <c r="H32314" s="12"/>
    </row>
    <row r="32315" spans="8:8">
      <c r="H32315" s="12"/>
    </row>
    <row r="32316" spans="8:8">
      <c r="H32316" s="12"/>
    </row>
    <row r="32317" spans="8:8">
      <c r="H32317" s="12"/>
    </row>
    <row r="32318" spans="8:8">
      <c r="H32318" s="12"/>
    </row>
    <row r="32319" spans="8:8">
      <c r="H32319" s="12"/>
    </row>
    <row r="32320" spans="8:8">
      <c r="H32320" s="12"/>
    </row>
    <row r="32321" spans="8:8">
      <c r="H32321" s="12"/>
    </row>
    <row r="32322" spans="8:8">
      <c r="H32322" s="12"/>
    </row>
    <row r="32323" spans="8:8">
      <c r="H32323" s="12"/>
    </row>
    <row r="32324" spans="8:8">
      <c r="H32324" s="12"/>
    </row>
    <row r="32325" spans="8:8">
      <c r="H32325" s="12"/>
    </row>
    <row r="32326" spans="8:8">
      <c r="H32326" s="12"/>
    </row>
    <row r="32327" spans="8:8">
      <c r="H32327" s="12"/>
    </row>
    <row r="32328" spans="8:8">
      <c r="H32328" s="12"/>
    </row>
    <row r="32329" spans="8:8">
      <c r="H32329" s="12"/>
    </row>
    <row r="32330" spans="8:8">
      <c r="H32330" s="12"/>
    </row>
    <row r="32331" spans="8:8">
      <c r="H32331" s="12"/>
    </row>
    <row r="32332" spans="8:8">
      <c r="H32332" s="12"/>
    </row>
    <row r="32333" spans="8:8">
      <c r="H32333" s="12"/>
    </row>
    <row r="32334" spans="8:8">
      <c r="H32334" s="12"/>
    </row>
    <row r="32335" spans="8:8">
      <c r="H32335" s="12"/>
    </row>
    <row r="32336" spans="8:8">
      <c r="H32336" s="12"/>
    </row>
    <row r="32337" spans="8:8">
      <c r="H32337" s="12"/>
    </row>
    <row r="32338" spans="8:8">
      <c r="H32338" s="12"/>
    </row>
    <row r="32339" spans="8:8">
      <c r="H32339" s="12"/>
    </row>
    <row r="32340" spans="8:8">
      <c r="H32340" s="12"/>
    </row>
    <row r="32341" spans="8:8">
      <c r="H32341" s="12"/>
    </row>
    <row r="32342" spans="8:8">
      <c r="H32342" s="12"/>
    </row>
    <row r="32343" spans="8:8">
      <c r="H32343" s="12"/>
    </row>
    <row r="32344" spans="8:8">
      <c r="H32344" s="12"/>
    </row>
    <row r="32345" spans="8:8">
      <c r="H32345" s="12"/>
    </row>
    <row r="32346" spans="8:8">
      <c r="H32346" s="12"/>
    </row>
    <row r="32347" spans="8:8">
      <c r="H32347" s="12"/>
    </row>
    <row r="32348" spans="8:8">
      <c r="H32348" s="12"/>
    </row>
    <row r="32349" spans="8:8">
      <c r="H32349" s="12"/>
    </row>
    <row r="32350" spans="8:8">
      <c r="H32350" s="12"/>
    </row>
    <row r="32351" spans="8:8">
      <c r="H32351" s="12"/>
    </row>
    <row r="32352" spans="8:8">
      <c r="H32352" s="12"/>
    </row>
    <row r="32353" spans="8:8">
      <c r="H32353" s="12"/>
    </row>
    <row r="32354" spans="8:8">
      <c r="H32354" s="12"/>
    </row>
    <row r="32355" spans="8:8">
      <c r="H32355" s="12"/>
    </row>
    <row r="32356" spans="8:8">
      <c r="H32356" s="12"/>
    </row>
    <row r="32357" spans="8:8">
      <c r="H32357" s="12"/>
    </row>
    <row r="32358" spans="8:8">
      <c r="H32358" s="12"/>
    </row>
    <row r="32359" spans="8:8">
      <c r="H32359" s="12"/>
    </row>
    <row r="32360" spans="8:8">
      <c r="H32360" s="12"/>
    </row>
    <row r="32361" spans="8:8">
      <c r="H32361" s="12"/>
    </row>
    <row r="32362" spans="8:8">
      <c r="H32362" s="12"/>
    </row>
    <row r="32363" spans="8:8">
      <c r="H32363" s="12"/>
    </row>
    <row r="32364" spans="8:8">
      <c r="H32364" s="12"/>
    </row>
    <row r="32365" spans="8:8">
      <c r="H32365" s="12"/>
    </row>
    <row r="32366" spans="8:8">
      <c r="H32366" s="12"/>
    </row>
    <row r="32367" spans="8:8">
      <c r="H32367" s="12"/>
    </row>
    <row r="32368" spans="8:8">
      <c r="H32368" s="12"/>
    </row>
    <row r="32369" spans="8:8">
      <c r="H32369" s="12"/>
    </row>
    <row r="32370" spans="8:8">
      <c r="H32370" s="12"/>
    </row>
    <row r="32371" spans="8:8">
      <c r="H32371" s="12"/>
    </row>
    <row r="32372" spans="8:8">
      <c r="H32372" s="12"/>
    </row>
    <row r="32373" spans="8:8">
      <c r="H32373" s="12"/>
    </row>
    <row r="32374" spans="8:8">
      <c r="H32374" s="12"/>
    </row>
    <row r="32375" spans="8:8">
      <c r="H32375" s="12"/>
    </row>
    <row r="32376" spans="8:8">
      <c r="H32376" s="12"/>
    </row>
    <row r="32377" spans="8:8">
      <c r="H32377" s="12"/>
    </row>
    <row r="32378" spans="8:8">
      <c r="H32378" s="12"/>
    </row>
    <row r="32379" spans="8:8">
      <c r="H32379" s="12"/>
    </row>
    <row r="32380" spans="8:8">
      <c r="H32380" s="12"/>
    </row>
    <row r="32381" spans="8:8">
      <c r="H32381" s="12"/>
    </row>
    <row r="32382" spans="8:8">
      <c r="H32382" s="12"/>
    </row>
    <row r="32383" spans="8:8">
      <c r="H32383" s="12"/>
    </row>
    <row r="32384" spans="8:8">
      <c r="H32384" s="12"/>
    </row>
    <row r="32385" spans="8:8">
      <c r="H32385" s="12"/>
    </row>
    <row r="32386" spans="8:8">
      <c r="H32386" s="12"/>
    </row>
    <row r="32387" spans="8:8">
      <c r="H32387" s="12"/>
    </row>
    <row r="32388" spans="8:8">
      <c r="H32388" s="12"/>
    </row>
    <row r="32389" spans="8:8">
      <c r="H32389" s="12"/>
    </row>
    <row r="32390" spans="8:8">
      <c r="H32390" s="12"/>
    </row>
    <row r="32391" spans="8:8">
      <c r="H32391" s="12"/>
    </row>
    <row r="32392" spans="8:8">
      <c r="H32392" s="12"/>
    </row>
    <row r="32393" spans="8:8">
      <c r="H32393" s="12"/>
    </row>
    <row r="32394" spans="8:8">
      <c r="H32394" s="12"/>
    </row>
    <row r="32395" spans="8:8">
      <c r="H32395" s="12"/>
    </row>
    <row r="32396" spans="8:8">
      <c r="H32396" s="12"/>
    </row>
    <row r="32397" spans="8:8">
      <c r="H32397" s="12"/>
    </row>
    <row r="32398" spans="8:8">
      <c r="H32398" s="12"/>
    </row>
    <row r="32399" spans="8:8">
      <c r="H32399" s="12"/>
    </row>
    <row r="32400" spans="8:8">
      <c r="H32400" s="12"/>
    </row>
    <row r="32401" spans="8:8">
      <c r="H32401" s="12"/>
    </row>
    <row r="32402" spans="8:8">
      <c r="H32402" s="12"/>
    </row>
    <row r="32403" spans="8:8">
      <c r="H32403" s="12"/>
    </row>
    <row r="32404" spans="8:8">
      <c r="H32404" s="12"/>
    </row>
    <row r="32405" spans="8:8">
      <c r="H32405" s="12"/>
    </row>
    <row r="32406" spans="8:8">
      <c r="H32406" s="12"/>
    </row>
    <row r="32407" spans="8:8">
      <c r="H32407" s="12"/>
    </row>
    <row r="32408" spans="8:8">
      <c r="H32408" s="12"/>
    </row>
    <row r="32409" spans="8:8">
      <c r="H32409" s="12"/>
    </row>
    <row r="32410" spans="8:8">
      <c r="H32410" s="12"/>
    </row>
    <row r="32411" spans="8:8">
      <c r="H32411" s="12"/>
    </row>
    <row r="32412" spans="8:8">
      <c r="H32412" s="12"/>
    </row>
    <row r="32413" spans="8:8">
      <c r="H32413" s="12"/>
    </row>
    <row r="32414" spans="8:8">
      <c r="H32414" s="12"/>
    </row>
    <row r="32415" spans="8:8">
      <c r="H32415" s="12"/>
    </row>
    <row r="32416" spans="8:8">
      <c r="H32416" s="12"/>
    </row>
    <row r="32417" spans="8:8">
      <c r="H32417" s="12"/>
    </row>
    <row r="32418" spans="8:8">
      <c r="H32418" s="12"/>
    </row>
    <row r="32419" spans="8:8">
      <c r="H32419" s="12"/>
    </row>
    <row r="32420" spans="8:8">
      <c r="H32420" s="12"/>
    </row>
    <row r="32421" spans="8:8">
      <c r="H32421" s="12"/>
    </row>
    <row r="32422" spans="8:8">
      <c r="H32422" s="12"/>
    </row>
    <row r="32423" spans="8:8">
      <c r="H32423" s="12"/>
    </row>
    <row r="32424" spans="8:8">
      <c r="H32424" s="12"/>
    </row>
    <row r="32425" spans="8:8">
      <c r="H32425" s="12"/>
    </row>
    <row r="32426" spans="8:8">
      <c r="H32426" s="12"/>
    </row>
    <row r="32427" spans="8:8">
      <c r="H32427" s="12"/>
    </row>
    <row r="32428" spans="8:8">
      <c r="H32428" s="12"/>
    </row>
    <row r="32429" spans="8:8">
      <c r="H32429" s="12"/>
    </row>
    <row r="32430" spans="8:8">
      <c r="H32430" s="12"/>
    </row>
    <row r="32431" spans="8:8">
      <c r="H32431" s="12"/>
    </row>
    <row r="32432" spans="8:8">
      <c r="H32432" s="12"/>
    </row>
    <row r="32433" spans="8:8">
      <c r="H32433" s="12"/>
    </row>
    <row r="32434" spans="8:8">
      <c r="H32434" s="12"/>
    </row>
    <row r="32435" spans="8:8">
      <c r="H32435" s="12"/>
    </row>
    <row r="32436" spans="8:8">
      <c r="H32436" s="12"/>
    </row>
    <row r="32437" spans="8:8">
      <c r="H32437" s="12"/>
    </row>
    <row r="32438" spans="8:8">
      <c r="H32438" s="12"/>
    </row>
    <row r="32439" spans="8:8">
      <c r="H32439" s="12"/>
    </row>
    <row r="32440" spans="8:8">
      <c r="H32440" s="12"/>
    </row>
    <row r="32441" spans="8:8">
      <c r="H32441" s="12"/>
    </row>
    <row r="32442" spans="8:8">
      <c r="H32442" s="12"/>
    </row>
    <row r="32443" spans="8:8">
      <c r="H32443" s="12"/>
    </row>
    <row r="32444" spans="8:8">
      <c r="H32444" s="12"/>
    </row>
    <row r="32445" spans="8:8">
      <c r="H32445" s="12"/>
    </row>
    <row r="32446" spans="8:8">
      <c r="H32446" s="12"/>
    </row>
    <row r="32447" spans="8:8">
      <c r="H32447" s="12"/>
    </row>
    <row r="32448" spans="8:8">
      <c r="H32448" s="12"/>
    </row>
    <row r="32449" spans="8:8">
      <c r="H32449" s="12"/>
    </row>
    <row r="32450" spans="8:8">
      <c r="H32450" s="12"/>
    </row>
    <row r="32451" spans="8:8">
      <c r="H32451" s="12"/>
    </row>
    <row r="32452" spans="8:8">
      <c r="H32452" s="12"/>
    </row>
    <row r="32453" spans="8:8">
      <c r="H32453" s="12"/>
    </row>
    <row r="32454" spans="8:8">
      <c r="H32454" s="12"/>
    </row>
    <row r="32455" spans="8:8">
      <c r="H32455" s="12"/>
    </row>
    <row r="32456" spans="8:8">
      <c r="H32456" s="12"/>
    </row>
    <row r="32457" spans="8:8">
      <c r="H32457" s="12"/>
    </row>
    <row r="32458" spans="8:8">
      <c r="H32458" s="12"/>
    </row>
    <row r="32459" spans="8:8">
      <c r="H32459" s="12"/>
    </row>
    <row r="32460" spans="8:8">
      <c r="H32460" s="12"/>
    </row>
    <row r="32461" spans="8:8">
      <c r="H32461" s="12"/>
    </row>
    <row r="32462" spans="8:8">
      <c r="H32462" s="12"/>
    </row>
    <row r="32463" spans="8:8">
      <c r="H32463" s="12"/>
    </row>
    <row r="32464" spans="8:8">
      <c r="H32464" s="12"/>
    </row>
    <row r="32465" spans="8:8">
      <c r="H32465" s="12"/>
    </row>
    <row r="32466" spans="8:8">
      <c r="H32466" s="12"/>
    </row>
    <row r="32467" spans="8:8">
      <c r="H32467" s="12"/>
    </row>
    <row r="32468" spans="8:8">
      <c r="H32468" s="12"/>
    </row>
    <row r="32469" spans="8:8">
      <c r="H32469" s="12"/>
    </row>
    <row r="32470" spans="8:8">
      <c r="H32470" s="12"/>
    </row>
    <row r="32471" spans="8:8">
      <c r="H32471" s="12"/>
    </row>
    <row r="32472" spans="8:8">
      <c r="H32472" s="12"/>
    </row>
    <row r="32473" spans="8:8">
      <c r="H32473" s="12"/>
    </row>
    <row r="32474" spans="8:8">
      <c r="H32474" s="12"/>
    </row>
    <row r="32475" spans="8:8">
      <c r="H32475" s="12"/>
    </row>
    <row r="32476" spans="8:8">
      <c r="H32476" s="12"/>
    </row>
    <row r="32477" spans="8:8">
      <c r="H32477" s="12"/>
    </row>
    <row r="32478" spans="8:8">
      <c r="H32478" s="12"/>
    </row>
    <row r="32479" spans="8:8">
      <c r="H32479" s="12"/>
    </row>
    <row r="32480" spans="8:8">
      <c r="H32480" s="12"/>
    </row>
    <row r="32481" spans="8:8">
      <c r="H32481" s="12"/>
    </row>
    <row r="32482" spans="8:8">
      <c r="H32482" s="12"/>
    </row>
    <row r="32483" spans="8:8">
      <c r="H32483" s="12"/>
    </row>
    <row r="32484" spans="8:8">
      <c r="H32484" s="12"/>
    </row>
    <row r="32485" spans="8:8">
      <c r="H32485" s="12"/>
    </row>
    <row r="32486" spans="8:8">
      <c r="H32486" s="12"/>
    </row>
    <row r="32487" spans="8:8">
      <c r="H32487" s="12"/>
    </row>
    <row r="32488" spans="8:8">
      <c r="H32488" s="12"/>
    </row>
    <row r="32489" spans="8:8">
      <c r="H32489" s="12"/>
    </row>
    <row r="32490" spans="8:8">
      <c r="H32490" s="12"/>
    </row>
    <row r="32491" spans="8:8">
      <c r="H32491" s="12"/>
    </row>
    <row r="32492" spans="8:8">
      <c r="H32492" s="12"/>
    </row>
    <row r="32493" spans="8:8">
      <c r="H32493" s="12"/>
    </row>
    <row r="32494" spans="8:8">
      <c r="H32494" s="12"/>
    </row>
    <row r="32495" spans="8:8">
      <c r="H32495" s="12"/>
    </row>
    <row r="32496" spans="8:8">
      <c r="H32496" s="12"/>
    </row>
    <row r="32497" spans="8:8">
      <c r="H32497" s="12"/>
    </row>
    <row r="32498" spans="8:8">
      <c r="H32498" s="12"/>
    </row>
    <row r="32499" spans="8:8">
      <c r="H32499" s="12"/>
    </row>
    <row r="32500" spans="8:8">
      <c r="H32500" s="12"/>
    </row>
    <row r="32501" spans="8:8">
      <c r="H32501" s="12"/>
    </row>
    <row r="32502" spans="8:8">
      <c r="H32502" s="12"/>
    </row>
    <row r="32503" spans="8:8">
      <c r="H32503" s="12"/>
    </row>
    <row r="32504" spans="8:8">
      <c r="H32504" s="12"/>
    </row>
    <row r="32505" spans="8:8">
      <c r="H32505" s="12"/>
    </row>
    <row r="32506" spans="8:8">
      <c r="H32506" s="12"/>
    </row>
    <row r="32507" spans="8:8">
      <c r="H32507" s="12"/>
    </row>
    <row r="32508" spans="8:8">
      <c r="H32508" s="12"/>
    </row>
    <row r="32509" spans="8:8">
      <c r="H32509" s="12"/>
    </row>
    <row r="32510" spans="8:8">
      <c r="H32510" s="12"/>
    </row>
    <row r="32511" spans="8:8">
      <c r="H32511" s="12"/>
    </row>
    <row r="32512" spans="8:8">
      <c r="H32512" s="12"/>
    </row>
    <row r="32513" spans="8:8">
      <c r="H32513" s="12"/>
    </row>
    <row r="32514" spans="8:8">
      <c r="H32514" s="12"/>
    </row>
    <row r="32515" spans="8:8">
      <c r="H32515" s="12"/>
    </row>
    <row r="32516" spans="8:8">
      <c r="H32516" s="12"/>
    </row>
    <row r="32517" spans="8:8">
      <c r="H32517" s="12"/>
    </row>
    <row r="32518" spans="8:8">
      <c r="H32518" s="12"/>
    </row>
    <row r="32519" spans="8:8">
      <c r="H32519" s="12"/>
    </row>
    <row r="32520" spans="8:8">
      <c r="H32520" s="12"/>
    </row>
    <row r="32521" spans="8:8">
      <c r="H32521" s="12"/>
    </row>
    <row r="32522" spans="8:8">
      <c r="H32522" s="12"/>
    </row>
    <row r="32523" spans="8:8">
      <c r="H32523" s="12"/>
    </row>
    <row r="32524" spans="8:8">
      <c r="H32524" s="12"/>
    </row>
    <row r="32525" spans="8:8">
      <c r="H32525" s="12"/>
    </row>
    <row r="32526" spans="8:8">
      <c r="H32526" s="12"/>
    </row>
    <row r="32527" spans="8:8">
      <c r="H32527" s="12"/>
    </row>
    <row r="32528" spans="8:8">
      <c r="H32528" s="12"/>
    </row>
    <row r="32529" spans="8:8">
      <c r="H32529" s="12"/>
    </row>
    <row r="32530" spans="8:8">
      <c r="H32530" s="12"/>
    </row>
    <row r="32531" spans="8:8">
      <c r="H32531" s="12"/>
    </row>
    <row r="32532" spans="8:8">
      <c r="H32532" s="12"/>
    </row>
    <row r="32533" spans="8:8">
      <c r="H32533" s="12"/>
    </row>
    <row r="32534" spans="8:8">
      <c r="H32534" s="12"/>
    </row>
    <row r="32535" spans="8:8">
      <c r="H32535" s="12"/>
    </row>
    <row r="32536" spans="8:8">
      <c r="H32536" s="12"/>
    </row>
    <row r="32537" spans="8:8">
      <c r="H32537" s="12"/>
    </row>
    <row r="32538" spans="8:8">
      <c r="H32538" s="12"/>
    </row>
    <row r="32539" spans="8:8">
      <c r="H32539" s="12"/>
    </row>
    <row r="32540" spans="8:8">
      <c r="H32540" s="12"/>
    </row>
    <row r="32541" spans="8:8">
      <c r="H32541" s="12"/>
    </row>
    <row r="32542" spans="8:8">
      <c r="H32542" s="12"/>
    </row>
    <row r="32543" spans="8:8">
      <c r="H32543" s="12"/>
    </row>
    <row r="32544" spans="8:8">
      <c r="H32544" s="12"/>
    </row>
    <row r="32545" spans="8:8">
      <c r="H32545" s="12"/>
    </row>
    <row r="32546" spans="8:8">
      <c r="H32546" s="12"/>
    </row>
    <row r="32547" spans="8:8">
      <c r="H32547" s="12"/>
    </row>
    <row r="32548" spans="8:8">
      <c r="H32548" s="12"/>
    </row>
    <row r="32549" spans="8:8">
      <c r="H32549" s="12"/>
    </row>
    <row r="32550" spans="8:8">
      <c r="H32550" s="12"/>
    </row>
    <row r="32551" spans="8:8">
      <c r="H32551" s="12"/>
    </row>
    <row r="32552" spans="8:8">
      <c r="H32552" s="12"/>
    </row>
    <row r="32553" spans="8:8">
      <c r="H32553" s="12"/>
    </row>
    <row r="32554" spans="8:8">
      <c r="H32554" s="12"/>
    </row>
    <row r="32555" spans="8:8">
      <c r="H32555" s="12"/>
    </row>
    <row r="32556" spans="8:8">
      <c r="H32556" s="12"/>
    </row>
    <row r="32557" spans="8:8">
      <c r="H32557" s="12"/>
    </row>
    <row r="32558" spans="8:8">
      <c r="H32558" s="12"/>
    </row>
    <row r="32559" spans="8:8">
      <c r="H32559" s="12"/>
    </row>
    <row r="32560" spans="8:8">
      <c r="H32560" s="12"/>
    </row>
    <row r="32561" spans="8:8">
      <c r="H32561" s="12"/>
    </row>
    <row r="32562" spans="8:8">
      <c r="H32562" s="12"/>
    </row>
    <row r="32563" spans="8:8">
      <c r="H32563" s="12"/>
    </row>
    <row r="32564" spans="8:8">
      <c r="H32564" s="12"/>
    </row>
    <row r="32565" spans="8:8">
      <c r="H32565" s="12"/>
    </row>
    <row r="32566" spans="8:8">
      <c r="H32566" s="12"/>
    </row>
    <row r="32567" spans="8:8">
      <c r="H32567" s="12"/>
    </row>
    <row r="32568" spans="8:8">
      <c r="H32568" s="12"/>
    </row>
    <row r="32569" spans="8:8">
      <c r="H32569" s="12"/>
    </row>
    <row r="32570" spans="8:8">
      <c r="H32570" s="12"/>
    </row>
    <row r="32571" spans="8:8">
      <c r="H32571" s="12"/>
    </row>
    <row r="32572" spans="8:8">
      <c r="H32572" s="12"/>
    </row>
    <row r="32573" spans="8:8">
      <c r="H32573" s="12"/>
    </row>
    <row r="32574" spans="8:8">
      <c r="H32574" s="12"/>
    </row>
    <row r="32575" spans="8:8">
      <c r="H32575" s="12"/>
    </row>
    <row r="32576" spans="8:8">
      <c r="H32576" s="12"/>
    </row>
    <row r="32577" spans="8:8">
      <c r="H32577" s="12"/>
    </row>
    <row r="32578" spans="8:8">
      <c r="H32578" s="12"/>
    </row>
    <row r="32579" spans="8:8">
      <c r="H32579" s="12"/>
    </row>
    <row r="32580" spans="8:8">
      <c r="H32580" s="12"/>
    </row>
    <row r="32581" spans="8:8">
      <c r="H32581" s="12"/>
    </row>
    <row r="32582" spans="8:8">
      <c r="H32582" s="12"/>
    </row>
    <row r="32583" spans="8:8">
      <c r="H32583" s="12"/>
    </row>
    <row r="32584" spans="8:8">
      <c r="H32584" s="12"/>
    </row>
    <row r="32585" spans="8:8">
      <c r="H32585" s="12"/>
    </row>
    <row r="32586" spans="8:8">
      <c r="H32586" s="12"/>
    </row>
    <row r="32587" spans="8:8">
      <c r="H32587" s="12"/>
    </row>
    <row r="32588" spans="8:8">
      <c r="H32588" s="12"/>
    </row>
    <row r="32589" spans="8:8">
      <c r="H32589" s="12"/>
    </row>
    <row r="32590" spans="8:8">
      <c r="H32590" s="12"/>
    </row>
    <row r="32591" spans="8:8">
      <c r="H32591" s="12"/>
    </row>
    <row r="32592" spans="8:8">
      <c r="H32592" s="12"/>
    </row>
    <row r="32593" spans="8:8">
      <c r="H32593" s="12"/>
    </row>
    <row r="32594" spans="8:8">
      <c r="H32594" s="12"/>
    </row>
    <row r="32595" spans="8:8">
      <c r="H32595" s="12"/>
    </row>
    <row r="32596" spans="8:8">
      <c r="H32596" s="12"/>
    </row>
    <row r="32597" spans="8:8">
      <c r="H32597" s="12"/>
    </row>
    <row r="32598" spans="8:8">
      <c r="H32598" s="12"/>
    </row>
    <row r="32599" spans="8:8">
      <c r="H32599" s="12"/>
    </row>
    <row r="32600" spans="8:8">
      <c r="H32600" s="12"/>
    </row>
    <row r="32601" spans="8:8">
      <c r="H32601" s="12"/>
    </row>
    <row r="32602" spans="8:8">
      <c r="H32602" s="12"/>
    </row>
    <row r="32603" spans="8:8">
      <c r="H32603" s="12"/>
    </row>
    <row r="32604" spans="8:8">
      <c r="H32604" s="12"/>
    </row>
    <row r="32605" spans="8:8">
      <c r="H32605" s="12"/>
    </row>
    <row r="32606" spans="8:8">
      <c r="H32606" s="12"/>
    </row>
    <row r="32607" spans="8:8">
      <c r="H32607" s="12"/>
    </row>
    <row r="32608" spans="8:8">
      <c r="H32608" s="12"/>
    </row>
    <row r="32609" spans="8:8">
      <c r="H32609" s="12"/>
    </row>
    <row r="32610" spans="8:8">
      <c r="H32610" s="12"/>
    </row>
    <row r="32611" spans="8:8">
      <c r="H32611" s="12"/>
    </row>
    <row r="32612" spans="8:8">
      <c r="H32612" s="12"/>
    </row>
    <row r="32613" spans="8:8">
      <c r="H32613" s="12"/>
    </row>
    <row r="32614" spans="8:8">
      <c r="H32614" s="12"/>
    </row>
    <row r="32615" spans="8:8">
      <c r="H32615" s="12"/>
    </row>
    <row r="32616" spans="8:8">
      <c r="H32616" s="12"/>
    </row>
    <row r="32617" spans="8:8">
      <c r="H32617" s="12"/>
    </row>
    <row r="32618" spans="8:8">
      <c r="H32618" s="12"/>
    </row>
    <row r="32619" spans="8:8">
      <c r="H32619" s="12"/>
    </row>
    <row r="32620" spans="8:8">
      <c r="H32620" s="12"/>
    </row>
    <row r="32621" spans="8:8">
      <c r="H32621" s="12"/>
    </row>
    <row r="32622" spans="8:8">
      <c r="H32622" s="12"/>
    </row>
    <row r="32623" spans="8:8">
      <c r="H32623" s="12"/>
    </row>
    <row r="32624" spans="8:8">
      <c r="H32624" s="12"/>
    </row>
    <row r="32625" spans="8:8">
      <c r="H32625" s="12"/>
    </row>
    <row r="32626" spans="8:8">
      <c r="H32626" s="12"/>
    </row>
    <row r="32627" spans="8:8">
      <c r="H32627" s="12"/>
    </row>
    <row r="32628" spans="8:8">
      <c r="H32628" s="12"/>
    </row>
    <row r="32629" spans="8:8">
      <c r="H32629" s="12"/>
    </row>
    <row r="32630" spans="8:8">
      <c r="H32630" s="12"/>
    </row>
    <row r="32631" spans="8:8">
      <c r="H32631" s="12"/>
    </row>
    <row r="32632" spans="8:8">
      <c r="H32632" s="12"/>
    </row>
    <row r="32633" spans="8:8">
      <c r="H32633" s="12"/>
    </row>
    <row r="32634" spans="8:8">
      <c r="H32634" s="12"/>
    </row>
    <row r="32635" spans="8:8">
      <c r="H32635" s="12"/>
    </row>
    <row r="32636" spans="8:8">
      <c r="H32636" s="12"/>
    </row>
    <row r="32637" spans="8:8">
      <c r="H32637" s="12"/>
    </row>
    <row r="32638" spans="8:8">
      <c r="H32638" s="12"/>
    </row>
    <row r="32639" spans="8:8">
      <c r="H32639" s="12"/>
    </row>
    <row r="32640" spans="8:8">
      <c r="H32640" s="12"/>
    </row>
    <row r="32641" spans="8:8">
      <c r="H32641" s="12"/>
    </row>
    <row r="32642" spans="8:8">
      <c r="H32642" s="12"/>
    </row>
    <row r="32643" spans="8:8">
      <c r="H32643" s="12"/>
    </row>
    <row r="32644" spans="8:8">
      <c r="H32644" s="12"/>
    </row>
    <row r="32645" spans="8:8">
      <c r="H32645" s="12"/>
    </row>
    <row r="32646" spans="8:8">
      <c r="H32646" s="12"/>
    </row>
    <row r="32647" spans="8:8">
      <c r="H32647" s="12"/>
    </row>
    <row r="32648" spans="8:8">
      <c r="H32648" s="12"/>
    </row>
    <row r="32649" spans="8:8">
      <c r="H32649" s="12"/>
    </row>
    <row r="32650" spans="8:8">
      <c r="H32650" s="12"/>
    </row>
    <row r="32651" spans="8:8">
      <c r="H32651" s="12"/>
    </row>
    <row r="32652" spans="8:8">
      <c r="H32652" s="12"/>
    </row>
    <row r="32653" spans="8:8">
      <c r="H32653" s="12"/>
    </row>
    <row r="32654" spans="8:8">
      <c r="H32654" s="12"/>
    </row>
    <row r="32655" spans="8:8">
      <c r="H32655" s="12"/>
    </row>
    <row r="32656" spans="8:8">
      <c r="H32656" s="12"/>
    </row>
    <row r="32657" spans="8:8">
      <c r="H32657" s="12"/>
    </row>
    <row r="32658" spans="8:8">
      <c r="H32658" s="12"/>
    </row>
    <row r="32659" spans="8:8">
      <c r="H32659" s="12"/>
    </row>
    <row r="32660" spans="8:8">
      <c r="H32660" s="12"/>
    </row>
    <row r="32661" spans="8:8">
      <c r="H32661" s="12"/>
    </row>
    <row r="32662" spans="8:8">
      <c r="H32662" s="12"/>
    </row>
    <row r="32663" spans="8:8">
      <c r="H32663" s="12"/>
    </row>
    <row r="32664" spans="8:8">
      <c r="H32664" s="12"/>
    </row>
    <row r="32665" spans="8:8">
      <c r="H32665" s="12"/>
    </row>
    <row r="32666" spans="8:8">
      <c r="H32666" s="12"/>
    </row>
    <row r="32667" spans="8:8">
      <c r="H32667" s="12"/>
    </row>
    <row r="32668" spans="8:8">
      <c r="H32668" s="12"/>
    </row>
    <row r="32669" spans="8:8">
      <c r="H32669" s="12"/>
    </row>
    <row r="32670" spans="8:8">
      <c r="H32670" s="12"/>
    </row>
    <row r="32671" spans="8:8">
      <c r="H32671" s="12"/>
    </row>
    <row r="32672" spans="8:8">
      <c r="H32672" s="12"/>
    </row>
    <row r="32673" spans="8:8">
      <c r="H32673" s="12"/>
    </row>
    <row r="32674" spans="8:8">
      <c r="H32674" s="12"/>
    </row>
    <row r="32675" spans="8:8">
      <c r="H32675" s="12"/>
    </row>
    <row r="32676" spans="8:8">
      <c r="H32676" s="12"/>
    </row>
    <row r="32677" spans="8:8">
      <c r="H32677" s="12"/>
    </row>
    <row r="32678" spans="8:8">
      <c r="H32678" s="12"/>
    </row>
    <row r="32679" spans="8:8">
      <c r="H32679" s="12"/>
    </row>
    <row r="32680" spans="8:8">
      <c r="H32680" s="12"/>
    </row>
    <row r="32681" spans="8:8">
      <c r="H32681" s="12"/>
    </row>
    <row r="32682" spans="8:8">
      <c r="H32682" s="12"/>
    </row>
    <row r="32683" spans="8:8">
      <c r="H32683" s="12"/>
    </row>
    <row r="32684" spans="8:8">
      <c r="H32684" s="12"/>
    </row>
    <row r="32685" spans="8:8">
      <c r="H32685" s="12"/>
    </row>
    <row r="32686" spans="8:8">
      <c r="H32686" s="12"/>
    </row>
    <row r="32687" spans="8:8">
      <c r="H32687" s="12"/>
    </row>
    <row r="32688" spans="8:8">
      <c r="H32688" s="12"/>
    </row>
    <row r="32689" spans="8:8">
      <c r="H32689" s="12"/>
    </row>
    <row r="32690" spans="8:8">
      <c r="H32690" s="12"/>
    </row>
    <row r="32691" spans="8:8">
      <c r="H32691" s="12"/>
    </row>
    <row r="32692" spans="8:8">
      <c r="H32692" s="12"/>
    </row>
    <row r="32693" spans="8:8">
      <c r="H32693" s="12"/>
    </row>
    <row r="32694" spans="8:8">
      <c r="H32694" s="12"/>
    </row>
    <row r="32695" spans="8:8">
      <c r="H32695" s="12"/>
    </row>
    <row r="32696" spans="8:8">
      <c r="H32696" s="12"/>
    </row>
    <row r="32697" spans="8:8">
      <c r="H32697" s="12"/>
    </row>
    <row r="32698" spans="8:8">
      <c r="H32698" s="12"/>
    </row>
    <row r="32699" spans="8:8">
      <c r="H32699" s="12"/>
    </row>
    <row r="32700" spans="8:8">
      <c r="H32700" s="12"/>
    </row>
    <row r="32701" spans="8:8">
      <c r="H32701" s="12"/>
    </row>
    <row r="32702" spans="8:8">
      <c r="H32702" s="12"/>
    </row>
    <row r="32703" spans="8:8">
      <c r="H32703" s="12"/>
    </row>
    <row r="32704" spans="8:8">
      <c r="H32704" s="12"/>
    </row>
    <row r="32705" spans="8:8">
      <c r="H32705" s="12"/>
    </row>
    <row r="32706" spans="8:8">
      <c r="H32706" s="12"/>
    </row>
    <row r="32707" spans="8:8">
      <c r="H32707" s="12"/>
    </row>
    <row r="32708" spans="8:8">
      <c r="H32708" s="12"/>
    </row>
    <row r="32709" spans="8:8">
      <c r="H32709" s="12"/>
    </row>
    <row r="32710" spans="8:8">
      <c r="H32710" s="12"/>
    </row>
    <row r="32711" spans="8:8">
      <c r="H32711" s="12"/>
    </row>
    <row r="32712" spans="8:8">
      <c r="H32712" s="12"/>
    </row>
    <row r="32713" spans="8:8">
      <c r="H32713" s="12"/>
    </row>
    <row r="32714" spans="8:8">
      <c r="H32714" s="12"/>
    </row>
    <row r="32715" spans="8:8">
      <c r="H32715" s="12"/>
    </row>
    <row r="32716" spans="8:8">
      <c r="H32716" s="12"/>
    </row>
    <row r="32717" spans="8:8">
      <c r="H32717" s="12"/>
    </row>
    <row r="32718" spans="8:8">
      <c r="H32718" s="12"/>
    </row>
    <row r="32719" spans="8:8">
      <c r="H32719" s="12"/>
    </row>
    <row r="32720" spans="8:8">
      <c r="H32720" s="12"/>
    </row>
    <row r="32721" spans="8:8">
      <c r="H32721" s="12"/>
    </row>
    <row r="32722" spans="8:8">
      <c r="H32722" s="12"/>
    </row>
    <row r="32723" spans="8:8">
      <c r="H32723" s="12"/>
    </row>
    <row r="32724" spans="8:8">
      <c r="H32724" s="12"/>
    </row>
    <row r="32725" spans="8:8">
      <c r="H32725" s="12"/>
    </row>
    <row r="32726" spans="8:8">
      <c r="H32726" s="12"/>
    </row>
    <row r="32727" spans="8:8">
      <c r="H32727" s="12"/>
    </row>
    <row r="32728" spans="8:8">
      <c r="H32728" s="12"/>
    </row>
    <row r="32729" spans="8:8">
      <c r="H32729" s="12"/>
    </row>
    <row r="32730" spans="8:8">
      <c r="H32730" s="12"/>
    </row>
    <row r="32731" spans="8:8">
      <c r="H32731" s="12"/>
    </row>
    <row r="32732" spans="8:8">
      <c r="H32732" s="12"/>
    </row>
    <row r="32733" spans="8:8">
      <c r="H32733" s="12"/>
    </row>
    <row r="32734" spans="8:8">
      <c r="H32734" s="12"/>
    </row>
    <row r="32735" spans="8:8">
      <c r="H32735" s="12"/>
    </row>
    <row r="32736" spans="8:8">
      <c r="H32736" s="12"/>
    </row>
    <row r="32737" spans="8:8">
      <c r="H32737" s="12"/>
    </row>
    <row r="32738" spans="8:8">
      <c r="H32738" s="12"/>
    </row>
    <row r="32739" spans="8:8">
      <c r="H32739" s="12"/>
    </row>
    <row r="32740" spans="8:8">
      <c r="H32740" s="12"/>
    </row>
    <row r="32741" spans="8:8">
      <c r="H32741" s="12"/>
    </row>
    <row r="32742" spans="8:8">
      <c r="H32742" s="12"/>
    </row>
    <row r="32743" spans="8:8">
      <c r="H32743" s="12"/>
    </row>
    <row r="32744" spans="8:8">
      <c r="H32744" s="12"/>
    </row>
    <row r="32745" spans="8:8">
      <c r="H32745" s="12"/>
    </row>
    <row r="32746" spans="8:8">
      <c r="H32746" s="12"/>
    </row>
    <row r="32747" spans="8:8">
      <c r="H32747" s="12"/>
    </row>
    <row r="32748" spans="8:8">
      <c r="H32748" s="12"/>
    </row>
    <row r="32749" spans="8:8">
      <c r="H32749" s="12"/>
    </row>
    <row r="32750" spans="8:8">
      <c r="H32750" s="12"/>
    </row>
    <row r="32751" spans="8:8">
      <c r="H32751" s="12"/>
    </row>
    <row r="32752" spans="8:8">
      <c r="H32752" s="12"/>
    </row>
    <row r="32753" spans="8:8">
      <c r="H32753" s="12"/>
    </row>
    <row r="32754" spans="8:8">
      <c r="H32754" s="12"/>
    </row>
    <row r="32755" spans="8:8">
      <c r="H32755" s="12"/>
    </row>
    <row r="32756" spans="8:8">
      <c r="H32756" s="12"/>
    </row>
    <row r="32757" spans="8:8">
      <c r="H32757" s="12"/>
    </row>
    <row r="32758" spans="8:8">
      <c r="H32758" s="12"/>
    </row>
    <row r="32759" spans="8:8">
      <c r="H32759" s="12"/>
    </row>
    <row r="32760" spans="8:8">
      <c r="H32760" s="12"/>
    </row>
    <row r="32761" spans="8:8">
      <c r="H32761" s="12"/>
    </row>
    <row r="32762" spans="8:8">
      <c r="H32762" s="12"/>
    </row>
    <row r="32763" spans="8:8">
      <c r="H32763" s="12"/>
    </row>
    <row r="32764" spans="8:8">
      <c r="H32764" s="12"/>
    </row>
    <row r="32765" spans="8:8">
      <c r="H32765" s="12"/>
    </row>
    <row r="32766" spans="8:8">
      <c r="H32766" s="12"/>
    </row>
    <row r="32767" spans="8:8">
      <c r="H32767" s="12"/>
    </row>
    <row r="32768" spans="8:8">
      <c r="H32768" s="12"/>
    </row>
    <row r="32769" spans="8:8">
      <c r="H32769" s="12"/>
    </row>
    <row r="32770" spans="8:8">
      <c r="H32770" s="12"/>
    </row>
    <row r="32771" spans="8:8">
      <c r="H32771" s="12"/>
    </row>
    <row r="32772" spans="8:8">
      <c r="H32772" s="12"/>
    </row>
    <row r="32773" spans="8:8">
      <c r="H32773" s="12"/>
    </row>
    <row r="32774" spans="8:8">
      <c r="H32774" s="12"/>
    </row>
    <row r="32775" spans="8:8">
      <c r="H32775" s="12"/>
    </row>
    <row r="32776" spans="8:8">
      <c r="H32776" s="12"/>
    </row>
    <row r="32777" spans="8:8">
      <c r="H32777" s="12"/>
    </row>
    <row r="32778" spans="8:8">
      <c r="H32778" s="12"/>
    </row>
    <row r="32779" spans="8:8">
      <c r="H32779" s="12"/>
    </row>
    <row r="32780" spans="8:8">
      <c r="H32780" s="12"/>
    </row>
    <row r="32781" spans="8:8">
      <c r="H32781" s="12"/>
    </row>
    <row r="32782" spans="8:8">
      <c r="H32782" s="12"/>
    </row>
    <row r="32783" spans="8:8">
      <c r="H32783" s="12"/>
    </row>
    <row r="32784" spans="8:8">
      <c r="H32784" s="12"/>
    </row>
    <row r="32785" spans="8:8">
      <c r="H32785" s="12"/>
    </row>
    <row r="32786" spans="8:8">
      <c r="H32786" s="12"/>
    </row>
    <row r="32787" spans="8:8">
      <c r="H32787" s="12"/>
    </row>
    <row r="32788" spans="8:8">
      <c r="H32788" s="12"/>
    </row>
    <row r="32789" spans="8:8">
      <c r="H32789" s="12"/>
    </row>
    <row r="32790" spans="8:8">
      <c r="H32790" s="12"/>
    </row>
    <row r="32791" spans="8:8">
      <c r="H32791" s="12"/>
    </row>
    <row r="32792" spans="8:8">
      <c r="H32792" s="12"/>
    </row>
    <row r="32793" spans="8:8">
      <c r="H32793" s="12"/>
    </row>
    <row r="32794" spans="8:8">
      <c r="H32794" s="12"/>
    </row>
    <row r="32795" spans="8:8">
      <c r="H32795" s="12"/>
    </row>
    <row r="32796" spans="8:8">
      <c r="H32796" s="12"/>
    </row>
    <row r="32797" spans="8:8">
      <c r="H32797" s="12"/>
    </row>
    <row r="32798" spans="8:8">
      <c r="H32798" s="12"/>
    </row>
    <row r="32799" spans="8:8">
      <c r="H32799" s="12"/>
    </row>
    <row r="32800" spans="8:8">
      <c r="H32800" s="12"/>
    </row>
    <row r="32801" spans="8:8">
      <c r="H32801" s="12"/>
    </row>
    <row r="32802" spans="8:8">
      <c r="H32802" s="12"/>
    </row>
    <row r="32803" spans="8:8">
      <c r="H32803" s="12"/>
    </row>
    <row r="32804" spans="8:8">
      <c r="H32804" s="12"/>
    </row>
    <row r="32805" spans="8:8">
      <c r="H32805" s="12"/>
    </row>
    <row r="32806" spans="8:8">
      <c r="H32806" s="12"/>
    </row>
    <row r="32807" spans="8:8">
      <c r="H32807" s="12"/>
    </row>
    <row r="32808" spans="8:8">
      <c r="H32808" s="12"/>
    </row>
    <row r="32809" spans="8:8">
      <c r="H32809" s="12"/>
    </row>
    <row r="32810" spans="8:8">
      <c r="H32810" s="12"/>
    </row>
    <row r="32811" spans="8:8">
      <c r="H32811" s="12"/>
    </row>
    <row r="32812" spans="8:8">
      <c r="H32812" s="12"/>
    </row>
    <row r="32813" spans="8:8">
      <c r="H32813" s="12"/>
    </row>
    <row r="32814" spans="8:8">
      <c r="H32814" s="12"/>
    </row>
    <row r="32815" spans="8:8">
      <c r="H32815" s="12"/>
    </row>
    <row r="32816" spans="8:8">
      <c r="H32816" s="12"/>
    </row>
    <row r="32817" spans="8:8">
      <c r="H32817" s="12"/>
    </row>
    <row r="32818" spans="8:8">
      <c r="H32818" s="12"/>
    </row>
    <row r="32819" spans="8:8">
      <c r="H32819" s="12"/>
    </row>
    <row r="32820" spans="8:8">
      <c r="H32820" s="12"/>
    </row>
    <row r="32821" spans="8:8">
      <c r="H32821" s="12"/>
    </row>
    <row r="32822" spans="8:8">
      <c r="H32822" s="12"/>
    </row>
    <row r="32823" spans="8:8">
      <c r="H32823" s="12"/>
    </row>
    <row r="32824" spans="8:8">
      <c r="H32824" s="12"/>
    </row>
    <row r="32825" spans="8:8">
      <c r="H32825" s="12"/>
    </row>
    <row r="32826" spans="8:8">
      <c r="H32826" s="12"/>
    </row>
    <row r="32827" spans="8:8">
      <c r="H32827" s="12"/>
    </row>
    <row r="32828" spans="8:8">
      <c r="H32828" s="12"/>
    </row>
    <row r="32829" spans="8:8">
      <c r="H32829" s="12"/>
    </row>
    <row r="32830" spans="8:8">
      <c r="H32830" s="12"/>
    </row>
    <row r="32831" spans="8:8">
      <c r="H32831" s="12"/>
    </row>
    <row r="32832" spans="8:8">
      <c r="H32832" s="12"/>
    </row>
    <row r="32833" spans="8:8">
      <c r="H32833" s="12"/>
    </row>
    <row r="32834" spans="8:8">
      <c r="H32834" s="12"/>
    </row>
    <row r="32835" spans="8:8">
      <c r="H32835" s="12"/>
    </row>
    <row r="32836" spans="8:8">
      <c r="H32836" s="12"/>
    </row>
    <row r="32837" spans="8:8">
      <c r="H32837" s="12"/>
    </row>
    <row r="32838" spans="8:8">
      <c r="H32838" s="12"/>
    </row>
    <row r="32839" spans="8:8">
      <c r="H32839" s="12"/>
    </row>
    <row r="32840" spans="8:8">
      <c r="H32840" s="12"/>
    </row>
    <row r="32841" spans="8:8">
      <c r="H32841" s="12"/>
    </row>
    <row r="32842" spans="8:8">
      <c r="H32842" s="12"/>
    </row>
    <row r="32843" spans="8:8">
      <c r="H32843" s="12"/>
    </row>
    <row r="32844" spans="8:8">
      <c r="H32844" s="12"/>
    </row>
    <row r="32845" spans="8:8">
      <c r="H32845" s="12"/>
    </row>
    <row r="32846" spans="8:8">
      <c r="H32846" s="12"/>
    </row>
    <row r="32847" spans="8:8">
      <c r="H32847" s="12"/>
    </row>
    <row r="32848" spans="8:8">
      <c r="H32848" s="12"/>
    </row>
    <row r="32849" spans="8:8">
      <c r="H32849" s="12"/>
    </row>
    <row r="32850" spans="8:8">
      <c r="H32850" s="12"/>
    </row>
    <row r="32851" spans="8:8">
      <c r="H32851" s="12"/>
    </row>
    <row r="32852" spans="8:8">
      <c r="H32852" s="12"/>
    </row>
    <row r="32853" spans="8:8">
      <c r="H32853" s="12"/>
    </row>
    <row r="32854" spans="8:8">
      <c r="H32854" s="12"/>
    </row>
    <row r="32855" spans="8:8">
      <c r="H32855" s="12"/>
    </row>
    <row r="32856" spans="8:8">
      <c r="H32856" s="12"/>
    </row>
    <row r="32857" spans="8:8">
      <c r="H32857" s="12"/>
    </row>
    <row r="32858" spans="8:8">
      <c r="H32858" s="12"/>
    </row>
    <row r="32859" spans="8:8">
      <c r="H32859" s="12"/>
    </row>
    <row r="32860" spans="8:8">
      <c r="H32860" s="12"/>
    </row>
    <row r="32861" spans="8:8">
      <c r="H32861" s="12"/>
    </row>
    <row r="32862" spans="8:8">
      <c r="H32862" s="12"/>
    </row>
    <row r="32863" spans="8:8">
      <c r="H32863" s="12"/>
    </row>
    <row r="32864" spans="8:8">
      <c r="H32864" s="12"/>
    </row>
    <row r="32865" spans="8:8">
      <c r="H32865" s="12"/>
    </row>
    <row r="32866" spans="8:8">
      <c r="H32866" s="12"/>
    </row>
    <row r="32867" spans="8:8">
      <c r="H32867" s="12"/>
    </row>
    <row r="32868" spans="8:8">
      <c r="H32868" s="12"/>
    </row>
    <row r="32869" spans="8:8">
      <c r="H32869" s="12"/>
    </row>
    <row r="32870" spans="8:8">
      <c r="H32870" s="12"/>
    </row>
    <row r="32871" spans="8:8">
      <c r="H32871" s="12"/>
    </row>
    <row r="32872" spans="8:8">
      <c r="H32872" s="12"/>
    </row>
    <row r="32873" spans="8:8">
      <c r="H32873" s="12"/>
    </row>
    <row r="32874" spans="8:8">
      <c r="H32874" s="12"/>
    </row>
    <row r="32875" spans="8:8">
      <c r="H32875" s="12"/>
    </row>
    <row r="32876" spans="8:8">
      <c r="H32876" s="12"/>
    </row>
    <row r="32877" spans="8:8">
      <c r="H32877" s="12"/>
    </row>
    <row r="32878" spans="8:8">
      <c r="H32878" s="12"/>
    </row>
    <row r="32879" spans="8:8">
      <c r="H32879" s="12"/>
    </row>
    <row r="32880" spans="8:8">
      <c r="H32880" s="12"/>
    </row>
    <row r="32881" spans="8:8">
      <c r="H32881" s="12"/>
    </row>
    <row r="32882" spans="8:8">
      <c r="H32882" s="12"/>
    </row>
    <row r="32883" spans="8:8">
      <c r="H32883" s="12"/>
    </row>
    <row r="32884" spans="8:8">
      <c r="H32884" s="12"/>
    </row>
    <row r="32885" spans="8:8">
      <c r="H32885" s="12"/>
    </row>
    <row r="32886" spans="8:8">
      <c r="H32886" s="12"/>
    </row>
    <row r="32887" spans="8:8">
      <c r="H32887" s="12"/>
    </row>
    <row r="32888" spans="8:8">
      <c r="H32888" s="12"/>
    </row>
    <row r="32889" spans="8:8">
      <c r="H32889" s="12"/>
    </row>
    <row r="32890" spans="8:8">
      <c r="H32890" s="12"/>
    </row>
    <row r="32891" spans="8:8">
      <c r="H32891" s="12"/>
    </row>
    <row r="32892" spans="8:8">
      <c r="H32892" s="12"/>
    </row>
    <row r="32893" spans="8:8">
      <c r="H32893" s="12"/>
    </row>
    <row r="32894" spans="8:8">
      <c r="H32894" s="12"/>
    </row>
    <row r="32895" spans="8:8">
      <c r="H32895" s="12"/>
    </row>
    <row r="32896" spans="8:8">
      <c r="H32896" s="12"/>
    </row>
    <row r="32897" spans="8:8">
      <c r="H32897" s="12"/>
    </row>
    <row r="32898" spans="8:8">
      <c r="H32898" s="12"/>
    </row>
    <row r="32899" spans="8:8">
      <c r="H32899" s="12"/>
    </row>
    <row r="32900" spans="8:8">
      <c r="H32900" s="12"/>
    </row>
    <row r="32901" spans="8:8">
      <c r="H32901" s="12"/>
    </row>
    <row r="32902" spans="8:8">
      <c r="H32902" s="12"/>
    </row>
    <row r="32903" spans="8:8">
      <c r="H32903" s="12"/>
    </row>
    <row r="32904" spans="8:8">
      <c r="H32904" s="12"/>
    </row>
    <row r="32905" spans="8:8">
      <c r="H32905" s="12"/>
    </row>
    <row r="32906" spans="8:8">
      <c r="H32906" s="12"/>
    </row>
    <row r="32907" spans="8:8">
      <c r="H32907" s="12"/>
    </row>
    <row r="32908" spans="8:8">
      <c r="H32908" s="12"/>
    </row>
    <row r="32909" spans="8:8">
      <c r="H32909" s="12"/>
    </row>
    <row r="32910" spans="8:8">
      <c r="H32910" s="12"/>
    </row>
    <row r="32911" spans="8:8">
      <c r="H32911" s="12"/>
    </row>
    <row r="32912" spans="8:8">
      <c r="H32912" s="12"/>
    </row>
    <row r="32913" spans="8:8">
      <c r="H32913" s="12"/>
    </row>
    <row r="32914" spans="8:8">
      <c r="H32914" s="12"/>
    </row>
    <row r="32915" spans="8:8">
      <c r="H32915" s="12"/>
    </row>
    <row r="32916" spans="8:8">
      <c r="H32916" s="12"/>
    </row>
    <row r="32917" spans="8:8">
      <c r="H32917" s="12"/>
    </row>
    <row r="32918" spans="8:8">
      <c r="H32918" s="12"/>
    </row>
    <row r="32919" spans="8:8">
      <c r="H32919" s="12"/>
    </row>
    <row r="32920" spans="8:8">
      <c r="H32920" s="12"/>
    </row>
    <row r="32921" spans="8:8">
      <c r="H32921" s="12"/>
    </row>
    <row r="32922" spans="8:8">
      <c r="H32922" s="12"/>
    </row>
    <row r="32923" spans="8:8">
      <c r="H32923" s="12"/>
    </row>
    <row r="32924" spans="8:8">
      <c r="H32924" s="12"/>
    </row>
    <row r="32925" spans="8:8">
      <c r="H32925" s="12"/>
    </row>
    <row r="32926" spans="8:8">
      <c r="H32926" s="12"/>
    </row>
    <row r="32927" spans="8:8">
      <c r="H32927" s="12"/>
    </row>
    <row r="32928" spans="8:8">
      <c r="H32928" s="12"/>
    </row>
    <row r="32929" spans="8:8">
      <c r="H32929" s="12"/>
    </row>
    <row r="32930" spans="8:8">
      <c r="H32930" s="12"/>
    </row>
    <row r="32931" spans="8:8">
      <c r="H32931" s="12"/>
    </row>
    <row r="32932" spans="8:8">
      <c r="H32932" s="12"/>
    </row>
    <row r="32933" spans="8:8">
      <c r="H32933" s="12"/>
    </row>
    <row r="32934" spans="8:8">
      <c r="H32934" s="12"/>
    </row>
    <row r="32935" spans="8:8">
      <c r="H32935" s="12"/>
    </row>
    <row r="32936" spans="8:8">
      <c r="H32936" s="12"/>
    </row>
    <row r="32937" spans="8:8">
      <c r="H32937" s="12"/>
    </row>
    <row r="32938" spans="8:8">
      <c r="H32938" s="12"/>
    </row>
    <row r="32939" spans="8:8">
      <c r="H32939" s="12"/>
    </row>
    <row r="32940" spans="8:8">
      <c r="H32940" s="12"/>
    </row>
    <row r="32941" spans="8:8">
      <c r="H32941" s="12"/>
    </row>
    <row r="32942" spans="8:8">
      <c r="H32942" s="12"/>
    </row>
    <row r="32943" spans="8:8">
      <c r="H32943" s="12"/>
    </row>
    <row r="32944" spans="8:8">
      <c r="H32944" s="12"/>
    </row>
    <row r="32945" spans="8:8">
      <c r="H32945" s="12"/>
    </row>
    <row r="32946" spans="8:8">
      <c r="H32946" s="12"/>
    </row>
    <row r="32947" spans="8:8">
      <c r="H32947" s="12"/>
    </row>
    <row r="32948" spans="8:8">
      <c r="H32948" s="12"/>
    </row>
    <row r="32949" spans="8:8">
      <c r="H32949" s="12"/>
    </row>
    <row r="32950" spans="8:8">
      <c r="H32950" s="12"/>
    </row>
    <row r="32951" spans="8:8">
      <c r="H32951" s="12"/>
    </row>
    <row r="32952" spans="8:8">
      <c r="H32952" s="12"/>
    </row>
    <row r="32953" spans="8:8">
      <c r="H32953" s="12"/>
    </row>
    <row r="32954" spans="8:8">
      <c r="H32954" s="12"/>
    </row>
    <row r="32955" spans="8:8">
      <c r="H32955" s="12"/>
    </row>
    <row r="32956" spans="8:8">
      <c r="H32956" s="12"/>
    </row>
    <row r="32957" spans="8:8">
      <c r="H32957" s="12"/>
    </row>
    <row r="32958" spans="8:8">
      <c r="H32958" s="12"/>
    </row>
    <row r="32959" spans="8:8">
      <c r="H32959" s="12"/>
    </row>
    <row r="32960" spans="8:8">
      <c r="H32960" s="12"/>
    </row>
    <row r="32961" spans="8:8">
      <c r="H32961" s="12"/>
    </row>
    <row r="32962" spans="8:8">
      <c r="H32962" s="12"/>
    </row>
    <row r="32963" spans="8:8">
      <c r="H32963" s="12"/>
    </row>
    <row r="32964" spans="8:8">
      <c r="H32964" s="12"/>
    </row>
    <row r="32965" spans="8:8">
      <c r="H32965" s="12"/>
    </row>
    <row r="32966" spans="8:8">
      <c r="H32966" s="12"/>
    </row>
    <row r="32967" spans="8:8">
      <c r="H32967" s="12"/>
    </row>
    <row r="32968" spans="8:8">
      <c r="H32968" s="12"/>
    </row>
    <row r="32969" spans="8:8">
      <c r="H32969" s="12"/>
    </row>
    <row r="32970" spans="8:8">
      <c r="H32970" s="12"/>
    </row>
    <row r="32971" spans="8:8">
      <c r="H32971" s="12"/>
    </row>
    <row r="32972" spans="8:8">
      <c r="H32972" s="12"/>
    </row>
    <row r="32973" spans="8:8">
      <c r="H32973" s="12"/>
    </row>
    <row r="32974" spans="8:8">
      <c r="H32974" s="12"/>
    </row>
    <row r="32975" spans="8:8">
      <c r="H32975" s="12"/>
    </row>
    <row r="32976" spans="8:8">
      <c r="H32976" s="12"/>
    </row>
    <row r="32977" spans="8:8">
      <c r="H32977" s="12"/>
    </row>
    <row r="32978" spans="8:8">
      <c r="H32978" s="12"/>
    </row>
    <row r="32979" spans="8:8">
      <c r="H32979" s="12"/>
    </row>
    <row r="32980" spans="8:8">
      <c r="H32980" s="12"/>
    </row>
    <row r="32981" spans="8:8">
      <c r="H32981" s="12"/>
    </row>
    <row r="32982" spans="8:8">
      <c r="H32982" s="12"/>
    </row>
    <row r="32983" spans="8:8">
      <c r="H32983" s="12"/>
    </row>
    <row r="32984" spans="8:8">
      <c r="H32984" s="12"/>
    </row>
    <row r="32985" spans="8:8">
      <c r="H32985" s="12"/>
    </row>
    <row r="32986" spans="8:8">
      <c r="H32986" s="12"/>
    </row>
    <row r="32987" spans="8:8">
      <c r="H32987" s="12"/>
    </row>
    <row r="32988" spans="8:8">
      <c r="H32988" s="12"/>
    </row>
    <row r="32989" spans="8:8">
      <c r="H32989" s="12"/>
    </row>
    <row r="32990" spans="8:8">
      <c r="H32990" s="12"/>
    </row>
    <row r="32991" spans="8:8">
      <c r="H32991" s="12"/>
    </row>
    <row r="32992" spans="8:8">
      <c r="H32992" s="12"/>
    </row>
    <row r="32993" spans="8:8">
      <c r="H32993" s="12"/>
    </row>
    <row r="32994" spans="8:8">
      <c r="H32994" s="12"/>
    </row>
    <row r="32995" spans="8:8">
      <c r="H32995" s="12"/>
    </row>
    <row r="32996" spans="8:8">
      <c r="H32996" s="12"/>
    </row>
    <row r="32997" spans="8:8">
      <c r="H32997" s="12"/>
    </row>
    <row r="32998" spans="8:8">
      <c r="H32998" s="12"/>
    </row>
    <row r="32999" spans="8:8">
      <c r="H32999" s="12"/>
    </row>
    <row r="33000" spans="8:8">
      <c r="H33000" s="12"/>
    </row>
    <row r="33001" spans="8:8">
      <c r="H33001" s="12"/>
    </row>
    <row r="33002" spans="8:8">
      <c r="H33002" s="12"/>
    </row>
    <row r="33003" spans="8:8">
      <c r="H33003" s="12"/>
    </row>
    <row r="33004" spans="8:8">
      <c r="H33004" s="12"/>
    </row>
    <row r="33005" spans="8:8">
      <c r="H33005" s="12"/>
    </row>
    <row r="33006" spans="8:8">
      <c r="H33006" s="12"/>
    </row>
    <row r="33007" spans="8:8">
      <c r="H33007" s="12"/>
    </row>
    <row r="33008" spans="8:8">
      <c r="H33008" s="12"/>
    </row>
    <row r="33009" spans="8:8">
      <c r="H33009" s="12"/>
    </row>
    <row r="33010" spans="8:8">
      <c r="H33010" s="12"/>
    </row>
    <row r="33011" spans="8:8">
      <c r="H33011" s="12"/>
    </row>
    <row r="33012" spans="8:8">
      <c r="H33012" s="12"/>
    </row>
    <row r="33013" spans="8:8">
      <c r="H33013" s="12"/>
    </row>
    <row r="33014" spans="8:8">
      <c r="H33014" s="12"/>
    </row>
    <row r="33015" spans="8:8">
      <c r="H33015" s="12"/>
    </row>
    <row r="33016" spans="8:8">
      <c r="H33016" s="12"/>
    </row>
    <row r="33017" spans="8:8">
      <c r="H33017" s="12"/>
    </row>
    <row r="33018" spans="8:8">
      <c r="H33018" s="12"/>
    </row>
    <row r="33019" spans="8:8">
      <c r="H33019" s="12"/>
    </row>
    <row r="33020" spans="8:8">
      <c r="H33020" s="12"/>
    </row>
    <row r="33021" spans="8:8">
      <c r="H33021" s="12"/>
    </row>
    <row r="33022" spans="8:8">
      <c r="H33022" s="12"/>
    </row>
    <row r="33023" spans="8:8">
      <c r="H33023" s="12"/>
    </row>
    <row r="33024" spans="8:8">
      <c r="H33024" s="12"/>
    </row>
    <row r="33025" spans="8:8">
      <c r="H33025" s="12"/>
    </row>
    <row r="33026" spans="8:8">
      <c r="H33026" s="12"/>
    </row>
    <row r="33027" spans="8:8">
      <c r="H33027" s="12"/>
    </row>
    <row r="33028" spans="8:8">
      <c r="H33028" s="12"/>
    </row>
    <row r="33029" spans="8:8">
      <c r="H33029" s="12"/>
    </row>
    <row r="33030" spans="8:8">
      <c r="H33030" s="12"/>
    </row>
    <row r="33031" spans="8:8">
      <c r="H33031" s="12"/>
    </row>
    <row r="33032" spans="8:8">
      <c r="H33032" s="12"/>
    </row>
    <row r="33033" spans="8:8">
      <c r="H33033" s="12"/>
    </row>
    <row r="33034" spans="8:8">
      <c r="H33034" s="12"/>
    </row>
    <row r="33035" spans="8:8">
      <c r="H33035" s="12"/>
    </row>
    <row r="33036" spans="8:8">
      <c r="H33036" s="12"/>
    </row>
    <row r="33037" spans="8:8">
      <c r="H33037" s="12"/>
    </row>
    <row r="33038" spans="8:8">
      <c r="H33038" s="12"/>
    </row>
    <row r="33039" spans="8:8">
      <c r="H33039" s="12"/>
    </row>
    <row r="33040" spans="8:8">
      <c r="H33040" s="12"/>
    </row>
    <row r="33041" spans="8:8">
      <c r="H33041" s="12"/>
    </row>
    <row r="33042" spans="8:8">
      <c r="H33042" s="12"/>
    </row>
    <row r="33043" spans="8:8">
      <c r="H33043" s="12"/>
    </row>
    <row r="33044" spans="8:8">
      <c r="H33044" s="12"/>
    </row>
    <row r="33045" spans="8:8">
      <c r="H33045" s="12"/>
    </row>
    <row r="33046" spans="8:8">
      <c r="H33046" s="12"/>
    </row>
    <row r="33047" spans="8:8">
      <c r="H33047" s="12"/>
    </row>
    <row r="33048" spans="8:8">
      <c r="H33048" s="12"/>
    </row>
    <row r="33049" spans="8:8">
      <c r="H33049" s="12"/>
    </row>
    <row r="33050" spans="8:8">
      <c r="H33050" s="12"/>
    </row>
    <row r="33051" spans="8:8">
      <c r="H33051" s="12"/>
    </row>
    <row r="33052" spans="8:8">
      <c r="H33052" s="12"/>
    </row>
    <row r="33053" spans="8:8">
      <c r="H33053" s="12"/>
    </row>
    <row r="33054" spans="8:8">
      <c r="H33054" s="12"/>
    </row>
    <row r="33055" spans="8:8">
      <c r="H33055" s="12"/>
    </row>
    <row r="33056" spans="8:8">
      <c r="H33056" s="12"/>
    </row>
    <row r="33057" spans="8:8">
      <c r="H33057" s="12"/>
    </row>
    <row r="33058" spans="8:8">
      <c r="H33058" s="12"/>
    </row>
    <row r="33059" spans="8:8">
      <c r="H33059" s="12"/>
    </row>
    <row r="33060" spans="8:8">
      <c r="H33060" s="12"/>
    </row>
    <row r="33061" spans="8:8">
      <c r="H33061" s="12"/>
    </row>
    <row r="33062" spans="8:8">
      <c r="H33062" s="12"/>
    </row>
    <row r="33063" spans="8:8">
      <c r="H33063" s="12"/>
    </row>
    <row r="33064" spans="8:8">
      <c r="H33064" s="12"/>
    </row>
    <row r="33065" spans="8:8">
      <c r="H33065" s="12"/>
    </row>
    <row r="33066" spans="8:8">
      <c r="H33066" s="12"/>
    </row>
    <row r="33067" spans="8:8">
      <c r="H33067" s="12"/>
    </row>
    <row r="33068" spans="8:8">
      <c r="H33068" s="12"/>
    </row>
    <row r="33069" spans="8:8">
      <c r="H33069" s="12"/>
    </row>
    <row r="33070" spans="8:8">
      <c r="H33070" s="12"/>
    </row>
    <row r="33071" spans="8:8">
      <c r="H33071" s="12"/>
    </row>
    <row r="33072" spans="8:8">
      <c r="H33072" s="12"/>
    </row>
    <row r="33073" spans="8:8">
      <c r="H33073" s="12"/>
    </row>
    <row r="33074" spans="8:8">
      <c r="H33074" s="12"/>
    </row>
    <row r="33075" spans="8:8">
      <c r="H33075" s="12"/>
    </row>
    <row r="33076" spans="8:8">
      <c r="H33076" s="12"/>
    </row>
    <row r="33077" spans="8:8">
      <c r="H33077" s="12"/>
    </row>
    <row r="33078" spans="8:8">
      <c r="H33078" s="12"/>
    </row>
    <row r="33079" spans="8:8">
      <c r="H33079" s="12"/>
    </row>
    <row r="33080" spans="8:8">
      <c r="H33080" s="12"/>
    </row>
    <row r="33081" spans="8:8">
      <c r="H33081" s="12"/>
    </row>
    <row r="33082" spans="8:8">
      <c r="H33082" s="12"/>
    </row>
    <row r="33083" spans="8:8">
      <c r="H33083" s="12"/>
    </row>
    <row r="33084" spans="8:8">
      <c r="H33084" s="12"/>
    </row>
    <row r="33085" spans="8:8">
      <c r="H33085" s="12"/>
    </row>
    <row r="33086" spans="8:8">
      <c r="H33086" s="12"/>
    </row>
    <row r="33087" spans="8:8">
      <c r="H33087" s="12"/>
    </row>
    <row r="33088" spans="8:8">
      <c r="H33088" s="12"/>
    </row>
    <row r="33089" spans="8:8">
      <c r="H33089" s="12"/>
    </row>
    <row r="33090" spans="8:8">
      <c r="H33090" s="12"/>
    </row>
    <row r="33091" spans="8:8">
      <c r="H33091" s="12"/>
    </row>
    <row r="33092" spans="8:8">
      <c r="H33092" s="12"/>
    </row>
    <row r="33093" spans="8:8">
      <c r="H33093" s="12"/>
    </row>
    <row r="33094" spans="8:8">
      <c r="H33094" s="12"/>
    </row>
    <row r="33095" spans="8:8">
      <c r="H33095" s="12"/>
    </row>
    <row r="33096" spans="8:8">
      <c r="H33096" s="12"/>
    </row>
    <row r="33097" spans="8:8">
      <c r="H33097" s="12"/>
    </row>
    <row r="33098" spans="8:8">
      <c r="H33098" s="12"/>
    </row>
    <row r="33099" spans="8:8">
      <c r="H33099" s="12"/>
    </row>
    <row r="33100" spans="8:8">
      <c r="H33100" s="12"/>
    </row>
    <row r="33101" spans="8:8">
      <c r="H33101" s="12"/>
    </row>
    <row r="33102" spans="8:8">
      <c r="H33102" s="12"/>
    </row>
    <row r="33103" spans="8:8">
      <c r="H33103" s="12"/>
    </row>
    <row r="33104" spans="8:8">
      <c r="H33104" s="12"/>
    </row>
    <row r="33105" spans="8:8">
      <c r="H33105" s="12"/>
    </row>
    <row r="33106" spans="8:8">
      <c r="H33106" s="12"/>
    </row>
    <row r="33107" spans="8:8">
      <c r="H33107" s="12"/>
    </row>
    <row r="33108" spans="8:8">
      <c r="H33108" s="12"/>
    </row>
    <row r="33109" spans="8:8">
      <c r="H33109" s="12"/>
    </row>
    <row r="33110" spans="8:8">
      <c r="H33110" s="12"/>
    </row>
    <row r="33111" spans="8:8">
      <c r="H33111" s="12"/>
    </row>
    <row r="33112" spans="8:8">
      <c r="H33112" s="12"/>
    </row>
    <row r="33113" spans="8:8">
      <c r="H33113" s="12"/>
    </row>
    <row r="33114" spans="8:8">
      <c r="H33114" s="12"/>
    </row>
    <row r="33115" spans="8:8">
      <c r="H33115" s="12"/>
    </row>
    <row r="33116" spans="8:8">
      <c r="H33116" s="12"/>
    </row>
    <row r="33117" spans="8:8">
      <c r="H33117" s="12"/>
    </row>
    <row r="33118" spans="8:8">
      <c r="H33118" s="12"/>
    </row>
    <row r="33119" spans="8:8">
      <c r="H33119" s="12"/>
    </row>
    <row r="33120" spans="8:8">
      <c r="H33120" s="12"/>
    </row>
    <row r="33121" spans="8:8">
      <c r="H33121" s="12"/>
    </row>
    <row r="33122" spans="8:8">
      <c r="H33122" s="12"/>
    </row>
    <row r="33123" spans="8:8">
      <c r="H33123" s="12"/>
    </row>
    <row r="33124" spans="8:8">
      <c r="H33124" s="12"/>
    </row>
    <row r="33125" spans="8:8">
      <c r="H33125" s="12"/>
    </row>
    <row r="33126" spans="8:8">
      <c r="H33126" s="12"/>
    </row>
    <row r="33127" spans="8:8">
      <c r="H33127" s="12"/>
    </row>
    <row r="33128" spans="8:8">
      <c r="H33128" s="12"/>
    </row>
    <row r="33129" spans="8:8">
      <c r="H33129" s="12"/>
    </row>
    <row r="33130" spans="8:8">
      <c r="H33130" s="12"/>
    </row>
    <row r="33131" spans="8:8">
      <c r="H33131" s="12"/>
    </row>
    <row r="33132" spans="8:8">
      <c r="H33132" s="12"/>
    </row>
    <row r="33133" spans="8:8">
      <c r="H33133" s="12"/>
    </row>
    <row r="33134" spans="8:8">
      <c r="H33134" s="12"/>
    </row>
    <row r="33135" spans="8:8">
      <c r="H33135" s="12"/>
    </row>
    <row r="33136" spans="8:8">
      <c r="H33136" s="12"/>
    </row>
    <row r="33137" spans="8:8">
      <c r="H33137" s="12"/>
    </row>
    <row r="33138" spans="8:8">
      <c r="H33138" s="12"/>
    </row>
    <row r="33139" spans="8:8">
      <c r="H33139" s="12"/>
    </row>
    <row r="33140" spans="8:8">
      <c r="H33140" s="12"/>
    </row>
    <row r="33141" spans="8:8">
      <c r="H33141" s="12"/>
    </row>
    <row r="33142" spans="8:8">
      <c r="H33142" s="12"/>
    </row>
    <row r="33143" spans="8:8">
      <c r="H33143" s="12"/>
    </row>
    <row r="33144" spans="8:8">
      <c r="H33144" s="12"/>
    </row>
    <row r="33145" spans="8:8">
      <c r="H33145" s="12"/>
    </row>
    <row r="33146" spans="8:8">
      <c r="H33146" s="12"/>
    </row>
    <row r="33147" spans="8:8">
      <c r="H33147" s="12"/>
    </row>
    <row r="33148" spans="8:8">
      <c r="H33148" s="12"/>
    </row>
    <row r="33149" spans="8:8">
      <c r="H33149" s="12"/>
    </row>
    <row r="33150" spans="8:8">
      <c r="H33150" s="12"/>
    </row>
    <row r="33151" spans="8:8">
      <c r="H33151" s="12"/>
    </row>
    <row r="33152" spans="8:8">
      <c r="H33152" s="12"/>
    </row>
    <row r="33153" spans="8:8">
      <c r="H33153" s="12"/>
    </row>
    <row r="33154" spans="8:8">
      <c r="H33154" s="12"/>
    </row>
    <row r="33155" spans="8:8">
      <c r="H33155" s="12"/>
    </row>
    <row r="33156" spans="8:8">
      <c r="H33156" s="12"/>
    </row>
    <row r="33157" spans="8:8">
      <c r="H33157" s="12"/>
    </row>
    <row r="33158" spans="8:8">
      <c r="H33158" s="12"/>
    </row>
    <row r="33159" spans="8:8">
      <c r="H33159" s="12"/>
    </row>
    <row r="33160" spans="8:8">
      <c r="H33160" s="12"/>
    </row>
    <row r="33161" spans="8:8">
      <c r="H33161" s="12"/>
    </row>
    <row r="33162" spans="8:8">
      <c r="H33162" s="12"/>
    </row>
    <row r="33163" spans="8:8">
      <c r="H33163" s="12"/>
    </row>
    <row r="33164" spans="8:8">
      <c r="H33164" s="12"/>
    </row>
    <row r="33165" spans="8:8">
      <c r="H33165" s="12"/>
    </row>
    <row r="33166" spans="8:8">
      <c r="H33166" s="12"/>
    </row>
    <row r="33167" spans="8:8">
      <c r="H33167" s="12"/>
    </row>
    <row r="33168" spans="8:8">
      <c r="H33168" s="12"/>
    </row>
    <row r="33169" spans="8:8">
      <c r="H33169" s="12"/>
    </row>
    <row r="33170" spans="8:8">
      <c r="H33170" s="12"/>
    </row>
    <row r="33171" spans="8:8">
      <c r="H33171" s="12"/>
    </row>
    <row r="33172" spans="8:8">
      <c r="H33172" s="12"/>
    </row>
    <row r="33173" spans="8:8">
      <c r="H33173" s="12"/>
    </row>
    <row r="33174" spans="8:8">
      <c r="H33174" s="12"/>
    </row>
    <row r="33175" spans="8:8">
      <c r="H33175" s="12"/>
    </row>
    <row r="33176" spans="8:8">
      <c r="H33176" s="12"/>
    </row>
    <row r="33177" spans="8:8">
      <c r="H33177" s="12"/>
    </row>
    <row r="33178" spans="8:8">
      <c r="H33178" s="12"/>
    </row>
    <row r="33179" spans="8:8">
      <c r="H33179" s="12"/>
    </row>
    <row r="33180" spans="8:8">
      <c r="H33180" s="12"/>
    </row>
    <row r="33181" spans="8:8">
      <c r="H33181" s="12"/>
    </row>
    <row r="33182" spans="8:8">
      <c r="H33182" s="12"/>
    </row>
    <row r="33183" spans="8:8">
      <c r="H33183" s="12"/>
    </row>
    <row r="33184" spans="8:8">
      <c r="H33184" s="12"/>
    </row>
    <row r="33185" spans="8:8">
      <c r="H33185" s="12"/>
    </row>
    <row r="33186" spans="8:8">
      <c r="H33186" s="12"/>
    </row>
    <row r="33187" spans="8:8">
      <c r="H33187" s="12"/>
    </row>
    <row r="33188" spans="8:8">
      <c r="H33188" s="12"/>
    </row>
    <row r="33189" spans="8:8">
      <c r="H33189" s="12"/>
    </row>
    <row r="33190" spans="8:8">
      <c r="H33190" s="12"/>
    </row>
    <row r="33191" spans="8:8">
      <c r="H33191" s="12"/>
    </row>
    <row r="33192" spans="8:8">
      <c r="H33192" s="12"/>
    </row>
    <row r="33193" spans="8:8">
      <c r="H33193" s="12"/>
    </row>
    <row r="33194" spans="8:8">
      <c r="H33194" s="12"/>
    </row>
    <row r="33195" spans="8:8">
      <c r="H33195" s="12"/>
    </row>
    <row r="33196" spans="8:8">
      <c r="H33196" s="12"/>
    </row>
    <row r="33197" spans="8:8">
      <c r="H33197" s="12"/>
    </row>
    <row r="33198" spans="8:8">
      <c r="H33198" s="12"/>
    </row>
    <row r="33199" spans="8:8">
      <c r="H33199" s="12"/>
    </row>
    <row r="33200" spans="8:8">
      <c r="H33200" s="12"/>
    </row>
    <row r="33201" spans="8:8">
      <c r="H33201" s="12"/>
    </row>
    <row r="33202" spans="8:8">
      <c r="H33202" s="12"/>
    </row>
    <row r="33203" spans="8:8">
      <c r="H33203" s="12"/>
    </row>
    <row r="33204" spans="8:8">
      <c r="H33204" s="12"/>
    </row>
    <row r="33205" spans="8:8">
      <c r="H33205" s="12"/>
    </row>
    <row r="33206" spans="8:8">
      <c r="H33206" s="12"/>
    </row>
    <row r="33207" spans="8:8">
      <c r="H33207" s="12"/>
    </row>
    <row r="33208" spans="8:8">
      <c r="H33208" s="12"/>
    </row>
    <row r="33209" spans="8:8">
      <c r="H33209" s="12"/>
    </row>
    <row r="33210" spans="8:8">
      <c r="H33210" s="12"/>
    </row>
    <row r="33211" spans="8:8">
      <c r="H33211" s="12"/>
    </row>
    <row r="33212" spans="8:8">
      <c r="H33212" s="12"/>
    </row>
    <row r="33213" spans="8:8">
      <c r="H33213" s="12"/>
    </row>
    <row r="33214" spans="8:8">
      <c r="H33214" s="12"/>
    </row>
    <row r="33215" spans="8:8">
      <c r="H33215" s="12"/>
    </row>
    <row r="33216" spans="8:8">
      <c r="H33216" s="12"/>
    </row>
    <row r="33217" spans="8:8">
      <c r="H33217" s="12"/>
    </row>
    <row r="33218" spans="8:8">
      <c r="H33218" s="12"/>
    </row>
    <row r="33219" spans="8:8">
      <c r="H33219" s="12"/>
    </row>
    <row r="33220" spans="8:8">
      <c r="H33220" s="12"/>
    </row>
    <row r="33221" spans="8:8">
      <c r="H33221" s="12"/>
    </row>
    <row r="33222" spans="8:8">
      <c r="H33222" s="12"/>
    </row>
    <row r="33223" spans="8:8">
      <c r="H33223" s="12"/>
    </row>
    <row r="33224" spans="8:8">
      <c r="H33224" s="12"/>
    </row>
    <row r="33225" spans="8:8">
      <c r="H33225" s="12"/>
    </row>
    <row r="33226" spans="8:8">
      <c r="H33226" s="12"/>
    </row>
    <row r="33227" spans="8:8">
      <c r="H33227" s="12"/>
    </row>
    <row r="33228" spans="8:8">
      <c r="H33228" s="12"/>
    </row>
    <row r="33229" spans="8:8">
      <c r="H33229" s="12"/>
    </row>
    <row r="33230" spans="8:8">
      <c r="H33230" s="12"/>
    </row>
    <row r="33231" spans="8:8">
      <c r="H33231" s="12"/>
    </row>
    <row r="33232" spans="8:8">
      <c r="H33232" s="12"/>
    </row>
    <row r="33233" spans="8:8">
      <c r="H33233" s="12"/>
    </row>
    <row r="33234" spans="8:8">
      <c r="H33234" s="12"/>
    </row>
    <row r="33235" spans="8:8">
      <c r="H33235" s="12"/>
    </row>
    <row r="33236" spans="8:8">
      <c r="H33236" s="12"/>
    </row>
    <row r="33237" spans="8:8">
      <c r="H33237" s="12"/>
    </row>
    <row r="33238" spans="8:8">
      <c r="H33238" s="12"/>
    </row>
    <row r="33239" spans="8:8">
      <c r="H33239" s="12"/>
    </row>
    <row r="33240" spans="8:8">
      <c r="H33240" s="12"/>
    </row>
    <row r="33241" spans="8:8">
      <c r="H33241" s="12"/>
    </row>
    <row r="33242" spans="8:8">
      <c r="H33242" s="12"/>
    </row>
    <row r="33243" spans="8:8">
      <c r="H33243" s="12"/>
    </row>
    <row r="33244" spans="8:8">
      <c r="H33244" s="12"/>
    </row>
    <row r="33245" spans="8:8">
      <c r="H33245" s="12"/>
    </row>
    <row r="33246" spans="8:8">
      <c r="H33246" s="12"/>
    </row>
    <row r="33247" spans="8:8">
      <c r="H33247" s="12"/>
    </row>
    <row r="33248" spans="8:8">
      <c r="H33248" s="12"/>
    </row>
    <row r="33249" spans="8:8">
      <c r="H33249" s="12"/>
    </row>
    <row r="33250" spans="8:8">
      <c r="H33250" s="12"/>
    </row>
    <row r="33251" spans="8:8">
      <c r="H33251" s="12"/>
    </row>
    <row r="33252" spans="8:8">
      <c r="H33252" s="12"/>
    </row>
    <row r="33253" spans="8:8">
      <c r="H33253" s="12"/>
    </row>
    <row r="33254" spans="8:8">
      <c r="H33254" s="12"/>
    </row>
    <row r="33255" spans="8:8">
      <c r="H33255" s="12"/>
    </row>
    <row r="33256" spans="8:8">
      <c r="H33256" s="12"/>
    </row>
    <row r="33257" spans="8:8">
      <c r="H33257" s="12"/>
    </row>
    <row r="33258" spans="8:8">
      <c r="H33258" s="12"/>
    </row>
    <row r="33259" spans="8:8">
      <c r="H33259" s="12"/>
    </row>
    <row r="33260" spans="8:8">
      <c r="H33260" s="12"/>
    </row>
    <row r="33261" spans="8:8">
      <c r="H33261" s="12"/>
    </row>
    <row r="33262" spans="8:8">
      <c r="H33262" s="12"/>
    </row>
    <row r="33263" spans="8:8">
      <c r="H33263" s="12"/>
    </row>
    <row r="33264" spans="8:8">
      <c r="H33264" s="12"/>
    </row>
    <row r="33265" spans="8:8">
      <c r="H33265" s="12"/>
    </row>
    <row r="33266" spans="8:8">
      <c r="H33266" s="12"/>
    </row>
    <row r="33267" spans="8:8">
      <c r="H33267" s="12"/>
    </row>
    <row r="33268" spans="8:8">
      <c r="H33268" s="12"/>
    </row>
    <row r="33269" spans="8:8">
      <c r="H33269" s="12"/>
    </row>
    <row r="33270" spans="8:8">
      <c r="H33270" s="12"/>
    </row>
    <row r="33271" spans="8:8">
      <c r="H33271" s="12"/>
    </row>
    <row r="33272" spans="8:8">
      <c r="H33272" s="12"/>
    </row>
    <row r="33273" spans="8:8">
      <c r="H33273" s="12"/>
    </row>
    <row r="33274" spans="8:8">
      <c r="H33274" s="12"/>
    </row>
    <row r="33275" spans="8:8">
      <c r="H33275" s="12"/>
    </row>
    <row r="33276" spans="8:8">
      <c r="H33276" s="12"/>
    </row>
    <row r="33277" spans="8:8">
      <c r="H33277" s="12"/>
    </row>
    <row r="33278" spans="8:8">
      <c r="H33278" s="12"/>
    </row>
    <row r="33279" spans="8:8">
      <c r="H33279" s="12"/>
    </row>
    <row r="33280" spans="8:8">
      <c r="H33280" s="12"/>
    </row>
    <row r="33281" spans="8:8">
      <c r="H33281" s="12"/>
    </row>
    <row r="33282" spans="8:8">
      <c r="H33282" s="12"/>
    </row>
    <row r="33283" spans="8:8">
      <c r="H33283" s="12"/>
    </row>
    <row r="33284" spans="8:8">
      <c r="H33284" s="12"/>
    </row>
    <row r="33285" spans="8:8">
      <c r="H33285" s="12"/>
    </row>
    <row r="33286" spans="8:8">
      <c r="H33286" s="12"/>
    </row>
    <row r="33287" spans="8:8">
      <c r="H33287" s="12"/>
    </row>
    <row r="33288" spans="8:8">
      <c r="H33288" s="12"/>
    </row>
    <row r="33289" spans="8:8">
      <c r="H33289" s="12"/>
    </row>
    <row r="33290" spans="8:8">
      <c r="H33290" s="12"/>
    </row>
    <row r="33291" spans="8:8">
      <c r="H33291" s="12"/>
    </row>
    <row r="33292" spans="8:8">
      <c r="H33292" s="12"/>
    </row>
    <row r="33293" spans="8:8">
      <c r="H33293" s="12"/>
    </row>
    <row r="33294" spans="8:8">
      <c r="H33294" s="12"/>
    </row>
    <row r="33295" spans="8:8">
      <c r="H33295" s="12"/>
    </row>
    <row r="33296" spans="8:8">
      <c r="H33296" s="12"/>
    </row>
    <row r="33297" spans="8:8">
      <c r="H33297" s="12"/>
    </row>
    <row r="33298" spans="8:8">
      <c r="H33298" s="12"/>
    </row>
    <row r="33299" spans="8:8">
      <c r="H33299" s="12"/>
    </row>
    <row r="33300" spans="8:8">
      <c r="H33300" s="12"/>
    </row>
    <row r="33301" spans="8:8">
      <c r="H33301" s="12"/>
    </row>
    <row r="33302" spans="8:8">
      <c r="H33302" s="12"/>
    </row>
    <row r="33303" spans="8:8">
      <c r="H33303" s="12"/>
    </row>
    <row r="33304" spans="8:8">
      <c r="H33304" s="12"/>
    </row>
    <row r="33305" spans="8:8">
      <c r="H33305" s="12"/>
    </row>
    <row r="33306" spans="8:8">
      <c r="H33306" s="12"/>
    </row>
    <row r="33307" spans="8:8">
      <c r="H33307" s="12"/>
    </row>
    <row r="33308" spans="8:8">
      <c r="H33308" s="12"/>
    </row>
    <row r="33309" spans="8:8">
      <c r="H33309" s="12"/>
    </row>
    <row r="33310" spans="8:8">
      <c r="H33310" s="12"/>
    </row>
    <row r="33311" spans="8:8">
      <c r="H33311" s="12"/>
    </row>
    <row r="33312" spans="8:8">
      <c r="H33312" s="12"/>
    </row>
    <row r="33313" spans="8:8">
      <c r="H33313" s="12"/>
    </row>
    <row r="33314" spans="8:8">
      <c r="H33314" s="12"/>
    </row>
    <row r="33315" spans="8:8">
      <c r="H33315" s="12"/>
    </row>
    <row r="33316" spans="8:8">
      <c r="H33316" s="12"/>
    </row>
    <row r="33317" spans="8:8">
      <c r="H33317" s="12"/>
    </row>
    <row r="33318" spans="8:8">
      <c r="H33318" s="12"/>
    </row>
    <row r="33319" spans="8:8">
      <c r="H33319" s="12"/>
    </row>
    <row r="33320" spans="8:8">
      <c r="H33320" s="12"/>
    </row>
    <row r="33321" spans="8:8">
      <c r="H33321" s="12"/>
    </row>
    <row r="33322" spans="8:8">
      <c r="H33322" s="12"/>
    </row>
    <row r="33323" spans="8:8">
      <c r="H33323" s="12"/>
    </row>
    <row r="33324" spans="8:8">
      <c r="H33324" s="12"/>
    </row>
    <row r="33325" spans="8:8">
      <c r="H33325" s="12"/>
    </row>
    <row r="33326" spans="8:8">
      <c r="H33326" s="12"/>
    </row>
    <row r="33327" spans="8:8">
      <c r="H33327" s="12"/>
    </row>
    <row r="33328" spans="8:8">
      <c r="H33328" s="12"/>
    </row>
    <row r="33329" spans="8:8">
      <c r="H33329" s="12"/>
    </row>
    <row r="33330" spans="8:8">
      <c r="H33330" s="12"/>
    </row>
    <row r="33331" spans="8:8">
      <c r="H33331" s="12"/>
    </row>
    <row r="33332" spans="8:8">
      <c r="H33332" s="12"/>
    </row>
    <row r="33333" spans="8:8">
      <c r="H33333" s="12"/>
    </row>
    <row r="33334" spans="8:8">
      <c r="H33334" s="12"/>
    </row>
    <row r="33335" spans="8:8">
      <c r="H33335" s="12"/>
    </row>
    <row r="33336" spans="8:8">
      <c r="H33336" s="12"/>
    </row>
    <row r="33337" spans="8:8">
      <c r="H33337" s="12"/>
    </row>
    <row r="33338" spans="8:8">
      <c r="H33338" s="12"/>
    </row>
    <row r="33339" spans="8:8">
      <c r="H33339" s="12"/>
    </row>
    <row r="33340" spans="8:8">
      <c r="H33340" s="12"/>
    </row>
    <row r="33341" spans="8:8">
      <c r="H33341" s="12"/>
    </row>
    <row r="33342" spans="8:8">
      <c r="H33342" s="12"/>
    </row>
    <row r="33343" spans="8:8">
      <c r="H33343" s="12"/>
    </row>
    <row r="33344" spans="8:8">
      <c r="H33344" s="12"/>
    </row>
    <row r="33345" spans="8:8">
      <c r="H33345" s="12"/>
    </row>
    <row r="33346" spans="8:8">
      <c r="H33346" s="12"/>
    </row>
    <row r="33347" spans="8:8">
      <c r="H33347" s="12"/>
    </row>
    <row r="33348" spans="8:8">
      <c r="H33348" s="12"/>
    </row>
    <row r="33349" spans="8:8">
      <c r="H33349" s="12"/>
    </row>
    <row r="33350" spans="8:8">
      <c r="H33350" s="12"/>
    </row>
    <row r="33351" spans="8:8">
      <c r="H33351" s="12"/>
    </row>
    <row r="33352" spans="8:8">
      <c r="H33352" s="12"/>
    </row>
    <row r="33353" spans="8:8">
      <c r="H33353" s="12"/>
    </row>
    <row r="33354" spans="8:8">
      <c r="H33354" s="12"/>
    </row>
    <row r="33355" spans="8:8">
      <c r="H33355" s="12"/>
    </row>
    <row r="33356" spans="8:8">
      <c r="H33356" s="12"/>
    </row>
    <row r="33357" spans="8:8">
      <c r="H33357" s="12"/>
    </row>
    <row r="33358" spans="8:8">
      <c r="H33358" s="12"/>
    </row>
    <row r="33359" spans="8:8">
      <c r="H33359" s="12"/>
    </row>
    <row r="33360" spans="8:8">
      <c r="H33360" s="12"/>
    </row>
    <row r="33361" spans="8:8">
      <c r="H33361" s="12"/>
    </row>
    <row r="33362" spans="8:8">
      <c r="H33362" s="12"/>
    </row>
    <row r="33363" spans="8:8">
      <c r="H33363" s="12"/>
    </row>
    <row r="33364" spans="8:8">
      <c r="H33364" s="12"/>
    </row>
    <row r="33365" spans="8:8">
      <c r="H33365" s="12"/>
    </row>
    <row r="33366" spans="8:8">
      <c r="H33366" s="12"/>
    </row>
    <row r="33367" spans="8:8">
      <c r="H33367" s="12"/>
    </row>
    <row r="33368" spans="8:8">
      <c r="H33368" s="12"/>
    </row>
    <row r="33369" spans="8:8">
      <c r="H33369" s="12"/>
    </row>
    <row r="33370" spans="8:8">
      <c r="H33370" s="12"/>
    </row>
    <row r="33371" spans="8:8">
      <c r="H33371" s="12"/>
    </row>
    <row r="33372" spans="8:8">
      <c r="H33372" s="12"/>
    </row>
    <row r="33373" spans="8:8">
      <c r="H33373" s="12"/>
    </row>
    <row r="33374" spans="8:8">
      <c r="H33374" s="12"/>
    </row>
    <row r="33375" spans="8:8">
      <c r="H33375" s="12"/>
    </row>
    <row r="33376" spans="8:8">
      <c r="H33376" s="12"/>
    </row>
    <row r="33377" spans="8:8">
      <c r="H33377" s="12"/>
    </row>
    <row r="33378" spans="8:8">
      <c r="H33378" s="12"/>
    </row>
    <row r="33379" spans="8:8">
      <c r="H33379" s="12"/>
    </row>
    <row r="33380" spans="8:8">
      <c r="H33380" s="12"/>
    </row>
    <row r="33381" spans="8:8">
      <c r="H33381" s="12"/>
    </row>
    <row r="33382" spans="8:8">
      <c r="H33382" s="12"/>
    </row>
    <row r="33383" spans="8:8">
      <c r="H33383" s="12"/>
    </row>
    <row r="33384" spans="8:8">
      <c r="H33384" s="12"/>
    </row>
    <row r="33385" spans="8:8">
      <c r="H33385" s="12"/>
    </row>
    <row r="33386" spans="8:8">
      <c r="H33386" s="12"/>
    </row>
    <row r="33387" spans="8:8">
      <c r="H33387" s="12"/>
    </row>
    <row r="33388" spans="8:8">
      <c r="H33388" s="12"/>
    </row>
    <row r="33389" spans="8:8">
      <c r="H33389" s="12"/>
    </row>
    <row r="33390" spans="8:8">
      <c r="H33390" s="12"/>
    </row>
    <row r="33391" spans="8:8">
      <c r="H33391" s="12"/>
    </row>
    <row r="33392" spans="8:8">
      <c r="H33392" s="12"/>
    </row>
    <row r="33393" spans="8:8">
      <c r="H33393" s="12"/>
    </row>
    <row r="33394" spans="8:8">
      <c r="H33394" s="12"/>
    </row>
    <row r="33395" spans="8:8">
      <c r="H33395" s="12"/>
    </row>
    <row r="33396" spans="8:8">
      <c r="H33396" s="12"/>
    </row>
    <row r="33397" spans="8:8">
      <c r="H33397" s="12"/>
    </row>
    <row r="33398" spans="8:8">
      <c r="H33398" s="12"/>
    </row>
    <row r="33399" spans="8:8">
      <c r="H33399" s="12"/>
    </row>
    <row r="33400" spans="8:8">
      <c r="H33400" s="12"/>
    </row>
    <row r="33401" spans="8:8">
      <c r="H33401" s="12"/>
    </row>
    <row r="33402" spans="8:8">
      <c r="H33402" s="12"/>
    </row>
    <row r="33403" spans="8:8">
      <c r="H33403" s="12"/>
    </row>
    <row r="33404" spans="8:8">
      <c r="H33404" s="12"/>
    </row>
    <row r="33405" spans="8:8">
      <c r="H33405" s="12"/>
    </row>
    <row r="33406" spans="8:8">
      <c r="H33406" s="12"/>
    </row>
    <row r="33407" spans="8:8">
      <c r="H33407" s="12"/>
    </row>
    <row r="33408" spans="8:8">
      <c r="H33408" s="12"/>
    </row>
    <row r="33409" spans="8:8">
      <c r="H33409" s="12"/>
    </row>
    <row r="33410" spans="8:8">
      <c r="H33410" s="12"/>
    </row>
    <row r="33411" spans="8:8">
      <c r="H33411" s="12"/>
    </row>
    <row r="33412" spans="8:8">
      <c r="H33412" s="12"/>
    </row>
    <row r="33413" spans="8:8">
      <c r="H33413" s="12"/>
    </row>
    <row r="33414" spans="8:8">
      <c r="H33414" s="12"/>
    </row>
    <row r="33415" spans="8:8">
      <c r="H33415" s="12"/>
    </row>
    <row r="33416" spans="8:8">
      <c r="H33416" s="12"/>
    </row>
    <row r="33417" spans="8:8">
      <c r="H33417" s="12"/>
    </row>
    <row r="33418" spans="8:8">
      <c r="H33418" s="12"/>
    </row>
    <row r="33419" spans="8:8">
      <c r="H33419" s="12"/>
    </row>
    <row r="33420" spans="8:8">
      <c r="H33420" s="12"/>
    </row>
    <row r="33421" spans="8:8">
      <c r="H33421" s="12"/>
    </row>
    <row r="33422" spans="8:8">
      <c r="H33422" s="12"/>
    </row>
    <row r="33423" spans="8:8">
      <c r="H33423" s="12"/>
    </row>
    <row r="33424" spans="8:8">
      <c r="H33424" s="12"/>
    </row>
    <row r="33425" spans="8:8">
      <c r="H33425" s="12"/>
    </row>
    <row r="33426" spans="8:8">
      <c r="H33426" s="12"/>
    </row>
    <row r="33427" spans="8:8">
      <c r="H33427" s="12"/>
    </row>
    <row r="33428" spans="8:8">
      <c r="H33428" s="12"/>
    </row>
    <row r="33429" spans="8:8">
      <c r="H33429" s="12"/>
    </row>
    <row r="33430" spans="8:8">
      <c r="H33430" s="12"/>
    </row>
    <row r="33431" spans="8:8">
      <c r="H33431" s="12"/>
    </row>
    <row r="33432" spans="8:8">
      <c r="H33432" s="12"/>
    </row>
    <row r="33433" spans="8:8">
      <c r="H33433" s="12"/>
    </row>
    <row r="33434" spans="8:8">
      <c r="H33434" s="12"/>
    </row>
    <row r="33435" spans="8:8">
      <c r="H33435" s="12"/>
    </row>
    <row r="33436" spans="8:8">
      <c r="H33436" s="12"/>
    </row>
    <row r="33437" spans="8:8">
      <c r="H33437" s="12"/>
    </row>
    <row r="33438" spans="8:8">
      <c r="H33438" s="12"/>
    </row>
    <row r="33439" spans="8:8">
      <c r="H33439" s="12"/>
    </row>
    <row r="33440" spans="8:8">
      <c r="H33440" s="12"/>
    </row>
    <row r="33441" spans="8:8">
      <c r="H33441" s="12"/>
    </row>
    <row r="33442" spans="8:8">
      <c r="H33442" s="12"/>
    </row>
    <row r="33443" spans="8:8">
      <c r="H33443" s="12"/>
    </row>
    <row r="33444" spans="8:8">
      <c r="H33444" s="12"/>
    </row>
    <row r="33445" spans="8:8">
      <c r="H33445" s="12"/>
    </row>
    <row r="33446" spans="8:8">
      <c r="H33446" s="12"/>
    </row>
    <row r="33447" spans="8:8">
      <c r="H33447" s="12"/>
    </row>
    <row r="33448" spans="8:8">
      <c r="H33448" s="12"/>
    </row>
    <row r="33449" spans="8:8">
      <c r="H33449" s="12"/>
    </row>
    <row r="33450" spans="8:8">
      <c r="H33450" s="12"/>
    </row>
    <row r="33451" spans="8:8">
      <c r="H33451" s="12"/>
    </row>
    <row r="33452" spans="8:8">
      <c r="H33452" s="12"/>
    </row>
    <row r="33453" spans="8:8">
      <c r="H33453" s="12"/>
    </row>
    <row r="33454" spans="8:8">
      <c r="H33454" s="12"/>
    </row>
    <row r="33455" spans="8:8">
      <c r="H33455" s="12"/>
    </row>
    <row r="33456" spans="8:8">
      <c r="H33456" s="12"/>
    </row>
    <row r="33457" spans="8:8">
      <c r="H33457" s="12"/>
    </row>
    <row r="33458" spans="8:8">
      <c r="H33458" s="12"/>
    </row>
    <row r="33459" spans="8:8">
      <c r="H33459" s="12"/>
    </row>
    <row r="33460" spans="8:8">
      <c r="H33460" s="12"/>
    </row>
    <row r="33461" spans="8:8">
      <c r="H33461" s="12"/>
    </row>
    <row r="33462" spans="8:8">
      <c r="H33462" s="12"/>
    </row>
    <row r="33463" spans="8:8">
      <c r="H33463" s="12"/>
    </row>
    <row r="33464" spans="8:8">
      <c r="H33464" s="12"/>
    </row>
    <row r="33465" spans="8:8">
      <c r="H33465" s="12"/>
    </row>
    <row r="33466" spans="8:8">
      <c r="H33466" s="12"/>
    </row>
    <row r="33467" spans="8:8">
      <c r="H33467" s="12"/>
    </row>
    <row r="33468" spans="8:8">
      <c r="H33468" s="12"/>
    </row>
    <row r="33469" spans="8:8">
      <c r="H33469" s="12"/>
    </row>
    <row r="33470" spans="8:8">
      <c r="H33470" s="12"/>
    </row>
    <row r="33471" spans="8:8">
      <c r="H33471" s="12"/>
    </row>
    <row r="33472" spans="8:8">
      <c r="H33472" s="12"/>
    </row>
    <row r="33473" spans="8:8">
      <c r="H33473" s="12"/>
    </row>
    <row r="33474" spans="8:8">
      <c r="H33474" s="12"/>
    </row>
    <row r="33475" spans="8:8">
      <c r="H33475" s="12"/>
    </row>
    <row r="33476" spans="8:8">
      <c r="H33476" s="12"/>
    </row>
    <row r="33477" spans="8:8">
      <c r="H33477" s="12"/>
    </row>
    <row r="33478" spans="8:8">
      <c r="H33478" s="12"/>
    </row>
    <row r="33479" spans="8:8">
      <c r="H33479" s="12"/>
    </row>
    <row r="33480" spans="8:8">
      <c r="H33480" s="12"/>
    </row>
    <row r="33481" spans="8:8">
      <c r="H33481" s="12"/>
    </row>
    <row r="33482" spans="8:8">
      <c r="H33482" s="12"/>
    </row>
    <row r="33483" spans="8:8">
      <c r="H33483" s="12"/>
    </row>
    <row r="33484" spans="8:8">
      <c r="H33484" s="12"/>
    </row>
    <row r="33485" spans="8:8">
      <c r="H33485" s="12"/>
    </row>
    <row r="33486" spans="8:8">
      <c r="H33486" s="12"/>
    </row>
    <row r="33487" spans="8:8">
      <c r="H33487" s="12"/>
    </row>
    <row r="33488" spans="8:8">
      <c r="H33488" s="12"/>
    </row>
    <row r="33489" spans="8:8">
      <c r="H33489" s="12"/>
    </row>
    <row r="33490" spans="8:8">
      <c r="H33490" s="12"/>
    </row>
    <row r="33491" spans="8:8">
      <c r="H33491" s="12"/>
    </row>
    <row r="33492" spans="8:8">
      <c r="H33492" s="12"/>
    </row>
    <row r="33493" spans="8:8">
      <c r="H33493" s="12"/>
    </row>
    <row r="33494" spans="8:8">
      <c r="H33494" s="12"/>
    </row>
    <row r="33495" spans="8:8">
      <c r="H33495" s="12"/>
    </row>
    <row r="33496" spans="8:8">
      <c r="H33496" s="12"/>
    </row>
    <row r="33497" spans="8:8">
      <c r="H33497" s="12"/>
    </row>
    <row r="33498" spans="8:8">
      <c r="H33498" s="12"/>
    </row>
    <row r="33499" spans="8:8">
      <c r="H33499" s="12"/>
    </row>
    <row r="33500" spans="8:8">
      <c r="H33500" s="12"/>
    </row>
    <row r="33501" spans="8:8">
      <c r="H33501" s="12"/>
    </row>
    <row r="33502" spans="8:8">
      <c r="H33502" s="12"/>
    </row>
    <row r="33503" spans="8:8">
      <c r="H33503" s="12"/>
    </row>
    <row r="33504" spans="8:8">
      <c r="H33504" s="12"/>
    </row>
    <row r="33505" spans="8:8">
      <c r="H33505" s="12"/>
    </row>
    <row r="33506" spans="8:8">
      <c r="H33506" s="12"/>
    </row>
    <row r="33507" spans="8:8">
      <c r="H33507" s="12"/>
    </row>
    <row r="33508" spans="8:8">
      <c r="H33508" s="12"/>
    </row>
    <row r="33509" spans="8:8">
      <c r="H33509" s="12"/>
    </row>
    <row r="33510" spans="8:8">
      <c r="H33510" s="12"/>
    </row>
    <row r="33511" spans="8:8">
      <c r="H33511" s="12"/>
    </row>
    <row r="33512" spans="8:8">
      <c r="H33512" s="12"/>
    </row>
    <row r="33513" spans="8:8">
      <c r="H33513" s="12"/>
    </row>
    <row r="33514" spans="8:8">
      <c r="H33514" s="12"/>
    </row>
    <row r="33515" spans="8:8">
      <c r="H33515" s="12"/>
    </row>
    <row r="33516" spans="8:8">
      <c r="H33516" s="12"/>
    </row>
    <row r="33517" spans="8:8">
      <c r="H33517" s="12"/>
    </row>
    <row r="33518" spans="8:8">
      <c r="H33518" s="12"/>
    </row>
    <row r="33519" spans="8:8">
      <c r="H33519" s="12"/>
    </row>
    <row r="33520" spans="8:8">
      <c r="H33520" s="12"/>
    </row>
    <row r="33521" spans="8:8">
      <c r="H33521" s="12"/>
    </row>
    <row r="33522" spans="8:8">
      <c r="H33522" s="12"/>
    </row>
    <row r="33523" spans="8:8">
      <c r="H33523" s="12"/>
    </row>
    <row r="33524" spans="8:8">
      <c r="H33524" s="12"/>
    </row>
    <row r="33525" spans="8:8">
      <c r="H33525" s="12"/>
    </row>
    <row r="33526" spans="8:8">
      <c r="H33526" s="12"/>
    </row>
    <row r="33527" spans="8:8">
      <c r="H33527" s="12"/>
    </row>
    <row r="33528" spans="8:8">
      <c r="H33528" s="12"/>
    </row>
    <row r="33529" spans="8:8">
      <c r="H33529" s="12"/>
    </row>
    <row r="33530" spans="8:8">
      <c r="H33530" s="12"/>
    </row>
    <row r="33531" spans="8:8">
      <c r="H33531" s="12"/>
    </row>
    <row r="33532" spans="8:8">
      <c r="H33532" s="12"/>
    </row>
    <row r="33533" spans="8:8">
      <c r="H33533" s="12"/>
    </row>
    <row r="33534" spans="8:8">
      <c r="H33534" s="12"/>
    </row>
    <row r="33535" spans="8:8">
      <c r="H33535" s="12"/>
    </row>
    <row r="33536" spans="8:8">
      <c r="H33536" s="12"/>
    </row>
    <row r="33537" spans="8:8">
      <c r="H33537" s="12"/>
    </row>
    <row r="33538" spans="8:8">
      <c r="H33538" s="12"/>
    </row>
    <row r="33539" spans="8:8">
      <c r="H33539" s="12"/>
    </row>
    <row r="33540" spans="8:8">
      <c r="H33540" s="12"/>
    </row>
    <row r="33541" spans="8:8">
      <c r="H33541" s="12"/>
    </row>
    <row r="33542" spans="8:8">
      <c r="H33542" s="12"/>
    </row>
    <row r="33543" spans="8:8">
      <c r="H33543" s="12"/>
    </row>
    <row r="33544" spans="8:8">
      <c r="H33544" s="12"/>
    </row>
    <row r="33545" spans="8:8">
      <c r="H33545" s="12"/>
    </row>
    <row r="33546" spans="8:8">
      <c r="H33546" s="12"/>
    </row>
    <row r="33547" spans="8:8">
      <c r="H33547" s="12"/>
    </row>
    <row r="33548" spans="8:8">
      <c r="H33548" s="12"/>
    </row>
    <row r="33549" spans="8:8">
      <c r="H33549" s="12"/>
    </row>
    <row r="33550" spans="8:8">
      <c r="H33550" s="12"/>
    </row>
    <row r="33551" spans="8:8">
      <c r="H33551" s="12"/>
    </row>
    <row r="33552" spans="8:8">
      <c r="H33552" s="12"/>
    </row>
    <row r="33553" spans="8:8">
      <c r="H33553" s="12"/>
    </row>
    <row r="33554" spans="8:8">
      <c r="H33554" s="12"/>
    </row>
    <row r="33555" spans="8:8">
      <c r="H33555" s="12"/>
    </row>
    <row r="33556" spans="8:8">
      <c r="H33556" s="12"/>
    </row>
    <row r="33557" spans="8:8">
      <c r="H33557" s="12"/>
    </row>
    <row r="33558" spans="8:8">
      <c r="H33558" s="12"/>
    </row>
    <row r="33559" spans="8:8">
      <c r="H33559" s="12"/>
    </row>
    <row r="33560" spans="8:8">
      <c r="H33560" s="12"/>
    </row>
    <row r="33561" spans="8:8">
      <c r="H33561" s="12"/>
    </row>
    <row r="33562" spans="8:8">
      <c r="H33562" s="12"/>
    </row>
    <row r="33563" spans="8:8">
      <c r="H33563" s="12"/>
    </row>
    <row r="33564" spans="8:8">
      <c r="H33564" s="12"/>
    </row>
    <row r="33565" spans="8:8">
      <c r="H33565" s="12"/>
    </row>
    <row r="33566" spans="8:8">
      <c r="H33566" s="12"/>
    </row>
    <row r="33567" spans="8:8">
      <c r="H33567" s="12"/>
    </row>
    <row r="33568" spans="8:8">
      <c r="H33568" s="12"/>
    </row>
    <row r="33569" spans="8:8">
      <c r="H33569" s="12"/>
    </row>
    <row r="33570" spans="8:8">
      <c r="H33570" s="12"/>
    </row>
    <row r="33571" spans="8:8">
      <c r="H33571" s="12"/>
    </row>
    <row r="33572" spans="8:8">
      <c r="H33572" s="12"/>
    </row>
    <row r="33573" spans="8:8">
      <c r="H33573" s="12"/>
    </row>
    <row r="33574" spans="8:8">
      <c r="H33574" s="12"/>
    </row>
    <row r="33575" spans="8:8">
      <c r="H33575" s="12"/>
    </row>
    <row r="33576" spans="8:8">
      <c r="H33576" s="12"/>
    </row>
    <row r="33577" spans="8:8">
      <c r="H33577" s="12"/>
    </row>
    <row r="33578" spans="8:8">
      <c r="H33578" s="12"/>
    </row>
    <row r="33579" spans="8:8">
      <c r="H33579" s="12"/>
    </row>
    <row r="33580" spans="8:8">
      <c r="H33580" s="12"/>
    </row>
    <row r="33581" spans="8:8">
      <c r="H33581" s="12"/>
    </row>
    <row r="33582" spans="8:8">
      <c r="H33582" s="12"/>
    </row>
    <row r="33583" spans="8:8">
      <c r="H33583" s="12"/>
    </row>
    <row r="33584" spans="8:8">
      <c r="H33584" s="12"/>
    </row>
    <row r="33585" spans="8:8">
      <c r="H33585" s="12"/>
    </row>
    <row r="33586" spans="8:8">
      <c r="H33586" s="12"/>
    </row>
    <row r="33587" spans="8:8">
      <c r="H33587" s="12"/>
    </row>
    <row r="33588" spans="8:8">
      <c r="H33588" s="12"/>
    </row>
    <row r="33589" spans="8:8">
      <c r="H33589" s="12"/>
    </row>
    <row r="33590" spans="8:8">
      <c r="H33590" s="12"/>
    </row>
    <row r="33591" spans="8:8">
      <c r="H33591" s="12"/>
    </row>
    <row r="33592" spans="8:8">
      <c r="H33592" s="12"/>
    </row>
    <row r="33593" spans="8:8">
      <c r="H33593" s="12"/>
    </row>
    <row r="33594" spans="8:8">
      <c r="H33594" s="12"/>
    </row>
    <row r="33595" spans="8:8">
      <c r="H33595" s="12"/>
    </row>
    <row r="33596" spans="8:8">
      <c r="H33596" s="12"/>
    </row>
    <row r="33597" spans="8:8">
      <c r="H33597" s="12"/>
    </row>
    <row r="33598" spans="8:8">
      <c r="H33598" s="12"/>
    </row>
    <row r="33599" spans="8:8">
      <c r="H33599" s="12"/>
    </row>
    <row r="33600" spans="8:8">
      <c r="H33600" s="12"/>
    </row>
    <row r="33601" spans="8:8">
      <c r="H33601" s="12"/>
    </row>
    <row r="33602" spans="8:8">
      <c r="H33602" s="12"/>
    </row>
    <row r="33603" spans="8:8">
      <c r="H33603" s="12"/>
    </row>
    <row r="33604" spans="8:8">
      <c r="H33604" s="12"/>
    </row>
    <row r="33605" spans="8:8">
      <c r="H33605" s="12"/>
    </row>
    <row r="33606" spans="8:8">
      <c r="H33606" s="12"/>
    </row>
    <row r="33607" spans="8:8">
      <c r="H33607" s="12"/>
    </row>
    <row r="33608" spans="8:8">
      <c r="H33608" s="12"/>
    </row>
    <row r="33609" spans="8:8">
      <c r="H33609" s="12"/>
    </row>
    <row r="33610" spans="8:8">
      <c r="H33610" s="12"/>
    </row>
    <row r="33611" spans="8:8">
      <c r="H33611" s="12"/>
    </row>
    <row r="33612" spans="8:8">
      <c r="H33612" s="12"/>
    </row>
    <row r="33613" spans="8:8">
      <c r="H33613" s="12"/>
    </row>
    <row r="33614" spans="8:8">
      <c r="H33614" s="12"/>
    </row>
    <row r="33615" spans="8:8">
      <c r="H33615" s="12"/>
    </row>
    <row r="33616" spans="8:8">
      <c r="H33616" s="12"/>
    </row>
    <row r="33617" spans="8:8">
      <c r="H33617" s="12"/>
    </row>
    <row r="33618" spans="8:8">
      <c r="H33618" s="12"/>
    </row>
    <row r="33619" spans="8:8">
      <c r="H33619" s="12"/>
    </row>
    <row r="33620" spans="8:8">
      <c r="H33620" s="12"/>
    </row>
    <row r="33621" spans="8:8">
      <c r="H33621" s="12"/>
    </row>
    <row r="33622" spans="8:8">
      <c r="H33622" s="12"/>
    </row>
    <row r="33623" spans="8:8">
      <c r="H33623" s="12"/>
    </row>
    <row r="33624" spans="8:8">
      <c r="H33624" s="12"/>
    </row>
    <row r="33625" spans="8:8">
      <c r="H33625" s="12"/>
    </row>
    <row r="33626" spans="8:8">
      <c r="H33626" s="12"/>
    </row>
    <row r="33627" spans="8:8">
      <c r="H33627" s="12"/>
    </row>
    <row r="33628" spans="8:8">
      <c r="H33628" s="12"/>
    </row>
    <row r="33629" spans="8:8">
      <c r="H33629" s="12"/>
    </row>
    <row r="33630" spans="8:8">
      <c r="H33630" s="12"/>
    </row>
    <row r="33631" spans="8:8">
      <c r="H33631" s="12"/>
    </row>
    <row r="33632" spans="8:8">
      <c r="H33632" s="12"/>
    </row>
    <row r="33633" spans="8:8">
      <c r="H33633" s="12"/>
    </row>
    <row r="33634" spans="8:8">
      <c r="H33634" s="12"/>
    </row>
    <row r="33635" spans="8:8">
      <c r="H33635" s="12"/>
    </row>
    <row r="33636" spans="8:8">
      <c r="H33636" s="12"/>
    </row>
    <row r="33637" spans="8:8">
      <c r="H33637" s="12"/>
    </row>
    <row r="33638" spans="8:8">
      <c r="H33638" s="12"/>
    </row>
    <row r="33639" spans="8:8">
      <c r="H33639" s="12"/>
    </row>
    <row r="33640" spans="8:8">
      <c r="H33640" s="12"/>
    </row>
    <row r="33641" spans="8:8">
      <c r="H33641" s="12"/>
    </row>
    <row r="33642" spans="8:8">
      <c r="H33642" s="12"/>
    </row>
    <row r="33643" spans="8:8">
      <c r="H33643" s="12"/>
    </row>
    <row r="33644" spans="8:8">
      <c r="H33644" s="12"/>
    </row>
    <row r="33645" spans="8:8">
      <c r="H33645" s="12"/>
    </row>
    <row r="33646" spans="8:8">
      <c r="H33646" s="12"/>
    </row>
    <row r="33647" spans="8:8">
      <c r="H33647" s="12"/>
    </row>
    <row r="33648" spans="8:8">
      <c r="H33648" s="12"/>
    </row>
    <row r="33649" spans="8:8">
      <c r="H33649" s="12"/>
    </row>
    <row r="33650" spans="8:8">
      <c r="H33650" s="12"/>
    </row>
    <row r="33651" spans="8:8">
      <c r="H33651" s="12"/>
    </row>
    <row r="33652" spans="8:8">
      <c r="H33652" s="12"/>
    </row>
    <row r="33653" spans="8:8">
      <c r="H33653" s="12"/>
    </row>
    <row r="33654" spans="8:8">
      <c r="H33654" s="12"/>
    </row>
    <row r="33655" spans="8:8">
      <c r="H33655" s="12"/>
    </row>
    <row r="33656" spans="8:8">
      <c r="H33656" s="12"/>
    </row>
    <row r="33657" spans="8:8">
      <c r="H33657" s="12"/>
    </row>
    <row r="33658" spans="8:8">
      <c r="H33658" s="12"/>
    </row>
    <row r="33659" spans="8:8">
      <c r="H33659" s="12"/>
    </row>
    <row r="33660" spans="8:8">
      <c r="H33660" s="12"/>
    </row>
    <row r="33661" spans="8:8">
      <c r="H33661" s="12"/>
    </row>
    <row r="33662" spans="8:8">
      <c r="H33662" s="12"/>
    </row>
    <row r="33663" spans="8:8">
      <c r="H33663" s="12"/>
    </row>
    <row r="33664" spans="8:8">
      <c r="H33664" s="12"/>
    </row>
    <row r="33665" spans="8:8">
      <c r="H33665" s="12"/>
    </row>
    <row r="33666" spans="8:8">
      <c r="H33666" s="12"/>
    </row>
    <row r="33667" spans="8:8">
      <c r="H33667" s="12"/>
    </row>
    <row r="33668" spans="8:8">
      <c r="H33668" s="12"/>
    </row>
    <row r="33669" spans="8:8">
      <c r="H33669" s="12"/>
    </row>
    <row r="33670" spans="8:8">
      <c r="H33670" s="12"/>
    </row>
    <row r="33671" spans="8:8">
      <c r="H33671" s="12"/>
    </row>
    <row r="33672" spans="8:8">
      <c r="H33672" s="12"/>
    </row>
    <row r="33673" spans="8:8">
      <c r="H33673" s="12"/>
    </row>
    <row r="33674" spans="8:8">
      <c r="H33674" s="12"/>
    </row>
    <row r="33675" spans="8:8">
      <c r="H33675" s="12"/>
    </row>
    <row r="33676" spans="8:8">
      <c r="H33676" s="12"/>
    </row>
    <row r="33677" spans="8:8">
      <c r="H33677" s="12"/>
    </row>
    <row r="33678" spans="8:8">
      <c r="H33678" s="12"/>
    </row>
    <row r="33679" spans="8:8">
      <c r="H33679" s="12"/>
    </row>
    <row r="33680" spans="8:8">
      <c r="H33680" s="12"/>
    </row>
    <row r="33681" spans="8:8">
      <c r="H33681" s="12"/>
    </row>
    <row r="33682" spans="8:8">
      <c r="H33682" s="12"/>
    </row>
    <row r="33683" spans="8:8">
      <c r="H33683" s="12"/>
    </row>
    <row r="33684" spans="8:8">
      <c r="H33684" s="12"/>
    </row>
    <row r="33685" spans="8:8">
      <c r="H33685" s="12"/>
    </row>
    <row r="33686" spans="8:8">
      <c r="H33686" s="12"/>
    </row>
    <row r="33687" spans="8:8">
      <c r="H33687" s="12"/>
    </row>
    <row r="33688" spans="8:8">
      <c r="H33688" s="12"/>
    </row>
    <row r="33689" spans="8:8">
      <c r="H33689" s="12"/>
    </row>
    <row r="33690" spans="8:8">
      <c r="H33690" s="12"/>
    </row>
    <row r="33691" spans="8:8">
      <c r="H33691" s="12"/>
    </row>
    <row r="33692" spans="8:8">
      <c r="H33692" s="12"/>
    </row>
    <row r="33693" spans="8:8">
      <c r="H33693" s="12"/>
    </row>
    <row r="33694" spans="8:8">
      <c r="H33694" s="12"/>
    </row>
    <row r="33695" spans="8:8">
      <c r="H33695" s="12"/>
    </row>
    <row r="33696" spans="8:8">
      <c r="H33696" s="12"/>
    </row>
    <row r="33697" spans="8:8">
      <c r="H33697" s="12"/>
    </row>
    <row r="33698" spans="8:8">
      <c r="H33698" s="12"/>
    </row>
    <row r="33699" spans="8:8">
      <c r="H33699" s="12"/>
    </row>
    <row r="33700" spans="8:8">
      <c r="H33700" s="12"/>
    </row>
    <row r="33701" spans="8:8">
      <c r="H33701" s="12"/>
    </row>
    <row r="33702" spans="8:8">
      <c r="H33702" s="12"/>
    </row>
    <row r="33703" spans="8:8">
      <c r="H33703" s="12"/>
    </row>
    <row r="33704" spans="8:8">
      <c r="H33704" s="12"/>
    </row>
    <row r="33705" spans="8:8">
      <c r="H33705" s="12"/>
    </row>
    <row r="33706" spans="8:8">
      <c r="H33706" s="12"/>
    </row>
    <row r="33707" spans="8:8">
      <c r="H33707" s="12"/>
    </row>
    <row r="33708" spans="8:8">
      <c r="H33708" s="12"/>
    </row>
    <row r="33709" spans="8:8">
      <c r="H33709" s="12"/>
    </row>
    <row r="33710" spans="8:8">
      <c r="H33710" s="12"/>
    </row>
    <row r="33711" spans="8:8">
      <c r="H33711" s="12"/>
    </row>
    <row r="33712" spans="8:8">
      <c r="H33712" s="12"/>
    </row>
    <row r="33713" spans="8:8">
      <c r="H33713" s="12"/>
    </row>
    <row r="33714" spans="8:8">
      <c r="H33714" s="12"/>
    </row>
    <row r="33715" spans="8:8">
      <c r="H33715" s="12"/>
    </row>
    <row r="33716" spans="8:8">
      <c r="H33716" s="12"/>
    </row>
    <row r="33717" spans="8:8">
      <c r="H33717" s="12"/>
    </row>
    <row r="33718" spans="8:8">
      <c r="H33718" s="12"/>
    </row>
    <row r="33719" spans="8:8">
      <c r="H33719" s="12"/>
    </row>
    <row r="33720" spans="8:8">
      <c r="H33720" s="12"/>
    </row>
    <row r="33721" spans="8:8">
      <c r="H33721" s="12"/>
    </row>
    <row r="33722" spans="8:8">
      <c r="H33722" s="12"/>
    </row>
    <row r="33723" spans="8:8">
      <c r="H33723" s="12"/>
    </row>
    <row r="33724" spans="8:8">
      <c r="H33724" s="12"/>
    </row>
    <row r="33725" spans="8:8">
      <c r="H33725" s="12"/>
    </row>
    <row r="33726" spans="8:8">
      <c r="H33726" s="12"/>
    </row>
    <row r="33727" spans="8:8">
      <c r="H33727" s="12"/>
    </row>
    <row r="33728" spans="8:8">
      <c r="H33728" s="12"/>
    </row>
    <row r="33729" spans="8:8">
      <c r="H33729" s="12"/>
    </row>
    <row r="33730" spans="8:8">
      <c r="H33730" s="12"/>
    </row>
    <row r="33731" spans="8:8">
      <c r="H33731" s="12"/>
    </row>
    <row r="33732" spans="8:8">
      <c r="H33732" s="12"/>
    </row>
    <row r="33733" spans="8:8">
      <c r="H33733" s="12"/>
    </row>
    <row r="33734" spans="8:8">
      <c r="H33734" s="12"/>
    </row>
    <row r="33735" spans="8:8">
      <c r="H33735" s="12"/>
    </row>
    <row r="33736" spans="8:8">
      <c r="H33736" s="12"/>
    </row>
    <row r="33737" spans="8:8">
      <c r="H33737" s="12"/>
    </row>
    <row r="33738" spans="8:8">
      <c r="H33738" s="12"/>
    </row>
    <row r="33739" spans="8:8">
      <c r="H33739" s="12"/>
    </row>
    <row r="33740" spans="8:8">
      <c r="H33740" s="12"/>
    </row>
    <row r="33741" spans="8:8">
      <c r="H33741" s="12"/>
    </row>
    <row r="33742" spans="8:8">
      <c r="H33742" s="12"/>
    </row>
    <row r="33743" spans="8:8">
      <c r="H33743" s="12"/>
    </row>
    <row r="33744" spans="8:8">
      <c r="H33744" s="12"/>
    </row>
    <row r="33745" spans="8:8">
      <c r="H33745" s="12"/>
    </row>
    <row r="33746" spans="8:8">
      <c r="H33746" s="12"/>
    </row>
    <row r="33747" spans="8:8">
      <c r="H33747" s="12"/>
    </row>
    <row r="33748" spans="8:8">
      <c r="H33748" s="12"/>
    </row>
    <row r="33749" spans="8:8">
      <c r="H33749" s="12"/>
    </row>
    <row r="33750" spans="8:8">
      <c r="H33750" s="12"/>
    </row>
    <row r="33751" spans="8:8">
      <c r="H33751" s="12"/>
    </row>
    <row r="33752" spans="8:8">
      <c r="H33752" s="12"/>
    </row>
    <row r="33753" spans="8:8">
      <c r="H33753" s="12"/>
    </row>
    <row r="33754" spans="8:8">
      <c r="H33754" s="12"/>
    </row>
    <row r="33755" spans="8:8">
      <c r="H33755" s="12"/>
    </row>
    <row r="33756" spans="8:8">
      <c r="H33756" s="12"/>
    </row>
    <row r="33757" spans="8:8">
      <c r="H33757" s="12"/>
    </row>
    <row r="33758" spans="8:8">
      <c r="H33758" s="12"/>
    </row>
    <row r="33759" spans="8:8">
      <c r="H33759" s="12"/>
    </row>
    <row r="33760" spans="8:8">
      <c r="H33760" s="12"/>
    </row>
    <row r="33761" spans="8:8">
      <c r="H33761" s="12"/>
    </row>
    <row r="33762" spans="8:8">
      <c r="H33762" s="12"/>
    </row>
    <row r="33763" spans="8:8">
      <c r="H33763" s="12"/>
    </row>
    <row r="33764" spans="8:8">
      <c r="H33764" s="12"/>
    </row>
    <row r="33765" spans="8:8">
      <c r="H33765" s="12"/>
    </row>
    <row r="33766" spans="8:8">
      <c r="H33766" s="12"/>
    </row>
    <row r="33767" spans="8:8">
      <c r="H33767" s="12"/>
    </row>
    <row r="33768" spans="8:8">
      <c r="H33768" s="12"/>
    </row>
    <row r="33769" spans="8:8">
      <c r="H33769" s="12"/>
    </row>
    <row r="33770" spans="8:8">
      <c r="H33770" s="12"/>
    </row>
    <row r="33771" spans="8:8">
      <c r="H33771" s="12"/>
    </row>
    <row r="33772" spans="8:8">
      <c r="H33772" s="12"/>
    </row>
    <row r="33773" spans="8:8">
      <c r="H33773" s="12"/>
    </row>
    <row r="33774" spans="8:8">
      <c r="H33774" s="12"/>
    </row>
    <row r="33775" spans="8:8">
      <c r="H33775" s="12"/>
    </row>
    <row r="33776" spans="8:8">
      <c r="H33776" s="12"/>
    </row>
    <row r="33777" spans="8:8">
      <c r="H33777" s="12"/>
    </row>
    <row r="33778" spans="8:8">
      <c r="H33778" s="12"/>
    </row>
    <row r="33779" spans="8:8">
      <c r="H33779" s="12"/>
    </row>
    <row r="33780" spans="8:8">
      <c r="H33780" s="12"/>
    </row>
    <row r="33781" spans="8:8">
      <c r="H33781" s="12"/>
    </row>
    <row r="33782" spans="8:8">
      <c r="H33782" s="12"/>
    </row>
    <row r="33783" spans="8:8">
      <c r="H33783" s="12"/>
    </row>
    <row r="33784" spans="8:8">
      <c r="H33784" s="12"/>
    </row>
    <row r="33785" spans="8:8">
      <c r="H33785" s="12"/>
    </row>
    <row r="33786" spans="8:8">
      <c r="H33786" s="12"/>
    </row>
    <row r="33787" spans="8:8">
      <c r="H33787" s="12"/>
    </row>
    <row r="33788" spans="8:8">
      <c r="H33788" s="12"/>
    </row>
    <row r="33789" spans="8:8">
      <c r="H33789" s="12"/>
    </row>
    <row r="33790" spans="8:8">
      <c r="H33790" s="12"/>
    </row>
    <row r="33791" spans="8:8">
      <c r="H33791" s="12"/>
    </row>
    <row r="33792" spans="8:8">
      <c r="H33792" s="12"/>
    </row>
    <row r="33793" spans="8:8">
      <c r="H33793" s="12"/>
    </row>
    <row r="33794" spans="8:8">
      <c r="H33794" s="12"/>
    </row>
    <row r="33795" spans="8:8">
      <c r="H33795" s="12"/>
    </row>
    <row r="33796" spans="8:8">
      <c r="H33796" s="12"/>
    </row>
    <row r="33797" spans="8:8">
      <c r="H33797" s="12"/>
    </row>
    <row r="33798" spans="8:8">
      <c r="H33798" s="12"/>
    </row>
    <row r="33799" spans="8:8">
      <c r="H33799" s="12"/>
    </row>
    <row r="33800" spans="8:8">
      <c r="H33800" s="12"/>
    </row>
    <row r="33801" spans="8:8">
      <c r="H33801" s="12"/>
    </row>
    <row r="33802" spans="8:8">
      <c r="H33802" s="12"/>
    </row>
    <row r="33803" spans="8:8">
      <c r="H33803" s="12"/>
    </row>
    <row r="33804" spans="8:8">
      <c r="H33804" s="12"/>
    </row>
    <row r="33805" spans="8:8">
      <c r="H33805" s="12"/>
    </row>
    <row r="33806" spans="8:8">
      <c r="H33806" s="12"/>
    </row>
    <row r="33807" spans="8:8">
      <c r="H33807" s="12"/>
    </row>
    <row r="33808" spans="8:8">
      <c r="H33808" s="12"/>
    </row>
    <row r="33809" spans="8:8">
      <c r="H33809" s="12"/>
    </row>
    <row r="33810" spans="8:8">
      <c r="H33810" s="12"/>
    </row>
    <row r="33811" spans="8:8">
      <c r="H33811" s="12"/>
    </row>
    <row r="33812" spans="8:8">
      <c r="H33812" s="12"/>
    </row>
    <row r="33813" spans="8:8">
      <c r="H33813" s="12"/>
    </row>
    <row r="33814" spans="8:8">
      <c r="H33814" s="12"/>
    </row>
    <row r="33815" spans="8:8">
      <c r="H33815" s="12"/>
    </row>
    <row r="33816" spans="8:8">
      <c r="H33816" s="12"/>
    </row>
    <row r="33817" spans="8:8">
      <c r="H33817" s="12"/>
    </row>
    <row r="33818" spans="8:8">
      <c r="H33818" s="12"/>
    </row>
    <row r="33819" spans="8:8">
      <c r="H33819" s="12"/>
    </row>
    <row r="33820" spans="8:8">
      <c r="H33820" s="12"/>
    </row>
    <row r="33821" spans="8:8">
      <c r="H33821" s="12"/>
    </row>
    <row r="33822" spans="8:8">
      <c r="H33822" s="12"/>
    </row>
    <row r="33823" spans="8:8">
      <c r="H33823" s="12"/>
    </row>
    <row r="33824" spans="8:8">
      <c r="H33824" s="12"/>
    </row>
    <row r="33825" spans="8:8">
      <c r="H33825" s="12"/>
    </row>
    <row r="33826" spans="8:8">
      <c r="H33826" s="12"/>
    </row>
    <row r="33827" spans="8:8">
      <c r="H33827" s="12"/>
    </row>
    <row r="33828" spans="8:8">
      <c r="H33828" s="12"/>
    </row>
    <row r="33829" spans="8:8">
      <c r="H33829" s="12"/>
    </row>
    <row r="33830" spans="8:8">
      <c r="H33830" s="12"/>
    </row>
    <row r="33831" spans="8:8">
      <c r="H33831" s="12"/>
    </row>
    <row r="33832" spans="8:8">
      <c r="H33832" s="12"/>
    </row>
    <row r="33833" spans="8:8">
      <c r="H33833" s="12"/>
    </row>
    <row r="33834" spans="8:8">
      <c r="H33834" s="12"/>
    </row>
    <row r="33835" spans="8:8">
      <c r="H33835" s="12"/>
    </row>
    <row r="33836" spans="8:8">
      <c r="H33836" s="12"/>
    </row>
    <row r="33837" spans="8:8">
      <c r="H33837" s="12"/>
    </row>
    <row r="33838" spans="8:8">
      <c r="H33838" s="12"/>
    </row>
    <row r="33839" spans="8:8">
      <c r="H33839" s="12"/>
    </row>
    <row r="33840" spans="8:8">
      <c r="H33840" s="12"/>
    </row>
    <row r="33841" spans="8:8">
      <c r="H33841" s="12"/>
    </row>
    <row r="33842" spans="8:8">
      <c r="H33842" s="12"/>
    </row>
    <row r="33843" spans="8:8">
      <c r="H33843" s="12"/>
    </row>
    <row r="33844" spans="8:8">
      <c r="H33844" s="12"/>
    </row>
    <row r="33845" spans="8:8">
      <c r="H33845" s="12"/>
    </row>
    <row r="33846" spans="8:8">
      <c r="H33846" s="12"/>
    </row>
    <row r="33847" spans="8:8">
      <c r="H33847" s="12"/>
    </row>
    <row r="33848" spans="8:8">
      <c r="H33848" s="12"/>
    </row>
    <row r="33849" spans="8:8">
      <c r="H33849" s="12"/>
    </row>
    <row r="33850" spans="8:8">
      <c r="H33850" s="12"/>
    </row>
    <row r="33851" spans="8:8">
      <c r="H33851" s="12"/>
    </row>
    <row r="33852" spans="8:8">
      <c r="H33852" s="12"/>
    </row>
    <row r="33853" spans="8:8">
      <c r="H33853" s="12"/>
    </row>
    <row r="33854" spans="8:8">
      <c r="H33854" s="12"/>
    </row>
    <row r="33855" spans="8:8">
      <c r="H33855" s="12"/>
    </row>
    <row r="33856" spans="8:8">
      <c r="H33856" s="12"/>
    </row>
    <row r="33857" spans="8:8">
      <c r="H33857" s="12"/>
    </row>
    <row r="33858" spans="8:8">
      <c r="H33858" s="12"/>
    </row>
    <row r="33859" spans="8:8">
      <c r="H33859" s="12"/>
    </row>
    <row r="33860" spans="8:8">
      <c r="H33860" s="12"/>
    </row>
    <row r="33861" spans="8:8">
      <c r="H33861" s="12"/>
    </row>
    <row r="33862" spans="8:8">
      <c r="H33862" s="12"/>
    </row>
    <row r="33863" spans="8:8">
      <c r="H33863" s="12"/>
    </row>
    <row r="33864" spans="8:8">
      <c r="H33864" s="12"/>
    </row>
    <row r="33865" spans="8:8">
      <c r="H33865" s="12"/>
    </row>
    <row r="33866" spans="8:8">
      <c r="H33866" s="12"/>
    </row>
    <row r="33867" spans="8:8">
      <c r="H33867" s="12"/>
    </row>
    <row r="33868" spans="8:8">
      <c r="H33868" s="12"/>
    </row>
    <row r="33869" spans="8:8">
      <c r="H33869" s="12"/>
    </row>
    <row r="33870" spans="8:8">
      <c r="H33870" s="12"/>
    </row>
    <row r="33871" spans="8:8">
      <c r="H33871" s="12"/>
    </row>
    <row r="33872" spans="8:8">
      <c r="H33872" s="12"/>
    </row>
    <row r="33873" spans="8:8">
      <c r="H33873" s="12"/>
    </row>
    <row r="33874" spans="8:8">
      <c r="H33874" s="12"/>
    </row>
    <row r="33875" spans="8:8">
      <c r="H33875" s="12"/>
    </row>
    <row r="33876" spans="8:8">
      <c r="H33876" s="12"/>
    </row>
    <row r="33877" spans="8:8">
      <c r="H33877" s="12"/>
    </row>
    <row r="33878" spans="8:8">
      <c r="H33878" s="12"/>
    </row>
    <row r="33879" spans="8:8">
      <c r="H33879" s="12"/>
    </row>
    <row r="33880" spans="8:8">
      <c r="H33880" s="12"/>
    </row>
    <row r="33881" spans="8:8">
      <c r="H33881" s="12"/>
    </row>
    <row r="33882" spans="8:8">
      <c r="H33882" s="12"/>
    </row>
    <row r="33883" spans="8:8">
      <c r="H33883" s="12"/>
    </row>
    <row r="33884" spans="8:8">
      <c r="H33884" s="12"/>
    </row>
    <row r="33885" spans="8:8">
      <c r="H33885" s="12"/>
    </row>
    <row r="33886" spans="8:8">
      <c r="H33886" s="12"/>
    </row>
    <row r="33887" spans="8:8">
      <c r="H33887" s="12"/>
    </row>
    <row r="33888" spans="8:8">
      <c r="H33888" s="12"/>
    </row>
    <row r="33889" spans="8:8">
      <c r="H33889" s="12"/>
    </row>
    <row r="33890" spans="8:8">
      <c r="H33890" s="12"/>
    </row>
    <row r="33891" spans="8:8">
      <c r="H33891" s="12"/>
    </row>
    <row r="33892" spans="8:8">
      <c r="H33892" s="12"/>
    </row>
    <row r="33893" spans="8:8">
      <c r="H33893" s="12"/>
    </row>
    <row r="33894" spans="8:8">
      <c r="H33894" s="12"/>
    </row>
    <row r="33895" spans="8:8">
      <c r="H33895" s="12"/>
    </row>
    <row r="33896" spans="8:8">
      <c r="H33896" s="12"/>
    </row>
    <row r="33897" spans="8:8">
      <c r="H33897" s="12"/>
    </row>
    <row r="33898" spans="8:8">
      <c r="H33898" s="12"/>
    </row>
    <row r="33899" spans="8:8">
      <c r="H33899" s="12"/>
    </row>
    <row r="33900" spans="8:8">
      <c r="H33900" s="12"/>
    </row>
    <row r="33901" spans="8:8">
      <c r="H33901" s="12"/>
    </row>
    <row r="33902" spans="8:8">
      <c r="H33902" s="12"/>
    </row>
    <row r="33903" spans="8:8">
      <c r="H33903" s="12"/>
    </row>
    <row r="33904" spans="8:8">
      <c r="H33904" s="12"/>
    </row>
    <row r="33905" spans="8:8">
      <c r="H33905" s="12"/>
    </row>
    <row r="33906" spans="8:8">
      <c r="H33906" s="12"/>
    </row>
    <row r="33907" spans="8:8">
      <c r="H33907" s="12"/>
    </row>
    <row r="33908" spans="8:8">
      <c r="H33908" s="12"/>
    </row>
    <row r="33909" spans="8:8">
      <c r="H33909" s="12"/>
    </row>
    <row r="33910" spans="8:8">
      <c r="H33910" s="12"/>
    </row>
    <row r="33911" spans="8:8">
      <c r="H33911" s="12"/>
    </row>
    <row r="33912" spans="8:8">
      <c r="H33912" s="12"/>
    </row>
    <row r="33913" spans="8:8">
      <c r="H33913" s="12"/>
    </row>
    <row r="33914" spans="8:8">
      <c r="H33914" s="12"/>
    </row>
    <row r="33915" spans="8:8">
      <c r="H33915" s="12"/>
    </row>
    <row r="33916" spans="8:8">
      <c r="H33916" s="12"/>
    </row>
    <row r="33917" spans="8:8">
      <c r="H33917" s="12"/>
    </row>
    <row r="33918" spans="8:8">
      <c r="H33918" s="12"/>
    </row>
    <row r="33919" spans="8:8">
      <c r="H33919" s="12"/>
    </row>
    <row r="33920" spans="8:8">
      <c r="H33920" s="12"/>
    </row>
    <row r="33921" spans="8:8">
      <c r="H33921" s="12"/>
    </row>
    <row r="33922" spans="8:8">
      <c r="H33922" s="12"/>
    </row>
    <row r="33923" spans="8:8">
      <c r="H33923" s="12"/>
    </row>
    <row r="33924" spans="8:8">
      <c r="H33924" s="12"/>
    </row>
    <row r="33925" spans="8:8">
      <c r="H33925" s="12"/>
    </row>
    <row r="33926" spans="8:8">
      <c r="H33926" s="12"/>
    </row>
    <row r="33927" spans="8:8">
      <c r="H33927" s="12"/>
    </row>
    <row r="33928" spans="8:8">
      <c r="H33928" s="12"/>
    </row>
    <row r="33929" spans="8:8">
      <c r="H33929" s="12"/>
    </row>
    <row r="33930" spans="8:8">
      <c r="H33930" s="12"/>
    </row>
    <row r="33931" spans="8:8">
      <c r="H33931" s="12"/>
    </row>
    <row r="33932" spans="8:8">
      <c r="H33932" s="12"/>
    </row>
    <row r="33933" spans="8:8">
      <c r="H33933" s="12"/>
    </row>
    <row r="33934" spans="8:8">
      <c r="H33934" s="12"/>
    </row>
    <row r="33935" spans="8:8">
      <c r="H33935" s="12"/>
    </row>
    <row r="33936" spans="8:8">
      <c r="H33936" s="12"/>
    </row>
    <row r="33937" spans="8:8">
      <c r="H33937" s="12"/>
    </row>
    <row r="33938" spans="8:8">
      <c r="H33938" s="12"/>
    </row>
    <row r="33939" spans="8:8">
      <c r="H33939" s="12"/>
    </row>
    <row r="33940" spans="8:8">
      <c r="H33940" s="12"/>
    </row>
    <row r="33941" spans="8:8">
      <c r="H33941" s="12"/>
    </row>
    <row r="33942" spans="8:8">
      <c r="H33942" s="12"/>
    </row>
    <row r="33943" spans="8:8">
      <c r="H33943" s="12"/>
    </row>
    <row r="33944" spans="8:8">
      <c r="H33944" s="12"/>
    </row>
    <row r="33945" spans="8:8">
      <c r="H33945" s="12"/>
    </row>
    <row r="33946" spans="8:8">
      <c r="H33946" s="12"/>
    </row>
    <row r="33947" spans="8:8">
      <c r="H33947" s="12"/>
    </row>
    <row r="33948" spans="8:8">
      <c r="H33948" s="12"/>
    </row>
    <row r="33949" spans="8:8">
      <c r="H33949" s="12"/>
    </row>
    <row r="33950" spans="8:8">
      <c r="H33950" s="12"/>
    </row>
    <row r="33951" spans="8:8">
      <c r="H33951" s="12"/>
    </row>
    <row r="33952" spans="8:8">
      <c r="H33952" s="12"/>
    </row>
    <row r="33953" spans="8:8">
      <c r="H33953" s="12"/>
    </row>
    <row r="33954" spans="8:8">
      <c r="H33954" s="12"/>
    </row>
    <row r="33955" spans="8:8">
      <c r="H33955" s="12"/>
    </row>
    <row r="33956" spans="8:8">
      <c r="H33956" s="12"/>
    </row>
    <row r="33957" spans="8:8">
      <c r="H33957" s="12"/>
    </row>
    <row r="33958" spans="8:8">
      <c r="H33958" s="12"/>
    </row>
    <row r="33959" spans="8:8">
      <c r="H33959" s="12"/>
    </row>
    <row r="33960" spans="8:8">
      <c r="H33960" s="12"/>
    </row>
    <row r="33961" spans="8:8">
      <c r="H33961" s="12"/>
    </row>
    <row r="33962" spans="8:8">
      <c r="H33962" s="12"/>
    </row>
    <row r="33963" spans="8:8">
      <c r="H33963" s="12"/>
    </row>
    <row r="33964" spans="8:8">
      <c r="H33964" s="12"/>
    </row>
    <row r="33965" spans="8:8">
      <c r="H33965" s="12"/>
    </row>
    <row r="33966" spans="8:8">
      <c r="H33966" s="12"/>
    </row>
    <row r="33967" spans="8:8">
      <c r="H33967" s="12"/>
    </row>
    <row r="33968" spans="8:8">
      <c r="H33968" s="12"/>
    </row>
    <row r="33969" spans="8:8">
      <c r="H33969" s="12"/>
    </row>
    <row r="33970" spans="8:8">
      <c r="H33970" s="12"/>
    </row>
    <row r="33971" spans="8:8">
      <c r="H33971" s="12"/>
    </row>
    <row r="33972" spans="8:8">
      <c r="H33972" s="12"/>
    </row>
    <row r="33973" spans="8:8">
      <c r="H33973" s="12"/>
    </row>
    <row r="33974" spans="8:8">
      <c r="H33974" s="12"/>
    </row>
    <row r="33975" spans="8:8">
      <c r="H33975" s="12"/>
    </row>
    <row r="33976" spans="8:8">
      <c r="H33976" s="12"/>
    </row>
    <row r="33977" spans="8:8">
      <c r="H33977" s="12"/>
    </row>
    <row r="33978" spans="8:8">
      <c r="H33978" s="12"/>
    </row>
    <row r="33979" spans="8:8">
      <c r="H33979" s="12"/>
    </row>
    <row r="33980" spans="8:8">
      <c r="H33980" s="12"/>
    </row>
    <row r="33981" spans="8:8">
      <c r="H33981" s="12"/>
    </row>
    <row r="33982" spans="8:8">
      <c r="H33982" s="12"/>
    </row>
    <row r="33983" spans="8:8">
      <c r="H33983" s="12"/>
    </row>
    <row r="33984" spans="8:8">
      <c r="H33984" s="12"/>
    </row>
    <row r="33985" spans="8:8">
      <c r="H33985" s="12"/>
    </row>
    <row r="33986" spans="8:8">
      <c r="H33986" s="12"/>
    </row>
    <row r="33987" spans="8:8">
      <c r="H33987" s="12"/>
    </row>
    <row r="33988" spans="8:8">
      <c r="H33988" s="12"/>
    </row>
    <row r="33989" spans="8:8">
      <c r="H33989" s="12"/>
    </row>
    <row r="33990" spans="8:8">
      <c r="H33990" s="12"/>
    </row>
    <row r="33991" spans="8:8">
      <c r="H33991" s="12"/>
    </row>
    <row r="33992" spans="8:8">
      <c r="H33992" s="12"/>
    </row>
    <row r="33993" spans="8:8">
      <c r="H33993" s="12"/>
    </row>
    <row r="33994" spans="8:8">
      <c r="H33994" s="12"/>
    </row>
    <row r="33995" spans="8:8">
      <c r="H33995" s="12"/>
    </row>
    <row r="33996" spans="8:8">
      <c r="H33996" s="12"/>
    </row>
    <row r="33997" spans="8:8">
      <c r="H33997" s="12"/>
    </row>
    <row r="33998" spans="8:8">
      <c r="H33998" s="12"/>
    </row>
    <row r="33999" spans="8:8">
      <c r="H33999" s="12"/>
    </row>
    <row r="34000" spans="8:8">
      <c r="H34000" s="12"/>
    </row>
    <row r="34001" spans="8:8">
      <c r="H34001" s="12"/>
    </row>
    <row r="34002" spans="8:8">
      <c r="H34002" s="12"/>
    </row>
    <row r="34003" spans="8:8">
      <c r="H34003" s="12"/>
    </row>
    <row r="34004" spans="8:8">
      <c r="H34004" s="12"/>
    </row>
    <row r="34005" spans="8:8">
      <c r="H34005" s="12"/>
    </row>
    <row r="34006" spans="8:8">
      <c r="H34006" s="12"/>
    </row>
    <row r="34007" spans="8:8">
      <c r="H34007" s="12"/>
    </row>
    <row r="34008" spans="8:8">
      <c r="H34008" s="12"/>
    </row>
    <row r="34009" spans="8:8">
      <c r="H34009" s="12"/>
    </row>
    <row r="34010" spans="8:8">
      <c r="H34010" s="12"/>
    </row>
    <row r="34011" spans="8:8">
      <c r="H34011" s="12"/>
    </row>
    <row r="34012" spans="8:8">
      <c r="H34012" s="12"/>
    </row>
    <row r="34013" spans="8:8">
      <c r="H34013" s="12"/>
    </row>
    <row r="34014" spans="8:8">
      <c r="H34014" s="12"/>
    </row>
    <row r="34015" spans="8:8">
      <c r="H34015" s="12"/>
    </row>
    <row r="34016" spans="8:8">
      <c r="H34016" s="12"/>
    </row>
    <row r="34017" spans="8:8">
      <c r="H34017" s="12"/>
    </row>
    <row r="34018" spans="8:8">
      <c r="H34018" s="12"/>
    </row>
    <row r="34019" spans="8:8">
      <c r="H34019" s="12"/>
    </row>
    <row r="34020" spans="8:8">
      <c r="H34020" s="12"/>
    </row>
    <row r="34021" spans="8:8">
      <c r="H34021" s="12"/>
    </row>
    <row r="34022" spans="8:8">
      <c r="H34022" s="12"/>
    </row>
    <row r="34023" spans="8:8">
      <c r="H34023" s="12"/>
    </row>
    <row r="34024" spans="8:8">
      <c r="H34024" s="12"/>
    </row>
    <row r="34025" spans="8:8">
      <c r="H34025" s="12"/>
    </row>
    <row r="34026" spans="8:8">
      <c r="H34026" s="12"/>
    </row>
    <row r="34027" spans="8:8">
      <c r="H34027" s="12"/>
    </row>
    <row r="34028" spans="8:8">
      <c r="H34028" s="12"/>
    </row>
    <row r="34029" spans="8:8">
      <c r="H34029" s="12"/>
    </row>
    <row r="34030" spans="8:8">
      <c r="H34030" s="12"/>
    </row>
    <row r="34031" spans="8:8">
      <c r="H34031" s="12"/>
    </row>
    <row r="34032" spans="8:8">
      <c r="H34032" s="12"/>
    </row>
    <row r="34033" spans="8:8">
      <c r="H34033" s="12"/>
    </row>
    <row r="34034" spans="8:8">
      <c r="H34034" s="12"/>
    </row>
    <row r="34035" spans="8:8">
      <c r="H34035" s="12"/>
    </row>
    <row r="34036" spans="8:8">
      <c r="H34036" s="12"/>
    </row>
    <row r="34037" spans="8:8">
      <c r="H34037" s="12"/>
    </row>
    <row r="34038" spans="8:8">
      <c r="H34038" s="12"/>
    </row>
    <row r="34039" spans="8:8">
      <c r="H34039" s="12"/>
    </row>
    <row r="34040" spans="8:8">
      <c r="H34040" s="12"/>
    </row>
    <row r="34041" spans="8:8">
      <c r="H34041" s="12"/>
    </row>
    <row r="34042" spans="8:8">
      <c r="H34042" s="12"/>
    </row>
    <row r="34043" spans="8:8">
      <c r="H34043" s="12"/>
    </row>
    <row r="34044" spans="8:8">
      <c r="H34044" s="12"/>
    </row>
    <row r="34045" spans="8:8">
      <c r="H34045" s="12"/>
    </row>
    <row r="34046" spans="8:8">
      <c r="H34046" s="12"/>
    </row>
    <row r="34047" spans="8:8">
      <c r="H34047" s="12"/>
    </row>
    <row r="34048" spans="8:8">
      <c r="H34048" s="12"/>
    </row>
    <row r="34049" spans="8:8">
      <c r="H34049" s="12"/>
    </row>
    <row r="34050" spans="8:8">
      <c r="H34050" s="12"/>
    </row>
    <row r="34051" spans="8:8">
      <c r="H34051" s="12"/>
    </row>
    <row r="34052" spans="8:8">
      <c r="H34052" s="12"/>
    </row>
    <row r="34053" spans="8:8">
      <c r="H34053" s="12"/>
    </row>
    <row r="34054" spans="8:8">
      <c r="H34054" s="12"/>
    </row>
    <row r="34055" spans="8:8">
      <c r="H34055" s="12"/>
    </row>
    <row r="34056" spans="8:8">
      <c r="H34056" s="12"/>
    </row>
    <row r="34057" spans="8:8">
      <c r="H34057" s="12"/>
    </row>
    <row r="34058" spans="8:8">
      <c r="H34058" s="12"/>
    </row>
    <row r="34059" spans="8:8">
      <c r="H34059" s="12"/>
    </row>
    <row r="34060" spans="8:8">
      <c r="H34060" s="12"/>
    </row>
    <row r="34061" spans="8:8">
      <c r="H34061" s="12"/>
    </row>
    <row r="34062" spans="8:8">
      <c r="H34062" s="12"/>
    </row>
    <row r="34063" spans="8:8">
      <c r="H34063" s="12"/>
    </row>
    <row r="34064" spans="8:8">
      <c r="H34064" s="12"/>
    </row>
    <row r="34065" spans="8:8">
      <c r="H34065" s="12"/>
    </row>
    <row r="34066" spans="8:8">
      <c r="H34066" s="12"/>
    </row>
    <row r="34067" spans="8:8">
      <c r="H34067" s="12"/>
    </row>
    <row r="34068" spans="8:8">
      <c r="H34068" s="12"/>
    </row>
    <row r="34069" spans="8:8">
      <c r="H34069" s="12"/>
    </row>
    <row r="34070" spans="8:8">
      <c r="H34070" s="12"/>
    </row>
    <row r="34071" spans="8:8">
      <c r="H34071" s="12"/>
    </row>
    <row r="34072" spans="8:8">
      <c r="H34072" s="12"/>
    </row>
    <row r="34073" spans="8:8">
      <c r="H34073" s="12"/>
    </row>
    <row r="34074" spans="8:8">
      <c r="H34074" s="12"/>
    </row>
    <row r="34075" spans="8:8">
      <c r="H34075" s="12"/>
    </row>
    <row r="34076" spans="8:8">
      <c r="H34076" s="12"/>
    </row>
    <row r="34077" spans="8:8">
      <c r="H34077" s="12"/>
    </row>
    <row r="34078" spans="8:8">
      <c r="H34078" s="12"/>
    </row>
    <row r="34079" spans="8:8">
      <c r="H34079" s="12"/>
    </row>
    <row r="34080" spans="8:8">
      <c r="H34080" s="12"/>
    </row>
    <row r="34081" spans="8:8">
      <c r="H34081" s="12"/>
    </row>
    <row r="34082" spans="8:8">
      <c r="H34082" s="12"/>
    </row>
    <row r="34083" spans="8:8">
      <c r="H34083" s="12"/>
    </row>
    <row r="34084" spans="8:8">
      <c r="H34084" s="12"/>
    </row>
    <row r="34085" spans="8:8">
      <c r="H34085" s="12"/>
    </row>
    <row r="34086" spans="8:8">
      <c r="H34086" s="12"/>
    </row>
    <row r="34087" spans="8:8">
      <c r="H34087" s="12"/>
    </row>
    <row r="34088" spans="8:8">
      <c r="H34088" s="12"/>
    </row>
    <row r="34089" spans="8:8">
      <c r="H34089" s="12"/>
    </row>
    <row r="34090" spans="8:8">
      <c r="H34090" s="12"/>
    </row>
    <row r="34091" spans="8:8">
      <c r="H34091" s="12"/>
    </row>
    <row r="34092" spans="8:8">
      <c r="H34092" s="12"/>
    </row>
    <row r="34093" spans="8:8">
      <c r="H34093" s="12"/>
    </row>
    <row r="34094" spans="8:8">
      <c r="H34094" s="12"/>
    </row>
    <row r="34095" spans="8:8">
      <c r="H34095" s="12"/>
    </row>
    <row r="34096" spans="8:8">
      <c r="H34096" s="12"/>
    </row>
    <row r="34097" spans="8:8">
      <c r="H34097" s="12"/>
    </row>
    <row r="34098" spans="8:8">
      <c r="H34098" s="12"/>
    </row>
    <row r="34099" spans="8:8">
      <c r="H34099" s="12"/>
    </row>
    <row r="34100" spans="8:8">
      <c r="H34100" s="12"/>
    </row>
    <row r="34101" spans="8:8">
      <c r="H34101" s="12"/>
    </row>
    <row r="34102" spans="8:8">
      <c r="H34102" s="12"/>
    </row>
    <row r="34103" spans="8:8">
      <c r="H34103" s="12"/>
    </row>
    <row r="34104" spans="8:8">
      <c r="H34104" s="12"/>
    </row>
    <row r="34105" spans="8:8">
      <c r="H34105" s="12"/>
    </row>
    <row r="34106" spans="8:8">
      <c r="H34106" s="12"/>
    </row>
    <row r="34107" spans="8:8">
      <c r="H34107" s="12"/>
    </row>
    <row r="34108" spans="8:8">
      <c r="H34108" s="12"/>
    </row>
    <row r="34109" spans="8:8">
      <c r="H34109" s="12"/>
    </row>
    <row r="34110" spans="8:8">
      <c r="H34110" s="12"/>
    </row>
    <row r="34111" spans="8:8">
      <c r="H34111" s="12"/>
    </row>
    <row r="34112" spans="8:8">
      <c r="H34112" s="12"/>
    </row>
    <row r="34113" spans="8:8">
      <c r="H34113" s="12"/>
    </row>
    <row r="34114" spans="8:8">
      <c r="H34114" s="12"/>
    </row>
    <row r="34115" spans="8:8">
      <c r="H34115" s="12"/>
    </row>
    <row r="34116" spans="8:8">
      <c r="H34116" s="12"/>
    </row>
    <row r="34117" spans="8:8">
      <c r="H34117" s="12"/>
    </row>
    <row r="34118" spans="8:8">
      <c r="H34118" s="12"/>
    </row>
    <row r="34119" spans="8:8">
      <c r="H34119" s="12"/>
    </row>
    <row r="34120" spans="8:8">
      <c r="H34120" s="12"/>
    </row>
    <row r="34121" spans="8:8">
      <c r="H34121" s="12"/>
    </row>
    <row r="34122" spans="8:8">
      <c r="H34122" s="12"/>
    </row>
    <row r="34123" spans="8:8">
      <c r="H34123" s="12"/>
    </row>
    <row r="34124" spans="8:8">
      <c r="H34124" s="12"/>
    </row>
    <row r="34125" spans="8:8">
      <c r="H34125" s="12"/>
    </row>
    <row r="34126" spans="8:8">
      <c r="H34126" s="12"/>
    </row>
    <row r="34127" spans="8:8">
      <c r="H34127" s="12"/>
    </row>
    <row r="34128" spans="8:8">
      <c r="H34128" s="12"/>
    </row>
    <row r="34129" spans="8:8">
      <c r="H34129" s="12"/>
    </row>
    <row r="34130" spans="8:8">
      <c r="H34130" s="12"/>
    </row>
    <row r="34131" spans="8:8">
      <c r="H34131" s="12"/>
    </row>
    <row r="34132" spans="8:8">
      <c r="H34132" s="12"/>
    </row>
    <row r="34133" spans="8:8">
      <c r="H34133" s="12"/>
    </row>
    <row r="34134" spans="8:8">
      <c r="H34134" s="12"/>
    </row>
    <row r="34135" spans="8:8">
      <c r="H34135" s="12"/>
    </row>
    <row r="34136" spans="8:8">
      <c r="H34136" s="12"/>
    </row>
    <row r="34137" spans="8:8">
      <c r="H34137" s="12"/>
    </row>
    <row r="34138" spans="8:8">
      <c r="H34138" s="12"/>
    </row>
    <row r="34139" spans="8:8">
      <c r="H34139" s="12"/>
    </row>
    <row r="34140" spans="8:8">
      <c r="H34140" s="12"/>
    </row>
    <row r="34141" spans="8:8">
      <c r="H34141" s="12"/>
    </row>
    <row r="34142" spans="8:8">
      <c r="H34142" s="12"/>
    </row>
    <row r="34143" spans="8:8">
      <c r="H34143" s="12"/>
    </row>
    <row r="34144" spans="8:8">
      <c r="H34144" s="12"/>
    </row>
    <row r="34145" spans="8:8">
      <c r="H34145" s="12"/>
    </row>
    <row r="34146" spans="8:8">
      <c r="H34146" s="12"/>
    </row>
    <row r="34147" spans="8:8">
      <c r="H34147" s="12"/>
    </row>
    <row r="34148" spans="8:8">
      <c r="H34148" s="12"/>
    </row>
    <row r="34149" spans="8:8">
      <c r="H34149" s="12"/>
    </row>
    <row r="34150" spans="8:8">
      <c r="H34150" s="12"/>
    </row>
    <row r="34151" spans="8:8">
      <c r="H34151" s="12"/>
    </row>
    <row r="34152" spans="8:8">
      <c r="H34152" s="12"/>
    </row>
    <row r="34153" spans="8:8">
      <c r="H34153" s="12"/>
    </row>
    <row r="34154" spans="8:8">
      <c r="H34154" s="12"/>
    </row>
    <row r="34155" spans="8:8">
      <c r="H34155" s="12"/>
    </row>
    <row r="34156" spans="8:8">
      <c r="H34156" s="12"/>
    </row>
    <row r="34157" spans="8:8">
      <c r="H34157" s="12"/>
    </row>
    <row r="34158" spans="8:8">
      <c r="H34158" s="12"/>
    </row>
    <row r="34159" spans="8:8">
      <c r="H34159" s="12"/>
    </row>
    <row r="34160" spans="8:8">
      <c r="H34160" s="12"/>
    </row>
    <row r="34161" spans="8:8">
      <c r="H34161" s="12"/>
    </row>
    <row r="34162" spans="8:8">
      <c r="H34162" s="12"/>
    </row>
    <row r="34163" spans="8:8">
      <c r="H34163" s="12"/>
    </row>
    <row r="34164" spans="8:8">
      <c r="H34164" s="12"/>
    </row>
    <row r="34165" spans="8:8">
      <c r="H34165" s="12"/>
    </row>
    <row r="34166" spans="8:8">
      <c r="H34166" s="12"/>
    </row>
    <row r="34167" spans="8:8">
      <c r="H34167" s="12"/>
    </row>
    <row r="34168" spans="8:8">
      <c r="H34168" s="12"/>
    </row>
    <row r="34169" spans="8:8">
      <c r="H34169" s="12"/>
    </row>
    <row r="34170" spans="8:8">
      <c r="H34170" s="12"/>
    </row>
    <row r="34171" spans="8:8">
      <c r="H34171" s="12"/>
    </row>
    <row r="34172" spans="8:8">
      <c r="H34172" s="12"/>
    </row>
    <row r="34173" spans="8:8">
      <c r="H34173" s="12"/>
    </row>
    <row r="34174" spans="8:8">
      <c r="H34174" s="12"/>
    </row>
    <row r="34175" spans="8:8">
      <c r="H34175" s="12"/>
    </row>
    <row r="34176" spans="8:8">
      <c r="H34176" s="12"/>
    </row>
    <row r="34177" spans="8:8">
      <c r="H34177" s="12"/>
    </row>
    <row r="34178" spans="8:8">
      <c r="H34178" s="12"/>
    </row>
    <row r="34179" spans="8:8">
      <c r="H34179" s="12"/>
    </row>
    <row r="34180" spans="8:8">
      <c r="H34180" s="12"/>
    </row>
    <row r="34181" spans="8:8">
      <c r="H34181" s="12"/>
    </row>
    <row r="34182" spans="8:8">
      <c r="H34182" s="12"/>
    </row>
    <row r="34183" spans="8:8">
      <c r="H34183" s="12"/>
    </row>
    <row r="34184" spans="8:8">
      <c r="H34184" s="12"/>
    </row>
    <row r="34185" spans="8:8">
      <c r="H34185" s="12"/>
    </row>
    <row r="34186" spans="8:8">
      <c r="H34186" s="12"/>
    </row>
    <row r="34187" spans="8:8">
      <c r="H34187" s="12"/>
    </row>
    <row r="34188" spans="8:8">
      <c r="H34188" s="12"/>
    </row>
    <row r="34189" spans="8:8">
      <c r="H34189" s="12"/>
    </row>
    <row r="34190" spans="8:8">
      <c r="H34190" s="12"/>
    </row>
    <row r="34191" spans="8:8">
      <c r="H34191" s="12"/>
    </row>
    <row r="34192" spans="8:8">
      <c r="H34192" s="12"/>
    </row>
    <row r="34193" spans="8:8">
      <c r="H34193" s="12"/>
    </row>
    <row r="34194" spans="8:8">
      <c r="H34194" s="12"/>
    </row>
    <row r="34195" spans="8:8">
      <c r="H34195" s="12"/>
    </row>
    <row r="34196" spans="8:8">
      <c r="H34196" s="12"/>
    </row>
    <row r="34197" spans="8:8">
      <c r="H34197" s="12"/>
    </row>
    <row r="34198" spans="8:8">
      <c r="H34198" s="12"/>
    </row>
    <row r="34199" spans="8:8">
      <c r="H34199" s="12"/>
    </row>
    <row r="34200" spans="8:8">
      <c r="H34200" s="12"/>
    </row>
    <row r="34201" spans="8:8">
      <c r="H34201" s="12"/>
    </row>
    <row r="34202" spans="8:8">
      <c r="H34202" s="12"/>
    </row>
    <row r="34203" spans="8:8">
      <c r="H34203" s="12"/>
    </row>
    <row r="34204" spans="8:8">
      <c r="H34204" s="12"/>
    </row>
    <row r="34205" spans="8:8">
      <c r="H34205" s="12"/>
    </row>
    <row r="34206" spans="8:8">
      <c r="H34206" s="12"/>
    </row>
    <row r="34207" spans="8:8">
      <c r="H34207" s="12"/>
    </row>
    <row r="34208" spans="8:8">
      <c r="H34208" s="12"/>
    </row>
    <row r="34209" spans="8:8">
      <c r="H34209" s="12"/>
    </row>
    <row r="34210" spans="8:8">
      <c r="H34210" s="12"/>
    </row>
    <row r="34211" spans="8:8">
      <c r="H34211" s="12"/>
    </row>
    <row r="34212" spans="8:8">
      <c r="H34212" s="12"/>
    </row>
    <row r="34213" spans="8:8">
      <c r="H34213" s="12"/>
    </row>
    <row r="34214" spans="8:8">
      <c r="H34214" s="12"/>
    </row>
    <row r="34215" spans="8:8">
      <c r="H34215" s="12"/>
    </row>
    <row r="34216" spans="8:8">
      <c r="H34216" s="12"/>
    </row>
    <row r="34217" spans="8:8">
      <c r="H34217" s="12"/>
    </row>
    <row r="34218" spans="8:8">
      <c r="H34218" s="12"/>
    </row>
    <row r="34219" spans="8:8">
      <c r="H34219" s="12"/>
    </row>
    <row r="34220" spans="8:8">
      <c r="H34220" s="12"/>
    </row>
    <row r="34221" spans="8:8">
      <c r="H34221" s="12"/>
    </row>
    <row r="34222" spans="8:8">
      <c r="H34222" s="12"/>
    </row>
    <row r="34223" spans="8:8">
      <c r="H34223" s="12"/>
    </row>
    <row r="34224" spans="8:8">
      <c r="H34224" s="12"/>
    </row>
    <row r="34225" spans="8:8">
      <c r="H34225" s="12"/>
    </row>
    <row r="34226" spans="8:8">
      <c r="H34226" s="12"/>
    </row>
    <row r="34227" spans="8:8">
      <c r="H34227" s="12"/>
    </row>
    <row r="34228" spans="8:8">
      <c r="H34228" s="12"/>
    </row>
    <row r="34229" spans="8:8">
      <c r="H34229" s="12"/>
    </row>
    <row r="34230" spans="8:8">
      <c r="H34230" s="12"/>
    </row>
    <row r="34231" spans="8:8">
      <c r="H34231" s="12"/>
    </row>
    <row r="34232" spans="8:8">
      <c r="H34232" s="12"/>
    </row>
    <row r="34233" spans="8:8">
      <c r="H34233" s="12"/>
    </row>
    <row r="34234" spans="8:8">
      <c r="H34234" s="12"/>
    </row>
    <row r="34235" spans="8:8">
      <c r="H34235" s="12"/>
    </row>
    <row r="34236" spans="8:8">
      <c r="H34236" s="12"/>
    </row>
    <row r="34237" spans="8:8">
      <c r="H34237" s="12"/>
    </row>
    <row r="34238" spans="8:8">
      <c r="H34238" s="12"/>
    </row>
    <row r="34239" spans="8:8">
      <c r="H34239" s="12"/>
    </row>
    <row r="34240" spans="8:8">
      <c r="H34240" s="12"/>
    </row>
    <row r="34241" spans="8:8">
      <c r="H34241" s="12"/>
    </row>
    <row r="34242" spans="8:8">
      <c r="H34242" s="12"/>
    </row>
    <row r="34243" spans="8:8">
      <c r="H34243" s="12"/>
    </row>
    <row r="34244" spans="8:8">
      <c r="H34244" s="12"/>
    </row>
    <row r="34245" spans="8:8">
      <c r="H34245" s="12"/>
    </row>
    <row r="34246" spans="8:8">
      <c r="H34246" s="12"/>
    </row>
    <row r="34247" spans="8:8">
      <c r="H34247" s="12"/>
    </row>
    <row r="34248" spans="8:8">
      <c r="H34248" s="12"/>
    </row>
    <row r="34249" spans="8:8">
      <c r="H34249" s="12"/>
    </row>
    <row r="34250" spans="8:8">
      <c r="H34250" s="12"/>
    </row>
    <row r="34251" spans="8:8">
      <c r="H34251" s="12"/>
    </row>
    <row r="34252" spans="8:8">
      <c r="H34252" s="12"/>
    </row>
    <row r="34253" spans="8:8">
      <c r="H34253" s="12"/>
    </row>
    <row r="34254" spans="8:8">
      <c r="H34254" s="12"/>
    </row>
    <row r="34255" spans="8:8">
      <c r="H34255" s="12"/>
    </row>
    <row r="34256" spans="8:8">
      <c r="H34256" s="12"/>
    </row>
    <row r="34257" spans="8:8">
      <c r="H34257" s="12"/>
    </row>
    <row r="34258" spans="8:8">
      <c r="H34258" s="12"/>
    </row>
    <row r="34259" spans="8:8">
      <c r="H34259" s="12"/>
    </row>
    <row r="34260" spans="8:8">
      <c r="H34260" s="12"/>
    </row>
    <row r="34261" spans="8:8">
      <c r="H34261" s="12"/>
    </row>
    <row r="34262" spans="8:8">
      <c r="H34262" s="12"/>
    </row>
    <row r="34263" spans="8:8">
      <c r="H34263" s="12"/>
    </row>
    <row r="34264" spans="8:8">
      <c r="H34264" s="12"/>
    </row>
    <row r="34265" spans="8:8">
      <c r="H34265" s="12"/>
    </row>
    <row r="34266" spans="8:8">
      <c r="H34266" s="12"/>
    </row>
    <row r="34267" spans="8:8">
      <c r="H34267" s="12"/>
    </row>
    <row r="34268" spans="8:8">
      <c r="H34268" s="12"/>
    </row>
    <row r="34269" spans="8:8">
      <c r="H34269" s="12"/>
    </row>
    <row r="34270" spans="8:8">
      <c r="H34270" s="12"/>
    </row>
    <row r="34271" spans="8:8">
      <c r="H34271" s="12"/>
    </row>
    <row r="34272" spans="8:8">
      <c r="H34272" s="12"/>
    </row>
    <row r="34273" spans="8:8">
      <c r="H34273" s="12"/>
    </row>
    <row r="34274" spans="8:8">
      <c r="H34274" s="12"/>
    </row>
    <row r="34275" spans="8:8">
      <c r="H34275" s="12"/>
    </row>
    <row r="34276" spans="8:8">
      <c r="H34276" s="12"/>
    </row>
    <row r="34277" spans="8:8">
      <c r="H34277" s="12"/>
    </row>
    <row r="34278" spans="8:8">
      <c r="H34278" s="12"/>
    </row>
    <row r="34279" spans="8:8">
      <c r="H34279" s="12"/>
    </row>
    <row r="34280" spans="8:8">
      <c r="H34280" s="12"/>
    </row>
    <row r="34281" spans="8:8">
      <c r="H34281" s="12"/>
    </row>
    <row r="34282" spans="8:8">
      <c r="H34282" s="12"/>
    </row>
    <row r="34283" spans="8:8">
      <c r="H34283" s="12"/>
    </row>
    <row r="34284" spans="8:8">
      <c r="H34284" s="12"/>
    </row>
    <row r="34285" spans="8:8">
      <c r="H34285" s="12"/>
    </row>
    <row r="34286" spans="8:8">
      <c r="H34286" s="12"/>
    </row>
    <row r="34287" spans="8:8">
      <c r="H34287" s="12"/>
    </row>
    <row r="34288" spans="8:8">
      <c r="H34288" s="12"/>
    </row>
    <row r="34289" spans="8:8">
      <c r="H34289" s="12"/>
    </row>
    <row r="34290" spans="8:8">
      <c r="H34290" s="12"/>
    </row>
    <row r="34291" spans="8:8">
      <c r="H34291" s="12"/>
    </row>
    <row r="34292" spans="8:8">
      <c r="H34292" s="12"/>
    </row>
    <row r="34293" spans="8:8">
      <c r="H34293" s="12"/>
    </row>
    <row r="34294" spans="8:8">
      <c r="H34294" s="12"/>
    </row>
    <row r="34295" spans="8:8">
      <c r="H34295" s="12"/>
    </row>
    <row r="34296" spans="8:8">
      <c r="H34296" s="12"/>
    </row>
    <row r="34297" spans="8:8">
      <c r="H34297" s="12"/>
    </row>
    <row r="34298" spans="8:8">
      <c r="H34298" s="12"/>
    </row>
    <row r="34299" spans="8:8">
      <c r="H34299" s="12"/>
    </row>
    <row r="34300" spans="8:8">
      <c r="H34300" s="12"/>
    </row>
    <row r="34301" spans="8:8">
      <c r="H34301" s="12"/>
    </row>
    <row r="34302" spans="8:8">
      <c r="H34302" s="12"/>
    </row>
    <row r="34303" spans="8:8">
      <c r="H34303" s="12"/>
    </row>
    <row r="34304" spans="8:8">
      <c r="H34304" s="12"/>
    </row>
    <row r="34305" spans="8:8">
      <c r="H34305" s="12"/>
    </row>
    <row r="34306" spans="8:8">
      <c r="H34306" s="12"/>
    </row>
    <row r="34307" spans="8:8">
      <c r="H34307" s="12"/>
    </row>
    <row r="34308" spans="8:8">
      <c r="H34308" s="12"/>
    </row>
    <row r="34309" spans="8:8">
      <c r="H34309" s="12"/>
    </row>
    <row r="34310" spans="8:8">
      <c r="H34310" s="12"/>
    </row>
    <row r="34311" spans="8:8">
      <c r="H34311" s="12"/>
    </row>
    <row r="34312" spans="8:8">
      <c r="H34312" s="12"/>
    </row>
    <row r="34313" spans="8:8">
      <c r="H34313" s="12"/>
    </row>
    <row r="34314" spans="8:8">
      <c r="H34314" s="12"/>
    </row>
    <row r="34315" spans="8:8">
      <c r="H34315" s="12"/>
    </row>
    <row r="34316" spans="8:8">
      <c r="H34316" s="12"/>
    </row>
    <row r="34317" spans="8:8">
      <c r="H34317" s="12"/>
    </row>
    <row r="34318" spans="8:8">
      <c r="H34318" s="12"/>
    </row>
    <row r="34319" spans="8:8">
      <c r="H34319" s="12"/>
    </row>
    <row r="34320" spans="8:8">
      <c r="H34320" s="12"/>
    </row>
    <row r="34321" spans="8:8">
      <c r="H34321" s="12"/>
    </row>
    <row r="34322" spans="8:8">
      <c r="H34322" s="12"/>
    </row>
    <row r="34323" spans="8:8">
      <c r="H34323" s="12"/>
    </row>
    <row r="34324" spans="8:8">
      <c r="H34324" s="12"/>
    </row>
    <row r="34325" spans="8:8">
      <c r="H34325" s="12"/>
    </row>
    <row r="34326" spans="8:8">
      <c r="H34326" s="12"/>
    </row>
    <row r="34327" spans="8:8">
      <c r="H34327" s="12"/>
    </row>
    <row r="34328" spans="8:8">
      <c r="H34328" s="12"/>
    </row>
    <row r="34329" spans="8:8">
      <c r="H34329" s="12"/>
    </row>
    <row r="34330" spans="8:8">
      <c r="H34330" s="12"/>
    </row>
    <row r="34331" spans="8:8">
      <c r="H34331" s="12"/>
    </row>
    <row r="34332" spans="8:8">
      <c r="H34332" s="12"/>
    </row>
    <row r="34333" spans="8:8">
      <c r="H34333" s="12"/>
    </row>
    <row r="34334" spans="8:8">
      <c r="H34334" s="12"/>
    </row>
    <row r="34335" spans="8:8">
      <c r="H34335" s="12"/>
    </row>
    <row r="34336" spans="8:8">
      <c r="H34336" s="12"/>
    </row>
    <row r="34337" spans="8:8">
      <c r="H34337" s="12"/>
    </row>
    <row r="34338" spans="8:8">
      <c r="H34338" s="12"/>
    </row>
    <row r="34339" spans="8:8">
      <c r="H34339" s="12"/>
    </row>
    <row r="34340" spans="8:8">
      <c r="H34340" s="12"/>
    </row>
    <row r="34341" spans="8:8">
      <c r="H34341" s="12"/>
    </row>
    <row r="34342" spans="8:8">
      <c r="H34342" s="12"/>
    </row>
    <row r="34343" spans="8:8">
      <c r="H34343" s="12"/>
    </row>
    <row r="34344" spans="8:8">
      <c r="H34344" s="12"/>
    </row>
    <row r="34345" spans="8:8">
      <c r="H34345" s="12"/>
    </row>
    <row r="34346" spans="8:8">
      <c r="H34346" s="12"/>
    </row>
    <row r="34347" spans="8:8">
      <c r="H34347" s="12"/>
    </row>
    <row r="34348" spans="8:8">
      <c r="H34348" s="12"/>
    </row>
    <row r="34349" spans="8:8">
      <c r="H34349" s="12"/>
    </row>
    <row r="34350" spans="8:8">
      <c r="H34350" s="12"/>
    </row>
    <row r="34351" spans="8:8">
      <c r="H34351" s="12"/>
    </row>
    <row r="34352" spans="8:8">
      <c r="H34352" s="12"/>
    </row>
    <row r="34353" spans="8:8">
      <c r="H34353" s="12"/>
    </row>
    <row r="34354" spans="8:8">
      <c r="H34354" s="12"/>
    </row>
    <row r="34355" spans="8:8">
      <c r="H34355" s="12"/>
    </row>
    <row r="34356" spans="8:8">
      <c r="H34356" s="12"/>
    </row>
    <row r="34357" spans="8:8">
      <c r="H34357" s="12"/>
    </row>
    <row r="34358" spans="8:8">
      <c r="H34358" s="12"/>
    </row>
    <row r="34359" spans="8:8">
      <c r="H34359" s="12"/>
    </row>
    <row r="34360" spans="8:8">
      <c r="H34360" s="12"/>
    </row>
    <row r="34361" spans="8:8">
      <c r="H34361" s="12"/>
    </row>
    <row r="34362" spans="8:8">
      <c r="H34362" s="12"/>
    </row>
    <row r="34363" spans="8:8">
      <c r="H34363" s="12"/>
    </row>
    <row r="34364" spans="8:8">
      <c r="H34364" s="12"/>
    </row>
    <row r="34365" spans="8:8">
      <c r="H34365" s="12"/>
    </row>
    <row r="34366" spans="8:8">
      <c r="H34366" s="12"/>
    </row>
    <row r="34367" spans="8:8">
      <c r="H34367" s="12"/>
    </row>
    <row r="34368" spans="8:8">
      <c r="H34368" s="12"/>
    </row>
    <row r="34369" spans="8:8">
      <c r="H34369" s="12"/>
    </row>
    <row r="34370" spans="8:8">
      <c r="H34370" s="12"/>
    </row>
    <row r="34371" spans="8:8">
      <c r="H34371" s="12"/>
    </row>
    <row r="34372" spans="8:8">
      <c r="H34372" s="12"/>
    </row>
    <row r="34373" spans="8:8">
      <c r="H34373" s="12"/>
    </row>
    <row r="34374" spans="8:8">
      <c r="H34374" s="12"/>
    </row>
    <row r="34375" spans="8:8">
      <c r="H34375" s="12"/>
    </row>
    <row r="34376" spans="8:8">
      <c r="H34376" s="12"/>
    </row>
    <row r="34377" spans="8:8">
      <c r="H34377" s="12"/>
    </row>
    <row r="34378" spans="8:8">
      <c r="H34378" s="12"/>
    </row>
    <row r="34379" spans="8:8">
      <c r="H34379" s="12"/>
    </row>
    <row r="34380" spans="8:8">
      <c r="H34380" s="12"/>
    </row>
    <row r="34381" spans="8:8">
      <c r="H34381" s="12"/>
    </row>
    <row r="34382" spans="8:8">
      <c r="H34382" s="12"/>
    </row>
    <row r="34383" spans="8:8">
      <c r="H34383" s="12"/>
    </row>
    <row r="34384" spans="8:8">
      <c r="H34384" s="12"/>
    </row>
    <row r="34385" spans="8:8">
      <c r="H34385" s="12"/>
    </row>
    <row r="34386" spans="8:8">
      <c r="H34386" s="12"/>
    </row>
    <row r="34387" spans="8:8">
      <c r="H34387" s="12"/>
    </row>
    <row r="34388" spans="8:8">
      <c r="H34388" s="12"/>
    </row>
    <row r="34389" spans="8:8">
      <c r="H34389" s="12"/>
    </row>
    <row r="34390" spans="8:8">
      <c r="H34390" s="12"/>
    </row>
    <row r="34391" spans="8:8">
      <c r="H34391" s="12"/>
    </row>
    <row r="34392" spans="8:8">
      <c r="H34392" s="12"/>
    </row>
    <row r="34393" spans="8:8">
      <c r="H34393" s="12"/>
    </row>
    <row r="34394" spans="8:8">
      <c r="H34394" s="12"/>
    </row>
    <row r="34395" spans="8:8">
      <c r="H34395" s="12"/>
    </row>
    <row r="34396" spans="8:8">
      <c r="H34396" s="12"/>
    </row>
    <row r="34397" spans="8:8">
      <c r="H34397" s="12"/>
    </row>
    <row r="34398" spans="8:8">
      <c r="H34398" s="12"/>
    </row>
    <row r="34399" spans="8:8">
      <c r="H34399" s="12"/>
    </row>
    <row r="34400" spans="8:8">
      <c r="H34400" s="12"/>
    </row>
    <row r="34401" spans="8:8">
      <c r="H34401" s="12"/>
    </row>
    <row r="34402" spans="8:8">
      <c r="H34402" s="12"/>
    </row>
    <row r="34403" spans="8:8">
      <c r="H34403" s="12"/>
    </row>
    <row r="34404" spans="8:8">
      <c r="H34404" s="12"/>
    </row>
    <row r="34405" spans="8:8">
      <c r="H34405" s="12"/>
    </row>
    <row r="34406" spans="8:8">
      <c r="H34406" s="12"/>
    </row>
    <row r="34407" spans="8:8">
      <c r="H34407" s="12"/>
    </row>
    <row r="34408" spans="8:8">
      <c r="H34408" s="12"/>
    </row>
    <row r="34409" spans="8:8">
      <c r="H34409" s="12"/>
    </row>
    <row r="34410" spans="8:8">
      <c r="H34410" s="12"/>
    </row>
    <row r="34411" spans="8:8">
      <c r="H34411" s="12"/>
    </row>
    <row r="34412" spans="8:8">
      <c r="H34412" s="12"/>
    </row>
    <row r="34413" spans="8:8">
      <c r="H34413" s="12"/>
    </row>
    <row r="34414" spans="8:8">
      <c r="H34414" s="12"/>
    </row>
    <row r="34415" spans="8:8">
      <c r="H34415" s="12"/>
    </row>
    <row r="34416" spans="8:8">
      <c r="H34416" s="12"/>
    </row>
    <row r="34417" spans="8:8">
      <c r="H34417" s="12"/>
    </row>
    <row r="34418" spans="8:8">
      <c r="H34418" s="12"/>
    </row>
    <row r="34419" spans="8:8">
      <c r="H34419" s="12"/>
    </row>
    <row r="34420" spans="8:8">
      <c r="H34420" s="12"/>
    </row>
    <row r="34421" spans="8:8">
      <c r="H34421" s="12"/>
    </row>
    <row r="34422" spans="8:8">
      <c r="H34422" s="12"/>
    </row>
    <row r="34423" spans="8:8">
      <c r="H34423" s="12"/>
    </row>
    <row r="34424" spans="8:8">
      <c r="H34424" s="12"/>
    </row>
    <row r="34425" spans="8:8">
      <c r="H34425" s="12"/>
    </row>
    <row r="34426" spans="8:8">
      <c r="H34426" s="12"/>
    </row>
    <row r="34427" spans="8:8">
      <c r="H34427" s="12"/>
    </row>
    <row r="34428" spans="8:8">
      <c r="H34428" s="12"/>
    </row>
    <row r="34429" spans="8:8">
      <c r="H34429" s="12"/>
    </row>
    <row r="34430" spans="8:8">
      <c r="H34430" s="12"/>
    </row>
    <row r="34431" spans="8:8">
      <c r="H34431" s="12"/>
    </row>
    <row r="34432" spans="8:8">
      <c r="H34432" s="12"/>
    </row>
    <row r="34433" spans="8:8">
      <c r="H34433" s="12"/>
    </row>
    <row r="34434" spans="8:8">
      <c r="H34434" s="12"/>
    </row>
    <row r="34435" spans="8:8">
      <c r="H34435" s="12"/>
    </row>
    <row r="34436" spans="8:8">
      <c r="H34436" s="12"/>
    </row>
    <row r="34437" spans="8:8">
      <c r="H34437" s="12"/>
    </row>
    <row r="34438" spans="8:8">
      <c r="H34438" s="12"/>
    </row>
    <row r="34439" spans="8:8">
      <c r="H34439" s="12"/>
    </row>
    <row r="34440" spans="8:8">
      <c r="H34440" s="12"/>
    </row>
    <row r="34441" spans="8:8">
      <c r="H34441" s="12"/>
    </row>
    <row r="34442" spans="8:8">
      <c r="H34442" s="12"/>
    </row>
    <row r="34443" spans="8:8">
      <c r="H34443" s="12"/>
    </row>
    <row r="34444" spans="8:8">
      <c r="H34444" s="12"/>
    </row>
    <row r="34445" spans="8:8">
      <c r="H34445" s="12"/>
    </row>
    <row r="34446" spans="8:8">
      <c r="H34446" s="12"/>
    </row>
    <row r="34447" spans="8:8">
      <c r="H34447" s="12"/>
    </row>
    <row r="34448" spans="8:8">
      <c r="H34448" s="12"/>
    </row>
    <row r="34449" spans="8:8">
      <c r="H34449" s="12"/>
    </row>
    <row r="34450" spans="8:8">
      <c r="H34450" s="12"/>
    </row>
    <row r="34451" spans="8:8">
      <c r="H34451" s="12"/>
    </row>
    <row r="34452" spans="8:8">
      <c r="H34452" s="12"/>
    </row>
    <row r="34453" spans="8:8">
      <c r="H34453" s="12"/>
    </row>
    <row r="34454" spans="8:8">
      <c r="H34454" s="12"/>
    </row>
    <row r="34455" spans="8:8">
      <c r="H34455" s="12"/>
    </row>
    <row r="34456" spans="8:8">
      <c r="H34456" s="12"/>
    </row>
    <row r="34457" spans="8:8">
      <c r="H34457" s="12"/>
    </row>
    <row r="34458" spans="8:8">
      <c r="H34458" s="12"/>
    </row>
    <row r="34459" spans="8:8">
      <c r="H34459" s="12"/>
    </row>
    <row r="34460" spans="8:8">
      <c r="H34460" s="12"/>
    </row>
    <row r="34461" spans="8:8">
      <c r="H34461" s="12"/>
    </row>
    <row r="34462" spans="8:8">
      <c r="H34462" s="12"/>
    </row>
    <row r="34463" spans="8:8">
      <c r="H34463" s="12"/>
    </row>
    <row r="34464" spans="8:8">
      <c r="H34464" s="12"/>
    </row>
    <row r="34465" spans="8:8">
      <c r="H34465" s="12"/>
    </row>
    <row r="34466" spans="8:8">
      <c r="H34466" s="12"/>
    </row>
    <row r="34467" spans="8:8">
      <c r="H34467" s="12"/>
    </row>
    <row r="34468" spans="8:8">
      <c r="H34468" s="12"/>
    </row>
    <row r="34469" spans="8:8">
      <c r="H34469" s="12"/>
    </row>
    <row r="34470" spans="8:8">
      <c r="H34470" s="12"/>
    </row>
    <row r="34471" spans="8:8">
      <c r="H34471" s="12"/>
    </row>
    <row r="34472" spans="8:8">
      <c r="H34472" s="12"/>
    </row>
    <row r="34473" spans="8:8">
      <c r="H34473" s="12"/>
    </row>
    <row r="34474" spans="8:8">
      <c r="H34474" s="12"/>
    </row>
    <row r="34475" spans="8:8">
      <c r="H34475" s="12"/>
    </row>
    <row r="34476" spans="8:8">
      <c r="H34476" s="12"/>
    </row>
    <row r="34477" spans="8:8">
      <c r="H34477" s="12"/>
    </row>
    <row r="34478" spans="8:8">
      <c r="H34478" s="12"/>
    </row>
    <row r="34479" spans="8:8">
      <c r="H34479" s="12"/>
    </row>
    <row r="34480" spans="8:8">
      <c r="H34480" s="12"/>
    </row>
    <row r="34481" spans="8:8">
      <c r="H34481" s="12"/>
    </row>
    <row r="34482" spans="8:8">
      <c r="H34482" s="12"/>
    </row>
    <row r="34483" spans="8:8">
      <c r="H34483" s="12"/>
    </row>
    <row r="34484" spans="8:8">
      <c r="H34484" s="12"/>
    </row>
    <row r="34485" spans="8:8">
      <c r="H34485" s="12"/>
    </row>
    <row r="34486" spans="8:8">
      <c r="H34486" s="12"/>
    </row>
    <row r="34487" spans="8:8">
      <c r="H34487" s="12"/>
    </row>
    <row r="34488" spans="8:8">
      <c r="H34488" s="12"/>
    </row>
    <row r="34489" spans="8:8">
      <c r="H34489" s="12"/>
    </row>
    <row r="34490" spans="8:8">
      <c r="H34490" s="12"/>
    </row>
    <row r="34491" spans="8:8">
      <c r="H34491" s="12"/>
    </row>
    <row r="34492" spans="8:8">
      <c r="H34492" s="12"/>
    </row>
    <row r="34493" spans="8:8">
      <c r="H34493" s="12"/>
    </row>
    <row r="34494" spans="8:8">
      <c r="H34494" s="12"/>
    </row>
    <row r="34495" spans="8:8">
      <c r="H34495" s="12"/>
    </row>
    <row r="34496" spans="8:8">
      <c r="H34496" s="12"/>
    </row>
    <row r="34497" spans="8:8">
      <c r="H34497" s="12"/>
    </row>
    <row r="34498" spans="8:8">
      <c r="H34498" s="12"/>
    </row>
    <row r="34499" spans="8:8">
      <c r="H34499" s="12"/>
    </row>
    <row r="34500" spans="8:8">
      <c r="H34500" s="12"/>
    </row>
    <row r="34501" spans="8:8">
      <c r="H34501" s="12"/>
    </row>
    <row r="34502" spans="8:8">
      <c r="H34502" s="12"/>
    </row>
    <row r="34503" spans="8:8">
      <c r="H34503" s="12"/>
    </row>
    <row r="34504" spans="8:8">
      <c r="H34504" s="12"/>
    </row>
    <row r="34505" spans="8:8">
      <c r="H34505" s="12"/>
    </row>
    <row r="34506" spans="8:8">
      <c r="H34506" s="12"/>
    </row>
    <row r="34507" spans="8:8">
      <c r="H34507" s="12"/>
    </row>
    <row r="34508" spans="8:8">
      <c r="H34508" s="12"/>
    </row>
    <row r="34509" spans="8:8">
      <c r="H34509" s="12"/>
    </row>
    <row r="34510" spans="8:8">
      <c r="H34510" s="12"/>
    </row>
    <row r="34511" spans="8:8">
      <c r="H34511" s="12"/>
    </row>
    <row r="34512" spans="8:8">
      <c r="H34512" s="12"/>
    </row>
    <row r="34513" spans="8:8">
      <c r="H34513" s="12"/>
    </row>
    <row r="34514" spans="8:8">
      <c r="H34514" s="12"/>
    </row>
    <row r="34515" spans="8:8">
      <c r="H34515" s="12"/>
    </row>
    <row r="34516" spans="8:8">
      <c r="H34516" s="12"/>
    </row>
    <row r="34517" spans="8:8">
      <c r="H34517" s="12"/>
    </row>
    <row r="34518" spans="8:8">
      <c r="H34518" s="12"/>
    </row>
    <row r="34519" spans="8:8">
      <c r="H34519" s="12"/>
    </row>
    <row r="34520" spans="8:8">
      <c r="H34520" s="12"/>
    </row>
    <row r="34521" spans="8:8">
      <c r="H34521" s="12"/>
    </row>
    <row r="34522" spans="8:8">
      <c r="H34522" s="12"/>
    </row>
    <row r="34523" spans="8:8">
      <c r="H34523" s="12"/>
    </row>
    <row r="34524" spans="8:8">
      <c r="H34524" s="12"/>
    </row>
    <row r="34525" spans="8:8">
      <c r="H34525" s="12"/>
    </row>
    <row r="34526" spans="8:8">
      <c r="H34526" s="12"/>
    </row>
    <row r="34527" spans="8:8">
      <c r="H34527" s="12"/>
    </row>
    <row r="34528" spans="8:8">
      <c r="H34528" s="12"/>
    </row>
    <row r="34529" spans="8:8">
      <c r="H34529" s="12"/>
    </row>
    <row r="34530" spans="8:8">
      <c r="H34530" s="12"/>
    </row>
    <row r="34531" spans="8:8">
      <c r="H34531" s="12"/>
    </row>
    <row r="34532" spans="8:8">
      <c r="H34532" s="12"/>
    </row>
    <row r="34533" spans="8:8">
      <c r="H34533" s="12"/>
    </row>
    <row r="34534" spans="8:8">
      <c r="H34534" s="12"/>
    </row>
    <row r="34535" spans="8:8">
      <c r="H34535" s="12"/>
    </row>
    <row r="34536" spans="8:8">
      <c r="H34536" s="12"/>
    </row>
    <row r="34537" spans="8:8">
      <c r="H34537" s="12"/>
    </row>
    <row r="34538" spans="8:8">
      <c r="H34538" s="12"/>
    </row>
    <row r="34539" spans="8:8">
      <c r="H34539" s="12"/>
    </row>
    <row r="34540" spans="8:8">
      <c r="H34540" s="12"/>
    </row>
    <row r="34541" spans="8:8">
      <c r="H34541" s="12"/>
    </row>
    <row r="34542" spans="8:8">
      <c r="H34542" s="12"/>
    </row>
    <row r="34543" spans="8:8">
      <c r="H34543" s="12"/>
    </row>
    <row r="34544" spans="8:8">
      <c r="H34544" s="12"/>
    </row>
    <row r="34545" spans="8:8">
      <c r="H34545" s="12"/>
    </row>
    <row r="34546" spans="8:8">
      <c r="H34546" s="12"/>
    </row>
    <row r="34547" spans="8:8">
      <c r="H34547" s="12"/>
    </row>
    <row r="34548" spans="8:8">
      <c r="H34548" s="12"/>
    </row>
    <row r="34549" spans="8:8">
      <c r="H34549" s="12"/>
    </row>
    <row r="34550" spans="8:8">
      <c r="H34550" s="12"/>
    </row>
    <row r="34551" spans="8:8">
      <c r="H34551" s="12"/>
    </row>
    <row r="34552" spans="8:8">
      <c r="H34552" s="12"/>
    </row>
    <row r="34553" spans="8:8">
      <c r="H34553" s="12"/>
    </row>
    <row r="34554" spans="8:8">
      <c r="H34554" s="12"/>
    </row>
    <row r="34555" spans="8:8">
      <c r="H34555" s="12"/>
    </row>
    <row r="34556" spans="8:8">
      <c r="H34556" s="12"/>
    </row>
    <row r="34557" spans="8:8">
      <c r="H34557" s="12"/>
    </row>
    <row r="34558" spans="8:8">
      <c r="H34558" s="12"/>
    </row>
    <row r="34559" spans="8:8">
      <c r="H34559" s="12"/>
    </row>
    <row r="34560" spans="8:8">
      <c r="H34560" s="12"/>
    </row>
    <row r="34561" spans="8:8">
      <c r="H34561" s="12"/>
    </row>
    <row r="34562" spans="8:8">
      <c r="H34562" s="12"/>
    </row>
    <row r="34563" spans="8:8">
      <c r="H34563" s="12"/>
    </row>
    <row r="34564" spans="8:8">
      <c r="H34564" s="12"/>
    </row>
    <row r="34565" spans="8:8">
      <c r="H34565" s="12"/>
    </row>
    <row r="34566" spans="8:8">
      <c r="H34566" s="12"/>
    </row>
    <row r="34567" spans="8:8">
      <c r="H34567" s="12"/>
    </row>
    <row r="34568" spans="8:8">
      <c r="H34568" s="12"/>
    </row>
    <row r="34569" spans="8:8">
      <c r="H34569" s="12"/>
    </row>
    <row r="34570" spans="8:8">
      <c r="H34570" s="12"/>
    </row>
    <row r="34571" spans="8:8">
      <c r="H34571" s="12"/>
    </row>
    <row r="34572" spans="8:8">
      <c r="H34572" s="12"/>
    </row>
    <row r="34573" spans="8:8">
      <c r="H34573" s="12"/>
    </row>
    <row r="34574" spans="8:8">
      <c r="H34574" s="12"/>
    </row>
    <row r="34575" spans="8:8">
      <c r="H34575" s="12"/>
    </row>
    <row r="34576" spans="8:8">
      <c r="H34576" s="12"/>
    </row>
    <row r="34577" spans="8:8">
      <c r="H34577" s="12"/>
    </row>
    <row r="34578" spans="8:8">
      <c r="H34578" s="12"/>
    </row>
    <row r="34579" spans="8:8">
      <c r="H34579" s="12"/>
    </row>
    <row r="34580" spans="8:8">
      <c r="H34580" s="12"/>
    </row>
    <row r="34581" spans="8:8">
      <c r="H34581" s="12"/>
    </row>
    <row r="34582" spans="8:8">
      <c r="H34582" s="12"/>
    </row>
    <row r="34583" spans="8:8">
      <c r="H34583" s="12"/>
    </row>
    <row r="34584" spans="8:8">
      <c r="H34584" s="12"/>
    </row>
    <row r="34585" spans="8:8">
      <c r="H34585" s="12"/>
    </row>
    <row r="34586" spans="8:8">
      <c r="H34586" s="12"/>
    </row>
    <row r="34587" spans="8:8">
      <c r="H34587" s="12"/>
    </row>
    <row r="34588" spans="8:8">
      <c r="H34588" s="12"/>
    </row>
    <row r="34589" spans="8:8">
      <c r="H34589" s="12"/>
    </row>
    <row r="34590" spans="8:8">
      <c r="H34590" s="12"/>
    </row>
    <row r="34591" spans="8:8">
      <c r="H34591" s="12"/>
    </row>
    <row r="34592" spans="8:8">
      <c r="H34592" s="12"/>
    </row>
    <row r="34593" spans="8:8">
      <c r="H34593" s="12"/>
    </row>
    <row r="34594" spans="8:8">
      <c r="H34594" s="12"/>
    </row>
    <row r="34595" spans="8:8">
      <c r="H34595" s="12"/>
    </row>
    <row r="34596" spans="8:8">
      <c r="H34596" s="12"/>
    </row>
    <row r="34597" spans="8:8">
      <c r="H34597" s="12"/>
    </row>
    <row r="34598" spans="8:8">
      <c r="H34598" s="12"/>
    </row>
    <row r="34599" spans="8:8">
      <c r="H34599" s="12"/>
    </row>
    <row r="34600" spans="8:8">
      <c r="H34600" s="12"/>
    </row>
    <row r="34601" spans="8:8">
      <c r="H34601" s="12"/>
    </row>
    <row r="34602" spans="8:8">
      <c r="H34602" s="12"/>
    </row>
    <row r="34603" spans="8:8">
      <c r="H34603" s="12"/>
    </row>
    <row r="34604" spans="8:8">
      <c r="H34604" s="12"/>
    </row>
    <row r="34605" spans="8:8">
      <c r="H34605" s="12"/>
    </row>
    <row r="34606" spans="8:8">
      <c r="H34606" s="12"/>
    </row>
    <row r="34607" spans="8:8">
      <c r="H34607" s="12"/>
    </row>
    <row r="34608" spans="8:8">
      <c r="H34608" s="12"/>
    </row>
    <row r="34609" spans="8:8">
      <c r="H34609" s="12"/>
    </row>
    <row r="34610" spans="8:8">
      <c r="H34610" s="12"/>
    </row>
    <row r="34611" spans="8:8">
      <c r="H34611" s="12"/>
    </row>
    <row r="34612" spans="8:8">
      <c r="H34612" s="12"/>
    </row>
    <row r="34613" spans="8:8">
      <c r="H34613" s="12"/>
    </row>
    <row r="34614" spans="8:8">
      <c r="H34614" s="12"/>
    </row>
    <row r="34615" spans="8:8">
      <c r="H34615" s="12"/>
    </row>
    <row r="34616" spans="8:8">
      <c r="H34616" s="12"/>
    </row>
    <row r="34617" spans="8:8">
      <c r="H34617" s="12"/>
    </row>
    <row r="34618" spans="8:8">
      <c r="H34618" s="12"/>
    </row>
    <row r="34619" spans="8:8">
      <c r="H34619" s="12"/>
    </row>
    <row r="34620" spans="8:8">
      <c r="H34620" s="12"/>
    </row>
    <row r="34621" spans="8:8">
      <c r="H34621" s="12"/>
    </row>
    <row r="34622" spans="8:8">
      <c r="H34622" s="12"/>
    </row>
    <row r="34623" spans="8:8">
      <c r="H34623" s="12"/>
    </row>
    <row r="34624" spans="8:8">
      <c r="H34624" s="12"/>
    </row>
    <row r="34625" spans="8:8">
      <c r="H34625" s="12"/>
    </row>
    <row r="34626" spans="8:8">
      <c r="H34626" s="12"/>
    </row>
    <row r="34627" spans="8:8">
      <c r="H34627" s="12"/>
    </row>
    <row r="34628" spans="8:8">
      <c r="H34628" s="12"/>
    </row>
    <row r="34629" spans="8:8">
      <c r="H34629" s="12"/>
    </row>
    <row r="34630" spans="8:8">
      <c r="H34630" s="12"/>
    </row>
    <row r="34631" spans="8:8">
      <c r="H34631" s="12"/>
    </row>
    <row r="34632" spans="8:8">
      <c r="H34632" s="12"/>
    </row>
    <row r="34633" spans="8:8">
      <c r="H34633" s="12"/>
    </row>
    <row r="34634" spans="8:8">
      <c r="H34634" s="12"/>
    </row>
    <row r="34635" spans="8:8">
      <c r="H34635" s="12"/>
    </row>
    <row r="34636" spans="8:8">
      <c r="H34636" s="12"/>
    </row>
    <row r="34637" spans="8:8">
      <c r="H34637" s="12"/>
    </row>
    <row r="34638" spans="8:8">
      <c r="H34638" s="12"/>
    </row>
    <row r="34639" spans="8:8">
      <c r="H34639" s="12"/>
    </row>
    <row r="34640" spans="8:8">
      <c r="H34640" s="12"/>
    </row>
    <row r="34641" spans="8:8">
      <c r="H34641" s="12"/>
    </row>
    <row r="34642" spans="8:8">
      <c r="H34642" s="12"/>
    </row>
    <row r="34643" spans="8:8">
      <c r="H34643" s="12"/>
    </row>
    <row r="34644" spans="8:8">
      <c r="H34644" s="12"/>
    </row>
    <row r="34645" spans="8:8">
      <c r="H34645" s="12"/>
    </row>
    <row r="34646" spans="8:8">
      <c r="H34646" s="12"/>
    </row>
    <row r="34647" spans="8:8">
      <c r="H34647" s="12"/>
    </row>
    <row r="34648" spans="8:8">
      <c r="H34648" s="12"/>
    </row>
    <row r="34649" spans="8:8">
      <c r="H34649" s="12"/>
    </row>
    <row r="34650" spans="8:8">
      <c r="H34650" s="12"/>
    </row>
    <row r="34651" spans="8:8">
      <c r="H34651" s="12"/>
    </row>
    <row r="34652" spans="8:8">
      <c r="H34652" s="12"/>
    </row>
    <row r="34653" spans="8:8">
      <c r="H34653" s="12"/>
    </row>
    <row r="34654" spans="8:8">
      <c r="H34654" s="12"/>
    </row>
    <row r="34655" spans="8:8">
      <c r="H34655" s="12"/>
    </row>
    <row r="34656" spans="8:8">
      <c r="H34656" s="12"/>
    </row>
    <row r="34657" spans="8:8">
      <c r="H34657" s="12"/>
    </row>
    <row r="34658" spans="8:8">
      <c r="H34658" s="12"/>
    </row>
    <row r="34659" spans="8:8">
      <c r="H34659" s="12"/>
    </row>
    <row r="34660" spans="8:8">
      <c r="H34660" s="12"/>
    </row>
    <row r="34661" spans="8:8">
      <c r="H34661" s="12"/>
    </row>
    <row r="34662" spans="8:8">
      <c r="H34662" s="12"/>
    </row>
    <row r="34663" spans="8:8">
      <c r="H34663" s="12"/>
    </row>
    <row r="34664" spans="8:8">
      <c r="H34664" s="12"/>
    </row>
    <row r="34665" spans="8:8">
      <c r="H34665" s="12"/>
    </row>
    <row r="34666" spans="8:8">
      <c r="H34666" s="12"/>
    </row>
    <row r="34667" spans="8:8">
      <c r="H34667" s="12"/>
    </row>
    <row r="34668" spans="8:8">
      <c r="H34668" s="12"/>
    </row>
    <row r="34669" spans="8:8">
      <c r="H34669" s="12"/>
    </row>
    <row r="34670" spans="8:8">
      <c r="H34670" s="12"/>
    </row>
    <row r="34671" spans="8:8">
      <c r="H34671" s="12"/>
    </row>
    <row r="34672" spans="8:8">
      <c r="H34672" s="12"/>
    </row>
    <row r="34673" spans="8:8">
      <c r="H34673" s="12"/>
    </row>
    <row r="34674" spans="8:8">
      <c r="H34674" s="12"/>
    </row>
    <row r="34675" spans="8:8">
      <c r="H34675" s="12"/>
    </row>
    <row r="34676" spans="8:8">
      <c r="H34676" s="12"/>
    </row>
    <row r="34677" spans="8:8">
      <c r="H34677" s="12"/>
    </row>
    <row r="34678" spans="8:8">
      <c r="H34678" s="12"/>
    </row>
    <row r="34679" spans="8:8">
      <c r="H34679" s="12"/>
    </row>
    <row r="34680" spans="8:8">
      <c r="H34680" s="12"/>
    </row>
    <row r="34681" spans="8:8">
      <c r="H34681" s="12"/>
    </row>
    <row r="34682" spans="8:8">
      <c r="H34682" s="12"/>
    </row>
    <row r="34683" spans="8:8">
      <c r="H34683" s="12"/>
    </row>
    <row r="34684" spans="8:8">
      <c r="H34684" s="12"/>
    </row>
    <row r="34685" spans="8:8">
      <c r="H34685" s="12"/>
    </row>
    <row r="34686" spans="8:8">
      <c r="H34686" s="12"/>
    </row>
    <row r="34687" spans="8:8">
      <c r="H34687" s="12"/>
    </row>
    <row r="34688" spans="8:8">
      <c r="H34688" s="12"/>
    </row>
    <row r="34689" spans="8:8">
      <c r="H34689" s="12"/>
    </row>
    <row r="34690" spans="8:8">
      <c r="H34690" s="12"/>
    </row>
    <row r="34691" spans="8:8">
      <c r="H34691" s="12"/>
    </row>
    <row r="34692" spans="8:8">
      <c r="H34692" s="12"/>
    </row>
    <row r="34693" spans="8:8">
      <c r="H34693" s="12"/>
    </row>
    <row r="34694" spans="8:8">
      <c r="H34694" s="12"/>
    </row>
    <row r="34695" spans="8:8">
      <c r="H34695" s="12"/>
    </row>
    <row r="34696" spans="8:8">
      <c r="H34696" s="12"/>
    </row>
    <row r="34697" spans="8:8">
      <c r="H34697" s="12"/>
    </row>
    <row r="34698" spans="8:8">
      <c r="H34698" s="12"/>
    </row>
    <row r="34699" spans="8:8">
      <c r="H34699" s="12"/>
    </row>
    <row r="34700" spans="8:8">
      <c r="H34700" s="12"/>
    </row>
    <row r="34701" spans="8:8">
      <c r="H34701" s="12"/>
    </row>
    <row r="34702" spans="8:8">
      <c r="H34702" s="12"/>
    </row>
    <row r="34703" spans="8:8">
      <c r="H34703" s="12"/>
    </row>
    <row r="34704" spans="8:8">
      <c r="H34704" s="12"/>
    </row>
    <row r="34705" spans="8:8">
      <c r="H34705" s="12"/>
    </row>
    <row r="34706" spans="8:8">
      <c r="H34706" s="12"/>
    </row>
    <row r="34707" spans="8:8">
      <c r="H34707" s="12"/>
    </row>
    <row r="34708" spans="8:8">
      <c r="H34708" s="12"/>
    </row>
    <row r="34709" spans="8:8">
      <c r="H34709" s="12"/>
    </row>
    <row r="34710" spans="8:8">
      <c r="H34710" s="12"/>
    </row>
    <row r="34711" spans="8:8">
      <c r="H34711" s="12"/>
    </row>
    <row r="34712" spans="8:8">
      <c r="H34712" s="12"/>
    </row>
    <row r="34713" spans="8:8">
      <c r="H34713" s="12"/>
    </row>
    <row r="34714" spans="8:8">
      <c r="H34714" s="12"/>
    </row>
    <row r="34715" spans="8:8">
      <c r="H34715" s="12"/>
    </row>
    <row r="34716" spans="8:8">
      <c r="H34716" s="12"/>
    </row>
    <row r="34717" spans="8:8">
      <c r="H34717" s="12"/>
    </row>
    <row r="34718" spans="8:8">
      <c r="H34718" s="12"/>
    </row>
    <row r="34719" spans="8:8">
      <c r="H34719" s="12"/>
    </row>
    <row r="34720" spans="8:8">
      <c r="H34720" s="12"/>
    </row>
    <row r="34721" spans="8:8">
      <c r="H34721" s="12"/>
    </row>
    <row r="34722" spans="8:8">
      <c r="H34722" s="12"/>
    </row>
    <row r="34723" spans="8:8">
      <c r="H34723" s="12"/>
    </row>
    <row r="34724" spans="8:8">
      <c r="H34724" s="12"/>
    </row>
    <row r="34725" spans="8:8">
      <c r="H34725" s="12"/>
    </row>
    <row r="34726" spans="8:8">
      <c r="H34726" s="12"/>
    </row>
    <row r="34727" spans="8:8">
      <c r="H34727" s="12"/>
    </row>
    <row r="34728" spans="8:8">
      <c r="H34728" s="12"/>
    </row>
    <row r="34729" spans="8:8">
      <c r="H34729" s="12"/>
    </row>
    <row r="34730" spans="8:8">
      <c r="H34730" s="12"/>
    </row>
    <row r="34731" spans="8:8">
      <c r="H34731" s="12"/>
    </row>
    <row r="34732" spans="8:8">
      <c r="H34732" s="12"/>
    </row>
    <row r="34733" spans="8:8">
      <c r="H34733" s="12"/>
    </row>
    <row r="34734" spans="8:8">
      <c r="H34734" s="12"/>
    </row>
    <row r="34735" spans="8:8">
      <c r="H34735" s="12"/>
    </row>
    <row r="34736" spans="8:8">
      <c r="H34736" s="12"/>
    </row>
    <row r="34737" spans="8:8">
      <c r="H34737" s="12"/>
    </row>
    <row r="34738" spans="8:8">
      <c r="H34738" s="12"/>
    </row>
    <row r="34739" spans="8:8">
      <c r="H34739" s="12"/>
    </row>
    <row r="34740" spans="8:8">
      <c r="H34740" s="12"/>
    </row>
    <row r="34741" spans="8:8">
      <c r="H34741" s="12"/>
    </row>
    <row r="34742" spans="8:8">
      <c r="H34742" s="12"/>
    </row>
    <row r="34743" spans="8:8">
      <c r="H34743" s="12"/>
    </row>
    <row r="34744" spans="8:8">
      <c r="H34744" s="12"/>
    </row>
    <row r="34745" spans="8:8">
      <c r="H34745" s="12"/>
    </row>
    <row r="34746" spans="8:8">
      <c r="H34746" s="12"/>
    </row>
    <row r="34747" spans="8:8">
      <c r="H34747" s="12"/>
    </row>
    <row r="34748" spans="8:8">
      <c r="H34748" s="12"/>
    </row>
    <row r="34749" spans="8:8">
      <c r="H34749" s="12"/>
    </row>
    <row r="34750" spans="8:8">
      <c r="H34750" s="12"/>
    </row>
    <row r="34751" spans="8:8">
      <c r="H34751" s="12"/>
    </row>
    <row r="34752" spans="8:8">
      <c r="H34752" s="12"/>
    </row>
    <row r="34753" spans="8:8">
      <c r="H34753" s="12"/>
    </row>
    <row r="34754" spans="8:8">
      <c r="H34754" s="12"/>
    </row>
    <row r="34755" spans="8:8">
      <c r="H34755" s="12"/>
    </row>
    <row r="34756" spans="8:8">
      <c r="H34756" s="12"/>
    </row>
    <row r="34757" spans="8:8">
      <c r="H34757" s="12"/>
    </row>
    <row r="34758" spans="8:8">
      <c r="H34758" s="12"/>
    </row>
    <row r="34759" spans="8:8">
      <c r="H34759" s="12"/>
    </row>
    <row r="34760" spans="8:8">
      <c r="H34760" s="12"/>
    </row>
    <row r="34761" spans="8:8">
      <c r="H34761" s="12"/>
    </row>
    <row r="34762" spans="8:8">
      <c r="H34762" s="12"/>
    </row>
    <row r="34763" spans="8:8">
      <c r="H34763" s="12"/>
    </row>
    <row r="34764" spans="8:8">
      <c r="H34764" s="12"/>
    </row>
    <row r="34765" spans="8:8">
      <c r="H34765" s="12"/>
    </row>
    <row r="34766" spans="8:8">
      <c r="H34766" s="12"/>
    </row>
    <row r="34767" spans="8:8">
      <c r="H34767" s="12"/>
    </row>
    <row r="34768" spans="8:8">
      <c r="H34768" s="12"/>
    </row>
    <row r="34769" spans="8:8">
      <c r="H34769" s="12"/>
    </row>
    <row r="34770" spans="8:8">
      <c r="H34770" s="12"/>
    </row>
    <row r="34771" spans="8:8">
      <c r="H34771" s="12"/>
    </row>
    <row r="34772" spans="8:8">
      <c r="H34772" s="12"/>
    </row>
    <row r="34773" spans="8:8">
      <c r="H34773" s="12"/>
    </row>
    <row r="34774" spans="8:8">
      <c r="H34774" s="12"/>
    </row>
    <row r="34775" spans="8:8">
      <c r="H34775" s="12"/>
    </row>
    <row r="34776" spans="8:8">
      <c r="H34776" s="12"/>
    </row>
    <row r="34777" spans="8:8">
      <c r="H34777" s="12"/>
    </row>
    <row r="34778" spans="8:8">
      <c r="H34778" s="12"/>
    </row>
    <row r="34779" spans="8:8">
      <c r="H34779" s="12"/>
    </row>
    <row r="34780" spans="8:8">
      <c r="H34780" s="12"/>
    </row>
    <row r="34781" spans="8:8">
      <c r="H34781" s="12"/>
    </row>
    <row r="34782" spans="8:8">
      <c r="H34782" s="12"/>
    </row>
    <row r="34783" spans="8:8">
      <c r="H34783" s="12"/>
    </row>
    <row r="34784" spans="8:8">
      <c r="H34784" s="12"/>
    </row>
    <row r="34785" spans="8:8">
      <c r="H34785" s="12"/>
    </row>
    <row r="34786" spans="8:8">
      <c r="H34786" s="12"/>
    </row>
    <row r="34787" spans="8:8">
      <c r="H34787" s="12"/>
    </row>
    <row r="34788" spans="8:8">
      <c r="H34788" s="12"/>
    </row>
    <row r="34789" spans="8:8">
      <c r="H34789" s="12"/>
    </row>
    <row r="34790" spans="8:8">
      <c r="H34790" s="12"/>
    </row>
    <row r="34791" spans="8:8">
      <c r="H34791" s="12"/>
    </row>
    <row r="34792" spans="8:8">
      <c r="H34792" s="12"/>
    </row>
    <row r="34793" spans="8:8">
      <c r="H34793" s="12"/>
    </row>
    <row r="34794" spans="8:8">
      <c r="H34794" s="12"/>
    </row>
    <row r="34795" spans="8:8">
      <c r="H34795" s="12"/>
    </row>
    <row r="34796" spans="8:8">
      <c r="H34796" s="12"/>
    </row>
    <row r="34797" spans="8:8">
      <c r="H34797" s="12"/>
    </row>
    <row r="34798" spans="8:8">
      <c r="H34798" s="12"/>
    </row>
    <row r="34799" spans="8:8">
      <c r="H34799" s="12"/>
    </row>
    <row r="34800" spans="8:8">
      <c r="H34800" s="12"/>
    </row>
    <row r="34801" spans="8:8">
      <c r="H34801" s="12"/>
    </row>
    <row r="34802" spans="8:8">
      <c r="H34802" s="12"/>
    </row>
    <row r="34803" spans="8:8">
      <c r="H34803" s="12"/>
    </row>
    <row r="34804" spans="8:8">
      <c r="H34804" s="12"/>
    </row>
    <row r="34805" spans="8:8">
      <c r="H34805" s="12"/>
    </row>
    <row r="34806" spans="8:8">
      <c r="H34806" s="12"/>
    </row>
    <row r="34807" spans="8:8">
      <c r="H34807" s="12"/>
    </row>
    <row r="34808" spans="8:8">
      <c r="H34808" s="12"/>
    </row>
    <row r="34809" spans="8:8">
      <c r="H34809" s="12"/>
    </row>
    <row r="34810" spans="8:8">
      <c r="H34810" s="12"/>
    </row>
    <row r="34811" spans="8:8">
      <c r="H34811" s="12"/>
    </row>
    <row r="34812" spans="8:8">
      <c r="H34812" s="12"/>
    </row>
    <row r="34813" spans="8:8">
      <c r="H34813" s="12"/>
    </row>
    <row r="34814" spans="8:8">
      <c r="H34814" s="12"/>
    </row>
    <row r="34815" spans="8:8">
      <c r="H34815" s="12"/>
    </row>
    <row r="34816" spans="8:8">
      <c r="H34816" s="12"/>
    </row>
    <row r="34817" spans="8:8">
      <c r="H34817" s="12"/>
    </row>
    <row r="34818" spans="8:8">
      <c r="H34818" s="12"/>
    </row>
    <row r="34819" spans="8:8">
      <c r="H34819" s="12"/>
    </row>
    <row r="34820" spans="8:8">
      <c r="H34820" s="12"/>
    </row>
    <row r="34821" spans="8:8">
      <c r="H34821" s="12"/>
    </row>
    <row r="34822" spans="8:8">
      <c r="H34822" s="12"/>
    </row>
    <row r="34823" spans="8:8">
      <c r="H34823" s="12"/>
    </row>
    <row r="34824" spans="8:8">
      <c r="H34824" s="12"/>
    </row>
    <row r="34825" spans="8:8">
      <c r="H34825" s="12"/>
    </row>
    <row r="34826" spans="8:8">
      <c r="H34826" s="12"/>
    </row>
    <row r="34827" spans="8:8">
      <c r="H34827" s="12"/>
    </row>
    <row r="34828" spans="8:8">
      <c r="H34828" s="12"/>
    </row>
    <row r="34829" spans="8:8">
      <c r="H34829" s="12"/>
    </row>
    <row r="34830" spans="8:8">
      <c r="H34830" s="12"/>
    </row>
    <row r="34831" spans="8:8">
      <c r="H34831" s="12"/>
    </row>
    <row r="34832" spans="8:8">
      <c r="H34832" s="12"/>
    </row>
    <row r="34833" spans="8:8">
      <c r="H34833" s="12"/>
    </row>
    <row r="34834" spans="8:8">
      <c r="H34834" s="12"/>
    </row>
    <row r="34835" spans="8:8">
      <c r="H34835" s="12"/>
    </row>
    <row r="34836" spans="8:8">
      <c r="H34836" s="12"/>
    </row>
    <row r="34837" spans="8:8">
      <c r="H34837" s="12"/>
    </row>
    <row r="34838" spans="8:8">
      <c r="H34838" s="12"/>
    </row>
    <row r="34839" spans="8:8">
      <c r="H34839" s="12"/>
    </row>
    <row r="34840" spans="8:8">
      <c r="H34840" s="12"/>
    </row>
    <row r="34841" spans="8:8">
      <c r="H34841" s="12"/>
    </row>
    <row r="34842" spans="8:8">
      <c r="H34842" s="12"/>
    </row>
    <row r="34843" spans="8:8">
      <c r="H34843" s="12"/>
    </row>
    <row r="34844" spans="8:8">
      <c r="H34844" s="12"/>
    </row>
    <row r="34845" spans="8:8">
      <c r="H34845" s="12"/>
    </row>
    <row r="34846" spans="8:8">
      <c r="H34846" s="12"/>
    </row>
    <row r="34847" spans="8:8">
      <c r="H34847" s="12"/>
    </row>
    <row r="34848" spans="8:8">
      <c r="H34848" s="12"/>
    </row>
    <row r="34849" spans="8:8">
      <c r="H34849" s="12"/>
    </row>
    <row r="34850" spans="8:8">
      <c r="H34850" s="12"/>
    </row>
    <row r="34851" spans="8:8">
      <c r="H34851" s="12"/>
    </row>
    <row r="34852" spans="8:8">
      <c r="H34852" s="12"/>
    </row>
    <row r="34853" spans="8:8">
      <c r="H34853" s="12"/>
    </row>
    <row r="34854" spans="8:8">
      <c r="H34854" s="12"/>
    </row>
    <row r="34855" spans="8:8">
      <c r="H34855" s="12"/>
    </row>
    <row r="34856" spans="8:8">
      <c r="H34856" s="12"/>
    </row>
    <row r="34857" spans="8:8">
      <c r="H34857" s="12"/>
    </row>
    <row r="34858" spans="8:8">
      <c r="H34858" s="12"/>
    </row>
    <row r="34859" spans="8:8">
      <c r="H34859" s="12"/>
    </row>
    <row r="34860" spans="8:8">
      <c r="H34860" s="12"/>
    </row>
    <row r="34861" spans="8:8">
      <c r="H34861" s="12"/>
    </row>
    <row r="34862" spans="8:8">
      <c r="H34862" s="12"/>
    </row>
    <row r="34863" spans="8:8">
      <c r="H34863" s="12"/>
    </row>
    <row r="34864" spans="8:8">
      <c r="H34864" s="12"/>
    </row>
    <row r="34865" spans="8:8">
      <c r="H34865" s="12"/>
    </row>
    <row r="34866" spans="8:8">
      <c r="H34866" s="12"/>
    </row>
    <row r="34867" spans="8:8">
      <c r="H34867" s="12"/>
    </row>
    <row r="34868" spans="8:8">
      <c r="H34868" s="12"/>
    </row>
    <row r="34869" spans="8:8">
      <c r="H34869" s="12"/>
    </row>
    <row r="34870" spans="8:8">
      <c r="H34870" s="12"/>
    </row>
    <row r="34871" spans="8:8">
      <c r="H34871" s="12"/>
    </row>
    <row r="34872" spans="8:8">
      <c r="H34872" s="12"/>
    </row>
    <row r="34873" spans="8:8">
      <c r="H34873" s="12"/>
    </row>
    <row r="34874" spans="8:8">
      <c r="H34874" s="12"/>
    </row>
    <row r="34875" spans="8:8">
      <c r="H34875" s="12"/>
    </row>
    <row r="34876" spans="8:8">
      <c r="H34876" s="12"/>
    </row>
    <row r="34877" spans="8:8">
      <c r="H34877" s="12"/>
    </row>
    <row r="34878" spans="8:8">
      <c r="H34878" s="12"/>
    </row>
    <row r="34879" spans="8:8">
      <c r="H34879" s="12"/>
    </row>
    <row r="34880" spans="8:8">
      <c r="H34880" s="12"/>
    </row>
    <row r="34881" spans="8:8">
      <c r="H34881" s="12"/>
    </row>
    <row r="34882" spans="8:8">
      <c r="H34882" s="12"/>
    </row>
    <row r="34883" spans="8:8">
      <c r="H34883" s="12"/>
    </row>
    <row r="34884" spans="8:8">
      <c r="H34884" s="12"/>
    </row>
    <row r="34885" spans="8:8">
      <c r="H34885" s="12"/>
    </row>
    <row r="34886" spans="8:8">
      <c r="H34886" s="12"/>
    </row>
    <row r="34887" spans="8:8">
      <c r="H34887" s="12"/>
    </row>
    <row r="34888" spans="8:8">
      <c r="H34888" s="12"/>
    </row>
    <row r="34889" spans="8:8">
      <c r="H34889" s="12"/>
    </row>
    <row r="34890" spans="8:8">
      <c r="H34890" s="12"/>
    </row>
    <row r="34891" spans="8:8">
      <c r="H34891" s="12"/>
    </row>
    <row r="34892" spans="8:8">
      <c r="H34892" s="12"/>
    </row>
    <row r="34893" spans="8:8">
      <c r="H34893" s="12"/>
    </row>
    <row r="34894" spans="8:8">
      <c r="H34894" s="12"/>
    </row>
    <row r="34895" spans="8:8">
      <c r="H34895" s="12"/>
    </row>
    <row r="34896" spans="8:8">
      <c r="H34896" s="12"/>
    </row>
    <row r="34897" spans="8:8">
      <c r="H34897" s="12"/>
    </row>
    <row r="34898" spans="8:8">
      <c r="H34898" s="12"/>
    </row>
    <row r="34899" spans="8:8">
      <c r="H34899" s="12"/>
    </row>
    <row r="34900" spans="8:8">
      <c r="H34900" s="12"/>
    </row>
    <row r="34901" spans="8:8">
      <c r="H34901" s="12"/>
    </row>
    <row r="34902" spans="8:8">
      <c r="H34902" s="12"/>
    </row>
    <row r="34903" spans="8:8">
      <c r="H34903" s="12"/>
    </row>
    <row r="34904" spans="8:8">
      <c r="H34904" s="12"/>
    </row>
    <row r="34905" spans="8:8">
      <c r="H34905" s="12"/>
    </row>
    <row r="34906" spans="8:8">
      <c r="H34906" s="12"/>
    </row>
    <row r="34907" spans="8:8">
      <c r="H34907" s="12"/>
    </row>
    <row r="34908" spans="8:8">
      <c r="H34908" s="12"/>
    </row>
    <row r="34909" spans="8:8">
      <c r="H34909" s="12"/>
    </row>
    <row r="34910" spans="8:8">
      <c r="H34910" s="12"/>
    </row>
    <row r="34911" spans="8:8">
      <c r="H34911" s="12"/>
    </row>
    <row r="34912" spans="8:8">
      <c r="H34912" s="12"/>
    </row>
    <row r="34913" spans="8:8">
      <c r="H34913" s="12"/>
    </row>
    <row r="34914" spans="8:8">
      <c r="H34914" s="12"/>
    </row>
    <row r="34915" spans="8:8">
      <c r="H34915" s="12"/>
    </row>
    <row r="34916" spans="8:8">
      <c r="H34916" s="12"/>
    </row>
    <row r="34917" spans="8:8">
      <c r="H34917" s="12"/>
    </row>
    <row r="34918" spans="8:8">
      <c r="H34918" s="12"/>
    </row>
    <row r="34919" spans="8:8">
      <c r="H34919" s="12"/>
    </row>
    <row r="34920" spans="8:8">
      <c r="H34920" s="12"/>
    </row>
    <row r="34921" spans="8:8">
      <c r="H34921" s="12"/>
    </row>
    <row r="34922" spans="8:8">
      <c r="H34922" s="12"/>
    </row>
    <row r="34923" spans="8:8">
      <c r="H34923" s="12"/>
    </row>
    <row r="34924" spans="8:8">
      <c r="H34924" s="12"/>
    </row>
    <row r="34925" spans="8:8">
      <c r="H34925" s="12"/>
    </row>
    <row r="34926" spans="8:8">
      <c r="H34926" s="12"/>
    </row>
    <row r="34927" spans="8:8">
      <c r="H34927" s="12"/>
    </row>
    <row r="34928" spans="8:8">
      <c r="H34928" s="12"/>
    </row>
    <row r="34929" spans="8:8">
      <c r="H34929" s="12"/>
    </row>
    <row r="34930" spans="8:8">
      <c r="H34930" s="12"/>
    </row>
    <row r="34931" spans="8:8">
      <c r="H34931" s="12"/>
    </row>
    <row r="34932" spans="8:8">
      <c r="H34932" s="12"/>
    </row>
    <row r="34933" spans="8:8">
      <c r="H34933" s="12"/>
    </row>
    <row r="34934" spans="8:8">
      <c r="H34934" s="12"/>
    </row>
    <row r="34935" spans="8:8">
      <c r="H34935" s="12"/>
    </row>
    <row r="34936" spans="8:8">
      <c r="H34936" s="12"/>
    </row>
    <row r="34937" spans="8:8">
      <c r="H34937" s="12"/>
    </row>
    <row r="34938" spans="8:8">
      <c r="H34938" s="12"/>
    </row>
    <row r="34939" spans="8:8">
      <c r="H34939" s="12"/>
    </row>
    <row r="34940" spans="8:8">
      <c r="H34940" s="12"/>
    </row>
    <row r="34941" spans="8:8">
      <c r="H34941" s="12"/>
    </row>
    <row r="34942" spans="8:8">
      <c r="H34942" s="12"/>
    </row>
    <row r="34943" spans="8:8">
      <c r="H34943" s="12"/>
    </row>
    <row r="34944" spans="8:8">
      <c r="H34944" s="12"/>
    </row>
    <row r="34945" spans="8:8">
      <c r="H34945" s="12"/>
    </row>
    <row r="34946" spans="8:8">
      <c r="H34946" s="12"/>
    </row>
    <row r="34947" spans="8:8">
      <c r="H34947" s="12"/>
    </row>
    <row r="34948" spans="8:8">
      <c r="H34948" s="12"/>
    </row>
    <row r="34949" spans="8:8">
      <c r="H34949" s="12"/>
    </row>
    <row r="34950" spans="8:8">
      <c r="H34950" s="12"/>
    </row>
    <row r="34951" spans="8:8">
      <c r="H34951" s="12"/>
    </row>
    <row r="34952" spans="8:8">
      <c r="H34952" s="12"/>
    </row>
    <row r="34953" spans="8:8">
      <c r="H34953" s="12"/>
    </row>
    <row r="34954" spans="8:8">
      <c r="H34954" s="12"/>
    </row>
    <row r="34955" spans="8:8">
      <c r="H34955" s="12"/>
    </row>
    <row r="34956" spans="8:8">
      <c r="H34956" s="12"/>
    </row>
    <row r="34957" spans="8:8">
      <c r="H34957" s="12"/>
    </row>
    <row r="34958" spans="8:8">
      <c r="H34958" s="12"/>
    </row>
    <row r="34959" spans="8:8">
      <c r="H34959" s="12"/>
    </row>
    <row r="34960" spans="8:8">
      <c r="H34960" s="12"/>
    </row>
    <row r="34961" spans="8:8">
      <c r="H34961" s="12"/>
    </row>
    <row r="34962" spans="8:8">
      <c r="H34962" s="12"/>
    </row>
    <row r="34963" spans="8:8">
      <c r="H34963" s="12"/>
    </row>
    <row r="34964" spans="8:8">
      <c r="H34964" s="12"/>
    </row>
    <row r="34965" spans="8:8">
      <c r="H34965" s="12"/>
    </row>
    <row r="34966" spans="8:8">
      <c r="H34966" s="12"/>
    </row>
    <row r="34967" spans="8:8">
      <c r="H34967" s="12"/>
    </row>
    <row r="34968" spans="8:8">
      <c r="H34968" s="12"/>
    </row>
    <row r="34969" spans="8:8">
      <c r="H34969" s="12"/>
    </row>
    <row r="34970" spans="8:8">
      <c r="H34970" s="12"/>
    </row>
    <row r="34971" spans="8:8">
      <c r="H34971" s="12"/>
    </row>
    <row r="34972" spans="8:8">
      <c r="H34972" s="12"/>
    </row>
    <row r="34973" spans="8:8">
      <c r="H34973" s="12"/>
    </row>
    <row r="34974" spans="8:8">
      <c r="H34974" s="12"/>
    </row>
    <row r="34975" spans="8:8">
      <c r="H34975" s="12"/>
    </row>
    <row r="34976" spans="8:8">
      <c r="H34976" s="12"/>
    </row>
    <row r="34977" spans="8:8">
      <c r="H34977" s="12"/>
    </row>
    <row r="34978" spans="8:8">
      <c r="H34978" s="12"/>
    </row>
    <row r="34979" spans="8:8">
      <c r="H34979" s="12"/>
    </row>
    <row r="34980" spans="8:8">
      <c r="H34980" s="12"/>
    </row>
    <row r="34981" spans="8:8">
      <c r="H34981" s="12"/>
    </row>
    <row r="34982" spans="8:8">
      <c r="H34982" s="12"/>
    </row>
    <row r="34983" spans="8:8">
      <c r="H34983" s="12"/>
    </row>
    <row r="34984" spans="8:8">
      <c r="H34984" s="12"/>
    </row>
    <row r="34985" spans="8:8">
      <c r="H34985" s="12"/>
    </row>
    <row r="34986" spans="8:8">
      <c r="H34986" s="12"/>
    </row>
    <row r="34987" spans="8:8">
      <c r="H34987" s="12"/>
    </row>
    <row r="34988" spans="8:8">
      <c r="H34988" s="12"/>
    </row>
    <row r="34989" spans="8:8">
      <c r="H34989" s="12"/>
    </row>
    <row r="34990" spans="8:8">
      <c r="H34990" s="12"/>
    </row>
    <row r="34991" spans="8:8">
      <c r="H34991" s="12"/>
    </row>
    <row r="34992" spans="8:8">
      <c r="H34992" s="12"/>
    </row>
    <row r="34993" spans="8:8">
      <c r="H34993" s="12"/>
    </row>
    <row r="34994" spans="8:8">
      <c r="H34994" s="12"/>
    </row>
    <row r="34995" spans="8:8">
      <c r="H34995" s="12"/>
    </row>
    <row r="34996" spans="8:8">
      <c r="H34996" s="12"/>
    </row>
    <row r="34997" spans="8:8">
      <c r="H34997" s="12"/>
    </row>
    <row r="34998" spans="8:8">
      <c r="H34998" s="12"/>
    </row>
    <row r="34999" spans="8:8">
      <c r="H34999" s="12"/>
    </row>
    <row r="35000" spans="8:8">
      <c r="H35000" s="12"/>
    </row>
    <row r="35001" spans="8:8">
      <c r="H35001" s="12"/>
    </row>
    <row r="35002" spans="8:8">
      <c r="H35002" s="12"/>
    </row>
    <row r="35003" spans="8:8">
      <c r="H35003" s="12"/>
    </row>
    <row r="35004" spans="8:8">
      <c r="H35004" s="12"/>
    </row>
    <row r="35005" spans="8:8">
      <c r="H35005" s="12"/>
    </row>
    <row r="35006" spans="8:8">
      <c r="H35006" s="12"/>
    </row>
    <row r="35007" spans="8:8">
      <c r="H35007" s="12"/>
    </row>
    <row r="35008" spans="8:8">
      <c r="H35008" s="12"/>
    </row>
    <row r="35009" spans="8:8">
      <c r="H35009" s="12"/>
    </row>
    <row r="35010" spans="8:8">
      <c r="H35010" s="12"/>
    </row>
    <row r="35011" spans="8:8">
      <c r="H35011" s="12"/>
    </row>
    <row r="35012" spans="8:8">
      <c r="H35012" s="12"/>
    </row>
    <row r="35013" spans="8:8">
      <c r="H35013" s="12"/>
    </row>
    <row r="35014" spans="8:8">
      <c r="H35014" s="12"/>
    </row>
    <row r="35015" spans="8:8">
      <c r="H35015" s="12"/>
    </row>
    <row r="35016" spans="8:8">
      <c r="H35016" s="12"/>
    </row>
    <row r="35017" spans="8:8">
      <c r="H35017" s="12"/>
    </row>
    <row r="35018" spans="8:8">
      <c r="H35018" s="12"/>
    </row>
    <row r="35019" spans="8:8">
      <c r="H35019" s="12"/>
    </row>
    <row r="35020" spans="8:8">
      <c r="H35020" s="12"/>
    </row>
    <row r="35021" spans="8:8">
      <c r="H35021" s="12"/>
    </row>
    <row r="35022" spans="8:8">
      <c r="H35022" s="12"/>
    </row>
    <row r="35023" spans="8:8">
      <c r="H35023" s="12"/>
    </row>
    <row r="35024" spans="8:8">
      <c r="H35024" s="12"/>
    </row>
    <row r="35025" spans="8:8">
      <c r="H35025" s="12"/>
    </row>
    <row r="35026" spans="8:8">
      <c r="H35026" s="12"/>
    </row>
    <row r="35027" spans="8:8">
      <c r="H35027" s="12"/>
    </row>
    <row r="35028" spans="8:8">
      <c r="H35028" s="12"/>
    </row>
    <row r="35029" spans="8:8">
      <c r="H35029" s="12"/>
    </row>
    <row r="35030" spans="8:8">
      <c r="H35030" s="12"/>
    </row>
    <row r="35031" spans="8:8">
      <c r="H35031" s="12"/>
    </row>
    <row r="35032" spans="8:8">
      <c r="H35032" s="12"/>
    </row>
    <row r="35033" spans="8:8">
      <c r="H35033" s="12"/>
    </row>
    <row r="35034" spans="8:8">
      <c r="H35034" s="12"/>
    </row>
    <row r="35035" spans="8:8">
      <c r="H35035" s="12"/>
    </row>
    <row r="35036" spans="8:8">
      <c r="H35036" s="12"/>
    </row>
    <row r="35037" spans="8:8">
      <c r="H35037" s="12"/>
    </row>
    <row r="35038" spans="8:8">
      <c r="H35038" s="12"/>
    </row>
    <row r="35039" spans="8:8">
      <c r="H35039" s="12"/>
    </row>
    <row r="35040" spans="8:8">
      <c r="H35040" s="12"/>
    </row>
    <row r="35041" spans="8:8">
      <c r="H35041" s="12"/>
    </row>
    <row r="35042" spans="8:8">
      <c r="H35042" s="12"/>
    </row>
    <row r="35043" spans="8:8">
      <c r="H35043" s="12"/>
    </row>
    <row r="35044" spans="8:8">
      <c r="H35044" s="12"/>
    </row>
    <row r="35045" spans="8:8">
      <c r="H35045" s="12"/>
    </row>
    <row r="35046" spans="8:8">
      <c r="H35046" s="12"/>
    </row>
    <row r="35047" spans="8:8">
      <c r="H35047" s="12"/>
    </row>
    <row r="35048" spans="8:8">
      <c r="H35048" s="12"/>
    </row>
    <row r="35049" spans="8:8">
      <c r="H35049" s="12"/>
    </row>
    <row r="35050" spans="8:8">
      <c r="H35050" s="12"/>
    </row>
    <row r="35051" spans="8:8">
      <c r="H35051" s="12"/>
    </row>
    <row r="35052" spans="8:8">
      <c r="H35052" s="12"/>
    </row>
    <row r="35053" spans="8:8">
      <c r="H35053" s="12"/>
    </row>
    <row r="35054" spans="8:8">
      <c r="H35054" s="12"/>
    </row>
    <row r="35055" spans="8:8">
      <c r="H35055" s="12"/>
    </row>
    <row r="35056" spans="8:8">
      <c r="H35056" s="12"/>
    </row>
    <row r="35057" spans="8:8">
      <c r="H35057" s="12"/>
    </row>
    <row r="35058" spans="8:8">
      <c r="H35058" s="12"/>
    </row>
    <row r="35059" spans="8:8">
      <c r="H35059" s="12"/>
    </row>
    <row r="35060" spans="8:8">
      <c r="H35060" s="12"/>
    </row>
    <row r="35061" spans="8:8">
      <c r="H35061" s="12"/>
    </row>
    <row r="35062" spans="8:8">
      <c r="H35062" s="12"/>
    </row>
    <row r="35063" spans="8:8">
      <c r="H35063" s="12"/>
    </row>
    <row r="35064" spans="8:8">
      <c r="H35064" s="12"/>
    </row>
    <row r="35065" spans="8:8">
      <c r="H35065" s="12"/>
    </row>
    <row r="35066" spans="8:8">
      <c r="H35066" s="12"/>
    </row>
    <row r="35067" spans="8:8">
      <c r="H35067" s="12"/>
    </row>
    <row r="35068" spans="8:8">
      <c r="H35068" s="12"/>
    </row>
    <row r="35069" spans="8:8">
      <c r="H35069" s="12"/>
    </row>
    <row r="35070" spans="8:8">
      <c r="H35070" s="12"/>
    </row>
    <row r="35071" spans="8:8">
      <c r="H35071" s="12"/>
    </row>
    <row r="35072" spans="8:8">
      <c r="H35072" s="12"/>
    </row>
    <row r="35073" spans="8:8">
      <c r="H35073" s="12"/>
    </row>
    <row r="35074" spans="8:8">
      <c r="H35074" s="12"/>
    </row>
    <row r="35075" spans="8:8">
      <c r="H35075" s="12"/>
    </row>
    <row r="35076" spans="8:8">
      <c r="H35076" s="12"/>
    </row>
    <row r="35077" spans="8:8">
      <c r="H35077" s="12"/>
    </row>
    <row r="35078" spans="8:8">
      <c r="H35078" s="12"/>
    </row>
    <row r="35079" spans="8:8">
      <c r="H35079" s="12"/>
    </row>
    <row r="35080" spans="8:8">
      <c r="H35080" s="12"/>
    </row>
    <row r="35081" spans="8:8">
      <c r="H35081" s="12"/>
    </row>
    <row r="35082" spans="8:8">
      <c r="H35082" s="12"/>
    </row>
    <row r="35083" spans="8:8">
      <c r="H35083" s="12"/>
    </row>
    <row r="35084" spans="8:8">
      <c r="H35084" s="12"/>
    </row>
    <row r="35085" spans="8:8">
      <c r="H35085" s="12"/>
    </row>
    <row r="35086" spans="8:8">
      <c r="H35086" s="12"/>
    </row>
    <row r="35087" spans="8:8">
      <c r="H35087" s="12"/>
    </row>
    <row r="35088" spans="8:8">
      <c r="H35088" s="12"/>
    </row>
    <row r="35089" spans="8:8">
      <c r="H35089" s="12"/>
    </row>
    <row r="35090" spans="8:8">
      <c r="H35090" s="12"/>
    </row>
    <row r="35091" spans="8:8">
      <c r="H35091" s="12"/>
    </row>
    <row r="35092" spans="8:8">
      <c r="H35092" s="12"/>
    </row>
    <row r="35093" spans="8:8">
      <c r="H35093" s="12"/>
    </row>
    <row r="35094" spans="8:8">
      <c r="H35094" s="12"/>
    </row>
    <row r="35095" spans="8:8">
      <c r="H35095" s="12"/>
    </row>
    <row r="35096" spans="8:8">
      <c r="H35096" s="12"/>
    </row>
    <row r="35097" spans="8:8">
      <c r="H35097" s="12"/>
    </row>
    <row r="35098" spans="8:8">
      <c r="H35098" s="12"/>
    </row>
    <row r="35099" spans="8:8">
      <c r="H35099" s="12"/>
    </row>
    <row r="35100" spans="8:8">
      <c r="H35100" s="12"/>
    </row>
    <row r="35101" spans="8:8">
      <c r="H35101" s="12"/>
    </row>
    <row r="35102" spans="8:8">
      <c r="H35102" s="12"/>
    </row>
    <row r="35103" spans="8:8">
      <c r="H35103" s="12"/>
    </row>
    <row r="35104" spans="8:8">
      <c r="H35104" s="12"/>
    </row>
    <row r="35105" spans="8:8">
      <c r="H35105" s="12"/>
    </row>
    <row r="35106" spans="8:8">
      <c r="H35106" s="12"/>
    </row>
    <row r="35107" spans="8:8">
      <c r="H35107" s="12"/>
    </row>
    <row r="35108" spans="8:8">
      <c r="H35108" s="12"/>
    </row>
    <row r="35109" spans="8:8">
      <c r="H35109" s="12"/>
    </row>
    <row r="35110" spans="8:8">
      <c r="H35110" s="12"/>
    </row>
    <row r="35111" spans="8:8">
      <c r="H35111" s="12"/>
    </row>
    <row r="35112" spans="8:8">
      <c r="H35112" s="12"/>
    </row>
    <row r="35113" spans="8:8">
      <c r="H35113" s="12"/>
    </row>
    <row r="35114" spans="8:8">
      <c r="H35114" s="12"/>
    </row>
    <row r="35115" spans="8:8">
      <c r="H35115" s="12"/>
    </row>
    <row r="35116" spans="8:8">
      <c r="H35116" s="12"/>
    </row>
    <row r="35117" spans="8:8">
      <c r="H35117" s="12"/>
    </row>
    <row r="35118" spans="8:8">
      <c r="H35118" s="12"/>
    </row>
    <row r="35119" spans="8:8">
      <c r="H35119" s="12"/>
    </row>
    <row r="35120" spans="8:8">
      <c r="H35120" s="12"/>
    </row>
    <row r="35121" spans="8:8">
      <c r="H35121" s="12"/>
    </row>
    <row r="35122" spans="8:8">
      <c r="H35122" s="12"/>
    </row>
    <row r="35123" spans="8:8">
      <c r="H35123" s="12"/>
    </row>
    <row r="35124" spans="8:8">
      <c r="H35124" s="12"/>
    </row>
    <row r="35125" spans="8:8">
      <c r="H35125" s="12"/>
    </row>
    <row r="35126" spans="8:8">
      <c r="H35126" s="12"/>
    </row>
    <row r="35127" spans="8:8">
      <c r="H35127" s="12"/>
    </row>
    <row r="35128" spans="8:8">
      <c r="H35128" s="12"/>
    </row>
    <row r="35129" spans="8:8">
      <c r="H35129" s="12"/>
    </row>
    <row r="35130" spans="8:8">
      <c r="H35130" s="12"/>
    </row>
    <row r="35131" spans="8:8">
      <c r="H35131" s="12"/>
    </row>
    <row r="35132" spans="8:8">
      <c r="H35132" s="12"/>
    </row>
    <row r="35133" spans="8:8">
      <c r="H35133" s="12"/>
    </row>
    <row r="35134" spans="8:8">
      <c r="H35134" s="12"/>
    </row>
    <row r="35135" spans="8:8">
      <c r="H35135" s="12"/>
    </row>
    <row r="35136" spans="8:8">
      <c r="H35136" s="12"/>
    </row>
    <row r="35137" spans="8:8">
      <c r="H35137" s="12"/>
    </row>
    <row r="35138" spans="8:8">
      <c r="H35138" s="12"/>
    </row>
    <row r="35139" spans="8:8">
      <c r="H35139" s="12"/>
    </row>
    <row r="35140" spans="8:8">
      <c r="H35140" s="12"/>
    </row>
    <row r="35141" spans="8:8">
      <c r="H35141" s="12"/>
    </row>
    <row r="35142" spans="8:8">
      <c r="H35142" s="12"/>
    </row>
    <row r="35143" spans="8:8">
      <c r="H35143" s="12"/>
    </row>
    <row r="35144" spans="8:8">
      <c r="H35144" s="12"/>
    </row>
    <row r="35145" spans="8:8">
      <c r="H35145" s="12"/>
    </row>
    <row r="35146" spans="8:8">
      <c r="H35146" s="12"/>
    </row>
    <row r="35147" spans="8:8">
      <c r="H35147" s="12"/>
    </row>
    <row r="35148" spans="8:8">
      <c r="H35148" s="12"/>
    </row>
    <row r="35149" spans="8:8">
      <c r="H35149" s="12"/>
    </row>
    <row r="35150" spans="8:8">
      <c r="H35150" s="12"/>
    </row>
    <row r="35151" spans="8:8">
      <c r="H35151" s="12"/>
    </row>
    <row r="35152" spans="8:8">
      <c r="H35152" s="12"/>
    </row>
    <row r="35153" spans="8:8">
      <c r="H35153" s="12"/>
    </row>
    <row r="35154" spans="8:8">
      <c r="H35154" s="12"/>
    </row>
    <row r="35155" spans="8:8">
      <c r="H35155" s="12"/>
    </row>
    <row r="35156" spans="8:8">
      <c r="H35156" s="12"/>
    </row>
    <row r="35157" spans="8:8">
      <c r="H35157" s="12"/>
    </row>
    <row r="35158" spans="8:8">
      <c r="H35158" s="12"/>
    </row>
    <row r="35159" spans="8:8">
      <c r="H35159" s="12"/>
    </row>
    <row r="35160" spans="8:8">
      <c r="H35160" s="12"/>
    </row>
    <row r="35161" spans="8:8">
      <c r="H35161" s="12"/>
    </row>
    <row r="35162" spans="8:8">
      <c r="H35162" s="12"/>
    </row>
    <row r="35163" spans="8:8">
      <c r="H35163" s="12"/>
    </row>
    <row r="35164" spans="8:8">
      <c r="H35164" s="12"/>
    </row>
    <row r="35165" spans="8:8">
      <c r="H35165" s="12"/>
    </row>
    <row r="35166" spans="8:8">
      <c r="H35166" s="12"/>
    </row>
    <row r="35167" spans="8:8">
      <c r="H35167" s="12"/>
    </row>
    <row r="35168" spans="8:8">
      <c r="H35168" s="12"/>
    </row>
    <row r="35169" spans="8:8">
      <c r="H35169" s="12"/>
    </row>
    <row r="35170" spans="8:8">
      <c r="H35170" s="12"/>
    </row>
    <row r="35171" spans="8:8">
      <c r="H35171" s="12"/>
    </row>
    <row r="35172" spans="8:8">
      <c r="H35172" s="12"/>
    </row>
    <row r="35173" spans="8:8">
      <c r="H35173" s="12"/>
    </row>
    <row r="35174" spans="8:8">
      <c r="H35174" s="12"/>
    </row>
    <row r="35175" spans="8:8">
      <c r="H35175" s="12"/>
    </row>
    <row r="35176" spans="8:8">
      <c r="H35176" s="12"/>
    </row>
    <row r="35177" spans="8:8">
      <c r="H35177" s="12"/>
    </row>
    <row r="35178" spans="8:8">
      <c r="H35178" s="12"/>
    </row>
    <row r="35179" spans="8:8">
      <c r="H35179" s="12"/>
    </row>
    <row r="35180" spans="8:8">
      <c r="H35180" s="12"/>
    </row>
    <row r="35181" spans="8:8">
      <c r="H35181" s="12"/>
    </row>
    <row r="35182" spans="8:8">
      <c r="H35182" s="12"/>
    </row>
    <row r="35183" spans="8:8">
      <c r="H35183" s="12"/>
    </row>
    <row r="35184" spans="8:8">
      <c r="H35184" s="12"/>
    </row>
    <row r="35185" spans="8:8">
      <c r="H35185" s="12"/>
    </row>
    <row r="35186" spans="8:8">
      <c r="H35186" s="12"/>
    </row>
    <row r="35187" spans="8:8">
      <c r="H35187" s="12"/>
    </row>
    <row r="35188" spans="8:8">
      <c r="H35188" s="12"/>
    </row>
    <row r="35189" spans="8:8">
      <c r="H35189" s="12"/>
    </row>
    <row r="35190" spans="8:8">
      <c r="H35190" s="12"/>
    </row>
    <row r="35191" spans="8:8">
      <c r="H35191" s="12"/>
    </row>
    <row r="35192" spans="8:8">
      <c r="H35192" s="12"/>
    </row>
    <row r="35193" spans="8:8">
      <c r="H35193" s="12"/>
    </row>
    <row r="35194" spans="8:8">
      <c r="H35194" s="12"/>
    </row>
    <row r="35195" spans="8:8">
      <c r="H35195" s="12"/>
    </row>
    <row r="35196" spans="8:8">
      <c r="H35196" s="12"/>
    </row>
    <row r="35197" spans="8:8">
      <c r="H35197" s="12"/>
    </row>
    <row r="35198" spans="8:8">
      <c r="H35198" s="12"/>
    </row>
    <row r="35199" spans="8:8">
      <c r="H35199" s="12"/>
    </row>
    <row r="35200" spans="8:8">
      <c r="H35200" s="12"/>
    </row>
    <row r="35201" spans="8:8">
      <c r="H35201" s="12"/>
    </row>
    <row r="35202" spans="8:8">
      <c r="H35202" s="12"/>
    </row>
    <row r="35203" spans="8:8">
      <c r="H35203" s="12"/>
    </row>
    <row r="35204" spans="8:8">
      <c r="H35204" s="12"/>
    </row>
    <row r="35205" spans="8:8">
      <c r="H35205" s="12"/>
    </row>
    <row r="35206" spans="8:8">
      <c r="H35206" s="12"/>
    </row>
    <row r="35207" spans="8:8">
      <c r="H35207" s="12"/>
    </row>
    <row r="35208" spans="8:8">
      <c r="H35208" s="12"/>
    </row>
    <row r="35209" spans="8:8">
      <c r="H35209" s="12"/>
    </row>
    <row r="35210" spans="8:8">
      <c r="H35210" s="12"/>
    </row>
    <row r="35211" spans="8:8">
      <c r="H35211" s="12"/>
    </row>
    <row r="35212" spans="8:8">
      <c r="H35212" s="12"/>
    </row>
    <row r="35213" spans="8:8">
      <c r="H35213" s="12"/>
    </row>
    <row r="35214" spans="8:8">
      <c r="H35214" s="12"/>
    </row>
    <row r="35215" spans="8:8">
      <c r="H35215" s="12"/>
    </row>
    <row r="35216" spans="8:8">
      <c r="H35216" s="12"/>
    </row>
    <row r="35217" spans="8:8">
      <c r="H35217" s="12"/>
    </row>
    <row r="35218" spans="8:8">
      <c r="H35218" s="12"/>
    </row>
    <row r="35219" spans="8:8">
      <c r="H35219" s="12"/>
    </row>
    <row r="35220" spans="8:8">
      <c r="H35220" s="12"/>
    </row>
    <row r="35221" spans="8:8">
      <c r="H35221" s="12"/>
    </row>
    <row r="35222" spans="8:8">
      <c r="H35222" s="12"/>
    </row>
    <row r="35223" spans="8:8">
      <c r="H35223" s="12"/>
    </row>
    <row r="35224" spans="8:8">
      <c r="H35224" s="12"/>
    </row>
    <row r="35225" spans="8:8">
      <c r="H35225" s="12"/>
    </row>
    <row r="35226" spans="8:8">
      <c r="H35226" s="12"/>
    </row>
    <row r="35227" spans="8:8">
      <c r="H35227" s="12"/>
    </row>
    <row r="35228" spans="8:8">
      <c r="H35228" s="12"/>
    </row>
    <row r="35229" spans="8:8">
      <c r="H35229" s="12"/>
    </row>
    <row r="35230" spans="8:8">
      <c r="H35230" s="12"/>
    </row>
    <row r="35231" spans="8:8">
      <c r="H35231" s="12"/>
    </row>
    <row r="35232" spans="8:8">
      <c r="H35232" s="12"/>
    </row>
    <row r="35233" spans="8:8">
      <c r="H35233" s="12"/>
    </row>
    <row r="35234" spans="8:8">
      <c r="H35234" s="12"/>
    </row>
    <row r="35235" spans="8:8">
      <c r="H35235" s="12"/>
    </row>
    <row r="35236" spans="8:8">
      <c r="H35236" s="12"/>
    </row>
    <row r="35237" spans="8:8">
      <c r="H35237" s="12"/>
    </row>
    <row r="35238" spans="8:8">
      <c r="H35238" s="12"/>
    </row>
    <row r="35239" spans="8:8">
      <c r="H35239" s="12"/>
    </row>
    <row r="35240" spans="8:8">
      <c r="H35240" s="12"/>
    </row>
    <row r="35241" spans="8:8">
      <c r="H35241" s="12"/>
    </row>
    <row r="35242" spans="8:8">
      <c r="H35242" s="12"/>
    </row>
    <row r="35243" spans="8:8">
      <c r="H35243" s="12"/>
    </row>
    <row r="35244" spans="8:8">
      <c r="H35244" s="12"/>
    </row>
    <row r="35245" spans="8:8">
      <c r="H35245" s="12"/>
    </row>
    <row r="35246" spans="8:8">
      <c r="H35246" s="12"/>
    </row>
    <row r="35247" spans="8:8">
      <c r="H35247" s="12"/>
    </row>
    <row r="35248" spans="8:8">
      <c r="H35248" s="12"/>
    </row>
    <row r="35249" spans="8:8">
      <c r="H35249" s="12"/>
    </row>
    <row r="35250" spans="8:8">
      <c r="H35250" s="12"/>
    </row>
    <row r="35251" spans="8:8">
      <c r="H35251" s="12"/>
    </row>
    <row r="35252" spans="8:8">
      <c r="H35252" s="12"/>
    </row>
    <row r="35253" spans="8:8">
      <c r="H35253" s="12"/>
    </row>
    <row r="35254" spans="8:8">
      <c r="H35254" s="12"/>
    </row>
    <row r="35255" spans="8:8">
      <c r="H35255" s="12"/>
    </row>
    <row r="35256" spans="8:8">
      <c r="H35256" s="12"/>
    </row>
    <row r="35257" spans="8:8">
      <c r="H35257" s="12"/>
    </row>
    <row r="35258" spans="8:8">
      <c r="H35258" s="12"/>
    </row>
    <row r="35259" spans="8:8">
      <c r="H35259" s="12"/>
    </row>
    <row r="35260" spans="8:8">
      <c r="H35260" s="12"/>
    </row>
    <row r="35261" spans="8:8">
      <c r="H35261" s="12"/>
    </row>
    <row r="35262" spans="8:8">
      <c r="H35262" s="12"/>
    </row>
    <row r="35263" spans="8:8">
      <c r="H35263" s="12"/>
    </row>
    <row r="35264" spans="8:8">
      <c r="H35264" s="12"/>
    </row>
    <row r="35265" spans="8:8">
      <c r="H35265" s="12"/>
    </row>
    <row r="35266" spans="8:8">
      <c r="H35266" s="12"/>
    </row>
    <row r="35267" spans="8:8">
      <c r="H35267" s="12"/>
    </row>
    <row r="35268" spans="8:8">
      <c r="H35268" s="12"/>
    </row>
    <row r="35269" spans="8:8">
      <c r="H35269" s="12"/>
    </row>
    <row r="35270" spans="8:8">
      <c r="H35270" s="12"/>
    </row>
    <row r="35271" spans="8:8">
      <c r="H35271" s="12"/>
    </row>
    <row r="35272" spans="8:8">
      <c r="H35272" s="12"/>
    </row>
    <row r="35273" spans="8:8">
      <c r="H35273" s="12"/>
    </row>
    <row r="35274" spans="8:8">
      <c r="H35274" s="12"/>
    </row>
    <row r="35275" spans="8:8">
      <c r="H35275" s="12"/>
    </row>
    <row r="35276" spans="8:8">
      <c r="H35276" s="12"/>
    </row>
    <row r="35277" spans="8:8">
      <c r="H35277" s="12"/>
    </row>
    <row r="35278" spans="8:8">
      <c r="H35278" s="12"/>
    </row>
    <row r="35279" spans="8:8">
      <c r="H35279" s="12"/>
    </row>
    <row r="35280" spans="8:8">
      <c r="H35280" s="12"/>
    </row>
    <row r="35281" spans="8:8">
      <c r="H35281" s="12"/>
    </row>
    <row r="35282" spans="8:8">
      <c r="H35282" s="12"/>
    </row>
    <row r="35283" spans="8:8">
      <c r="H35283" s="12"/>
    </row>
    <row r="35284" spans="8:8">
      <c r="H35284" s="12"/>
    </row>
    <row r="35285" spans="8:8">
      <c r="H35285" s="12"/>
    </row>
    <row r="35286" spans="8:8">
      <c r="H35286" s="12"/>
    </row>
    <row r="35287" spans="8:8">
      <c r="H35287" s="12"/>
    </row>
    <row r="35288" spans="8:8">
      <c r="H35288" s="12"/>
    </row>
    <row r="35289" spans="8:8">
      <c r="H35289" s="12"/>
    </row>
    <row r="35290" spans="8:8">
      <c r="H35290" s="12"/>
    </row>
    <row r="35291" spans="8:8">
      <c r="H35291" s="12"/>
    </row>
    <row r="35292" spans="8:8">
      <c r="H35292" s="12"/>
    </row>
    <row r="35293" spans="8:8">
      <c r="H35293" s="12"/>
    </row>
    <row r="35294" spans="8:8">
      <c r="H35294" s="12"/>
    </row>
    <row r="35295" spans="8:8">
      <c r="H35295" s="12"/>
    </row>
    <row r="35296" spans="8:8">
      <c r="H35296" s="12"/>
    </row>
    <row r="35297" spans="8:8">
      <c r="H35297" s="12"/>
    </row>
    <row r="35298" spans="8:8">
      <c r="H35298" s="12"/>
    </row>
    <row r="35299" spans="8:8">
      <c r="H35299" s="12"/>
    </row>
    <row r="35300" spans="8:8">
      <c r="H35300" s="12"/>
    </row>
    <row r="35301" spans="8:8">
      <c r="H35301" s="12"/>
    </row>
    <row r="35302" spans="8:8">
      <c r="H35302" s="12"/>
    </row>
    <row r="35303" spans="8:8">
      <c r="H35303" s="12"/>
    </row>
    <row r="35304" spans="8:8">
      <c r="H35304" s="12"/>
    </row>
    <row r="35305" spans="8:8">
      <c r="H35305" s="12"/>
    </row>
    <row r="35306" spans="8:8">
      <c r="H35306" s="12"/>
    </row>
    <row r="35307" spans="8:8">
      <c r="H35307" s="12"/>
    </row>
    <row r="35308" spans="8:8">
      <c r="H35308" s="12"/>
    </row>
    <row r="35309" spans="8:8">
      <c r="H35309" s="12"/>
    </row>
    <row r="35310" spans="8:8">
      <c r="H35310" s="12"/>
    </row>
    <row r="35311" spans="8:8">
      <c r="H35311" s="12"/>
    </row>
    <row r="35312" spans="8:8">
      <c r="H35312" s="12"/>
    </row>
    <row r="35313" spans="8:8">
      <c r="H35313" s="12"/>
    </row>
    <row r="35314" spans="8:8">
      <c r="H35314" s="12"/>
    </row>
    <row r="35315" spans="8:8">
      <c r="H35315" s="12"/>
    </row>
    <row r="35316" spans="8:8">
      <c r="H35316" s="12"/>
    </row>
    <row r="35317" spans="8:8">
      <c r="H35317" s="12"/>
    </row>
    <row r="35318" spans="8:8">
      <c r="H35318" s="12"/>
    </row>
    <row r="35319" spans="8:8">
      <c r="H35319" s="12"/>
    </row>
    <row r="35320" spans="8:8">
      <c r="H35320" s="12"/>
    </row>
    <row r="35321" spans="8:8">
      <c r="H35321" s="12"/>
    </row>
    <row r="35322" spans="8:8">
      <c r="H35322" s="12"/>
    </row>
    <row r="35323" spans="8:8">
      <c r="H35323" s="12"/>
    </row>
    <row r="35324" spans="8:8">
      <c r="H35324" s="12"/>
    </row>
    <row r="35325" spans="8:8">
      <c r="H35325" s="12"/>
    </row>
    <row r="35326" spans="8:8">
      <c r="H35326" s="12"/>
    </row>
    <row r="35327" spans="8:8">
      <c r="H35327" s="12"/>
    </row>
    <row r="35328" spans="8:8">
      <c r="H35328" s="12"/>
    </row>
    <row r="35329" spans="8:8">
      <c r="H35329" s="12"/>
    </row>
    <row r="35330" spans="8:8">
      <c r="H35330" s="12"/>
    </row>
    <row r="35331" spans="8:8">
      <c r="H35331" s="12"/>
    </row>
    <row r="35332" spans="8:8">
      <c r="H35332" s="12"/>
    </row>
    <row r="35333" spans="8:8">
      <c r="H35333" s="12"/>
    </row>
    <row r="35334" spans="8:8">
      <c r="H35334" s="12"/>
    </row>
    <row r="35335" spans="8:8">
      <c r="H35335" s="12"/>
    </row>
    <row r="35336" spans="8:8">
      <c r="H35336" s="12"/>
    </row>
    <row r="35337" spans="8:8">
      <c r="H35337" s="12"/>
    </row>
    <row r="35338" spans="8:8">
      <c r="H35338" s="12"/>
    </row>
    <row r="35339" spans="8:8">
      <c r="H35339" s="12"/>
    </row>
    <row r="35340" spans="8:8">
      <c r="H35340" s="12"/>
    </row>
    <row r="35341" spans="8:8">
      <c r="H35341" s="12"/>
    </row>
    <row r="35342" spans="8:8">
      <c r="H35342" s="12"/>
    </row>
    <row r="35343" spans="8:8">
      <c r="H35343" s="12"/>
    </row>
    <row r="35344" spans="8:8">
      <c r="H35344" s="12"/>
    </row>
    <row r="35345" spans="8:8">
      <c r="H35345" s="12"/>
    </row>
    <row r="35346" spans="8:8">
      <c r="H35346" s="12"/>
    </row>
    <row r="35347" spans="8:8">
      <c r="H35347" s="12"/>
    </row>
    <row r="35348" spans="8:8">
      <c r="H35348" s="12"/>
    </row>
    <row r="35349" spans="8:8">
      <c r="H35349" s="12"/>
    </row>
    <row r="35350" spans="8:8">
      <c r="H35350" s="12"/>
    </row>
    <row r="35351" spans="8:8">
      <c r="H35351" s="12"/>
    </row>
    <row r="35352" spans="8:8">
      <c r="H35352" s="12"/>
    </row>
    <row r="35353" spans="8:8">
      <c r="H35353" s="12"/>
    </row>
    <row r="35354" spans="8:8">
      <c r="H35354" s="12"/>
    </row>
    <row r="35355" spans="8:8">
      <c r="H35355" s="12"/>
    </row>
    <row r="35356" spans="8:8">
      <c r="H35356" s="12"/>
    </row>
    <row r="35357" spans="8:8">
      <c r="H35357" s="12"/>
    </row>
    <row r="35358" spans="8:8">
      <c r="H35358" s="12"/>
    </row>
    <row r="35359" spans="8:8">
      <c r="H35359" s="12"/>
    </row>
    <row r="35360" spans="8:8">
      <c r="H35360" s="12"/>
    </row>
    <row r="35361" spans="8:8">
      <c r="H35361" s="12"/>
    </row>
    <row r="35362" spans="8:8">
      <c r="H35362" s="12"/>
    </row>
    <row r="35363" spans="8:8">
      <c r="H35363" s="12"/>
    </row>
    <row r="35364" spans="8:8">
      <c r="H35364" s="12"/>
    </row>
    <row r="35365" spans="8:8">
      <c r="H35365" s="12"/>
    </row>
    <row r="35366" spans="8:8">
      <c r="H35366" s="12"/>
    </row>
    <row r="35367" spans="8:8">
      <c r="H35367" s="12"/>
    </row>
    <row r="35368" spans="8:8">
      <c r="H35368" s="12"/>
    </row>
    <row r="35369" spans="8:8">
      <c r="H35369" s="12"/>
    </row>
    <row r="35370" spans="8:8">
      <c r="H35370" s="12"/>
    </row>
    <row r="35371" spans="8:8">
      <c r="H35371" s="12"/>
    </row>
    <row r="35372" spans="8:8">
      <c r="H35372" s="12"/>
    </row>
    <row r="35373" spans="8:8">
      <c r="H35373" s="12"/>
    </row>
    <row r="35374" spans="8:8">
      <c r="H35374" s="12"/>
    </row>
    <row r="35375" spans="8:8">
      <c r="H35375" s="12"/>
    </row>
    <row r="35376" spans="8:8">
      <c r="H35376" s="12"/>
    </row>
    <row r="35377" spans="8:8">
      <c r="H35377" s="12"/>
    </row>
    <row r="35378" spans="8:8">
      <c r="H35378" s="12"/>
    </row>
    <row r="35379" spans="8:8">
      <c r="H35379" s="12"/>
    </row>
    <row r="35380" spans="8:8">
      <c r="H35380" s="12"/>
    </row>
    <row r="35381" spans="8:8">
      <c r="H35381" s="12"/>
    </row>
    <row r="35382" spans="8:8">
      <c r="H35382" s="12"/>
    </row>
    <row r="35383" spans="8:8">
      <c r="H35383" s="12"/>
    </row>
    <row r="35384" spans="8:8">
      <c r="H35384" s="12"/>
    </row>
    <row r="35385" spans="8:8">
      <c r="H35385" s="12"/>
    </row>
    <row r="35386" spans="8:8">
      <c r="H35386" s="12"/>
    </row>
    <row r="35387" spans="8:8">
      <c r="H35387" s="12"/>
    </row>
    <row r="35388" spans="8:8">
      <c r="H35388" s="12"/>
    </row>
    <row r="35389" spans="8:8">
      <c r="H35389" s="12"/>
    </row>
    <row r="35390" spans="8:8">
      <c r="H35390" s="12"/>
    </row>
    <row r="35391" spans="8:8">
      <c r="H35391" s="12"/>
    </row>
    <row r="35392" spans="8:8">
      <c r="H35392" s="12"/>
    </row>
    <row r="35393" spans="8:8">
      <c r="H35393" s="12"/>
    </row>
    <row r="35394" spans="8:8">
      <c r="H35394" s="12"/>
    </row>
    <row r="35395" spans="8:8">
      <c r="H35395" s="12"/>
    </row>
    <row r="35396" spans="8:8">
      <c r="H35396" s="12"/>
    </row>
    <row r="35397" spans="8:8">
      <c r="H35397" s="12"/>
    </row>
    <row r="35398" spans="8:8">
      <c r="H35398" s="12"/>
    </row>
    <row r="35399" spans="8:8">
      <c r="H35399" s="12"/>
    </row>
    <row r="35400" spans="8:8">
      <c r="H35400" s="12"/>
    </row>
    <row r="35401" spans="8:8">
      <c r="H35401" s="12"/>
    </row>
    <row r="35402" spans="8:8">
      <c r="H35402" s="12"/>
    </row>
    <row r="35403" spans="8:8">
      <c r="H35403" s="12"/>
    </row>
    <row r="35404" spans="8:8">
      <c r="H35404" s="12"/>
    </row>
    <row r="35405" spans="8:8">
      <c r="H35405" s="12"/>
    </row>
    <row r="35406" spans="8:8">
      <c r="H35406" s="12"/>
    </row>
    <row r="35407" spans="8:8">
      <c r="H35407" s="12"/>
    </row>
    <row r="35408" spans="8:8">
      <c r="H35408" s="12"/>
    </row>
    <row r="35409" spans="8:8">
      <c r="H35409" s="12"/>
    </row>
    <row r="35410" spans="8:8">
      <c r="H35410" s="12"/>
    </row>
    <row r="35411" spans="8:8">
      <c r="H35411" s="12"/>
    </row>
    <row r="35412" spans="8:8">
      <c r="H35412" s="12"/>
    </row>
    <row r="35413" spans="8:8">
      <c r="H35413" s="12"/>
    </row>
    <row r="35414" spans="8:8">
      <c r="H35414" s="12"/>
    </row>
    <row r="35415" spans="8:8">
      <c r="H35415" s="12"/>
    </row>
    <row r="35416" spans="8:8">
      <c r="H35416" s="12"/>
    </row>
    <row r="35417" spans="8:8">
      <c r="H35417" s="12"/>
    </row>
    <row r="35418" spans="8:8">
      <c r="H35418" s="12"/>
    </row>
    <row r="35419" spans="8:8">
      <c r="H35419" s="12"/>
    </row>
    <row r="35420" spans="8:8">
      <c r="H35420" s="12"/>
    </row>
    <row r="35421" spans="8:8">
      <c r="H35421" s="12"/>
    </row>
    <row r="35422" spans="8:8">
      <c r="H35422" s="12"/>
    </row>
    <row r="35423" spans="8:8">
      <c r="H35423" s="12"/>
    </row>
    <row r="35424" spans="8:8">
      <c r="H35424" s="12"/>
    </row>
    <row r="35425" spans="8:8">
      <c r="H35425" s="12"/>
    </row>
    <row r="35426" spans="8:8">
      <c r="H35426" s="12"/>
    </row>
    <row r="35427" spans="8:8">
      <c r="H35427" s="12"/>
    </row>
    <row r="35428" spans="8:8">
      <c r="H35428" s="12"/>
    </row>
    <row r="35429" spans="8:8">
      <c r="H35429" s="12"/>
    </row>
    <row r="35430" spans="8:8">
      <c r="H35430" s="12"/>
    </row>
    <row r="35431" spans="8:8">
      <c r="H35431" s="12"/>
    </row>
    <row r="35432" spans="8:8">
      <c r="H35432" s="12"/>
    </row>
    <row r="35433" spans="8:8">
      <c r="H35433" s="12"/>
    </row>
    <row r="35434" spans="8:8">
      <c r="H35434" s="12"/>
    </row>
    <row r="35435" spans="8:8">
      <c r="H35435" s="12"/>
    </row>
    <row r="35436" spans="8:8">
      <c r="H35436" s="12"/>
    </row>
    <row r="35437" spans="8:8">
      <c r="H35437" s="12"/>
    </row>
    <row r="35438" spans="8:8">
      <c r="H35438" s="12"/>
    </row>
    <row r="35439" spans="8:8">
      <c r="H35439" s="12"/>
    </row>
    <row r="35440" spans="8:8">
      <c r="H35440" s="12"/>
    </row>
    <row r="35441" spans="8:8">
      <c r="H35441" s="12"/>
    </row>
    <row r="35442" spans="8:8">
      <c r="H35442" s="12"/>
    </row>
    <row r="35443" spans="8:8">
      <c r="H35443" s="12"/>
    </row>
    <row r="35444" spans="8:8">
      <c r="H35444" s="12"/>
    </row>
    <row r="35445" spans="8:8">
      <c r="H35445" s="12"/>
    </row>
    <row r="35446" spans="8:8">
      <c r="H35446" s="12"/>
    </row>
    <row r="35447" spans="8:8">
      <c r="H35447" s="12"/>
    </row>
    <row r="35448" spans="8:8">
      <c r="H35448" s="12"/>
    </row>
    <row r="35449" spans="8:8">
      <c r="H35449" s="12"/>
    </row>
    <row r="35450" spans="8:8">
      <c r="H35450" s="12"/>
    </row>
    <row r="35451" spans="8:8">
      <c r="H35451" s="12"/>
    </row>
    <row r="35452" spans="8:8">
      <c r="H35452" s="12"/>
    </row>
    <row r="35453" spans="8:8">
      <c r="H35453" s="12"/>
    </row>
    <row r="35454" spans="8:8">
      <c r="H35454" s="12"/>
    </row>
    <row r="35455" spans="8:8">
      <c r="H35455" s="12"/>
    </row>
    <row r="35456" spans="8:8">
      <c r="H35456" s="12"/>
    </row>
    <row r="35457" spans="8:8">
      <c r="H35457" s="12"/>
    </row>
    <row r="35458" spans="8:8">
      <c r="H35458" s="12"/>
    </row>
    <row r="35459" spans="8:8">
      <c r="H35459" s="12"/>
    </row>
    <row r="35460" spans="8:8">
      <c r="H35460" s="12"/>
    </row>
    <row r="35461" spans="8:8">
      <c r="H35461" s="12"/>
    </row>
    <row r="35462" spans="8:8">
      <c r="H35462" s="12"/>
    </row>
    <row r="35463" spans="8:8">
      <c r="H35463" s="12"/>
    </row>
    <row r="35464" spans="8:8">
      <c r="H35464" s="12"/>
    </row>
    <row r="35465" spans="8:8">
      <c r="H35465" s="12"/>
    </row>
    <row r="35466" spans="8:8">
      <c r="H35466" s="12"/>
    </row>
    <row r="35467" spans="8:8">
      <c r="H35467" s="12"/>
    </row>
    <row r="35468" spans="8:8">
      <c r="H35468" s="12"/>
    </row>
    <row r="35469" spans="8:8">
      <c r="H35469" s="12"/>
    </row>
    <row r="35470" spans="8:8">
      <c r="H35470" s="12"/>
    </row>
    <row r="35471" spans="8:8">
      <c r="H35471" s="12"/>
    </row>
    <row r="35472" spans="8:8">
      <c r="H35472" s="12"/>
    </row>
    <row r="35473" spans="8:8">
      <c r="H35473" s="12"/>
    </row>
    <row r="35474" spans="8:8">
      <c r="H35474" s="12"/>
    </row>
    <row r="35475" spans="8:8">
      <c r="H35475" s="12"/>
    </row>
    <row r="35476" spans="8:8">
      <c r="H35476" s="12"/>
    </row>
    <row r="35477" spans="8:8">
      <c r="H35477" s="12"/>
    </row>
    <row r="35478" spans="8:8">
      <c r="H35478" s="12"/>
    </row>
    <row r="35479" spans="8:8">
      <c r="H35479" s="12"/>
    </row>
    <row r="35480" spans="8:8">
      <c r="H35480" s="12"/>
    </row>
    <row r="35481" spans="8:8">
      <c r="H35481" s="12"/>
    </row>
    <row r="35482" spans="8:8">
      <c r="H35482" s="12"/>
    </row>
    <row r="35483" spans="8:8">
      <c r="H35483" s="12"/>
    </row>
    <row r="35484" spans="8:8">
      <c r="H35484" s="12"/>
    </row>
    <row r="35485" spans="8:8">
      <c r="H35485" s="12"/>
    </row>
    <row r="35486" spans="8:8">
      <c r="H35486" s="12"/>
    </row>
    <row r="35487" spans="8:8">
      <c r="H35487" s="12"/>
    </row>
    <row r="35488" spans="8:8">
      <c r="H35488" s="12"/>
    </row>
    <row r="35489" spans="8:8">
      <c r="H35489" s="12"/>
    </row>
    <row r="35490" spans="8:8">
      <c r="H35490" s="12"/>
    </row>
    <row r="35491" spans="8:8">
      <c r="H35491" s="12"/>
    </row>
    <row r="35492" spans="8:8">
      <c r="H35492" s="12"/>
    </row>
    <row r="35493" spans="8:8">
      <c r="H35493" s="12"/>
    </row>
    <row r="35494" spans="8:8">
      <c r="H35494" s="12"/>
    </row>
    <row r="35495" spans="8:8">
      <c r="H35495" s="12"/>
    </row>
    <row r="35496" spans="8:8">
      <c r="H35496" s="12"/>
    </row>
    <row r="35497" spans="8:8">
      <c r="H35497" s="12"/>
    </row>
    <row r="35498" spans="8:8">
      <c r="H35498" s="12"/>
    </row>
    <row r="35499" spans="8:8">
      <c r="H35499" s="12"/>
    </row>
    <row r="35500" spans="8:8">
      <c r="H35500" s="12"/>
    </row>
    <row r="35501" spans="8:8">
      <c r="H35501" s="12"/>
    </row>
    <row r="35502" spans="8:8">
      <c r="H35502" s="12"/>
    </row>
    <row r="35503" spans="8:8">
      <c r="H35503" s="12"/>
    </row>
    <row r="35504" spans="8:8">
      <c r="H35504" s="12"/>
    </row>
    <row r="35505" spans="8:8">
      <c r="H35505" s="12"/>
    </row>
    <row r="35506" spans="8:8">
      <c r="H35506" s="12"/>
    </row>
    <row r="35507" spans="8:8">
      <c r="H35507" s="12"/>
    </row>
    <row r="35508" spans="8:8">
      <c r="H35508" s="12"/>
    </row>
    <row r="35509" spans="8:8">
      <c r="H35509" s="12"/>
    </row>
    <row r="35510" spans="8:8">
      <c r="H35510" s="12"/>
    </row>
    <row r="35511" spans="8:8">
      <c r="H35511" s="12"/>
    </row>
    <row r="35512" spans="8:8">
      <c r="H35512" s="12"/>
    </row>
    <row r="35513" spans="8:8">
      <c r="H35513" s="12"/>
    </row>
    <row r="35514" spans="8:8">
      <c r="H35514" s="12"/>
    </row>
    <row r="35515" spans="8:8">
      <c r="H35515" s="12"/>
    </row>
    <row r="35516" spans="8:8">
      <c r="H35516" s="12"/>
    </row>
    <row r="35517" spans="8:8">
      <c r="H35517" s="12"/>
    </row>
    <row r="35518" spans="8:8">
      <c r="H35518" s="12"/>
    </row>
    <row r="35519" spans="8:8">
      <c r="H35519" s="12"/>
    </row>
    <row r="35520" spans="8:8">
      <c r="H35520" s="12"/>
    </row>
    <row r="35521" spans="8:8">
      <c r="H35521" s="12"/>
    </row>
    <row r="35522" spans="8:8">
      <c r="H35522" s="12"/>
    </row>
    <row r="35523" spans="8:8">
      <c r="H35523" s="12"/>
    </row>
    <row r="35524" spans="8:8">
      <c r="H35524" s="12"/>
    </row>
    <row r="35525" spans="8:8">
      <c r="H35525" s="12"/>
    </row>
    <row r="35526" spans="8:8">
      <c r="H35526" s="12"/>
    </row>
    <row r="35527" spans="8:8">
      <c r="H35527" s="12"/>
    </row>
    <row r="35528" spans="8:8">
      <c r="H35528" s="12"/>
    </row>
    <row r="35529" spans="8:8">
      <c r="H35529" s="12"/>
    </row>
    <row r="35530" spans="8:8">
      <c r="H35530" s="12"/>
    </row>
    <row r="35531" spans="8:8">
      <c r="H35531" s="12"/>
    </row>
    <row r="35532" spans="8:8">
      <c r="H35532" s="12"/>
    </row>
    <row r="35533" spans="8:8">
      <c r="H35533" s="12"/>
    </row>
    <row r="35534" spans="8:8">
      <c r="H35534" s="12"/>
    </row>
    <row r="35535" spans="8:8">
      <c r="H35535" s="12"/>
    </row>
    <row r="35536" spans="8:8">
      <c r="H35536" s="12"/>
    </row>
    <row r="35537" spans="8:8">
      <c r="H35537" s="12"/>
    </row>
    <row r="35538" spans="8:8">
      <c r="H35538" s="12"/>
    </row>
    <row r="35539" spans="8:8">
      <c r="H35539" s="12"/>
    </row>
    <row r="35540" spans="8:8">
      <c r="H35540" s="12"/>
    </row>
    <row r="35541" spans="8:8">
      <c r="H35541" s="12"/>
    </row>
    <row r="35542" spans="8:8">
      <c r="H35542" s="12"/>
    </row>
    <row r="35543" spans="8:8">
      <c r="H35543" s="12"/>
    </row>
    <row r="35544" spans="8:8">
      <c r="H35544" s="12"/>
    </row>
    <row r="35545" spans="8:8">
      <c r="H35545" s="12"/>
    </row>
    <row r="35546" spans="8:8">
      <c r="H35546" s="12"/>
    </row>
    <row r="35547" spans="8:8">
      <c r="H35547" s="12"/>
    </row>
    <row r="35548" spans="8:8">
      <c r="H35548" s="12"/>
    </row>
    <row r="35549" spans="8:8">
      <c r="H35549" s="12"/>
    </row>
    <row r="35550" spans="8:8">
      <c r="H35550" s="12"/>
    </row>
    <row r="35551" spans="8:8">
      <c r="H35551" s="12"/>
    </row>
    <row r="35552" spans="8:8">
      <c r="H35552" s="12"/>
    </row>
    <row r="35553" spans="8:8">
      <c r="H35553" s="12"/>
    </row>
    <row r="35554" spans="8:8">
      <c r="H35554" s="12"/>
    </row>
    <row r="35555" spans="8:8">
      <c r="H35555" s="12"/>
    </row>
    <row r="35556" spans="8:8">
      <c r="H35556" s="12"/>
    </row>
    <row r="35557" spans="8:8">
      <c r="H35557" s="12"/>
    </row>
    <row r="35558" spans="8:8">
      <c r="H35558" s="12"/>
    </row>
    <row r="35559" spans="8:8">
      <c r="H35559" s="12"/>
    </row>
    <row r="35560" spans="8:8">
      <c r="H35560" s="12"/>
    </row>
    <row r="35561" spans="8:8">
      <c r="H35561" s="12"/>
    </row>
    <row r="35562" spans="8:8">
      <c r="H35562" s="12"/>
    </row>
    <row r="35563" spans="8:8">
      <c r="H35563" s="12"/>
    </row>
    <row r="35564" spans="8:8">
      <c r="H35564" s="12"/>
    </row>
    <row r="35565" spans="8:8">
      <c r="H35565" s="12"/>
    </row>
    <row r="35566" spans="8:8">
      <c r="H35566" s="12"/>
    </row>
    <row r="35567" spans="8:8">
      <c r="H35567" s="12"/>
    </row>
    <row r="35568" spans="8:8">
      <c r="H35568" s="12"/>
    </row>
    <row r="35569" spans="8:8">
      <c r="H35569" s="12"/>
    </row>
    <row r="35570" spans="8:8">
      <c r="H35570" s="12"/>
    </row>
    <row r="35571" spans="8:8">
      <c r="H35571" s="12"/>
    </row>
    <row r="35572" spans="8:8">
      <c r="H35572" s="12"/>
    </row>
    <row r="35573" spans="8:8">
      <c r="H35573" s="12"/>
    </row>
    <row r="35574" spans="8:8">
      <c r="H35574" s="12"/>
    </row>
    <row r="35575" spans="8:8">
      <c r="H35575" s="12"/>
    </row>
    <row r="35576" spans="8:8">
      <c r="H35576" s="12"/>
    </row>
    <row r="35577" spans="8:8">
      <c r="H35577" s="12"/>
    </row>
    <row r="35578" spans="8:8">
      <c r="H35578" s="12"/>
    </row>
    <row r="35579" spans="8:8">
      <c r="H35579" s="12"/>
    </row>
    <row r="35580" spans="8:8">
      <c r="H35580" s="12"/>
    </row>
    <row r="35581" spans="8:8">
      <c r="H35581" s="12"/>
    </row>
    <row r="35582" spans="8:8">
      <c r="H35582" s="12"/>
    </row>
    <row r="35583" spans="8:8">
      <c r="H35583" s="12"/>
    </row>
    <row r="35584" spans="8:8">
      <c r="H35584" s="12"/>
    </row>
    <row r="35585" spans="8:8">
      <c r="H35585" s="12"/>
    </row>
    <row r="35586" spans="8:8">
      <c r="H35586" s="12"/>
    </row>
    <row r="35587" spans="8:8">
      <c r="H35587" s="12"/>
    </row>
    <row r="35588" spans="8:8">
      <c r="H35588" s="12"/>
    </row>
    <row r="35589" spans="8:8">
      <c r="H35589" s="12"/>
    </row>
    <row r="35590" spans="8:8">
      <c r="H35590" s="12"/>
    </row>
    <row r="35591" spans="8:8">
      <c r="H35591" s="12"/>
    </row>
    <row r="35592" spans="8:8">
      <c r="H35592" s="12"/>
    </row>
    <row r="35593" spans="8:8">
      <c r="H35593" s="12"/>
    </row>
    <row r="35594" spans="8:8">
      <c r="H35594" s="12"/>
    </row>
    <row r="35595" spans="8:8">
      <c r="H35595" s="12"/>
    </row>
    <row r="35596" spans="8:8">
      <c r="H35596" s="12"/>
    </row>
    <row r="35597" spans="8:8">
      <c r="H35597" s="12"/>
    </row>
    <row r="35598" spans="8:8">
      <c r="H35598" s="12"/>
    </row>
    <row r="35599" spans="8:8">
      <c r="H35599" s="12"/>
    </row>
    <row r="35600" spans="8:8">
      <c r="H35600" s="12"/>
    </row>
    <row r="35601" spans="8:8">
      <c r="H35601" s="12"/>
    </row>
    <row r="35602" spans="8:8">
      <c r="H35602" s="12"/>
    </row>
    <row r="35603" spans="8:8">
      <c r="H35603" s="12"/>
    </row>
    <row r="35604" spans="8:8">
      <c r="H35604" s="12"/>
    </row>
    <row r="35605" spans="8:8">
      <c r="H35605" s="12"/>
    </row>
    <row r="35606" spans="8:8">
      <c r="H35606" s="12"/>
    </row>
    <row r="35607" spans="8:8">
      <c r="H35607" s="12"/>
    </row>
    <row r="35608" spans="8:8">
      <c r="H35608" s="12"/>
    </row>
    <row r="35609" spans="8:8">
      <c r="H35609" s="12"/>
    </row>
    <row r="35610" spans="8:8">
      <c r="H35610" s="12"/>
    </row>
    <row r="35611" spans="8:8">
      <c r="H35611" s="12"/>
    </row>
    <row r="35612" spans="8:8">
      <c r="H35612" s="12"/>
    </row>
    <row r="35613" spans="8:8">
      <c r="H35613" s="12"/>
    </row>
    <row r="35614" spans="8:8">
      <c r="H35614" s="12"/>
    </row>
    <row r="35615" spans="8:8">
      <c r="H35615" s="12"/>
    </row>
    <row r="35616" spans="8:8">
      <c r="H35616" s="12"/>
    </row>
    <row r="35617" spans="8:8">
      <c r="H35617" s="12"/>
    </row>
    <row r="35618" spans="8:8">
      <c r="H35618" s="12"/>
    </row>
    <row r="35619" spans="8:8">
      <c r="H35619" s="12"/>
    </row>
    <row r="35620" spans="8:8">
      <c r="H35620" s="12"/>
    </row>
    <row r="35621" spans="8:8">
      <c r="H35621" s="12"/>
    </row>
    <row r="35622" spans="8:8">
      <c r="H35622" s="12"/>
    </row>
    <row r="35623" spans="8:8">
      <c r="H35623" s="12"/>
    </row>
    <row r="35624" spans="8:8">
      <c r="H35624" s="12"/>
    </row>
    <row r="35625" spans="8:8">
      <c r="H35625" s="12"/>
    </row>
    <row r="35626" spans="8:8">
      <c r="H35626" s="12"/>
    </row>
    <row r="35627" spans="8:8">
      <c r="H35627" s="12"/>
    </row>
    <row r="35628" spans="8:8">
      <c r="H35628" s="12"/>
    </row>
    <row r="35629" spans="8:8">
      <c r="H35629" s="12"/>
    </row>
    <row r="35630" spans="8:8">
      <c r="H35630" s="12"/>
    </row>
    <row r="35631" spans="8:8">
      <c r="H35631" s="12"/>
    </row>
    <row r="35632" spans="8:8">
      <c r="H35632" s="12"/>
    </row>
    <row r="35633" spans="8:8">
      <c r="H35633" s="12"/>
    </row>
    <row r="35634" spans="8:8">
      <c r="H35634" s="12"/>
    </row>
    <row r="35635" spans="8:8">
      <c r="H35635" s="12"/>
    </row>
    <row r="35636" spans="8:8">
      <c r="H35636" s="12"/>
    </row>
    <row r="35637" spans="8:8">
      <c r="H35637" s="12"/>
    </row>
    <row r="35638" spans="8:8">
      <c r="H35638" s="12"/>
    </row>
    <row r="35639" spans="8:8">
      <c r="H35639" s="12"/>
    </row>
    <row r="35640" spans="8:8">
      <c r="H35640" s="12"/>
    </row>
    <row r="35641" spans="8:8">
      <c r="H35641" s="12"/>
    </row>
    <row r="35642" spans="8:8">
      <c r="H35642" s="12"/>
    </row>
    <row r="35643" spans="8:8">
      <c r="H35643" s="12"/>
    </row>
    <row r="35644" spans="8:8">
      <c r="H35644" s="12"/>
    </row>
    <row r="35645" spans="8:8">
      <c r="H35645" s="12"/>
    </row>
    <row r="35646" spans="8:8">
      <c r="H35646" s="12"/>
    </row>
    <row r="35647" spans="8:8">
      <c r="H35647" s="12"/>
    </row>
    <row r="35648" spans="8:8">
      <c r="H35648" s="12"/>
    </row>
    <row r="35649" spans="8:8">
      <c r="H35649" s="12"/>
    </row>
    <row r="35650" spans="8:8">
      <c r="H35650" s="12"/>
    </row>
    <row r="35651" spans="8:8">
      <c r="H35651" s="12"/>
    </row>
    <row r="35652" spans="8:8">
      <c r="H35652" s="12"/>
    </row>
    <row r="35653" spans="8:8">
      <c r="H35653" s="12"/>
    </row>
    <row r="35654" spans="8:8">
      <c r="H35654" s="12"/>
    </row>
    <row r="35655" spans="8:8">
      <c r="H35655" s="12"/>
    </row>
    <row r="35656" spans="8:8">
      <c r="H35656" s="12"/>
    </row>
    <row r="35657" spans="8:8">
      <c r="H35657" s="12"/>
    </row>
    <row r="35658" spans="8:8">
      <c r="H35658" s="12"/>
    </row>
    <row r="35659" spans="8:8">
      <c r="H35659" s="12"/>
    </row>
    <row r="35660" spans="8:8">
      <c r="H35660" s="12"/>
    </row>
    <row r="35661" spans="8:8">
      <c r="H35661" s="12"/>
    </row>
    <row r="35662" spans="8:8">
      <c r="H35662" s="12"/>
    </row>
    <row r="35663" spans="8:8">
      <c r="H35663" s="12"/>
    </row>
    <row r="35664" spans="8:8">
      <c r="H35664" s="12"/>
    </row>
    <row r="35665" spans="8:8">
      <c r="H35665" s="12"/>
    </row>
    <row r="35666" spans="8:8">
      <c r="H35666" s="12"/>
    </row>
    <row r="35667" spans="8:8">
      <c r="H35667" s="12"/>
    </row>
    <row r="35668" spans="8:8">
      <c r="H35668" s="12"/>
    </row>
    <row r="35669" spans="8:8">
      <c r="H35669" s="12"/>
    </row>
    <row r="35670" spans="8:8">
      <c r="H35670" s="12"/>
    </row>
    <row r="35671" spans="8:8">
      <c r="H35671" s="12"/>
    </row>
    <row r="35672" spans="8:8">
      <c r="H35672" s="12"/>
    </row>
    <row r="35673" spans="8:8">
      <c r="H35673" s="12"/>
    </row>
    <row r="35674" spans="8:8">
      <c r="H35674" s="12"/>
    </row>
    <row r="35675" spans="8:8">
      <c r="H35675" s="12"/>
    </row>
    <row r="35676" spans="8:8">
      <c r="H35676" s="12"/>
    </row>
    <row r="35677" spans="8:8">
      <c r="H35677" s="12"/>
    </row>
    <row r="35678" spans="8:8">
      <c r="H35678" s="12"/>
    </row>
    <row r="35679" spans="8:8">
      <c r="H35679" s="12"/>
    </row>
    <row r="35680" spans="8:8">
      <c r="H35680" s="12"/>
    </row>
    <row r="35681" spans="8:8">
      <c r="H35681" s="12"/>
    </row>
    <row r="35682" spans="8:8">
      <c r="H35682" s="12"/>
    </row>
    <row r="35683" spans="8:8">
      <c r="H35683" s="12"/>
    </row>
    <row r="35684" spans="8:8">
      <c r="H35684" s="12"/>
    </row>
    <row r="35685" spans="8:8">
      <c r="H35685" s="12"/>
    </row>
    <row r="35686" spans="8:8">
      <c r="H35686" s="12"/>
    </row>
    <row r="35687" spans="8:8">
      <c r="H35687" s="12"/>
    </row>
    <row r="35688" spans="8:8">
      <c r="H35688" s="12"/>
    </row>
    <row r="35689" spans="8:8">
      <c r="H35689" s="12"/>
    </row>
    <row r="35690" spans="8:8">
      <c r="H35690" s="12"/>
    </row>
    <row r="35691" spans="8:8">
      <c r="H35691" s="12"/>
    </row>
    <row r="35692" spans="8:8">
      <c r="H35692" s="12"/>
    </row>
    <row r="35693" spans="8:8">
      <c r="H35693" s="12"/>
    </row>
    <row r="35694" spans="8:8">
      <c r="H35694" s="12"/>
    </row>
    <row r="35695" spans="8:8">
      <c r="H35695" s="12"/>
    </row>
    <row r="35696" spans="8:8">
      <c r="H35696" s="12"/>
    </row>
    <row r="35697" spans="8:8">
      <c r="H35697" s="12"/>
    </row>
    <row r="35698" spans="8:8">
      <c r="H35698" s="12"/>
    </row>
    <row r="35699" spans="8:8">
      <c r="H35699" s="12"/>
    </row>
    <row r="35700" spans="8:8">
      <c r="H35700" s="12"/>
    </row>
    <row r="35701" spans="8:8">
      <c r="H35701" s="12"/>
    </row>
    <row r="35702" spans="8:8">
      <c r="H35702" s="12"/>
    </row>
    <row r="35703" spans="8:8">
      <c r="H35703" s="12"/>
    </row>
    <row r="35704" spans="8:8">
      <c r="H35704" s="12"/>
    </row>
    <row r="35705" spans="8:8">
      <c r="H35705" s="12"/>
    </row>
    <row r="35706" spans="8:8">
      <c r="H35706" s="12"/>
    </row>
    <row r="35707" spans="8:8">
      <c r="H35707" s="12"/>
    </row>
    <row r="35708" spans="8:8">
      <c r="H35708" s="12"/>
    </row>
    <row r="35709" spans="8:8">
      <c r="H35709" s="12"/>
    </row>
    <row r="35710" spans="8:8">
      <c r="H35710" s="12"/>
    </row>
    <row r="35711" spans="8:8">
      <c r="H35711" s="12"/>
    </row>
    <row r="35712" spans="8:8">
      <c r="H35712" s="12"/>
    </row>
    <row r="35713" spans="8:8">
      <c r="H35713" s="12"/>
    </row>
    <row r="35714" spans="8:8">
      <c r="H35714" s="12"/>
    </row>
    <row r="35715" spans="8:8">
      <c r="H35715" s="12"/>
    </row>
    <row r="35716" spans="8:8">
      <c r="H35716" s="12"/>
    </row>
    <row r="35717" spans="8:8">
      <c r="H35717" s="12"/>
    </row>
    <row r="35718" spans="8:8">
      <c r="H35718" s="12"/>
    </row>
    <row r="35719" spans="8:8">
      <c r="H35719" s="12"/>
    </row>
    <row r="35720" spans="8:8">
      <c r="H35720" s="12"/>
    </row>
    <row r="35721" spans="8:8">
      <c r="H35721" s="12"/>
    </row>
    <row r="35722" spans="8:8">
      <c r="H35722" s="12"/>
    </row>
    <row r="35723" spans="8:8">
      <c r="H35723" s="12"/>
    </row>
    <row r="35724" spans="8:8">
      <c r="H35724" s="12"/>
    </row>
    <row r="35725" spans="8:8">
      <c r="H35725" s="12"/>
    </row>
    <row r="35726" spans="8:8">
      <c r="H35726" s="12"/>
    </row>
    <row r="35727" spans="8:8">
      <c r="H35727" s="12"/>
    </row>
    <row r="35728" spans="8:8">
      <c r="H35728" s="12"/>
    </row>
    <row r="35729" spans="8:8">
      <c r="H35729" s="12"/>
    </row>
    <row r="35730" spans="8:8">
      <c r="H35730" s="12"/>
    </row>
    <row r="35731" spans="8:8">
      <c r="H35731" s="12"/>
    </row>
    <row r="35732" spans="8:8">
      <c r="H35732" s="12"/>
    </row>
    <row r="35733" spans="8:8">
      <c r="H35733" s="12"/>
    </row>
    <row r="35734" spans="8:8">
      <c r="H35734" s="12"/>
    </row>
    <row r="35735" spans="8:8">
      <c r="H35735" s="12"/>
    </row>
    <row r="35736" spans="8:8">
      <c r="H35736" s="12"/>
    </row>
    <row r="35737" spans="8:8">
      <c r="H35737" s="12"/>
    </row>
    <row r="35738" spans="8:8">
      <c r="H35738" s="12"/>
    </row>
    <row r="35739" spans="8:8">
      <c r="H35739" s="12"/>
    </row>
    <row r="35740" spans="8:8">
      <c r="H35740" s="12"/>
    </row>
    <row r="35741" spans="8:8">
      <c r="H35741" s="12"/>
    </row>
    <row r="35742" spans="8:8">
      <c r="H35742" s="12"/>
    </row>
    <row r="35743" spans="8:8">
      <c r="H35743" s="12"/>
    </row>
    <row r="35744" spans="8:8">
      <c r="H35744" s="12"/>
    </row>
    <row r="35745" spans="8:8">
      <c r="H35745" s="12"/>
    </row>
    <row r="35746" spans="8:8">
      <c r="H35746" s="12"/>
    </row>
    <row r="35747" spans="8:8">
      <c r="H35747" s="12"/>
    </row>
    <row r="35748" spans="8:8">
      <c r="H35748" s="12"/>
    </row>
    <row r="35749" spans="8:8">
      <c r="H35749" s="12"/>
    </row>
    <row r="35750" spans="8:8">
      <c r="H35750" s="12"/>
    </row>
    <row r="35751" spans="8:8">
      <c r="H35751" s="12"/>
    </row>
    <row r="35752" spans="8:8">
      <c r="H35752" s="12"/>
    </row>
    <row r="35753" spans="8:8">
      <c r="H35753" s="12"/>
    </row>
    <row r="35754" spans="8:8">
      <c r="H35754" s="12"/>
    </row>
    <row r="35755" spans="8:8">
      <c r="H35755" s="12"/>
    </row>
    <row r="35756" spans="8:8">
      <c r="H35756" s="12"/>
    </row>
    <row r="35757" spans="8:8">
      <c r="H35757" s="12"/>
    </row>
    <row r="35758" spans="8:8">
      <c r="H35758" s="12"/>
    </row>
    <row r="35759" spans="8:8">
      <c r="H35759" s="12"/>
    </row>
    <row r="35760" spans="8:8">
      <c r="H35760" s="12"/>
    </row>
    <row r="35761" spans="8:8">
      <c r="H35761" s="12"/>
    </row>
    <row r="35762" spans="8:8">
      <c r="H35762" s="12"/>
    </row>
    <row r="35763" spans="8:8">
      <c r="H35763" s="12"/>
    </row>
    <row r="35764" spans="8:8">
      <c r="H35764" s="12"/>
    </row>
    <row r="35765" spans="8:8">
      <c r="H35765" s="12"/>
    </row>
    <row r="35766" spans="8:8">
      <c r="H35766" s="12"/>
    </row>
    <row r="35767" spans="8:8">
      <c r="H35767" s="12"/>
    </row>
    <row r="35768" spans="8:8">
      <c r="H35768" s="12"/>
    </row>
    <row r="35769" spans="8:8">
      <c r="H35769" s="12"/>
    </row>
    <row r="35770" spans="8:8">
      <c r="H35770" s="12"/>
    </row>
    <row r="35771" spans="8:8">
      <c r="H35771" s="12"/>
    </row>
    <row r="35772" spans="8:8">
      <c r="H35772" s="12"/>
    </row>
    <row r="35773" spans="8:8">
      <c r="H35773" s="12"/>
    </row>
    <row r="35774" spans="8:8">
      <c r="H35774" s="12"/>
    </row>
    <row r="35775" spans="8:8">
      <c r="H35775" s="12"/>
    </row>
    <row r="35776" spans="8:8">
      <c r="H35776" s="12"/>
    </row>
    <row r="35777" spans="8:8">
      <c r="H35777" s="12"/>
    </row>
    <row r="35778" spans="8:8">
      <c r="H35778" s="12"/>
    </row>
    <row r="35779" spans="8:8">
      <c r="H35779" s="12"/>
    </row>
    <row r="35780" spans="8:8">
      <c r="H35780" s="12"/>
    </row>
    <row r="35781" spans="8:8">
      <c r="H35781" s="12"/>
    </row>
    <row r="35782" spans="8:8">
      <c r="H35782" s="12"/>
    </row>
    <row r="35783" spans="8:8">
      <c r="H35783" s="12"/>
    </row>
    <row r="35784" spans="8:8">
      <c r="H35784" s="12"/>
    </row>
    <row r="35785" spans="8:8">
      <c r="H35785" s="12"/>
    </row>
    <row r="35786" spans="8:8">
      <c r="H35786" s="12"/>
    </row>
    <row r="35787" spans="8:8">
      <c r="H35787" s="12"/>
    </row>
    <row r="35788" spans="8:8">
      <c r="H35788" s="12"/>
    </row>
    <row r="35789" spans="8:8">
      <c r="H35789" s="12"/>
    </row>
    <row r="35790" spans="8:8">
      <c r="H35790" s="12"/>
    </row>
    <row r="35791" spans="8:8">
      <c r="H35791" s="12"/>
    </row>
    <row r="35792" spans="8:8">
      <c r="H35792" s="12"/>
    </row>
    <row r="35793" spans="8:8">
      <c r="H35793" s="12"/>
    </row>
    <row r="35794" spans="8:8">
      <c r="H35794" s="12"/>
    </row>
    <row r="35795" spans="8:8">
      <c r="H35795" s="12"/>
    </row>
    <row r="35796" spans="8:8">
      <c r="H35796" s="12"/>
    </row>
    <row r="35797" spans="8:8">
      <c r="H35797" s="12"/>
    </row>
    <row r="35798" spans="8:8">
      <c r="H35798" s="12"/>
    </row>
    <row r="35799" spans="8:8">
      <c r="H35799" s="12"/>
    </row>
    <row r="35800" spans="8:8">
      <c r="H35800" s="12"/>
    </row>
    <row r="35801" spans="8:8">
      <c r="H35801" s="12"/>
    </row>
    <row r="35802" spans="8:8">
      <c r="H35802" s="12"/>
    </row>
    <row r="35803" spans="8:8">
      <c r="H35803" s="12"/>
    </row>
    <row r="35804" spans="8:8">
      <c r="H35804" s="12"/>
    </row>
    <row r="35805" spans="8:8">
      <c r="H35805" s="12"/>
    </row>
    <row r="35806" spans="8:8">
      <c r="H35806" s="12"/>
    </row>
    <row r="35807" spans="8:8">
      <c r="H35807" s="12"/>
    </row>
    <row r="35808" spans="8:8">
      <c r="H35808" s="12"/>
    </row>
    <row r="35809" spans="8:8">
      <c r="H35809" s="12"/>
    </row>
    <row r="35810" spans="8:8">
      <c r="H35810" s="12"/>
    </row>
    <row r="35811" spans="8:8">
      <c r="H35811" s="12"/>
    </row>
    <row r="35812" spans="8:8">
      <c r="H35812" s="12"/>
    </row>
    <row r="35813" spans="8:8">
      <c r="H35813" s="12"/>
    </row>
    <row r="35814" spans="8:8">
      <c r="H35814" s="12"/>
    </row>
    <row r="35815" spans="8:8">
      <c r="H35815" s="12"/>
    </row>
    <row r="35816" spans="8:8">
      <c r="H35816" s="12"/>
    </row>
    <row r="35817" spans="8:8">
      <c r="H35817" s="12"/>
    </row>
    <row r="35818" spans="8:8">
      <c r="H35818" s="12"/>
    </row>
    <row r="35819" spans="8:8">
      <c r="H35819" s="12"/>
    </row>
    <row r="35820" spans="8:8">
      <c r="H35820" s="12"/>
    </row>
    <row r="35821" spans="8:8">
      <c r="H35821" s="12"/>
    </row>
    <row r="35822" spans="8:8">
      <c r="H35822" s="12"/>
    </row>
    <row r="35823" spans="8:8">
      <c r="H35823" s="12"/>
    </row>
    <row r="35824" spans="8:8">
      <c r="H35824" s="12"/>
    </row>
    <row r="35825" spans="8:8">
      <c r="H35825" s="12"/>
    </row>
    <row r="35826" spans="8:8">
      <c r="H35826" s="12"/>
    </row>
    <row r="35827" spans="8:8">
      <c r="H35827" s="12"/>
    </row>
    <row r="35828" spans="8:8">
      <c r="H35828" s="12"/>
    </row>
    <row r="35829" spans="8:8">
      <c r="H35829" s="12"/>
    </row>
    <row r="35830" spans="8:8">
      <c r="H35830" s="12"/>
    </row>
    <row r="35831" spans="8:8">
      <c r="H35831" s="12"/>
    </row>
    <row r="35832" spans="8:8">
      <c r="H35832" s="12"/>
    </row>
    <row r="35833" spans="8:8">
      <c r="H35833" s="12"/>
    </row>
    <row r="35834" spans="8:8">
      <c r="H35834" s="12"/>
    </row>
    <row r="35835" spans="8:8">
      <c r="H35835" s="12"/>
    </row>
    <row r="35836" spans="8:8">
      <c r="H35836" s="12"/>
    </row>
    <row r="35837" spans="8:8">
      <c r="H35837" s="12"/>
    </row>
    <row r="35838" spans="8:8">
      <c r="H35838" s="12"/>
    </row>
    <row r="35839" spans="8:8">
      <c r="H35839" s="12"/>
    </row>
    <row r="35840" spans="8:8">
      <c r="H35840" s="12"/>
    </row>
    <row r="35841" spans="8:8">
      <c r="H35841" s="12"/>
    </row>
    <row r="35842" spans="8:8">
      <c r="H35842" s="12"/>
    </row>
    <row r="35843" spans="8:8">
      <c r="H35843" s="12"/>
    </row>
    <row r="35844" spans="8:8">
      <c r="H35844" s="12"/>
    </row>
    <row r="35845" spans="8:8">
      <c r="H35845" s="12"/>
    </row>
    <row r="35846" spans="8:8">
      <c r="H35846" s="12"/>
    </row>
    <row r="35847" spans="8:8">
      <c r="H35847" s="12"/>
    </row>
    <row r="35848" spans="8:8">
      <c r="H35848" s="12"/>
    </row>
    <row r="35849" spans="8:8">
      <c r="H35849" s="12"/>
    </row>
    <row r="35850" spans="8:8">
      <c r="H35850" s="12"/>
    </row>
    <row r="35851" spans="8:8">
      <c r="H35851" s="12"/>
    </row>
    <row r="35852" spans="8:8">
      <c r="H35852" s="12"/>
    </row>
    <row r="35853" spans="8:8">
      <c r="H35853" s="12"/>
    </row>
    <row r="35854" spans="8:8">
      <c r="H35854" s="12"/>
    </row>
    <row r="35855" spans="8:8">
      <c r="H35855" s="12"/>
    </row>
    <row r="35856" spans="8:8">
      <c r="H35856" s="12"/>
    </row>
    <row r="35857" spans="8:8">
      <c r="H35857" s="12"/>
    </row>
    <row r="35858" spans="8:8">
      <c r="H35858" s="12"/>
    </row>
    <row r="35859" spans="8:8">
      <c r="H35859" s="12"/>
    </row>
    <row r="35860" spans="8:8">
      <c r="H35860" s="12"/>
    </row>
    <row r="35861" spans="8:8">
      <c r="H35861" s="12"/>
    </row>
    <row r="35862" spans="8:8">
      <c r="H35862" s="12"/>
    </row>
    <row r="35863" spans="8:8">
      <c r="H35863" s="12"/>
    </row>
    <row r="35864" spans="8:8">
      <c r="H35864" s="12"/>
    </row>
    <row r="35865" spans="8:8">
      <c r="H35865" s="12"/>
    </row>
    <row r="35866" spans="8:8">
      <c r="H35866" s="12"/>
    </row>
    <row r="35867" spans="8:8">
      <c r="H35867" s="12"/>
    </row>
    <row r="35868" spans="8:8">
      <c r="H35868" s="12"/>
    </row>
    <row r="35869" spans="8:8">
      <c r="H35869" s="12"/>
    </row>
    <row r="35870" spans="8:8">
      <c r="H35870" s="12"/>
    </row>
    <row r="35871" spans="8:8">
      <c r="H35871" s="12"/>
    </row>
    <row r="35872" spans="8:8">
      <c r="H35872" s="12"/>
    </row>
    <row r="35873" spans="8:8">
      <c r="H35873" s="12"/>
    </row>
    <row r="35874" spans="8:8">
      <c r="H35874" s="12"/>
    </row>
    <row r="35875" spans="8:8">
      <c r="H35875" s="12"/>
    </row>
    <row r="35876" spans="8:8">
      <c r="H35876" s="12"/>
    </row>
    <row r="35877" spans="8:8">
      <c r="H35877" s="12"/>
    </row>
    <row r="35878" spans="8:8">
      <c r="H35878" s="12"/>
    </row>
    <row r="35879" spans="8:8">
      <c r="H35879" s="12"/>
    </row>
    <row r="35880" spans="8:8">
      <c r="H35880" s="12"/>
    </row>
    <row r="35881" spans="8:8">
      <c r="H35881" s="12"/>
    </row>
    <row r="35882" spans="8:8">
      <c r="H35882" s="12"/>
    </row>
    <row r="35883" spans="8:8">
      <c r="H35883" s="12"/>
    </row>
    <row r="35884" spans="8:8">
      <c r="H35884" s="12"/>
    </row>
    <row r="35885" spans="8:8">
      <c r="H35885" s="12"/>
    </row>
    <row r="35886" spans="8:8">
      <c r="H35886" s="12"/>
    </row>
    <row r="35887" spans="8:8">
      <c r="H35887" s="12"/>
    </row>
    <row r="35888" spans="8:8">
      <c r="H35888" s="12"/>
    </row>
    <row r="35889" spans="8:8">
      <c r="H35889" s="12"/>
    </row>
    <row r="35890" spans="8:8">
      <c r="H35890" s="12"/>
    </row>
    <row r="35891" spans="8:8">
      <c r="H35891" s="12"/>
    </row>
    <row r="35892" spans="8:8">
      <c r="H35892" s="12"/>
    </row>
    <row r="35893" spans="8:8">
      <c r="H35893" s="12"/>
    </row>
    <row r="35894" spans="8:8">
      <c r="H35894" s="12"/>
    </row>
    <row r="35895" spans="8:8">
      <c r="H35895" s="12"/>
    </row>
    <row r="35896" spans="8:8">
      <c r="H35896" s="12"/>
    </row>
    <row r="35897" spans="8:8">
      <c r="H35897" s="12"/>
    </row>
    <row r="35898" spans="8:8">
      <c r="H35898" s="12"/>
    </row>
    <row r="35899" spans="8:8">
      <c r="H35899" s="12"/>
    </row>
    <row r="35900" spans="8:8">
      <c r="H35900" s="12"/>
    </row>
    <row r="35901" spans="8:8">
      <c r="H35901" s="12"/>
    </row>
    <row r="35902" spans="8:8">
      <c r="H35902" s="12"/>
    </row>
    <row r="35903" spans="8:8">
      <c r="H35903" s="12"/>
    </row>
    <row r="35904" spans="8:8">
      <c r="H35904" s="12"/>
    </row>
    <row r="35905" spans="8:8">
      <c r="H35905" s="12"/>
    </row>
    <row r="35906" spans="8:8">
      <c r="H35906" s="12"/>
    </row>
    <row r="35907" spans="8:8">
      <c r="H35907" s="12"/>
    </row>
    <row r="35908" spans="8:8">
      <c r="H35908" s="12"/>
    </row>
    <row r="35909" spans="8:8">
      <c r="H35909" s="12"/>
    </row>
    <row r="35910" spans="8:8">
      <c r="H35910" s="12"/>
    </row>
    <row r="35911" spans="8:8">
      <c r="H35911" s="12"/>
    </row>
    <row r="35912" spans="8:8">
      <c r="H35912" s="12"/>
    </row>
    <row r="35913" spans="8:8">
      <c r="H35913" s="12"/>
    </row>
    <row r="35914" spans="8:8">
      <c r="H35914" s="12"/>
    </row>
    <row r="35915" spans="8:8">
      <c r="H35915" s="12"/>
    </row>
    <row r="35916" spans="8:8">
      <c r="H35916" s="12"/>
    </row>
    <row r="35917" spans="8:8">
      <c r="H35917" s="12"/>
    </row>
    <row r="35918" spans="8:8">
      <c r="H35918" s="12"/>
    </row>
    <row r="35919" spans="8:8">
      <c r="H35919" s="12"/>
    </row>
    <row r="35920" spans="8:8">
      <c r="H35920" s="12"/>
    </row>
    <row r="35921" spans="8:8">
      <c r="H35921" s="12"/>
    </row>
    <row r="35922" spans="8:8">
      <c r="H35922" s="12"/>
    </row>
    <row r="35923" spans="8:8">
      <c r="H35923" s="12"/>
    </row>
    <row r="35924" spans="8:8">
      <c r="H35924" s="12"/>
    </row>
    <row r="35925" spans="8:8">
      <c r="H35925" s="12"/>
    </row>
    <row r="35926" spans="8:8">
      <c r="H35926" s="12"/>
    </row>
    <row r="35927" spans="8:8">
      <c r="H35927" s="12"/>
    </row>
    <row r="35928" spans="8:8">
      <c r="H35928" s="12"/>
    </row>
    <row r="35929" spans="8:8">
      <c r="H35929" s="12"/>
    </row>
    <row r="35930" spans="8:8">
      <c r="H35930" s="12"/>
    </row>
    <row r="35931" spans="8:8">
      <c r="H35931" s="12"/>
    </row>
    <row r="35932" spans="8:8">
      <c r="H35932" s="12"/>
    </row>
    <row r="35933" spans="8:8">
      <c r="H35933" s="12"/>
    </row>
    <row r="35934" spans="8:8">
      <c r="H35934" s="12"/>
    </row>
    <row r="35935" spans="8:8">
      <c r="H35935" s="12"/>
    </row>
    <row r="35936" spans="8:8">
      <c r="H35936" s="12"/>
    </row>
    <row r="35937" spans="8:8">
      <c r="H35937" s="12"/>
    </row>
    <row r="35938" spans="8:8">
      <c r="H35938" s="12"/>
    </row>
    <row r="35939" spans="8:8">
      <c r="H35939" s="12"/>
    </row>
    <row r="35940" spans="8:8">
      <c r="H35940" s="12"/>
    </row>
    <row r="35941" spans="8:8">
      <c r="H35941" s="12"/>
    </row>
    <row r="35942" spans="8:8">
      <c r="H35942" s="12"/>
    </row>
    <row r="35943" spans="8:8">
      <c r="H35943" s="12"/>
    </row>
    <row r="35944" spans="8:8">
      <c r="H35944" s="12"/>
    </row>
    <row r="35945" spans="8:8">
      <c r="H35945" s="12"/>
    </row>
    <row r="35946" spans="8:8">
      <c r="H35946" s="12"/>
    </row>
    <row r="35947" spans="8:8">
      <c r="H35947" s="12"/>
    </row>
    <row r="35948" spans="8:8">
      <c r="H35948" s="12"/>
    </row>
    <row r="35949" spans="8:8">
      <c r="H35949" s="12"/>
    </row>
    <row r="35950" spans="8:8">
      <c r="H35950" s="12"/>
    </row>
    <row r="35951" spans="8:8">
      <c r="H35951" s="12"/>
    </row>
    <row r="35952" spans="8:8">
      <c r="H35952" s="12"/>
    </row>
    <row r="35953" spans="8:8">
      <c r="H35953" s="12"/>
    </row>
    <row r="35954" spans="8:8">
      <c r="H35954" s="12"/>
    </row>
    <row r="35955" spans="8:8">
      <c r="H35955" s="12"/>
    </row>
    <row r="35956" spans="8:8">
      <c r="H35956" s="12"/>
    </row>
    <row r="35957" spans="8:8">
      <c r="H35957" s="12"/>
    </row>
    <row r="35958" spans="8:8">
      <c r="H35958" s="12"/>
    </row>
    <row r="35959" spans="8:8">
      <c r="H35959" s="12"/>
    </row>
    <row r="35960" spans="8:8">
      <c r="H35960" s="12"/>
    </row>
    <row r="35961" spans="8:8">
      <c r="H35961" s="12"/>
    </row>
    <row r="35962" spans="8:8">
      <c r="H35962" s="12"/>
    </row>
    <row r="35963" spans="8:8">
      <c r="H35963" s="12"/>
    </row>
    <row r="35964" spans="8:8">
      <c r="H35964" s="12"/>
    </row>
    <row r="35965" spans="8:8">
      <c r="H35965" s="12"/>
    </row>
    <row r="35966" spans="8:8">
      <c r="H35966" s="12"/>
    </row>
    <row r="35967" spans="8:8">
      <c r="H35967" s="12"/>
    </row>
    <row r="35968" spans="8:8">
      <c r="H35968" s="12"/>
    </row>
    <row r="35969" spans="8:8">
      <c r="H35969" s="12"/>
    </row>
    <row r="35970" spans="8:8">
      <c r="H35970" s="12"/>
    </row>
    <row r="35971" spans="8:8">
      <c r="H35971" s="12"/>
    </row>
    <row r="35972" spans="8:8">
      <c r="H35972" s="12"/>
    </row>
    <row r="35973" spans="8:8">
      <c r="H35973" s="12"/>
    </row>
    <row r="35974" spans="8:8">
      <c r="H35974" s="12"/>
    </row>
    <row r="35975" spans="8:8">
      <c r="H35975" s="12"/>
    </row>
    <row r="35976" spans="8:8">
      <c r="H35976" s="12"/>
    </row>
    <row r="35977" spans="8:8">
      <c r="H35977" s="12"/>
    </row>
    <row r="35978" spans="8:8">
      <c r="H35978" s="12"/>
    </row>
    <row r="35979" spans="8:8">
      <c r="H35979" s="12"/>
    </row>
    <row r="35980" spans="8:8">
      <c r="H35980" s="12"/>
    </row>
    <row r="35981" spans="8:8">
      <c r="H35981" s="12"/>
    </row>
    <row r="35982" spans="8:8">
      <c r="H35982" s="12"/>
    </row>
    <row r="35983" spans="8:8">
      <c r="H35983" s="12"/>
    </row>
    <row r="35984" spans="8:8">
      <c r="H35984" s="12"/>
    </row>
    <row r="35985" spans="8:8">
      <c r="H35985" s="12"/>
    </row>
    <row r="35986" spans="8:8">
      <c r="H35986" s="12"/>
    </row>
    <row r="35987" spans="8:8">
      <c r="H35987" s="12"/>
    </row>
    <row r="35988" spans="8:8">
      <c r="H35988" s="12"/>
    </row>
    <row r="35989" spans="8:8">
      <c r="H35989" s="12"/>
    </row>
    <row r="35990" spans="8:8">
      <c r="H35990" s="12"/>
    </row>
    <row r="35991" spans="8:8">
      <c r="H35991" s="12"/>
    </row>
    <row r="35992" spans="8:8">
      <c r="H35992" s="12"/>
    </row>
    <row r="35993" spans="8:8">
      <c r="H35993" s="12"/>
    </row>
    <row r="35994" spans="8:8">
      <c r="H35994" s="12"/>
    </row>
    <row r="35995" spans="8:8">
      <c r="H35995" s="12"/>
    </row>
    <row r="35996" spans="8:8">
      <c r="H35996" s="12"/>
    </row>
    <row r="35997" spans="8:8">
      <c r="H35997" s="12"/>
    </row>
    <row r="35998" spans="8:8">
      <c r="H35998" s="12"/>
    </row>
    <row r="35999" spans="8:8">
      <c r="H35999" s="12"/>
    </row>
    <row r="36000" spans="8:8">
      <c r="H36000" s="12"/>
    </row>
    <row r="36001" spans="8:8">
      <c r="H36001" s="12"/>
    </row>
    <row r="36002" spans="8:8">
      <c r="H36002" s="12"/>
    </row>
    <row r="36003" spans="8:8">
      <c r="H36003" s="12"/>
    </row>
    <row r="36004" spans="8:8">
      <c r="H36004" s="12"/>
    </row>
    <row r="36005" spans="8:8">
      <c r="H36005" s="12"/>
    </row>
    <row r="36006" spans="8:8">
      <c r="H36006" s="12"/>
    </row>
    <row r="36007" spans="8:8">
      <c r="H36007" s="12"/>
    </row>
    <row r="36008" spans="8:8">
      <c r="H36008" s="12"/>
    </row>
    <row r="36009" spans="8:8">
      <c r="H36009" s="12"/>
    </row>
    <row r="36010" spans="8:8">
      <c r="H36010" s="12"/>
    </row>
    <row r="36011" spans="8:8">
      <c r="H36011" s="12"/>
    </row>
    <row r="36012" spans="8:8">
      <c r="H36012" s="12"/>
    </row>
    <row r="36013" spans="8:8">
      <c r="H36013" s="12"/>
    </row>
    <row r="36014" spans="8:8">
      <c r="H36014" s="12"/>
    </row>
    <row r="36015" spans="8:8">
      <c r="H36015" s="12"/>
    </row>
    <row r="36016" spans="8:8">
      <c r="H36016" s="12"/>
    </row>
    <row r="36017" spans="8:8">
      <c r="H36017" s="12"/>
    </row>
    <row r="36018" spans="8:8">
      <c r="H36018" s="12"/>
    </row>
    <row r="36019" spans="8:8">
      <c r="H36019" s="12"/>
    </row>
    <row r="36020" spans="8:8">
      <c r="H36020" s="12"/>
    </row>
    <row r="36021" spans="8:8">
      <c r="H36021" s="12"/>
    </row>
    <row r="36022" spans="8:8">
      <c r="H36022" s="12"/>
    </row>
    <row r="36023" spans="8:8">
      <c r="H36023" s="12"/>
    </row>
    <row r="36024" spans="8:8">
      <c r="H36024" s="12"/>
    </row>
    <row r="36025" spans="8:8">
      <c r="H36025" s="12"/>
    </row>
    <row r="36026" spans="8:8">
      <c r="H36026" s="12"/>
    </row>
    <row r="36027" spans="8:8">
      <c r="H36027" s="12"/>
    </row>
    <row r="36028" spans="8:8">
      <c r="H36028" s="12"/>
    </row>
    <row r="36029" spans="8:8">
      <c r="H36029" s="12"/>
    </row>
    <row r="36030" spans="8:8">
      <c r="H36030" s="12"/>
    </row>
    <row r="36031" spans="8:8">
      <c r="H36031" s="12"/>
    </row>
    <row r="36032" spans="8:8">
      <c r="H36032" s="12"/>
    </row>
    <row r="36033" spans="8:8">
      <c r="H36033" s="12"/>
    </row>
    <row r="36034" spans="8:8">
      <c r="H36034" s="12"/>
    </row>
    <row r="36035" spans="8:8">
      <c r="H36035" s="12"/>
    </row>
    <row r="36036" spans="8:8">
      <c r="H36036" s="12"/>
    </row>
    <row r="36037" spans="8:8">
      <c r="H36037" s="12"/>
    </row>
    <row r="36038" spans="8:8">
      <c r="H36038" s="12"/>
    </row>
    <row r="36039" spans="8:8">
      <c r="H36039" s="12"/>
    </row>
    <row r="36040" spans="8:8">
      <c r="H36040" s="12"/>
    </row>
    <row r="36041" spans="8:8">
      <c r="H36041" s="12"/>
    </row>
    <row r="36042" spans="8:8">
      <c r="H36042" s="12"/>
    </row>
    <row r="36043" spans="8:8">
      <c r="H36043" s="12"/>
    </row>
    <row r="36044" spans="8:8">
      <c r="H36044" s="12"/>
    </row>
    <row r="36045" spans="8:8">
      <c r="H36045" s="12"/>
    </row>
    <row r="36046" spans="8:8">
      <c r="H36046" s="12"/>
    </row>
    <row r="36047" spans="8:8">
      <c r="H36047" s="12"/>
    </row>
    <row r="36048" spans="8:8">
      <c r="H36048" s="12"/>
    </row>
    <row r="36049" spans="8:8">
      <c r="H36049" s="12"/>
    </row>
    <row r="36050" spans="8:8">
      <c r="H36050" s="12"/>
    </row>
    <row r="36051" spans="8:8">
      <c r="H36051" s="12"/>
    </row>
    <row r="36052" spans="8:8">
      <c r="H36052" s="12"/>
    </row>
    <row r="36053" spans="8:8">
      <c r="H36053" s="12"/>
    </row>
    <row r="36054" spans="8:8">
      <c r="H36054" s="12"/>
    </row>
    <row r="36055" spans="8:8">
      <c r="H36055" s="12"/>
    </row>
    <row r="36056" spans="8:8">
      <c r="H36056" s="12"/>
    </row>
    <row r="36057" spans="8:8">
      <c r="H36057" s="12"/>
    </row>
    <row r="36058" spans="8:8">
      <c r="H36058" s="12"/>
    </row>
    <row r="36059" spans="8:8">
      <c r="H36059" s="12"/>
    </row>
    <row r="36060" spans="8:8">
      <c r="H36060" s="12"/>
    </row>
    <row r="36061" spans="8:8">
      <c r="H36061" s="12"/>
    </row>
    <row r="36062" spans="8:8">
      <c r="H36062" s="12"/>
    </row>
    <row r="36063" spans="8:8">
      <c r="H36063" s="12"/>
    </row>
    <row r="36064" spans="8:8">
      <c r="H36064" s="12"/>
    </row>
    <row r="36065" spans="8:8">
      <c r="H36065" s="12"/>
    </row>
    <row r="36066" spans="8:8">
      <c r="H36066" s="12"/>
    </row>
    <row r="36067" spans="8:8">
      <c r="H36067" s="12"/>
    </row>
    <row r="36068" spans="8:8">
      <c r="H36068" s="12"/>
    </row>
    <row r="36069" spans="8:8">
      <c r="H36069" s="12"/>
    </row>
    <row r="36070" spans="8:8">
      <c r="H36070" s="12"/>
    </row>
    <row r="36071" spans="8:8">
      <c r="H36071" s="12"/>
    </row>
    <row r="36072" spans="8:8">
      <c r="H36072" s="12"/>
    </row>
    <row r="36073" spans="8:8">
      <c r="H36073" s="12"/>
    </row>
    <row r="36074" spans="8:8">
      <c r="H36074" s="12"/>
    </row>
    <row r="36075" spans="8:8">
      <c r="H36075" s="12"/>
    </row>
    <row r="36076" spans="8:8">
      <c r="H36076" s="12"/>
    </row>
    <row r="36077" spans="8:8">
      <c r="H36077" s="12"/>
    </row>
    <row r="36078" spans="8:8">
      <c r="H36078" s="12"/>
    </row>
    <row r="36079" spans="8:8">
      <c r="H36079" s="12"/>
    </row>
    <row r="36080" spans="8:8">
      <c r="H36080" s="12"/>
    </row>
    <row r="36081" spans="8:8">
      <c r="H36081" s="12"/>
    </row>
    <row r="36082" spans="8:8">
      <c r="H36082" s="12"/>
    </row>
    <row r="36083" spans="8:8">
      <c r="H36083" s="12"/>
    </row>
    <row r="36084" spans="8:8">
      <c r="H36084" s="12"/>
    </row>
    <row r="36085" spans="8:8">
      <c r="H36085" s="12"/>
    </row>
    <row r="36086" spans="8:8">
      <c r="H36086" s="12"/>
    </row>
    <row r="36087" spans="8:8">
      <c r="H36087" s="12"/>
    </row>
    <row r="36088" spans="8:8">
      <c r="H36088" s="12"/>
    </row>
    <row r="36089" spans="8:8">
      <c r="H36089" s="12"/>
    </row>
    <row r="36090" spans="8:8">
      <c r="H36090" s="12"/>
    </row>
    <row r="36091" spans="8:8">
      <c r="H36091" s="12"/>
    </row>
    <row r="36092" spans="8:8">
      <c r="H36092" s="12"/>
    </row>
    <row r="36093" spans="8:8">
      <c r="H36093" s="12"/>
    </row>
    <row r="36094" spans="8:8">
      <c r="H36094" s="12"/>
    </row>
    <row r="36095" spans="8:8">
      <c r="H36095" s="12"/>
    </row>
    <row r="36096" spans="8:8">
      <c r="H36096" s="12"/>
    </row>
    <row r="36097" spans="8:8">
      <c r="H36097" s="12"/>
    </row>
    <row r="36098" spans="8:8">
      <c r="H36098" s="12"/>
    </row>
    <row r="36099" spans="8:8">
      <c r="H36099" s="12"/>
    </row>
    <row r="36100" spans="8:8">
      <c r="H36100" s="12"/>
    </row>
    <row r="36101" spans="8:8">
      <c r="H36101" s="12"/>
    </row>
    <row r="36102" spans="8:8">
      <c r="H36102" s="12"/>
    </row>
    <row r="36103" spans="8:8">
      <c r="H36103" s="12"/>
    </row>
    <row r="36104" spans="8:8">
      <c r="H36104" s="12"/>
    </row>
    <row r="36105" spans="8:8">
      <c r="H36105" s="12"/>
    </row>
    <row r="36106" spans="8:8">
      <c r="H36106" s="12"/>
    </row>
    <row r="36107" spans="8:8">
      <c r="H36107" s="12"/>
    </row>
    <row r="36108" spans="8:8">
      <c r="H36108" s="12"/>
    </row>
    <row r="36109" spans="8:8">
      <c r="H36109" s="12"/>
    </row>
    <row r="36110" spans="8:8">
      <c r="H36110" s="12"/>
    </row>
    <row r="36111" spans="8:8">
      <c r="H36111" s="12"/>
    </row>
    <row r="36112" spans="8:8">
      <c r="H36112" s="12"/>
    </row>
    <row r="36113" spans="8:8">
      <c r="H36113" s="12"/>
    </row>
    <row r="36114" spans="8:8">
      <c r="H36114" s="12"/>
    </row>
    <row r="36115" spans="8:8">
      <c r="H36115" s="12"/>
    </row>
    <row r="36116" spans="8:8">
      <c r="H36116" s="12"/>
    </row>
    <row r="36117" spans="8:8">
      <c r="H36117" s="12"/>
    </row>
    <row r="36118" spans="8:8">
      <c r="H36118" s="12"/>
    </row>
    <row r="36119" spans="8:8">
      <c r="H36119" s="12"/>
    </row>
    <row r="36120" spans="8:8">
      <c r="H36120" s="12"/>
    </row>
    <row r="36121" spans="8:8">
      <c r="H36121" s="12"/>
    </row>
    <row r="36122" spans="8:8">
      <c r="H36122" s="12"/>
    </row>
    <row r="36123" spans="8:8">
      <c r="H36123" s="12"/>
    </row>
    <row r="36124" spans="8:8">
      <c r="H36124" s="12"/>
    </row>
    <row r="36125" spans="8:8">
      <c r="H36125" s="12"/>
    </row>
    <row r="36126" spans="8:8">
      <c r="H36126" s="12"/>
    </row>
    <row r="36127" spans="8:8">
      <c r="H36127" s="12"/>
    </row>
    <row r="36128" spans="8:8">
      <c r="H36128" s="12"/>
    </row>
    <row r="36129" spans="8:8">
      <c r="H36129" s="12"/>
    </row>
    <row r="36130" spans="8:8">
      <c r="H36130" s="12"/>
    </row>
    <row r="36131" spans="8:8">
      <c r="H36131" s="12"/>
    </row>
    <row r="36132" spans="8:8">
      <c r="H36132" s="12"/>
    </row>
    <row r="36133" spans="8:8">
      <c r="H36133" s="12"/>
    </row>
    <row r="36134" spans="8:8">
      <c r="H36134" s="12"/>
    </row>
    <row r="36135" spans="8:8">
      <c r="H36135" s="12"/>
    </row>
    <row r="36136" spans="8:8">
      <c r="H36136" s="12"/>
    </row>
    <row r="36137" spans="8:8">
      <c r="H36137" s="12"/>
    </row>
    <row r="36138" spans="8:8">
      <c r="H36138" s="12"/>
    </row>
    <row r="36139" spans="8:8">
      <c r="H36139" s="12"/>
    </row>
    <row r="36140" spans="8:8">
      <c r="H36140" s="12"/>
    </row>
    <row r="36141" spans="8:8">
      <c r="H36141" s="12"/>
    </row>
    <row r="36142" spans="8:8">
      <c r="H36142" s="12"/>
    </row>
    <row r="36143" spans="8:8">
      <c r="H36143" s="12"/>
    </row>
    <row r="36144" spans="8:8">
      <c r="H36144" s="12"/>
    </row>
    <row r="36145" spans="8:8">
      <c r="H36145" s="12"/>
    </row>
    <row r="36146" spans="8:8">
      <c r="H36146" s="12"/>
    </row>
    <row r="36147" spans="8:8">
      <c r="H36147" s="12"/>
    </row>
    <row r="36148" spans="8:8">
      <c r="H36148" s="12"/>
    </row>
    <row r="36149" spans="8:8">
      <c r="H36149" s="12"/>
    </row>
    <row r="36150" spans="8:8">
      <c r="H36150" s="12"/>
    </row>
    <row r="36151" spans="8:8">
      <c r="H36151" s="12"/>
    </row>
    <row r="36152" spans="8:8">
      <c r="H36152" s="12"/>
    </row>
    <row r="36153" spans="8:8">
      <c r="H36153" s="12"/>
    </row>
    <row r="36154" spans="8:8">
      <c r="H36154" s="12"/>
    </row>
    <row r="36155" spans="8:8">
      <c r="H36155" s="12"/>
    </row>
    <row r="36156" spans="8:8">
      <c r="H36156" s="12"/>
    </row>
    <row r="36157" spans="8:8">
      <c r="H36157" s="12"/>
    </row>
    <row r="36158" spans="8:8">
      <c r="H36158" s="12"/>
    </row>
    <row r="36159" spans="8:8">
      <c r="H36159" s="12"/>
    </row>
    <row r="36160" spans="8:8">
      <c r="H36160" s="12"/>
    </row>
    <row r="36161" spans="8:8">
      <c r="H36161" s="12"/>
    </row>
    <row r="36162" spans="8:8">
      <c r="H36162" s="12"/>
    </row>
    <row r="36163" spans="8:8">
      <c r="H36163" s="12"/>
    </row>
    <row r="36164" spans="8:8">
      <c r="H36164" s="12"/>
    </row>
    <row r="36165" spans="8:8">
      <c r="H36165" s="12"/>
    </row>
    <row r="36166" spans="8:8">
      <c r="H36166" s="12"/>
    </row>
    <row r="36167" spans="8:8">
      <c r="H36167" s="12"/>
    </row>
    <row r="36168" spans="8:8">
      <c r="H36168" s="12"/>
    </row>
    <row r="36169" spans="8:8">
      <c r="H36169" s="12"/>
    </row>
    <row r="36170" spans="8:8">
      <c r="H36170" s="12"/>
    </row>
    <row r="36171" spans="8:8">
      <c r="H36171" s="12"/>
    </row>
    <row r="36172" spans="8:8">
      <c r="H36172" s="12"/>
    </row>
    <row r="36173" spans="8:8">
      <c r="H36173" s="12"/>
    </row>
    <row r="36174" spans="8:8">
      <c r="H36174" s="12"/>
    </row>
    <row r="36175" spans="8:8">
      <c r="H36175" s="12"/>
    </row>
    <row r="36176" spans="8:8">
      <c r="H36176" s="12"/>
    </row>
    <row r="36177" spans="8:8">
      <c r="H36177" s="12"/>
    </row>
    <row r="36178" spans="8:8">
      <c r="H36178" s="12"/>
    </row>
    <row r="36179" spans="8:8">
      <c r="H36179" s="12"/>
    </row>
    <row r="36180" spans="8:8">
      <c r="H36180" s="12"/>
    </row>
    <row r="36181" spans="8:8">
      <c r="H36181" s="12"/>
    </row>
    <row r="36182" spans="8:8">
      <c r="H36182" s="12"/>
    </row>
    <row r="36183" spans="8:8">
      <c r="H36183" s="12"/>
    </row>
    <row r="36184" spans="8:8">
      <c r="H36184" s="12"/>
    </row>
    <row r="36185" spans="8:8">
      <c r="H36185" s="12"/>
    </row>
    <row r="36186" spans="8:8">
      <c r="H36186" s="12"/>
    </row>
    <row r="36187" spans="8:8">
      <c r="H36187" s="12"/>
    </row>
    <row r="36188" spans="8:8">
      <c r="H36188" s="12"/>
    </row>
    <row r="36189" spans="8:8">
      <c r="H36189" s="12"/>
    </row>
    <row r="36190" spans="8:8">
      <c r="H36190" s="12"/>
    </row>
    <row r="36191" spans="8:8">
      <c r="H36191" s="12"/>
    </row>
    <row r="36192" spans="8:8">
      <c r="H36192" s="12"/>
    </row>
    <row r="36193" spans="8:8">
      <c r="H36193" s="12"/>
    </row>
    <row r="36194" spans="8:8">
      <c r="H36194" s="12"/>
    </row>
    <row r="36195" spans="8:8">
      <c r="H36195" s="12"/>
    </row>
    <row r="36196" spans="8:8">
      <c r="H36196" s="12"/>
    </row>
    <row r="36197" spans="8:8">
      <c r="H36197" s="12"/>
    </row>
    <row r="36198" spans="8:8">
      <c r="H36198" s="12"/>
    </row>
    <row r="36199" spans="8:8">
      <c r="H36199" s="12"/>
    </row>
    <row r="36200" spans="8:8">
      <c r="H36200" s="12"/>
    </row>
    <row r="36201" spans="8:8">
      <c r="H36201" s="12"/>
    </row>
    <row r="36202" spans="8:8">
      <c r="H36202" s="12"/>
    </row>
    <row r="36203" spans="8:8">
      <c r="H36203" s="12"/>
    </row>
    <row r="36204" spans="8:8">
      <c r="H36204" s="12"/>
    </row>
    <row r="36205" spans="8:8">
      <c r="H36205" s="12"/>
    </row>
    <row r="36206" spans="8:8">
      <c r="H36206" s="12"/>
    </row>
    <row r="36207" spans="8:8">
      <c r="H36207" s="12"/>
    </row>
    <row r="36208" spans="8:8">
      <c r="H36208" s="12"/>
    </row>
    <row r="36209" spans="8:8">
      <c r="H36209" s="12"/>
    </row>
    <row r="36210" spans="8:8">
      <c r="H36210" s="12"/>
    </row>
    <row r="36211" spans="8:8">
      <c r="H36211" s="12"/>
    </row>
    <row r="36212" spans="8:8">
      <c r="H36212" s="12"/>
    </row>
    <row r="36213" spans="8:8">
      <c r="H36213" s="12"/>
    </row>
    <row r="36214" spans="8:8">
      <c r="H36214" s="12"/>
    </row>
    <row r="36215" spans="8:8">
      <c r="H36215" s="12"/>
    </row>
    <row r="36216" spans="8:8">
      <c r="H36216" s="12"/>
    </row>
    <row r="36217" spans="8:8">
      <c r="H36217" s="12"/>
    </row>
    <row r="36218" spans="8:8">
      <c r="H36218" s="12"/>
    </row>
    <row r="36219" spans="8:8">
      <c r="H36219" s="12"/>
    </row>
    <row r="36220" spans="8:8">
      <c r="H36220" s="12"/>
    </row>
    <row r="36221" spans="8:8">
      <c r="H36221" s="12"/>
    </row>
    <row r="36222" spans="8:8">
      <c r="H36222" s="12"/>
    </row>
    <row r="36223" spans="8:8">
      <c r="H36223" s="12"/>
    </row>
    <row r="36224" spans="8:8">
      <c r="H36224" s="12"/>
    </row>
    <row r="36225" spans="8:8">
      <c r="H36225" s="12"/>
    </row>
    <row r="36226" spans="8:8">
      <c r="H36226" s="12"/>
    </row>
    <row r="36227" spans="8:8">
      <c r="H36227" s="12"/>
    </row>
    <row r="36228" spans="8:8">
      <c r="H36228" s="12"/>
    </row>
    <row r="36229" spans="8:8">
      <c r="H36229" s="12"/>
    </row>
    <row r="36230" spans="8:8">
      <c r="H36230" s="12"/>
    </row>
    <row r="36231" spans="8:8">
      <c r="H36231" s="12"/>
    </row>
    <row r="36232" spans="8:8">
      <c r="H36232" s="12"/>
    </row>
    <row r="36233" spans="8:8">
      <c r="H36233" s="12"/>
    </row>
    <row r="36234" spans="8:8">
      <c r="H36234" s="12"/>
    </row>
    <row r="36235" spans="8:8">
      <c r="H36235" s="12"/>
    </row>
    <row r="36236" spans="8:8">
      <c r="H36236" s="12"/>
    </row>
    <row r="36237" spans="8:8">
      <c r="H36237" s="12"/>
    </row>
    <row r="36238" spans="8:8">
      <c r="H36238" s="12"/>
    </row>
    <row r="36239" spans="8:8">
      <c r="H36239" s="12"/>
    </row>
    <row r="36240" spans="8:8">
      <c r="H36240" s="12"/>
    </row>
    <row r="36241" spans="8:8">
      <c r="H36241" s="12"/>
    </row>
    <row r="36242" spans="8:8">
      <c r="H36242" s="12"/>
    </row>
    <row r="36243" spans="8:8">
      <c r="H36243" s="12"/>
    </row>
    <row r="36244" spans="8:8">
      <c r="H36244" s="12"/>
    </row>
    <row r="36245" spans="8:8">
      <c r="H36245" s="12"/>
    </row>
    <row r="36246" spans="8:8">
      <c r="H36246" s="12"/>
    </row>
    <row r="36247" spans="8:8">
      <c r="H36247" s="12"/>
    </row>
    <row r="36248" spans="8:8">
      <c r="H36248" s="12"/>
    </row>
    <row r="36249" spans="8:8">
      <c r="H36249" s="12"/>
    </row>
    <row r="36250" spans="8:8">
      <c r="H36250" s="12"/>
    </row>
    <row r="36251" spans="8:8">
      <c r="H36251" s="12"/>
    </row>
    <row r="36252" spans="8:8">
      <c r="H36252" s="12"/>
    </row>
    <row r="36253" spans="8:8">
      <c r="H36253" s="12"/>
    </row>
    <row r="36254" spans="8:8">
      <c r="H36254" s="12"/>
    </row>
    <row r="36255" spans="8:8">
      <c r="H36255" s="12"/>
    </row>
    <row r="36256" spans="8:8">
      <c r="H36256" s="12"/>
    </row>
    <row r="36257" spans="8:8">
      <c r="H36257" s="12"/>
    </row>
    <row r="36258" spans="8:8">
      <c r="H36258" s="12"/>
    </row>
    <row r="36259" spans="8:8">
      <c r="H36259" s="12"/>
    </row>
    <row r="36260" spans="8:8">
      <c r="H36260" s="12"/>
    </row>
    <row r="36261" spans="8:8">
      <c r="H36261" s="12"/>
    </row>
    <row r="36262" spans="8:8">
      <c r="H36262" s="12"/>
    </row>
    <row r="36263" spans="8:8">
      <c r="H36263" s="12"/>
    </row>
    <row r="36264" spans="8:8">
      <c r="H36264" s="12"/>
    </row>
    <row r="36265" spans="8:8">
      <c r="H36265" s="12"/>
    </row>
    <row r="36266" spans="8:8">
      <c r="H36266" s="12"/>
    </row>
    <row r="36267" spans="8:8">
      <c r="H36267" s="12"/>
    </row>
    <row r="36268" spans="8:8">
      <c r="H36268" s="12"/>
    </row>
    <row r="36269" spans="8:8">
      <c r="H36269" s="12"/>
    </row>
    <row r="36270" spans="8:8">
      <c r="H36270" s="12"/>
    </row>
    <row r="36271" spans="8:8">
      <c r="H36271" s="12"/>
    </row>
    <row r="36272" spans="8:8">
      <c r="H36272" s="12"/>
    </row>
    <row r="36273" spans="8:8">
      <c r="H36273" s="12"/>
    </row>
    <row r="36274" spans="8:8">
      <c r="H36274" s="12"/>
    </row>
    <row r="36275" spans="8:8">
      <c r="H36275" s="12"/>
    </row>
    <row r="36276" spans="8:8">
      <c r="H36276" s="12"/>
    </row>
    <row r="36277" spans="8:8">
      <c r="H36277" s="12"/>
    </row>
    <row r="36278" spans="8:8">
      <c r="H36278" s="12"/>
    </row>
    <row r="36279" spans="8:8">
      <c r="H36279" s="12"/>
    </row>
    <row r="36280" spans="8:8">
      <c r="H36280" s="12"/>
    </row>
    <row r="36281" spans="8:8">
      <c r="H36281" s="12"/>
    </row>
    <row r="36282" spans="8:8">
      <c r="H36282" s="12"/>
    </row>
    <row r="36283" spans="8:8">
      <c r="H36283" s="12"/>
    </row>
    <row r="36284" spans="8:8">
      <c r="H36284" s="12"/>
    </row>
    <row r="36285" spans="8:8">
      <c r="H36285" s="12"/>
    </row>
    <row r="36286" spans="8:8">
      <c r="H36286" s="12"/>
    </row>
    <row r="36287" spans="8:8">
      <c r="H36287" s="12"/>
    </row>
    <row r="36288" spans="8:8">
      <c r="H36288" s="12"/>
    </row>
    <row r="36289" spans="8:8">
      <c r="H36289" s="12"/>
    </row>
    <row r="36290" spans="8:8">
      <c r="H36290" s="12"/>
    </row>
    <row r="36291" spans="8:8">
      <c r="H36291" s="12"/>
    </row>
    <row r="36292" spans="8:8">
      <c r="H36292" s="12"/>
    </row>
    <row r="36293" spans="8:8">
      <c r="H36293" s="12"/>
    </row>
    <row r="36294" spans="8:8">
      <c r="H36294" s="12"/>
    </row>
    <row r="36295" spans="8:8">
      <c r="H36295" s="12"/>
    </row>
    <row r="36296" spans="8:8">
      <c r="H36296" s="12"/>
    </row>
    <row r="36297" spans="8:8">
      <c r="H36297" s="12"/>
    </row>
    <row r="36298" spans="8:8">
      <c r="H36298" s="12"/>
    </row>
    <row r="36299" spans="8:8">
      <c r="H36299" s="12"/>
    </row>
    <row r="36300" spans="8:8">
      <c r="H36300" s="12"/>
    </row>
    <row r="36301" spans="8:8">
      <c r="H36301" s="12"/>
    </row>
    <row r="36302" spans="8:8">
      <c r="H36302" s="12"/>
    </row>
    <row r="36303" spans="8:8">
      <c r="H36303" s="12"/>
    </row>
    <row r="36304" spans="8:8">
      <c r="H36304" s="12"/>
    </row>
    <row r="36305" spans="8:8">
      <c r="H36305" s="12"/>
    </row>
    <row r="36306" spans="8:8">
      <c r="H36306" s="12"/>
    </row>
    <row r="36307" spans="8:8">
      <c r="H36307" s="12"/>
    </row>
    <row r="36308" spans="8:8">
      <c r="H36308" s="12"/>
    </row>
    <row r="36309" spans="8:8">
      <c r="H36309" s="12"/>
    </row>
    <row r="36310" spans="8:8">
      <c r="H36310" s="12"/>
    </row>
    <row r="36311" spans="8:8">
      <c r="H36311" s="12"/>
    </row>
    <row r="36312" spans="8:8">
      <c r="H36312" s="12"/>
    </row>
    <row r="36313" spans="8:8">
      <c r="H36313" s="12"/>
    </row>
    <row r="36314" spans="8:8">
      <c r="H36314" s="12"/>
    </row>
    <row r="36315" spans="8:8">
      <c r="H36315" s="12"/>
    </row>
    <row r="36316" spans="8:8">
      <c r="H36316" s="12"/>
    </row>
    <row r="36317" spans="8:8">
      <c r="H36317" s="12"/>
    </row>
    <row r="36318" spans="8:8">
      <c r="H36318" s="12"/>
    </row>
    <row r="36319" spans="8:8">
      <c r="H36319" s="12"/>
    </row>
    <row r="36320" spans="8:8">
      <c r="H36320" s="12"/>
    </row>
    <row r="36321" spans="8:8">
      <c r="H36321" s="12"/>
    </row>
    <row r="36322" spans="8:8">
      <c r="H36322" s="12"/>
    </row>
    <row r="36323" spans="8:8">
      <c r="H36323" s="12"/>
    </row>
    <row r="36324" spans="8:8">
      <c r="H36324" s="12"/>
    </row>
    <row r="36325" spans="8:8">
      <c r="H36325" s="12"/>
    </row>
    <row r="36326" spans="8:8">
      <c r="H36326" s="12"/>
    </row>
    <row r="36327" spans="8:8">
      <c r="H36327" s="12"/>
    </row>
    <row r="36328" spans="8:8">
      <c r="H36328" s="12"/>
    </row>
    <row r="36329" spans="8:8">
      <c r="H36329" s="12"/>
    </row>
    <row r="36330" spans="8:8">
      <c r="H36330" s="12"/>
    </row>
    <row r="36331" spans="8:8">
      <c r="H36331" s="12"/>
    </row>
    <row r="36332" spans="8:8">
      <c r="H36332" s="12"/>
    </row>
    <row r="36333" spans="8:8">
      <c r="H36333" s="12"/>
    </row>
    <row r="36334" spans="8:8">
      <c r="H36334" s="12"/>
    </row>
    <row r="36335" spans="8:8">
      <c r="H36335" s="12"/>
    </row>
    <row r="36336" spans="8:8">
      <c r="H36336" s="12"/>
    </row>
    <row r="36337" spans="8:8">
      <c r="H36337" s="12"/>
    </row>
    <row r="36338" spans="8:8">
      <c r="H36338" s="12"/>
    </row>
    <row r="36339" spans="8:8">
      <c r="H36339" s="12"/>
    </row>
    <row r="36340" spans="8:8">
      <c r="H36340" s="12"/>
    </row>
    <row r="36341" spans="8:8">
      <c r="H36341" s="12"/>
    </row>
    <row r="36342" spans="8:8">
      <c r="H36342" s="12"/>
    </row>
    <row r="36343" spans="8:8">
      <c r="H36343" s="12"/>
    </row>
    <row r="36344" spans="8:8">
      <c r="H36344" s="12"/>
    </row>
    <row r="36345" spans="8:8">
      <c r="H36345" s="12"/>
    </row>
    <row r="36346" spans="8:8">
      <c r="H36346" s="12"/>
    </row>
    <row r="36347" spans="8:8">
      <c r="H36347" s="12"/>
    </row>
    <row r="36348" spans="8:8">
      <c r="H36348" s="12"/>
    </row>
    <row r="36349" spans="8:8">
      <c r="H36349" s="12"/>
    </row>
    <row r="36350" spans="8:8">
      <c r="H36350" s="12"/>
    </row>
    <row r="36351" spans="8:8">
      <c r="H36351" s="12"/>
    </row>
    <row r="36352" spans="8:8">
      <c r="H36352" s="12"/>
    </row>
    <row r="36353" spans="8:8">
      <c r="H36353" s="12"/>
    </row>
    <row r="36354" spans="8:8">
      <c r="H36354" s="12"/>
    </row>
    <row r="36355" spans="8:8">
      <c r="H36355" s="12"/>
    </row>
    <row r="36356" spans="8:8">
      <c r="H36356" s="12"/>
    </row>
    <row r="36357" spans="8:8">
      <c r="H36357" s="12"/>
    </row>
    <row r="36358" spans="8:8">
      <c r="H36358" s="12"/>
    </row>
    <row r="36359" spans="8:8">
      <c r="H36359" s="12"/>
    </row>
    <row r="36360" spans="8:8">
      <c r="H36360" s="12"/>
    </row>
    <row r="36361" spans="8:8">
      <c r="H36361" s="12"/>
    </row>
    <row r="36362" spans="8:8">
      <c r="H36362" s="12"/>
    </row>
    <row r="36363" spans="8:8">
      <c r="H36363" s="12"/>
    </row>
    <row r="36364" spans="8:8">
      <c r="H36364" s="12"/>
    </row>
    <row r="36365" spans="8:8">
      <c r="H36365" s="12"/>
    </row>
    <row r="36366" spans="8:8">
      <c r="H36366" s="12"/>
    </row>
    <row r="36367" spans="8:8">
      <c r="H36367" s="12"/>
    </row>
    <row r="36368" spans="8:8">
      <c r="H36368" s="12"/>
    </row>
    <row r="36369" spans="8:8">
      <c r="H36369" s="12"/>
    </row>
    <row r="36370" spans="8:8">
      <c r="H36370" s="12"/>
    </row>
    <row r="36371" spans="8:8">
      <c r="H36371" s="12"/>
    </row>
    <row r="36372" spans="8:8">
      <c r="H36372" s="12"/>
    </row>
    <row r="36373" spans="8:8">
      <c r="H36373" s="12"/>
    </row>
    <row r="36374" spans="8:8">
      <c r="H36374" s="12"/>
    </row>
    <row r="36375" spans="8:8">
      <c r="H36375" s="12"/>
    </row>
    <row r="36376" spans="8:8">
      <c r="H36376" s="12"/>
    </row>
    <row r="36377" spans="8:8">
      <c r="H36377" s="12"/>
    </row>
    <row r="36378" spans="8:8">
      <c r="H36378" s="12"/>
    </row>
    <row r="36379" spans="8:8">
      <c r="H36379" s="12"/>
    </row>
    <row r="36380" spans="8:8">
      <c r="H36380" s="12"/>
    </row>
    <row r="36381" spans="8:8">
      <c r="H36381" s="12"/>
    </row>
    <row r="36382" spans="8:8">
      <c r="H36382" s="12"/>
    </row>
    <row r="36383" spans="8:8">
      <c r="H36383" s="12"/>
    </row>
    <row r="36384" spans="8:8">
      <c r="H36384" s="12"/>
    </row>
    <row r="36385" spans="8:8">
      <c r="H36385" s="12"/>
    </row>
    <row r="36386" spans="8:8">
      <c r="H36386" s="12"/>
    </row>
    <row r="36387" spans="8:8">
      <c r="H36387" s="12"/>
    </row>
    <row r="36388" spans="8:8">
      <c r="H36388" s="12"/>
    </row>
    <row r="36389" spans="8:8">
      <c r="H36389" s="12"/>
    </row>
    <row r="36390" spans="8:8">
      <c r="H36390" s="12"/>
    </row>
    <row r="36391" spans="8:8">
      <c r="H36391" s="12"/>
    </row>
    <row r="36392" spans="8:8">
      <c r="H36392" s="12"/>
    </row>
    <row r="36393" spans="8:8">
      <c r="H36393" s="12"/>
    </row>
    <row r="36394" spans="8:8">
      <c r="H36394" s="12"/>
    </row>
    <row r="36395" spans="8:8">
      <c r="H36395" s="12"/>
    </row>
    <row r="36396" spans="8:8">
      <c r="H36396" s="12"/>
    </row>
    <row r="36397" spans="8:8">
      <c r="H36397" s="12"/>
    </row>
    <row r="36398" spans="8:8">
      <c r="H36398" s="12"/>
    </row>
    <row r="36399" spans="8:8">
      <c r="H36399" s="12"/>
    </row>
    <row r="36400" spans="8:8">
      <c r="H36400" s="12"/>
    </row>
    <row r="36401" spans="8:8">
      <c r="H36401" s="12"/>
    </row>
    <row r="36402" spans="8:8">
      <c r="H36402" s="12"/>
    </row>
    <row r="36403" spans="8:8">
      <c r="H36403" s="12"/>
    </row>
    <row r="36404" spans="8:8">
      <c r="H36404" s="12"/>
    </row>
    <row r="36405" spans="8:8">
      <c r="H36405" s="12"/>
    </row>
    <row r="36406" spans="8:8">
      <c r="H36406" s="12"/>
    </row>
    <row r="36407" spans="8:8">
      <c r="H36407" s="12"/>
    </row>
    <row r="36408" spans="8:8">
      <c r="H36408" s="12"/>
    </row>
    <row r="36409" spans="8:8">
      <c r="H36409" s="12"/>
    </row>
    <row r="36410" spans="8:8">
      <c r="H36410" s="12"/>
    </row>
    <row r="36411" spans="8:8">
      <c r="H36411" s="12"/>
    </row>
    <row r="36412" spans="8:8">
      <c r="H36412" s="12"/>
    </row>
    <row r="36413" spans="8:8">
      <c r="H36413" s="12"/>
    </row>
    <row r="36414" spans="8:8">
      <c r="H36414" s="12"/>
    </row>
    <row r="36415" spans="8:8">
      <c r="H36415" s="12"/>
    </row>
    <row r="36416" spans="8:8">
      <c r="H36416" s="12"/>
    </row>
    <row r="36417" spans="8:8">
      <c r="H36417" s="12"/>
    </row>
    <row r="36418" spans="8:8">
      <c r="H36418" s="12"/>
    </row>
    <row r="36419" spans="8:8">
      <c r="H36419" s="12"/>
    </row>
    <row r="36420" spans="8:8">
      <c r="H36420" s="12"/>
    </row>
    <row r="36421" spans="8:8">
      <c r="H36421" s="12"/>
    </row>
    <row r="36422" spans="8:8">
      <c r="H36422" s="12"/>
    </row>
    <row r="36423" spans="8:8">
      <c r="H36423" s="12"/>
    </row>
    <row r="36424" spans="8:8">
      <c r="H36424" s="12"/>
    </row>
    <row r="36425" spans="8:8">
      <c r="H36425" s="12"/>
    </row>
    <row r="36426" spans="8:8">
      <c r="H36426" s="12"/>
    </row>
    <row r="36427" spans="8:8">
      <c r="H36427" s="12"/>
    </row>
    <row r="36428" spans="8:8">
      <c r="H36428" s="12"/>
    </row>
    <row r="36429" spans="8:8">
      <c r="H36429" s="12"/>
    </row>
    <row r="36430" spans="8:8">
      <c r="H36430" s="12"/>
    </row>
    <row r="36431" spans="8:8">
      <c r="H36431" s="12"/>
    </row>
    <row r="36432" spans="8:8">
      <c r="H36432" s="12"/>
    </row>
    <row r="36433" spans="8:8">
      <c r="H36433" s="12"/>
    </row>
    <row r="36434" spans="8:8">
      <c r="H36434" s="12"/>
    </row>
    <row r="36435" spans="8:8">
      <c r="H36435" s="12"/>
    </row>
    <row r="36436" spans="8:8">
      <c r="H36436" s="12"/>
    </row>
    <row r="36437" spans="8:8">
      <c r="H36437" s="12"/>
    </row>
    <row r="36438" spans="8:8">
      <c r="H36438" s="12"/>
    </row>
    <row r="36439" spans="8:8">
      <c r="H36439" s="12"/>
    </row>
    <row r="36440" spans="8:8">
      <c r="H36440" s="12"/>
    </row>
    <row r="36441" spans="8:8">
      <c r="H36441" s="12"/>
    </row>
    <row r="36442" spans="8:8">
      <c r="H36442" s="12"/>
    </row>
    <row r="36443" spans="8:8">
      <c r="H36443" s="12"/>
    </row>
    <row r="36444" spans="8:8">
      <c r="H36444" s="12"/>
    </row>
    <row r="36445" spans="8:8">
      <c r="H36445" s="12"/>
    </row>
    <row r="36446" spans="8:8">
      <c r="H36446" s="12"/>
    </row>
    <row r="36447" spans="8:8">
      <c r="H36447" s="12"/>
    </row>
    <row r="36448" spans="8:8">
      <c r="H36448" s="12"/>
    </row>
    <row r="36449" spans="8:8">
      <c r="H36449" s="12"/>
    </row>
    <row r="36450" spans="8:8">
      <c r="H36450" s="12"/>
    </row>
    <row r="36451" spans="8:8">
      <c r="H36451" s="12"/>
    </row>
    <row r="36452" spans="8:8">
      <c r="H36452" s="12"/>
    </row>
    <row r="36453" spans="8:8">
      <c r="H36453" s="12"/>
    </row>
    <row r="36454" spans="8:8">
      <c r="H36454" s="12"/>
    </row>
    <row r="36455" spans="8:8">
      <c r="H36455" s="12"/>
    </row>
    <row r="36456" spans="8:8">
      <c r="H36456" s="12"/>
    </row>
    <row r="36457" spans="8:8">
      <c r="H36457" s="12"/>
    </row>
    <row r="36458" spans="8:8">
      <c r="H36458" s="12"/>
    </row>
    <row r="36459" spans="8:8">
      <c r="H36459" s="12"/>
    </row>
    <row r="36460" spans="8:8">
      <c r="H36460" s="12"/>
    </row>
    <row r="36461" spans="8:8">
      <c r="H36461" s="12"/>
    </row>
    <row r="36462" spans="8:8">
      <c r="H36462" s="12"/>
    </row>
    <row r="36463" spans="8:8">
      <c r="H36463" s="12"/>
    </row>
    <row r="36464" spans="8:8">
      <c r="H36464" s="12"/>
    </row>
    <row r="36465" spans="8:8">
      <c r="H36465" s="12"/>
    </row>
    <row r="36466" spans="8:8">
      <c r="H36466" s="12"/>
    </row>
    <row r="36467" spans="8:8">
      <c r="H36467" s="12"/>
    </row>
    <row r="36468" spans="8:8">
      <c r="H36468" s="12"/>
    </row>
    <row r="36469" spans="8:8">
      <c r="H36469" s="12"/>
    </row>
    <row r="36470" spans="8:8">
      <c r="H36470" s="12"/>
    </row>
    <row r="36471" spans="8:8">
      <c r="H36471" s="12"/>
    </row>
    <row r="36472" spans="8:8">
      <c r="H36472" s="12"/>
    </row>
    <row r="36473" spans="8:8">
      <c r="H36473" s="12"/>
    </row>
    <row r="36474" spans="8:8">
      <c r="H36474" s="12"/>
    </row>
    <row r="36475" spans="8:8">
      <c r="H36475" s="12"/>
    </row>
    <row r="36476" spans="8:8">
      <c r="H36476" s="12"/>
    </row>
    <row r="36477" spans="8:8">
      <c r="H36477" s="12"/>
    </row>
    <row r="36478" spans="8:8">
      <c r="H36478" s="12"/>
    </row>
    <row r="36479" spans="8:8">
      <c r="H36479" s="12"/>
    </row>
    <row r="36480" spans="8:8">
      <c r="H36480" s="12"/>
    </row>
    <row r="36481" spans="8:8">
      <c r="H36481" s="12"/>
    </row>
    <row r="36482" spans="8:8">
      <c r="H36482" s="12"/>
    </row>
    <row r="36483" spans="8:8">
      <c r="H36483" s="12"/>
    </row>
    <row r="36484" spans="8:8">
      <c r="H36484" s="12"/>
    </row>
    <row r="36485" spans="8:8">
      <c r="H36485" s="12"/>
    </row>
    <row r="36486" spans="8:8">
      <c r="H36486" s="12"/>
    </row>
    <row r="36487" spans="8:8">
      <c r="H36487" s="12"/>
    </row>
    <row r="36488" spans="8:8">
      <c r="H36488" s="12"/>
    </row>
    <row r="36489" spans="8:8">
      <c r="H36489" s="12"/>
    </row>
    <row r="36490" spans="8:8">
      <c r="H36490" s="12"/>
    </row>
    <row r="36491" spans="8:8">
      <c r="H36491" s="12"/>
    </row>
    <row r="36492" spans="8:8">
      <c r="H36492" s="12"/>
    </row>
    <row r="36493" spans="8:8">
      <c r="H36493" s="12"/>
    </row>
    <row r="36494" spans="8:8">
      <c r="H36494" s="12"/>
    </row>
    <row r="36495" spans="8:8">
      <c r="H36495" s="12"/>
    </row>
    <row r="36496" spans="8:8">
      <c r="H36496" s="12"/>
    </row>
    <row r="36497" spans="8:8">
      <c r="H36497" s="12"/>
    </row>
    <row r="36498" spans="8:8">
      <c r="H36498" s="12"/>
    </row>
    <row r="36499" spans="8:8">
      <c r="H36499" s="12"/>
    </row>
    <row r="36500" spans="8:8">
      <c r="H36500" s="12"/>
    </row>
    <row r="36501" spans="8:8">
      <c r="H36501" s="12"/>
    </row>
    <row r="36502" spans="8:8">
      <c r="H36502" s="12"/>
    </row>
    <row r="36503" spans="8:8">
      <c r="H36503" s="12"/>
    </row>
    <row r="36504" spans="8:8">
      <c r="H36504" s="12"/>
    </row>
    <row r="36505" spans="8:8">
      <c r="H36505" s="12"/>
    </row>
    <row r="36506" spans="8:8">
      <c r="H36506" s="12"/>
    </row>
    <row r="36507" spans="8:8">
      <c r="H36507" s="12"/>
    </row>
    <row r="36508" spans="8:8">
      <c r="H36508" s="12"/>
    </row>
    <row r="36509" spans="8:8">
      <c r="H36509" s="12"/>
    </row>
    <row r="36510" spans="8:8">
      <c r="H36510" s="12"/>
    </row>
    <row r="36511" spans="8:8">
      <c r="H36511" s="12"/>
    </row>
    <row r="36512" spans="8:8">
      <c r="H36512" s="12"/>
    </row>
    <row r="36513" spans="8:8">
      <c r="H36513" s="12"/>
    </row>
    <row r="36514" spans="8:8">
      <c r="H36514" s="12"/>
    </row>
    <row r="36515" spans="8:8">
      <c r="H36515" s="12"/>
    </row>
    <row r="36516" spans="8:8">
      <c r="H36516" s="12"/>
    </row>
    <row r="36517" spans="8:8">
      <c r="H36517" s="12"/>
    </row>
    <row r="36518" spans="8:8">
      <c r="H36518" s="12"/>
    </row>
    <row r="36519" spans="8:8">
      <c r="H36519" s="12"/>
    </row>
    <row r="36520" spans="8:8">
      <c r="H36520" s="12"/>
    </row>
    <row r="36521" spans="8:8">
      <c r="H36521" s="12"/>
    </row>
    <row r="36522" spans="8:8">
      <c r="H36522" s="12"/>
    </row>
    <row r="36523" spans="8:8">
      <c r="H36523" s="12"/>
    </row>
    <row r="36524" spans="8:8">
      <c r="H36524" s="12"/>
    </row>
    <row r="36525" spans="8:8">
      <c r="H36525" s="12"/>
    </row>
    <row r="36526" spans="8:8">
      <c r="H36526" s="12"/>
    </row>
    <row r="36527" spans="8:8">
      <c r="H36527" s="12"/>
    </row>
    <row r="36528" spans="8:8">
      <c r="H36528" s="12"/>
    </row>
    <row r="36529" spans="8:8">
      <c r="H36529" s="12"/>
    </row>
    <row r="36530" spans="8:8">
      <c r="H36530" s="12"/>
    </row>
    <row r="36531" spans="8:8">
      <c r="H36531" s="12"/>
    </row>
    <row r="36532" spans="8:8">
      <c r="H36532" s="12"/>
    </row>
    <row r="36533" spans="8:8">
      <c r="H36533" s="12"/>
    </row>
    <row r="36534" spans="8:8">
      <c r="H36534" s="12"/>
    </row>
    <row r="36535" spans="8:8">
      <c r="H36535" s="12"/>
    </row>
    <row r="36536" spans="8:8">
      <c r="H36536" s="12"/>
    </row>
    <row r="36537" spans="8:8">
      <c r="H36537" s="12"/>
    </row>
    <row r="36538" spans="8:8">
      <c r="H36538" s="12"/>
    </row>
    <row r="36539" spans="8:8">
      <c r="H36539" s="12"/>
    </row>
    <row r="36540" spans="8:8">
      <c r="H36540" s="12"/>
    </row>
    <row r="36541" spans="8:8">
      <c r="H36541" s="12"/>
    </row>
    <row r="36542" spans="8:8">
      <c r="H36542" s="12"/>
    </row>
    <row r="36543" spans="8:8">
      <c r="H36543" s="12"/>
    </row>
    <row r="36544" spans="8:8">
      <c r="H36544" s="12"/>
    </row>
    <row r="36545" spans="8:8">
      <c r="H36545" s="12"/>
    </row>
    <row r="36546" spans="8:8">
      <c r="H36546" s="12"/>
    </row>
    <row r="36547" spans="8:8">
      <c r="H36547" s="12"/>
    </row>
    <row r="36548" spans="8:8">
      <c r="H36548" s="12"/>
    </row>
    <row r="36549" spans="8:8">
      <c r="H36549" s="12"/>
    </row>
    <row r="36550" spans="8:8">
      <c r="H36550" s="12"/>
    </row>
    <row r="36551" spans="8:8">
      <c r="H36551" s="12"/>
    </row>
    <row r="36552" spans="8:8">
      <c r="H36552" s="12"/>
    </row>
    <row r="36553" spans="8:8">
      <c r="H36553" s="12"/>
    </row>
    <row r="36554" spans="8:8">
      <c r="H36554" s="12"/>
    </row>
    <row r="36555" spans="8:8">
      <c r="H36555" s="12"/>
    </row>
    <row r="36556" spans="8:8">
      <c r="H36556" s="12"/>
    </row>
    <row r="36557" spans="8:8">
      <c r="H36557" s="12"/>
    </row>
    <row r="36558" spans="8:8">
      <c r="H36558" s="12"/>
    </row>
    <row r="36559" spans="8:8">
      <c r="H36559" s="12"/>
    </row>
    <row r="36560" spans="8:8">
      <c r="H36560" s="12"/>
    </row>
    <row r="36561" spans="8:8">
      <c r="H36561" s="12"/>
    </row>
    <row r="36562" spans="8:8">
      <c r="H36562" s="12"/>
    </row>
    <row r="36563" spans="8:8">
      <c r="H36563" s="12"/>
    </row>
    <row r="36564" spans="8:8">
      <c r="H36564" s="12"/>
    </row>
    <row r="36565" spans="8:8">
      <c r="H36565" s="12"/>
    </row>
    <row r="36566" spans="8:8">
      <c r="H36566" s="12"/>
    </row>
    <row r="36567" spans="8:8">
      <c r="H36567" s="12"/>
    </row>
    <row r="36568" spans="8:8">
      <c r="H36568" s="12"/>
    </row>
    <row r="36569" spans="8:8">
      <c r="H36569" s="12"/>
    </row>
    <row r="36570" spans="8:8">
      <c r="H36570" s="12"/>
    </row>
    <row r="36571" spans="8:8">
      <c r="H36571" s="12"/>
    </row>
    <row r="36572" spans="8:8">
      <c r="H36572" s="12"/>
    </row>
    <row r="36573" spans="8:8">
      <c r="H36573" s="12"/>
    </row>
    <row r="36574" spans="8:8">
      <c r="H36574" s="12"/>
    </row>
    <row r="36575" spans="8:8">
      <c r="H36575" s="12"/>
    </row>
    <row r="36576" spans="8:8">
      <c r="H36576" s="12"/>
    </row>
    <row r="36577" spans="8:8">
      <c r="H36577" s="12"/>
    </row>
    <row r="36578" spans="8:8">
      <c r="H36578" s="12"/>
    </row>
    <row r="36579" spans="8:8">
      <c r="H36579" s="12"/>
    </row>
    <row r="36580" spans="8:8">
      <c r="H36580" s="12"/>
    </row>
    <row r="36581" spans="8:8">
      <c r="H36581" s="12"/>
    </row>
    <row r="36582" spans="8:8">
      <c r="H36582" s="12"/>
    </row>
    <row r="36583" spans="8:8">
      <c r="H36583" s="12"/>
    </row>
    <row r="36584" spans="8:8">
      <c r="H36584" s="12"/>
    </row>
    <row r="36585" spans="8:8">
      <c r="H36585" s="12"/>
    </row>
    <row r="36586" spans="8:8">
      <c r="H36586" s="12"/>
    </row>
    <row r="36587" spans="8:8">
      <c r="H36587" s="12"/>
    </row>
    <row r="36588" spans="8:8">
      <c r="H36588" s="12"/>
    </row>
    <row r="36589" spans="8:8">
      <c r="H36589" s="12"/>
    </row>
    <row r="36590" spans="8:8">
      <c r="H36590" s="12"/>
    </row>
    <row r="36591" spans="8:8">
      <c r="H36591" s="12"/>
    </row>
    <row r="36592" spans="8:8">
      <c r="H36592" s="12"/>
    </row>
    <row r="36593" spans="8:8">
      <c r="H36593" s="12"/>
    </row>
    <row r="36594" spans="8:8">
      <c r="H36594" s="12"/>
    </row>
    <row r="36595" spans="8:8">
      <c r="H36595" s="12"/>
    </row>
    <row r="36596" spans="8:8">
      <c r="H36596" s="12"/>
    </row>
    <row r="36597" spans="8:8">
      <c r="H36597" s="12"/>
    </row>
    <row r="36598" spans="8:8">
      <c r="H36598" s="12"/>
    </row>
    <row r="36599" spans="8:8">
      <c r="H36599" s="12"/>
    </row>
    <row r="36600" spans="8:8">
      <c r="H36600" s="12"/>
    </row>
    <row r="36601" spans="8:8">
      <c r="H36601" s="12"/>
    </row>
    <row r="36602" spans="8:8">
      <c r="H36602" s="12"/>
    </row>
    <row r="36603" spans="8:8">
      <c r="H36603" s="12"/>
    </row>
    <row r="36604" spans="8:8">
      <c r="H36604" s="12"/>
    </row>
    <row r="36605" spans="8:8">
      <c r="H36605" s="12"/>
    </row>
    <row r="36606" spans="8:8">
      <c r="H36606" s="12"/>
    </row>
    <row r="36607" spans="8:8">
      <c r="H36607" s="12"/>
    </row>
    <row r="36608" spans="8:8">
      <c r="H36608" s="12"/>
    </row>
    <row r="36609" spans="8:8">
      <c r="H36609" s="12"/>
    </row>
    <row r="36610" spans="8:8">
      <c r="H36610" s="12"/>
    </row>
    <row r="36611" spans="8:8">
      <c r="H36611" s="12"/>
    </row>
    <row r="36612" spans="8:8">
      <c r="H36612" s="12"/>
    </row>
    <row r="36613" spans="8:8">
      <c r="H36613" s="12"/>
    </row>
    <row r="36614" spans="8:8">
      <c r="H36614" s="12"/>
    </row>
    <row r="36615" spans="8:8">
      <c r="H36615" s="12"/>
    </row>
    <row r="36616" spans="8:8">
      <c r="H36616" s="12"/>
    </row>
    <row r="36617" spans="8:8">
      <c r="H36617" s="12"/>
    </row>
    <row r="36618" spans="8:8">
      <c r="H36618" s="12"/>
    </row>
    <row r="36619" spans="8:8">
      <c r="H36619" s="12"/>
    </row>
    <row r="36620" spans="8:8">
      <c r="H36620" s="12"/>
    </row>
    <row r="36621" spans="8:8">
      <c r="H36621" s="12"/>
    </row>
    <row r="36622" spans="8:8">
      <c r="H36622" s="12"/>
    </row>
    <row r="36623" spans="8:8">
      <c r="H36623" s="12"/>
    </row>
    <row r="36624" spans="8:8">
      <c r="H36624" s="12"/>
    </row>
    <row r="36625" spans="8:8">
      <c r="H36625" s="12"/>
    </row>
    <row r="36626" spans="8:8">
      <c r="H36626" s="12"/>
    </row>
    <row r="36627" spans="8:8">
      <c r="H36627" s="12"/>
    </row>
    <row r="36628" spans="8:8">
      <c r="H36628" s="12"/>
    </row>
    <row r="36629" spans="8:8">
      <c r="H36629" s="12"/>
    </row>
    <row r="36630" spans="8:8">
      <c r="H36630" s="12"/>
    </row>
    <row r="36631" spans="8:8">
      <c r="H36631" s="12"/>
    </row>
    <row r="36632" spans="8:8">
      <c r="H36632" s="12"/>
    </row>
    <row r="36633" spans="8:8">
      <c r="H36633" s="12"/>
    </row>
    <row r="36634" spans="8:8">
      <c r="H36634" s="12"/>
    </row>
    <row r="36635" spans="8:8">
      <c r="H36635" s="12"/>
    </row>
    <row r="36636" spans="8:8">
      <c r="H36636" s="12"/>
    </row>
    <row r="36637" spans="8:8">
      <c r="H36637" s="12"/>
    </row>
    <row r="36638" spans="8:8">
      <c r="H36638" s="12"/>
    </row>
    <row r="36639" spans="8:8">
      <c r="H36639" s="12"/>
    </row>
    <row r="36640" spans="8:8">
      <c r="H36640" s="12"/>
    </row>
    <row r="36641" spans="8:8">
      <c r="H36641" s="12"/>
    </row>
    <row r="36642" spans="8:8">
      <c r="H36642" s="12"/>
    </row>
    <row r="36643" spans="8:8">
      <c r="H36643" s="12"/>
    </row>
    <row r="36644" spans="8:8">
      <c r="H36644" s="12"/>
    </row>
    <row r="36645" spans="8:8">
      <c r="H36645" s="12"/>
    </row>
    <row r="36646" spans="8:8">
      <c r="H36646" s="12"/>
    </row>
    <row r="36647" spans="8:8">
      <c r="H36647" s="12"/>
    </row>
    <row r="36648" spans="8:8">
      <c r="H36648" s="12"/>
    </row>
    <row r="36649" spans="8:8">
      <c r="H36649" s="12"/>
    </row>
    <row r="36650" spans="8:8">
      <c r="H36650" s="12"/>
    </row>
    <row r="36651" spans="8:8">
      <c r="H36651" s="12"/>
    </row>
    <row r="36652" spans="8:8">
      <c r="H36652" s="12"/>
    </row>
    <row r="36653" spans="8:8">
      <c r="H36653" s="12"/>
    </row>
    <row r="36654" spans="8:8">
      <c r="H36654" s="12"/>
    </row>
    <row r="36655" spans="8:8">
      <c r="H36655" s="12"/>
    </row>
    <row r="36656" spans="8:8">
      <c r="H36656" s="12"/>
    </row>
    <row r="36657" spans="8:8">
      <c r="H36657" s="12"/>
    </row>
    <row r="36658" spans="8:8">
      <c r="H36658" s="12"/>
    </row>
    <row r="36659" spans="8:8">
      <c r="H36659" s="12"/>
    </row>
    <row r="36660" spans="8:8">
      <c r="H36660" s="12"/>
    </row>
    <row r="36661" spans="8:8">
      <c r="H36661" s="12"/>
    </row>
    <row r="36662" spans="8:8">
      <c r="H36662" s="12"/>
    </row>
    <row r="36663" spans="8:8">
      <c r="H36663" s="12"/>
    </row>
    <row r="36664" spans="8:8">
      <c r="H36664" s="12"/>
    </row>
    <row r="36665" spans="8:8">
      <c r="H36665" s="12"/>
    </row>
    <row r="36666" spans="8:8">
      <c r="H36666" s="12"/>
    </row>
    <row r="36667" spans="8:8">
      <c r="H36667" s="12"/>
    </row>
    <row r="36668" spans="8:8">
      <c r="H36668" s="12"/>
    </row>
    <row r="36669" spans="8:8">
      <c r="H36669" s="12"/>
    </row>
    <row r="36670" spans="8:8">
      <c r="H36670" s="12"/>
    </row>
    <row r="36671" spans="8:8">
      <c r="H36671" s="12"/>
    </row>
    <row r="36672" spans="8:8">
      <c r="H36672" s="12"/>
    </row>
    <row r="36673" spans="8:8">
      <c r="H36673" s="12"/>
    </row>
    <row r="36674" spans="8:8">
      <c r="H36674" s="12"/>
    </row>
    <row r="36675" spans="8:8">
      <c r="H36675" s="12"/>
    </row>
    <row r="36676" spans="8:8">
      <c r="H36676" s="12"/>
    </row>
    <row r="36677" spans="8:8">
      <c r="H36677" s="12"/>
    </row>
    <row r="36678" spans="8:8">
      <c r="H36678" s="12"/>
    </row>
    <row r="36679" spans="8:8">
      <c r="H36679" s="12"/>
    </row>
    <row r="36680" spans="8:8">
      <c r="H36680" s="12"/>
    </row>
    <row r="36681" spans="8:8">
      <c r="H36681" s="12"/>
    </row>
    <row r="36682" spans="8:8">
      <c r="H36682" s="12"/>
    </row>
    <row r="36683" spans="8:8">
      <c r="H36683" s="12"/>
    </row>
    <row r="36684" spans="8:8">
      <c r="H36684" s="12"/>
    </row>
    <row r="36685" spans="8:8">
      <c r="H36685" s="12"/>
    </row>
    <row r="36686" spans="8:8">
      <c r="H36686" s="12"/>
    </row>
    <row r="36687" spans="8:8">
      <c r="H36687" s="12"/>
    </row>
    <row r="36688" spans="8:8">
      <c r="H36688" s="12"/>
    </row>
    <row r="36689" spans="8:8">
      <c r="H36689" s="12"/>
    </row>
    <row r="36690" spans="8:8">
      <c r="H36690" s="12"/>
    </row>
    <row r="36691" spans="8:8">
      <c r="H36691" s="12"/>
    </row>
    <row r="36692" spans="8:8">
      <c r="H36692" s="12"/>
    </row>
    <row r="36693" spans="8:8">
      <c r="H36693" s="12"/>
    </row>
    <row r="36694" spans="8:8">
      <c r="H36694" s="12"/>
    </row>
    <row r="36695" spans="8:8">
      <c r="H36695" s="12"/>
    </row>
    <row r="36696" spans="8:8">
      <c r="H36696" s="12"/>
    </row>
    <row r="36697" spans="8:8">
      <c r="H36697" s="12"/>
    </row>
    <row r="36698" spans="8:8">
      <c r="H36698" s="12"/>
    </row>
    <row r="36699" spans="8:8">
      <c r="H36699" s="12"/>
    </row>
    <row r="36700" spans="8:8">
      <c r="H36700" s="12"/>
    </row>
    <row r="36701" spans="8:8">
      <c r="H36701" s="12"/>
    </row>
    <row r="36702" spans="8:8">
      <c r="H36702" s="12"/>
    </row>
    <row r="36703" spans="8:8">
      <c r="H36703" s="12"/>
    </row>
    <row r="36704" spans="8:8">
      <c r="H36704" s="12"/>
    </row>
    <row r="36705" spans="8:8">
      <c r="H36705" s="12"/>
    </row>
    <row r="36706" spans="8:8">
      <c r="H36706" s="12"/>
    </row>
    <row r="36707" spans="8:8">
      <c r="H36707" s="12"/>
    </row>
    <row r="36708" spans="8:8">
      <c r="H36708" s="12"/>
    </row>
    <row r="36709" spans="8:8">
      <c r="H36709" s="12"/>
    </row>
    <row r="36710" spans="8:8">
      <c r="H36710" s="12"/>
    </row>
    <row r="36711" spans="8:8">
      <c r="H36711" s="12"/>
    </row>
    <row r="36712" spans="8:8">
      <c r="H36712" s="12"/>
    </row>
    <row r="36713" spans="8:8">
      <c r="H36713" s="12"/>
    </row>
    <row r="36714" spans="8:8">
      <c r="H36714" s="12"/>
    </row>
    <row r="36715" spans="8:8">
      <c r="H36715" s="12"/>
    </row>
    <row r="36716" spans="8:8">
      <c r="H36716" s="12"/>
    </row>
    <row r="36717" spans="8:8">
      <c r="H36717" s="12"/>
    </row>
    <row r="36718" spans="8:8">
      <c r="H36718" s="12"/>
    </row>
    <row r="36719" spans="8:8">
      <c r="H36719" s="12"/>
    </row>
    <row r="36720" spans="8:8">
      <c r="H36720" s="12"/>
    </row>
    <row r="36721" spans="8:8">
      <c r="H36721" s="12"/>
    </row>
    <row r="36722" spans="8:8">
      <c r="H36722" s="12"/>
    </row>
    <row r="36723" spans="8:8">
      <c r="H36723" s="12"/>
    </row>
    <row r="36724" spans="8:8">
      <c r="H36724" s="12"/>
    </row>
    <row r="36725" spans="8:8">
      <c r="H36725" s="12"/>
    </row>
    <row r="36726" spans="8:8">
      <c r="H36726" s="12"/>
    </row>
    <row r="36727" spans="8:8">
      <c r="H36727" s="12"/>
    </row>
    <row r="36728" spans="8:8">
      <c r="H36728" s="12"/>
    </row>
    <row r="36729" spans="8:8">
      <c r="H36729" s="12"/>
    </row>
    <row r="36730" spans="8:8">
      <c r="H36730" s="12"/>
    </row>
    <row r="36731" spans="8:8">
      <c r="H36731" s="12"/>
    </row>
    <row r="36732" spans="8:8">
      <c r="H36732" s="12"/>
    </row>
    <row r="36733" spans="8:8">
      <c r="H36733" s="12"/>
    </row>
    <row r="36734" spans="8:8">
      <c r="H36734" s="12"/>
    </row>
    <row r="36735" spans="8:8">
      <c r="H36735" s="12"/>
    </row>
    <row r="36736" spans="8:8">
      <c r="H36736" s="12"/>
    </row>
    <row r="36737" spans="8:8">
      <c r="H36737" s="12"/>
    </row>
    <row r="36738" spans="8:8">
      <c r="H36738" s="12"/>
    </row>
    <row r="36739" spans="8:8">
      <c r="H36739" s="12"/>
    </row>
    <row r="36740" spans="8:8">
      <c r="H36740" s="12"/>
    </row>
    <row r="36741" spans="8:8">
      <c r="H36741" s="12"/>
    </row>
    <row r="36742" spans="8:8">
      <c r="H36742" s="12"/>
    </row>
    <row r="36743" spans="8:8">
      <c r="H36743" s="12"/>
    </row>
    <row r="36744" spans="8:8">
      <c r="H36744" s="12"/>
    </row>
    <row r="36745" spans="8:8">
      <c r="H36745" s="12"/>
    </row>
    <row r="36746" spans="8:8">
      <c r="H36746" s="12"/>
    </row>
    <row r="36747" spans="8:8">
      <c r="H36747" s="12"/>
    </row>
    <row r="36748" spans="8:8">
      <c r="H36748" s="12"/>
    </row>
    <row r="36749" spans="8:8">
      <c r="H36749" s="12"/>
    </row>
    <row r="36750" spans="8:8">
      <c r="H36750" s="12"/>
    </row>
    <row r="36751" spans="8:8">
      <c r="H36751" s="12"/>
    </row>
    <row r="36752" spans="8:8">
      <c r="H36752" s="12"/>
    </row>
    <row r="36753" spans="8:8">
      <c r="H36753" s="12"/>
    </row>
    <row r="36754" spans="8:8">
      <c r="H36754" s="12"/>
    </row>
    <row r="36755" spans="8:8">
      <c r="H36755" s="12"/>
    </row>
    <row r="36756" spans="8:8">
      <c r="H36756" s="12"/>
    </row>
    <row r="36757" spans="8:8">
      <c r="H36757" s="12"/>
    </row>
    <row r="36758" spans="8:8">
      <c r="H36758" s="12"/>
    </row>
    <row r="36759" spans="8:8">
      <c r="H36759" s="12"/>
    </row>
    <row r="36760" spans="8:8">
      <c r="H36760" s="12"/>
    </row>
    <row r="36761" spans="8:8">
      <c r="H36761" s="12"/>
    </row>
    <row r="36762" spans="8:8">
      <c r="H36762" s="12"/>
    </row>
    <row r="36763" spans="8:8">
      <c r="H36763" s="12"/>
    </row>
    <row r="36764" spans="8:8">
      <c r="H36764" s="12"/>
    </row>
    <row r="36765" spans="8:8">
      <c r="H36765" s="12"/>
    </row>
    <row r="36766" spans="8:8">
      <c r="H36766" s="12"/>
    </row>
    <row r="36767" spans="8:8">
      <c r="H36767" s="12"/>
    </row>
    <row r="36768" spans="8:8">
      <c r="H36768" s="12"/>
    </row>
    <row r="36769" spans="8:8">
      <c r="H36769" s="12"/>
    </row>
    <row r="36770" spans="8:8">
      <c r="H36770" s="12"/>
    </row>
    <row r="36771" spans="8:8">
      <c r="H36771" s="12"/>
    </row>
    <row r="36772" spans="8:8">
      <c r="H36772" s="12"/>
    </row>
    <row r="36773" spans="8:8">
      <c r="H36773" s="12"/>
    </row>
    <row r="36774" spans="8:8">
      <c r="H36774" s="12"/>
    </row>
    <row r="36775" spans="8:8">
      <c r="H36775" s="12"/>
    </row>
    <row r="36776" spans="8:8">
      <c r="H36776" s="12"/>
    </row>
    <row r="36777" spans="8:8">
      <c r="H36777" s="12"/>
    </row>
    <row r="36778" spans="8:8">
      <c r="H36778" s="12"/>
    </row>
    <row r="36779" spans="8:8">
      <c r="H36779" s="12"/>
    </row>
    <row r="36780" spans="8:8">
      <c r="H36780" s="12"/>
    </row>
    <row r="36781" spans="8:8">
      <c r="H36781" s="12"/>
    </row>
    <row r="36782" spans="8:8">
      <c r="H36782" s="12"/>
    </row>
    <row r="36783" spans="8:8">
      <c r="H36783" s="12"/>
    </row>
    <row r="36784" spans="8:8">
      <c r="H36784" s="12"/>
    </row>
    <row r="36785" spans="8:8">
      <c r="H36785" s="12"/>
    </row>
    <row r="36786" spans="8:8">
      <c r="H36786" s="12"/>
    </row>
    <row r="36787" spans="8:8">
      <c r="H36787" s="12"/>
    </row>
    <row r="36788" spans="8:8">
      <c r="H36788" s="12"/>
    </row>
    <row r="36789" spans="8:8">
      <c r="H36789" s="12"/>
    </row>
    <row r="36790" spans="8:8">
      <c r="H36790" s="12"/>
    </row>
    <row r="36791" spans="8:8">
      <c r="H36791" s="12"/>
    </row>
    <row r="36792" spans="8:8">
      <c r="H36792" s="12"/>
    </row>
    <row r="36793" spans="8:8">
      <c r="H36793" s="12"/>
    </row>
    <row r="36794" spans="8:8">
      <c r="H36794" s="12"/>
    </row>
    <row r="36795" spans="8:8">
      <c r="H36795" s="12"/>
    </row>
    <row r="36796" spans="8:8">
      <c r="H36796" s="12"/>
    </row>
    <row r="36797" spans="8:8">
      <c r="H36797" s="12"/>
    </row>
    <row r="36798" spans="8:8">
      <c r="H36798" s="12"/>
    </row>
    <row r="36799" spans="8:8">
      <c r="H36799" s="12"/>
    </row>
    <row r="36800" spans="8:8">
      <c r="H36800" s="12"/>
    </row>
    <row r="36801" spans="8:8">
      <c r="H36801" s="12"/>
    </row>
    <row r="36802" spans="8:8">
      <c r="H36802" s="12"/>
    </row>
    <row r="36803" spans="8:8">
      <c r="H36803" s="12"/>
    </row>
    <row r="36804" spans="8:8">
      <c r="H36804" s="12"/>
    </row>
    <row r="36805" spans="8:8">
      <c r="H36805" s="12"/>
    </row>
    <row r="36806" spans="8:8">
      <c r="H36806" s="12"/>
    </row>
    <row r="36807" spans="8:8">
      <c r="H36807" s="12"/>
    </row>
    <row r="36808" spans="8:8">
      <c r="H36808" s="12"/>
    </row>
    <row r="36809" spans="8:8">
      <c r="H36809" s="12"/>
    </row>
    <row r="36810" spans="8:8">
      <c r="H36810" s="12"/>
    </row>
    <row r="36811" spans="8:8">
      <c r="H36811" s="12"/>
    </row>
    <row r="36812" spans="8:8">
      <c r="H36812" s="12"/>
    </row>
    <row r="36813" spans="8:8">
      <c r="H36813" s="12"/>
    </row>
    <row r="36814" spans="8:8">
      <c r="H36814" s="12"/>
    </row>
    <row r="36815" spans="8:8">
      <c r="H36815" s="12"/>
    </row>
    <row r="36816" spans="8:8">
      <c r="H36816" s="12"/>
    </row>
    <row r="36817" spans="8:8">
      <c r="H36817" s="12"/>
    </row>
    <row r="36818" spans="8:8">
      <c r="H36818" s="12"/>
    </row>
    <row r="36819" spans="8:8">
      <c r="H36819" s="12"/>
    </row>
    <row r="36820" spans="8:8">
      <c r="H36820" s="12"/>
    </row>
    <row r="36821" spans="8:8">
      <c r="H36821" s="12"/>
    </row>
    <row r="36822" spans="8:8">
      <c r="H36822" s="12"/>
    </row>
    <row r="36823" spans="8:8">
      <c r="H36823" s="12"/>
    </row>
    <row r="36824" spans="8:8">
      <c r="H36824" s="12"/>
    </row>
    <row r="36825" spans="8:8">
      <c r="H36825" s="12"/>
    </row>
    <row r="36826" spans="8:8">
      <c r="H36826" s="12"/>
    </row>
    <row r="36827" spans="8:8">
      <c r="H36827" s="12"/>
    </row>
    <row r="36828" spans="8:8">
      <c r="H36828" s="12"/>
    </row>
    <row r="36829" spans="8:8">
      <c r="H36829" s="12"/>
    </row>
    <row r="36830" spans="8:8">
      <c r="H36830" s="12"/>
    </row>
    <row r="36831" spans="8:8">
      <c r="H36831" s="12"/>
    </row>
    <row r="36832" spans="8:8">
      <c r="H36832" s="12"/>
    </row>
    <row r="36833" spans="8:8">
      <c r="H36833" s="12"/>
    </row>
    <row r="36834" spans="8:8">
      <c r="H36834" s="12"/>
    </row>
    <row r="36835" spans="8:8">
      <c r="H36835" s="12"/>
    </row>
    <row r="36836" spans="8:8">
      <c r="H36836" s="12"/>
    </row>
    <row r="36837" spans="8:8">
      <c r="H36837" s="12"/>
    </row>
    <row r="36838" spans="8:8">
      <c r="H36838" s="12"/>
    </row>
    <row r="36839" spans="8:8">
      <c r="H36839" s="12"/>
    </row>
    <row r="36840" spans="8:8">
      <c r="H36840" s="12"/>
    </row>
    <row r="36841" spans="8:8">
      <c r="H36841" s="12"/>
    </row>
    <row r="36842" spans="8:8">
      <c r="H36842" s="12"/>
    </row>
    <row r="36843" spans="8:8">
      <c r="H36843" s="12"/>
    </row>
    <row r="36844" spans="8:8">
      <c r="H36844" s="12"/>
    </row>
    <row r="36845" spans="8:8">
      <c r="H36845" s="12"/>
    </row>
    <row r="36846" spans="8:8">
      <c r="H36846" s="12"/>
    </row>
    <row r="36847" spans="8:8">
      <c r="H36847" s="12"/>
    </row>
    <row r="36848" spans="8:8">
      <c r="H36848" s="12"/>
    </row>
    <row r="36849" spans="8:8">
      <c r="H36849" s="12"/>
    </row>
    <row r="36850" spans="8:8">
      <c r="H36850" s="12"/>
    </row>
    <row r="36851" spans="8:8">
      <c r="H36851" s="12"/>
    </row>
    <row r="36852" spans="8:8">
      <c r="H36852" s="12"/>
    </row>
    <row r="36853" spans="8:8">
      <c r="H36853" s="12"/>
    </row>
    <row r="36854" spans="8:8">
      <c r="H36854" s="12"/>
    </row>
    <row r="36855" spans="8:8">
      <c r="H36855" s="12"/>
    </row>
    <row r="36856" spans="8:8">
      <c r="H36856" s="12"/>
    </row>
    <row r="36857" spans="8:8">
      <c r="H36857" s="12"/>
    </row>
    <row r="36858" spans="8:8">
      <c r="H36858" s="12"/>
    </row>
    <row r="36859" spans="8:8">
      <c r="H36859" s="12"/>
    </row>
    <row r="36860" spans="8:8">
      <c r="H36860" s="12"/>
    </row>
    <row r="36861" spans="8:8">
      <c r="H36861" s="12"/>
    </row>
    <row r="36862" spans="8:8">
      <c r="H36862" s="12"/>
    </row>
    <row r="36863" spans="8:8">
      <c r="H36863" s="12"/>
    </row>
    <row r="36864" spans="8:8">
      <c r="H36864" s="12"/>
    </row>
    <row r="36865" spans="8:8">
      <c r="H36865" s="12"/>
    </row>
    <row r="36866" spans="8:8">
      <c r="H36866" s="12"/>
    </row>
    <row r="36867" spans="8:8">
      <c r="H36867" s="12"/>
    </row>
    <row r="36868" spans="8:8">
      <c r="H36868" s="12"/>
    </row>
    <row r="36869" spans="8:8">
      <c r="H36869" s="12"/>
    </row>
    <row r="36870" spans="8:8">
      <c r="H36870" s="12"/>
    </row>
    <row r="36871" spans="8:8">
      <c r="H36871" s="12"/>
    </row>
    <row r="36872" spans="8:8">
      <c r="H36872" s="12"/>
    </row>
    <row r="36873" spans="8:8">
      <c r="H36873" s="12"/>
    </row>
    <row r="36874" spans="8:8">
      <c r="H36874" s="12"/>
    </row>
    <row r="36875" spans="8:8">
      <c r="H36875" s="12"/>
    </row>
    <row r="36876" spans="8:8">
      <c r="H36876" s="12"/>
    </row>
    <row r="36877" spans="8:8">
      <c r="H36877" s="12"/>
    </row>
    <row r="36878" spans="8:8">
      <c r="H36878" s="12"/>
    </row>
    <row r="36879" spans="8:8">
      <c r="H36879" s="12"/>
    </row>
    <row r="36880" spans="8:8">
      <c r="H36880" s="12"/>
    </row>
    <row r="36881" spans="8:8">
      <c r="H36881" s="12"/>
    </row>
    <row r="36882" spans="8:8">
      <c r="H36882" s="12"/>
    </row>
    <row r="36883" spans="8:8">
      <c r="H36883" s="12"/>
    </row>
    <row r="36884" spans="8:8">
      <c r="H36884" s="12"/>
    </row>
    <row r="36885" spans="8:8">
      <c r="H36885" s="12"/>
    </row>
    <row r="36886" spans="8:8">
      <c r="H36886" s="12"/>
    </row>
    <row r="36887" spans="8:8">
      <c r="H36887" s="12"/>
    </row>
    <row r="36888" spans="8:8">
      <c r="H36888" s="12"/>
    </row>
    <row r="36889" spans="8:8">
      <c r="H36889" s="12"/>
    </row>
    <row r="36890" spans="8:8">
      <c r="H36890" s="12"/>
    </row>
    <row r="36891" spans="8:8">
      <c r="H36891" s="12"/>
    </row>
    <row r="36892" spans="8:8">
      <c r="H36892" s="12"/>
    </row>
    <row r="36893" spans="8:8">
      <c r="H36893" s="12"/>
    </row>
    <row r="36894" spans="8:8">
      <c r="H36894" s="12"/>
    </row>
    <row r="36895" spans="8:8">
      <c r="H36895" s="12"/>
    </row>
    <row r="36896" spans="8:8">
      <c r="H36896" s="12"/>
    </row>
    <row r="36897" spans="8:8">
      <c r="H36897" s="12"/>
    </row>
    <row r="36898" spans="8:8">
      <c r="H36898" s="12"/>
    </row>
    <row r="36899" spans="8:8">
      <c r="H36899" s="12"/>
    </row>
    <row r="36900" spans="8:8">
      <c r="H36900" s="12"/>
    </row>
    <row r="36901" spans="8:8">
      <c r="H36901" s="12"/>
    </row>
    <row r="36902" spans="8:8">
      <c r="H36902" s="12"/>
    </row>
    <row r="36903" spans="8:8">
      <c r="H36903" s="12"/>
    </row>
    <row r="36904" spans="8:8">
      <c r="H36904" s="12"/>
    </row>
    <row r="36905" spans="8:8">
      <c r="H36905" s="12"/>
    </row>
    <row r="36906" spans="8:8">
      <c r="H36906" s="12"/>
    </row>
    <row r="36907" spans="8:8">
      <c r="H36907" s="12"/>
    </row>
    <row r="36908" spans="8:8">
      <c r="H36908" s="12"/>
    </row>
    <row r="36909" spans="8:8">
      <c r="H36909" s="12"/>
    </row>
    <row r="36910" spans="8:8">
      <c r="H36910" s="12"/>
    </row>
    <row r="36911" spans="8:8">
      <c r="H36911" s="12"/>
    </row>
    <row r="36912" spans="8:8">
      <c r="H36912" s="12"/>
    </row>
    <row r="36913" spans="8:8">
      <c r="H36913" s="12"/>
    </row>
    <row r="36914" spans="8:8">
      <c r="H36914" s="12"/>
    </row>
    <row r="36915" spans="8:8">
      <c r="H36915" s="12"/>
    </row>
    <row r="36916" spans="8:8">
      <c r="H36916" s="12"/>
    </row>
    <row r="36917" spans="8:8">
      <c r="H36917" s="12"/>
    </row>
    <row r="36918" spans="8:8">
      <c r="H36918" s="12"/>
    </row>
    <row r="36919" spans="8:8">
      <c r="H36919" s="12"/>
    </row>
    <row r="36920" spans="8:8">
      <c r="H36920" s="12"/>
    </row>
    <row r="36921" spans="8:8">
      <c r="H36921" s="12"/>
    </row>
    <row r="36922" spans="8:8">
      <c r="H36922" s="12"/>
    </row>
    <row r="36923" spans="8:8">
      <c r="H36923" s="12"/>
    </row>
    <row r="36924" spans="8:8">
      <c r="H36924" s="12"/>
    </row>
    <row r="36925" spans="8:8">
      <c r="H36925" s="12"/>
    </row>
    <row r="36926" spans="8:8">
      <c r="H36926" s="12"/>
    </row>
    <row r="36927" spans="8:8">
      <c r="H36927" s="12"/>
    </row>
    <row r="36928" spans="8:8">
      <c r="H36928" s="12"/>
    </row>
    <row r="36929" spans="8:8">
      <c r="H36929" s="12"/>
    </row>
    <row r="36930" spans="8:8">
      <c r="H36930" s="12"/>
    </row>
    <row r="36931" spans="8:8">
      <c r="H36931" s="12"/>
    </row>
    <row r="36932" spans="8:8">
      <c r="H36932" s="12"/>
    </row>
    <row r="36933" spans="8:8">
      <c r="H36933" s="12"/>
    </row>
    <row r="36934" spans="8:8">
      <c r="H36934" s="12"/>
    </row>
    <row r="36935" spans="8:8">
      <c r="H36935" s="12"/>
    </row>
    <row r="36936" spans="8:8">
      <c r="H36936" s="12"/>
    </row>
    <row r="36937" spans="8:8">
      <c r="H36937" s="12"/>
    </row>
    <row r="36938" spans="8:8">
      <c r="H36938" s="12"/>
    </row>
    <row r="36939" spans="8:8">
      <c r="H36939" s="12"/>
    </row>
    <row r="36940" spans="8:8">
      <c r="H36940" s="12"/>
    </row>
    <row r="36941" spans="8:8">
      <c r="H36941" s="12"/>
    </row>
    <row r="36942" spans="8:8">
      <c r="H36942" s="12"/>
    </row>
    <row r="36943" spans="8:8">
      <c r="H36943" s="12"/>
    </row>
    <row r="36944" spans="8:8">
      <c r="H36944" s="12"/>
    </row>
    <row r="36945" spans="8:8">
      <c r="H36945" s="12"/>
    </row>
    <row r="36946" spans="8:8">
      <c r="H36946" s="12"/>
    </row>
    <row r="36947" spans="8:8">
      <c r="H36947" s="12"/>
    </row>
    <row r="36948" spans="8:8">
      <c r="H36948" s="12"/>
    </row>
    <row r="36949" spans="8:8">
      <c r="H36949" s="12"/>
    </row>
    <row r="36950" spans="8:8">
      <c r="H36950" s="12"/>
    </row>
    <row r="36951" spans="8:8">
      <c r="H36951" s="12"/>
    </row>
    <row r="36952" spans="8:8">
      <c r="H36952" s="12"/>
    </row>
    <row r="36953" spans="8:8">
      <c r="H36953" s="12"/>
    </row>
    <row r="36954" spans="8:8">
      <c r="H36954" s="12"/>
    </row>
    <row r="36955" spans="8:8">
      <c r="H36955" s="12"/>
    </row>
    <row r="36956" spans="8:8">
      <c r="H36956" s="12"/>
    </row>
    <row r="36957" spans="8:8">
      <c r="H36957" s="12"/>
    </row>
    <row r="36958" spans="8:8">
      <c r="H36958" s="12"/>
    </row>
    <row r="36959" spans="8:8">
      <c r="H36959" s="12"/>
    </row>
    <row r="36960" spans="8:8">
      <c r="H36960" s="12"/>
    </row>
    <row r="36961" spans="8:8">
      <c r="H36961" s="12"/>
    </row>
    <row r="36962" spans="8:8">
      <c r="H36962" s="12"/>
    </row>
    <row r="36963" spans="8:8">
      <c r="H36963" s="12"/>
    </row>
    <row r="36964" spans="8:8">
      <c r="H36964" s="12"/>
    </row>
    <row r="36965" spans="8:8">
      <c r="H36965" s="12"/>
    </row>
    <row r="36966" spans="8:8">
      <c r="H36966" s="12"/>
    </row>
    <row r="36967" spans="8:8">
      <c r="H36967" s="12"/>
    </row>
    <row r="36968" spans="8:8">
      <c r="H36968" s="12"/>
    </row>
    <row r="36969" spans="8:8">
      <c r="H36969" s="12"/>
    </row>
    <row r="36970" spans="8:8">
      <c r="H36970" s="12"/>
    </row>
    <row r="36971" spans="8:8">
      <c r="H36971" s="12"/>
    </row>
    <row r="36972" spans="8:8">
      <c r="H36972" s="12"/>
    </row>
    <row r="36973" spans="8:8">
      <c r="H36973" s="12"/>
    </row>
    <row r="36974" spans="8:8">
      <c r="H36974" s="12"/>
    </row>
    <row r="36975" spans="8:8">
      <c r="H36975" s="12"/>
    </row>
    <row r="36976" spans="8:8">
      <c r="H36976" s="12"/>
    </row>
    <row r="36977" spans="8:8">
      <c r="H36977" s="12"/>
    </row>
    <row r="36978" spans="8:8">
      <c r="H36978" s="12"/>
    </row>
    <row r="36979" spans="8:8">
      <c r="H36979" s="12"/>
    </row>
    <row r="36980" spans="8:8">
      <c r="H36980" s="12"/>
    </row>
    <row r="36981" spans="8:8">
      <c r="H36981" s="12"/>
    </row>
    <row r="36982" spans="8:8">
      <c r="H36982" s="12"/>
    </row>
    <row r="36983" spans="8:8">
      <c r="H36983" s="12"/>
    </row>
    <row r="36984" spans="8:8">
      <c r="H36984" s="12"/>
    </row>
    <row r="36985" spans="8:8">
      <c r="H36985" s="12"/>
    </row>
    <row r="36986" spans="8:8">
      <c r="H36986" s="12"/>
    </row>
    <row r="36987" spans="8:8">
      <c r="H36987" s="12"/>
    </row>
    <row r="36988" spans="8:8">
      <c r="H36988" s="12"/>
    </row>
    <row r="36989" spans="8:8">
      <c r="H36989" s="12"/>
    </row>
    <row r="36990" spans="8:8">
      <c r="H36990" s="12"/>
    </row>
    <row r="36991" spans="8:8">
      <c r="H36991" s="12"/>
    </row>
    <row r="36992" spans="8:8">
      <c r="H36992" s="12"/>
    </row>
    <row r="36993" spans="8:8">
      <c r="H36993" s="12"/>
    </row>
    <row r="36994" spans="8:8">
      <c r="H36994" s="12"/>
    </row>
    <row r="36995" spans="8:8">
      <c r="H36995" s="12"/>
    </row>
    <row r="36996" spans="8:8">
      <c r="H36996" s="12"/>
    </row>
    <row r="36997" spans="8:8">
      <c r="H36997" s="12"/>
    </row>
    <row r="36998" spans="8:8">
      <c r="H36998" s="12"/>
    </row>
    <row r="36999" spans="8:8">
      <c r="H36999" s="12"/>
    </row>
    <row r="37000" spans="8:8">
      <c r="H37000" s="12"/>
    </row>
    <row r="37001" spans="8:8">
      <c r="H37001" s="12"/>
    </row>
    <row r="37002" spans="8:8">
      <c r="H37002" s="12"/>
    </row>
    <row r="37003" spans="8:8">
      <c r="H37003" s="12"/>
    </row>
    <row r="37004" spans="8:8">
      <c r="H37004" s="12"/>
    </row>
    <row r="37005" spans="8:8">
      <c r="H37005" s="12"/>
    </row>
    <row r="37006" spans="8:8">
      <c r="H37006" s="12"/>
    </row>
    <row r="37007" spans="8:8">
      <c r="H37007" s="12"/>
    </row>
    <row r="37008" spans="8:8">
      <c r="H37008" s="12"/>
    </row>
    <row r="37009" spans="8:8">
      <c r="H37009" s="12"/>
    </row>
    <row r="37010" spans="8:8">
      <c r="H37010" s="12"/>
    </row>
    <row r="37011" spans="8:8">
      <c r="H37011" s="12"/>
    </row>
    <row r="37012" spans="8:8">
      <c r="H37012" s="12"/>
    </row>
    <row r="37013" spans="8:8">
      <c r="H37013" s="12"/>
    </row>
    <row r="37014" spans="8:8">
      <c r="H37014" s="12"/>
    </row>
    <row r="37015" spans="8:8">
      <c r="H37015" s="12"/>
    </row>
    <row r="37016" spans="8:8">
      <c r="H37016" s="12"/>
    </row>
    <row r="37017" spans="8:8">
      <c r="H37017" s="12"/>
    </row>
    <row r="37018" spans="8:8">
      <c r="H37018" s="12"/>
    </row>
    <row r="37019" spans="8:8">
      <c r="H37019" s="12"/>
    </row>
    <row r="37020" spans="8:8">
      <c r="H37020" s="12"/>
    </row>
    <row r="37021" spans="8:8">
      <c r="H37021" s="12"/>
    </row>
    <row r="37022" spans="8:8">
      <c r="H37022" s="12"/>
    </row>
    <row r="37023" spans="8:8">
      <c r="H37023" s="12"/>
    </row>
    <row r="37024" spans="8:8">
      <c r="H37024" s="12"/>
    </row>
    <row r="37025" spans="8:8">
      <c r="H37025" s="12"/>
    </row>
    <row r="37026" spans="8:8">
      <c r="H37026" s="12"/>
    </row>
    <row r="37027" spans="8:8">
      <c r="H37027" s="12"/>
    </row>
    <row r="37028" spans="8:8">
      <c r="H37028" s="12"/>
    </row>
    <row r="37029" spans="8:8">
      <c r="H37029" s="12"/>
    </row>
    <row r="37030" spans="8:8">
      <c r="H37030" s="12"/>
    </row>
    <row r="37031" spans="8:8">
      <c r="H37031" s="12"/>
    </row>
    <row r="37032" spans="8:8">
      <c r="H37032" s="12"/>
    </row>
    <row r="37033" spans="8:8">
      <c r="H37033" s="12"/>
    </row>
    <row r="37034" spans="8:8">
      <c r="H37034" s="12"/>
    </row>
    <row r="37035" spans="8:8">
      <c r="H37035" s="12"/>
    </row>
    <row r="37036" spans="8:8">
      <c r="H37036" s="12"/>
    </row>
    <row r="37037" spans="8:8">
      <c r="H37037" s="12"/>
    </row>
    <row r="37038" spans="8:8">
      <c r="H37038" s="12"/>
    </row>
    <row r="37039" spans="8:8">
      <c r="H37039" s="12"/>
    </row>
    <row r="37040" spans="8:8">
      <c r="H37040" s="12"/>
    </row>
    <row r="37041" spans="8:8">
      <c r="H37041" s="12"/>
    </row>
    <row r="37042" spans="8:8">
      <c r="H37042" s="12"/>
    </row>
    <row r="37043" spans="8:8">
      <c r="H37043" s="12"/>
    </row>
    <row r="37044" spans="8:8">
      <c r="H37044" s="12"/>
    </row>
    <row r="37045" spans="8:8">
      <c r="H37045" s="12"/>
    </row>
    <row r="37046" spans="8:8">
      <c r="H37046" s="12"/>
    </row>
    <row r="37047" spans="8:8">
      <c r="H37047" s="12"/>
    </row>
    <row r="37048" spans="8:8">
      <c r="H37048" s="12"/>
    </row>
    <row r="37049" spans="8:8">
      <c r="H37049" s="12"/>
    </row>
    <row r="37050" spans="8:8">
      <c r="H37050" s="12"/>
    </row>
    <row r="37051" spans="8:8">
      <c r="H37051" s="12"/>
    </row>
    <row r="37052" spans="8:8">
      <c r="H37052" s="12"/>
    </row>
    <row r="37053" spans="8:8">
      <c r="H37053" s="12"/>
    </row>
    <row r="37054" spans="8:8">
      <c r="H37054" s="12"/>
    </row>
    <row r="37055" spans="8:8">
      <c r="H37055" s="12"/>
    </row>
    <row r="37056" spans="8:8">
      <c r="H37056" s="12"/>
    </row>
    <row r="37057" spans="8:8">
      <c r="H37057" s="12"/>
    </row>
    <row r="37058" spans="8:8">
      <c r="H37058" s="12"/>
    </row>
    <row r="37059" spans="8:8">
      <c r="H37059" s="12"/>
    </row>
    <row r="37060" spans="8:8">
      <c r="H37060" s="12"/>
    </row>
    <row r="37061" spans="8:8">
      <c r="H37061" s="12"/>
    </row>
    <row r="37062" spans="8:8">
      <c r="H37062" s="12"/>
    </row>
    <row r="37063" spans="8:8">
      <c r="H37063" s="12"/>
    </row>
    <row r="37064" spans="8:8">
      <c r="H37064" s="12"/>
    </row>
    <row r="37065" spans="8:8">
      <c r="H37065" s="12"/>
    </row>
    <row r="37066" spans="8:8">
      <c r="H37066" s="12"/>
    </row>
    <row r="37067" spans="8:8">
      <c r="H37067" s="12"/>
    </row>
    <row r="37068" spans="8:8">
      <c r="H37068" s="12"/>
    </row>
    <row r="37069" spans="8:8">
      <c r="H37069" s="12"/>
    </row>
    <row r="37070" spans="8:8">
      <c r="H37070" s="12"/>
    </row>
    <row r="37071" spans="8:8">
      <c r="H37071" s="12"/>
    </row>
    <row r="37072" spans="8:8">
      <c r="H37072" s="12"/>
    </row>
    <row r="37073" spans="8:8">
      <c r="H37073" s="12"/>
    </row>
    <row r="37074" spans="8:8">
      <c r="H37074" s="12"/>
    </row>
    <row r="37075" spans="8:8">
      <c r="H37075" s="12"/>
    </row>
    <row r="37076" spans="8:8">
      <c r="H37076" s="12"/>
    </row>
    <row r="37077" spans="8:8">
      <c r="H37077" s="12"/>
    </row>
    <row r="37078" spans="8:8">
      <c r="H37078" s="12"/>
    </row>
    <row r="37079" spans="8:8">
      <c r="H37079" s="12"/>
    </row>
    <row r="37080" spans="8:8">
      <c r="H37080" s="12"/>
    </row>
    <row r="37081" spans="8:8">
      <c r="H37081" s="12"/>
    </row>
    <row r="37082" spans="8:8">
      <c r="H37082" s="12"/>
    </row>
    <row r="37083" spans="8:8">
      <c r="H37083" s="12"/>
    </row>
    <row r="37084" spans="8:8">
      <c r="H37084" s="12"/>
    </row>
    <row r="37085" spans="8:8">
      <c r="H37085" s="12"/>
    </row>
    <row r="37086" spans="8:8">
      <c r="H37086" s="12"/>
    </row>
    <row r="37087" spans="8:8">
      <c r="H37087" s="12"/>
    </row>
    <row r="37088" spans="8:8">
      <c r="H37088" s="12"/>
    </row>
    <row r="37089" spans="8:8">
      <c r="H37089" s="12"/>
    </row>
    <row r="37090" spans="8:8">
      <c r="H37090" s="12"/>
    </row>
    <row r="37091" spans="8:8">
      <c r="H37091" s="12"/>
    </row>
    <row r="37092" spans="8:8">
      <c r="H37092" s="12"/>
    </row>
    <row r="37093" spans="8:8">
      <c r="H37093" s="12"/>
    </row>
    <row r="37094" spans="8:8">
      <c r="H37094" s="12"/>
    </row>
    <row r="37095" spans="8:8">
      <c r="H37095" s="12"/>
    </row>
    <row r="37096" spans="8:8">
      <c r="H37096" s="12"/>
    </row>
    <row r="37097" spans="8:8">
      <c r="H37097" s="12"/>
    </row>
    <row r="37098" spans="8:8">
      <c r="H37098" s="12"/>
    </row>
    <row r="37099" spans="8:8">
      <c r="H37099" s="12"/>
    </row>
    <row r="37100" spans="8:8">
      <c r="H37100" s="12"/>
    </row>
    <row r="37101" spans="8:8">
      <c r="H37101" s="12"/>
    </row>
    <row r="37102" spans="8:8">
      <c r="H37102" s="12"/>
    </row>
    <row r="37103" spans="8:8">
      <c r="H37103" s="12"/>
    </row>
    <row r="37104" spans="8:8">
      <c r="H37104" s="12"/>
    </row>
    <row r="37105" spans="8:8">
      <c r="H37105" s="12"/>
    </row>
    <row r="37106" spans="8:8">
      <c r="H37106" s="12"/>
    </row>
    <row r="37107" spans="8:8">
      <c r="H37107" s="12"/>
    </row>
    <row r="37108" spans="8:8">
      <c r="H37108" s="12"/>
    </row>
    <row r="37109" spans="8:8">
      <c r="H37109" s="12"/>
    </row>
    <row r="37110" spans="8:8">
      <c r="H37110" s="12"/>
    </row>
    <row r="37111" spans="8:8">
      <c r="H37111" s="12"/>
    </row>
    <row r="37112" spans="8:8">
      <c r="H37112" s="12"/>
    </row>
    <row r="37113" spans="8:8">
      <c r="H37113" s="12"/>
    </row>
    <row r="37114" spans="8:8">
      <c r="H37114" s="12"/>
    </row>
    <row r="37115" spans="8:8">
      <c r="H37115" s="12"/>
    </row>
    <row r="37116" spans="8:8">
      <c r="H37116" s="12"/>
    </row>
    <row r="37117" spans="8:8">
      <c r="H37117" s="12"/>
    </row>
    <row r="37118" spans="8:8">
      <c r="H37118" s="12"/>
    </row>
    <row r="37119" spans="8:8">
      <c r="H37119" s="12"/>
    </row>
    <row r="37120" spans="8:8">
      <c r="H37120" s="12"/>
    </row>
    <row r="37121" spans="8:8">
      <c r="H37121" s="12"/>
    </row>
    <row r="37122" spans="8:8">
      <c r="H37122" s="12"/>
    </row>
    <row r="37123" spans="8:8">
      <c r="H37123" s="12"/>
    </row>
    <row r="37124" spans="8:8">
      <c r="H37124" s="12"/>
    </row>
    <row r="37125" spans="8:8">
      <c r="H37125" s="12"/>
    </row>
    <row r="37126" spans="8:8">
      <c r="H37126" s="12"/>
    </row>
    <row r="37127" spans="8:8">
      <c r="H37127" s="12"/>
    </row>
    <row r="37128" spans="8:8">
      <c r="H37128" s="12"/>
    </row>
    <row r="37129" spans="8:8">
      <c r="H37129" s="12"/>
    </row>
    <row r="37130" spans="8:8">
      <c r="H37130" s="12"/>
    </row>
    <row r="37131" spans="8:8">
      <c r="H37131" s="12"/>
    </row>
    <row r="37132" spans="8:8">
      <c r="H37132" s="12"/>
    </row>
    <row r="37133" spans="8:8">
      <c r="H37133" s="12"/>
    </row>
    <row r="37134" spans="8:8">
      <c r="H37134" s="12"/>
    </row>
    <row r="37135" spans="8:8">
      <c r="H37135" s="12"/>
    </row>
    <row r="37136" spans="8:8">
      <c r="H37136" s="12"/>
    </row>
    <row r="37137" spans="8:8">
      <c r="H37137" s="12"/>
    </row>
    <row r="37138" spans="8:8">
      <c r="H37138" s="12"/>
    </row>
    <row r="37139" spans="8:8">
      <c r="H37139" s="12"/>
    </row>
    <row r="37140" spans="8:8">
      <c r="H37140" s="12"/>
    </row>
    <row r="37141" spans="8:8">
      <c r="H37141" s="12"/>
    </row>
    <row r="37142" spans="8:8">
      <c r="H37142" s="12"/>
    </row>
    <row r="37143" spans="8:8">
      <c r="H37143" s="12"/>
    </row>
    <row r="37144" spans="8:8">
      <c r="H37144" s="12"/>
    </row>
    <row r="37145" spans="8:8">
      <c r="H37145" s="12"/>
    </row>
    <row r="37146" spans="8:8">
      <c r="H37146" s="12"/>
    </row>
    <row r="37147" spans="8:8">
      <c r="H37147" s="12"/>
    </row>
    <row r="37148" spans="8:8">
      <c r="H37148" s="12"/>
    </row>
    <row r="37149" spans="8:8">
      <c r="H37149" s="12"/>
    </row>
    <row r="37150" spans="8:8">
      <c r="H37150" s="12"/>
    </row>
    <row r="37151" spans="8:8">
      <c r="H37151" s="12"/>
    </row>
    <row r="37152" spans="8:8">
      <c r="H37152" s="12"/>
    </row>
    <row r="37153" spans="8:8">
      <c r="H37153" s="12"/>
    </row>
    <row r="37154" spans="8:8">
      <c r="H37154" s="12"/>
    </row>
    <row r="37155" spans="8:8">
      <c r="H37155" s="12"/>
    </row>
    <row r="37156" spans="8:8">
      <c r="H37156" s="12"/>
    </row>
    <row r="37157" spans="8:8">
      <c r="H37157" s="12"/>
    </row>
    <row r="37158" spans="8:8">
      <c r="H37158" s="12"/>
    </row>
    <row r="37159" spans="8:8">
      <c r="H37159" s="12"/>
    </row>
    <row r="37160" spans="8:8">
      <c r="H37160" s="12"/>
    </row>
    <row r="37161" spans="8:8">
      <c r="H37161" s="12"/>
    </row>
    <row r="37162" spans="8:8">
      <c r="H37162" s="12"/>
    </row>
    <row r="37163" spans="8:8">
      <c r="H37163" s="12"/>
    </row>
    <row r="37164" spans="8:8">
      <c r="H37164" s="12"/>
    </row>
    <row r="37165" spans="8:8">
      <c r="H37165" s="12"/>
    </row>
    <row r="37166" spans="8:8">
      <c r="H37166" s="12"/>
    </row>
    <row r="37167" spans="8:8">
      <c r="H37167" s="12"/>
    </row>
    <row r="37168" spans="8:8">
      <c r="H37168" s="12"/>
    </row>
    <row r="37169" spans="8:8">
      <c r="H37169" s="12"/>
    </row>
    <row r="37170" spans="8:8">
      <c r="H37170" s="12"/>
    </row>
    <row r="37171" spans="8:8">
      <c r="H37171" s="12"/>
    </row>
    <row r="37172" spans="8:8">
      <c r="H37172" s="12"/>
    </row>
    <row r="37173" spans="8:8">
      <c r="H37173" s="12"/>
    </row>
    <row r="37174" spans="8:8">
      <c r="H37174" s="12"/>
    </row>
    <row r="37175" spans="8:8">
      <c r="H37175" s="12"/>
    </row>
    <row r="37176" spans="8:8">
      <c r="H37176" s="12"/>
    </row>
    <row r="37177" spans="8:8">
      <c r="H37177" s="12"/>
    </row>
    <row r="37178" spans="8:8">
      <c r="H37178" s="12"/>
    </row>
    <row r="37179" spans="8:8">
      <c r="H37179" s="12"/>
    </row>
    <row r="37180" spans="8:8">
      <c r="H37180" s="12"/>
    </row>
    <row r="37181" spans="8:8">
      <c r="H37181" s="12"/>
    </row>
    <row r="37182" spans="8:8">
      <c r="H37182" s="12"/>
    </row>
    <row r="37183" spans="8:8">
      <c r="H37183" s="12"/>
    </row>
    <row r="37184" spans="8:8">
      <c r="H37184" s="12"/>
    </row>
    <row r="37185" spans="8:8">
      <c r="H37185" s="12"/>
    </row>
    <row r="37186" spans="8:8">
      <c r="H37186" s="12"/>
    </row>
    <row r="37187" spans="8:8">
      <c r="H37187" s="12"/>
    </row>
    <row r="37188" spans="8:8">
      <c r="H37188" s="12"/>
    </row>
    <row r="37189" spans="8:8">
      <c r="H37189" s="12"/>
    </row>
    <row r="37190" spans="8:8">
      <c r="H37190" s="12"/>
    </row>
    <row r="37191" spans="8:8">
      <c r="H37191" s="12"/>
    </row>
    <row r="37192" spans="8:8">
      <c r="H37192" s="12"/>
    </row>
    <row r="37193" spans="8:8">
      <c r="H37193" s="12"/>
    </row>
    <row r="37194" spans="8:8">
      <c r="H37194" s="12"/>
    </row>
    <row r="37195" spans="8:8">
      <c r="H37195" s="12"/>
    </row>
    <row r="37196" spans="8:8">
      <c r="H37196" s="12"/>
    </row>
    <row r="37197" spans="8:8">
      <c r="H37197" s="12"/>
    </row>
    <row r="37198" spans="8:8">
      <c r="H37198" s="12"/>
    </row>
    <row r="37199" spans="8:8">
      <c r="H37199" s="12"/>
    </row>
    <row r="37200" spans="8:8">
      <c r="H37200" s="12"/>
    </row>
    <row r="37201" spans="8:8">
      <c r="H37201" s="12"/>
    </row>
    <row r="37202" spans="8:8">
      <c r="H37202" s="12"/>
    </row>
    <row r="37203" spans="8:8">
      <c r="H37203" s="12"/>
    </row>
    <row r="37204" spans="8:8">
      <c r="H37204" s="12"/>
    </row>
    <row r="37205" spans="8:8">
      <c r="H37205" s="12"/>
    </row>
    <row r="37206" spans="8:8">
      <c r="H37206" s="12"/>
    </row>
    <row r="37207" spans="8:8">
      <c r="H37207" s="12"/>
    </row>
    <row r="37208" spans="8:8">
      <c r="H37208" s="12"/>
    </row>
    <row r="37209" spans="8:8">
      <c r="H37209" s="12"/>
    </row>
    <row r="37210" spans="8:8">
      <c r="H37210" s="12"/>
    </row>
    <row r="37211" spans="8:8">
      <c r="H37211" s="12"/>
    </row>
    <row r="37212" spans="8:8">
      <c r="H37212" s="12"/>
    </row>
    <row r="37213" spans="8:8">
      <c r="H37213" s="12"/>
    </row>
    <row r="37214" spans="8:8">
      <c r="H37214" s="12"/>
    </row>
    <row r="37215" spans="8:8">
      <c r="H37215" s="12"/>
    </row>
    <row r="37216" spans="8:8">
      <c r="H37216" s="12"/>
    </row>
    <row r="37217" spans="8:8">
      <c r="H37217" s="12"/>
    </row>
    <row r="37218" spans="8:8">
      <c r="H37218" s="12"/>
    </row>
    <row r="37219" spans="8:8">
      <c r="H37219" s="12"/>
    </row>
    <row r="37220" spans="8:8">
      <c r="H37220" s="12"/>
    </row>
    <row r="37221" spans="8:8">
      <c r="H37221" s="12"/>
    </row>
    <row r="37222" spans="8:8">
      <c r="H37222" s="12"/>
    </row>
    <row r="37223" spans="8:8">
      <c r="H37223" s="12"/>
    </row>
    <row r="37224" spans="8:8">
      <c r="H37224" s="12"/>
    </row>
    <row r="37225" spans="8:8">
      <c r="H37225" s="12"/>
    </row>
    <row r="37226" spans="8:8">
      <c r="H37226" s="12"/>
    </row>
    <row r="37227" spans="8:8">
      <c r="H37227" s="12"/>
    </row>
    <row r="37228" spans="8:8">
      <c r="H37228" s="12"/>
    </row>
    <row r="37229" spans="8:8">
      <c r="H37229" s="12"/>
    </row>
    <row r="37230" spans="8:8">
      <c r="H37230" s="12"/>
    </row>
    <row r="37231" spans="8:8">
      <c r="H37231" s="12"/>
    </row>
    <row r="37232" spans="8:8">
      <c r="H37232" s="12"/>
    </row>
    <row r="37233" spans="8:8">
      <c r="H37233" s="12"/>
    </row>
    <row r="37234" spans="8:8">
      <c r="H37234" s="12"/>
    </row>
    <row r="37235" spans="8:8">
      <c r="H37235" s="12"/>
    </row>
    <row r="37236" spans="8:8">
      <c r="H37236" s="12"/>
    </row>
    <row r="37237" spans="8:8">
      <c r="H37237" s="12"/>
    </row>
    <row r="37238" spans="8:8">
      <c r="H37238" s="12"/>
    </row>
    <row r="37239" spans="8:8">
      <c r="H37239" s="12"/>
    </row>
    <row r="37240" spans="8:8">
      <c r="H37240" s="12"/>
    </row>
    <row r="37241" spans="8:8">
      <c r="H37241" s="12"/>
    </row>
    <row r="37242" spans="8:8">
      <c r="H37242" s="12"/>
    </row>
    <row r="37243" spans="8:8">
      <c r="H37243" s="12"/>
    </row>
    <row r="37244" spans="8:8">
      <c r="H37244" s="12"/>
    </row>
    <row r="37245" spans="8:8">
      <c r="H37245" s="12"/>
    </row>
    <row r="37246" spans="8:8">
      <c r="H37246" s="12"/>
    </row>
    <row r="37247" spans="8:8">
      <c r="H37247" s="12"/>
    </row>
    <row r="37248" spans="8:8">
      <c r="H37248" s="12"/>
    </row>
    <row r="37249" spans="8:8">
      <c r="H37249" s="12"/>
    </row>
    <row r="37250" spans="8:8">
      <c r="H37250" s="12"/>
    </row>
    <row r="37251" spans="8:8">
      <c r="H37251" s="12"/>
    </row>
    <row r="37252" spans="8:8">
      <c r="H37252" s="12"/>
    </row>
    <row r="37253" spans="8:8">
      <c r="H37253" s="12"/>
    </row>
    <row r="37254" spans="8:8">
      <c r="H37254" s="12"/>
    </row>
    <row r="37255" spans="8:8">
      <c r="H37255" s="12"/>
    </row>
    <row r="37256" spans="8:8">
      <c r="H37256" s="12"/>
    </row>
    <row r="37257" spans="8:8">
      <c r="H37257" s="12"/>
    </row>
    <row r="37258" spans="8:8">
      <c r="H37258" s="12"/>
    </row>
    <row r="37259" spans="8:8">
      <c r="H37259" s="12"/>
    </row>
    <row r="37260" spans="8:8">
      <c r="H37260" s="12"/>
    </row>
    <row r="37261" spans="8:8">
      <c r="H37261" s="12"/>
    </row>
    <row r="37262" spans="8:8">
      <c r="H37262" s="12"/>
    </row>
    <row r="37263" spans="8:8">
      <c r="H37263" s="12"/>
    </row>
    <row r="37264" spans="8:8">
      <c r="H37264" s="12"/>
    </row>
    <row r="37265" spans="8:8">
      <c r="H37265" s="12"/>
    </row>
    <row r="37266" spans="8:8">
      <c r="H37266" s="12"/>
    </row>
    <row r="37267" spans="8:8">
      <c r="H37267" s="12"/>
    </row>
    <row r="37268" spans="8:8">
      <c r="H37268" s="12"/>
    </row>
    <row r="37269" spans="8:8">
      <c r="H37269" s="12"/>
    </row>
    <row r="37270" spans="8:8">
      <c r="H37270" s="12"/>
    </row>
    <row r="37271" spans="8:8">
      <c r="H37271" s="12"/>
    </row>
    <row r="37272" spans="8:8">
      <c r="H37272" s="12"/>
    </row>
    <row r="37273" spans="8:8">
      <c r="H37273" s="12"/>
    </row>
    <row r="37274" spans="8:8">
      <c r="H37274" s="12"/>
    </row>
    <row r="37275" spans="8:8">
      <c r="H37275" s="12"/>
    </row>
    <row r="37276" spans="8:8">
      <c r="H37276" s="12"/>
    </row>
    <row r="37277" spans="8:8">
      <c r="H37277" s="12"/>
    </row>
    <row r="37278" spans="8:8">
      <c r="H37278" s="12"/>
    </row>
    <row r="37279" spans="8:8">
      <c r="H37279" s="12"/>
    </row>
    <row r="37280" spans="8:8">
      <c r="H37280" s="12"/>
    </row>
    <row r="37281" spans="8:8">
      <c r="H37281" s="12"/>
    </row>
    <row r="37282" spans="8:8">
      <c r="H37282" s="12"/>
    </row>
    <row r="37283" spans="8:8">
      <c r="H37283" s="12"/>
    </row>
    <row r="37284" spans="8:8">
      <c r="H37284" s="12"/>
    </row>
    <row r="37285" spans="8:8">
      <c r="H37285" s="12"/>
    </row>
    <row r="37286" spans="8:8">
      <c r="H37286" s="12"/>
    </row>
    <row r="37287" spans="8:8">
      <c r="H37287" s="12"/>
    </row>
    <row r="37288" spans="8:8">
      <c r="H37288" s="12"/>
    </row>
    <row r="37289" spans="8:8">
      <c r="H37289" s="12"/>
    </row>
    <row r="37290" spans="8:8">
      <c r="H37290" s="12"/>
    </row>
    <row r="37291" spans="8:8">
      <c r="H37291" s="12"/>
    </row>
    <row r="37292" spans="8:8">
      <c r="H37292" s="12"/>
    </row>
    <row r="37293" spans="8:8">
      <c r="H37293" s="12"/>
    </row>
    <row r="37294" spans="8:8">
      <c r="H37294" s="12"/>
    </row>
    <row r="37295" spans="8:8">
      <c r="H37295" s="12"/>
    </row>
    <row r="37296" spans="8:8">
      <c r="H37296" s="12"/>
    </row>
    <row r="37297" spans="8:8">
      <c r="H37297" s="12"/>
    </row>
    <row r="37298" spans="8:8">
      <c r="H37298" s="12"/>
    </row>
    <row r="37299" spans="8:8">
      <c r="H37299" s="12"/>
    </row>
    <row r="37300" spans="8:8">
      <c r="H37300" s="12"/>
    </row>
    <row r="37301" spans="8:8">
      <c r="H37301" s="12"/>
    </row>
    <row r="37302" spans="8:8">
      <c r="H37302" s="12"/>
    </row>
    <row r="37303" spans="8:8">
      <c r="H37303" s="12"/>
    </row>
    <row r="37304" spans="8:8">
      <c r="H37304" s="12"/>
    </row>
    <row r="37305" spans="8:8">
      <c r="H37305" s="12"/>
    </row>
    <row r="37306" spans="8:8">
      <c r="H37306" s="12"/>
    </row>
    <row r="37307" spans="8:8">
      <c r="H37307" s="12"/>
    </row>
    <row r="37308" spans="8:8">
      <c r="H37308" s="12"/>
    </row>
    <row r="37309" spans="8:8">
      <c r="H37309" s="12"/>
    </row>
    <row r="37310" spans="8:8">
      <c r="H37310" s="12"/>
    </row>
    <row r="37311" spans="8:8">
      <c r="H37311" s="12"/>
    </row>
    <row r="37312" spans="8:8">
      <c r="H37312" s="12"/>
    </row>
    <row r="37313" spans="8:8">
      <c r="H37313" s="12"/>
    </row>
    <row r="37314" spans="8:8">
      <c r="H37314" s="12"/>
    </row>
    <row r="37315" spans="8:8">
      <c r="H37315" s="12"/>
    </row>
    <row r="37316" spans="8:8">
      <c r="H37316" s="12"/>
    </row>
    <row r="37317" spans="8:8">
      <c r="H37317" s="12"/>
    </row>
    <row r="37318" spans="8:8">
      <c r="H37318" s="12"/>
    </row>
    <row r="37319" spans="8:8">
      <c r="H37319" s="12"/>
    </row>
    <row r="37320" spans="8:8">
      <c r="H37320" s="12"/>
    </row>
    <row r="37321" spans="8:8">
      <c r="H37321" s="12"/>
    </row>
    <row r="37322" spans="8:8">
      <c r="H37322" s="12"/>
    </row>
    <row r="37323" spans="8:8">
      <c r="H37323" s="12"/>
    </row>
    <row r="37324" spans="8:8">
      <c r="H37324" s="12"/>
    </row>
    <row r="37325" spans="8:8">
      <c r="H37325" s="12"/>
    </row>
    <row r="37326" spans="8:8">
      <c r="H37326" s="12"/>
    </row>
    <row r="37327" spans="8:8">
      <c r="H37327" s="12"/>
    </row>
    <row r="37328" spans="8:8">
      <c r="H37328" s="12"/>
    </row>
    <row r="37329" spans="8:8">
      <c r="H37329" s="12"/>
    </row>
    <row r="37330" spans="8:8">
      <c r="H37330" s="12"/>
    </row>
    <row r="37331" spans="8:8">
      <c r="H37331" s="12"/>
    </row>
    <row r="37332" spans="8:8">
      <c r="H37332" s="12"/>
    </row>
    <row r="37333" spans="8:8">
      <c r="H37333" s="12"/>
    </row>
    <row r="37334" spans="8:8">
      <c r="H37334" s="12"/>
    </row>
    <row r="37335" spans="8:8">
      <c r="H37335" s="12"/>
    </row>
    <row r="37336" spans="8:8">
      <c r="H37336" s="12"/>
    </row>
    <row r="37337" spans="8:8">
      <c r="H37337" s="12"/>
    </row>
    <row r="37338" spans="8:8">
      <c r="H37338" s="12"/>
    </row>
    <row r="37339" spans="8:8">
      <c r="H37339" s="12"/>
    </row>
    <row r="37340" spans="8:8">
      <c r="H37340" s="12"/>
    </row>
    <row r="37341" spans="8:8">
      <c r="H37341" s="12"/>
    </row>
    <row r="37342" spans="8:8">
      <c r="H37342" s="12"/>
    </row>
    <row r="37343" spans="8:8">
      <c r="H37343" s="12"/>
    </row>
    <row r="37344" spans="8:8">
      <c r="H37344" s="12"/>
    </row>
    <row r="37345" spans="8:8">
      <c r="H37345" s="12"/>
    </row>
    <row r="37346" spans="8:8">
      <c r="H37346" s="12"/>
    </row>
    <row r="37347" spans="8:8">
      <c r="H37347" s="12"/>
    </row>
    <row r="37348" spans="8:8">
      <c r="H37348" s="12"/>
    </row>
    <row r="37349" spans="8:8">
      <c r="H37349" s="12"/>
    </row>
    <row r="37350" spans="8:8">
      <c r="H37350" s="12"/>
    </row>
    <row r="37351" spans="8:8">
      <c r="H37351" s="12"/>
    </row>
    <row r="37352" spans="8:8">
      <c r="H37352" s="12"/>
    </row>
    <row r="37353" spans="8:8">
      <c r="H37353" s="12"/>
    </row>
    <row r="37354" spans="8:8">
      <c r="H37354" s="12"/>
    </row>
    <row r="37355" spans="8:8">
      <c r="H37355" s="12"/>
    </row>
    <row r="37356" spans="8:8">
      <c r="H37356" s="12"/>
    </row>
    <row r="37357" spans="8:8">
      <c r="H37357" s="12"/>
    </row>
    <row r="37358" spans="8:8">
      <c r="H37358" s="12"/>
    </row>
    <row r="37359" spans="8:8">
      <c r="H37359" s="12"/>
    </row>
    <row r="37360" spans="8:8">
      <c r="H37360" s="12"/>
    </row>
    <row r="37361" spans="8:8">
      <c r="H37361" s="12"/>
    </row>
    <row r="37362" spans="8:8">
      <c r="H37362" s="12"/>
    </row>
    <row r="37363" spans="8:8">
      <c r="H37363" s="12"/>
    </row>
    <row r="37364" spans="8:8">
      <c r="H37364" s="12"/>
    </row>
    <row r="37365" spans="8:8">
      <c r="H37365" s="12"/>
    </row>
    <row r="37366" spans="8:8">
      <c r="H37366" s="12"/>
    </row>
    <row r="37367" spans="8:8">
      <c r="H37367" s="12"/>
    </row>
    <row r="37368" spans="8:8">
      <c r="H37368" s="12"/>
    </row>
    <row r="37369" spans="8:8">
      <c r="H37369" s="12"/>
    </row>
    <row r="37370" spans="8:8">
      <c r="H37370" s="12"/>
    </row>
    <row r="37371" spans="8:8">
      <c r="H37371" s="12"/>
    </row>
    <row r="37372" spans="8:8">
      <c r="H37372" s="12"/>
    </row>
    <row r="37373" spans="8:8">
      <c r="H37373" s="12"/>
    </row>
    <row r="37374" spans="8:8">
      <c r="H37374" s="12"/>
    </row>
    <row r="37375" spans="8:8">
      <c r="H37375" s="12"/>
    </row>
    <row r="37376" spans="8:8">
      <c r="H37376" s="12"/>
    </row>
    <row r="37377" spans="8:8">
      <c r="H37377" s="12"/>
    </row>
    <row r="37378" spans="8:8">
      <c r="H37378" s="12"/>
    </row>
    <row r="37379" spans="8:8">
      <c r="H37379" s="12"/>
    </row>
    <row r="37380" spans="8:8">
      <c r="H37380" s="12"/>
    </row>
    <row r="37381" spans="8:8">
      <c r="H37381" s="12"/>
    </row>
    <row r="37382" spans="8:8">
      <c r="H37382" s="12"/>
    </row>
    <row r="37383" spans="8:8">
      <c r="H37383" s="12"/>
    </row>
    <row r="37384" spans="8:8">
      <c r="H37384" s="12"/>
    </row>
    <row r="37385" spans="8:8">
      <c r="H37385" s="12"/>
    </row>
    <row r="37386" spans="8:8">
      <c r="H37386" s="12"/>
    </row>
    <row r="37387" spans="8:8">
      <c r="H37387" s="12"/>
    </row>
    <row r="37388" spans="8:8">
      <c r="H37388" s="12"/>
    </row>
    <row r="37389" spans="8:8">
      <c r="H37389" s="12"/>
    </row>
    <row r="37390" spans="8:8">
      <c r="H37390" s="12"/>
    </row>
    <row r="37391" spans="8:8">
      <c r="H37391" s="12"/>
    </row>
    <row r="37392" spans="8:8">
      <c r="H37392" s="12"/>
    </row>
    <row r="37393" spans="8:8">
      <c r="H37393" s="12"/>
    </row>
    <row r="37394" spans="8:8">
      <c r="H37394" s="12"/>
    </row>
    <row r="37395" spans="8:8">
      <c r="H37395" s="12"/>
    </row>
    <row r="37396" spans="8:8">
      <c r="H37396" s="12"/>
    </row>
    <row r="37397" spans="8:8">
      <c r="H37397" s="12"/>
    </row>
    <row r="37398" spans="8:8">
      <c r="H37398" s="12"/>
    </row>
    <row r="37399" spans="8:8">
      <c r="H37399" s="12"/>
    </row>
    <row r="37400" spans="8:8">
      <c r="H37400" s="12"/>
    </row>
    <row r="37401" spans="8:8">
      <c r="H37401" s="12"/>
    </row>
    <row r="37402" spans="8:8">
      <c r="H37402" s="12"/>
    </row>
    <row r="37403" spans="8:8">
      <c r="H37403" s="12"/>
    </row>
    <row r="37404" spans="8:8">
      <c r="H37404" s="12"/>
    </row>
    <row r="37405" spans="8:8">
      <c r="H37405" s="12"/>
    </row>
    <row r="37406" spans="8:8">
      <c r="H37406" s="12"/>
    </row>
    <row r="37407" spans="8:8">
      <c r="H37407" s="12"/>
    </row>
    <row r="37408" spans="8:8">
      <c r="H37408" s="12"/>
    </row>
    <row r="37409" spans="8:8">
      <c r="H37409" s="12"/>
    </row>
    <row r="37410" spans="8:8">
      <c r="H37410" s="12"/>
    </row>
    <row r="37411" spans="8:8">
      <c r="H37411" s="12"/>
    </row>
    <row r="37412" spans="8:8">
      <c r="H37412" s="12"/>
    </row>
    <row r="37413" spans="8:8">
      <c r="H37413" s="12"/>
    </row>
    <row r="37414" spans="8:8">
      <c r="H37414" s="12"/>
    </row>
    <row r="37415" spans="8:8">
      <c r="H37415" s="12"/>
    </row>
    <row r="37416" spans="8:8">
      <c r="H37416" s="12"/>
    </row>
    <row r="37417" spans="8:8">
      <c r="H37417" s="12"/>
    </row>
    <row r="37418" spans="8:8">
      <c r="H37418" s="12"/>
    </row>
    <row r="37419" spans="8:8">
      <c r="H37419" s="12"/>
    </row>
    <row r="37420" spans="8:8">
      <c r="H37420" s="12"/>
    </row>
    <row r="37421" spans="8:8">
      <c r="H37421" s="12"/>
    </row>
    <row r="37422" spans="8:8">
      <c r="H37422" s="12"/>
    </row>
    <row r="37423" spans="8:8">
      <c r="H37423" s="12"/>
    </row>
    <row r="37424" spans="8:8">
      <c r="H37424" s="12"/>
    </row>
    <row r="37425" spans="8:8">
      <c r="H37425" s="12"/>
    </row>
    <row r="37426" spans="8:8">
      <c r="H37426" s="12"/>
    </row>
    <row r="37427" spans="8:8">
      <c r="H37427" s="12"/>
    </row>
    <row r="37428" spans="8:8">
      <c r="H37428" s="12"/>
    </row>
    <row r="37429" spans="8:8">
      <c r="H37429" s="12"/>
    </row>
    <row r="37430" spans="8:8">
      <c r="H37430" s="12"/>
    </row>
    <row r="37431" spans="8:8">
      <c r="H37431" s="12"/>
    </row>
    <row r="37432" spans="8:8">
      <c r="H37432" s="12"/>
    </row>
    <row r="37433" spans="8:8">
      <c r="H37433" s="12"/>
    </row>
    <row r="37434" spans="8:8">
      <c r="H37434" s="12"/>
    </row>
    <row r="37435" spans="8:8">
      <c r="H37435" s="12"/>
    </row>
    <row r="37436" spans="8:8">
      <c r="H37436" s="12"/>
    </row>
    <row r="37437" spans="8:8">
      <c r="H37437" s="12"/>
    </row>
    <row r="37438" spans="8:8">
      <c r="H37438" s="12"/>
    </row>
    <row r="37439" spans="8:8">
      <c r="H37439" s="12"/>
    </row>
    <row r="37440" spans="8:8">
      <c r="H37440" s="12"/>
    </row>
    <row r="37441" spans="8:8">
      <c r="H37441" s="12"/>
    </row>
    <row r="37442" spans="8:8">
      <c r="H37442" s="12"/>
    </row>
    <row r="37443" spans="8:8">
      <c r="H37443" s="12"/>
    </row>
    <row r="37444" spans="8:8">
      <c r="H37444" s="12"/>
    </row>
    <row r="37445" spans="8:8">
      <c r="H37445" s="12"/>
    </row>
    <row r="37446" spans="8:8">
      <c r="H37446" s="12"/>
    </row>
    <row r="37447" spans="8:8">
      <c r="H37447" s="12"/>
    </row>
    <row r="37448" spans="8:8">
      <c r="H37448" s="12"/>
    </row>
    <row r="37449" spans="8:8">
      <c r="H37449" s="12"/>
    </row>
    <row r="37450" spans="8:8">
      <c r="H37450" s="12"/>
    </row>
    <row r="37451" spans="8:8">
      <c r="H37451" s="12"/>
    </row>
    <row r="37452" spans="8:8">
      <c r="H37452" s="12"/>
    </row>
    <row r="37453" spans="8:8">
      <c r="H37453" s="12"/>
    </row>
    <row r="37454" spans="8:8">
      <c r="H37454" s="12"/>
    </row>
    <row r="37455" spans="8:8">
      <c r="H37455" s="12"/>
    </row>
    <row r="37456" spans="8:8">
      <c r="H37456" s="12"/>
    </row>
    <row r="37457" spans="8:8">
      <c r="H37457" s="12"/>
    </row>
    <row r="37458" spans="8:8">
      <c r="H37458" s="12"/>
    </row>
    <row r="37459" spans="8:8">
      <c r="H37459" s="12"/>
    </row>
    <row r="37460" spans="8:8">
      <c r="H37460" s="12"/>
    </row>
    <row r="37461" spans="8:8">
      <c r="H37461" s="12"/>
    </row>
    <row r="37462" spans="8:8">
      <c r="H37462" s="12"/>
    </row>
    <row r="37463" spans="8:8">
      <c r="H37463" s="12"/>
    </row>
    <row r="37464" spans="8:8">
      <c r="H37464" s="12"/>
    </row>
    <row r="37465" spans="8:8">
      <c r="H37465" s="12"/>
    </row>
    <row r="37466" spans="8:8">
      <c r="H37466" s="12"/>
    </row>
    <row r="37467" spans="8:8">
      <c r="H37467" s="12"/>
    </row>
    <row r="37468" spans="8:8">
      <c r="H37468" s="12"/>
    </row>
    <row r="37469" spans="8:8">
      <c r="H37469" s="12"/>
    </row>
    <row r="37470" spans="8:8">
      <c r="H37470" s="12"/>
    </row>
    <row r="37471" spans="8:8">
      <c r="H37471" s="12"/>
    </row>
    <row r="37472" spans="8:8">
      <c r="H37472" s="12"/>
    </row>
    <row r="37473" spans="8:8">
      <c r="H37473" s="12"/>
    </row>
    <row r="37474" spans="8:8">
      <c r="H37474" s="12"/>
    </row>
    <row r="37475" spans="8:8">
      <c r="H37475" s="12"/>
    </row>
    <row r="37476" spans="8:8">
      <c r="H37476" s="12"/>
    </row>
    <row r="37477" spans="8:8">
      <c r="H37477" s="12"/>
    </row>
    <row r="37478" spans="8:8">
      <c r="H37478" s="12"/>
    </row>
    <row r="37479" spans="8:8">
      <c r="H37479" s="12"/>
    </row>
    <row r="37480" spans="8:8">
      <c r="H37480" s="12"/>
    </row>
    <row r="37481" spans="8:8">
      <c r="H37481" s="12"/>
    </row>
    <row r="37482" spans="8:8">
      <c r="H37482" s="12"/>
    </row>
    <row r="37483" spans="8:8">
      <c r="H37483" s="12"/>
    </row>
    <row r="37484" spans="8:8">
      <c r="H37484" s="12"/>
    </row>
    <row r="37485" spans="8:8">
      <c r="H37485" s="12"/>
    </row>
    <row r="37486" spans="8:8">
      <c r="H37486" s="12"/>
    </row>
    <row r="37487" spans="8:8">
      <c r="H37487" s="12"/>
    </row>
    <row r="37488" spans="8:8">
      <c r="H37488" s="12"/>
    </row>
    <row r="37489" spans="8:8">
      <c r="H37489" s="12"/>
    </row>
    <row r="37490" spans="8:8">
      <c r="H37490" s="12"/>
    </row>
    <row r="37491" spans="8:8">
      <c r="H37491" s="12"/>
    </row>
    <row r="37492" spans="8:8">
      <c r="H37492" s="12"/>
    </row>
    <row r="37493" spans="8:8">
      <c r="H37493" s="12"/>
    </row>
    <row r="37494" spans="8:8">
      <c r="H37494" s="12"/>
    </row>
    <row r="37495" spans="8:8">
      <c r="H37495" s="12"/>
    </row>
    <row r="37496" spans="8:8">
      <c r="H37496" s="12"/>
    </row>
    <row r="37497" spans="8:8">
      <c r="H37497" s="12"/>
    </row>
    <row r="37498" spans="8:8">
      <c r="H37498" s="12"/>
    </row>
    <row r="37499" spans="8:8">
      <c r="H37499" s="12"/>
    </row>
    <row r="37500" spans="8:8">
      <c r="H37500" s="12"/>
    </row>
    <row r="37501" spans="8:8">
      <c r="H37501" s="12"/>
    </row>
    <row r="37502" spans="8:8">
      <c r="H37502" s="12"/>
    </row>
    <row r="37503" spans="8:8">
      <c r="H37503" s="12"/>
    </row>
    <row r="37504" spans="8:8">
      <c r="H37504" s="12"/>
    </row>
    <row r="37505" spans="8:8">
      <c r="H37505" s="12"/>
    </row>
    <row r="37506" spans="8:8">
      <c r="H37506" s="12"/>
    </row>
    <row r="37507" spans="8:8">
      <c r="H37507" s="12"/>
    </row>
    <row r="37508" spans="8:8">
      <c r="H37508" s="12"/>
    </row>
    <row r="37509" spans="8:8">
      <c r="H37509" s="12"/>
    </row>
    <row r="37510" spans="8:8">
      <c r="H37510" s="12"/>
    </row>
    <row r="37511" spans="8:8">
      <c r="H37511" s="12"/>
    </row>
    <row r="37512" spans="8:8">
      <c r="H37512" s="12"/>
    </row>
    <row r="37513" spans="8:8">
      <c r="H37513" s="12"/>
    </row>
    <row r="37514" spans="8:8">
      <c r="H37514" s="12"/>
    </row>
    <row r="37515" spans="8:8">
      <c r="H37515" s="12"/>
    </row>
    <row r="37516" spans="8:8">
      <c r="H37516" s="12"/>
    </row>
    <row r="37517" spans="8:8">
      <c r="H37517" s="12"/>
    </row>
    <row r="37518" spans="8:8">
      <c r="H37518" s="12"/>
    </row>
    <row r="37519" spans="8:8">
      <c r="H37519" s="12"/>
    </row>
    <row r="37520" spans="8:8">
      <c r="H37520" s="12"/>
    </row>
    <row r="37521" spans="8:8">
      <c r="H37521" s="12"/>
    </row>
    <row r="37522" spans="8:8">
      <c r="H37522" s="12"/>
    </row>
    <row r="37523" spans="8:8">
      <c r="H37523" s="12"/>
    </row>
    <row r="37524" spans="8:8">
      <c r="H37524" s="12"/>
    </row>
    <row r="37525" spans="8:8">
      <c r="H37525" s="12"/>
    </row>
    <row r="37526" spans="8:8">
      <c r="H37526" s="12"/>
    </row>
    <row r="37527" spans="8:8">
      <c r="H37527" s="12"/>
    </row>
    <row r="37528" spans="8:8">
      <c r="H37528" s="12"/>
    </row>
    <row r="37529" spans="8:8">
      <c r="H37529" s="12"/>
    </row>
    <row r="37530" spans="8:8">
      <c r="H37530" s="12"/>
    </row>
    <row r="37531" spans="8:8">
      <c r="H37531" s="12"/>
    </row>
    <row r="37532" spans="8:8">
      <c r="H37532" s="12"/>
    </row>
    <row r="37533" spans="8:8">
      <c r="H37533" s="12"/>
    </row>
    <row r="37534" spans="8:8">
      <c r="H37534" s="12"/>
    </row>
    <row r="37535" spans="8:8">
      <c r="H37535" s="12"/>
    </row>
    <row r="37536" spans="8:8">
      <c r="H37536" s="12"/>
    </row>
    <row r="37537" spans="8:8">
      <c r="H37537" s="12"/>
    </row>
    <row r="37538" spans="8:8">
      <c r="H37538" s="12"/>
    </row>
    <row r="37539" spans="8:8">
      <c r="H37539" s="12"/>
    </row>
    <row r="37540" spans="8:8">
      <c r="H37540" s="12"/>
    </row>
    <row r="37541" spans="8:8">
      <c r="H37541" s="12"/>
    </row>
    <row r="37542" spans="8:8">
      <c r="H37542" s="12"/>
    </row>
    <row r="37543" spans="8:8">
      <c r="H37543" s="12"/>
    </row>
    <row r="37544" spans="8:8">
      <c r="H37544" s="12"/>
    </row>
    <row r="37545" spans="8:8">
      <c r="H37545" s="12"/>
    </row>
    <row r="37546" spans="8:8">
      <c r="H37546" s="12"/>
    </row>
    <row r="37547" spans="8:8">
      <c r="H37547" s="12"/>
    </row>
    <row r="37548" spans="8:8">
      <c r="H37548" s="12"/>
    </row>
    <row r="37549" spans="8:8">
      <c r="H37549" s="12"/>
    </row>
    <row r="37550" spans="8:8">
      <c r="H37550" s="12"/>
    </row>
    <row r="37551" spans="8:8">
      <c r="H37551" s="12"/>
    </row>
    <row r="37552" spans="8:8">
      <c r="H37552" s="12"/>
    </row>
    <row r="37553" spans="8:8">
      <c r="H37553" s="12"/>
    </row>
    <row r="37554" spans="8:8">
      <c r="H37554" s="12"/>
    </row>
    <row r="37555" spans="8:8">
      <c r="H37555" s="12"/>
    </row>
    <row r="37556" spans="8:8">
      <c r="H37556" s="12"/>
    </row>
    <row r="37557" spans="8:8">
      <c r="H37557" s="12"/>
    </row>
    <row r="37558" spans="8:8">
      <c r="H37558" s="12"/>
    </row>
    <row r="37559" spans="8:8">
      <c r="H37559" s="12"/>
    </row>
    <row r="37560" spans="8:8">
      <c r="H37560" s="12"/>
    </row>
    <row r="37561" spans="8:8">
      <c r="H37561" s="12"/>
    </row>
    <row r="37562" spans="8:8">
      <c r="H37562" s="12"/>
    </row>
    <row r="37563" spans="8:8">
      <c r="H37563" s="12"/>
    </row>
    <row r="37564" spans="8:8">
      <c r="H37564" s="12"/>
    </row>
    <row r="37565" spans="8:8">
      <c r="H37565" s="12"/>
    </row>
    <row r="37566" spans="8:8">
      <c r="H37566" s="12"/>
    </row>
    <row r="37567" spans="8:8">
      <c r="H37567" s="12"/>
    </row>
    <row r="37568" spans="8:8">
      <c r="H37568" s="12"/>
    </row>
    <row r="37569" spans="8:8">
      <c r="H37569" s="12"/>
    </row>
    <row r="37570" spans="8:8">
      <c r="H37570" s="12"/>
    </row>
    <row r="37571" spans="8:8">
      <c r="H37571" s="12"/>
    </row>
    <row r="37572" spans="8:8">
      <c r="H37572" s="12"/>
    </row>
    <row r="37573" spans="8:8">
      <c r="H37573" s="12"/>
    </row>
    <row r="37574" spans="8:8">
      <c r="H37574" s="12"/>
    </row>
    <row r="37575" spans="8:8">
      <c r="H37575" s="12"/>
    </row>
    <row r="37576" spans="8:8">
      <c r="H37576" s="12"/>
    </row>
    <row r="37577" spans="8:8">
      <c r="H37577" s="12"/>
    </row>
    <row r="37578" spans="8:8">
      <c r="H37578" s="12"/>
    </row>
    <row r="37579" spans="8:8">
      <c r="H37579" s="12"/>
    </row>
    <row r="37580" spans="8:8">
      <c r="H37580" s="12"/>
    </row>
    <row r="37581" spans="8:8">
      <c r="H37581" s="12"/>
    </row>
    <row r="37582" spans="8:8">
      <c r="H37582" s="12"/>
    </row>
    <row r="37583" spans="8:8">
      <c r="H37583" s="12"/>
    </row>
    <row r="37584" spans="8:8">
      <c r="H37584" s="12"/>
    </row>
    <row r="37585" spans="8:8">
      <c r="H37585" s="12"/>
    </row>
    <row r="37586" spans="8:8">
      <c r="H37586" s="12"/>
    </row>
    <row r="37587" spans="8:8">
      <c r="H37587" s="12"/>
    </row>
    <row r="37588" spans="8:8">
      <c r="H37588" s="12"/>
    </row>
    <row r="37589" spans="8:8">
      <c r="H37589" s="12"/>
    </row>
    <row r="37590" spans="8:8">
      <c r="H37590" s="12"/>
    </row>
    <row r="37591" spans="8:8">
      <c r="H37591" s="12"/>
    </row>
    <row r="37592" spans="8:8">
      <c r="H37592" s="12"/>
    </row>
    <row r="37593" spans="8:8">
      <c r="H37593" s="12"/>
    </row>
    <row r="37594" spans="8:8">
      <c r="H37594" s="12"/>
    </row>
    <row r="37595" spans="8:8">
      <c r="H37595" s="12"/>
    </row>
    <row r="37596" spans="8:8">
      <c r="H37596" s="12"/>
    </row>
    <row r="37597" spans="8:8">
      <c r="H37597" s="12"/>
    </row>
    <row r="37598" spans="8:8">
      <c r="H37598" s="12"/>
    </row>
    <row r="37599" spans="8:8">
      <c r="H37599" s="12"/>
    </row>
    <row r="37600" spans="8:8">
      <c r="H37600" s="12"/>
    </row>
    <row r="37601" spans="8:8">
      <c r="H37601" s="12"/>
    </row>
    <row r="37602" spans="8:8">
      <c r="H37602" s="12"/>
    </row>
    <row r="37603" spans="8:8">
      <c r="H37603" s="12"/>
    </row>
    <row r="37604" spans="8:8">
      <c r="H37604" s="12"/>
    </row>
    <row r="37605" spans="8:8">
      <c r="H37605" s="12"/>
    </row>
    <row r="37606" spans="8:8">
      <c r="H37606" s="12"/>
    </row>
    <row r="37607" spans="8:8">
      <c r="H37607" s="12"/>
    </row>
    <row r="37608" spans="8:8">
      <c r="H37608" s="12"/>
    </row>
    <row r="37609" spans="8:8">
      <c r="H37609" s="12"/>
    </row>
    <row r="37610" spans="8:8">
      <c r="H37610" s="12"/>
    </row>
    <row r="37611" spans="8:8">
      <c r="H37611" s="12"/>
    </row>
    <row r="37612" spans="8:8">
      <c r="H37612" s="12"/>
    </row>
    <row r="37613" spans="8:8">
      <c r="H37613" s="12"/>
    </row>
    <row r="37614" spans="8:8">
      <c r="H37614" s="12"/>
    </row>
    <row r="37615" spans="8:8">
      <c r="H37615" s="12"/>
    </row>
    <row r="37616" spans="8:8">
      <c r="H37616" s="12"/>
    </row>
    <row r="37617" spans="8:8">
      <c r="H37617" s="12"/>
    </row>
    <row r="37618" spans="8:8">
      <c r="H37618" s="12"/>
    </row>
    <row r="37619" spans="8:8">
      <c r="H37619" s="12"/>
    </row>
    <row r="37620" spans="8:8">
      <c r="H37620" s="12"/>
    </row>
    <row r="37621" spans="8:8">
      <c r="H37621" s="12"/>
    </row>
    <row r="37622" spans="8:8">
      <c r="H37622" s="12"/>
    </row>
    <row r="37623" spans="8:8">
      <c r="H37623" s="12"/>
    </row>
    <row r="37624" spans="8:8">
      <c r="H37624" s="12"/>
    </row>
    <row r="37625" spans="8:8">
      <c r="H37625" s="12"/>
    </row>
    <row r="37626" spans="8:8">
      <c r="H37626" s="12"/>
    </row>
    <row r="37627" spans="8:8">
      <c r="H37627" s="12"/>
    </row>
    <row r="37628" spans="8:8">
      <c r="H37628" s="12"/>
    </row>
    <row r="37629" spans="8:8">
      <c r="H37629" s="12"/>
    </row>
    <row r="37630" spans="8:8">
      <c r="H37630" s="12"/>
    </row>
    <row r="37631" spans="8:8">
      <c r="H37631" s="12"/>
    </row>
    <row r="37632" spans="8:8">
      <c r="H37632" s="12"/>
    </row>
    <row r="37633" spans="8:8">
      <c r="H37633" s="12"/>
    </row>
    <row r="37634" spans="8:8">
      <c r="H37634" s="12"/>
    </row>
    <row r="37635" spans="8:8">
      <c r="H37635" s="12"/>
    </row>
    <row r="37636" spans="8:8">
      <c r="H37636" s="12"/>
    </row>
    <row r="37637" spans="8:8">
      <c r="H37637" s="12"/>
    </row>
    <row r="37638" spans="8:8">
      <c r="H37638" s="12"/>
    </row>
    <row r="37639" spans="8:8">
      <c r="H37639" s="12"/>
    </row>
    <row r="37640" spans="8:8">
      <c r="H37640" s="12"/>
    </row>
    <row r="37641" spans="8:8">
      <c r="H37641" s="12"/>
    </row>
    <row r="37642" spans="8:8">
      <c r="H37642" s="12"/>
    </row>
    <row r="37643" spans="8:8">
      <c r="H37643" s="12"/>
    </row>
    <row r="37644" spans="8:8">
      <c r="H37644" s="12"/>
    </row>
    <row r="37645" spans="8:8">
      <c r="H37645" s="12"/>
    </row>
    <row r="37646" spans="8:8">
      <c r="H37646" s="12"/>
    </row>
    <row r="37647" spans="8:8">
      <c r="H37647" s="12"/>
    </row>
    <row r="37648" spans="8:8">
      <c r="H37648" s="12"/>
    </row>
    <row r="37649" spans="8:8">
      <c r="H37649" s="12"/>
    </row>
    <row r="37650" spans="8:8">
      <c r="H37650" s="12"/>
    </row>
    <row r="37651" spans="8:8">
      <c r="H37651" s="12"/>
    </row>
    <row r="37652" spans="8:8">
      <c r="H37652" s="12"/>
    </row>
    <row r="37653" spans="8:8">
      <c r="H37653" s="12"/>
    </row>
    <row r="37654" spans="8:8">
      <c r="H37654" s="12"/>
    </row>
    <row r="37655" spans="8:8">
      <c r="H37655" s="12"/>
    </row>
    <row r="37656" spans="8:8">
      <c r="H37656" s="12"/>
    </row>
    <row r="37657" spans="8:8">
      <c r="H37657" s="12"/>
    </row>
    <row r="37658" spans="8:8">
      <c r="H37658" s="12"/>
    </row>
    <row r="37659" spans="8:8">
      <c r="H37659" s="12"/>
    </row>
    <row r="37660" spans="8:8">
      <c r="H37660" s="12"/>
    </row>
    <row r="37661" spans="8:8">
      <c r="H37661" s="12"/>
    </row>
    <row r="37662" spans="8:8">
      <c r="H37662" s="12"/>
    </row>
    <row r="37663" spans="8:8">
      <c r="H37663" s="12"/>
    </row>
    <row r="37664" spans="8:8">
      <c r="H37664" s="12"/>
    </row>
    <row r="37665" spans="8:8">
      <c r="H37665" s="12"/>
    </row>
    <row r="37666" spans="8:8">
      <c r="H37666" s="12"/>
    </row>
    <row r="37667" spans="8:8">
      <c r="H37667" s="12"/>
    </row>
    <row r="37668" spans="8:8">
      <c r="H37668" s="12"/>
    </row>
    <row r="37669" spans="8:8">
      <c r="H37669" s="12"/>
    </row>
    <row r="37670" spans="8:8">
      <c r="H37670" s="12"/>
    </row>
    <row r="37671" spans="8:8">
      <c r="H37671" s="12"/>
    </row>
    <row r="37672" spans="8:8">
      <c r="H37672" s="12"/>
    </row>
    <row r="37673" spans="8:8">
      <c r="H37673" s="12"/>
    </row>
    <row r="37674" spans="8:8">
      <c r="H37674" s="12"/>
    </row>
    <row r="37675" spans="8:8">
      <c r="H37675" s="12"/>
    </row>
    <row r="37676" spans="8:8">
      <c r="H37676" s="12"/>
    </row>
    <row r="37677" spans="8:8">
      <c r="H37677" s="12"/>
    </row>
    <row r="37678" spans="8:8">
      <c r="H37678" s="12"/>
    </row>
    <row r="37679" spans="8:8">
      <c r="H37679" s="12"/>
    </row>
    <row r="37680" spans="8:8">
      <c r="H37680" s="12"/>
    </row>
    <row r="37681" spans="8:8">
      <c r="H37681" s="12"/>
    </row>
    <row r="37682" spans="8:8">
      <c r="H37682" s="12"/>
    </row>
    <row r="37683" spans="8:8">
      <c r="H37683" s="12"/>
    </row>
    <row r="37684" spans="8:8">
      <c r="H37684" s="12"/>
    </row>
    <row r="37685" spans="8:8">
      <c r="H37685" s="12"/>
    </row>
    <row r="37686" spans="8:8">
      <c r="H37686" s="12"/>
    </row>
    <row r="37687" spans="8:8">
      <c r="H37687" s="12"/>
    </row>
    <row r="37688" spans="8:8">
      <c r="H37688" s="12"/>
    </row>
    <row r="37689" spans="8:8">
      <c r="H37689" s="12"/>
    </row>
    <row r="37690" spans="8:8">
      <c r="H37690" s="12"/>
    </row>
    <row r="37691" spans="8:8">
      <c r="H37691" s="12"/>
    </row>
    <row r="37692" spans="8:8">
      <c r="H37692" s="12"/>
    </row>
    <row r="37693" spans="8:8">
      <c r="H37693" s="12"/>
    </row>
    <row r="37694" spans="8:8">
      <c r="H37694" s="12"/>
    </row>
    <row r="37695" spans="8:8">
      <c r="H37695" s="12"/>
    </row>
    <row r="37696" spans="8:8">
      <c r="H37696" s="12"/>
    </row>
    <row r="37697" spans="8:8">
      <c r="H37697" s="12"/>
    </row>
    <row r="37698" spans="8:8">
      <c r="H37698" s="12"/>
    </row>
    <row r="37699" spans="8:8">
      <c r="H37699" s="12"/>
    </row>
    <row r="37700" spans="8:8">
      <c r="H37700" s="12"/>
    </row>
    <row r="37701" spans="8:8">
      <c r="H37701" s="12"/>
    </row>
    <row r="37702" spans="8:8">
      <c r="H37702" s="12"/>
    </row>
    <row r="37703" spans="8:8">
      <c r="H37703" s="12"/>
    </row>
    <row r="37704" spans="8:8">
      <c r="H37704" s="12"/>
    </row>
    <row r="37705" spans="8:8">
      <c r="H37705" s="12"/>
    </row>
    <row r="37706" spans="8:8">
      <c r="H37706" s="12"/>
    </row>
    <row r="37707" spans="8:8">
      <c r="H37707" s="12"/>
    </row>
    <row r="37708" spans="8:8">
      <c r="H37708" s="12"/>
    </row>
    <row r="37709" spans="8:8">
      <c r="H37709" s="12"/>
    </row>
    <row r="37710" spans="8:8">
      <c r="H37710" s="12"/>
    </row>
    <row r="37711" spans="8:8">
      <c r="H37711" s="12"/>
    </row>
    <row r="37712" spans="8:8">
      <c r="H37712" s="12"/>
    </row>
    <row r="37713" spans="8:8">
      <c r="H37713" s="12"/>
    </row>
    <row r="37714" spans="8:8">
      <c r="H37714" s="12"/>
    </row>
    <row r="37715" spans="8:8">
      <c r="H37715" s="12"/>
    </row>
    <row r="37716" spans="8:8">
      <c r="H37716" s="12"/>
    </row>
    <row r="37717" spans="8:8">
      <c r="H37717" s="12"/>
    </row>
    <row r="37718" spans="8:8">
      <c r="H37718" s="12"/>
    </row>
    <row r="37719" spans="8:8">
      <c r="H37719" s="12"/>
    </row>
    <row r="37720" spans="8:8">
      <c r="H37720" s="12"/>
    </row>
    <row r="37721" spans="8:8">
      <c r="H37721" s="12"/>
    </row>
    <row r="37722" spans="8:8">
      <c r="H37722" s="12"/>
    </row>
    <row r="37723" spans="8:8">
      <c r="H37723" s="12"/>
    </row>
    <row r="37724" spans="8:8">
      <c r="H37724" s="12"/>
    </row>
    <row r="37725" spans="8:8">
      <c r="H37725" s="12"/>
    </row>
    <row r="37726" spans="8:8">
      <c r="H37726" s="12"/>
    </row>
    <row r="37727" spans="8:8">
      <c r="H37727" s="12"/>
    </row>
    <row r="37728" spans="8:8">
      <c r="H37728" s="12"/>
    </row>
    <row r="37729" spans="8:8">
      <c r="H37729" s="12"/>
    </row>
    <row r="37730" spans="8:8">
      <c r="H37730" s="12"/>
    </row>
    <row r="37731" spans="8:8">
      <c r="H37731" s="12"/>
    </row>
    <row r="37732" spans="8:8">
      <c r="H37732" s="12"/>
    </row>
    <row r="37733" spans="8:8">
      <c r="H37733" s="12"/>
    </row>
    <row r="37734" spans="8:8">
      <c r="H37734" s="12"/>
    </row>
    <row r="37735" spans="8:8">
      <c r="H37735" s="12"/>
    </row>
    <row r="37736" spans="8:8">
      <c r="H37736" s="12"/>
    </row>
    <row r="37737" spans="8:8">
      <c r="H37737" s="12"/>
    </row>
    <row r="37738" spans="8:8">
      <c r="H37738" s="12"/>
    </row>
    <row r="37739" spans="8:8">
      <c r="H37739" s="12"/>
    </row>
    <row r="37740" spans="8:8">
      <c r="H37740" s="12"/>
    </row>
    <row r="37741" spans="8:8">
      <c r="H37741" s="12"/>
    </row>
    <row r="37742" spans="8:8">
      <c r="H37742" s="12"/>
    </row>
    <row r="37743" spans="8:8">
      <c r="H37743" s="12"/>
    </row>
    <row r="37744" spans="8:8">
      <c r="H37744" s="12"/>
    </row>
    <row r="37745" spans="8:8">
      <c r="H37745" s="12"/>
    </row>
    <row r="37746" spans="8:8">
      <c r="H37746" s="12"/>
    </row>
    <row r="37747" spans="8:8">
      <c r="H37747" s="12"/>
    </row>
    <row r="37748" spans="8:8">
      <c r="H37748" s="12"/>
    </row>
    <row r="37749" spans="8:8">
      <c r="H37749" s="12"/>
    </row>
    <row r="37750" spans="8:8">
      <c r="H37750" s="12"/>
    </row>
    <row r="37751" spans="8:8">
      <c r="H37751" s="12"/>
    </row>
    <row r="37752" spans="8:8">
      <c r="H37752" s="12"/>
    </row>
    <row r="37753" spans="8:8">
      <c r="H37753" s="12"/>
    </row>
    <row r="37754" spans="8:8">
      <c r="H37754" s="12"/>
    </row>
    <row r="37755" spans="8:8">
      <c r="H37755" s="12"/>
    </row>
    <row r="37756" spans="8:8">
      <c r="H37756" s="12"/>
    </row>
    <row r="37757" spans="8:8">
      <c r="H37757" s="12"/>
    </row>
    <row r="37758" spans="8:8">
      <c r="H37758" s="12"/>
    </row>
    <row r="37759" spans="8:8">
      <c r="H37759" s="12"/>
    </row>
    <row r="37760" spans="8:8">
      <c r="H37760" s="12"/>
    </row>
    <row r="37761" spans="8:8">
      <c r="H37761" s="12"/>
    </row>
    <row r="37762" spans="8:8">
      <c r="H37762" s="12"/>
    </row>
    <row r="37763" spans="8:8">
      <c r="H37763" s="12"/>
    </row>
    <row r="37764" spans="8:8">
      <c r="H37764" s="12"/>
    </row>
    <row r="37765" spans="8:8">
      <c r="H37765" s="12"/>
    </row>
    <row r="37766" spans="8:8">
      <c r="H37766" s="12"/>
    </row>
    <row r="37767" spans="8:8">
      <c r="H37767" s="12"/>
    </row>
    <row r="37768" spans="8:8">
      <c r="H37768" s="12"/>
    </row>
    <row r="37769" spans="8:8">
      <c r="H37769" s="12"/>
    </row>
    <row r="37770" spans="8:8">
      <c r="H37770" s="12"/>
    </row>
    <row r="37771" spans="8:8">
      <c r="H37771" s="12"/>
    </row>
    <row r="37772" spans="8:8">
      <c r="H37772" s="12"/>
    </row>
    <row r="37773" spans="8:8">
      <c r="H37773" s="12"/>
    </row>
    <row r="37774" spans="8:8">
      <c r="H37774" s="12"/>
    </row>
    <row r="37775" spans="8:8">
      <c r="H37775" s="12"/>
    </row>
    <row r="37776" spans="8:8">
      <c r="H37776" s="12"/>
    </row>
    <row r="37777" spans="8:8">
      <c r="H37777" s="12"/>
    </row>
    <row r="37778" spans="8:8">
      <c r="H37778" s="12"/>
    </row>
    <row r="37779" spans="8:8">
      <c r="H37779" s="12"/>
    </row>
    <row r="37780" spans="8:8">
      <c r="H37780" s="12"/>
    </row>
    <row r="37781" spans="8:8">
      <c r="H37781" s="12"/>
    </row>
    <row r="37782" spans="8:8">
      <c r="H37782" s="12"/>
    </row>
    <row r="37783" spans="8:8">
      <c r="H37783" s="12"/>
    </row>
    <row r="37784" spans="8:8">
      <c r="H37784" s="12"/>
    </row>
    <row r="37785" spans="8:8">
      <c r="H37785" s="12"/>
    </row>
    <row r="37786" spans="8:8">
      <c r="H37786" s="12"/>
    </row>
    <row r="37787" spans="8:8">
      <c r="H37787" s="12"/>
    </row>
    <row r="37788" spans="8:8">
      <c r="H37788" s="12"/>
    </row>
    <row r="37789" spans="8:8">
      <c r="H37789" s="12"/>
    </row>
    <row r="37790" spans="8:8">
      <c r="H37790" s="12"/>
    </row>
    <row r="37791" spans="8:8">
      <c r="H37791" s="12"/>
    </row>
    <row r="37792" spans="8:8">
      <c r="H37792" s="12"/>
    </row>
    <row r="37793" spans="8:8">
      <c r="H37793" s="12"/>
    </row>
    <row r="37794" spans="8:8">
      <c r="H37794" s="12"/>
    </row>
    <row r="37795" spans="8:8">
      <c r="H37795" s="12"/>
    </row>
    <row r="37796" spans="8:8">
      <c r="H37796" s="12"/>
    </row>
    <row r="37797" spans="8:8">
      <c r="H37797" s="12"/>
    </row>
    <row r="37798" spans="8:8">
      <c r="H37798" s="12"/>
    </row>
    <row r="37799" spans="8:8">
      <c r="H37799" s="12"/>
    </row>
    <row r="37800" spans="8:8">
      <c r="H37800" s="12"/>
    </row>
    <row r="37801" spans="8:8">
      <c r="H37801" s="12"/>
    </row>
    <row r="37802" spans="8:8">
      <c r="H37802" s="12"/>
    </row>
    <row r="37803" spans="8:8">
      <c r="H37803" s="12"/>
    </row>
    <row r="37804" spans="8:8">
      <c r="H37804" s="12"/>
    </row>
    <row r="37805" spans="8:8">
      <c r="H37805" s="12"/>
    </row>
    <row r="37806" spans="8:8">
      <c r="H37806" s="12"/>
    </row>
    <row r="37807" spans="8:8">
      <c r="H37807" s="12"/>
    </row>
    <row r="37808" spans="8:8">
      <c r="H37808" s="12"/>
    </row>
    <row r="37809" spans="8:8">
      <c r="H37809" s="12"/>
    </row>
    <row r="37810" spans="8:8">
      <c r="H37810" s="12"/>
    </row>
    <row r="37811" spans="8:8">
      <c r="H37811" s="12"/>
    </row>
    <row r="37812" spans="8:8">
      <c r="H37812" s="12"/>
    </row>
    <row r="37813" spans="8:8">
      <c r="H37813" s="12"/>
    </row>
    <row r="37814" spans="8:8">
      <c r="H37814" s="12"/>
    </row>
    <row r="37815" spans="8:8">
      <c r="H37815" s="12"/>
    </row>
    <row r="37816" spans="8:8">
      <c r="H37816" s="12"/>
    </row>
    <row r="37817" spans="8:8">
      <c r="H37817" s="12"/>
    </row>
    <row r="37818" spans="8:8">
      <c r="H37818" s="12"/>
    </row>
    <row r="37819" spans="8:8">
      <c r="H37819" s="12"/>
    </row>
    <row r="37820" spans="8:8">
      <c r="H37820" s="12"/>
    </row>
    <row r="37821" spans="8:8">
      <c r="H37821" s="12"/>
    </row>
    <row r="37822" spans="8:8">
      <c r="H37822" s="12"/>
    </row>
    <row r="37823" spans="8:8">
      <c r="H37823" s="12"/>
    </row>
    <row r="37824" spans="8:8">
      <c r="H37824" s="12"/>
    </row>
    <row r="37825" spans="8:8">
      <c r="H37825" s="12"/>
    </row>
    <row r="37826" spans="8:8">
      <c r="H37826" s="12"/>
    </row>
    <row r="37827" spans="8:8">
      <c r="H37827" s="12"/>
    </row>
    <row r="37828" spans="8:8">
      <c r="H37828" s="12"/>
    </row>
    <row r="37829" spans="8:8">
      <c r="H37829" s="12"/>
    </row>
    <row r="37830" spans="8:8">
      <c r="H37830" s="12"/>
    </row>
    <row r="37831" spans="8:8">
      <c r="H37831" s="12"/>
    </row>
    <row r="37832" spans="8:8">
      <c r="H37832" s="12"/>
    </row>
    <row r="37833" spans="8:8">
      <c r="H37833" s="12"/>
    </row>
    <row r="37834" spans="8:8">
      <c r="H37834" s="12"/>
    </row>
    <row r="37835" spans="8:8">
      <c r="H37835" s="12"/>
    </row>
    <row r="37836" spans="8:8">
      <c r="H37836" s="12"/>
    </row>
    <row r="37837" spans="8:8">
      <c r="H37837" s="12"/>
    </row>
    <row r="37838" spans="8:8">
      <c r="H37838" s="12"/>
    </row>
    <row r="37839" spans="8:8">
      <c r="H37839" s="12"/>
    </row>
    <row r="37840" spans="8:8">
      <c r="H37840" s="12"/>
    </row>
    <row r="37841" spans="8:8">
      <c r="H37841" s="12"/>
    </row>
    <row r="37842" spans="8:8">
      <c r="H37842" s="12"/>
    </row>
    <row r="37843" spans="8:8">
      <c r="H37843" s="12"/>
    </row>
    <row r="37844" spans="8:8">
      <c r="H37844" s="12"/>
    </row>
    <row r="37845" spans="8:8">
      <c r="H37845" s="12"/>
    </row>
    <row r="37846" spans="8:8">
      <c r="H37846" s="12"/>
    </row>
    <row r="37847" spans="8:8">
      <c r="H37847" s="12"/>
    </row>
    <row r="37848" spans="8:8">
      <c r="H37848" s="12"/>
    </row>
    <row r="37849" spans="8:8">
      <c r="H37849" s="12"/>
    </row>
    <row r="37850" spans="8:8">
      <c r="H37850" s="12"/>
    </row>
    <row r="37851" spans="8:8">
      <c r="H37851" s="12"/>
    </row>
    <row r="37852" spans="8:8">
      <c r="H37852" s="12"/>
    </row>
    <row r="37853" spans="8:8">
      <c r="H37853" s="12"/>
    </row>
    <row r="37854" spans="8:8">
      <c r="H37854" s="12"/>
    </row>
    <row r="37855" spans="8:8">
      <c r="H37855" s="12"/>
    </row>
    <row r="37856" spans="8:8">
      <c r="H37856" s="12"/>
    </row>
    <row r="37857" spans="8:8">
      <c r="H37857" s="12"/>
    </row>
    <row r="37858" spans="8:8">
      <c r="H37858" s="12"/>
    </row>
    <row r="37859" spans="8:8">
      <c r="H37859" s="12"/>
    </row>
    <row r="37860" spans="8:8">
      <c r="H37860" s="12"/>
    </row>
    <row r="37861" spans="8:8">
      <c r="H37861" s="12"/>
    </row>
    <row r="37862" spans="8:8">
      <c r="H37862" s="12"/>
    </row>
    <row r="37863" spans="8:8">
      <c r="H37863" s="12"/>
    </row>
    <row r="37864" spans="8:8">
      <c r="H37864" s="12"/>
    </row>
    <row r="37865" spans="8:8">
      <c r="H37865" s="12"/>
    </row>
    <row r="37866" spans="8:8">
      <c r="H37866" s="12"/>
    </row>
    <row r="37867" spans="8:8">
      <c r="H37867" s="12"/>
    </row>
    <row r="37868" spans="8:8">
      <c r="H37868" s="12"/>
    </row>
    <row r="37869" spans="8:8">
      <c r="H37869" s="12"/>
    </row>
    <row r="37870" spans="8:8">
      <c r="H37870" s="12"/>
    </row>
    <row r="37871" spans="8:8">
      <c r="H37871" s="12"/>
    </row>
    <row r="37872" spans="8:8">
      <c r="H37872" s="12"/>
    </row>
    <row r="37873" spans="8:8">
      <c r="H37873" s="12"/>
    </row>
    <row r="37874" spans="8:8">
      <c r="H37874" s="12"/>
    </row>
    <row r="37875" spans="8:8">
      <c r="H37875" s="12"/>
    </row>
    <row r="37876" spans="8:8">
      <c r="H37876" s="12"/>
    </row>
    <row r="37877" spans="8:8">
      <c r="H37877" s="12"/>
    </row>
    <row r="37878" spans="8:8">
      <c r="H37878" s="12"/>
    </row>
    <row r="37879" spans="8:8">
      <c r="H37879" s="12"/>
    </row>
    <row r="37880" spans="8:8">
      <c r="H37880" s="12"/>
    </row>
    <row r="37881" spans="8:8">
      <c r="H37881" s="12"/>
    </row>
    <row r="37882" spans="8:8">
      <c r="H37882" s="12"/>
    </row>
    <row r="37883" spans="8:8">
      <c r="H37883" s="12"/>
    </row>
    <row r="37884" spans="8:8">
      <c r="H37884" s="12"/>
    </row>
    <row r="37885" spans="8:8">
      <c r="H37885" s="12"/>
    </row>
    <row r="37886" spans="8:8">
      <c r="H37886" s="12"/>
    </row>
    <row r="37887" spans="8:8">
      <c r="H37887" s="12"/>
    </row>
    <row r="37888" spans="8:8">
      <c r="H37888" s="12"/>
    </row>
    <row r="37889" spans="8:8">
      <c r="H37889" s="12"/>
    </row>
    <row r="37890" spans="8:8">
      <c r="H37890" s="12"/>
    </row>
    <row r="37891" spans="8:8">
      <c r="H37891" s="12"/>
    </row>
    <row r="37892" spans="8:8">
      <c r="H37892" s="12"/>
    </row>
    <row r="37893" spans="8:8">
      <c r="H37893" s="12"/>
    </row>
    <row r="37894" spans="8:8">
      <c r="H37894" s="12"/>
    </row>
    <row r="37895" spans="8:8">
      <c r="H37895" s="12"/>
    </row>
    <row r="37896" spans="8:8">
      <c r="H37896" s="12"/>
    </row>
    <row r="37897" spans="8:8">
      <c r="H37897" s="12"/>
    </row>
    <row r="37898" spans="8:8">
      <c r="H37898" s="12"/>
    </row>
    <row r="37899" spans="8:8">
      <c r="H37899" s="12"/>
    </row>
    <row r="37900" spans="8:8">
      <c r="H37900" s="12"/>
    </row>
    <row r="37901" spans="8:8">
      <c r="H37901" s="12"/>
    </row>
    <row r="37902" spans="8:8">
      <c r="H37902" s="12"/>
    </row>
    <row r="37903" spans="8:8">
      <c r="H37903" s="12"/>
    </row>
    <row r="37904" spans="8:8">
      <c r="H37904" s="12"/>
    </row>
    <row r="37905" spans="8:8">
      <c r="H37905" s="12"/>
    </row>
    <row r="37906" spans="8:8">
      <c r="H37906" s="12"/>
    </row>
    <row r="37907" spans="8:8">
      <c r="H37907" s="12"/>
    </row>
    <row r="37908" spans="8:8">
      <c r="H37908" s="12"/>
    </row>
    <row r="37909" spans="8:8">
      <c r="H37909" s="12"/>
    </row>
    <row r="37910" spans="8:8">
      <c r="H37910" s="12"/>
    </row>
    <row r="37911" spans="8:8">
      <c r="H37911" s="12"/>
    </row>
    <row r="37912" spans="8:8">
      <c r="H37912" s="12"/>
    </row>
    <row r="37913" spans="8:8">
      <c r="H37913" s="12"/>
    </row>
    <row r="37914" spans="8:8">
      <c r="H37914" s="12"/>
    </row>
    <row r="37915" spans="8:8">
      <c r="H37915" s="12"/>
    </row>
    <row r="37916" spans="8:8">
      <c r="H37916" s="12"/>
    </row>
    <row r="37917" spans="8:8">
      <c r="H37917" s="12"/>
    </row>
    <row r="37918" spans="8:8">
      <c r="H37918" s="12"/>
    </row>
    <row r="37919" spans="8:8">
      <c r="H37919" s="12"/>
    </row>
    <row r="37920" spans="8:8">
      <c r="H37920" s="12"/>
    </row>
    <row r="37921" spans="8:8">
      <c r="H37921" s="12"/>
    </row>
    <row r="37922" spans="8:8">
      <c r="H37922" s="12"/>
    </row>
    <row r="37923" spans="8:8">
      <c r="H37923" s="12"/>
    </row>
    <row r="37924" spans="8:8">
      <c r="H37924" s="12"/>
    </row>
    <row r="37925" spans="8:8">
      <c r="H37925" s="12"/>
    </row>
    <row r="37926" spans="8:8">
      <c r="H37926" s="12"/>
    </row>
    <row r="37927" spans="8:8">
      <c r="H37927" s="12"/>
    </row>
    <row r="37928" spans="8:8">
      <c r="H37928" s="12"/>
    </row>
    <row r="37929" spans="8:8">
      <c r="H37929" s="12"/>
    </row>
    <row r="37930" spans="8:8">
      <c r="H37930" s="12"/>
    </row>
    <row r="37931" spans="8:8">
      <c r="H37931" s="12"/>
    </row>
    <row r="37932" spans="8:8">
      <c r="H37932" s="12"/>
    </row>
    <row r="37933" spans="8:8">
      <c r="H37933" s="12"/>
    </row>
    <row r="37934" spans="8:8">
      <c r="H37934" s="12"/>
    </row>
    <row r="37935" spans="8:8">
      <c r="H37935" s="12"/>
    </row>
    <row r="37936" spans="8:8">
      <c r="H37936" s="12"/>
    </row>
    <row r="37937" spans="8:8">
      <c r="H37937" s="12"/>
    </row>
    <row r="37938" spans="8:8">
      <c r="H37938" s="12"/>
    </row>
    <row r="37939" spans="8:8">
      <c r="H37939" s="12"/>
    </row>
    <row r="37940" spans="8:8">
      <c r="H37940" s="12"/>
    </row>
    <row r="37941" spans="8:8">
      <c r="H37941" s="12"/>
    </row>
    <row r="37942" spans="8:8">
      <c r="H37942" s="12"/>
    </row>
    <row r="37943" spans="8:8">
      <c r="H37943" s="12"/>
    </row>
    <row r="37944" spans="8:8">
      <c r="H37944" s="12"/>
    </row>
    <row r="37945" spans="8:8">
      <c r="H37945" s="12"/>
    </row>
    <row r="37946" spans="8:8">
      <c r="H37946" s="12"/>
    </row>
    <row r="37947" spans="8:8">
      <c r="H37947" s="12"/>
    </row>
    <row r="37948" spans="8:8">
      <c r="H37948" s="12"/>
    </row>
    <row r="37949" spans="8:8">
      <c r="H37949" s="12"/>
    </row>
    <row r="37950" spans="8:8">
      <c r="H37950" s="12"/>
    </row>
    <row r="37951" spans="8:8">
      <c r="H37951" s="12"/>
    </row>
    <row r="37952" spans="8:8">
      <c r="H37952" s="12"/>
    </row>
    <row r="37953" spans="8:8">
      <c r="H37953" s="12"/>
    </row>
    <row r="37954" spans="8:8">
      <c r="H37954" s="12"/>
    </row>
    <row r="37955" spans="8:8">
      <c r="H37955" s="12"/>
    </row>
    <row r="37956" spans="8:8">
      <c r="H37956" s="12"/>
    </row>
    <row r="37957" spans="8:8">
      <c r="H37957" s="12"/>
    </row>
    <row r="37958" spans="8:8">
      <c r="H37958" s="12"/>
    </row>
    <row r="37959" spans="8:8">
      <c r="H37959" s="12"/>
    </row>
    <row r="37960" spans="8:8">
      <c r="H37960" s="12"/>
    </row>
    <row r="37961" spans="8:8">
      <c r="H37961" s="12"/>
    </row>
    <row r="37962" spans="8:8">
      <c r="H37962" s="12"/>
    </row>
    <row r="37963" spans="8:8">
      <c r="H37963" s="12"/>
    </row>
    <row r="37964" spans="8:8">
      <c r="H37964" s="12"/>
    </row>
    <row r="37965" spans="8:8">
      <c r="H37965" s="12"/>
    </row>
    <row r="37966" spans="8:8">
      <c r="H37966" s="12"/>
    </row>
    <row r="37967" spans="8:8">
      <c r="H37967" s="12"/>
    </row>
    <row r="37968" spans="8:8">
      <c r="H37968" s="12"/>
    </row>
    <row r="37969" spans="8:8">
      <c r="H37969" s="12"/>
    </row>
    <row r="37970" spans="8:8">
      <c r="H37970" s="12"/>
    </row>
    <row r="37971" spans="8:8">
      <c r="H37971" s="12"/>
    </row>
    <row r="37972" spans="8:8">
      <c r="H37972" s="12"/>
    </row>
    <row r="37973" spans="8:8">
      <c r="H37973" s="12"/>
    </row>
    <row r="37974" spans="8:8">
      <c r="H37974" s="12"/>
    </row>
    <row r="37975" spans="8:8">
      <c r="H37975" s="12"/>
    </row>
    <row r="37976" spans="8:8">
      <c r="H37976" s="12"/>
    </row>
    <row r="37977" spans="8:8">
      <c r="H37977" s="12"/>
    </row>
    <row r="37978" spans="8:8">
      <c r="H37978" s="12"/>
    </row>
    <row r="37979" spans="8:8">
      <c r="H37979" s="12"/>
    </row>
    <row r="37980" spans="8:8">
      <c r="H37980" s="12"/>
    </row>
    <row r="37981" spans="8:8">
      <c r="H37981" s="12"/>
    </row>
    <row r="37982" spans="8:8">
      <c r="H37982" s="12"/>
    </row>
    <row r="37983" spans="8:8">
      <c r="H37983" s="12"/>
    </row>
    <row r="37984" spans="8:8">
      <c r="H37984" s="12"/>
    </row>
    <row r="37985" spans="8:8">
      <c r="H37985" s="12"/>
    </row>
    <row r="37986" spans="8:8">
      <c r="H37986" s="12"/>
    </row>
    <row r="37987" spans="8:8">
      <c r="H37987" s="12"/>
    </row>
    <row r="37988" spans="8:8">
      <c r="H37988" s="12"/>
    </row>
    <row r="37989" spans="8:8">
      <c r="H37989" s="12"/>
    </row>
    <row r="37990" spans="8:8">
      <c r="H37990" s="12"/>
    </row>
    <row r="37991" spans="8:8">
      <c r="H37991" s="12"/>
    </row>
    <row r="37992" spans="8:8">
      <c r="H37992" s="12"/>
    </row>
    <row r="37993" spans="8:8">
      <c r="H37993" s="12"/>
    </row>
    <row r="37994" spans="8:8">
      <c r="H37994" s="12"/>
    </row>
    <row r="37995" spans="8:8">
      <c r="H37995" s="12"/>
    </row>
    <row r="37996" spans="8:8">
      <c r="H37996" s="12"/>
    </row>
    <row r="37997" spans="8:8">
      <c r="H37997" s="12"/>
    </row>
    <row r="37998" spans="8:8">
      <c r="H37998" s="12"/>
    </row>
    <row r="37999" spans="8:8">
      <c r="H37999" s="12"/>
    </row>
    <row r="38000" spans="8:8">
      <c r="H38000" s="12"/>
    </row>
    <row r="38001" spans="8:8">
      <c r="H38001" s="12"/>
    </row>
    <row r="38002" spans="8:8">
      <c r="H38002" s="12"/>
    </row>
    <row r="38003" spans="8:8">
      <c r="H38003" s="12"/>
    </row>
    <row r="38004" spans="8:8">
      <c r="H38004" s="12"/>
    </row>
    <row r="38005" spans="8:8">
      <c r="H38005" s="12"/>
    </row>
    <row r="38006" spans="8:8">
      <c r="H38006" s="12"/>
    </row>
    <row r="38007" spans="8:8">
      <c r="H38007" s="12"/>
    </row>
    <row r="38008" spans="8:8">
      <c r="H38008" s="12"/>
    </row>
    <row r="38009" spans="8:8">
      <c r="H38009" s="12"/>
    </row>
    <row r="38010" spans="8:8">
      <c r="H38010" s="12"/>
    </row>
    <row r="38011" spans="8:8">
      <c r="H38011" s="12"/>
    </row>
    <row r="38012" spans="8:8">
      <c r="H38012" s="12"/>
    </row>
    <row r="38013" spans="8:8">
      <c r="H38013" s="12"/>
    </row>
    <row r="38014" spans="8:8">
      <c r="H38014" s="12"/>
    </row>
    <row r="38015" spans="8:8">
      <c r="H38015" s="12"/>
    </row>
    <row r="38016" spans="8:8">
      <c r="H38016" s="12"/>
    </row>
    <row r="38017" spans="8:8">
      <c r="H38017" s="12"/>
    </row>
    <row r="38018" spans="8:8">
      <c r="H38018" s="12"/>
    </row>
    <row r="38019" spans="8:8">
      <c r="H38019" s="12"/>
    </row>
    <row r="38020" spans="8:8">
      <c r="H38020" s="12"/>
    </row>
    <row r="38021" spans="8:8">
      <c r="H38021" s="12"/>
    </row>
    <row r="38022" spans="8:8">
      <c r="H38022" s="12"/>
    </row>
    <row r="38023" spans="8:8">
      <c r="H38023" s="12"/>
    </row>
    <row r="38024" spans="8:8">
      <c r="H38024" s="12"/>
    </row>
    <row r="38025" spans="8:8">
      <c r="H38025" s="12"/>
    </row>
    <row r="38026" spans="8:8">
      <c r="H38026" s="12"/>
    </row>
    <row r="38027" spans="8:8">
      <c r="H38027" s="12"/>
    </row>
    <row r="38028" spans="8:8">
      <c r="H38028" s="12"/>
    </row>
    <row r="38029" spans="8:8">
      <c r="H38029" s="12"/>
    </row>
    <row r="38030" spans="8:8">
      <c r="H38030" s="12"/>
    </row>
    <row r="38031" spans="8:8">
      <c r="H38031" s="12"/>
    </row>
    <row r="38032" spans="8:8">
      <c r="H38032" s="12"/>
    </row>
    <row r="38033" spans="8:8">
      <c r="H38033" s="12"/>
    </row>
    <row r="38034" spans="8:8">
      <c r="H38034" s="12"/>
    </row>
    <row r="38035" spans="8:8">
      <c r="H38035" s="12"/>
    </row>
    <row r="38036" spans="8:8">
      <c r="H38036" s="12"/>
    </row>
    <row r="38037" spans="8:8">
      <c r="H38037" s="12"/>
    </row>
    <row r="38038" spans="8:8">
      <c r="H38038" s="12"/>
    </row>
    <row r="38039" spans="8:8">
      <c r="H38039" s="12"/>
    </row>
    <row r="38040" spans="8:8">
      <c r="H38040" s="12"/>
    </row>
    <row r="38041" spans="8:8">
      <c r="H38041" s="12"/>
    </row>
    <row r="38042" spans="8:8">
      <c r="H38042" s="12"/>
    </row>
    <row r="38043" spans="8:8">
      <c r="H38043" s="12"/>
    </row>
    <row r="38044" spans="8:8">
      <c r="H38044" s="12"/>
    </row>
    <row r="38045" spans="8:8">
      <c r="H38045" s="12"/>
    </row>
    <row r="38046" spans="8:8">
      <c r="H38046" s="12"/>
    </row>
    <row r="38047" spans="8:8">
      <c r="H38047" s="12"/>
    </row>
    <row r="38048" spans="8:8">
      <c r="H38048" s="12"/>
    </row>
    <row r="38049" spans="8:8">
      <c r="H38049" s="12"/>
    </row>
    <row r="38050" spans="8:8">
      <c r="H38050" s="12"/>
    </row>
    <row r="38051" spans="8:8">
      <c r="H38051" s="12"/>
    </row>
    <row r="38052" spans="8:8">
      <c r="H38052" s="12"/>
    </row>
    <row r="38053" spans="8:8">
      <c r="H38053" s="12"/>
    </row>
    <row r="38054" spans="8:8">
      <c r="H38054" s="12"/>
    </row>
    <row r="38055" spans="8:8">
      <c r="H38055" s="12"/>
    </row>
    <row r="38056" spans="8:8">
      <c r="H38056" s="12"/>
    </row>
    <row r="38057" spans="8:8">
      <c r="H38057" s="12"/>
    </row>
    <row r="38058" spans="8:8">
      <c r="H38058" s="12"/>
    </row>
    <row r="38059" spans="8:8">
      <c r="H38059" s="12"/>
    </row>
    <row r="38060" spans="8:8">
      <c r="H38060" s="12"/>
    </row>
    <row r="38061" spans="8:8">
      <c r="H38061" s="12"/>
    </row>
    <row r="38062" spans="8:8">
      <c r="H38062" s="12"/>
    </row>
    <row r="38063" spans="8:8">
      <c r="H38063" s="12"/>
    </row>
    <row r="38064" spans="8:8">
      <c r="H38064" s="12"/>
    </row>
    <row r="38065" spans="8:8">
      <c r="H38065" s="12"/>
    </row>
    <row r="38066" spans="8:8">
      <c r="H38066" s="12"/>
    </row>
    <row r="38067" spans="8:8">
      <c r="H38067" s="12"/>
    </row>
    <row r="38068" spans="8:8">
      <c r="H38068" s="12"/>
    </row>
    <row r="38069" spans="8:8">
      <c r="H38069" s="12"/>
    </row>
    <row r="38070" spans="8:8">
      <c r="H38070" s="12"/>
    </row>
    <row r="38071" spans="8:8">
      <c r="H38071" s="12"/>
    </row>
    <row r="38072" spans="8:8">
      <c r="H38072" s="12"/>
    </row>
    <row r="38073" spans="8:8">
      <c r="H38073" s="12"/>
    </row>
    <row r="38074" spans="8:8">
      <c r="H38074" s="12"/>
    </row>
    <row r="38075" spans="8:8">
      <c r="H38075" s="12"/>
    </row>
    <row r="38076" spans="8:8">
      <c r="H38076" s="12"/>
    </row>
    <row r="38077" spans="8:8">
      <c r="H38077" s="12"/>
    </row>
    <row r="38078" spans="8:8">
      <c r="H38078" s="12"/>
    </row>
    <row r="38079" spans="8:8">
      <c r="H38079" s="12"/>
    </row>
    <row r="38080" spans="8:8">
      <c r="H38080" s="12"/>
    </row>
    <row r="38081" spans="8:8">
      <c r="H38081" s="12"/>
    </row>
    <row r="38082" spans="8:8">
      <c r="H38082" s="12"/>
    </row>
    <row r="38083" spans="8:8">
      <c r="H38083" s="12"/>
    </row>
    <row r="38084" spans="8:8">
      <c r="H38084" s="12"/>
    </row>
    <row r="38085" spans="8:8">
      <c r="H38085" s="12"/>
    </row>
    <row r="38086" spans="8:8">
      <c r="H38086" s="12"/>
    </row>
    <row r="38087" spans="8:8">
      <c r="H38087" s="12"/>
    </row>
    <row r="38088" spans="8:8">
      <c r="H38088" s="12"/>
    </row>
    <row r="38089" spans="8:8">
      <c r="H38089" s="12"/>
    </row>
    <row r="38090" spans="8:8">
      <c r="H38090" s="12"/>
    </row>
    <row r="38091" spans="8:8">
      <c r="H38091" s="12"/>
    </row>
    <row r="38092" spans="8:8">
      <c r="H38092" s="12"/>
    </row>
    <row r="38093" spans="8:8">
      <c r="H38093" s="12"/>
    </row>
    <row r="38094" spans="8:8">
      <c r="H38094" s="12"/>
    </row>
    <row r="38095" spans="8:8">
      <c r="H38095" s="12"/>
    </row>
    <row r="38096" spans="8:8">
      <c r="H38096" s="12"/>
    </row>
    <row r="38097" spans="8:8">
      <c r="H38097" s="12"/>
    </row>
    <row r="38098" spans="8:8">
      <c r="H38098" s="12"/>
    </row>
    <row r="38099" spans="8:8">
      <c r="H38099" s="12"/>
    </row>
    <row r="38100" spans="8:8">
      <c r="H38100" s="12"/>
    </row>
    <row r="38101" spans="8:8">
      <c r="H38101" s="12"/>
    </row>
    <row r="38102" spans="8:8">
      <c r="H38102" s="12"/>
    </row>
    <row r="38103" spans="8:8">
      <c r="H38103" s="12"/>
    </row>
    <row r="38104" spans="8:8">
      <c r="H38104" s="12"/>
    </row>
    <row r="38105" spans="8:8">
      <c r="H38105" s="12"/>
    </row>
    <row r="38106" spans="8:8">
      <c r="H38106" s="12"/>
    </row>
    <row r="38107" spans="8:8">
      <c r="H38107" s="12"/>
    </row>
    <row r="38108" spans="8:8">
      <c r="H38108" s="12"/>
    </row>
    <row r="38109" spans="8:8">
      <c r="H38109" s="12"/>
    </row>
    <row r="38110" spans="8:8">
      <c r="H38110" s="12"/>
    </row>
    <row r="38111" spans="8:8">
      <c r="H38111" s="12"/>
    </row>
    <row r="38112" spans="8:8">
      <c r="H38112" s="12"/>
    </row>
    <row r="38113" spans="8:8">
      <c r="H38113" s="12"/>
    </row>
    <row r="38114" spans="8:8">
      <c r="H38114" s="12"/>
    </row>
    <row r="38115" spans="8:8">
      <c r="H38115" s="12"/>
    </row>
    <row r="38116" spans="8:8">
      <c r="H38116" s="12"/>
    </row>
    <row r="38117" spans="8:8">
      <c r="H38117" s="12"/>
    </row>
    <row r="38118" spans="8:8">
      <c r="H38118" s="12"/>
    </row>
    <row r="38119" spans="8:8">
      <c r="H38119" s="12"/>
    </row>
    <row r="38120" spans="8:8">
      <c r="H38120" s="12"/>
    </row>
    <row r="38121" spans="8:8">
      <c r="H38121" s="12"/>
    </row>
    <row r="38122" spans="8:8">
      <c r="H38122" s="12"/>
    </row>
    <row r="38123" spans="8:8">
      <c r="H38123" s="12"/>
    </row>
    <row r="38124" spans="8:8">
      <c r="H38124" s="12"/>
    </row>
    <row r="38125" spans="8:8">
      <c r="H38125" s="12"/>
    </row>
    <row r="38126" spans="8:8">
      <c r="H38126" s="12"/>
    </row>
    <row r="38127" spans="8:8">
      <c r="H38127" s="12"/>
    </row>
    <row r="38128" spans="8:8">
      <c r="H38128" s="12"/>
    </row>
    <row r="38129" spans="8:8">
      <c r="H38129" s="12"/>
    </row>
    <row r="38130" spans="8:8">
      <c r="H38130" s="12"/>
    </row>
    <row r="38131" spans="8:8">
      <c r="H38131" s="12"/>
    </row>
    <row r="38132" spans="8:8">
      <c r="H38132" s="12"/>
    </row>
    <row r="38133" spans="8:8">
      <c r="H38133" s="12"/>
    </row>
    <row r="38134" spans="8:8">
      <c r="H38134" s="12"/>
    </row>
    <row r="38135" spans="8:8">
      <c r="H38135" s="12"/>
    </row>
    <row r="38136" spans="8:8">
      <c r="H38136" s="12"/>
    </row>
    <row r="38137" spans="8:8">
      <c r="H38137" s="12"/>
    </row>
    <row r="38138" spans="8:8">
      <c r="H38138" s="12"/>
    </row>
    <row r="38139" spans="8:8">
      <c r="H38139" s="12"/>
    </row>
    <row r="38140" spans="8:8">
      <c r="H38140" s="12"/>
    </row>
    <row r="38141" spans="8:8">
      <c r="H38141" s="12"/>
    </row>
    <row r="38142" spans="8:8">
      <c r="H38142" s="12"/>
    </row>
    <row r="38143" spans="8:8">
      <c r="H38143" s="12"/>
    </row>
    <row r="38144" spans="8:8">
      <c r="H38144" s="12"/>
    </row>
    <row r="38145" spans="8:8">
      <c r="H38145" s="12"/>
    </row>
    <row r="38146" spans="8:8">
      <c r="H38146" s="12"/>
    </row>
    <row r="38147" spans="8:8">
      <c r="H38147" s="12"/>
    </row>
    <row r="38148" spans="8:8">
      <c r="H38148" s="12"/>
    </row>
    <row r="38149" spans="8:8">
      <c r="H38149" s="12"/>
    </row>
    <row r="38150" spans="8:8">
      <c r="H38150" s="12"/>
    </row>
    <row r="38151" spans="8:8">
      <c r="H38151" s="12"/>
    </row>
    <row r="38152" spans="8:8">
      <c r="H38152" s="12"/>
    </row>
    <row r="38153" spans="8:8">
      <c r="H38153" s="12"/>
    </row>
    <row r="38154" spans="8:8">
      <c r="H38154" s="12"/>
    </row>
    <row r="38155" spans="8:8">
      <c r="H38155" s="12"/>
    </row>
    <row r="38156" spans="8:8">
      <c r="H38156" s="12"/>
    </row>
    <row r="38157" spans="8:8">
      <c r="H38157" s="12"/>
    </row>
    <row r="38158" spans="8:8">
      <c r="H38158" s="12"/>
    </row>
    <row r="38159" spans="8:8">
      <c r="H38159" s="12"/>
    </row>
    <row r="38160" spans="8:8">
      <c r="H38160" s="12"/>
    </row>
    <row r="38161" spans="8:8">
      <c r="H38161" s="12"/>
    </row>
    <row r="38162" spans="8:8">
      <c r="H38162" s="12"/>
    </row>
    <row r="38163" spans="8:8">
      <c r="H38163" s="12"/>
    </row>
    <row r="38164" spans="8:8">
      <c r="H38164" s="12"/>
    </row>
    <row r="38165" spans="8:8">
      <c r="H38165" s="12"/>
    </row>
    <row r="38166" spans="8:8">
      <c r="H38166" s="12"/>
    </row>
    <row r="38167" spans="8:8">
      <c r="H38167" s="12"/>
    </row>
    <row r="38168" spans="8:8">
      <c r="H38168" s="12"/>
    </row>
    <row r="38169" spans="8:8">
      <c r="H38169" s="12"/>
    </row>
    <row r="38170" spans="8:8">
      <c r="H38170" s="12"/>
    </row>
    <row r="38171" spans="8:8">
      <c r="H38171" s="12"/>
    </row>
    <row r="38172" spans="8:8">
      <c r="H38172" s="12"/>
    </row>
    <row r="38173" spans="8:8">
      <c r="H38173" s="12"/>
    </row>
    <row r="38174" spans="8:8">
      <c r="H38174" s="12"/>
    </row>
    <row r="38175" spans="8:8">
      <c r="H38175" s="12"/>
    </row>
    <row r="38176" spans="8:8">
      <c r="H38176" s="12"/>
    </row>
    <row r="38177" spans="8:8">
      <c r="H38177" s="12"/>
    </row>
    <row r="38178" spans="8:8">
      <c r="H38178" s="12"/>
    </row>
    <row r="38179" spans="8:8">
      <c r="H38179" s="12"/>
    </row>
    <row r="38180" spans="8:8">
      <c r="H38180" s="12"/>
    </row>
    <row r="38181" spans="8:8">
      <c r="H38181" s="12"/>
    </row>
    <row r="38182" spans="8:8">
      <c r="H38182" s="12"/>
    </row>
    <row r="38183" spans="8:8">
      <c r="H38183" s="12"/>
    </row>
    <row r="38184" spans="8:8">
      <c r="H38184" s="12"/>
    </row>
    <row r="38185" spans="8:8">
      <c r="H38185" s="12"/>
    </row>
    <row r="38186" spans="8:8">
      <c r="H38186" s="12"/>
    </row>
    <row r="38187" spans="8:8">
      <c r="H38187" s="12"/>
    </row>
    <row r="38188" spans="8:8">
      <c r="H38188" s="12"/>
    </row>
    <row r="38189" spans="8:8">
      <c r="H38189" s="12"/>
    </row>
    <row r="38190" spans="8:8">
      <c r="H38190" s="12"/>
    </row>
    <row r="38191" spans="8:8">
      <c r="H38191" s="12"/>
    </row>
    <row r="38192" spans="8:8">
      <c r="H38192" s="12"/>
    </row>
    <row r="38193" spans="8:8">
      <c r="H38193" s="12"/>
    </row>
    <row r="38194" spans="8:8">
      <c r="H38194" s="12"/>
    </row>
    <row r="38195" spans="8:8">
      <c r="H38195" s="12"/>
    </row>
    <row r="38196" spans="8:8">
      <c r="H38196" s="12"/>
    </row>
    <row r="38197" spans="8:8">
      <c r="H38197" s="12"/>
    </row>
    <row r="38198" spans="8:8">
      <c r="H38198" s="12"/>
    </row>
    <row r="38199" spans="8:8">
      <c r="H38199" s="12"/>
    </row>
    <row r="38200" spans="8:8">
      <c r="H38200" s="12"/>
    </row>
    <row r="38201" spans="8:8">
      <c r="H38201" s="12"/>
    </row>
    <row r="38202" spans="8:8">
      <c r="H38202" s="12"/>
    </row>
    <row r="38203" spans="8:8">
      <c r="H38203" s="12"/>
    </row>
    <row r="38204" spans="8:8">
      <c r="H38204" s="12"/>
    </row>
    <row r="38205" spans="8:8">
      <c r="H38205" s="12"/>
    </row>
    <row r="38206" spans="8:8">
      <c r="H38206" s="12"/>
    </row>
    <row r="38207" spans="8:8">
      <c r="H38207" s="12"/>
    </row>
    <row r="38208" spans="8:8">
      <c r="H38208" s="12"/>
    </row>
    <row r="38209" spans="8:8">
      <c r="H38209" s="12"/>
    </row>
    <row r="38210" spans="8:8">
      <c r="H38210" s="12"/>
    </row>
    <row r="38211" spans="8:8">
      <c r="H38211" s="12"/>
    </row>
    <row r="38212" spans="8:8">
      <c r="H38212" s="12"/>
    </row>
    <row r="38213" spans="8:8">
      <c r="H38213" s="12"/>
    </row>
    <row r="38214" spans="8:8">
      <c r="H38214" s="12"/>
    </row>
    <row r="38215" spans="8:8">
      <c r="H38215" s="12"/>
    </row>
    <row r="38216" spans="8:8">
      <c r="H38216" s="12"/>
    </row>
    <row r="38217" spans="8:8">
      <c r="H38217" s="12"/>
    </row>
    <row r="38218" spans="8:8">
      <c r="H38218" s="12"/>
    </row>
    <row r="38219" spans="8:8">
      <c r="H38219" s="12"/>
    </row>
    <row r="38220" spans="8:8">
      <c r="H38220" s="12"/>
    </row>
    <row r="38221" spans="8:8">
      <c r="H38221" s="12"/>
    </row>
    <row r="38222" spans="8:8">
      <c r="H38222" s="12"/>
    </row>
    <row r="38223" spans="8:8">
      <c r="H38223" s="12"/>
    </row>
    <row r="38224" spans="8:8">
      <c r="H38224" s="12"/>
    </row>
    <row r="38225" spans="8:8">
      <c r="H38225" s="12"/>
    </row>
    <row r="38226" spans="8:8">
      <c r="H38226" s="12"/>
    </row>
    <row r="38227" spans="8:8">
      <c r="H38227" s="12"/>
    </row>
    <row r="38228" spans="8:8">
      <c r="H38228" s="12"/>
    </row>
    <row r="38229" spans="8:8">
      <c r="H38229" s="12"/>
    </row>
    <row r="38230" spans="8:8">
      <c r="H38230" s="12"/>
    </row>
    <row r="38231" spans="8:8">
      <c r="H38231" s="12"/>
    </row>
    <row r="38232" spans="8:8">
      <c r="H38232" s="12"/>
    </row>
    <row r="38233" spans="8:8">
      <c r="H38233" s="12"/>
    </row>
    <row r="38234" spans="8:8">
      <c r="H38234" s="12"/>
    </row>
    <row r="38235" spans="8:8">
      <c r="H38235" s="12"/>
    </row>
    <row r="38236" spans="8:8">
      <c r="H38236" s="12"/>
    </row>
    <row r="38237" spans="8:8">
      <c r="H38237" s="12"/>
    </row>
    <row r="38238" spans="8:8">
      <c r="H38238" s="12"/>
    </row>
    <row r="38239" spans="8:8">
      <c r="H38239" s="12"/>
    </row>
    <row r="38240" spans="8:8">
      <c r="H38240" s="12"/>
    </row>
    <row r="38241" spans="8:8">
      <c r="H38241" s="12"/>
    </row>
    <row r="38242" spans="8:8">
      <c r="H38242" s="12"/>
    </row>
    <row r="38243" spans="8:8">
      <c r="H38243" s="12"/>
    </row>
    <row r="38244" spans="8:8">
      <c r="H38244" s="12"/>
    </row>
    <row r="38245" spans="8:8">
      <c r="H38245" s="12"/>
    </row>
    <row r="38246" spans="8:8">
      <c r="H38246" s="12"/>
    </row>
    <row r="38247" spans="8:8">
      <c r="H38247" s="12"/>
    </row>
    <row r="38248" spans="8:8">
      <c r="H38248" s="12"/>
    </row>
    <row r="38249" spans="8:8">
      <c r="H38249" s="12"/>
    </row>
    <row r="38250" spans="8:8">
      <c r="H38250" s="12"/>
    </row>
    <row r="38251" spans="8:8">
      <c r="H38251" s="12"/>
    </row>
    <row r="38252" spans="8:8">
      <c r="H38252" s="12"/>
    </row>
    <row r="38253" spans="8:8">
      <c r="H38253" s="12"/>
    </row>
    <row r="38254" spans="8:8">
      <c r="H38254" s="12"/>
    </row>
    <row r="38255" spans="8:8">
      <c r="H38255" s="12"/>
    </row>
    <row r="38256" spans="8:8">
      <c r="H38256" s="12"/>
    </row>
    <row r="38257" spans="8:8">
      <c r="H38257" s="12"/>
    </row>
    <row r="38258" spans="8:8">
      <c r="H38258" s="12"/>
    </row>
    <row r="38259" spans="8:8">
      <c r="H38259" s="12"/>
    </row>
    <row r="38260" spans="8:8">
      <c r="H38260" s="12"/>
    </row>
    <row r="38261" spans="8:8">
      <c r="H38261" s="12"/>
    </row>
    <row r="38262" spans="8:8">
      <c r="H38262" s="12"/>
    </row>
    <row r="38263" spans="8:8">
      <c r="H38263" s="12"/>
    </row>
    <row r="38264" spans="8:8">
      <c r="H38264" s="12"/>
    </row>
    <row r="38265" spans="8:8">
      <c r="H38265" s="12"/>
    </row>
    <row r="38266" spans="8:8">
      <c r="H38266" s="12"/>
    </row>
    <row r="38267" spans="8:8">
      <c r="H38267" s="12"/>
    </row>
    <row r="38268" spans="8:8">
      <c r="H38268" s="12"/>
    </row>
    <row r="38269" spans="8:8">
      <c r="H38269" s="12"/>
    </row>
    <row r="38270" spans="8:8">
      <c r="H38270" s="12"/>
    </row>
    <row r="38271" spans="8:8">
      <c r="H38271" s="12"/>
    </row>
    <row r="38272" spans="8:8">
      <c r="H38272" s="12"/>
    </row>
    <row r="38273" spans="8:8">
      <c r="H38273" s="12"/>
    </row>
    <row r="38274" spans="8:8">
      <c r="H38274" s="12"/>
    </row>
    <row r="38275" spans="8:8">
      <c r="H38275" s="12"/>
    </row>
    <row r="38276" spans="8:8">
      <c r="H38276" s="12"/>
    </row>
    <row r="38277" spans="8:8">
      <c r="H38277" s="12"/>
    </row>
    <row r="38278" spans="8:8">
      <c r="H38278" s="12"/>
    </row>
    <row r="38279" spans="8:8">
      <c r="H38279" s="12"/>
    </row>
    <row r="38280" spans="8:8">
      <c r="H38280" s="12"/>
    </row>
    <row r="38281" spans="8:8">
      <c r="H38281" s="12"/>
    </row>
    <row r="38282" spans="8:8">
      <c r="H38282" s="12"/>
    </row>
    <row r="38283" spans="8:8">
      <c r="H38283" s="12"/>
    </row>
    <row r="38284" spans="8:8">
      <c r="H38284" s="12"/>
    </row>
    <row r="38285" spans="8:8">
      <c r="H38285" s="12"/>
    </row>
    <row r="38286" spans="8:8">
      <c r="H38286" s="12"/>
    </row>
    <row r="38287" spans="8:8">
      <c r="H38287" s="12"/>
    </row>
    <row r="38288" spans="8:8">
      <c r="H38288" s="12"/>
    </row>
    <row r="38289" spans="8:8">
      <c r="H38289" s="12"/>
    </row>
    <row r="38290" spans="8:8">
      <c r="H38290" s="12"/>
    </row>
    <row r="38291" spans="8:8">
      <c r="H38291" s="12"/>
    </row>
    <row r="38292" spans="8:8">
      <c r="H38292" s="12"/>
    </row>
    <row r="38293" spans="8:8">
      <c r="H38293" s="12"/>
    </row>
    <row r="38294" spans="8:8">
      <c r="H38294" s="12"/>
    </row>
    <row r="38295" spans="8:8">
      <c r="H38295" s="12"/>
    </row>
    <row r="38296" spans="8:8">
      <c r="H38296" s="12"/>
    </row>
    <row r="38297" spans="8:8">
      <c r="H38297" s="12"/>
    </row>
    <row r="38298" spans="8:8">
      <c r="H38298" s="12"/>
    </row>
    <row r="38299" spans="8:8">
      <c r="H38299" s="12"/>
    </row>
    <row r="38300" spans="8:8">
      <c r="H38300" s="12"/>
    </row>
    <row r="38301" spans="8:8">
      <c r="H38301" s="12"/>
    </row>
    <row r="38302" spans="8:8">
      <c r="H38302" s="12"/>
    </row>
    <row r="38303" spans="8:8">
      <c r="H38303" s="12"/>
    </row>
    <row r="38304" spans="8:8">
      <c r="H38304" s="12"/>
    </row>
    <row r="38305" spans="8:8">
      <c r="H38305" s="12"/>
    </row>
    <row r="38306" spans="8:8">
      <c r="H38306" s="12"/>
    </row>
    <row r="38307" spans="8:8">
      <c r="H38307" s="12"/>
    </row>
    <row r="38308" spans="8:8">
      <c r="H38308" s="12"/>
    </row>
    <row r="38309" spans="8:8">
      <c r="H38309" s="12"/>
    </row>
    <row r="38310" spans="8:8">
      <c r="H38310" s="12"/>
    </row>
    <row r="38311" spans="8:8">
      <c r="H38311" s="12"/>
    </row>
    <row r="38312" spans="8:8">
      <c r="H38312" s="12"/>
    </row>
    <row r="38313" spans="8:8">
      <c r="H38313" s="12"/>
    </row>
    <row r="38314" spans="8:8">
      <c r="H38314" s="12"/>
    </row>
    <row r="38315" spans="8:8">
      <c r="H38315" s="12"/>
    </row>
    <row r="38316" spans="8:8">
      <c r="H38316" s="12"/>
    </row>
    <row r="38317" spans="8:8">
      <c r="H38317" s="12"/>
    </row>
    <row r="38318" spans="8:8">
      <c r="H38318" s="12"/>
    </row>
    <row r="38319" spans="8:8">
      <c r="H38319" s="12"/>
    </row>
    <row r="38320" spans="8:8">
      <c r="H38320" s="12"/>
    </row>
    <row r="38321" spans="8:8">
      <c r="H38321" s="12"/>
    </row>
    <row r="38322" spans="8:8">
      <c r="H38322" s="12"/>
    </row>
    <row r="38323" spans="8:8">
      <c r="H38323" s="12"/>
    </row>
    <row r="38324" spans="8:8">
      <c r="H38324" s="12"/>
    </row>
    <row r="38325" spans="8:8">
      <c r="H38325" s="12"/>
    </row>
    <row r="38326" spans="8:8">
      <c r="H38326" s="12"/>
    </row>
    <row r="38327" spans="8:8">
      <c r="H38327" s="12"/>
    </row>
    <row r="38328" spans="8:8">
      <c r="H38328" s="12"/>
    </row>
    <row r="38329" spans="8:8">
      <c r="H38329" s="12"/>
    </row>
    <row r="38330" spans="8:8">
      <c r="H38330" s="12"/>
    </row>
    <row r="38331" spans="8:8">
      <c r="H38331" s="12"/>
    </row>
    <row r="38332" spans="8:8">
      <c r="H38332" s="12"/>
    </row>
    <row r="38333" spans="8:8">
      <c r="H38333" s="12"/>
    </row>
    <row r="38334" spans="8:8">
      <c r="H38334" s="12"/>
    </row>
    <row r="38335" spans="8:8">
      <c r="H38335" s="12"/>
    </row>
    <row r="38336" spans="8:8">
      <c r="H38336" s="12"/>
    </row>
    <row r="38337" spans="8:8">
      <c r="H38337" s="12"/>
    </row>
    <row r="38338" spans="8:8">
      <c r="H38338" s="12"/>
    </row>
    <row r="38339" spans="8:8">
      <c r="H38339" s="12"/>
    </row>
    <row r="38340" spans="8:8">
      <c r="H38340" s="12"/>
    </row>
    <row r="38341" spans="8:8">
      <c r="H38341" s="12"/>
    </row>
    <row r="38342" spans="8:8">
      <c r="H38342" s="12"/>
    </row>
    <row r="38343" spans="8:8">
      <c r="H38343" s="12"/>
    </row>
    <row r="38344" spans="8:8">
      <c r="H38344" s="12"/>
    </row>
    <row r="38345" spans="8:8">
      <c r="H38345" s="12"/>
    </row>
    <row r="38346" spans="8:8">
      <c r="H38346" s="12"/>
    </row>
    <row r="38347" spans="8:8">
      <c r="H38347" s="12"/>
    </row>
    <row r="38348" spans="8:8">
      <c r="H38348" s="12"/>
    </row>
    <row r="38349" spans="8:8">
      <c r="H38349" s="12"/>
    </row>
    <row r="38350" spans="8:8">
      <c r="H38350" s="12"/>
    </row>
    <row r="38351" spans="8:8">
      <c r="H38351" s="12"/>
    </row>
    <row r="38352" spans="8:8">
      <c r="H38352" s="12"/>
    </row>
    <row r="38353" spans="8:8">
      <c r="H38353" s="12"/>
    </row>
    <row r="38354" spans="8:8">
      <c r="H38354" s="12"/>
    </row>
    <row r="38355" spans="8:8">
      <c r="H38355" s="12"/>
    </row>
    <row r="38356" spans="8:8">
      <c r="H38356" s="12"/>
    </row>
    <row r="38357" spans="8:8">
      <c r="H38357" s="12"/>
    </row>
    <row r="38358" spans="8:8">
      <c r="H38358" s="12"/>
    </row>
    <row r="38359" spans="8:8">
      <c r="H38359" s="12"/>
    </row>
    <row r="38360" spans="8:8">
      <c r="H38360" s="12"/>
    </row>
    <row r="38361" spans="8:8">
      <c r="H38361" s="12"/>
    </row>
    <row r="38362" spans="8:8">
      <c r="H38362" s="12"/>
    </row>
    <row r="38363" spans="8:8">
      <c r="H38363" s="12"/>
    </row>
    <row r="38364" spans="8:8">
      <c r="H38364" s="12"/>
    </row>
    <row r="38365" spans="8:8">
      <c r="H38365" s="12"/>
    </row>
    <row r="38366" spans="8:8">
      <c r="H38366" s="12"/>
    </row>
    <row r="38367" spans="8:8">
      <c r="H38367" s="12"/>
    </row>
    <row r="38368" spans="8:8">
      <c r="H38368" s="12"/>
    </row>
    <row r="38369" spans="8:8">
      <c r="H38369" s="12"/>
    </row>
    <row r="38370" spans="8:8">
      <c r="H38370" s="12"/>
    </row>
    <row r="38371" spans="8:8">
      <c r="H38371" s="12"/>
    </row>
    <row r="38372" spans="8:8">
      <c r="H38372" s="12"/>
    </row>
    <row r="38373" spans="8:8">
      <c r="H38373" s="12"/>
    </row>
    <row r="38374" spans="8:8">
      <c r="H38374" s="12"/>
    </row>
    <row r="38375" spans="8:8">
      <c r="H38375" s="12"/>
    </row>
    <row r="38376" spans="8:8">
      <c r="H38376" s="12"/>
    </row>
    <row r="38377" spans="8:8">
      <c r="H38377" s="12"/>
    </row>
    <row r="38378" spans="8:8">
      <c r="H38378" s="12"/>
    </row>
    <row r="38379" spans="8:8">
      <c r="H38379" s="12"/>
    </row>
    <row r="38380" spans="8:8">
      <c r="H38380" s="12"/>
    </row>
    <row r="38381" spans="8:8">
      <c r="H38381" s="12"/>
    </row>
    <row r="38382" spans="8:8">
      <c r="H38382" s="12"/>
    </row>
    <row r="38383" spans="8:8">
      <c r="H38383" s="12"/>
    </row>
    <row r="38384" spans="8:8">
      <c r="H38384" s="12"/>
    </row>
    <row r="38385" spans="8:8">
      <c r="H38385" s="12"/>
    </row>
    <row r="38386" spans="8:8">
      <c r="H38386" s="12"/>
    </row>
    <row r="38387" spans="8:8">
      <c r="H38387" s="12"/>
    </row>
    <row r="38388" spans="8:8">
      <c r="H38388" s="12"/>
    </row>
    <row r="38389" spans="8:8">
      <c r="H38389" s="12"/>
    </row>
    <row r="38390" spans="8:8">
      <c r="H38390" s="12"/>
    </row>
    <row r="38391" spans="8:8">
      <c r="H38391" s="12"/>
    </row>
    <row r="38392" spans="8:8">
      <c r="H38392" s="12"/>
    </row>
    <row r="38393" spans="8:8">
      <c r="H38393" s="12"/>
    </row>
    <row r="38394" spans="8:8">
      <c r="H38394" s="12"/>
    </row>
    <row r="38395" spans="8:8">
      <c r="H38395" s="12"/>
    </row>
    <row r="38396" spans="8:8">
      <c r="H38396" s="12"/>
    </row>
    <row r="38397" spans="8:8">
      <c r="H38397" s="12"/>
    </row>
    <row r="38398" spans="8:8">
      <c r="H38398" s="12"/>
    </row>
    <row r="38399" spans="8:8">
      <c r="H38399" s="12"/>
    </row>
    <row r="38400" spans="8:8">
      <c r="H38400" s="12"/>
    </row>
    <row r="38401" spans="8:8">
      <c r="H38401" s="12"/>
    </row>
    <row r="38402" spans="8:8">
      <c r="H38402" s="12"/>
    </row>
    <row r="38403" spans="8:8">
      <c r="H38403" s="12"/>
    </row>
    <row r="38404" spans="8:8">
      <c r="H38404" s="12"/>
    </row>
    <row r="38405" spans="8:8">
      <c r="H38405" s="12"/>
    </row>
    <row r="38406" spans="8:8">
      <c r="H38406" s="12"/>
    </row>
    <row r="38407" spans="8:8">
      <c r="H38407" s="12"/>
    </row>
    <row r="38408" spans="8:8">
      <c r="H38408" s="12"/>
    </row>
    <row r="38409" spans="8:8">
      <c r="H38409" s="12"/>
    </row>
    <row r="38410" spans="8:8">
      <c r="H38410" s="12"/>
    </row>
    <row r="38411" spans="8:8">
      <c r="H38411" s="12"/>
    </row>
    <row r="38412" spans="8:8">
      <c r="H38412" s="12"/>
    </row>
    <row r="38413" spans="8:8">
      <c r="H38413" s="12"/>
    </row>
    <row r="38414" spans="8:8">
      <c r="H38414" s="12"/>
    </row>
    <row r="38415" spans="8:8">
      <c r="H38415" s="12"/>
    </row>
    <row r="38416" spans="8:8">
      <c r="H38416" s="12"/>
    </row>
    <row r="38417" spans="8:8">
      <c r="H38417" s="12"/>
    </row>
    <row r="38418" spans="8:8">
      <c r="H38418" s="12"/>
    </row>
    <row r="38419" spans="8:8">
      <c r="H38419" s="12"/>
    </row>
    <row r="38420" spans="8:8">
      <c r="H38420" s="12"/>
    </row>
    <row r="38421" spans="8:8">
      <c r="H38421" s="12"/>
    </row>
    <row r="38422" spans="8:8">
      <c r="H38422" s="12"/>
    </row>
    <row r="38423" spans="8:8">
      <c r="H38423" s="12"/>
    </row>
    <row r="38424" spans="8:8">
      <c r="H38424" s="12"/>
    </row>
    <row r="38425" spans="8:8">
      <c r="H38425" s="12"/>
    </row>
    <row r="38426" spans="8:8">
      <c r="H38426" s="12"/>
    </row>
    <row r="38427" spans="8:8">
      <c r="H38427" s="12"/>
    </row>
    <row r="38428" spans="8:8">
      <c r="H38428" s="12"/>
    </row>
    <row r="38429" spans="8:8">
      <c r="H38429" s="12"/>
    </row>
    <row r="38430" spans="8:8">
      <c r="H38430" s="12"/>
    </row>
    <row r="38431" spans="8:8">
      <c r="H38431" s="12"/>
    </row>
    <row r="38432" spans="8:8">
      <c r="H38432" s="12"/>
    </row>
    <row r="38433" spans="8:8">
      <c r="H38433" s="12"/>
    </row>
    <row r="38434" spans="8:8">
      <c r="H38434" s="12"/>
    </row>
    <row r="38435" spans="8:8">
      <c r="H38435" s="12"/>
    </row>
    <row r="38436" spans="8:8">
      <c r="H38436" s="12"/>
    </row>
    <row r="38437" spans="8:8">
      <c r="H38437" s="12"/>
    </row>
    <row r="38438" spans="8:8">
      <c r="H38438" s="12"/>
    </row>
    <row r="38439" spans="8:8">
      <c r="H38439" s="12"/>
    </row>
    <row r="38440" spans="8:8">
      <c r="H38440" s="12"/>
    </row>
    <row r="38441" spans="8:8">
      <c r="H38441" s="12"/>
    </row>
    <row r="38442" spans="8:8">
      <c r="H38442" s="12"/>
    </row>
    <row r="38443" spans="8:8">
      <c r="H38443" s="12"/>
    </row>
    <row r="38444" spans="8:8">
      <c r="H38444" s="12"/>
    </row>
    <row r="38445" spans="8:8">
      <c r="H38445" s="12"/>
    </row>
    <row r="38446" spans="8:8">
      <c r="H38446" s="12"/>
    </row>
    <row r="38447" spans="8:8">
      <c r="H38447" s="12"/>
    </row>
    <row r="38448" spans="8:8">
      <c r="H38448" s="12"/>
    </row>
    <row r="38449" spans="8:8">
      <c r="H38449" s="12"/>
    </row>
    <row r="38450" spans="8:8">
      <c r="H38450" s="12"/>
    </row>
    <row r="38451" spans="8:8">
      <c r="H38451" s="12"/>
    </row>
    <row r="38452" spans="8:8">
      <c r="H38452" s="12"/>
    </row>
    <row r="38453" spans="8:8">
      <c r="H38453" s="12"/>
    </row>
    <row r="38454" spans="8:8">
      <c r="H38454" s="12"/>
    </row>
    <row r="38455" spans="8:8">
      <c r="H38455" s="12"/>
    </row>
    <row r="38456" spans="8:8">
      <c r="H38456" s="12"/>
    </row>
    <row r="38457" spans="8:8">
      <c r="H38457" s="12"/>
    </row>
    <row r="38458" spans="8:8">
      <c r="H38458" s="12"/>
    </row>
    <row r="38459" spans="8:8">
      <c r="H38459" s="12"/>
    </row>
    <row r="38460" spans="8:8">
      <c r="H38460" s="12"/>
    </row>
    <row r="38461" spans="8:8">
      <c r="H38461" s="12"/>
    </row>
    <row r="38462" spans="8:8">
      <c r="H38462" s="12"/>
    </row>
    <row r="38463" spans="8:8">
      <c r="H38463" s="12"/>
    </row>
    <row r="38464" spans="8:8">
      <c r="H38464" s="12"/>
    </row>
    <row r="38465" spans="8:8">
      <c r="H38465" s="12"/>
    </row>
    <row r="38466" spans="8:8">
      <c r="H38466" s="12"/>
    </row>
    <row r="38467" spans="8:8">
      <c r="H38467" s="12"/>
    </row>
    <row r="38468" spans="8:8">
      <c r="H38468" s="12"/>
    </row>
    <row r="38469" spans="8:8">
      <c r="H38469" s="12"/>
    </row>
    <row r="38470" spans="8:8">
      <c r="H38470" s="12"/>
    </row>
    <row r="38471" spans="8:8">
      <c r="H38471" s="12"/>
    </row>
    <row r="38472" spans="8:8">
      <c r="H38472" s="12"/>
    </row>
    <row r="38473" spans="8:8">
      <c r="H38473" s="12"/>
    </row>
    <row r="38474" spans="8:8">
      <c r="H38474" s="12"/>
    </row>
    <row r="38475" spans="8:8">
      <c r="H38475" s="12"/>
    </row>
    <row r="38476" spans="8:8">
      <c r="H38476" s="12"/>
    </row>
    <row r="38477" spans="8:8">
      <c r="H38477" s="12"/>
    </row>
    <row r="38478" spans="8:8">
      <c r="H38478" s="12"/>
    </row>
    <row r="38479" spans="8:8">
      <c r="H38479" s="12"/>
    </row>
    <row r="38480" spans="8:8">
      <c r="H38480" s="12"/>
    </row>
    <row r="38481" spans="8:8">
      <c r="H38481" s="12"/>
    </row>
    <row r="38482" spans="8:8">
      <c r="H38482" s="12"/>
    </row>
    <row r="38483" spans="8:8">
      <c r="H38483" s="12"/>
    </row>
    <row r="38484" spans="8:8">
      <c r="H38484" s="12"/>
    </row>
    <row r="38485" spans="8:8">
      <c r="H38485" s="12"/>
    </row>
    <row r="38486" spans="8:8">
      <c r="H38486" s="12"/>
    </row>
    <row r="38487" spans="8:8">
      <c r="H38487" s="12"/>
    </row>
    <row r="38488" spans="8:8">
      <c r="H38488" s="12"/>
    </row>
    <row r="38489" spans="8:8">
      <c r="H38489" s="12"/>
    </row>
    <row r="38490" spans="8:8">
      <c r="H38490" s="12"/>
    </row>
    <row r="38491" spans="8:8">
      <c r="H38491" s="12"/>
    </row>
    <row r="38492" spans="8:8">
      <c r="H38492" s="12"/>
    </row>
    <row r="38493" spans="8:8">
      <c r="H38493" s="12"/>
    </row>
    <row r="38494" spans="8:8">
      <c r="H38494" s="12"/>
    </row>
    <row r="38495" spans="8:8">
      <c r="H38495" s="12"/>
    </row>
    <row r="38496" spans="8:8">
      <c r="H38496" s="12"/>
    </row>
    <row r="38497" spans="8:8">
      <c r="H38497" s="12"/>
    </row>
    <row r="38498" spans="8:8">
      <c r="H38498" s="12"/>
    </row>
    <row r="38499" spans="8:8">
      <c r="H38499" s="12"/>
    </row>
    <row r="38500" spans="8:8">
      <c r="H38500" s="12"/>
    </row>
    <row r="38501" spans="8:8">
      <c r="H38501" s="12"/>
    </row>
    <row r="38502" spans="8:8">
      <c r="H38502" s="12"/>
    </row>
    <row r="38503" spans="8:8">
      <c r="H38503" s="12"/>
    </row>
    <row r="38504" spans="8:8">
      <c r="H38504" s="12"/>
    </row>
    <row r="38505" spans="8:8">
      <c r="H38505" s="12"/>
    </row>
    <row r="38506" spans="8:8">
      <c r="H38506" s="12"/>
    </row>
    <row r="38507" spans="8:8">
      <c r="H38507" s="12"/>
    </row>
    <row r="38508" spans="8:8">
      <c r="H38508" s="12"/>
    </row>
    <row r="38509" spans="8:8">
      <c r="H38509" s="12"/>
    </row>
    <row r="38510" spans="8:8">
      <c r="H38510" s="12"/>
    </row>
    <row r="38511" spans="8:8">
      <c r="H38511" s="12"/>
    </row>
    <row r="38512" spans="8:8">
      <c r="H38512" s="12"/>
    </row>
    <row r="38513" spans="8:8">
      <c r="H38513" s="12"/>
    </row>
    <row r="38514" spans="8:8">
      <c r="H38514" s="12"/>
    </row>
    <row r="38515" spans="8:8">
      <c r="H38515" s="12"/>
    </row>
    <row r="38516" spans="8:8">
      <c r="H38516" s="12"/>
    </row>
    <row r="38517" spans="8:8">
      <c r="H38517" s="12"/>
    </row>
    <row r="38518" spans="8:8">
      <c r="H38518" s="12"/>
    </row>
    <row r="38519" spans="8:8">
      <c r="H38519" s="12"/>
    </row>
    <row r="38520" spans="8:8">
      <c r="H38520" s="12"/>
    </row>
    <row r="38521" spans="8:8">
      <c r="H38521" s="12"/>
    </row>
    <row r="38522" spans="8:8">
      <c r="H38522" s="12"/>
    </row>
    <row r="38523" spans="8:8">
      <c r="H38523" s="12"/>
    </row>
    <row r="38524" spans="8:8">
      <c r="H38524" s="12"/>
    </row>
    <row r="38525" spans="8:8">
      <c r="H38525" s="12"/>
    </row>
    <row r="38526" spans="8:8">
      <c r="H38526" s="12"/>
    </row>
    <row r="38527" spans="8:8">
      <c r="H38527" s="12"/>
    </row>
    <row r="38528" spans="8:8">
      <c r="H38528" s="12"/>
    </row>
    <row r="38529" spans="8:8">
      <c r="H38529" s="12"/>
    </row>
    <row r="38530" spans="8:8">
      <c r="H38530" s="12"/>
    </row>
    <row r="38531" spans="8:8">
      <c r="H38531" s="12"/>
    </row>
    <row r="38532" spans="8:8">
      <c r="H38532" s="12"/>
    </row>
    <row r="38533" spans="8:8">
      <c r="H38533" s="12"/>
    </row>
    <row r="38534" spans="8:8">
      <c r="H38534" s="12"/>
    </row>
    <row r="38535" spans="8:8">
      <c r="H38535" s="12"/>
    </row>
    <row r="38536" spans="8:8">
      <c r="H38536" s="12"/>
    </row>
    <row r="38537" spans="8:8">
      <c r="H38537" s="12"/>
    </row>
    <row r="38538" spans="8:8">
      <c r="H38538" s="12"/>
    </row>
    <row r="38539" spans="8:8">
      <c r="H38539" s="12"/>
    </row>
    <row r="38540" spans="8:8">
      <c r="H38540" s="12"/>
    </row>
    <row r="38541" spans="8:8">
      <c r="H38541" s="12"/>
    </row>
    <row r="38542" spans="8:8">
      <c r="H38542" s="12"/>
    </row>
    <row r="38543" spans="8:8">
      <c r="H38543" s="12"/>
    </row>
    <row r="38544" spans="8:8">
      <c r="H38544" s="12"/>
    </row>
    <row r="38545" spans="8:8">
      <c r="H38545" s="12"/>
    </row>
    <row r="38546" spans="8:8">
      <c r="H38546" s="12"/>
    </row>
    <row r="38547" spans="8:8">
      <c r="H38547" s="12"/>
    </row>
    <row r="38548" spans="8:8">
      <c r="H38548" s="12"/>
    </row>
    <row r="38549" spans="8:8">
      <c r="H38549" s="12"/>
    </row>
    <row r="38550" spans="8:8">
      <c r="H38550" s="12"/>
    </row>
    <row r="38551" spans="8:8">
      <c r="H38551" s="12"/>
    </row>
    <row r="38552" spans="8:8">
      <c r="H38552" s="12"/>
    </row>
    <row r="38553" spans="8:8">
      <c r="H38553" s="12"/>
    </row>
    <row r="38554" spans="8:8">
      <c r="H38554" s="12"/>
    </row>
    <row r="38555" spans="8:8">
      <c r="H38555" s="12"/>
    </row>
    <row r="38556" spans="8:8">
      <c r="H38556" s="12"/>
    </row>
    <row r="38557" spans="8:8">
      <c r="H38557" s="12"/>
    </row>
    <row r="38558" spans="8:8">
      <c r="H38558" s="12"/>
    </row>
    <row r="38559" spans="8:8">
      <c r="H38559" s="12"/>
    </row>
    <row r="38560" spans="8:8">
      <c r="H38560" s="12"/>
    </row>
    <row r="38561" spans="8:8">
      <c r="H38561" s="12"/>
    </row>
    <row r="38562" spans="8:8">
      <c r="H38562" s="12"/>
    </row>
    <row r="38563" spans="8:8">
      <c r="H38563" s="12"/>
    </row>
    <row r="38564" spans="8:8">
      <c r="H38564" s="12"/>
    </row>
    <row r="38565" spans="8:8">
      <c r="H38565" s="12"/>
    </row>
    <row r="38566" spans="8:8">
      <c r="H38566" s="12"/>
    </row>
    <row r="38567" spans="8:8">
      <c r="H38567" s="12"/>
    </row>
    <row r="38568" spans="8:8">
      <c r="H38568" s="12"/>
    </row>
    <row r="38569" spans="8:8">
      <c r="H38569" s="12"/>
    </row>
    <row r="38570" spans="8:8">
      <c r="H38570" s="12"/>
    </row>
    <row r="38571" spans="8:8">
      <c r="H38571" s="12"/>
    </row>
    <row r="38572" spans="8:8">
      <c r="H38572" s="12"/>
    </row>
    <row r="38573" spans="8:8">
      <c r="H38573" s="12"/>
    </row>
    <row r="38574" spans="8:8">
      <c r="H38574" s="12"/>
    </row>
    <row r="38575" spans="8:8">
      <c r="H38575" s="12"/>
    </row>
    <row r="38576" spans="8:8">
      <c r="H38576" s="12"/>
    </row>
    <row r="38577" spans="8:8">
      <c r="H38577" s="12"/>
    </row>
    <row r="38578" spans="8:8">
      <c r="H38578" s="12"/>
    </row>
    <row r="38579" spans="8:8">
      <c r="H38579" s="12"/>
    </row>
    <row r="38580" spans="8:8">
      <c r="H38580" s="12"/>
    </row>
    <row r="38581" spans="8:8">
      <c r="H38581" s="12"/>
    </row>
    <row r="38582" spans="8:8">
      <c r="H38582" s="12"/>
    </row>
    <row r="38583" spans="8:8">
      <c r="H38583" s="12"/>
    </row>
    <row r="38584" spans="8:8">
      <c r="H38584" s="12"/>
    </row>
    <row r="38585" spans="8:8">
      <c r="H38585" s="12"/>
    </row>
    <row r="38586" spans="8:8">
      <c r="H38586" s="12"/>
    </row>
    <row r="38587" spans="8:8">
      <c r="H38587" s="12"/>
    </row>
    <row r="38588" spans="8:8">
      <c r="H38588" s="12"/>
    </row>
    <row r="38589" spans="8:8">
      <c r="H38589" s="12"/>
    </row>
    <row r="38590" spans="8:8">
      <c r="H38590" s="12"/>
    </row>
    <row r="38591" spans="8:8">
      <c r="H38591" s="12"/>
    </row>
    <row r="38592" spans="8:8">
      <c r="H38592" s="12"/>
    </row>
    <row r="38593" spans="8:8">
      <c r="H38593" s="12"/>
    </row>
    <row r="38594" spans="8:8">
      <c r="H38594" s="12"/>
    </row>
    <row r="38595" spans="8:8">
      <c r="H38595" s="12"/>
    </row>
    <row r="38596" spans="8:8">
      <c r="H38596" s="12"/>
    </row>
    <row r="38597" spans="8:8">
      <c r="H38597" s="12"/>
    </row>
    <row r="38598" spans="8:8">
      <c r="H38598" s="12"/>
    </row>
    <row r="38599" spans="8:8">
      <c r="H38599" s="12"/>
    </row>
    <row r="38600" spans="8:8">
      <c r="H38600" s="12"/>
    </row>
    <row r="38601" spans="8:8">
      <c r="H38601" s="12"/>
    </row>
    <row r="38602" spans="8:8">
      <c r="H38602" s="12"/>
    </row>
    <row r="38603" spans="8:8">
      <c r="H38603" s="12"/>
    </row>
    <row r="38604" spans="8:8">
      <c r="H38604" s="12"/>
    </row>
    <row r="38605" spans="8:8">
      <c r="H38605" s="12"/>
    </row>
    <row r="38606" spans="8:8">
      <c r="H38606" s="12"/>
    </row>
    <row r="38607" spans="8:8">
      <c r="H38607" s="12"/>
    </row>
    <row r="38608" spans="8:8">
      <c r="H38608" s="12"/>
    </row>
    <row r="38609" spans="8:8">
      <c r="H38609" s="12"/>
    </row>
    <row r="38610" spans="8:8">
      <c r="H38610" s="12"/>
    </row>
    <row r="38611" spans="8:8">
      <c r="H38611" s="12"/>
    </row>
    <row r="38612" spans="8:8">
      <c r="H38612" s="12"/>
    </row>
    <row r="38613" spans="8:8">
      <c r="H38613" s="12"/>
    </row>
    <row r="38614" spans="8:8">
      <c r="H38614" s="12"/>
    </row>
    <row r="38615" spans="8:8">
      <c r="H38615" s="12"/>
    </row>
    <row r="38616" spans="8:8">
      <c r="H38616" s="12"/>
    </row>
    <row r="38617" spans="8:8">
      <c r="H38617" s="12"/>
    </row>
    <row r="38618" spans="8:8">
      <c r="H38618" s="12"/>
    </row>
    <row r="38619" spans="8:8">
      <c r="H38619" s="12"/>
    </row>
    <row r="38620" spans="8:8">
      <c r="H38620" s="12"/>
    </row>
    <row r="38621" spans="8:8">
      <c r="H38621" s="12"/>
    </row>
    <row r="38622" spans="8:8">
      <c r="H38622" s="12"/>
    </row>
    <row r="38623" spans="8:8">
      <c r="H38623" s="12"/>
    </row>
    <row r="38624" spans="8:8">
      <c r="H38624" s="12"/>
    </row>
    <row r="38625" spans="8:8">
      <c r="H38625" s="12"/>
    </row>
    <row r="38626" spans="8:8">
      <c r="H38626" s="12"/>
    </row>
    <row r="38627" spans="8:8">
      <c r="H38627" s="12"/>
    </row>
    <row r="38628" spans="8:8">
      <c r="H38628" s="12"/>
    </row>
    <row r="38629" spans="8:8">
      <c r="H38629" s="12"/>
    </row>
    <row r="38630" spans="8:8">
      <c r="H38630" s="12"/>
    </row>
    <row r="38631" spans="8:8">
      <c r="H38631" s="12"/>
    </row>
    <row r="38632" spans="8:8">
      <c r="H38632" s="12"/>
    </row>
    <row r="38633" spans="8:8">
      <c r="H38633" s="12"/>
    </row>
    <row r="38634" spans="8:8">
      <c r="H38634" s="12"/>
    </row>
    <row r="38635" spans="8:8">
      <c r="H38635" s="12"/>
    </row>
    <row r="38636" spans="8:8">
      <c r="H38636" s="12"/>
    </row>
    <row r="38637" spans="8:8">
      <c r="H38637" s="12"/>
    </row>
    <row r="38638" spans="8:8">
      <c r="H38638" s="12"/>
    </row>
    <row r="38639" spans="8:8">
      <c r="H38639" s="12"/>
    </row>
    <row r="38640" spans="8:8">
      <c r="H38640" s="12"/>
    </row>
    <row r="38641" spans="8:8">
      <c r="H38641" s="12"/>
    </row>
    <row r="38642" spans="8:8">
      <c r="H38642" s="12"/>
    </row>
    <row r="38643" spans="8:8">
      <c r="H38643" s="12"/>
    </row>
    <row r="38644" spans="8:8">
      <c r="H38644" s="12"/>
    </row>
    <row r="38645" spans="8:8">
      <c r="H38645" s="12"/>
    </row>
    <row r="38646" spans="8:8">
      <c r="H38646" s="12"/>
    </row>
    <row r="38647" spans="8:8">
      <c r="H38647" s="12"/>
    </row>
    <row r="38648" spans="8:8">
      <c r="H38648" s="12"/>
    </row>
    <row r="38649" spans="8:8">
      <c r="H38649" s="12"/>
    </row>
    <row r="38650" spans="8:8">
      <c r="H38650" s="12"/>
    </row>
    <row r="38651" spans="8:8">
      <c r="H38651" s="12"/>
    </row>
    <row r="38652" spans="8:8">
      <c r="H38652" s="12"/>
    </row>
    <row r="38653" spans="8:8">
      <c r="H38653" s="12"/>
    </row>
    <row r="38654" spans="8:8">
      <c r="H38654" s="12"/>
    </row>
    <row r="38655" spans="8:8">
      <c r="H38655" s="12"/>
    </row>
    <row r="38656" spans="8:8">
      <c r="H38656" s="12"/>
    </row>
    <row r="38657" spans="8:8">
      <c r="H38657" s="12"/>
    </row>
    <row r="38658" spans="8:8">
      <c r="H38658" s="12"/>
    </row>
    <row r="38659" spans="8:8">
      <c r="H38659" s="12"/>
    </row>
    <row r="38660" spans="8:8">
      <c r="H38660" s="12"/>
    </row>
    <row r="38661" spans="8:8">
      <c r="H38661" s="12"/>
    </row>
    <row r="38662" spans="8:8">
      <c r="H38662" s="12"/>
    </row>
    <row r="38663" spans="8:8">
      <c r="H38663" s="12"/>
    </row>
    <row r="38664" spans="8:8">
      <c r="H38664" s="12"/>
    </row>
    <row r="38665" spans="8:8">
      <c r="H38665" s="12"/>
    </row>
    <row r="38666" spans="8:8">
      <c r="H38666" s="12"/>
    </row>
    <row r="38667" spans="8:8">
      <c r="H38667" s="12"/>
    </row>
    <row r="38668" spans="8:8">
      <c r="H38668" s="12"/>
    </row>
    <row r="38669" spans="8:8">
      <c r="H38669" s="12"/>
    </row>
    <row r="38670" spans="8:8">
      <c r="H38670" s="12"/>
    </row>
    <row r="38671" spans="8:8">
      <c r="H38671" s="12"/>
    </row>
    <row r="38672" spans="8:8">
      <c r="H38672" s="12"/>
    </row>
    <row r="38673" spans="8:8">
      <c r="H38673" s="12"/>
    </row>
    <row r="38674" spans="8:8">
      <c r="H38674" s="12"/>
    </row>
    <row r="38675" spans="8:8">
      <c r="H38675" s="12"/>
    </row>
    <row r="38676" spans="8:8">
      <c r="H38676" s="12"/>
    </row>
    <row r="38677" spans="8:8">
      <c r="H38677" s="12"/>
    </row>
    <row r="38678" spans="8:8">
      <c r="H38678" s="12"/>
    </row>
    <row r="38679" spans="8:8">
      <c r="H38679" s="12"/>
    </row>
    <row r="38680" spans="8:8">
      <c r="H38680" s="12"/>
    </row>
    <row r="38681" spans="8:8">
      <c r="H38681" s="12"/>
    </row>
    <row r="38682" spans="8:8">
      <c r="H38682" s="12"/>
    </row>
    <row r="38683" spans="8:8">
      <c r="H38683" s="12"/>
    </row>
    <row r="38684" spans="8:8">
      <c r="H38684" s="12"/>
    </row>
    <row r="38685" spans="8:8">
      <c r="H38685" s="12"/>
    </row>
    <row r="38686" spans="8:8">
      <c r="H38686" s="12"/>
    </row>
    <row r="38687" spans="8:8">
      <c r="H38687" s="12"/>
    </row>
    <row r="38688" spans="8:8">
      <c r="H38688" s="12"/>
    </row>
    <row r="38689" spans="8:8">
      <c r="H38689" s="12"/>
    </row>
    <row r="38690" spans="8:8">
      <c r="H38690" s="12"/>
    </row>
    <row r="38691" spans="8:8">
      <c r="H38691" s="12"/>
    </row>
    <row r="38692" spans="8:8">
      <c r="H38692" s="12"/>
    </row>
    <row r="38693" spans="8:8">
      <c r="H38693" s="12"/>
    </row>
    <row r="38694" spans="8:8">
      <c r="H38694" s="12"/>
    </row>
    <row r="38695" spans="8:8">
      <c r="H38695" s="12"/>
    </row>
    <row r="38696" spans="8:8">
      <c r="H38696" s="12"/>
    </row>
    <row r="38697" spans="8:8">
      <c r="H38697" s="12"/>
    </row>
    <row r="38698" spans="8:8">
      <c r="H38698" s="12"/>
    </row>
    <row r="38699" spans="8:8">
      <c r="H38699" s="12"/>
    </row>
    <row r="38700" spans="8:8">
      <c r="H38700" s="12"/>
    </row>
    <row r="38701" spans="8:8">
      <c r="H38701" s="12"/>
    </row>
    <row r="38702" spans="8:8">
      <c r="H38702" s="12"/>
    </row>
    <row r="38703" spans="8:8">
      <c r="H38703" s="12"/>
    </row>
    <row r="38704" spans="8:8">
      <c r="H38704" s="12"/>
    </row>
    <row r="38705" spans="8:8">
      <c r="H38705" s="12"/>
    </row>
    <row r="38706" spans="8:8">
      <c r="H38706" s="12"/>
    </row>
    <row r="38707" spans="8:8">
      <c r="H38707" s="12"/>
    </row>
    <row r="38708" spans="8:8">
      <c r="H38708" s="12"/>
    </row>
    <row r="38709" spans="8:8">
      <c r="H38709" s="12"/>
    </row>
    <row r="38710" spans="8:8">
      <c r="H38710" s="12"/>
    </row>
    <row r="38711" spans="8:8">
      <c r="H38711" s="12"/>
    </row>
    <row r="38712" spans="8:8">
      <c r="H38712" s="12"/>
    </row>
    <row r="38713" spans="8:8">
      <c r="H38713" s="12"/>
    </row>
    <row r="38714" spans="8:8">
      <c r="H38714" s="12"/>
    </row>
    <row r="38715" spans="8:8">
      <c r="H38715" s="12"/>
    </row>
    <row r="38716" spans="8:8">
      <c r="H38716" s="12"/>
    </row>
    <row r="38717" spans="8:8">
      <c r="H38717" s="12"/>
    </row>
    <row r="38718" spans="8:8">
      <c r="H38718" s="12"/>
    </row>
    <row r="38719" spans="8:8">
      <c r="H38719" s="12"/>
    </row>
    <row r="38720" spans="8:8">
      <c r="H38720" s="12"/>
    </row>
    <row r="38721" spans="8:8">
      <c r="H38721" s="12"/>
    </row>
    <row r="38722" spans="8:8">
      <c r="H38722" s="12"/>
    </row>
    <row r="38723" spans="8:8">
      <c r="H38723" s="12"/>
    </row>
    <row r="38724" spans="8:8">
      <c r="H38724" s="12"/>
    </row>
    <row r="38725" spans="8:8">
      <c r="H38725" s="12"/>
    </row>
    <row r="38726" spans="8:8">
      <c r="H38726" s="12"/>
    </row>
    <row r="38727" spans="8:8">
      <c r="H38727" s="12"/>
    </row>
    <row r="38728" spans="8:8">
      <c r="H38728" s="12"/>
    </row>
    <row r="38729" spans="8:8">
      <c r="H38729" s="12"/>
    </row>
    <row r="38730" spans="8:8">
      <c r="H38730" s="12"/>
    </row>
    <row r="38731" spans="8:8">
      <c r="H38731" s="12"/>
    </row>
    <row r="38732" spans="8:8">
      <c r="H38732" s="12"/>
    </row>
    <row r="38733" spans="8:8">
      <c r="H38733" s="12"/>
    </row>
    <row r="38734" spans="8:8">
      <c r="H38734" s="12"/>
    </row>
    <row r="38735" spans="8:8">
      <c r="H38735" s="12"/>
    </row>
    <row r="38736" spans="8:8">
      <c r="H38736" s="12"/>
    </row>
    <row r="38737" spans="8:8">
      <c r="H38737" s="12"/>
    </row>
    <row r="38738" spans="8:8">
      <c r="H38738" s="12"/>
    </row>
    <row r="38739" spans="8:8">
      <c r="H38739" s="12"/>
    </row>
    <row r="38740" spans="8:8">
      <c r="H38740" s="12"/>
    </row>
    <row r="38741" spans="8:8">
      <c r="H38741" s="12"/>
    </row>
    <row r="38742" spans="8:8">
      <c r="H38742" s="12"/>
    </row>
    <row r="38743" spans="8:8">
      <c r="H38743" s="12"/>
    </row>
    <row r="38744" spans="8:8">
      <c r="H38744" s="12"/>
    </row>
    <row r="38745" spans="8:8">
      <c r="H38745" s="12"/>
    </row>
    <row r="38746" spans="8:8">
      <c r="H38746" s="12"/>
    </row>
    <row r="38747" spans="8:8">
      <c r="H38747" s="12"/>
    </row>
    <row r="38748" spans="8:8">
      <c r="H38748" s="12"/>
    </row>
    <row r="38749" spans="8:8">
      <c r="H38749" s="12"/>
    </row>
    <row r="38750" spans="8:8">
      <c r="H38750" s="12"/>
    </row>
    <row r="38751" spans="8:8">
      <c r="H38751" s="12"/>
    </row>
    <row r="38752" spans="8:8">
      <c r="H38752" s="12"/>
    </row>
    <row r="38753" spans="8:8">
      <c r="H38753" s="12"/>
    </row>
    <row r="38754" spans="8:8">
      <c r="H38754" s="12"/>
    </row>
    <row r="38755" spans="8:8">
      <c r="H38755" s="12"/>
    </row>
    <row r="38756" spans="8:8">
      <c r="H38756" s="12"/>
    </row>
    <row r="38757" spans="8:8">
      <c r="H38757" s="12"/>
    </row>
    <row r="38758" spans="8:8">
      <c r="H38758" s="12"/>
    </row>
    <row r="38759" spans="8:8">
      <c r="H38759" s="12"/>
    </row>
    <row r="38760" spans="8:8">
      <c r="H38760" s="12"/>
    </row>
    <row r="38761" spans="8:8">
      <c r="H38761" s="12"/>
    </row>
    <row r="38762" spans="8:8">
      <c r="H38762" s="12"/>
    </row>
    <row r="38763" spans="8:8">
      <c r="H38763" s="12"/>
    </row>
    <row r="38764" spans="8:8">
      <c r="H38764" s="12"/>
    </row>
    <row r="38765" spans="8:8">
      <c r="H38765" s="12"/>
    </row>
    <row r="38766" spans="8:8">
      <c r="H38766" s="12"/>
    </row>
    <row r="38767" spans="8:8">
      <c r="H38767" s="12"/>
    </row>
    <row r="38768" spans="8:8">
      <c r="H38768" s="12"/>
    </row>
    <row r="38769" spans="8:8">
      <c r="H38769" s="12"/>
    </row>
    <row r="38770" spans="8:8">
      <c r="H38770" s="12"/>
    </row>
    <row r="38771" spans="8:8">
      <c r="H38771" s="12"/>
    </row>
    <row r="38772" spans="8:8">
      <c r="H38772" s="12"/>
    </row>
    <row r="38773" spans="8:8">
      <c r="H38773" s="12"/>
    </row>
    <row r="38774" spans="8:8">
      <c r="H38774" s="12"/>
    </row>
    <row r="38775" spans="8:8">
      <c r="H38775" s="12"/>
    </row>
    <row r="38776" spans="8:8">
      <c r="H38776" s="12"/>
    </row>
    <row r="38777" spans="8:8">
      <c r="H38777" s="12"/>
    </row>
    <row r="38778" spans="8:8">
      <c r="H38778" s="12"/>
    </row>
    <row r="38779" spans="8:8">
      <c r="H38779" s="12"/>
    </row>
    <row r="38780" spans="8:8">
      <c r="H38780" s="12"/>
    </row>
    <row r="38781" spans="8:8">
      <c r="H38781" s="12"/>
    </row>
    <row r="38782" spans="8:8">
      <c r="H38782" s="12"/>
    </row>
    <row r="38783" spans="8:8">
      <c r="H38783" s="12"/>
    </row>
    <row r="38784" spans="8:8">
      <c r="H38784" s="12"/>
    </row>
    <row r="38785" spans="8:8">
      <c r="H38785" s="12"/>
    </row>
    <row r="38786" spans="8:8">
      <c r="H38786" s="12"/>
    </row>
    <row r="38787" spans="8:8">
      <c r="H38787" s="12"/>
    </row>
    <row r="38788" spans="8:8">
      <c r="H38788" s="12"/>
    </row>
    <row r="38789" spans="8:8">
      <c r="H38789" s="12"/>
    </row>
    <row r="38790" spans="8:8">
      <c r="H38790" s="12"/>
    </row>
    <row r="38791" spans="8:8">
      <c r="H38791" s="12"/>
    </row>
    <row r="38792" spans="8:8">
      <c r="H38792" s="12"/>
    </row>
    <row r="38793" spans="8:8">
      <c r="H38793" s="12"/>
    </row>
    <row r="38794" spans="8:8">
      <c r="H38794" s="12"/>
    </row>
    <row r="38795" spans="8:8">
      <c r="H38795" s="12"/>
    </row>
    <row r="38796" spans="8:8">
      <c r="H38796" s="12"/>
    </row>
    <row r="38797" spans="8:8">
      <c r="H38797" s="12"/>
    </row>
    <row r="38798" spans="8:8">
      <c r="H38798" s="12"/>
    </row>
    <row r="38799" spans="8:8">
      <c r="H38799" s="12"/>
    </row>
    <row r="38800" spans="8:8">
      <c r="H38800" s="12"/>
    </row>
    <row r="38801" spans="8:8">
      <c r="H38801" s="12"/>
    </row>
    <row r="38802" spans="8:8">
      <c r="H38802" s="12"/>
    </row>
    <row r="38803" spans="8:8">
      <c r="H38803" s="12"/>
    </row>
    <row r="38804" spans="8:8">
      <c r="H38804" s="12"/>
    </row>
    <row r="38805" spans="8:8">
      <c r="H38805" s="12"/>
    </row>
    <row r="38806" spans="8:8">
      <c r="H38806" s="12"/>
    </row>
    <row r="38807" spans="8:8">
      <c r="H38807" s="12"/>
    </row>
    <row r="38808" spans="8:8">
      <c r="H38808" s="12"/>
    </row>
    <row r="38809" spans="8:8">
      <c r="H38809" s="12"/>
    </row>
    <row r="38810" spans="8:8">
      <c r="H38810" s="12"/>
    </row>
    <row r="38811" spans="8:8">
      <c r="H38811" s="12"/>
    </row>
    <row r="38812" spans="8:8">
      <c r="H38812" s="12"/>
    </row>
    <row r="38813" spans="8:8">
      <c r="H38813" s="12"/>
    </row>
    <row r="38814" spans="8:8">
      <c r="H38814" s="12"/>
    </row>
    <row r="38815" spans="8:8">
      <c r="H38815" s="12"/>
    </row>
    <row r="38816" spans="8:8">
      <c r="H38816" s="12"/>
    </row>
    <row r="38817" spans="8:8">
      <c r="H38817" s="12"/>
    </row>
    <row r="38818" spans="8:8">
      <c r="H38818" s="12"/>
    </row>
    <row r="38819" spans="8:8">
      <c r="H38819" s="12"/>
    </row>
    <row r="38820" spans="8:8">
      <c r="H38820" s="12"/>
    </row>
    <row r="38821" spans="8:8">
      <c r="H38821" s="12"/>
    </row>
    <row r="38822" spans="8:8">
      <c r="H38822" s="12"/>
    </row>
    <row r="38823" spans="8:8">
      <c r="H38823" s="12"/>
    </row>
    <row r="38824" spans="8:8">
      <c r="H38824" s="12"/>
    </row>
    <row r="38825" spans="8:8">
      <c r="H38825" s="12"/>
    </row>
    <row r="38826" spans="8:8">
      <c r="H38826" s="12"/>
    </row>
    <row r="38827" spans="8:8">
      <c r="H38827" s="12"/>
    </row>
    <row r="38828" spans="8:8">
      <c r="H38828" s="12"/>
    </row>
    <row r="38829" spans="8:8">
      <c r="H38829" s="12"/>
    </row>
    <row r="38830" spans="8:8">
      <c r="H38830" s="12"/>
    </row>
    <row r="38831" spans="8:8">
      <c r="H38831" s="12"/>
    </row>
    <row r="38832" spans="8:8">
      <c r="H38832" s="12"/>
    </row>
    <row r="38833" spans="8:8">
      <c r="H38833" s="12"/>
    </row>
    <row r="38834" spans="8:8">
      <c r="H38834" s="12"/>
    </row>
    <row r="38835" spans="8:8">
      <c r="H38835" s="12"/>
    </row>
    <row r="38836" spans="8:8">
      <c r="H38836" s="12"/>
    </row>
    <row r="38837" spans="8:8">
      <c r="H38837" s="12"/>
    </row>
    <row r="38838" spans="8:8">
      <c r="H38838" s="12"/>
    </row>
    <row r="38839" spans="8:8">
      <c r="H38839" s="12"/>
    </row>
    <row r="38840" spans="8:8">
      <c r="H38840" s="12"/>
    </row>
    <row r="38841" spans="8:8">
      <c r="H38841" s="12"/>
    </row>
    <row r="38842" spans="8:8">
      <c r="H38842" s="12"/>
    </row>
    <row r="38843" spans="8:8">
      <c r="H38843" s="12"/>
    </row>
    <row r="38844" spans="8:8">
      <c r="H38844" s="12"/>
    </row>
    <row r="38845" spans="8:8">
      <c r="H38845" s="12"/>
    </row>
    <row r="38846" spans="8:8">
      <c r="H38846" s="12"/>
    </row>
    <row r="38847" spans="8:8">
      <c r="H38847" s="12"/>
    </row>
    <row r="38848" spans="8:8">
      <c r="H38848" s="12"/>
    </row>
    <row r="38849" spans="8:8">
      <c r="H38849" s="12"/>
    </row>
    <row r="38850" spans="8:8">
      <c r="H38850" s="12"/>
    </row>
    <row r="38851" spans="8:8">
      <c r="H38851" s="12"/>
    </row>
    <row r="38852" spans="8:8">
      <c r="H38852" s="12"/>
    </row>
    <row r="38853" spans="8:8">
      <c r="H38853" s="12"/>
    </row>
    <row r="38854" spans="8:8">
      <c r="H38854" s="12"/>
    </row>
    <row r="38855" spans="8:8">
      <c r="H38855" s="12"/>
    </row>
    <row r="38856" spans="8:8">
      <c r="H38856" s="12"/>
    </row>
    <row r="38857" spans="8:8">
      <c r="H38857" s="12"/>
    </row>
    <row r="38858" spans="8:8">
      <c r="H38858" s="12"/>
    </row>
    <row r="38859" spans="8:8">
      <c r="H38859" s="12"/>
    </row>
    <row r="38860" spans="8:8">
      <c r="H38860" s="12"/>
    </row>
    <row r="38861" spans="8:8">
      <c r="H38861" s="12"/>
    </row>
    <row r="38862" spans="8:8">
      <c r="H38862" s="12"/>
    </row>
    <row r="38863" spans="8:8">
      <c r="H38863" s="12"/>
    </row>
    <row r="38864" spans="8:8">
      <c r="H38864" s="12"/>
    </row>
    <row r="38865" spans="8:8">
      <c r="H38865" s="12"/>
    </row>
    <row r="38866" spans="8:8">
      <c r="H38866" s="12"/>
    </row>
    <row r="38867" spans="8:8">
      <c r="H38867" s="12"/>
    </row>
    <row r="38868" spans="8:8">
      <c r="H38868" s="12"/>
    </row>
    <row r="38869" spans="8:8">
      <c r="H38869" s="12"/>
    </row>
    <row r="38870" spans="8:8">
      <c r="H38870" s="12"/>
    </row>
    <row r="38871" spans="8:8">
      <c r="H38871" s="12"/>
    </row>
    <row r="38872" spans="8:8">
      <c r="H38872" s="12"/>
    </row>
    <row r="38873" spans="8:8">
      <c r="H38873" s="12"/>
    </row>
    <row r="38874" spans="8:8">
      <c r="H38874" s="12"/>
    </row>
    <row r="38875" spans="8:8">
      <c r="H38875" s="12"/>
    </row>
    <row r="38876" spans="8:8">
      <c r="H38876" s="12"/>
    </row>
    <row r="38877" spans="8:8">
      <c r="H38877" s="12"/>
    </row>
    <row r="38878" spans="8:8">
      <c r="H38878" s="12"/>
    </row>
    <row r="38879" spans="8:8">
      <c r="H38879" s="12"/>
    </row>
    <row r="38880" spans="8:8">
      <c r="H38880" s="12"/>
    </row>
    <row r="38881" spans="8:8">
      <c r="H38881" s="12"/>
    </row>
    <row r="38882" spans="8:8">
      <c r="H38882" s="12"/>
    </row>
    <row r="38883" spans="8:8">
      <c r="H38883" s="12"/>
    </row>
    <row r="38884" spans="8:8">
      <c r="H38884" s="12"/>
    </row>
    <row r="38885" spans="8:8">
      <c r="H38885" s="12"/>
    </row>
    <row r="38886" spans="8:8">
      <c r="H38886" s="12"/>
    </row>
    <row r="38887" spans="8:8">
      <c r="H38887" s="12"/>
    </row>
    <row r="38888" spans="8:8">
      <c r="H38888" s="12"/>
    </row>
    <row r="38889" spans="8:8">
      <c r="H38889" s="12"/>
    </row>
    <row r="38890" spans="8:8">
      <c r="H38890" s="12"/>
    </row>
    <row r="38891" spans="8:8">
      <c r="H38891" s="12"/>
    </row>
    <row r="38892" spans="8:8">
      <c r="H38892" s="12"/>
    </row>
    <row r="38893" spans="8:8">
      <c r="H38893" s="12"/>
    </row>
    <row r="38894" spans="8:8">
      <c r="H38894" s="12"/>
    </row>
    <row r="38895" spans="8:8">
      <c r="H38895" s="12"/>
    </row>
    <row r="38896" spans="8:8">
      <c r="H38896" s="12"/>
    </row>
    <row r="38897" spans="8:8">
      <c r="H38897" s="12"/>
    </row>
    <row r="38898" spans="8:8">
      <c r="H38898" s="12"/>
    </row>
    <row r="38899" spans="8:8">
      <c r="H38899" s="12"/>
    </row>
    <row r="38900" spans="8:8">
      <c r="H38900" s="12"/>
    </row>
    <row r="38901" spans="8:8">
      <c r="H38901" s="12"/>
    </row>
    <row r="38902" spans="8:8">
      <c r="H38902" s="12"/>
    </row>
    <row r="38903" spans="8:8">
      <c r="H38903" s="12"/>
    </row>
    <row r="38904" spans="8:8">
      <c r="H38904" s="12"/>
    </row>
    <row r="38905" spans="8:8">
      <c r="H38905" s="12"/>
    </row>
    <row r="38906" spans="8:8">
      <c r="H38906" s="12"/>
    </row>
    <row r="38907" spans="8:8">
      <c r="H38907" s="12"/>
    </row>
    <row r="38908" spans="8:8">
      <c r="H38908" s="12"/>
    </row>
    <row r="38909" spans="8:8">
      <c r="H38909" s="12"/>
    </row>
    <row r="38910" spans="8:8">
      <c r="H38910" s="12"/>
    </row>
    <row r="38911" spans="8:8">
      <c r="H38911" s="12"/>
    </row>
    <row r="38912" spans="8:8">
      <c r="H38912" s="12"/>
    </row>
    <row r="38913" spans="8:8">
      <c r="H38913" s="12"/>
    </row>
    <row r="38914" spans="8:8">
      <c r="H38914" s="12"/>
    </row>
    <row r="38915" spans="8:8">
      <c r="H38915" s="12"/>
    </row>
    <row r="38916" spans="8:8">
      <c r="H38916" s="12"/>
    </row>
    <row r="38917" spans="8:8">
      <c r="H38917" s="12"/>
    </row>
    <row r="38918" spans="8:8">
      <c r="H38918" s="12"/>
    </row>
    <row r="38919" spans="8:8">
      <c r="H38919" s="12"/>
    </row>
    <row r="38920" spans="8:8">
      <c r="H38920" s="12"/>
    </row>
    <row r="38921" spans="8:8">
      <c r="H38921" s="12"/>
    </row>
    <row r="38922" spans="8:8">
      <c r="H38922" s="12"/>
    </row>
    <row r="38923" spans="8:8">
      <c r="H38923" s="12"/>
    </row>
    <row r="38924" spans="8:8">
      <c r="H38924" s="12"/>
    </row>
    <row r="38925" spans="8:8">
      <c r="H38925" s="12"/>
    </row>
    <row r="38926" spans="8:8">
      <c r="H38926" s="12"/>
    </row>
    <row r="38927" spans="8:8">
      <c r="H38927" s="12"/>
    </row>
    <row r="38928" spans="8:8">
      <c r="H38928" s="12"/>
    </row>
    <row r="38929" spans="8:8">
      <c r="H38929" s="12"/>
    </row>
    <row r="38930" spans="8:8">
      <c r="H38930" s="12"/>
    </row>
    <row r="38931" spans="8:8">
      <c r="H38931" s="12"/>
    </row>
    <row r="38932" spans="8:8">
      <c r="H38932" s="12"/>
    </row>
    <row r="38933" spans="8:8">
      <c r="H38933" s="12"/>
    </row>
    <row r="38934" spans="8:8">
      <c r="H38934" s="12"/>
    </row>
    <row r="38935" spans="8:8">
      <c r="H38935" s="12"/>
    </row>
    <row r="38936" spans="8:8">
      <c r="H38936" s="12"/>
    </row>
    <row r="38937" spans="8:8">
      <c r="H38937" s="12"/>
    </row>
    <row r="38938" spans="8:8">
      <c r="H38938" s="12"/>
    </row>
    <row r="38939" spans="8:8">
      <c r="H38939" s="12"/>
    </row>
    <row r="38940" spans="8:8">
      <c r="H38940" s="12"/>
    </row>
    <row r="38941" spans="8:8">
      <c r="H38941" s="12"/>
    </row>
    <row r="38942" spans="8:8">
      <c r="H38942" s="12"/>
    </row>
    <row r="38943" spans="8:8">
      <c r="H38943" s="12"/>
    </row>
    <row r="38944" spans="8:8">
      <c r="H38944" s="12"/>
    </row>
    <row r="38945" spans="8:8">
      <c r="H38945" s="12"/>
    </row>
    <row r="38946" spans="8:8">
      <c r="H38946" s="12"/>
    </row>
    <row r="38947" spans="8:8">
      <c r="H38947" s="12"/>
    </row>
    <row r="38948" spans="8:8">
      <c r="H38948" s="12"/>
    </row>
    <row r="38949" spans="8:8">
      <c r="H38949" s="12"/>
    </row>
    <row r="38950" spans="8:8">
      <c r="H38950" s="12"/>
    </row>
    <row r="38951" spans="8:8">
      <c r="H38951" s="12"/>
    </row>
    <row r="38952" spans="8:8">
      <c r="H38952" s="12"/>
    </row>
    <row r="38953" spans="8:8">
      <c r="H38953" s="12"/>
    </row>
    <row r="38954" spans="8:8">
      <c r="H38954" s="12"/>
    </row>
    <row r="38955" spans="8:8">
      <c r="H38955" s="12"/>
    </row>
    <row r="38956" spans="8:8">
      <c r="H38956" s="12"/>
    </row>
    <row r="38957" spans="8:8">
      <c r="H38957" s="12"/>
    </row>
    <row r="38958" spans="8:8">
      <c r="H38958" s="12"/>
    </row>
    <row r="38959" spans="8:8">
      <c r="H38959" s="12"/>
    </row>
    <row r="38960" spans="8:8">
      <c r="H38960" s="12"/>
    </row>
    <row r="38961" spans="8:8">
      <c r="H38961" s="12"/>
    </row>
    <row r="38962" spans="8:8">
      <c r="H38962" s="12"/>
    </row>
    <row r="38963" spans="8:8">
      <c r="H38963" s="12"/>
    </row>
    <row r="38964" spans="8:8">
      <c r="H38964" s="12"/>
    </row>
    <row r="38965" spans="8:8">
      <c r="H38965" s="12"/>
    </row>
    <row r="38966" spans="8:8">
      <c r="H38966" s="12"/>
    </row>
    <row r="38967" spans="8:8">
      <c r="H38967" s="12"/>
    </row>
    <row r="38968" spans="8:8">
      <c r="H38968" s="12"/>
    </row>
    <row r="38969" spans="8:8">
      <c r="H38969" s="12"/>
    </row>
    <row r="38970" spans="8:8">
      <c r="H38970" s="12"/>
    </row>
    <row r="38971" spans="8:8">
      <c r="H38971" s="12"/>
    </row>
    <row r="38972" spans="8:8">
      <c r="H38972" s="12"/>
    </row>
    <row r="38973" spans="8:8">
      <c r="H38973" s="12"/>
    </row>
    <row r="38974" spans="8:8">
      <c r="H38974" s="12"/>
    </row>
    <row r="38975" spans="8:8">
      <c r="H38975" s="12"/>
    </row>
    <row r="38976" spans="8:8">
      <c r="H38976" s="12"/>
    </row>
    <row r="38977" spans="8:8">
      <c r="H38977" s="12"/>
    </row>
    <row r="38978" spans="8:8">
      <c r="H38978" s="12"/>
    </row>
    <row r="38979" spans="8:8">
      <c r="H38979" s="12"/>
    </row>
    <row r="38980" spans="8:8">
      <c r="H38980" s="12"/>
    </row>
    <row r="38981" spans="8:8">
      <c r="H38981" s="12"/>
    </row>
    <row r="38982" spans="8:8">
      <c r="H38982" s="12"/>
    </row>
    <row r="38983" spans="8:8">
      <c r="H38983" s="12"/>
    </row>
    <row r="38984" spans="8:8">
      <c r="H38984" s="12"/>
    </row>
    <row r="38985" spans="8:8">
      <c r="H38985" s="12"/>
    </row>
    <row r="38986" spans="8:8">
      <c r="H38986" s="12"/>
    </row>
    <row r="38987" spans="8:8">
      <c r="H38987" s="12"/>
    </row>
    <row r="38988" spans="8:8">
      <c r="H38988" s="12"/>
    </row>
    <row r="38989" spans="8:8">
      <c r="H38989" s="12"/>
    </row>
    <row r="38990" spans="8:8">
      <c r="H38990" s="12"/>
    </row>
    <row r="38991" spans="8:8">
      <c r="H38991" s="12"/>
    </row>
    <row r="38992" spans="8:8">
      <c r="H38992" s="12"/>
    </row>
    <row r="38993" spans="8:8">
      <c r="H38993" s="12"/>
    </row>
    <row r="38994" spans="8:8">
      <c r="H38994" s="12"/>
    </row>
    <row r="38995" spans="8:8">
      <c r="H38995" s="12"/>
    </row>
    <row r="38996" spans="8:8">
      <c r="H38996" s="12"/>
    </row>
    <row r="38997" spans="8:8">
      <c r="H38997" s="12"/>
    </row>
    <row r="38998" spans="8:8">
      <c r="H38998" s="12"/>
    </row>
    <row r="38999" spans="8:8">
      <c r="H38999" s="12"/>
    </row>
    <row r="39000" spans="8:8">
      <c r="H39000" s="12"/>
    </row>
    <row r="39001" spans="8:8">
      <c r="H39001" s="12"/>
    </row>
    <row r="39002" spans="8:8">
      <c r="H39002" s="12"/>
    </row>
    <row r="39003" spans="8:8">
      <c r="H39003" s="12"/>
    </row>
    <row r="39004" spans="8:8">
      <c r="H39004" s="12"/>
    </row>
    <row r="39005" spans="8:8">
      <c r="H39005" s="12"/>
    </row>
    <row r="39006" spans="8:8">
      <c r="H39006" s="12"/>
    </row>
    <row r="39007" spans="8:8">
      <c r="H39007" s="12"/>
    </row>
    <row r="39008" spans="8:8">
      <c r="H39008" s="12"/>
    </row>
    <row r="39009" spans="8:8">
      <c r="H39009" s="12"/>
    </row>
    <row r="39010" spans="8:8">
      <c r="H39010" s="12"/>
    </row>
    <row r="39011" spans="8:8">
      <c r="H39011" s="12"/>
    </row>
    <row r="39012" spans="8:8">
      <c r="H39012" s="12"/>
    </row>
    <row r="39013" spans="8:8">
      <c r="H39013" s="12"/>
    </row>
    <row r="39014" spans="8:8">
      <c r="H39014" s="12"/>
    </row>
    <row r="39015" spans="8:8">
      <c r="H39015" s="12"/>
    </row>
    <row r="39016" spans="8:8">
      <c r="H39016" s="12"/>
    </row>
    <row r="39017" spans="8:8">
      <c r="H39017" s="12"/>
    </row>
    <row r="39018" spans="8:8">
      <c r="H39018" s="12"/>
    </row>
    <row r="39019" spans="8:8">
      <c r="H39019" s="12"/>
    </row>
    <row r="39020" spans="8:8">
      <c r="H39020" s="12"/>
    </row>
    <row r="39021" spans="8:8">
      <c r="H39021" s="12"/>
    </row>
    <row r="39022" spans="8:8">
      <c r="H39022" s="12"/>
    </row>
    <row r="39023" spans="8:8">
      <c r="H39023" s="12"/>
    </row>
    <row r="39024" spans="8:8">
      <c r="H39024" s="12"/>
    </row>
    <row r="39025" spans="8:8">
      <c r="H39025" s="12"/>
    </row>
    <row r="39026" spans="8:8">
      <c r="H39026" s="12"/>
    </row>
    <row r="39027" spans="8:8">
      <c r="H39027" s="12"/>
    </row>
    <row r="39028" spans="8:8">
      <c r="H39028" s="12"/>
    </row>
    <row r="39029" spans="8:8">
      <c r="H39029" s="12"/>
    </row>
    <row r="39030" spans="8:8">
      <c r="H39030" s="12"/>
    </row>
    <row r="39031" spans="8:8">
      <c r="H39031" s="12"/>
    </row>
    <row r="39032" spans="8:8">
      <c r="H39032" s="12"/>
    </row>
    <row r="39033" spans="8:8">
      <c r="H39033" s="12"/>
    </row>
    <row r="39034" spans="8:8">
      <c r="H39034" s="12"/>
    </row>
    <row r="39035" spans="8:8">
      <c r="H39035" s="12"/>
    </row>
    <row r="39036" spans="8:8">
      <c r="H39036" s="12"/>
    </row>
    <row r="39037" spans="8:8">
      <c r="H39037" s="12"/>
    </row>
    <row r="39038" spans="8:8">
      <c r="H39038" s="12"/>
    </row>
    <row r="39039" spans="8:8">
      <c r="H39039" s="12"/>
    </row>
    <row r="39040" spans="8:8">
      <c r="H39040" s="12"/>
    </row>
    <row r="39041" spans="8:8">
      <c r="H39041" s="12"/>
    </row>
    <row r="39042" spans="8:8">
      <c r="H39042" s="12"/>
    </row>
    <row r="39043" spans="8:8">
      <c r="H39043" s="12"/>
    </row>
    <row r="39044" spans="8:8">
      <c r="H39044" s="12"/>
    </row>
    <row r="39045" spans="8:8">
      <c r="H39045" s="12"/>
    </row>
    <row r="39046" spans="8:8">
      <c r="H39046" s="12"/>
    </row>
    <row r="39047" spans="8:8">
      <c r="H39047" s="12"/>
    </row>
    <row r="39048" spans="8:8">
      <c r="H39048" s="12"/>
    </row>
    <row r="39049" spans="8:8">
      <c r="H39049" s="12"/>
    </row>
    <row r="39050" spans="8:8">
      <c r="H39050" s="12"/>
    </row>
    <row r="39051" spans="8:8">
      <c r="H39051" s="12"/>
    </row>
    <row r="39052" spans="8:8">
      <c r="H39052" s="12"/>
    </row>
    <row r="39053" spans="8:8">
      <c r="H39053" s="12"/>
    </row>
    <row r="39054" spans="8:8">
      <c r="H39054" s="12"/>
    </row>
    <row r="39055" spans="8:8">
      <c r="H39055" s="12"/>
    </row>
    <row r="39056" spans="8:8">
      <c r="H39056" s="12"/>
    </row>
    <row r="39057" spans="8:8">
      <c r="H39057" s="12"/>
    </row>
    <row r="39058" spans="8:8">
      <c r="H39058" s="12"/>
    </row>
    <row r="39059" spans="8:8">
      <c r="H39059" s="12"/>
    </row>
    <row r="39060" spans="8:8">
      <c r="H39060" s="12"/>
    </row>
    <row r="39061" spans="8:8">
      <c r="H39061" s="12"/>
    </row>
    <row r="39062" spans="8:8">
      <c r="H39062" s="12"/>
    </row>
    <row r="39063" spans="8:8">
      <c r="H39063" s="12"/>
    </row>
    <row r="39064" spans="8:8">
      <c r="H39064" s="12"/>
    </row>
    <row r="39065" spans="8:8">
      <c r="H39065" s="12"/>
    </row>
    <row r="39066" spans="8:8">
      <c r="H39066" s="12"/>
    </row>
    <row r="39067" spans="8:8">
      <c r="H39067" s="12"/>
    </row>
    <row r="39068" spans="8:8">
      <c r="H39068" s="12"/>
    </row>
    <row r="39069" spans="8:8">
      <c r="H39069" s="12"/>
    </row>
    <row r="39070" spans="8:8">
      <c r="H39070" s="12"/>
    </row>
    <row r="39071" spans="8:8">
      <c r="H39071" s="12"/>
    </row>
    <row r="39072" spans="8:8">
      <c r="H39072" s="12"/>
    </row>
    <row r="39073" spans="8:8">
      <c r="H39073" s="12"/>
    </row>
    <row r="39074" spans="8:8">
      <c r="H39074" s="12"/>
    </row>
    <row r="39075" spans="8:8">
      <c r="H39075" s="12"/>
    </row>
    <row r="39076" spans="8:8">
      <c r="H39076" s="12"/>
    </row>
    <row r="39077" spans="8:8">
      <c r="H39077" s="12"/>
    </row>
    <row r="39078" spans="8:8">
      <c r="H39078" s="12"/>
    </row>
    <row r="39079" spans="8:8">
      <c r="H39079" s="12"/>
    </row>
    <row r="39080" spans="8:8">
      <c r="H39080" s="12"/>
    </row>
    <row r="39081" spans="8:8">
      <c r="H39081" s="12"/>
    </row>
    <row r="39082" spans="8:8">
      <c r="H39082" s="12"/>
    </row>
    <row r="39083" spans="8:8">
      <c r="H39083" s="12"/>
    </row>
    <row r="39084" spans="8:8">
      <c r="H39084" s="12"/>
    </row>
    <row r="39085" spans="8:8">
      <c r="H39085" s="12"/>
    </row>
    <row r="39086" spans="8:8">
      <c r="H39086" s="12"/>
    </row>
    <row r="39087" spans="8:8">
      <c r="H39087" s="12"/>
    </row>
    <row r="39088" spans="8:8">
      <c r="H39088" s="12"/>
    </row>
    <row r="39089" spans="8:8">
      <c r="H39089" s="12"/>
    </row>
    <row r="39090" spans="8:8">
      <c r="H39090" s="12"/>
    </row>
    <row r="39091" spans="8:8">
      <c r="H39091" s="12"/>
    </row>
    <row r="39092" spans="8:8">
      <c r="H39092" s="12"/>
    </row>
    <row r="39093" spans="8:8">
      <c r="H39093" s="12"/>
    </row>
    <row r="39094" spans="8:8">
      <c r="H39094" s="12"/>
    </row>
    <row r="39095" spans="8:8">
      <c r="H39095" s="12"/>
    </row>
    <row r="39096" spans="8:8">
      <c r="H39096" s="12"/>
    </row>
    <row r="39097" spans="8:8">
      <c r="H39097" s="12"/>
    </row>
    <row r="39098" spans="8:8">
      <c r="H39098" s="12"/>
    </row>
    <row r="39099" spans="8:8">
      <c r="H39099" s="12"/>
    </row>
    <row r="39100" spans="8:8">
      <c r="H39100" s="12"/>
    </row>
    <row r="39101" spans="8:8">
      <c r="H39101" s="12"/>
    </row>
    <row r="39102" spans="8:8">
      <c r="H39102" s="12"/>
    </row>
    <row r="39103" spans="8:8">
      <c r="H39103" s="12"/>
    </row>
    <row r="39104" spans="8:8">
      <c r="H39104" s="12"/>
    </row>
    <row r="39105" spans="8:8">
      <c r="H39105" s="12"/>
    </row>
    <row r="39106" spans="8:8">
      <c r="H39106" s="12"/>
    </row>
    <row r="39107" spans="8:8">
      <c r="H39107" s="12"/>
    </row>
    <row r="39108" spans="8:8">
      <c r="H39108" s="12"/>
    </row>
    <row r="39109" spans="8:8">
      <c r="H39109" s="12"/>
    </row>
    <row r="39110" spans="8:8">
      <c r="H39110" s="12"/>
    </row>
    <row r="39111" spans="8:8">
      <c r="H39111" s="12"/>
    </row>
    <row r="39112" spans="8:8">
      <c r="H39112" s="12"/>
    </row>
    <row r="39113" spans="8:8">
      <c r="H39113" s="12"/>
    </row>
    <row r="39114" spans="8:8">
      <c r="H39114" s="12"/>
    </row>
    <row r="39115" spans="8:8">
      <c r="H39115" s="12"/>
    </row>
    <row r="39116" spans="8:8">
      <c r="H39116" s="12"/>
    </row>
    <row r="39117" spans="8:8">
      <c r="H39117" s="12"/>
    </row>
    <row r="39118" spans="8:8">
      <c r="H39118" s="12"/>
    </row>
    <row r="39119" spans="8:8">
      <c r="H39119" s="12"/>
    </row>
    <row r="39120" spans="8:8">
      <c r="H39120" s="12"/>
    </row>
    <row r="39121" spans="8:8">
      <c r="H39121" s="12"/>
    </row>
    <row r="39122" spans="8:8">
      <c r="H39122" s="12"/>
    </row>
    <row r="39123" spans="8:8">
      <c r="H39123" s="12"/>
    </row>
    <row r="39124" spans="8:8">
      <c r="H39124" s="12"/>
    </row>
    <row r="39125" spans="8:8">
      <c r="H39125" s="12"/>
    </row>
    <row r="39126" spans="8:8">
      <c r="H39126" s="12"/>
    </row>
    <row r="39127" spans="8:8">
      <c r="H39127" s="12"/>
    </row>
    <row r="39128" spans="8:8">
      <c r="H39128" s="12"/>
    </row>
    <row r="39129" spans="8:8">
      <c r="H39129" s="12"/>
    </row>
    <row r="39130" spans="8:8">
      <c r="H39130" s="12"/>
    </row>
    <row r="39131" spans="8:8">
      <c r="H39131" s="12"/>
    </row>
    <row r="39132" spans="8:8">
      <c r="H39132" s="12"/>
    </row>
    <row r="39133" spans="8:8">
      <c r="H39133" s="12"/>
    </row>
    <row r="39134" spans="8:8">
      <c r="H39134" s="12"/>
    </row>
    <row r="39135" spans="8:8">
      <c r="H39135" s="12"/>
    </row>
    <row r="39136" spans="8:8">
      <c r="H39136" s="12"/>
    </row>
    <row r="39137" spans="8:8">
      <c r="H39137" s="12"/>
    </row>
    <row r="39138" spans="8:8">
      <c r="H39138" s="12"/>
    </row>
    <row r="39139" spans="8:8">
      <c r="H39139" s="12"/>
    </row>
    <row r="39140" spans="8:8">
      <c r="H39140" s="12"/>
    </row>
    <row r="39141" spans="8:8">
      <c r="H39141" s="12"/>
    </row>
    <row r="39142" spans="8:8">
      <c r="H39142" s="12"/>
    </row>
    <row r="39143" spans="8:8">
      <c r="H39143" s="12"/>
    </row>
    <row r="39144" spans="8:8">
      <c r="H39144" s="12"/>
    </row>
    <row r="39145" spans="8:8">
      <c r="H39145" s="12"/>
    </row>
    <row r="39146" spans="8:8">
      <c r="H39146" s="12"/>
    </row>
    <row r="39147" spans="8:8">
      <c r="H39147" s="12"/>
    </row>
    <row r="39148" spans="8:8">
      <c r="H39148" s="12"/>
    </row>
    <row r="39149" spans="8:8">
      <c r="H39149" s="12"/>
    </row>
    <row r="39150" spans="8:8">
      <c r="H39150" s="12"/>
    </row>
    <row r="39151" spans="8:8">
      <c r="H39151" s="12"/>
    </row>
    <row r="39152" spans="8:8">
      <c r="H39152" s="12"/>
    </row>
    <row r="39153" spans="8:8">
      <c r="H39153" s="12"/>
    </row>
    <row r="39154" spans="8:8">
      <c r="H39154" s="12"/>
    </row>
    <row r="39155" spans="8:8">
      <c r="H39155" s="12"/>
    </row>
    <row r="39156" spans="8:8">
      <c r="H39156" s="12"/>
    </row>
    <row r="39157" spans="8:8">
      <c r="H39157" s="12"/>
    </row>
    <row r="39158" spans="8:8">
      <c r="H39158" s="12"/>
    </row>
    <row r="39159" spans="8:8">
      <c r="H39159" s="12"/>
    </row>
    <row r="39160" spans="8:8">
      <c r="H39160" s="12"/>
    </row>
    <row r="39161" spans="8:8">
      <c r="H39161" s="12"/>
    </row>
    <row r="39162" spans="8:8">
      <c r="H39162" s="12"/>
    </row>
    <row r="39163" spans="8:8">
      <c r="H39163" s="12"/>
    </row>
    <row r="39164" spans="8:8">
      <c r="H39164" s="12"/>
    </row>
    <row r="39165" spans="8:8">
      <c r="H39165" s="12"/>
    </row>
    <row r="39166" spans="8:8">
      <c r="H39166" s="12"/>
    </row>
    <row r="39167" spans="8:8">
      <c r="H39167" s="12"/>
    </row>
    <row r="39168" spans="8:8">
      <c r="H39168" s="12"/>
    </row>
    <row r="39169" spans="8:8">
      <c r="H39169" s="12"/>
    </row>
    <row r="39170" spans="8:8">
      <c r="H39170" s="12"/>
    </row>
    <row r="39171" spans="8:8">
      <c r="H39171" s="12"/>
    </row>
    <row r="39172" spans="8:8">
      <c r="H39172" s="12"/>
    </row>
    <row r="39173" spans="8:8">
      <c r="H39173" s="12"/>
    </row>
    <row r="39174" spans="8:8">
      <c r="H39174" s="12"/>
    </row>
    <row r="39175" spans="8:8">
      <c r="H39175" s="12"/>
    </row>
    <row r="39176" spans="8:8">
      <c r="H39176" s="12"/>
    </row>
    <row r="39177" spans="8:8">
      <c r="H39177" s="12"/>
    </row>
    <row r="39178" spans="8:8">
      <c r="H39178" s="12"/>
    </row>
    <row r="39179" spans="8:8">
      <c r="H39179" s="12"/>
    </row>
    <row r="39180" spans="8:8">
      <c r="H39180" s="12"/>
    </row>
    <row r="39181" spans="8:8">
      <c r="H39181" s="12"/>
    </row>
    <row r="39182" spans="8:8">
      <c r="H39182" s="12"/>
    </row>
    <row r="39183" spans="8:8">
      <c r="H39183" s="12"/>
    </row>
    <row r="39184" spans="8:8">
      <c r="H39184" s="12"/>
    </row>
    <row r="39185" spans="8:8">
      <c r="H39185" s="12"/>
    </row>
    <row r="39186" spans="8:8">
      <c r="H39186" s="12"/>
    </row>
    <row r="39187" spans="8:8">
      <c r="H39187" s="12"/>
    </row>
    <row r="39188" spans="8:8">
      <c r="H39188" s="12"/>
    </row>
    <row r="39189" spans="8:8">
      <c r="H39189" s="12"/>
    </row>
    <row r="39190" spans="8:8">
      <c r="H39190" s="12"/>
    </row>
    <row r="39191" spans="8:8">
      <c r="H39191" s="12"/>
    </row>
    <row r="39192" spans="8:8">
      <c r="H39192" s="12"/>
    </row>
    <row r="39193" spans="8:8">
      <c r="H39193" s="12"/>
    </row>
    <row r="39194" spans="8:8">
      <c r="H39194" s="12"/>
    </row>
    <row r="39195" spans="8:8">
      <c r="H39195" s="12"/>
    </row>
    <row r="39196" spans="8:8">
      <c r="H39196" s="12"/>
    </row>
    <row r="39197" spans="8:8">
      <c r="H39197" s="12"/>
    </row>
    <row r="39198" spans="8:8">
      <c r="H39198" s="12"/>
    </row>
    <row r="39199" spans="8:8">
      <c r="H39199" s="12"/>
    </row>
    <row r="39200" spans="8:8">
      <c r="H39200" s="12"/>
    </row>
    <row r="39201" spans="8:8">
      <c r="H39201" s="12"/>
    </row>
    <row r="39202" spans="8:8">
      <c r="H39202" s="12"/>
    </row>
    <row r="39203" spans="8:8">
      <c r="H39203" s="12"/>
    </row>
    <row r="39204" spans="8:8">
      <c r="H39204" s="12"/>
    </row>
    <row r="39205" spans="8:8">
      <c r="H39205" s="12"/>
    </row>
    <row r="39206" spans="8:8">
      <c r="H39206" s="12"/>
    </row>
    <row r="39207" spans="8:8">
      <c r="H39207" s="12"/>
    </row>
    <row r="39208" spans="8:8">
      <c r="H39208" s="12"/>
    </row>
    <row r="39209" spans="8:8">
      <c r="H39209" s="12"/>
    </row>
    <row r="39210" spans="8:8">
      <c r="H39210" s="12"/>
    </row>
    <row r="39211" spans="8:8">
      <c r="H39211" s="12"/>
    </row>
    <row r="39212" spans="8:8">
      <c r="H39212" s="12"/>
    </row>
    <row r="39213" spans="8:8">
      <c r="H39213" s="12"/>
    </row>
    <row r="39214" spans="8:8">
      <c r="H39214" s="12"/>
    </row>
    <row r="39215" spans="8:8">
      <c r="H39215" s="12"/>
    </row>
    <row r="39216" spans="8:8">
      <c r="H39216" s="12"/>
    </row>
    <row r="39217" spans="8:8">
      <c r="H39217" s="12"/>
    </row>
    <row r="39218" spans="8:8">
      <c r="H39218" s="12"/>
    </row>
    <row r="39219" spans="8:8">
      <c r="H39219" s="12"/>
    </row>
    <row r="39220" spans="8:8">
      <c r="H39220" s="12"/>
    </row>
    <row r="39221" spans="8:8">
      <c r="H39221" s="12"/>
    </row>
    <row r="39222" spans="8:8">
      <c r="H39222" s="12"/>
    </row>
    <row r="39223" spans="8:8">
      <c r="H39223" s="12"/>
    </row>
    <row r="39224" spans="8:8">
      <c r="H39224" s="12"/>
    </row>
    <row r="39225" spans="8:8">
      <c r="H39225" s="12"/>
    </row>
    <row r="39226" spans="8:8">
      <c r="H39226" s="12"/>
    </row>
    <row r="39227" spans="8:8">
      <c r="H39227" s="12"/>
    </row>
    <row r="39228" spans="8:8">
      <c r="H39228" s="12"/>
    </row>
    <row r="39229" spans="8:8">
      <c r="H39229" s="12"/>
    </row>
    <row r="39230" spans="8:8">
      <c r="H39230" s="12"/>
    </row>
    <row r="39231" spans="8:8">
      <c r="H39231" s="12"/>
    </row>
    <row r="39232" spans="8:8">
      <c r="H39232" s="12"/>
    </row>
    <row r="39233" spans="8:8">
      <c r="H39233" s="12"/>
    </row>
    <row r="39234" spans="8:8">
      <c r="H39234" s="12"/>
    </row>
    <row r="39235" spans="8:8">
      <c r="H39235" s="12"/>
    </row>
    <row r="39236" spans="8:8">
      <c r="H39236" s="12"/>
    </row>
    <row r="39237" spans="8:8">
      <c r="H39237" s="12"/>
    </row>
    <row r="39238" spans="8:8">
      <c r="H39238" s="12"/>
    </row>
    <row r="39239" spans="8:8">
      <c r="H39239" s="12"/>
    </row>
    <row r="39240" spans="8:8">
      <c r="H39240" s="12"/>
    </row>
    <row r="39241" spans="8:8">
      <c r="H39241" s="12"/>
    </row>
    <row r="39242" spans="8:8">
      <c r="H39242" s="12"/>
    </row>
    <row r="39243" spans="8:8">
      <c r="H39243" s="12"/>
    </row>
    <row r="39244" spans="8:8">
      <c r="H39244" s="12"/>
    </row>
    <row r="39245" spans="8:8">
      <c r="H39245" s="12"/>
    </row>
    <row r="39246" spans="8:8">
      <c r="H39246" s="12"/>
    </row>
    <row r="39247" spans="8:8">
      <c r="H39247" s="12"/>
    </row>
    <row r="39248" spans="8:8">
      <c r="H39248" s="12"/>
    </row>
    <row r="39249" spans="8:8">
      <c r="H39249" s="12"/>
    </row>
    <row r="39250" spans="8:8">
      <c r="H39250" s="12"/>
    </row>
    <row r="39251" spans="8:8">
      <c r="H39251" s="12"/>
    </row>
    <row r="39252" spans="8:8">
      <c r="H39252" s="12"/>
    </row>
    <row r="39253" spans="8:8">
      <c r="H39253" s="12"/>
    </row>
    <row r="39254" spans="8:8">
      <c r="H39254" s="12"/>
    </row>
    <row r="39255" spans="8:8">
      <c r="H39255" s="12"/>
    </row>
    <row r="39256" spans="8:8">
      <c r="H39256" s="12"/>
    </row>
    <row r="39257" spans="8:8">
      <c r="H39257" s="12"/>
    </row>
    <row r="39258" spans="8:8">
      <c r="H39258" s="12"/>
    </row>
    <row r="39259" spans="8:8">
      <c r="H39259" s="12"/>
    </row>
    <row r="39260" spans="8:8">
      <c r="H39260" s="12"/>
    </row>
    <row r="39261" spans="8:8">
      <c r="H39261" s="12"/>
    </row>
    <row r="39262" spans="8:8">
      <c r="H39262" s="12"/>
    </row>
    <row r="39263" spans="8:8">
      <c r="H39263" s="12"/>
    </row>
    <row r="39264" spans="8:8">
      <c r="H39264" s="12"/>
    </row>
    <row r="39265" spans="8:8">
      <c r="H39265" s="12"/>
    </row>
    <row r="39266" spans="8:8">
      <c r="H39266" s="12"/>
    </row>
    <row r="39267" spans="8:8">
      <c r="H39267" s="12"/>
    </row>
    <row r="39268" spans="8:8">
      <c r="H39268" s="12"/>
    </row>
    <row r="39269" spans="8:8">
      <c r="H39269" s="12"/>
    </row>
    <row r="39270" spans="8:8">
      <c r="H39270" s="12"/>
    </row>
    <row r="39271" spans="8:8">
      <c r="H39271" s="12"/>
    </row>
    <row r="39272" spans="8:8">
      <c r="H39272" s="12"/>
    </row>
    <row r="39273" spans="8:8">
      <c r="H39273" s="12"/>
    </row>
    <row r="39274" spans="8:8">
      <c r="H39274" s="12"/>
    </row>
    <row r="39275" spans="8:8">
      <c r="H39275" s="12"/>
    </row>
    <row r="39276" spans="8:8">
      <c r="H39276" s="12"/>
    </row>
    <row r="39277" spans="8:8">
      <c r="H39277" s="12"/>
    </row>
    <row r="39278" spans="8:8">
      <c r="H39278" s="12"/>
    </row>
    <row r="39279" spans="8:8">
      <c r="H39279" s="12"/>
    </row>
    <row r="39280" spans="8:8">
      <c r="H39280" s="12"/>
    </row>
    <row r="39281" spans="8:8">
      <c r="H39281" s="12"/>
    </row>
    <row r="39282" spans="8:8">
      <c r="H39282" s="12"/>
    </row>
    <row r="39283" spans="8:8">
      <c r="H39283" s="12"/>
    </row>
    <row r="39284" spans="8:8">
      <c r="H39284" s="12"/>
    </row>
    <row r="39285" spans="8:8">
      <c r="H39285" s="12"/>
    </row>
    <row r="39286" spans="8:8">
      <c r="H39286" s="12"/>
    </row>
    <row r="39287" spans="8:8">
      <c r="H39287" s="12"/>
    </row>
    <row r="39288" spans="8:8">
      <c r="H39288" s="12"/>
    </row>
    <row r="39289" spans="8:8">
      <c r="H39289" s="12"/>
    </row>
    <row r="39290" spans="8:8">
      <c r="H39290" s="12"/>
    </row>
    <row r="39291" spans="8:8">
      <c r="H39291" s="12"/>
    </row>
    <row r="39292" spans="8:8">
      <c r="H39292" s="12"/>
    </row>
    <row r="39293" spans="8:8">
      <c r="H39293" s="12"/>
    </row>
    <row r="39294" spans="8:8">
      <c r="H39294" s="12"/>
    </row>
    <row r="39295" spans="8:8">
      <c r="H39295" s="12"/>
    </row>
    <row r="39296" spans="8:8">
      <c r="H39296" s="12"/>
    </row>
    <row r="39297" spans="8:8">
      <c r="H39297" s="12"/>
    </row>
    <row r="39298" spans="8:8">
      <c r="H39298" s="12"/>
    </row>
    <row r="39299" spans="8:8">
      <c r="H39299" s="12"/>
    </row>
    <row r="39300" spans="8:8">
      <c r="H39300" s="12"/>
    </row>
    <row r="39301" spans="8:8">
      <c r="H39301" s="12"/>
    </row>
    <row r="39302" spans="8:8">
      <c r="H39302" s="12"/>
    </row>
    <row r="39303" spans="8:8">
      <c r="H39303" s="12"/>
    </row>
    <row r="39304" spans="8:8">
      <c r="H39304" s="12"/>
    </row>
    <row r="39305" spans="8:8">
      <c r="H39305" s="12"/>
    </row>
    <row r="39306" spans="8:8">
      <c r="H39306" s="12"/>
    </row>
    <row r="39307" spans="8:8">
      <c r="H39307" s="12"/>
    </row>
    <row r="39308" spans="8:8">
      <c r="H39308" s="12"/>
    </row>
    <row r="39309" spans="8:8">
      <c r="H39309" s="12"/>
    </row>
    <row r="39310" spans="8:8">
      <c r="H39310" s="12"/>
    </row>
    <row r="39311" spans="8:8">
      <c r="H39311" s="12"/>
    </row>
    <row r="39312" spans="8:8">
      <c r="H39312" s="12"/>
    </row>
    <row r="39313" spans="8:8">
      <c r="H39313" s="12"/>
    </row>
    <row r="39314" spans="8:8">
      <c r="H39314" s="12"/>
    </row>
    <row r="39315" spans="8:8">
      <c r="H39315" s="12"/>
    </row>
    <row r="39316" spans="8:8">
      <c r="H39316" s="12"/>
    </row>
    <row r="39317" spans="8:8">
      <c r="H39317" s="12"/>
    </row>
    <row r="39318" spans="8:8">
      <c r="H39318" s="12"/>
    </row>
    <row r="39319" spans="8:8">
      <c r="H39319" s="12"/>
    </row>
    <row r="39320" spans="8:8">
      <c r="H39320" s="12"/>
    </row>
    <row r="39321" spans="8:8">
      <c r="H39321" s="12"/>
    </row>
    <row r="39322" spans="8:8">
      <c r="H39322" s="12"/>
    </row>
    <row r="39323" spans="8:8">
      <c r="H39323" s="12"/>
    </row>
    <row r="39324" spans="8:8">
      <c r="H39324" s="12"/>
    </row>
    <row r="39325" spans="8:8">
      <c r="H39325" s="12"/>
    </row>
    <row r="39326" spans="8:8">
      <c r="H39326" s="12"/>
    </row>
    <row r="39327" spans="8:8">
      <c r="H39327" s="12"/>
    </row>
    <row r="39328" spans="8:8">
      <c r="H39328" s="12"/>
    </row>
    <row r="39329" spans="8:8">
      <c r="H39329" s="12"/>
    </row>
    <row r="39330" spans="8:8">
      <c r="H39330" s="12"/>
    </row>
    <row r="39331" spans="8:8">
      <c r="H39331" s="12"/>
    </row>
    <row r="39332" spans="8:8">
      <c r="H39332" s="12"/>
    </row>
    <row r="39333" spans="8:8">
      <c r="H39333" s="12"/>
    </row>
    <row r="39334" spans="8:8">
      <c r="H39334" s="12"/>
    </row>
    <row r="39335" spans="8:8">
      <c r="H39335" s="12"/>
    </row>
    <row r="39336" spans="8:8">
      <c r="H39336" s="12"/>
    </row>
    <row r="39337" spans="8:8">
      <c r="H39337" s="12"/>
    </row>
    <row r="39338" spans="8:8">
      <c r="H39338" s="12"/>
    </row>
    <row r="39339" spans="8:8">
      <c r="H39339" s="12"/>
    </row>
    <row r="39340" spans="8:8">
      <c r="H39340" s="12"/>
    </row>
    <row r="39341" spans="8:8">
      <c r="H39341" s="12"/>
    </row>
    <row r="39342" spans="8:8">
      <c r="H39342" s="12"/>
    </row>
    <row r="39343" spans="8:8">
      <c r="H39343" s="12"/>
    </row>
    <row r="39344" spans="8:8">
      <c r="H39344" s="12"/>
    </row>
    <row r="39345" spans="8:8">
      <c r="H39345" s="12"/>
    </row>
    <row r="39346" spans="8:8">
      <c r="H39346" s="12"/>
    </row>
    <row r="39347" spans="8:8">
      <c r="H39347" s="12"/>
    </row>
    <row r="39348" spans="8:8">
      <c r="H39348" s="12"/>
    </row>
    <row r="39349" spans="8:8">
      <c r="H39349" s="12"/>
    </row>
    <row r="39350" spans="8:8">
      <c r="H39350" s="12"/>
    </row>
    <row r="39351" spans="8:8">
      <c r="H39351" s="12"/>
    </row>
    <row r="39352" spans="8:8">
      <c r="H39352" s="12"/>
    </row>
    <row r="39353" spans="8:8">
      <c r="H39353" s="12"/>
    </row>
    <row r="39354" spans="8:8">
      <c r="H39354" s="12"/>
    </row>
    <row r="39355" spans="8:8">
      <c r="H39355" s="12"/>
    </row>
    <row r="39356" spans="8:8">
      <c r="H39356" s="12"/>
    </row>
    <row r="39357" spans="8:8">
      <c r="H39357" s="12"/>
    </row>
    <row r="39358" spans="8:8">
      <c r="H39358" s="12"/>
    </row>
    <row r="39359" spans="8:8">
      <c r="H39359" s="12"/>
    </row>
    <row r="39360" spans="8:8">
      <c r="H39360" s="12"/>
    </row>
    <row r="39361" spans="8:8">
      <c r="H39361" s="12"/>
    </row>
    <row r="39362" spans="8:8">
      <c r="H39362" s="12"/>
    </row>
    <row r="39363" spans="8:8">
      <c r="H39363" s="12"/>
    </row>
    <row r="39364" spans="8:8">
      <c r="H39364" s="12"/>
    </row>
    <row r="39365" spans="8:8">
      <c r="H39365" s="12"/>
    </row>
    <row r="39366" spans="8:8">
      <c r="H39366" s="12"/>
    </row>
    <row r="39367" spans="8:8">
      <c r="H39367" s="12"/>
    </row>
    <row r="39368" spans="8:8">
      <c r="H39368" s="12"/>
    </row>
    <row r="39369" spans="8:8">
      <c r="H39369" s="12"/>
    </row>
    <row r="39370" spans="8:8">
      <c r="H39370" s="12"/>
    </row>
    <row r="39371" spans="8:8">
      <c r="H39371" s="12"/>
    </row>
    <row r="39372" spans="8:8">
      <c r="H39372" s="12"/>
    </row>
    <row r="39373" spans="8:8">
      <c r="H39373" s="12"/>
    </row>
    <row r="39374" spans="8:8">
      <c r="H39374" s="12"/>
    </row>
    <row r="39375" spans="8:8">
      <c r="H39375" s="12"/>
    </row>
    <row r="39376" spans="8:8">
      <c r="H39376" s="12"/>
    </row>
    <row r="39377" spans="8:8">
      <c r="H39377" s="12"/>
    </row>
    <row r="39378" spans="8:8">
      <c r="H39378" s="12"/>
    </row>
    <row r="39379" spans="8:8">
      <c r="H39379" s="12"/>
    </row>
    <row r="39380" spans="8:8">
      <c r="H39380" s="12"/>
    </row>
    <row r="39381" spans="8:8">
      <c r="H39381" s="12"/>
    </row>
    <row r="39382" spans="8:8">
      <c r="H39382" s="12"/>
    </row>
    <row r="39383" spans="8:8">
      <c r="H39383" s="12"/>
    </row>
    <row r="39384" spans="8:8">
      <c r="H39384" s="12"/>
    </row>
    <row r="39385" spans="8:8">
      <c r="H39385" s="12"/>
    </row>
    <row r="39386" spans="8:8">
      <c r="H39386" s="12"/>
    </row>
    <row r="39387" spans="8:8">
      <c r="H39387" s="12"/>
    </row>
    <row r="39388" spans="8:8">
      <c r="H39388" s="12"/>
    </row>
    <row r="39389" spans="8:8">
      <c r="H39389" s="12"/>
    </row>
    <row r="39390" spans="8:8">
      <c r="H39390" s="12"/>
    </row>
    <row r="39391" spans="8:8">
      <c r="H39391" s="12"/>
    </row>
    <row r="39392" spans="8:8">
      <c r="H39392" s="12"/>
    </row>
    <row r="39393" spans="8:8">
      <c r="H39393" s="12"/>
    </row>
    <row r="39394" spans="8:8">
      <c r="H39394" s="12"/>
    </row>
    <row r="39395" spans="8:8">
      <c r="H39395" s="12"/>
    </row>
    <row r="39396" spans="8:8">
      <c r="H39396" s="12"/>
    </row>
    <row r="39397" spans="8:8">
      <c r="H39397" s="12"/>
    </row>
    <row r="39398" spans="8:8">
      <c r="H39398" s="12"/>
    </row>
    <row r="39399" spans="8:8">
      <c r="H39399" s="12"/>
    </row>
    <row r="39400" spans="8:8">
      <c r="H39400" s="12"/>
    </row>
    <row r="39401" spans="8:8">
      <c r="H39401" s="12"/>
    </row>
    <row r="39402" spans="8:8">
      <c r="H39402" s="12"/>
    </row>
    <row r="39403" spans="8:8">
      <c r="H39403" s="12"/>
    </row>
    <row r="39404" spans="8:8">
      <c r="H39404" s="12"/>
    </row>
    <row r="39405" spans="8:8">
      <c r="H39405" s="12"/>
    </row>
    <row r="39406" spans="8:8">
      <c r="H39406" s="12"/>
    </row>
    <row r="39407" spans="8:8">
      <c r="H39407" s="12"/>
    </row>
    <row r="39408" spans="8:8">
      <c r="H39408" s="12"/>
    </row>
    <row r="39409" spans="8:8">
      <c r="H39409" s="12"/>
    </row>
    <row r="39410" spans="8:8">
      <c r="H39410" s="12"/>
    </row>
    <row r="39411" spans="8:8">
      <c r="H39411" s="12"/>
    </row>
    <row r="39412" spans="8:8">
      <c r="H39412" s="12"/>
    </row>
    <row r="39413" spans="8:8">
      <c r="H39413" s="12"/>
    </row>
    <row r="39414" spans="8:8">
      <c r="H39414" s="12"/>
    </row>
    <row r="39415" spans="8:8">
      <c r="H39415" s="12"/>
    </row>
    <row r="39416" spans="8:8">
      <c r="H39416" s="12"/>
    </row>
    <row r="39417" spans="8:8">
      <c r="H39417" s="12"/>
    </row>
    <row r="39418" spans="8:8">
      <c r="H39418" s="12"/>
    </row>
    <row r="39419" spans="8:8">
      <c r="H39419" s="12"/>
    </row>
    <row r="39420" spans="8:8">
      <c r="H39420" s="12"/>
    </row>
    <row r="39421" spans="8:8">
      <c r="H39421" s="12"/>
    </row>
    <row r="39422" spans="8:8">
      <c r="H39422" s="12"/>
    </row>
    <row r="39423" spans="8:8">
      <c r="H39423" s="12"/>
    </row>
    <row r="39424" spans="8:8">
      <c r="H39424" s="12"/>
    </row>
    <row r="39425" spans="8:8">
      <c r="H39425" s="12"/>
    </row>
    <row r="39426" spans="8:8">
      <c r="H39426" s="12"/>
    </row>
    <row r="39427" spans="8:8">
      <c r="H39427" s="12"/>
    </row>
    <row r="39428" spans="8:8">
      <c r="H39428" s="12"/>
    </row>
    <row r="39429" spans="8:8">
      <c r="H39429" s="12"/>
    </row>
    <row r="39430" spans="8:8">
      <c r="H39430" s="12"/>
    </row>
    <row r="39431" spans="8:8">
      <c r="H39431" s="12"/>
    </row>
    <row r="39432" spans="8:8">
      <c r="H39432" s="12"/>
    </row>
    <row r="39433" spans="8:8">
      <c r="H39433" s="12"/>
    </row>
    <row r="39434" spans="8:8">
      <c r="H39434" s="12"/>
    </row>
    <row r="39435" spans="8:8">
      <c r="H39435" s="12"/>
    </row>
    <row r="39436" spans="8:8">
      <c r="H39436" s="12"/>
    </row>
    <row r="39437" spans="8:8">
      <c r="H39437" s="12"/>
    </row>
    <row r="39438" spans="8:8">
      <c r="H39438" s="12"/>
    </row>
    <row r="39439" spans="8:8">
      <c r="H39439" s="12"/>
    </row>
    <row r="39440" spans="8:8">
      <c r="H39440" s="12"/>
    </row>
    <row r="39441" spans="8:8">
      <c r="H39441" s="12"/>
    </row>
    <row r="39442" spans="8:8">
      <c r="H39442" s="12"/>
    </row>
    <row r="39443" spans="8:8">
      <c r="H39443" s="12"/>
    </row>
    <row r="39444" spans="8:8">
      <c r="H39444" s="12"/>
    </row>
    <row r="39445" spans="8:8">
      <c r="H39445" s="12"/>
    </row>
    <row r="39446" spans="8:8">
      <c r="H39446" s="12"/>
    </row>
    <row r="39447" spans="8:8">
      <c r="H39447" s="12"/>
    </row>
    <row r="39448" spans="8:8">
      <c r="H39448" s="12"/>
    </row>
    <row r="39449" spans="8:8">
      <c r="H39449" s="12"/>
    </row>
    <row r="39450" spans="8:8">
      <c r="H39450" s="12"/>
    </row>
    <row r="39451" spans="8:8">
      <c r="H39451" s="12"/>
    </row>
    <row r="39452" spans="8:8">
      <c r="H39452" s="12"/>
    </row>
    <row r="39453" spans="8:8">
      <c r="H39453" s="12"/>
    </row>
    <row r="39454" spans="8:8">
      <c r="H39454" s="12"/>
    </row>
    <row r="39455" spans="8:8">
      <c r="H39455" s="12"/>
    </row>
    <row r="39456" spans="8:8">
      <c r="H39456" s="12"/>
    </row>
    <row r="39457" spans="8:8">
      <c r="H39457" s="12"/>
    </row>
    <row r="39458" spans="8:8">
      <c r="H39458" s="12"/>
    </row>
    <row r="39459" spans="8:8">
      <c r="H39459" s="12"/>
    </row>
    <row r="39460" spans="8:8">
      <c r="H39460" s="12"/>
    </row>
    <row r="39461" spans="8:8">
      <c r="H39461" s="12"/>
    </row>
    <row r="39462" spans="8:8">
      <c r="H39462" s="12"/>
    </row>
    <row r="39463" spans="8:8">
      <c r="H39463" s="12"/>
    </row>
    <row r="39464" spans="8:8">
      <c r="H39464" s="12"/>
    </row>
    <row r="39465" spans="8:8">
      <c r="H39465" s="12"/>
    </row>
    <row r="39466" spans="8:8">
      <c r="H39466" s="12"/>
    </row>
    <row r="39467" spans="8:8">
      <c r="H39467" s="12"/>
    </row>
    <row r="39468" spans="8:8">
      <c r="H39468" s="12"/>
    </row>
    <row r="39469" spans="8:8">
      <c r="H39469" s="12"/>
    </row>
    <row r="39470" spans="8:8">
      <c r="H39470" s="12"/>
    </row>
    <row r="39471" spans="8:8">
      <c r="H39471" s="12"/>
    </row>
    <row r="39472" spans="8:8">
      <c r="H39472" s="12"/>
    </row>
    <row r="39473" spans="8:8">
      <c r="H39473" s="12"/>
    </row>
    <row r="39474" spans="8:8">
      <c r="H39474" s="12"/>
    </row>
    <row r="39475" spans="8:8">
      <c r="H39475" s="12"/>
    </row>
    <row r="39476" spans="8:8">
      <c r="H39476" s="12"/>
    </row>
    <row r="39477" spans="8:8">
      <c r="H39477" s="12"/>
    </row>
    <row r="39478" spans="8:8">
      <c r="H39478" s="12"/>
    </row>
    <row r="39479" spans="8:8">
      <c r="H39479" s="12"/>
    </row>
    <row r="39480" spans="8:8">
      <c r="H39480" s="12"/>
    </row>
    <row r="39481" spans="8:8">
      <c r="H39481" s="12"/>
    </row>
    <row r="39482" spans="8:8">
      <c r="H39482" s="12"/>
    </row>
    <row r="39483" spans="8:8">
      <c r="H39483" s="12"/>
    </row>
    <row r="39484" spans="8:8">
      <c r="H39484" s="12"/>
    </row>
    <row r="39485" spans="8:8">
      <c r="H39485" s="12"/>
    </row>
    <row r="39486" spans="8:8">
      <c r="H39486" s="12"/>
    </row>
    <row r="39487" spans="8:8">
      <c r="H39487" s="12"/>
    </row>
    <row r="39488" spans="8:8">
      <c r="H39488" s="12"/>
    </row>
    <row r="39489" spans="8:8">
      <c r="H39489" s="12"/>
    </row>
    <row r="39490" spans="8:8">
      <c r="H39490" s="12"/>
    </row>
    <row r="39491" spans="8:8">
      <c r="H39491" s="12"/>
    </row>
    <row r="39492" spans="8:8">
      <c r="H39492" s="12"/>
    </row>
    <row r="39493" spans="8:8">
      <c r="H39493" s="12"/>
    </row>
    <row r="39494" spans="8:8">
      <c r="H39494" s="12"/>
    </row>
    <row r="39495" spans="8:8">
      <c r="H39495" s="12"/>
    </row>
    <row r="39496" spans="8:8">
      <c r="H39496" s="12"/>
    </row>
    <row r="39497" spans="8:8">
      <c r="H39497" s="12"/>
    </row>
    <row r="39498" spans="8:8">
      <c r="H39498" s="12"/>
    </row>
    <row r="39499" spans="8:8">
      <c r="H39499" s="12"/>
    </row>
    <row r="39500" spans="8:8">
      <c r="H39500" s="12"/>
    </row>
    <row r="39501" spans="8:8">
      <c r="H39501" s="12"/>
    </row>
    <row r="39502" spans="8:8">
      <c r="H39502" s="12"/>
    </row>
    <row r="39503" spans="8:8">
      <c r="H39503" s="12"/>
    </row>
    <row r="39504" spans="8:8">
      <c r="H39504" s="12"/>
    </row>
    <row r="39505" spans="8:8">
      <c r="H39505" s="12"/>
    </row>
    <row r="39506" spans="8:8">
      <c r="H39506" s="12"/>
    </row>
    <row r="39507" spans="8:8">
      <c r="H39507" s="12"/>
    </row>
    <row r="39508" spans="8:8">
      <c r="H39508" s="12"/>
    </row>
    <row r="39509" spans="8:8">
      <c r="H39509" s="12"/>
    </row>
    <row r="39510" spans="8:8">
      <c r="H39510" s="12"/>
    </row>
    <row r="39511" spans="8:8">
      <c r="H39511" s="12"/>
    </row>
    <row r="39512" spans="8:8">
      <c r="H39512" s="12"/>
    </row>
    <row r="39513" spans="8:8">
      <c r="H39513" s="12"/>
    </row>
    <row r="39514" spans="8:8">
      <c r="H39514" s="12"/>
    </row>
    <row r="39515" spans="8:8">
      <c r="H39515" s="12"/>
    </row>
    <row r="39516" spans="8:8">
      <c r="H39516" s="12"/>
    </row>
    <row r="39517" spans="8:8">
      <c r="H39517" s="12"/>
    </row>
    <row r="39518" spans="8:8">
      <c r="H39518" s="12"/>
    </row>
    <row r="39519" spans="8:8">
      <c r="H39519" s="12"/>
    </row>
    <row r="39520" spans="8:8">
      <c r="H39520" s="12"/>
    </row>
    <row r="39521" spans="8:8">
      <c r="H39521" s="12"/>
    </row>
    <row r="39522" spans="8:8">
      <c r="H39522" s="12"/>
    </row>
    <row r="39523" spans="8:8">
      <c r="H39523" s="12"/>
    </row>
    <row r="39524" spans="8:8">
      <c r="H39524" s="12"/>
    </row>
    <row r="39525" spans="8:8">
      <c r="H39525" s="12"/>
    </row>
    <row r="39526" spans="8:8">
      <c r="H39526" s="12"/>
    </row>
    <row r="39527" spans="8:8">
      <c r="H39527" s="12"/>
    </row>
    <row r="39528" spans="8:8">
      <c r="H39528" s="12"/>
    </row>
    <row r="39529" spans="8:8">
      <c r="H39529" s="12"/>
    </row>
    <row r="39530" spans="8:8">
      <c r="H39530" s="12"/>
    </row>
    <row r="39531" spans="8:8">
      <c r="H39531" s="12"/>
    </row>
    <row r="39532" spans="8:8">
      <c r="H39532" s="12"/>
    </row>
    <row r="39533" spans="8:8">
      <c r="H39533" s="12"/>
    </row>
    <row r="39534" spans="8:8">
      <c r="H39534" s="12"/>
    </row>
    <row r="39535" spans="8:8">
      <c r="H39535" s="12"/>
    </row>
    <row r="39536" spans="8:8">
      <c r="H39536" s="12"/>
    </row>
    <row r="39537" spans="8:8">
      <c r="H39537" s="12"/>
    </row>
    <row r="39538" spans="8:8">
      <c r="H39538" s="12"/>
    </row>
    <row r="39539" spans="8:8">
      <c r="H39539" s="12"/>
    </row>
    <row r="39540" spans="8:8">
      <c r="H39540" s="12"/>
    </row>
    <row r="39541" spans="8:8">
      <c r="H39541" s="12"/>
    </row>
    <row r="39542" spans="8:8">
      <c r="H39542" s="12"/>
    </row>
    <row r="39543" spans="8:8">
      <c r="H39543" s="12"/>
    </row>
    <row r="39544" spans="8:8">
      <c r="H39544" s="12"/>
    </row>
    <row r="39545" spans="8:8">
      <c r="H39545" s="12"/>
    </row>
    <row r="39546" spans="8:8">
      <c r="H39546" s="12"/>
    </row>
    <row r="39547" spans="8:8">
      <c r="H39547" s="12"/>
    </row>
    <row r="39548" spans="8:8">
      <c r="H39548" s="12"/>
    </row>
    <row r="39549" spans="8:8">
      <c r="H39549" s="12"/>
    </row>
    <row r="39550" spans="8:8">
      <c r="H39550" s="12"/>
    </row>
    <row r="39551" spans="8:8">
      <c r="H39551" s="12"/>
    </row>
    <row r="39552" spans="8:8">
      <c r="H39552" s="12"/>
    </row>
    <row r="39553" spans="8:8">
      <c r="H39553" s="12"/>
    </row>
    <row r="39554" spans="8:8">
      <c r="H39554" s="12"/>
    </row>
    <row r="39555" spans="8:8">
      <c r="H39555" s="12"/>
    </row>
    <row r="39556" spans="8:8">
      <c r="H39556" s="12"/>
    </row>
    <row r="39557" spans="8:8">
      <c r="H39557" s="12"/>
    </row>
    <row r="39558" spans="8:8">
      <c r="H39558" s="12"/>
    </row>
    <row r="39559" spans="8:8">
      <c r="H39559" s="12"/>
    </row>
    <row r="39560" spans="8:8">
      <c r="H39560" s="12"/>
    </row>
    <row r="39561" spans="8:8">
      <c r="H39561" s="12"/>
    </row>
    <row r="39562" spans="8:8">
      <c r="H39562" s="12"/>
    </row>
    <row r="39563" spans="8:8">
      <c r="H39563" s="12"/>
    </row>
    <row r="39564" spans="8:8">
      <c r="H39564" s="12"/>
    </row>
    <row r="39565" spans="8:8">
      <c r="H39565" s="12"/>
    </row>
    <row r="39566" spans="8:8">
      <c r="H39566" s="12"/>
    </row>
    <row r="39567" spans="8:8">
      <c r="H39567" s="12"/>
    </row>
    <row r="39568" spans="8:8">
      <c r="H39568" s="12"/>
    </row>
    <row r="39569" spans="8:8">
      <c r="H39569" s="12"/>
    </row>
    <row r="39570" spans="8:8">
      <c r="H39570" s="12"/>
    </row>
    <row r="39571" spans="8:8">
      <c r="H39571" s="12"/>
    </row>
    <row r="39572" spans="8:8">
      <c r="H39572" s="12"/>
    </row>
    <row r="39573" spans="8:8">
      <c r="H39573" s="12"/>
    </row>
    <row r="39574" spans="8:8">
      <c r="H39574" s="12"/>
    </row>
    <row r="39575" spans="8:8">
      <c r="H39575" s="12"/>
    </row>
    <row r="39576" spans="8:8">
      <c r="H39576" s="12"/>
    </row>
    <row r="39577" spans="8:8">
      <c r="H39577" s="12"/>
    </row>
    <row r="39578" spans="8:8">
      <c r="H39578" s="12"/>
    </row>
    <row r="39579" spans="8:8">
      <c r="H39579" s="12"/>
    </row>
    <row r="39580" spans="8:8">
      <c r="H39580" s="12"/>
    </row>
    <row r="39581" spans="8:8">
      <c r="H39581" s="12"/>
    </row>
    <row r="39582" spans="8:8">
      <c r="H39582" s="12"/>
    </row>
    <row r="39583" spans="8:8">
      <c r="H39583" s="12"/>
    </row>
    <row r="39584" spans="8:8">
      <c r="H39584" s="12"/>
    </row>
    <row r="39585" spans="8:8">
      <c r="H39585" s="12"/>
    </row>
    <row r="39586" spans="8:8">
      <c r="H39586" s="12"/>
    </row>
    <row r="39587" spans="8:8">
      <c r="H39587" s="12"/>
    </row>
    <row r="39588" spans="8:8">
      <c r="H39588" s="12"/>
    </row>
    <row r="39589" spans="8:8">
      <c r="H39589" s="12"/>
    </row>
    <row r="39590" spans="8:8">
      <c r="H39590" s="12"/>
    </row>
    <row r="39591" spans="8:8">
      <c r="H39591" s="12"/>
    </row>
    <row r="39592" spans="8:8">
      <c r="H39592" s="12"/>
    </row>
    <row r="39593" spans="8:8">
      <c r="H39593" s="12"/>
    </row>
    <row r="39594" spans="8:8">
      <c r="H39594" s="12"/>
    </row>
    <row r="39595" spans="8:8">
      <c r="H39595" s="12"/>
    </row>
    <row r="39596" spans="8:8">
      <c r="H39596" s="12"/>
    </row>
    <row r="39597" spans="8:8">
      <c r="H39597" s="12"/>
    </row>
    <row r="39598" spans="8:8">
      <c r="H39598" s="12"/>
    </row>
    <row r="39599" spans="8:8">
      <c r="H39599" s="12"/>
    </row>
    <row r="39600" spans="8:8">
      <c r="H39600" s="12"/>
    </row>
    <row r="39601" spans="8:8">
      <c r="H39601" s="12"/>
    </row>
    <row r="39602" spans="8:8">
      <c r="H39602" s="12"/>
    </row>
    <row r="39603" spans="8:8">
      <c r="H39603" s="12"/>
    </row>
    <row r="39604" spans="8:8">
      <c r="H39604" s="12"/>
    </row>
    <row r="39605" spans="8:8">
      <c r="H39605" s="12"/>
    </row>
    <row r="39606" spans="8:8">
      <c r="H39606" s="12"/>
    </row>
    <row r="39607" spans="8:8">
      <c r="H39607" s="12"/>
    </row>
    <row r="39608" spans="8:8">
      <c r="H39608" s="12"/>
    </row>
    <row r="39609" spans="8:8">
      <c r="H39609" s="12"/>
    </row>
    <row r="39610" spans="8:8">
      <c r="H39610" s="12"/>
    </row>
    <row r="39611" spans="8:8">
      <c r="H39611" s="12"/>
    </row>
    <row r="39612" spans="8:8">
      <c r="H39612" s="12"/>
    </row>
    <row r="39613" spans="8:8">
      <c r="H39613" s="12"/>
    </row>
    <row r="39614" spans="8:8">
      <c r="H39614" s="12"/>
    </row>
    <row r="39615" spans="8:8">
      <c r="H39615" s="12"/>
    </row>
    <row r="39616" spans="8:8">
      <c r="H39616" s="12"/>
    </row>
    <row r="39617" spans="8:8">
      <c r="H39617" s="12"/>
    </row>
    <row r="39618" spans="8:8">
      <c r="H39618" s="12"/>
    </row>
    <row r="39619" spans="8:8">
      <c r="H39619" s="12"/>
    </row>
    <row r="39620" spans="8:8">
      <c r="H39620" s="12"/>
    </row>
    <row r="39621" spans="8:8">
      <c r="H39621" s="12"/>
    </row>
    <row r="39622" spans="8:8">
      <c r="H39622" s="12"/>
    </row>
    <row r="39623" spans="8:8">
      <c r="H39623" s="12"/>
    </row>
    <row r="39624" spans="8:8">
      <c r="H39624" s="12"/>
    </row>
    <row r="39625" spans="8:8">
      <c r="H39625" s="12"/>
    </row>
    <row r="39626" spans="8:8">
      <c r="H39626" s="12"/>
    </row>
    <row r="39627" spans="8:8">
      <c r="H39627" s="12"/>
    </row>
    <row r="39628" spans="8:8">
      <c r="H39628" s="12"/>
    </row>
    <row r="39629" spans="8:8">
      <c r="H39629" s="12"/>
    </row>
    <row r="39630" spans="8:8">
      <c r="H39630" s="12"/>
    </row>
    <row r="39631" spans="8:8">
      <c r="H39631" s="12"/>
    </row>
    <row r="39632" spans="8:8">
      <c r="H39632" s="12"/>
    </row>
    <row r="39633" spans="8:8">
      <c r="H39633" s="12"/>
    </row>
    <row r="39634" spans="8:8">
      <c r="H39634" s="12"/>
    </row>
    <row r="39635" spans="8:8">
      <c r="H39635" s="12"/>
    </row>
    <row r="39636" spans="8:8">
      <c r="H39636" s="12"/>
    </row>
    <row r="39637" spans="8:8">
      <c r="H39637" s="12"/>
    </row>
    <row r="39638" spans="8:8">
      <c r="H39638" s="12"/>
    </row>
    <row r="39639" spans="8:8">
      <c r="H39639" s="12"/>
    </row>
    <row r="39640" spans="8:8">
      <c r="H39640" s="12"/>
    </row>
    <row r="39641" spans="8:8">
      <c r="H39641" s="12"/>
    </row>
    <row r="39642" spans="8:8">
      <c r="H39642" s="12"/>
    </row>
    <row r="39643" spans="8:8">
      <c r="H39643" s="12"/>
    </row>
    <row r="39644" spans="8:8">
      <c r="H39644" s="12"/>
    </row>
    <row r="39645" spans="8:8">
      <c r="H39645" s="12"/>
    </row>
    <row r="39646" spans="8:8">
      <c r="H39646" s="12"/>
    </row>
    <row r="39647" spans="8:8">
      <c r="H39647" s="12"/>
    </row>
    <row r="39648" spans="8:8">
      <c r="H39648" s="12"/>
    </row>
    <row r="39649" spans="8:8">
      <c r="H39649" s="12"/>
    </row>
    <row r="39650" spans="8:8">
      <c r="H39650" s="12"/>
    </row>
    <row r="39651" spans="8:8">
      <c r="H39651" s="12"/>
    </row>
    <row r="39652" spans="8:8">
      <c r="H39652" s="12"/>
    </row>
    <row r="39653" spans="8:8">
      <c r="H39653" s="12"/>
    </row>
    <row r="39654" spans="8:8">
      <c r="H39654" s="12"/>
    </row>
    <row r="39655" spans="8:8">
      <c r="H39655" s="12"/>
    </row>
    <row r="39656" spans="8:8">
      <c r="H39656" s="12"/>
    </row>
    <row r="39657" spans="8:8">
      <c r="H39657" s="12"/>
    </row>
    <row r="39658" spans="8:8">
      <c r="H39658" s="12"/>
    </row>
    <row r="39659" spans="8:8">
      <c r="H39659" s="12"/>
    </row>
    <row r="39660" spans="8:8">
      <c r="H39660" s="12"/>
    </row>
    <row r="39661" spans="8:8">
      <c r="H39661" s="12"/>
    </row>
    <row r="39662" spans="8:8">
      <c r="H39662" s="12"/>
    </row>
    <row r="39663" spans="8:8">
      <c r="H39663" s="12"/>
    </row>
    <row r="39664" spans="8:8">
      <c r="H39664" s="12"/>
    </row>
    <row r="39665" spans="8:8">
      <c r="H39665" s="12"/>
    </row>
    <row r="39666" spans="8:8">
      <c r="H39666" s="12"/>
    </row>
    <row r="39667" spans="8:8">
      <c r="H39667" s="12"/>
    </row>
    <row r="39668" spans="8:8">
      <c r="H39668" s="12"/>
    </row>
    <row r="39669" spans="8:8">
      <c r="H39669" s="12"/>
    </row>
    <row r="39670" spans="8:8">
      <c r="H39670" s="12"/>
    </row>
    <row r="39671" spans="8:8">
      <c r="H39671" s="12"/>
    </row>
    <row r="39672" spans="8:8">
      <c r="H39672" s="12"/>
    </row>
    <row r="39673" spans="8:8">
      <c r="H39673" s="12"/>
    </row>
    <row r="39674" spans="8:8">
      <c r="H39674" s="12"/>
    </row>
    <row r="39675" spans="8:8">
      <c r="H39675" s="12"/>
    </row>
    <row r="39676" spans="8:8">
      <c r="H39676" s="12"/>
    </row>
    <row r="39677" spans="8:8">
      <c r="H39677" s="12"/>
    </row>
    <row r="39678" spans="8:8">
      <c r="H39678" s="12"/>
    </row>
    <row r="39679" spans="8:8">
      <c r="H39679" s="12"/>
    </row>
    <row r="39680" spans="8:8">
      <c r="H39680" s="12"/>
    </row>
    <row r="39681" spans="8:8">
      <c r="H39681" s="12"/>
    </row>
    <row r="39682" spans="8:8">
      <c r="H39682" s="12"/>
    </row>
    <row r="39683" spans="8:8">
      <c r="H39683" s="12"/>
    </row>
    <row r="39684" spans="8:8">
      <c r="H39684" s="12"/>
    </row>
    <row r="39685" spans="8:8">
      <c r="H39685" s="12"/>
    </row>
    <row r="39686" spans="8:8">
      <c r="H39686" s="12"/>
    </row>
    <row r="39687" spans="8:8">
      <c r="H39687" s="12"/>
    </row>
    <row r="39688" spans="8:8">
      <c r="H39688" s="12"/>
    </row>
    <row r="39689" spans="8:8">
      <c r="H39689" s="12"/>
    </row>
    <row r="39690" spans="8:8">
      <c r="H39690" s="12"/>
    </row>
    <row r="39691" spans="8:8">
      <c r="H39691" s="12"/>
    </row>
    <row r="39692" spans="8:8">
      <c r="H39692" s="12"/>
    </row>
    <row r="39693" spans="8:8">
      <c r="H39693" s="12"/>
    </row>
    <row r="39694" spans="8:8">
      <c r="H39694" s="12"/>
    </row>
    <row r="39695" spans="8:8">
      <c r="H39695" s="12"/>
    </row>
    <row r="39696" spans="8:8">
      <c r="H39696" s="12"/>
    </row>
    <row r="39697" spans="8:8">
      <c r="H39697" s="12"/>
    </row>
    <row r="39698" spans="8:8">
      <c r="H39698" s="12"/>
    </row>
    <row r="39699" spans="8:8">
      <c r="H39699" s="12"/>
    </row>
    <row r="39700" spans="8:8">
      <c r="H39700" s="12"/>
    </row>
    <row r="39701" spans="8:8">
      <c r="H39701" s="12"/>
    </row>
    <row r="39702" spans="8:8">
      <c r="H39702" s="12"/>
    </row>
    <row r="39703" spans="8:8">
      <c r="H39703" s="12"/>
    </row>
    <row r="39704" spans="8:8">
      <c r="H39704" s="12"/>
    </row>
    <row r="39705" spans="8:8">
      <c r="H39705" s="12"/>
    </row>
    <row r="39706" spans="8:8">
      <c r="H39706" s="12"/>
    </row>
    <row r="39707" spans="8:8">
      <c r="H39707" s="12"/>
    </row>
    <row r="39708" spans="8:8">
      <c r="H39708" s="12"/>
    </row>
    <row r="39709" spans="8:8">
      <c r="H39709" s="12"/>
    </row>
    <row r="39710" spans="8:8">
      <c r="H39710" s="12"/>
    </row>
    <row r="39711" spans="8:8">
      <c r="H39711" s="12"/>
    </row>
    <row r="39712" spans="8:8">
      <c r="H39712" s="12"/>
    </row>
    <row r="39713" spans="8:8">
      <c r="H39713" s="12"/>
    </row>
    <row r="39714" spans="8:8">
      <c r="H39714" s="12"/>
    </row>
    <row r="39715" spans="8:8">
      <c r="H39715" s="12"/>
    </row>
    <row r="39716" spans="8:8">
      <c r="H39716" s="12"/>
    </row>
    <row r="39717" spans="8:8">
      <c r="H39717" s="12"/>
    </row>
    <row r="39718" spans="8:8">
      <c r="H39718" s="12"/>
    </row>
    <row r="39719" spans="8:8">
      <c r="H39719" s="12"/>
    </row>
    <row r="39720" spans="8:8">
      <c r="H39720" s="12"/>
    </row>
    <row r="39721" spans="8:8">
      <c r="H39721" s="12"/>
    </row>
    <row r="39722" spans="8:8">
      <c r="H39722" s="12"/>
    </row>
    <row r="39723" spans="8:8">
      <c r="H39723" s="12"/>
    </row>
    <row r="39724" spans="8:8">
      <c r="H39724" s="12"/>
    </row>
    <row r="39725" spans="8:8">
      <c r="H39725" s="12"/>
    </row>
    <row r="39726" spans="8:8">
      <c r="H39726" s="12"/>
    </row>
    <row r="39727" spans="8:8">
      <c r="H39727" s="12"/>
    </row>
    <row r="39728" spans="8:8">
      <c r="H39728" s="12"/>
    </row>
    <row r="39729" spans="8:8">
      <c r="H39729" s="12"/>
    </row>
    <row r="39730" spans="8:8">
      <c r="H39730" s="12"/>
    </row>
    <row r="39731" spans="8:8">
      <c r="H39731" s="12"/>
    </row>
    <row r="39732" spans="8:8">
      <c r="H39732" s="12"/>
    </row>
    <row r="39733" spans="8:8">
      <c r="H39733" s="12"/>
    </row>
    <row r="39734" spans="8:8">
      <c r="H39734" s="12"/>
    </row>
    <row r="39735" spans="8:8">
      <c r="H39735" s="12"/>
    </row>
    <row r="39736" spans="8:8">
      <c r="H39736" s="12"/>
    </row>
    <row r="39737" spans="8:8">
      <c r="H39737" s="12"/>
    </row>
    <row r="39738" spans="8:8">
      <c r="H39738" s="12"/>
    </row>
    <row r="39739" spans="8:8">
      <c r="H39739" s="12"/>
    </row>
    <row r="39740" spans="8:8">
      <c r="H39740" s="12"/>
    </row>
    <row r="39741" spans="8:8">
      <c r="H39741" s="12"/>
    </row>
    <row r="39742" spans="8:8">
      <c r="H39742" s="12"/>
    </row>
    <row r="39743" spans="8:8">
      <c r="H39743" s="12"/>
    </row>
    <row r="39744" spans="8:8">
      <c r="H39744" s="12"/>
    </row>
    <row r="39745" spans="8:8">
      <c r="H39745" s="12"/>
    </row>
    <row r="39746" spans="8:8">
      <c r="H39746" s="12"/>
    </row>
    <row r="39747" spans="8:8">
      <c r="H39747" s="12"/>
    </row>
    <row r="39748" spans="8:8">
      <c r="H39748" s="12"/>
    </row>
    <row r="39749" spans="8:8">
      <c r="H39749" s="12"/>
    </row>
    <row r="39750" spans="8:8">
      <c r="H39750" s="12"/>
    </row>
    <row r="39751" spans="8:8">
      <c r="H39751" s="12"/>
    </row>
    <row r="39752" spans="8:8">
      <c r="H39752" s="12"/>
    </row>
    <row r="39753" spans="8:8">
      <c r="H39753" s="12"/>
    </row>
    <row r="39754" spans="8:8">
      <c r="H39754" s="12"/>
    </row>
    <row r="39755" spans="8:8">
      <c r="H39755" s="12"/>
    </row>
    <row r="39756" spans="8:8">
      <c r="H39756" s="12"/>
    </row>
    <row r="39757" spans="8:8">
      <c r="H39757" s="12"/>
    </row>
    <row r="39758" spans="8:8">
      <c r="H39758" s="12"/>
    </row>
    <row r="39759" spans="8:8">
      <c r="H39759" s="12"/>
    </row>
    <row r="39760" spans="8:8">
      <c r="H39760" s="12"/>
    </row>
    <row r="39761" spans="8:8">
      <c r="H39761" s="12"/>
    </row>
    <row r="39762" spans="8:8">
      <c r="H39762" s="12"/>
    </row>
    <row r="39763" spans="8:8">
      <c r="H39763" s="12"/>
    </row>
    <row r="39764" spans="8:8">
      <c r="H39764" s="12"/>
    </row>
    <row r="39765" spans="8:8">
      <c r="H39765" s="12"/>
    </row>
    <row r="39766" spans="8:8">
      <c r="H39766" s="12"/>
    </row>
    <row r="39767" spans="8:8">
      <c r="H39767" s="12"/>
    </row>
    <row r="39768" spans="8:8">
      <c r="H39768" s="12"/>
    </row>
    <row r="39769" spans="8:8">
      <c r="H39769" s="12"/>
    </row>
    <row r="39770" spans="8:8">
      <c r="H39770" s="12"/>
    </row>
    <row r="39771" spans="8:8">
      <c r="H39771" s="12"/>
    </row>
    <row r="39772" spans="8:8">
      <c r="H39772" s="12"/>
    </row>
    <row r="39773" spans="8:8">
      <c r="H39773" s="12"/>
    </row>
    <row r="39774" spans="8:8">
      <c r="H39774" s="12"/>
    </row>
    <row r="39775" spans="8:8">
      <c r="H39775" s="12"/>
    </row>
    <row r="39776" spans="8:8">
      <c r="H39776" s="12"/>
    </row>
    <row r="39777" spans="8:8">
      <c r="H39777" s="12"/>
    </row>
    <row r="39778" spans="8:8">
      <c r="H39778" s="12"/>
    </row>
    <row r="39779" spans="8:8">
      <c r="H39779" s="12"/>
    </row>
    <row r="39780" spans="8:8">
      <c r="H39780" s="12"/>
    </row>
    <row r="39781" spans="8:8">
      <c r="H39781" s="12"/>
    </row>
    <row r="39782" spans="8:8">
      <c r="H39782" s="12"/>
    </row>
    <row r="39783" spans="8:8">
      <c r="H39783" s="12"/>
    </row>
    <row r="39784" spans="8:8">
      <c r="H39784" s="12"/>
    </row>
    <row r="39785" spans="8:8">
      <c r="H39785" s="12"/>
    </row>
    <row r="39786" spans="8:8">
      <c r="H39786" s="12"/>
    </row>
    <row r="39787" spans="8:8">
      <c r="H39787" s="12"/>
    </row>
    <row r="39788" spans="8:8">
      <c r="H39788" s="12"/>
    </row>
    <row r="39789" spans="8:8">
      <c r="H39789" s="12"/>
    </row>
    <row r="39790" spans="8:8">
      <c r="H39790" s="12"/>
    </row>
    <row r="39791" spans="8:8">
      <c r="H39791" s="12"/>
    </row>
    <row r="39792" spans="8:8">
      <c r="H39792" s="12"/>
    </row>
    <row r="39793" spans="8:8">
      <c r="H39793" s="12"/>
    </row>
    <row r="39794" spans="8:8">
      <c r="H39794" s="12"/>
    </row>
    <row r="39795" spans="8:8">
      <c r="H39795" s="12"/>
    </row>
    <row r="39796" spans="8:8">
      <c r="H39796" s="12"/>
    </row>
    <row r="39797" spans="8:8">
      <c r="H39797" s="12"/>
    </row>
    <row r="39798" spans="8:8">
      <c r="H39798" s="12"/>
    </row>
    <row r="39799" spans="8:8">
      <c r="H39799" s="12"/>
    </row>
    <row r="39800" spans="8:8">
      <c r="H39800" s="12"/>
    </row>
    <row r="39801" spans="8:8">
      <c r="H39801" s="12"/>
    </row>
    <row r="39802" spans="8:8">
      <c r="H39802" s="12"/>
    </row>
    <row r="39803" spans="8:8">
      <c r="H39803" s="12"/>
    </row>
    <row r="39804" spans="8:8">
      <c r="H39804" s="12"/>
    </row>
    <row r="39805" spans="8:8">
      <c r="H39805" s="12"/>
    </row>
    <row r="39806" spans="8:8">
      <c r="H39806" s="12"/>
    </row>
    <row r="39807" spans="8:8">
      <c r="H39807" s="12"/>
    </row>
    <row r="39808" spans="8:8">
      <c r="H39808" s="12"/>
    </row>
    <row r="39809" spans="8:8">
      <c r="H39809" s="12"/>
    </row>
    <row r="39810" spans="8:8">
      <c r="H39810" s="12"/>
    </row>
    <row r="39811" spans="8:8">
      <c r="H39811" s="12"/>
    </row>
    <row r="39812" spans="8:8">
      <c r="H39812" s="12"/>
    </row>
    <row r="39813" spans="8:8">
      <c r="H39813" s="12"/>
    </row>
    <row r="39814" spans="8:8">
      <c r="H39814" s="12"/>
    </row>
    <row r="39815" spans="8:8">
      <c r="H39815" s="12"/>
    </row>
    <row r="39816" spans="8:8">
      <c r="H39816" s="12"/>
    </row>
    <row r="39817" spans="8:8">
      <c r="H39817" s="12"/>
    </row>
    <row r="39818" spans="8:8">
      <c r="H39818" s="12"/>
    </row>
    <row r="39819" spans="8:8">
      <c r="H39819" s="12"/>
    </row>
    <row r="39820" spans="8:8">
      <c r="H39820" s="12"/>
    </row>
    <row r="39821" spans="8:8">
      <c r="H39821" s="12"/>
    </row>
    <row r="39822" spans="8:8">
      <c r="H39822" s="12"/>
    </row>
    <row r="39823" spans="8:8">
      <c r="H39823" s="12"/>
    </row>
    <row r="39824" spans="8:8">
      <c r="H39824" s="12"/>
    </row>
    <row r="39825" spans="8:8">
      <c r="H39825" s="12"/>
    </row>
    <row r="39826" spans="8:8">
      <c r="H39826" s="12"/>
    </row>
    <row r="39827" spans="8:8">
      <c r="H39827" s="12"/>
    </row>
    <row r="39828" spans="8:8">
      <c r="H39828" s="12"/>
    </row>
    <row r="39829" spans="8:8">
      <c r="H39829" s="12"/>
    </row>
    <row r="39830" spans="8:8">
      <c r="H39830" s="12"/>
    </row>
    <row r="39831" spans="8:8">
      <c r="H39831" s="12"/>
    </row>
    <row r="39832" spans="8:8">
      <c r="H39832" s="12"/>
    </row>
    <row r="39833" spans="8:8">
      <c r="H39833" s="12"/>
    </row>
    <row r="39834" spans="8:8">
      <c r="H39834" s="12"/>
    </row>
    <row r="39835" spans="8:8">
      <c r="H39835" s="12"/>
    </row>
    <row r="39836" spans="8:8">
      <c r="H39836" s="12"/>
    </row>
    <row r="39837" spans="8:8">
      <c r="H39837" s="12"/>
    </row>
    <row r="39838" spans="8:8">
      <c r="H39838" s="12"/>
    </row>
    <row r="39839" spans="8:8">
      <c r="H39839" s="12"/>
    </row>
    <row r="39840" spans="8:8">
      <c r="H39840" s="12"/>
    </row>
    <row r="39841" spans="8:8">
      <c r="H39841" s="12"/>
    </row>
    <row r="39842" spans="8:8">
      <c r="H39842" s="12"/>
    </row>
    <row r="39843" spans="8:8">
      <c r="H39843" s="12"/>
    </row>
    <row r="39844" spans="8:8">
      <c r="H39844" s="12"/>
    </row>
    <row r="39845" spans="8:8">
      <c r="H39845" s="12"/>
    </row>
    <row r="39846" spans="8:8">
      <c r="H39846" s="12"/>
    </row>
    <row r="39847" spans="8:8">
      <c r="H39847" s="12"/>
    </row>
    <row r="39848" spans="8:8">
      <c r="H39848" s="12"/>
    </row>
    <row r="39849" spans="8:8">
      <c r="H39849" s="12"/>
    </row>
    <row r="39850" spans="8:8">
      <c r="H39850" s="12"/>
    </row>
    <row r="39851" spans="8:8">
      <c r="H39851" s="12"/>
    </row>
    <row r="39852" spans="8:8">
      <c r="H39852" s="12"/>
    </row>
    <row r="39853" spans="8:8">
      <c r="H39853" s="12"/>
    </row>
    <row r="39854" spans="8:8">
      <c r="H39854" s="12"/>
    </row>
    <row r="39855" spans="8:8">
      <c r="H39855" s="12"/>
    </row>
    <row r="39856" spans="8:8">
      <c r="H39856" s="12"/>
    </row>
    <row r="39857" spans="8:8">
      <c r="H39857" s="12"/>
    </row>
    <row r="39858" spans="8:8">
      <c r="H39858" s="12"/>
    </row>
    <row r="39859" spans="8:8">
      <c r="H39859" s="12"/>
    </row>
    <row r="39860" spans="8:8">
      <c r="H39860" s="12"/>
    </row>
    <row r="39861" spans="8:8">
      <c r="H39861" s="12"/>
    </row>
    <row r="39862" spans="8:8">
      <c r="H39862" s="12"/>
    </row>
    <row r="39863" spans="8:8">
      <c r="H39863" s="12"/>
    </row>
    <row r="39864" spans="8:8">
      <c r="H39864" s="12"/>
    </row>
    <row r="39865" spans="8:8">
      <c r="H39865" s="12"/>
    </row>
    <row r="39866" spans="8:8">
      <c r="H39866" s="12"/>
    </row>
    <row r="39867" spans="8:8">
      <c r="H39867" s="12"/>
    </row>
    <row r="39868" spans="8:8">
      <c r="H39868" s="12"/>
    </row>
    <row r="39869" spans="8:8">
      <c r="H39869" s="12"/>
    </row>
    <row r="39870" spans="8:8">
      <c r="H39870" s="12"/>
    </row>
    <row r="39871" spans="8:8">
      <c r="H39871" s="12"/>
    </row>
    <row r="39872" spans="8:8">
      <c r="H39872" s="12"/>
    </row>
    <row r="39873" spans="8:8">
      <c r="H39873" s="12"/>
    </row>
    <row r="39874" spans="8:8">
      <c r="H39874" s="12"/>
    </row>
    <row r="39875" spans="8:8">
      <c r="H39875" s="12"/>
    </row>
    <row r="39876" spans="8:8">
      <c r="H39876" s="12"/>
    </row>
    <row r="39877" spans="8:8">
      <c r="H39877" s="12"/>
    </row>
    <row r="39878" spans="8:8">
      <c r="H39878" s="12"/>
    </row>
    <row r="39879" spans="8:8">
      <c r="H39879" s="12"/>
    </row>
    <row r="39880" spans="8:8">
      <c r="H39880" s="12"/>
    </row>
    <row r="39881" spans="8:8">
      <c r="H39881" s="12"/>
    </row>
    <row r="39882" spans="8:8">
      <c r="H39882" s="12"/>
    </row>
    <row r="39883" spans="8:8">
      <c r="H39883" s="12"/>
    </row>
    <row r="39884" spans="8:8">
      <c r="H39884" s="12"/>
    </row>
    <row r="39885" spans="8:8">
      <c r="H39885" s="12"/>
    </row>
    <row r="39886" spans="8:8">
      <c r="H39886" s="12"/>
    </row>
    <row r="39887" spans="8:8">
      <c r="H39887" s="12"/>
    </row>
    <row r="39888" spans="8:8">
      <c r="H39888" s="12"/>
    </row>
    <row r="39889" spans="8:8">
      <c r="H39889" s="12"/>
    </row>
    <row r="39890" spans="8:8">
      <c r="H39890" s="12"/>
    </row>
    <row r="39891" spans="8:8">
      <c r="H39891" s="12"/>
    </row>
    <row r="39892" spans="8:8">
      <c r="H39892" s="12"/>
    </row>
    <row r="39893" spans="8:8">
      <c r="H39893" s="12"/>
    </row>
    <row r="39894" spans="8:8">
      <c r="H39894" s="12"/>
    </row>
    <row r="39895" spans="8:8">
      <c r="H39895" s="12"/>
    </row>
    <row r="39896" spans="8:8">
      <c r="H39896" s="12"/>
    </row>
    <row r="39897" spans="8:8">
      <c r="H39897" s="12"/>
    </row>
    <row r="39898" spans="8:8">
      <c r="H39898" s="12"/>
    </row>
    <row r="39899" spans="8:8">
      <c r="H39899" s="12"/>
    </row>
    <row r="39900" spans="8:8">
      <c r="H39900" s="12"/>
    </row>
    <row r="39901" spans="8:8">
      <c r="H39901" s="12"/>
    </row>
    <row r="39902" spans="8:8">
      <c r="H39902" s="12"/>
    </row>
    <row r="39903" spans="8:8">
      <c r="H39903" s="12"/>
    </row>
    <row r="39904" spans="8:8">
      <c r="H39904" s="12"/>
    </row>
    <row r="39905" spans="8:8">
      <c r="H39905" s="12"/>
    </row>
    <row r="39906" spans="8:8">
      <c r="H39906" s="12"/>
    </row>
    <row r="39907" spans="8:8">
      <c r="H39907" s="12"/>
    </row>
    <row r="39908" spans="8:8">
      <c r="H39908" s="12"/>
    </row>
    <row r="39909" spans="8:8">
      <c r="H39909" s="12"/>
    </row>
    <row r="39910" spans="8:8">
      <c r="H39910" s="12"/>
    </row>
    <row r="39911" spans="8:8">
      <c r="H39911" s="12"/>
    </row>
    <row r="39912" spans="8:8">
      <c r="H39912" s="12"/>
    </row>
    <row r="39913" spans="8:8">
      <c r="H39913" s="12"/>
    </row>
    <row r="39914" spans="8:8">
      <c r="H39914" s="12"/>
    </row>
    <row r="39915" spans="8:8">
      <c r="H39915" s="12"/>
    </row>
    <row r="39916" spans="8:8">
      <c r="H39916" s="12"/>
    </row>
    <row r="39917" spans="8:8">
      <c r="H39917" s="12"/>
    </row>
    <row r="39918" spans="8:8">
      <c r="H39918" s="12"/>
    </row>
    <row r="39919" spans="8:8">
      <c r="H39919" s="12"/>
    </row>
    <row r="39920" spans="8:8">
      <c r="H39920" s="12"/>
    </row>
    <row r="39921" spans="8:8">
      <c r="H39921" s="12"/>
    </row>
    <row r="39922" spans="8:8">
      <c r="H39922" s="12"/>
    </row>
    <row r="39923" spans="8:8">
      <c r="H39923" s="12"/>
    </row>
    <row r="39924" spans="8:8">
      <c r="H39924" s="12"/>
    </row>
    <row r="39925" spans="8:8">
      <c r="H39925" s="12"/>
    </row>
    <row r="39926" spans="8:8">
      <c r="H39926" s="12"/>
    </row>
    <row r="39927" spans="8:8">
      <c r="H39927" s="12"/>
    </row>
    <row r="39928" spans="8:8">
      <c r="H39928" s="12"/>
    </row>
    <row r="39929" spans="8:8">
      <c r="H39929" s="12"/>
    </row>
    <row r="39930" spans="8:8">
      <c r="H39930" s="12"/>
    </row>
    <row r="39931" spans="8:8">
      <c r="H39931" s="12"/>
    </row>
    <row r="39932" spans="8:8">
      <c r="H39932" s="12"/>
    </row>
    <row r="39933" spans="8:8">
      <c r="H39933" s="12"/>
    </row>
    <row r="39934" spans="8:8">
      <c r="H39934" s="12"/>
    </row>
    <row r="39935" spans="8:8">
      <c r="H39935" s="12"/>
    </row>
    <row r="39936" spans="8:8">
      <c r="H39936" s="12"/>
    </row>
    <row r="39937" spans="8:8">
      <c r="H39937" s="12"/>
    </row>
    <row r="39938" spans="8:8">
      <c r="H39938" s="12"/>
    </row>
    <row r="39939" spans="8:8">
      <c r="H39939" s="12"/>
    </row>
    <row r="39940" spans="8:8">
      <c r="H39940" s="12"/>
    </row>
    <row r="39941" spans="8:8">
      <c r="H39941" s="12"/>
    </row>
    <row r="39942" spans="8:8">
      <c r="H39942" s="12"/>
    </row>
    <row r="39943" spans="8:8">
      <c r="H39943" s="12"/>
    </row>
    <row r="39944" spans="8:8">
      <c r="H39944" s="12"/>
    </row>
    <row r="39945" spans="8:8">
      <c r="H39945" s="12"/>
    </row>
    <row r="39946" spans="8:8">
      <c r="H39946" s="12"/>
    </row>
    <row r="39947" spans="8:8">
      <c r="H39947" s="12"/>
    </row>
    <row r="39948" spans="8:8">
      <c r="H39948" s="12"/>
    </row>
    <row r="39949" spans="8:8">
      <c r="H39949" s="12"/>
    </row>
    <row r="39950" spans="8:8">
      <c r="H39950" s="12"/>
    </row>
    <row r="39951" spans="8:8">
      <c r="H39951" s="12"/>
    </row>
    <row r="39952" spans="8:8">
      <c r="H39952" s="12"/>
    </row>
    <row r="39953" spans="8:8">
      <c r="H39953" s="12"/>
    </row>
    <row r="39954" spans="8:8">
      <c r="H39954" s="12"/>
    </row>
    <row r="39955" spans="8:8">
      <c r="H39955" s="12"/>
    </row>
    <row r="39956" spans="8:8">
      <c r="H39956" s="12"/>
    </row>
    <row r="39957" spans="8:8">
      <c r="H39957" s="12"/>
    </row>
    <row r="39958" spans="8:8">
      <c r="H39958" s="12"/>
    </row>
    <row r="39959" spans="8:8">
      <c r="H39959" s="12"/>
    </row>
    <row r="39960" spans="8:8">
      <c r="H39960" s="12"/>
    </row>
    <row r="39961" spans="8:8">
      <c r="H39961" s="12"/>
    </row>
    <row r="39962" spans="8:8">
      <c r="H39962" s="12"/>
    </row>
    <row r="39963" spans="8:8">
      <c r="H39963" s="12"/>
    </row>
    <row r="39964" spans="8:8">
      <c r="H39964" s="12"/>
    </row>
    <row r="39965" spans="8:8">
      <c r="H39965" s="12"/>
    </row>
    <row r="39966" spans="8:8">
      <c r="H39966" s="12"/>
    </row>
    <row r="39967" spans="8:8">
      <c r="H39967" s="12"/>
    </row>
    <row r="39968" spans="8:8">
      <c r="H39968" s="12"/>
    </row>
    <row r="39969" spans="8:8">
      <c r="H39969" s="12"/>
    </row>
    <row r="39970" spans="8:8">
      <c r="H39970" s="12"/>
    </row>
    <row r="39971" spans="8:8">
      <c r="H39971" s="12"/>
    </row>
    <row r="39972" spans="8:8">
      <c r="H39972" s="12"/>
    </row>
    <row r="39973" spans="8:8">
      <c r="H39973" s="12"/>
    </row>
    <row r="39974" spans="8:8">
      <c r="H39974" s="12"/>
    </row>
    <row r="39975" spans="8:8">
      <c r="H39975" s="12"/>
    </row>
    <row r="39976" spans="8:8">
      <c r="H39976" s="12"/>
    </row>
    <row r="39977" spans="8:8">
      <c r="H39977" s="12"/>
    </row>
    <row r="39978" spans="8:8">
      <c r="H39978" s="12"/>
    </row>
    <row r="39979" spans="8:8">
      <c r="H39979" s="12"/>
    </row>
    <row r="39980" spans="8:8">
      <c r="H39980" s="12"/>
    </row>
    <row r="39981" spans="8:8">
      <c r="H39981" s="12"/>
    </row>
    <row r="39982" spans="8:8">
      <c r="H39982" s="12"/>
    </row>
    <row r="39983" spans="8:8">
      <c r="H39983" s="12"/>
    </row>
    <row r="39984" spans="8:8">
      <c r="H39984" s="12"/>
    </row>
    <row r="39985" spans="8:8">
      <c r="H39985" s="12"/>
    </row>
    <row r="39986" spans="8:8">
      <c r="H39986" s="12"/>
    </row>
    <row r="39987" spans="8:8">
      <c r="H39987" s="12"/>
    </row>
    <row r="39988" spans="8:8">
      <c r="H39988" s="12"/>
    </row>
    <row r="39989" spans="8:8">
      <c r="H39989" s="12"/>
    </row>
    <row r="39990" spans="8:8">
      <c r="H39990" s="12"/>
    </row>
    <row r="39991" spans="8:8">
      <c r="H39991" s="12"/>
    </row>
    <row r="39992" spans="8:8">
      <c r="H39992" s="12"/>
    </row>
    <row r="39993" spans="8:8">
      <c r="H39993" s="12"/>
    </row>
    <row r="39994" spans="8:8">
      <c r="H39994" s="12"/>
    </row>
    <row r="39995" spans="8:8">
      <c r="H39995" s="12"/>
    </row>
    <row r="39996" spans="8:8">
      <c r="H39996" s="12"/>
    </row>
    <row r="39997" spans="8:8">
      <c r="H39997" s="12"/>
    </row>
    <row r="39998" spans="8:8">
      <c r="H39998" s="12"/>
    </row>
    <row r="39999" spans="8:8">
      <c r="H39999" s="12"/>
    </row>
    <row r="40000" spans="8:8">
      <c r="H40000" s="12"/>
    </row>
    <row r="40001" spans="8:8">
      <c r="H40001" s="12"/>
    </row>
    <row r="40002" spans="8:8">
      <c r="H40002" s="12"/>
    </row>
    <row r="40003" spans="8:8">
      <c r="H40003" s="12"/>
    </row>
    <row r="40004" spans="8:8">
      <c r="H40004" s="12"/>
    </row>
    <row r="40005" spans="8:8">
      <c r="H40005" s="12"/>
    </row>
    <row r="40006" spans="8:8">
      <c r="H40006" s="12"/>
    </row>
    <row r="40007" spans="8:8">
      <c r="H40007" s="12"/>
    </row>
    <row r="40008" spans="8:8">
      <c r="H40008" s="12"/>
    </row>
    <row r="40009" spans="8:8">
      <c r="H40009" s="12"/>
    </row>
    <row r="40010" spans="8:8">
      <c r="H40010" s="12"/>
    </row>
    <row r="40011" spans="8:8">
      <c r="H40011" s="12"/>
    </row>
    <row r="40012" spans="8:8">
      <c r="H40012" s="12"/>
    </row>
    <row r="40013" spans="8:8">
      <c r="H40013" s="12"/>
    </row>
    <row r="40014" spans="8:8">
      <c r="H40014" s="12"/>
    </row>
    <row r="40015" spans="8:8">
      <c r="H40015" s="12"/>
    </row>
    <row r="40016" spans="8:8">
      <c r="H40016" s="12"/>
    </row>
    <row r="40017" spans="8:8">
      <c r="H40017" s="12"/>
    </row>
    <row r="40018" spans="8:8">
      <c r="H40018" s="12"/>
    </row>
    <row r="40019" spans="8:8">
      <c r="H40019" s="12"/>
    </row>
    <row r="40020" spans="8:8">
      <c r="H40020" s="12"/>
    </row>
    <row r="40021" spans="8:8">
      <c r="H40021" s="12"/>
    </row>
    <row r="40022" spans="8:8">
      <c r="H40022" s="12"/>
    </row>
    <row r="40023" spans="8:8">
      <c r="H40023" s="12"/>
    </row>
    <row r="40024" spans="8:8">
      <c r="H40024" s="12"/>
    </row>
    <row r="40025" spans="8:8">
      <c r="H40025" s="12"/>
    </row>
    <row r="40026" spans="8:8">
      <c r="H40026" s="12"/>
    </row>
    <row r="40027" spans="8:8">
      <c r="H40027" s="12"/>
    </row>
    <row r="40028" spans="8:8">
      <c r="H40028" s="12"/>
    </row>
    <row r="40029" spans="8:8">
      <c r="H40029" s="12"/>
    </row>
    <row r="40030" spans="8:8">
      <c r="H40030" s="12"/>
    </row>
    <row r="40031" spans="8:8">
      <c r="H40031" s="12"/>
    </row>
    <row r="40032" spans="8:8">
      <c r="H40032" s="12"/>
    </row>
    <row r="40033" spans="8:8">
      <c r="H40033" s="12"/>
    </row>
    <row r="40034" spans="8:8">
      <c r="H40034" s="12"/>
    </row>
    <row r="40035" spans="8:8">
      <c r="H40035" s="12"/>
    </row>
    <row r="40036" spans="8:8">
      <c r="H40036" s="12"/>
    </row>
    <row r="40037" spans="8:8">
      <c r="H40037" s="12"/>
    </row>
    <row r="40038" spans="8:8">
      <c r="H40038" s="12"/>
    </row>
    <row r="40039" spans="8:8">
      <c r="H40039" s="12"/>
    </row>
    <row r="40040" spans="8:8">
      <c r="H40040" s="12"/>
    </row>
    <row r="40041" spans="8:8">
      <c r="H40041" s="12"/>
    </row>
    <row r="40042" spans="8:8">
      <c r="H40042" s="12"/>
    </row>
    <row r="40043" spans="8:8">
      <c r="H40043" s="12"/>
    </row>
    <row r="40044" spans="8:8">
      <c r="H40044" s="12"/>
    </row>
    <row r="40045" spans="8:8">
      <c r="H40045" s="12"/>
    </row>
    <row r="40046" spans="8:8">
      <c r="H40046" s="12"/>
    </row>
    <row r="40047" spans="8:8">
      <c r="H40047" s="12"/>
    </row>
    <row r="40048" spans="8:8">
      <c r="H40048" s="12"/>
    </row>
    <row r="40049" spans="8:8">
      <c r="H40049" s="12"/>
    </row>
    <row r="40050" spans="8:8">
      <c r="H40050" s="12"/>
    </row>
    <row r="40051" spans="8:8">
      <c r="H40051" s="12"/>
    </row>
    <row r="40052" spans="8:8">
      <c r="H40052" s="12"/>
    </row>
    <row r="40053" spans="8:8">
      <c r="H40053" s="12"/>
    </row>
    <row r="40054" spans="8:8">
      <c r="H40054" s="12"/>
    </row>
    <row r="40055" spans="8:8">
      <c r="H40055" s="12"/>
    </row>
    <row r="40056" spans="8:8">
      <c r="H40056" s="12"/>
    </row>
    <row r="40057" spans="8:8">
      <c r="H40057" s="12"/>
    </row>
    <row r="40058" spans="8:8">
      <c r="H40058" s="12"/>
    </row>
    <row r="40059" spans="8:8">
      <c r="H40059" s="12"/>
    </row>
    <row r="40060" spans="8:8">
      <c r="H40060" s="12"/>
    </row>
    <row r="40061" spans="8:8">
      <c r="H40061" s="12"/>
    </row>
    <row r="40062" spans="8:8">
      <c r="H40062" s="12"/>
    </row>
    <row r="40063" spans="8:8">
      <c r="H40063" s="12"/>
    </row>
    <row r="40064" spans="8:8">
      <c r="H40064" s="12"/>
    </row>
    <row r="40065" spans="8:8">
      <c r="H40065" s="12"/>
    </row>
    <row r="40066" spans="8:8">
      <c r="H40066" s="12"/>
    </row>
    <row r="40067" spans="8:8">
      <c r="H40067" s="12"/>
    </row>
    <row r="40068" spans="8:8">
      <c r="H40068" s="12"/>
    </row>
    <row r="40069" spans="8:8">
      <c r="H40069" s="12"/>
    </row>
    <row r="40070" spans="8:8">
      <c r="H40070" s="12"/>
    </row>
    <row r="40071" spans="8:8">
      <c r="H40071" s="12"/>
    </row>
    <row r="40072" spans="8:8">
      <c r="H40072" s="12"/>
    </row>
    <row r="40073" spans="8:8">
      <c r="H40073" s="12"/>
    </row>
    <row r="40074" spans="8:8">
      <c r="H40074" s="12"/>
    </row>
    <row r="40075" spans="8:8">
      <c r="H40075" s="12"/>
    </row>
    <row r="40076" spans="8:8">
      <c r="H40076" s="12"/>
    </row>
    <row r="40077" spans="8:8">
      <c r="H40077" s="12"/>
    </row>
    <row r="40078" spans="8:8">
      <c r="H40078" s="12"/>
    </row>
    <row r="40079" spans="8:8">
      <c r="H40079" s="12"/>
    </row>
    <row r="40080" spans="8:8">
      <c r="H40080" s="12"/>
    </row>
    <row r="40081" spans="8:8">
      <c r="H40081" s="12"/>
    </row>
    <row r="40082" spans="8:8">
      <c r="H40082" s="12"/>
    </row>
    <row r="40083" spans="8:8">
      <c r="H40083" s="12"/>
    </row>
    <row r="40084" spans="8:8">
      <c r="H40084" s="12"/>
    </row>
    <row r="40085" spans="8:8">
      <c r="H40085" s="12"/>
    </row>
    <row r="40086" spans="8:8">
      <c r="H40086" s="12"/>
    </row>
    <row r="40087" spans="8:8">
      <c r="H40087" s="12"/>
    </row>
    <row r="40088" spans="8:8">
      <c r="H40088" s="12"/>
    </row>
    <row r="40089" spans="8:8">
      <c r="H40089" s="12"/>
    </row>
    <row r="40090" spans="8:8">
      <c r="H40090" s="12"/>
    </row>
    <row r="40091" spans="8:8">
      <c r="H40091" s="12"/>
    </row>
    <row r="40092" spans="8:8">
      <c r="H40092" s="12"/>
    </row>
    <row r="40093" spans="8:8">
      <c r="H40093" s="12"/>
    </row>
    <row r="40094" spans="8:8">
      <c r="H40094" s="12"/>
    </row>
    <row r="40095" spans="8:8">
      <c r="H40095" s="12"/>
    </row>
    <row r="40096" spans="8:8">
      <c r="H40096" s="12"/>
    </row>
    <row r="40097" spans="8:8">
      <c r="H40097" s="12"/>
    </row>
    <row r="40098" spans="8:8">
      <c r="H40098" s="12"/>
    </row>
    <row r="40099" spans="8:8">
      <c r="H40099" s="12"/>
    </row>
    <row r="40100" spans="8:8">
      <c r="H40100" s="12"/>
    </row>
    <row r="40101" spans="8:8">
      <c r="H40101" s="12"/>
    </row>
    <row r="40102" spans="8:8">
      <c r="H40102" s="12"/>
    </row>
    <row r="40103" spans="8:8">
      <c r="H40103" s="12"/>
    </row>
    <row r="40104" spans="8:8">
      <c r="H40104" s="12"/>
    </row>
    <row r="40105" spans="8:8">
      <c r="H40105" s="12"/>
    </row>
    <row r="40106" spans="8:8">
      <c r="H40106" s="12"/>
    </row>
    <row r="40107" spans="8:8">
      <c r="H40107" s="12"/>
    </row>
    <row r="40108" spans="8:8">
      <c r="H40108" s="12"/>
    </row>
    <row r="40109" spans="8:8">
      <c r="H40109" s="12"/>
    </row>
    <row r="40110" spans="8:8">
      <c r="H40110" s="12"/>
    </row>
    <row r="40111" spans="8:8">
      <c r="H40111" s="12"/>
    </row>
    <row r="40112" spans="8:8">
      <c r="H40112" s="12"/>
    </row>
    <row r="40113" spans="8:8">
      <c r="H40113" s="12"/>
    </row>
    <row r="40114" spans="8:8">
      <c r="H40114" s="12"/>
    </row>
    <row r="40115" spans="8:8">
      <c r="H40115" s="12"/>
    </row>
    <row r="40116" spans="8:8">
      <c r="H40116" s="12"/>
    </row>
    <row r="40117" spans="8:8">
      <c r="H40117" s="12"/>
    </row>
    <row r="40118" spans="8:8">
      <c r="H40118" s="12"/>
    </row>
    <row r="40119" spans="8:8">
      <c r="H40119" s="12"/>
    </row>
    <row r="40120" spans="8:8">
      <c r="H40120" s="12"/>
    </row>
    <row r="40121" spans="8:8">
      <c r="H40121" s="12"/>
    </row>
    <row r="40122" spans="8:8">
      <c r="H40122" s="12"/>
    </row>
    <row r="40123" spans="8:8">
      <c r="H40123" s="12"/>
    </row>
    <row r="40124" spans="8:8">
      <c r="H40124" s="12"/>
    </row>
    <row r="40125" spans="8:8">
      <c r="H40125" s="12"/>
    </row>
    <row r="40126" spans="8:8">
      <c r="H40126" s="12"/>
    </row>
    <row r="40127" spans="8:8">
      <c r="H40127" s="12"/>
    </row>
    <row r="40128" spans="8:8">
      <c r="H40128" s="12"/>
    </row>
    <row r="40129" spans="8:8">
      <c r="H40129" s="12"/>
    </row>
    <row r="40130" spans="8:8">
      <c r="H40130" s="12"/>
    </row>
    <row r="40131" spans="8:8">
      <c r="H40131" s="12"/>
    </row>
    <row r="40132" spans="8:8">
      <c r="H40132" s="12"/>
    </row>
    <row r="40133" spans="8:8">
      <c r="H40133" s="12"/>
    </row>
    <row r="40134" spans="8:8">
      <c r="H40134" s="12"/>
    </row>
    <row r="40135" spans="8:8">
      <c r="H40135" s="12"/>
    </row>
    <row r="40136" spans="8:8">
      <c r="H40136" s="12"/>
    </row>
    <row r="40137" spans="8:8">
      <c r="H40137" s="12"/>
    </row>
    <row r="40138" spans="8:8">
      <c r="H40138" s="12"/>
    </row>
    <row r="40139" spans="8:8">
      <c r="H40139" s="12"/>
    </row>
    <row r="40140" spans="8:8">
      <c r="H40140" s="12"/>
    </row>
    <row r="40141" spans="8:8">
      <c r="H40141" s="12"/>
    </row>
    <row r="40142" spans="8:8">
      <c r="H40142" s="12"/>
    </row>
    <row r="40143" spans="8:8">
      <c r="H40143" s="12"/>
    </row>
    <row r="40144" spans="8:8">
      <c r="H40144" s="12"/>
    </row>
    <row r="40145" spans="8:8">
      <c r="H40145" s="12"/>
    </row>
    <row r="40146" spans="8:8">
      <c r="H40146" s="12"/>
    </row>
    <row r="40147" spans="8:8">
      <c r="H40147" s="12"/>
    </row>
    <row r="40148" spans="8:8">
      <c r="H40148" s="12"/>
    </row>
    <row r="40149" spans="8:8">
      <c r="H40149" s="12"/>
    </row>
    <row r="40150" spans="8:8">
      <c r="H40150" s="12"/>
    </row>
    <row r="40151" spans="8:8">
      <c r="H40151" s="12"/>
    </row>
    <row r="40152" spans="8:8">
      <c r="H40152" s="12"/>
    </row>
    <row r="40153" spans="8:8">
      <c r="H40153" s="12"/>
    </row>
    <row r="40154" spans="8:8">
      <c r="H40154" s="12"/>
    </row>
    <row r="40155" spans="8:8">
      <c r="H40155" s="12"/>
    </row>
    <row r="40156" spans="8:8">
      <c r="H40156" s="12"/>
    </row>
    <row r="40157" spans="8:8">
      <c r="H40157" s="12"/>
    </row>
    <row r="40158" spans="8:8">
      <c r="H40158" s="12"/>
    </row>
    <row r="40159" spans="8:8">
      <c r="H40159" s="12"/>
    </row>
    <row r="40160" spans="8:8">
      <c r="H40160" s="12"/>
    </row>
    <row r="40161" spans="8:8">
      <c r="H40161" s="12"/>
    </row>
    <row r="40162" spans="8:8">
      <c r="H40162" s="12"/>
    </row>
    <row r="40163" spans="8:8">
      <c r="H40163" s="12"/>
    </row>
    <row r="40164" spans="8:8">
      <c r="H40164" s="12"/>
    </row>
    <row r="40165" spans="8:8">
      <c r="H40165" s="12"/>
    </row>
    <row r="40166" spans="8:8">
      <c r="H40166" s="12"/>
    </row>
    <row r="40167" spans="8:8">
      <c r="H40167" s="12"/>
    </row>
    <row r="40168" spans="8:8">
      <c r="H40168" s="12"/>
    </row>
    <row r="40169" spans="8:8">
      <c r="H40169" s="12"/>
    </row>
    <row r="40170" spans="8:8">
      <c r="H40170" s="12"/>
    </row>
    <row r="40171" spans="8:8">
      <c r="H40171" s="12"/>
    </row>
    <row r="40172" spans="8:8">
      <c r="H40172" s="12"/>
    </row>
    <row r="40173" spans="8:8">
      <c r="H40173" s="12"/>
    </row>
    <row r="40174" spans="8:8">
      <c r="H40174" s="12"/>
    </row>
    <row r="40175" spans="8:8">
      <c r="H40175" s="12"/>
    </row>
    <row r="40176" spans="8:8">
      <c r="H40176" s="12"/>
    </row>
    <row r="40177" spans="8:8">
      <c r="H40177" s="12"/>
    </row>
    <row r="40178" spans="8:8">
      <c r="H40178" s="12"/>
    </row>
    <row r="40179" spans="8:8">
      <c r="H40179" s="12"/>
    </row>
    <row r="40180" spans="8:8">
      <c r="H40180" s="12"/>
    </row>
    <row r="40181" spans="8:8">
      <c r="H40181" s="12"/>
    </row>
    <row r="40182" spans="8:8">
      <c r="H40182" s="12"/>
    </row>
    <row r="40183" spans="8:8">
      <c r="H40183" s="12"/>
    </row>
    <row r="40184" spans="8:8">
      <c r="H40184" s="12"/>
    </row>
    <row r="40185" spans="8:8">
      <c r="H40185" s="12"/>
    </row>
    <row r="40186" spans="8:8">
      <c r="H40186" s="12"/>
    </row>
    <row r="40187" spans="8:8">
      <c r="H40187" s="12"/>
    </row>
    <row r="40188" spans="8:8">
      <c r="H40188" s="12"/>
    </row>
    <row r="40189" spans="8:8">
      <c r="H40189" s="12"/>
    </row>
    <row r="40190" spans="8:8">
      <c r="H40190" s="12"/>
    </row>
    <row r="40191" spans="8:8">
      <c r="H40191" s="12"/>
    </row>
    <row r="40192" spans="8:8">
      <c r="H40192" s="12"/>
    </row>
    <row r="40193" spans="8:8">
      <c r="H40193" s="12"/>
    </row>
    <row r="40194" spans="8:8">
      <c r="H40194" s="12"/>
    </row>
    <row r="40195" spans="8:8">
      <c r="H40195" s="12"/>
    </row>
    <row r="40196" spans="8:8">
      <c r="H40196" s="12"/>
    </row>
    <row r="40197" spans="8:8">
      <c r="H40197" s="12"/>
    </row>
    <row r="40198" spans="8:8">
      <c r="H40198" s="12"/>
    </row>
    <row r="40199" spans="8:8">
      <c r="H40199" s="12"/>
    </row>
    <row r="40200" spans="8:8">
      <c r="H40200" s="12"/>
    </row>
    <row r="40201" spans="8:8">
      <c r="H40201" s="12"/>
    </row>
    <row r="40202" spans="8:8">
      <c r="H40202" s="12"/>
    </row>
    <row r="40203" spans="8:8">
      <c r="H40203" s="12"/>
    </row>
    <row r="40204" spans="8:8">
      <c r="H40204" s="12"/>
    </row>
    <row r="40205" spans="8:8">
      <c r="H40205" s="12"/>
    </row>
    <row r="40206" spans="8:8">
      <c r="H40206" s="12"/>
    </row>
    <row r="40207" spans="8:8">
      <c r="H40207" s="12"/>
    </row>
    <row r="40208" spans="8:8">
      <c r="H40208" s="12"/>
    </row>
    <row r="40209" spans="8:8">
      <c r="H40209" s="12"/>
    </row>
    <row r="40210" spans="8:8">
      <c r="H40210" s="12"/>
    </row>
    <row r="40211" spans="8:8">
      <c r="H40211" s="12"/>
    </row>
    <row r="40212" spans="8:8">
      <c r="H40212" s="12"/>
    </row>
    <row r="40213" spans="8:8">
      <c r="H40213" s="12"/>
    </row>
    <row r="40214" spans="8:8">
      <c r="H40214" s="12"/>
    </row>
    <row r="40215" spans="8:8">
      <c r="H40215" s="12"/>
    </row>
    <row r="40216" spans="8:8">
      <c r="H40216" s="12"/>
    </row>
    <row r="40217" spans="8:8">
      <c r="H40217" s="12"/>
    </row>
    <row r="40218" spans="8:8">
      <c r="H40218" s="12"/>
    </row>
    <row r="40219" spans="8:8">
      <c r="H40219" s="12"/>
    </row>
    <row r="40220" spans="8:8">
      <c r="H40220" s="12"/>
    </row>
    <row r="40221" spans="8:8">
      <c r="H40221" s="12"/>
    </row>
    <row r="40222" spans="8:8">
      <c r="H40222" s="12"/>
    </row>
    <row r="40223" spans="8:8">
      <c r="H40223" s="12"/>
    </row>
    <row r="40224" spans="8:8">
      <c r="H40224" s="12"/>
    </row>
    <row r="40225" spans="8:8">
      <c r="H40225" s="12"/>
    </row>
    <row r="40226" spans="8:8">
      <c r="H40226" s="12"/>
    </row>
    <row r="40227" spans="8:8">
      <c r="H40227" s="12"/>
    </row>
    <row r="40228" spans="8:8">
      <c r="H40228" s="12"/>
    </row>
    <row r="40229" spans="8:8">
      <c r="H40229" s="12"/>
    </row>
    <row r="40230" spans="8:8">
      <c r="H40230" s="12"/>
    </row>
    <row r="40231" spans="8:8">
      <c r="H40231" s="12"/>
    </row>
    <row r="40232" spans="8:8">
      <c r="H40232" s="12"/>
    </row>
    <row r="40233" spans="8:8">
      <c r="H40233" s="12"/>
    </row>
    <row r="40234" spans="8:8">
      <c r="H40234" s="12"/>
    </row>
    <row r="40235" spans="8:8">
      <c r="H40235" s="12"/>
    </row>
    <row r="40236" spans="8:8">
      <c r="H40236" s="12"/>
    </row>
    <row r="40237" spans="8:8">
      <c r="H40237" s="12"/>
    </row>
    <row r="40238" spans="8:8">
      <c r="H40238" s="12"/>
    </row>
    <row r="40239" spans="8:8">
      <c r="H40239" s="12"/>
    </row>
    <row r="40240" spans="8:8">
      <c r="H40240" s="12"/>
    </row>
    <row r="40241" spans="8:8">
      <c r="H40241" s="12"/>
    </row>
    <row r="40242" spans="8:8">
      <c r="H40242" s="12"/>
    </row>
    <row r="40243" spans="8:8">
      <c r="H40243" s="12"/>
    </row>
    <row r="40244" spans="8:8">
      <c r="H40244" s="12"/>
    </row>
    <row r="40245" spans="8:8">
      <c r="H40245" s="12"/>
    </row>
    <row r="40246" spans="8:8">
      <c r="H40246" s="12"/>
    </row>
    <row r="40247" spans="8:8">
      <c r="H40247" s="12"/>
    </row>
    <row r="40248" spans="8:8">
      <c r="H40248" s="12"/>
    </row>
    <row r="40249" spans="8:8">
      <c r="H40249" s="12"/>
    </row>
    <row r="40250" spans="8:8">
      <c r="H40250" s="12"/>
    </row>
    <row r="40251" spans="8:8">
      <c r="H40251" s="12"/>
    </row>
    <row r="40252" spans="8:8">
      <c r="H40252" s="12"/>
    </row>
    <row r="40253" spans="8:8">
      <c r="H40253" s="12"/>
    </row>
    <row r="40254" spans="8:8">
      <c r="H40254" s="12"/>
    </row>
    <row r="40255" spans="8:8">
      <c r="H40255" s="12"/>
    </row>
    <row r="40256" spans="8:8">
      <c r="H40256" s="12"/>
    </row>
    <row r="40257" spans="8:8">
      <c r="H40257" s="12"/>
    </row>
    <row r="40258" spans="8:8">
      <c r="H40258" s="12"/>
    </row>
    <row r="40259" spans="8:8">
      <c r="H40259" s="12"/>
    </row>
    <row r="40260" spans="8:8">
      <c r="H40260" s="12"/>
    </row>
    <row r="40261" spans="8:8">
      <c r="H40261" s="12"/>
    </row>
    <row r="40262" spans="8:8">
      <c r="H40262" s="12"/>
    </row>
    <row r="40263" spans="8:8">
      <c r="H40263" s="12"/>
    </row>
    <row r="40264" spans="8:8">
      <c r="H40264" s="12"/>
    </row>
    <row r="40265" spans="8:8">
      <c r="H40265" s="12"/>
    </row>
    <row r="40266" spans="8:8">
      <c r="H40266" s="12"/>
    </row>
    <row r="40267" spans="8:8">
      <c r="H40267" s="12"/>
    </row>
    <row r="40268" spans="8:8">
      <c r="H40268" s="12"/>
    </row>
    <row r="40269" spans="8:8">
      <c r="H40269" s="12"/>
    </row>
    <row r="40270" spans="8:8">
      <c r="H40270" s="12"/>
    </row>
    <row r="40271" spans="8:8">
      <c r="H40271" s="12"/>
    </row>
    <row r="40272" spans="8:8">
      <c r="H40272" s="12"/>
    </row>
    <row r="40273" spans="8:8">
      <c r="H40273" s="12"/>
    </row>
    <row r="40274" spans="8:8">
      <c r="H40274" s="12"/>
    </row>
    <row r="40275" spans="8:8">
      <c r="H40275" s="12"/>
    </row>
    <row r="40276" spans="8:8">
      <c r="H40276" s="12"/>
    </row>
    <row r="40277" spans="8:8">
      <c r="H40277" s="12"/>
    </row>
    <row r="40278" spans="8:8">
      <c r="H40278" s="12"/>
    </row>
    <row r="40279" spans="8:8">
      <c r="H40279" s="12"/>
    </row>
    <row r="40280" spans="8:8">
      <c r="H40280" s="12"/>
    </row>
    <row r="40281" spans="8:8">
      <c r="H40281" s="12"/>
    </row>
    <row r="40282" spans="8:8">
      <c r="H40282" s="12"/>
    </row>
    <row r="40283" spans="8:8">
      <c r="H40283" s="12"/>
    </row>
    <row r="40284" spans="8:8">
      <c r="H40284" s="12"/>
    </row>
    <row r="40285" spans="8:8">
      <c r="H40285" s="12"/>
    </row>
    <row r="40286" spans="8:8">
      <c r="H40286" s="12"/>
    </row>
    <row r="40287" spans="8:8">
      <c r="H40287" s="12"/>
    </row>
    <row r="40288" spans="8:8">
      <c r="H40288" s="12"/>
    </row>
    <row r="40289" spans="8:8">
      <c r="H40289" s="12"/>
    </row>
    <row r="40290" spans="8:8">
      <c r="H40290" s="12"/>
    </row>
    <row r="40291" spans="8:8">
      <c r="H40291" s="12"/>
    </row>
    <row r="40292" spans="8:8">
      <c r="H40292" s="12"/>
    </row>
    <row r="40293" spans="8:8">
      <c r="H40293" s="12"/>
    </row>
    <row r="40294" spans="8:8">
      <c r="H40294" s="12"/>
    </row>
    <row r="40295" spans="8:8">
      <c r="H40295" s="12"/>
    </row>
    <row r="40296" spans="8:8">
      <c r="H40296" s="12"/>
    </row>
    <row r="40297" spans="8:8">
      <c r="H40297" s="12"/>
    </row>
    <row r="40298" spans="8:8">
      <c r="H40298" s="12"/>
    </row>
    <row r="40299" spans="8:8">
      <c r="H40299" s="12"/>
    </row>
    <row r="40300" spans="8:8">
      <c r="H40300" s="12"/>
    </row>
    <row r="40301" spans="8:8">
      <c r="H40301" s="12"/>
    </row>
    <row r="40302" spans="8:8">
      <c r="H40302" s="12"/>
    </row>
    <row r="40303" spans="8:8">
      <c r="H40303" s="12"/>
    </row>
    <row r="40304" spans="8:8">
      <c r="H40304" s="12"/>
    </row>
    <row r="40305" spans="8:8">
      <c r="H40305" s="12"/>
    </row>
    <row r="40306" spans="8:8">
      <c r="H40306" s="12"/>
    </row>
    <row r="40307" spans="8:8">
      <c r="H40307" s="12"/>
    </row>
    <row r="40308" spans="8:8">
      <c r="H40308" s="12"/>
    </row>
    <row r="40309" spans="8:8">
      <c r="H40309" s="12"/>
    </row>
    <row r="40310" spans="8:8">
      <c r="H40310" s="12"/>
    </row>
    <row r="40311" spans="8:8">
      <c r="H40311" s="12"/>
    </row>
    <row r="40312" spans="8:8">
      <c r="H40312" s="12"/>
    </row>
    <row r="40313" spans="8:8">
      <c r="H40313" s="12"/>
    </row>
    <row r="40314" spans="8:8">
      <c r="H40314" s="12"/>
    </row>
    <row r="40315" spans="8:8">
      <c r="H40315" s="12"/>
    </row>
    <row r="40316" spans="8:8">
      <c r="H40316" s="12"/>
    </row>
    <row r="40317" spans="8:8">
      <c r="H40317" s="12"/>
    </row>
    <row r="40318" spans="8:8">
      <c r="H40318" s="12"/>
    </row>
    <row r="40319" spans="8:8">
      <c r="H40319" s="12"/>
    </row>
    <row r="40320" spans="8:8">
      <c r="H40320" s="12"/>
    </row>
    <row r="40321" spans="8:8">
      <c r="H40321" s="12"/>
    </row>
    <row r="40322" spans="8:8">
      <c r="H40322" s="12"/>
    </row>
    <row r="40323" spans="8:8">
      <c r="H40323" s="12"/>
    </row>
    <row r="40324" spans="8:8">
      <c r="H40324" s="12"/>
    </row>
    <row r="40325" spans="8:8">
      <c r="H40325" s="12"/>
    </row>
    <row r="40326" spans="8:8">
      <c r="H40326" s="12"/>
    </row>
    <row r="40327" spans="8:8">
      <c r="H40327" s="12"/>
    </row>
    <row r="40328" spans="8:8">
      <c r="H40328" s="12"/>
    </row>
    <row r="40329" spans="8:8">
      <c r="H40329" s="12"/>
    </row>
    <row r="40330" spans="8:8">
      <c r="H40330" s="12"/>
    </row>
    <row r="40331" spans="8:8">
      <c r="H40331" s="12"/>
    </row>
    <row r="40332" spans="8:8">
      <c r="H40332" s="12"/>
    </row>
    <row r="40333" spans="8:8">
      <c r="H40333" s="12"/>
    </row>
    <row r="40334" spans="8:8">
      <c r="H40334" s="12"/>
    </row>
    <row r="40335" spans="8:8">
      <c r="H40335" s="12"/>
    </row>
    <row r="40336" spans="8:8">
      <c r="H40336" s="12"/>
    </row>
    <row r="40337" spans="8:8">
      <c r="H40337" s="12"/>
    </row>
    <row r="40338" spans="8:8">
      <c r="H40338" s="12"/>
    </row>
    <row r="40339" spans="8:8">
      <c r="H40339" s="12"/>
    </row>
    <row r="40340" spans="8:8">
      <c r="H40340" s="12"/>
    </row>
    <row r="40341" spans="8:8">
      <c r="H40341" s="12"/>
    </row>
    <row r="40342" spans="8:8">
      <c r="H40342" s="12"/>
    </row>
    <row r="40343" spans="8:8">
      <c r="H40343" s="12"/>
    </row>
    <row r="40344" spans="8:8">
      <c r="H40344" s="12"/>
    </row>
    <row r="40345" spans="8:8">
      <c r="H40345" s="12"/>
    </row>
    <row r="40346" spans="8:8">
      <c r="H40346" s="12"/>
    </row>
    <row r="40347" spans="8:8">
      <c r="H40347" s="12"/>
    </row>
    <row r="40348" spans="8:8">
      <c r="H40348" s="12"/>
    </row>
    <row r="40349" spans="8:8">
      <c r="H40349" s="12"/>
    </row>
    <row r="40350" spans="8:8">
      <c r="H40350" s="12"/>
    </row>
    <row r="40351" spans="8:8">
      <c r="H40351" s="12"/>
    </row>
    <row r="40352" spans="8:8">
      <c r="H40352" s="12"/>
    </row>
    <row r="40353" spans="8:8">
      <c r="H40353" s="12"/>
    </row>
    <row r="40354" spans="8:8">
      <c r="H40354" s="12"/>
    </row>
    <row r="40355" spans="8:8">
      <c r="H40355" s="12"/>
    </row>
    <row r="40356" spans="8:8">
      <c r="H40356" s="12"/>
    </row>
    <row r="40357" spans="8:8">
      <c r="H40357" s="12"/>
    </row>
    <row r="40358" spans="8:8">
      <c r="H40358" s="12"/>
    </row>
    <row r="40359" spans="8:8">
      <c r="H40359" s="12"/>
    </row>
    <row r="40360" spans="8:8">
      <c r="H40360" s="12"/>
    </row>
    <row r="40361" spans="8:8">
      <c r="H40361" s="12"/>
    </row>
    <row r="40362" spans="8:8">
      <c r="H40362" s="12"/>
    </row>
    <row r="40363" spans="8:8">
      <c r="H40363" s="12"/>
    </row>
    <row r="40364" spans="8:8">
      <c r="H40364" s="12"/>
    </row>
    <row r="40365" spans="8:8">
      <c r="H40365" s="12"/>
    </row>
    <row r="40366" spans="8:8">
      <c r="H40366" s="12"/>
    </row>
    <row r="40367" spans="8:8">
      <c r="H40367" s="12"/>
    </row>
    <row r="40368" spans="8:8">
      <c r="H40368" s="12"/>
    </row>
    <row r="40369" spans="8:8">
      <c r="H40369" s="12"/>
    </row>
    <row r="40370" spans="8:8">
      <c r="H40370" s="12"/>
    </row>
    <row r="40371" spans="8:8">
      <c r="H40371" s="12"/>
    </row>
    <row r="40372" spans="8:8">
      <c r="H40372" s="12"/>
    </row>
    <row r="40373" spans="8:8">
      <c r="H40373" s="12"/>
    </row>
    <row r="40374" spans="8:8">
      <c r="H40374" s="12"/>
    </row>
    <row r="40375" spans="8:8">
      <c r="H40375" s="12"/>
    </row>
    <row r="40376" spans="8:8">
      <c r="H40376" s="12"/>
    </row>
    <row r="40377" spans="8:8">
      <c r="H40377" s="12"/>
    </row>
    <row r="40378" spans="8:8">
      <c r="H40378" s="12"/>
    </row>
    <row r="40379" spans="8:8">
      <c r="H40379" s="12"/>
    </row>
    <row r="40380" spans="8:8">
      <c r="H40380" s="12"/>
    </row>
    <row r="40381" spans="8:8">
      <c r="H40381" s="12"/>
    </row>
    <row r="40382" spans="8:8">
      <c r="H40382" s="12"/>
    </row>
    <row r="40383" spans="8:8">
      <c r="H40383" s="12"/>
    </row>
    <row r="40384" spans="8:8">
      <c r="H40384" s="12"/>
    </row>
    <row r="40385" spans="8:8">
      <c r="H40385" s="12"/>
    </row>
    <row r="40386" spans="8:8">
      <c r="H40386" s="12"/>
    </row>
    <row r="40387" spans="8:8">
      <c r="H40387" s="12"/>
    </row>
    <row r="40388" spans="8:8">
      <c r="H40388" s="12"/>
    </row>
    <row r="40389" spans="8:8">
      <c r="H40389" s="12"/>
    </row>
    <row r="40390" spans="8:8">
      <c r="H40390" s="12"/>
    </row>
    <row r="40391" spans="8:8">
      <c r="H40391" s="12"/>
    </row>
    <row r="40392" spans="8:8">
      <c r="H40392" s="12"/>
    </row>
    <row r="40393" spans="8:8">
      <c r="H40393" s="12"/>
    </row>
    <row r="40394" spans="8:8">
      <c r="H40394" s="12"/>
    </row>
    <row r="40395" spans="8:8">
      <c r="H40395" s="12"/>
    </row>
    <row r="40396" spans="8:8">
      <c r="H40396" s="12"/>
    </row>
    <row r="40397" spans="8:8">
      <c r="H40397" s="12"/>
    </row>
    <row r="40398" spans="8:8">
      <c r="H40398" s="12"/>
    </row>
    <row r="40399" spans="8:8">
      <c r="H40399" s="12"/>
    </row>
    <row r="40400" spans="8:8">
      <c r="H40400" s="12"/>
    </row>
    <row r="40401" spans="8:8">
      <c r="H40401" s="12"/>
    </row>
    <row r="40402" spans="8:8">
      <c r="H40402" s="12"/>
    </row>
    <row r="40403" spans="8:8">
      <c r="H40403" s="12"/>
    </row>
    <row r="40404" spans="8:8">
      <c r="H40404" s="12"/>
    </row>
    <row r="40405" spans="8:8">
      <c r="H40405" s="12"/>
    </row>
    <row r="40406" spans="8:8">
      <c r="H40406" s="12"/>
    </row>
    <row r="40407" spans="8:8">
      <c r="H40407" s="12"/>
    </row>
    <row r="40408" spans="8:8">
      <c r="H40408" s="12"/>
    </row>
    <row r="40409" spans="8:8">
      <c r="H40409" s="12"/>
    </row>
    <row r="40410" spans="8:8">
      <c r="H40410" s="12"/>
    </row>
    <row r="40411" spans="8:8">
      <c r="H40411" s="12"/>
    </row>
    <row r="40412" spans="8:8">
      <c r="H40412" s="12"/>
    </row>
    <row r="40413" spans="8:8">
      <c r="H40413" s="12"/>
    </row>
    <row r="40414" spans="8:8">
      <c r="H40414" s="12"/>
    </row>
    <row r="40415" spans="8:8">
      <c r="H40415" s="12"/>
    </row>
    <row r="40416" spans="8:8">
      <c r="H40416" s="12"/>
    </row>
    <row r="40417" spans="8:8">
      <c r="H40417" s="12"/>
    </row>
    <row r="40418" spans="8:8">
      <c r="H40418" s="12"/>
    </row>
    <row r="40419" spans="8:8">
      <c r="H40419" s="12"/>
    </row>
    <row r="40420" spans="8:8">
      <c r="H40420" s="12"/>
    </row>
    <row r="40421" spans="8:8">
      <c r="H40421" s="12"/>
    </row>
    <row r="40422" spans="8:8">
      <c r="H40422" s="12"/>
    </row>
    <row r="40423" spans="8:8">
      <c r="H40423" s="12"/>
    </row>
    <row r="40424" spans="8:8">
      <c r="H40424" s="12"/>
    </row>
    <row r="40425" spans="8:8">
      <c r="H40425" s="12"/>
    </row>
    <row r="40426" spans="8:8">
      <c r="H40426" s="12"/>
    </row>
    <row r="40427" spans="8:8">
      <c r="H40427" s="12"/>
    </row>
    <row r="40428" spans="8:8">
      <c r="H40428" s="12"/>
    </row>
    <row r="40429" spans="8:8">
      <c r="H40429" s="12"/>
    </row>
    <row r="40430" spans="8:8">
      <c r="H40430" s="12"/>
    </row>
    <row r="40431" spans="8:8">
      <c r="H40431" s="12"/>
    </row>
    <row r="40432" spans="8:8">
      <c r="H40432" s="12"/>
    </row>
    <row r="40433" spans="8:8">
      <c r="H40433" s="12"/>
    </row>
    <row r="40434" spans="8:8">
      <c r="H40434" s="12"/>
    </row>
    <row r="40435" spans="8:8">
      <c r="H40435" s="12"/>
    </row>
    <row r="40436" spans="8:8">
      <c r="H40436" s="12"/>
    </row>
    <row r="40437" spans="8:8">
      <c r="H40437" s="12"/>
    </row>
    <row r="40438" spans="8:8">
      <c r="H40438" s="12"/>
    </row>
    <row r="40439" spans="8:8">
      <c r="H40439" s="12"/>
    </row>
    <row r="40440" spans="8:8">
      <c r="H40440" s="12"/>
    </row>
    <row r="40441" spans="8:8">
      <c r="H40441" s="12"/>
    </row>
    <row r="40442" spans="8:8">
      <c r="H40442" s="12"/>
    </row>
    <row r="40443" spans="8:8">
      <c r="H40443" s="12"/>
    </row>
    <row r="40444" spans="8:8">
      <c r="H40444" s="12"/>
    </row>
    <row r="40445" spans="8:8">
      <c r="H40445" s="12"/>
    </row>
    <row r="40446" spans="8:8">
      <c r="H40446" s="12"/>
    </row>
    <row r="40447" spans="8:8">
      <c r="H40447" s="12"/>
    </row>
    <row r="40448" spans="8:8">
      <c r="H40448" s="12"/>
    </row>
    <row r="40449" spans="8:8">
      <c r="H40449" s="12"/>
    </row>
    <row r="40450" spans="8:8">
      <c r="H40450" s="12"/>
    </row>
    <row r="40451" spans="8:8">
      <c r="H40451" s="12"/>
    </row>
    <row r="40452" spans="8:8">
      <c r="H40452" s="12"/>
    </row>
    <row r="40453" spans="8:8">
      <c r="H40453" s="12"/>
    </row>
    <row r="40454" spans="8:8">
      <c r="H40454" s="12"/>
    </row>
    <row r="40455" spans="8:8">
      <c r="H40455" s="12"/>
    </row>
    <row r="40456" spans="8:8">
      <c r="H40456" s="12"/>
    </row>
    <row r="40457" spans="8:8">
      <c r="H40457" s="12"/>
    </row>
    <row r="40458" spans="8:8">
      <c r="H40458" s="12"/>
    </row>
    <row r="40459" spans="8:8">
      <c r="H40459" s="12"/>
    </row>
    <row r="40460" spans="8:8">
      <c r="H40460" s="12"/>
    </row>
    <row r="40461" spans="8:8">
      <c r="H40461" s="12"/>
    </row>
    <row r="40462" spans="8:8">
      <c r="H40462" s="12"/>
    </row>
    <row r="40463" spans="8:8">
      <c r="H40463" s="12"/>
    </row>
    <row r="40464" spans="8:8">
      <c r="H40464" s="12"/>
    </row>
    <row r="40465" spans="8:8">
      <c r="H40465" s="12"/>
    </row>
    <row r="40466" spans="8:8">
      <c r="H40466" s="12"/>
    </row>
    <row r="40467" spans="8:8">
      <c r="H40467" s="12"/>
    </row>
    <row r="40468" spans="8:8">
      <c r="H40468" s="12"/>
    </row>
    <row r="40469" spans="8:8">
      <c r="H40469" s="12"/>
    </row>
    <row r="40470" spans="8:8">
      <c r="H40470" s="12"/>
    </row>
    <row r="40471" spans="8:8">
      <c r="H40471" s="12"/>
    </row>
    <row r="40472" spans="8:8">
      <c r="H40472" s="12"/>
    </row>
    <row r="40473" spans="8:8">
      <c r="H40473" s="12"/>
    </row>
    <row r="40474" spans="8:8">
      <c r="H40474" s="12"/>
    </row>
    <row r="40475" spans="8:8">
      <c r="H40475" s="12"/>
    </row>
    <row r="40476" spans="8:8">
      <c r="H40476" s="12"/>
    </row>
    <row r="40477" spans="8:8">
      <c r="H40477" s="12"/>
    </row>
    <row r="40478" spans="8:8">
      <c r="H40478" s="12"/>
    </row>
    <row r="40479" spans="8:8">
      <c r="H40479" s="12"/>
    </row>
    <row r="40480" spans="8:8">
      <c r="H40480" s="12"/>
    </row>
    <row r="40481" spans="8:8">
      <c r="H40481" s="12"/>
    </row>
    <row r="40482" spans="8:8">
      <c r="H40482" s="12"/>
    </row>
    <row r="40483" spans="8:8">
      <c r="H40483" s="12"/>
    </row>
    <row r="40484" spans="8:8">
      <c r="H40484" s="12"/>
    </row>
    <row r="40485" spans="8:8">
      <c r="H40485" s="12"/>
    </row>
    <row r="40486" spans="8:8">
      <c r="H40486" s="12"/>
    </row>
    <row r="40487" spans="8:8">
      <c r="H40487" s="12"/>
    </row>
    <row r="40488" spans="8:8">
      <c r="H40488" s="12"/>
    </row>
    <row r="40489" spans="8:8">
      <c r="H40489" s="12"/>
    </row>
    <row r="40490" spans="8:8">
      <c r="H40490" s="12"/>
    </row>
    <row r="40491" spans="8:8">
      <c r="H40491" s="12"/>
    </row>
    <row r="40492" spans="8:8">
      <c r="H40492" s="12"/>
    </row>
    <row r="40493" spans="8:8">
      <c r="H40493" s="12"/>
    </row>
    <row r="40494" spans="8:8">
      <c r="H40494" s="12"/>
    </row>
    <row r="40495" spans="8:8">
      <c r="H40495" s="12"/>
    </row>
    <row r="40496" spans="8:8">
      <c r="H40496" s="12"/>
    </row>
    <row r="40497" spans="8:8">
      <c r="H40497" s="12"/>
    </row>
    <row r="40498" spans="8:8">
      <c r="H40498" s="12"/>
    </row>
    <row r="40499" spans="8:8">
      <c r="H40499" s="12"/>
    </row>
    <row r="40500" spans="8:8">
      <c r="H40500" s="12"/>
    </row>
    <row r="40501" spans="8:8">
      <c r="H40501" s="12"/>
    </row>
    <row r="40502" spans="8:8">
      <c r="H40502" s="12"/>
    </row>
    <row r="40503" spans="8:8">
      <c r="H40503" s="12"/>
    </row>
    <row r="40504" spans="8:8">
      <c r="H40504" s="12"/>
    </row>
    <row r="40505" spans="8:8">
      <c r="H40505" s="12"/>
    </row>
    <row r="40506" spans="8:8">
      <c r="H40506" s="12"/>
    </row>
    <row r="40507" spans="8:8">
      <c r="H40507" s="12"/>
    </row>
    <row r="40508" spans="8:8">
      <c r="H40508" s="12"/>
    </row>
    <row r="40509" spans="8:8">
      <c r="H40509" s="12"/>
    </row>
    <row r="40510" spans="8:8">
      <c r="H40510" s="12"/>
    </row>
    <row r="40511" spans="8:8">
      <c r="H40511" s="12"/>
    </row>
    <row r="40512" spans="8:8">
      <c r="H40512" s="12"/>
    </row>
    <row r="40513" spans="8:8">
      <c r="H40513" s="12"/>
    </row>
    <row r="40514" spans="8:8">
      <c r="H40514" s="12"/>
    </row>
    <row r="40515" spans="8:8">
      <c r="H40515" s="12"/>
    </row>
    <row r="40516" spans="8:8">
      <c r="H40516" s="12"/>
    </row>
    <row r="40517" spans="8:8">
      <c r="H40517" s="12"/>
    </row>
    <row r="40518" spans="8:8">
      <c r="H40518" s="12"/>
    </row>
    <row r="40519" spans="8:8">
      <c r="H40519" s="12"/>
    </row>
    <row r="40520" spans="8:8">
      <c r="H40520" s="12"/>
    </row>
    <row r="40521" spans="8:8">
      <c r="H40521" s="12"/>
    </row>
    <row r="40522" spans="8:8">
      <c r="H40522" s="12"/>
    </row>
    <row r="40523" spans="8:8">
      <c r="H40523" s="12"/>
    </row>
    <row r="40524" spans="8:8">
      <c r="H40524" s="12"/>
    </row>
    <row r="40525" spans="8:8">
      <c r="H40525" s="12"/>
    </row>
    <row r="40526" spans="8:8">
      <c r="H40526" s="12"/>
    </row>
    <row r="40527" spans="8:8">
      <c r="H40527" s="12"/>
    </row>
    <row r="40528" spans="8:8">
      <c r="H40528" s="12"/>
    </row>
    <row r="40529" spans="8:8">
      <c r="H40529" s="12"/>
    </row>
    <row r="40530" spans="8:8">
      <c r="H40530" s="12"/>
    </row>
    <row r="40531" spans="8:8">
      <c r="H40531" s="12"/>
    </row>
    <row r="40532" spans="8:8">
      <c r="H40532" s="12"/>
    </row>
    <row r="40533" spans="8:8">
      <c r="H40533" s="12"/>
    </row>
    <row r="40534" spans="8:8">
      <c r="H40534" s="12"/>
    </row>
    <row r="40535" spans="8:8">
      <c r="H40535" s="12"/>
    </row>
    <row r="40536" spans="8:8">
      <c r="H40536" s="12"/>
    </row>
    <row r="40537" spans="8:8">
      <c r="H40537" s="12"/>
    </row>
    <row r="40538" spans="8:8">
      <c r="H40538" s="12"/>
    </row>
    <row r="40539" spans="8:8">
      <c r="H40539" s="12"/>
    </row>
    <row r="40540" spans="8:8">
      <c r="H40540" s="12"/>
    </row>
    <row r="40541" spans="8:8">
      <c r="H40541" s="12"/>
    </row>
    <row r="40542" spans="8:8">
      <c r="H40542" s="12"/>
    </row>
    <row r="40543" spans="8:8">
      <c r="H40543" s="12"/>
    </row>
    <row r="40544" spans="8:8">
      <c r="H40544" s="12"/>
    </row>
    <row r="40545" spans="8:8">
      <c r="H40545" s="12"/>
    </row>
    <row r="40546" spans="8:8">
      <c r="H40546" s="12"/>
    </row>
    <row r="40547" spans="8:8">
      <c r="H40547" s="12"/>
    </row>
    <row r="40548" spans="8:8">
      <c r="H40548" s="12"/>
    </row>
    <row r="40549" spans="8:8">
      <c r="H40549" s="12"/>
    </row>
    <row r="40550" spans="8:8">
      <c r="H40550" s="12"/>
    </row>
    <row r="40551" spans="8:8">
      <c r="H40551" s="12"/>
    </row>
    <row r="40552" spans="8:8">
      <c r="H40552" s="12"/>
    </row>
    <row r="40553" spans="8:8">
      <c r="H40553" s="12"/>
    </row>
    <row r="40554" spans="8:8">
      <c r="H40554" s="12"/>
    </row>
    <row r="40555" spans="8:8">
      <c r="H40555" s="12"/>
    </row>
    <row r="40556" spans="8:8">
      <c r="H40556" s="12"/>
    </row>
    <row r="40557" spans="8:8">
      <c r="H40557" s="12"/>
    </row>
    <row r="40558" spans="8:8">
      <c r="H40558" s="12"/>
    </row>
    <row r="40559" spans="8:8">
      <c r="H40559" s="12"/>
    </row>
    <row r="40560" spans="8:8">
      <c r="H40560" s="12"/>
    </row>
    <row r="40561" spans="8:8">
      <c r="H40561" s="12"/>
    </row>
    <row r="40562" spans="8:8">
      <c r="H40562" s="12"/>
    </row>
    <row r="40563" spans="8:8">
      <c r="H40563" s="12"/>
    </row>
    <row r="40564" spans="8:8">
      <c r="H40564" s="12"/>
    </row>
    <row r="40565" spans="8:8">
      <c r="H40565" s="12"/>
    </row>
    <row r="40566" spans="8:8">
      <c r="H40566" s="12"/>
    </row>
    <row r="40567" spans="8:8">
      <c r="H40567" s="12"/>
    </row>
    <row r="40568" spans="8:8">
      <c r="H40568" s="12"/>
    </row>
    <row r="40569" spans="8:8">
      <c r="H40569" s="12"/>
    </row>
    <row r="40570" spans="8:8">
      <c r="H40570" s="12"/>
    </row>
    <row r="40571" spans="8:8">
      <c r="H40571" s="12"/>
    </row>
    <row r="40572" spans="8:8">
      <c r="H40572" s="12"/>
    </row>
    <row r="40573" spans="8:8">
      <c r="H40573" s="12"/>
    </row>
    <row r="40574" spans="8:8">
      <c r="H40574" s="12"/>
    </row>
    <row r="40575" spans="8:8">
      <c r="H40575" s="12"/>
    </row>
    <row r="40576" spans="8:8">
      <c r="H40576" s="12"/>
    </row>
    <row r="40577" spans="8:8">
      <c r="H40577" s="12"/>
    </row>
    <row r="40578" spans="8:8">
      <c r="H40578" s="12"/>
    </row>
    <row r="40579" spans="8:8">
      <c r="H40579" s="12"/>
    </row>
    <row r="40580" spans="8:8">
      <c r="H40580" s="12"/>
    </row>
    <row r="40581" spans="8:8">
      <c r="H40581" s="12"/>
    </row>
    <row r="40582" spans="8:8">
      <c r="H40582" s="12"/>
    </row>
    <row r="40583" spans="8:8">
      <c r="H40583" s="12"/>
    </row>
    <row r="40584" spans="8:8">
      <c r="H40584" s="12"/>
    </row>
    <row r="40585" spans="8:8">
      <c r="H40585" s="12"/>
    </row>
    <row r="40586" spans="8:8">
      <c r="H40586" s="12"/>
    </row>
    <row r="40587" spans="8:8">
      <c r="H40587" s="12"/>
    </row>
    <row r="40588" spans="8:8">
      <c r="H40588" s="12"/>
    </row>
    <row r="40589" spans="8:8">
      <c r="H40589" s="12"/>
    </row>
    <row r="40590" spans="8:8">
      <c r="H40590" s="12"/>
    </row>
    <row r="40591" spans="8:8">
      <c r="H40591" s="12"/>
    </row>
    <row r="40592" spans="8:8">
      <c r="H40592" s="12"/>
    </row>
    <row r="40593" spans="8:8">
      <c r="H40593" s="12"/>
    </row>
    <row r="40594" spans="8:8">
      <c r="H40594" s="12"/>
    </row>
    <row r="40595" spans="8:8">
      <c r="H40595" s="12"/>
    </row>
    <row r="40596" spans="8:8">
      <c r="H40596" s="12"/>
    </row>
    <row r="40597" spans="8:8">
      <c r="H40597" s="12"/>
    </row>
    <row r="40598" spans="8:8">
      <c r="H40598" s="12"/>
    </row>
    <row r="40599" spans="8:8">
      <c r="H40599" s="12"/>
    </row>
    <row r="40600" spans="8:8">
      <c r="H40600" s="12"/>
    </row>
    <row r="40601" spans="8:8">
      <c r="H40601" s="12"/>
    </row>
    <row r="40602" spans="8:8">
      <c r="H40602" s="12"/>
    </row>
    <row r="40603" spans="8:8">
      <c r="H40603" s="12"/>
    </row>
    <row r="40604" spans="8:8">
      <c r="H40604" s="12"/>
    </row>
    <row r="40605" spans="8:8">
      <c r="H40605" s="12"/>
    </row>
    <row r="40606" spans="8:8">
      <c r="H40606" s="12"/>
    </row>
    <row r="40607" spans="8:8">
      <c r="H40607" s="12"/>
    </row>
    <row r="40608" spans="8:8">
      <c r="H40608" s="12"/>
    </row>
    <row r="40609" spans="8:8">
      <c r="H40609" s="12"/>
    </row>
    <row r="40610" spans="8:8">
      <c r="H40610" s="12"/>
    </row>
    <row r="40611" spans="8:8">
      <c r="H40611" s="12"/>
    </row>
    <row r="40612" spans="8:8">
      <c r="H40612" s="12"/>
    </row>
    <row r="40613" spans="8:8">
      <c r="H40613" s="12"/>
    </row>
    <row r="40614" spans="8:8">
      <c r="H40614" s="12"/>
    </row>
    <row r="40615" spans="8:8">
      <c r="H40615" s="12"/>
    </row>
    <row r="40616" spans="8:8">
      <c r="H40616" s="12"/>
    </row>
    <row r="40617" spans="8:8">
      <c r="H40617" s="12"/>
    </row>
    <row r="40618" spans="8:8">
      <c r="H40618" s="12"/>
    </row>
    <row r="40619" spans="8:8">
      <c r="H40619" s="12"/>
    </row>
    <row r="40620" spans="8:8">
      <c r="H40620" s="12"/>
    </row>
    <row r="40621" spans="8:8">
      <c r="H40621" s="12"/>
    </row>
    <row r="40622" spans="8:8">
      <c r="H40622" s="12"/>
    </row>
    <row r="40623" spans="8:8">
      <c r="H40623" s="12"/>
    </row>
    <row r="40624" spans="8:8">
      <c r="H40624" s="12"/>
    </row>
    <row r="40625" spans="8:8">
      <c r="H40625" s="12"/>
    </row>
    <row r="40626" spans="8:8">
      <c r="H40626" s="12"/>
    </row>
    <row r="40627" spans="8:8">
      <c r="H40627" s="12"/>
    </row>
    <row r="40628" spans="8:8">
      <c r="H40628" s="12"/>
    </row>
    <row r="40629" spans="8:8">
      <c r="H40629" s="12"/>
    </row>
    <row r="40630" spans="8:8">
      <c r="H40630" s="12"/>
    </row>
    <row r="40631" spans="8:8">
      <c r="H40631" s="12"/>
    </row>
    <row r="40632" spans="8:8">
      <c r="H40632" s="12"/>
    </row>
    <row r="40633" spans="8:8">
      <c r="H40633" s="12"/>
    </row>
    <row r="40634" spans="8:8">
      <c r="H40634" s="12"/>
    </row>
    <row r="40635" spans="8:8">
      <c r="H40635" s="12"/>
    </row>
    <row r="40636" spans="8:8">
      <c r="H40636" s="12"/>
    </row>
    <row r="40637" spans="8:8">
      <c r="H40637" s="12"/>
    </row>
    <row r="40638" spans="8:8">
      <c r="H40638" s="12"/>
    </row>
    <row r="40639" spans="8:8">
      <c r="H40639" s="12"/>
    </row>
    <row r="40640" spans="8:8">
      <c r="H40640" s="12"/>
    </row>
    <row r="40641" spans="8:8">
      <c r="H40641" s="12"/>
    </row>
    <row r="40642" spans="8:8">
      <c r="H40642" s="12"/>
    </row>
    <row r="40643" spans="8:8">
      <c r="H40643" s="12"/>
    </row>
    <row r="40644" spans="8:8">
      <c r="H40644" s="12"/>
    </row>
    <row r="40645" spans="8:8">
      <c r="H40645" s="12"/>
    </row>
    <row r="40646" spans="8:8">
      <c r="H40646" s="12"/>
    </row>
    <row r="40647" spans="8:8">
      <c r="H40647" s="12"/>
    </row>
    <row r="40648" spans="8:8">
      <c r="H40648" s="12"/>
    </row>
    <row r="40649" spans="8:8">
      <c r="H40649" s="12"/>
    </row>
    <row r="40650" spans="8:8">
      <c r="H40650" s="12"/>
    </row>
    <row r="40651" spans="8:8">
      <c r="H40651" s="12"/>
    </row>
    <row r="40652" spans="8:8">
      <c r="H40652" s="12"/>
    </row>
    <row r="40653" spans="8:8">
      <c r="H40653" s="12"/>
    </row>
    <row r="40654" spans="8:8">
      <c r="H40654" s="12"/>
    </row>
    <row r="40655" spans="8:8">
      <c r="H40655" s="12"/>
    </row>
    <row r="40656" spans="8:8">
      <c r="H40656" s="12"/>
    </row>
    <row r="40657" spans="8:8">
      <c r="H40657" s="12"/>
    </row>
    <row r="40658" spans="8:8">
      <c r="H40658" s="12"/>
    </row>
    <row r="40659" spans="8:8">
      <c r="H40659" s="12"/>
    </row>
    <row r="40660" spans="8:8">
      <c r="H40660" s="12"/>
    </row>
    <row r="40661" spans="8:8">
      <c r="H40661" s="12"/>
    </row>
    <row r="40662" spans="8:8">
      <c r="H40662" s="12"/>
    </row>
    <row r="40663" spans="8:8">
      <c r="H40663" s="12"/>
    </row>
    <row r="40664" spans="8:8">
      <c r="H40664" s="12"/>
    </row>
    <row r="40665" spans="8:8">
      <c r="H40665" s="12"/>
    </row>
    <row r="40666" spans="8:8">
      <c r="H40666" s="12"/>
    </row>
    <row r="40667" spans="8:8">
      <c r="H40667" s="12"/>
    </row>
    <row r="40668" spans="8:8">
      <c r="H40668" s="12"/>
    </row>
    <row r="40669" spans="8:8">
      <c r="H40669" s="12"/>
    </row>
    <row r="40670" spans="8:8">
      <c r="H40670" s="12"/>
    </row>
    <row r="40671" spans="8:8">
      <c r="H40671" s="12"/>
    </row>
    <row r="40672" spans="8:8">
      <c r="H40672" s="12"/>
    </row>
    <row r="40673" spans="8:8">
      <c r="H40673" s="12"/>
    </row>
    <row r="40674" spans="8:8">
      <c r="H40674" s="12"/>
    </row>
    <row r="40675" spans="8:8">
      <c r="H40675" s="12"/>
    </row>
    <row r="40676" spans="8:8">
      <c r="H40676" s="12"/>
    </row>
    <row r="40677" spans="8:8">
      <c r="H40677" s="12"/>
    </row>
    <row r="40678" spans="8:8">
      <c r="H40678" s="12"/>
    </row>
    <row r="40679" spans="8:8">
      <c r="H40679" s="12"/>
    </row>
    <row r="40680" spans="8:8">
      <c r="H40680" s="12"/>
    </row>
    <row r="40681" spans="8:8">
      <c r="H40681" s="12"/>
    </row>
    <row r="40682" spans="8:8">
      <c r="H40682" s="12"/>
    </row>
    <row r="40683" spans="8:8">
      <c r="H40683" s="12"/>
    </row>
    <row r="40684" spans="8:8">
      <c r="H40684" s="12"/>
    </row>
    <row r="40685" spans="8:8">
      <c r="H40685" s="12"/>
    </row>
    <row r="40686" spans="8:8">
      <c r="H40686" s="12"/>
    </row>
    <row r="40687" spans="8:8">
      <c r="H40687" s="12"/>
    </row>
    <row r="40688" spans="8:8">
      <c r="H40688" s="12"/>
    </row>
    <row r="40689" spans="8:8">
      <c r="H40689" s="12"/>
    </row>
    <row r="40690" spans="8:8">
      <c r="H40690" s="12"/>
    </row>
    <row r="40691" spans="8:8">
      <c r="H40691" s="12"/>
    </row>
    <row r="40692" spans="8:8">
      <c r="H40692" s="12"/>
    </row>
    <row r="40693" spans="8:8">
      <c r="H40693" s="12"/>
    </row>
    <row r="40694" spans="8:8">
      <c r="H40694" s="12"/>
    </row>
    <row r="40695" spans="8:8">
      <c r="H40695" s="12"/>
    </row>
    <row r="40696" spans="8:8">
      <c r="H40696" s="12"/>
    </row>
    <row r="40697" spans="8:8">
      <c r="H40697" s="12"/>
    </row>
    <row r="40698" spans="8:8">
      <c r="H40698" s="12"/>
    </row>
    <row r="40699" spans="8:8">
      <c r="H40699" s="12"/>
    </row>
    <row r="40700" spans="8:8">
      <c r="H40700" s="12"/>
    </row>
    <row r="40701" spans="8:8">
      <c r="H40701" s="12"/>
    </row>
    <row r="40702" spans="8:8">
      <c r="H40702" s="12"/>
    </row>
    <row r="40703" spans="8:8">
      <c r="H40703" s="12"/>
    </row>
    <row r="40704" spans="8:8">
      <c r="H40704" s="12"/>
    </row>
    <row r="40705" spans="8:8">
      <c r="H40705" s="12"/>
    </row>
    <row r="40706" spans="8:8">
      <c r="H40706" s="12"/>
    </row>
    <row r="40707" spans="8:8">
      <c r="H40707" s="12"/>
    </row>
    <row r="40708" spans="8:8">
      <c r="H40708" s="12"/>
    </row>
    <row r="40709" spans="8:8">
      <c r="H40709" s="12"/>
    </row>
    <row r="40710" spans="8:8">
      <c r="H40710" s="12"/>
    </row>
    <row r="40711" spans="8:8">
      <c r="H40711" s="12"/>
    </row>
    <row r="40712" spans="8:8">
      <c r="H40712" s="12"/>
    </row>
    <row r="40713" spans="8:8">
      <c r="H40713" s="12"/>
    </row>
    <row r="40714" spans="8:8">
      <c r="H40714" s="12"/>
    </row>
    <row r="40715" spans="8:8">
      <c r="H40715" s="12"/>
    </row>
    <row r="40716" spans="8:8">
      <c r="H40716" s="12"/>
    </row>
    <row r="40717" spans="8:8">
      <c r="H40717" s="12"/>
    </row>
    <row r="40718" spans="8:8">
      <c r="H40718" s="12"/>
    </row>
    <row r="40719" spans="8:8">
      <c r="H40719" s="12"/>
    </row>
    <row r="40720" spans="8:8">
      <c r="H40720" s="12"/>
    </row>
    <row r="40721" spans="8:8">
      <c r="H40721" s="12"/>
    </row>
    <row r="40722" spans="8:8">
      <c r="H40722" s="12"/>
    </row>
    <row r="40723" spans="8:8">
      <c r="H40723" s="12"/>
    </row>
    <row r="40724" spans="8:8">
      <c r="H40724" s="12"/>
    </row>
    <row r="40725" spans="8:8">
      <c r="H40725" s="12"/>
    </row>
    <row r="40726" spans="8:8">
      <c r="H40726" s="12"/>
    </row>
    <row r="40727" spans="8:8">
      <c r="H40727" s="12"/>
    </row>
    <row r="40728" spans="8:8">
      <c r="H40728" s="12"/>
    </row>
    <row r="40729" spans="8:8">
      <c r="H40729" s="12"/>
    </row>
    <row r="40730" spans="8:8">
      <c r="H40730" s="12"/>
    </row>
    <row r="40731" spans="8:8">
      <c r="H40731" s="12"/>
    </row>
    <row r="40732" spans="8:8">
      <c r="H40732" s="12"/>
    </row>
    <row r="40733" spans="8:8">
      <c r="H40733" s="12"/>
    </row>
    <row r="40734" spans="8:8">
      <c r="H40734" s="12"/>
    </row>
    <row r="40735" spans="8:8">
      <c r="H40735" s="12"/>
    </row>
    <row r="40736" spans="8:8">
      <c r="H40736" s="12"/>
    </row>
    <row r="40737" spans="8:8">
      <c r="H40737" s="12"/>
    </row>
    <row r="40738" spans="8:8">
      <c r="H40738" s="12"/>
    </row>
    <row r="40739" spans="8:8">
      <c r="H40739" s="12"/>
    </row>
    <row r="40740" spans="8:8">
      <c r="H40740" s="12"/>
    </row>
    <row r="40741" spans="8:8">
      <c r="H40741" s="12"/>
    </row>
    <row r="40742" spans="8:8">
      <c r="H40742" s="12"/>
    </row>
    <row r="40743" spans="8:8">
      <c r="H40743" s="12"/>
    </row>
    <row r="40744" spans="8:8">
      <c r="H40744" s="12"/>
    </row>
    <row r="40745" spans="8:8">
      <c r="H40745" s="12"/>
    </row>
    <row r="40746" spans="8:8">
      <c r="H40746" s="12"/>
    </row>
    <row r="40747" spans="8:8">
      <c r="H40747" s="12"/>
    </row>
    <row r="40748" spans="8:8">
      <c r="H40748" s="12"/>
    </row>
    <row r="40749" spans="8:8">
      <c r="H40749" s="12"/>
    </row>
    <row r="40750" spans="8:8">
      <c r="H40750" s="12"/>
    </row>
    <row r="40751" spans="8:8">
      <c r="H40751" s="12"/>
    </row>
    <row r="40752" spans="8:8">
      <c r="H40752" s="12"/>
    </row>
    <row r="40753" spans="8:8">
      <c r="H40753" s="12"/>
    </row>
    <row r="40754" spans="8:8">
      <c r="H40754" s="12"/>
    </row>
    <row r="40755" spans="8:8">
      <c r="H40755" s="12"/>
    </row>
    <row r="40756" spans="8:8">
      <c r="H40756" s="12"/>
    </row>
    <row r="40757" spans="8:8">
      <c r="H40757" s="12"/>
    </row>
    <row r="40758" spans="8:8">
      <c r="H40758" s="12"/>
    </row>
    <row r="40759" spans="8:8">
      <c r="H40759" s="12"/>
    </row>
    <row r="40760" spans="8:8">
      <c r="H40760" s="12"/>
    </row>
    <row r="40761" spans="8:8">
      <c r="H40761" s="12"/>
    </row>
    <row r="40762" spans="8:8">
      <c r="H40762" s="12"/>
    </row>
    <row r="40763" spans="8:8">
      <c r="H40763" s="12"/>
    </row>
    <row r="40764" spans="8:8">
      <c r="H40764" s="12"/>
    </row>
    <row r="40765" spans="8:8">
      <c r="H40765" s="12"/>
    </row>
    <row r="40766" spans="8:8">
      <c r="H40766" s="12"/>
    </row>
    <row r="40767" spans="8:8">
      <c r="H40767" s="12"/>
    </row>
    <row r="40768" spans="8:8">
      <c r="H40768" s="12"/>
    </row>
    <row r="40769" spans="8:8">
      <c r="H40769" s="12"/>
    </row>
    <row r="40770" spans="8:8">
      <c r="H40770" s="12"/>
    </row>
    <row r="40771" spans="8:8">
      <c r="H40771" s="12"/>
    </row>
    <row r="40772" spans="8:8">
      <c r="H40772" s="12"/>
    </row>
    <row r="40773" spans="8:8">
      <c r="H40773" s="12"/>
    </row>
    <row r="40774" spans="8:8">
      <c r="H40774" s="12"/>
    </row>
    <row r="40775" spans="8:8">
      <c r="H40775" s="12"/>
    </row>
    <row r="40776" spans="8:8">
      <c r="H40776" s="12"/>
    </row>
    <row r="40777" spans="8:8">
      <c r="H40777" s="12"/>
    </row>
    <row r="40778" spans="8:8">
      <c r="H40778" s="12"/>
    </row>
    <row r="40779" spans="8:8">
      <c r="H40779" s="12"/>
    </row>
    <row r="40780" spans="8:8">
      <c r="H40780" s="12"/>
    </row>
    <row r="40781" spans="8:8">
      <c r="H40781" s="12"/>
    </row>
    <row r="40782" spans="8:8">
      <c r="H40782" s="12"/>
    </row>
    <row r="40783" spans="8:8">
      <c r="H40783" s="12"/>
    </row>
    <row r="40784" spans="8:8">
      <c r="H40784" s="12"/>
    </row>
    <row r="40785" spans="8:8">
      <c r="H40785" s="12"/>
    </row>
    <row r="40786" spans="8:8">
      <c r="H40786" s="12"/>
    </row>
    <row r="40787" spans="8:8">
      <c r="H40787" s="12"/>
    </row>
    <row r="40788" spans="8:8">
      <c r="H40788" s="12"/>
    </row>
    <row r="40789" spans="8:8">
      <c r="H40789" s="12"/>
    </row>
    <row r="40790" spans="8:8">
      <c r="H40790" s="12"/>
    </row>
    <row r="40791" spans="8:8">
      <c r="H40791" s="12"/>
    </row>
    <row r="40792" spans="8:8">
      <c r="H40792" s="12"/>
    </row>
    <row r="40793" spans="8:8">
      <c r="H40793" s="12"/>
    </row>
    <row r="40794" spans="8:8">
      <c r="H40794" s="12"/>
    </row>
    <row r="40795" spans="8:8">
      <c r="H40795" s="12"/>
    </row>
    <row r="40796" spans="8:8">
      <c r="H40796" s="12"/>
    </row>
    <row r="40797" spans="8:8">
      <c r="H40797" s="12"/>
    </row>
    <row r="40798" spans="8:8">
      <c r="H40798" s="12"/>
    </row>
    <row r="40799" spans="8:8">
      <c r="H40799" s="12"/>
    </row>
    <row r="40800" spans="8:8">
      <c r="H40800" s="12"/>
    </row>
    <row r="40801" spans="8:8">
      <c r="H40801" s="12"/>
    </row>
    <row r="40802" spans="8:8">
      <c r="H40802" s="12"/>
    </row>
    <row r="40803" spans="8:8">
      <c r="H40803" s="12"/>
    </row>
    <row r="40804" spans="8:8">
      <c r="H40804" s="12"/>
    </row>
    <row r="40805" spans="8:8">
      <c r="H40805" s="12"/>
    </row>
    <row r="40806" spans="8:8">
      <c r="H40806" s="12"/>
    </row>
    <row r="40807" spans="8:8">
      <c r="H40807" s="12"/>
    </row>
    <row r="40808" spans="8:8">
      <c r="H40808" s="12"/>
    </row>
    <row r="40809" spans="8:8">
      <c r="H40809" s="12"/>
    </row>
    <row r="40810" spans="8:8">
      <c r="H40810" s="12"/>
    </row>
    <row r="40811" spans="8:8">
      <c r="H40811" s="12"/>
    </row>
    <row r="40812" spans="8:8">
      <c r="H40812" s="12"/>
    </row>
    <row r="40813" spans="8:8">
      <c r="H40813" s="12"/>
    </row>
    <row r="40814" spans="8:8">
      <c r="H40814" s="12"/>
    </row>
    <row r="40815" spans="8:8">
      <c r="H40815" s="12"/>
    </row>
    <row r="40816" spans="8:8">
      <c r="H40816" s="12"/>
    </row>
    <row r="40817" spans="8:8">
      <c r="H40817" s="12"/>
    </row>
    <row r="40818" spans="8:8">
      <c r="H40818" s="12"/>
    </row>
    <row r="40819" spans="8:8">
      <c r="H40819" s="12"/>
    </row>
    <row r="40820" spans="8:8">
      <c r="H40820" s="12"/>
    </row>
    <row r="40821" spans="8:8">
      <c r="H40821" s="12"/>
    </row>
    <row r="40822" spans="8:8">
      <c r="H40822" s="12"/>
    </row>
    <row r="40823" spans="8:8">
      <c r="H40823" s="12"/>
    </row>
    <row r="40824" spans="8:8">
      <c r="H40824" s="12"/>
    </row>
    <row r="40825" spans="8:8">
      <c r="H40825" s="12"/>
    </row>
    <row r="40826" spans="8:8">
      <c r="H40826" s="12"/>
    </row>
    <row r="40827" spans="8:8">
      <c r="H40827" s="12"/>
    </row>
    <row r="40828" spans="8:8">
      <c r="H40828" s="12"/>
    </row>
    <row r="40829" spans="8:8">
      <c r="H40829" s="12"/>
    </row>
    <row r="40830" spans="8:8">
      <c r="H40830" s="12"/>
    </row>
    <row r="40831" spans="8:8">
      <c r="H40831" s="12"/>
    </row>
    <row r="40832" spans="8:8">
      <c r="H40832" s="12"/>
    </row>
    <row r="40833" spans="8:8">
      <c r="H40833" s="12"/>
    </row>
    <row r="40834" spans="8:8">
      <c r="H40834" s="12"/>
    </row>
    <row r="40835" spans="8:8">
      <c r="H40835" s="12"/>
    </row>
    <row r="40836" spans="8:8">
      <c r="H40836" s="12"/>
    </row>
    <row r="40837" spans="8:8">
      <c r="H40837" s="12"/>
    </row>
    <row r="40838" spans="8:8">
      <c r="H40838" s="12"/>
    </row>
    <row r="40839" spans="8:8">
      <c r="H40839" s="12"/>
    </row>
    <row r="40840" spans="8:8">
      <c r="H40840" s="12"/>
    </row>
    <row r="40841" spans="8:8">
      <c r="H40841" s="12"/>
    </row>
    <row r="40842" spans="8:8">
      <c r="H40842" s="12"/>
    </row>
    <row r="40843" spans="8:8">
      <c r="H40843" s="12"/>
    </row>
    <row r="40844" spans="8:8">
      <c r="H40844" s="12"/>
    </row>
    <row r="40845" spans="8:8">
      <c r="H40845" s="12"/>
    </row>
    <row r="40846" spans="8:8">
      <c r="H40846" s="12"/>
    </row>
    <row r="40847" spans="8:8">
      <c r="H40847" s="12"/>
    </row>
    <row r="40848" spans="8:8">
      <c r="H40848" s="12"/>
    </row>
    <row r="40849" spans="8:8">
      <c r="H40849" s="12"/>
    </row>
    <row r="40850" spans="8:8">
      <c r="H40850" s="12"/>
    </row>
    <row r="40851" spans="8:8">
      <c r="H40851" s="12"/>
    </row>
    <row r="40852" spans="8:8">
      <c r="H40852" s="12"/>
    </row>
    <row r="40853" spans="8:8">
      <c r="H40853" s="12"/>
    </row>
    <row r="40854" spans="8:8">
      <c r="H40854" s="12"/>
    </row>
    <row r="40855" spans="8:8">
      <c r="H40855" s="12"/>
    </row>
    <row r="40856" spans="8:8">
      <c r="H40856" s="12"/>
    </row>
    <row r="40857" spans="8:8">
      <c r="H40857" s="12"/>
    </row>
    <row r="40858" spans="8:8">
      <c r="H40858" s="12"/>
    </row>
    <row r="40859" spans="8:8">
      <c r="H40859" s="12"/>
    </row>
    <row r="40860" spans="8:8">
      <c r="H40860" s="12"/>
    </row>
    <row r="40861" spans="8:8">
      <c r="H40861" s="12"/>
    </row>
    <row r="40862" spans="8:8">
      <c r="H40862" s="12"/>
    </row>
    <row r="40863" spans="8:8">
      <c r="H40863" s="12"/>
    </row>
    <row r="40864" spans="8:8">
      <c r="H40864" s="12"/>
    </row>
    <row r="40865" spans="8:8">
      <c r="H40865" s="12"/>
    </row>
    <row r="40866" spans="8:8">
      <c r="H40866" s="12"/>
    </row>
    <row r="40867" spans="8:8">
      <c r="H40867" s="12"/>
    </row>
    <row r="40868" spans="8:8">
      <c r="H40868" s="12"/>
    </row>
    <row r="40869" spans="8:8">
      <c r="H40869" s="12"/>
    </row>
    <row r="40870" spans="8:8">
      <c r="H40870" s="12"/>
    </row>
    <row r="40871" spans="8:8">
      <c r="H40871" s="12"/>
    </row>
    <row r="40872" spans="8:8">
      <c r="H40872" s="12"/>
    </row>
    <row r="40873" spans="8:8">
      <c r="H40873" s="12"/>
    </row>
    <row r="40874" spans="8:8">
      <c r="H40874" s="12"/>
    </row>
    <row r="40875" spans="8:8">
      <c r="H40875" s="12"/>
    </row>
    <row r="40876" spans="8:8">
      <c r="H40876" s="12"/>
    </row>
    <row r="40877" spans="8:8">
      <c r="H40877" s="12"/>
    </row>
    <row r="40878" spans="8:8">
      <c r="H40878" s="12"/>
    </row>
    <row r="40879" spans="8:8">
      <c r="H40879" s="12"/>
    </row>
    <row r="40880" spans="8:8">
      <c r="H40880" s="12"/>
    </row>
    <row r="40881" spans="8:8">
      <c r="H40881" s="12"/>
    </row>
    <row r="40882" spans="8:8">
      <c r="H40882" s="12"/>
    </row>
    <row r="40883" spans="8:8">
      <c r="H40883" s="12"/>
    </row>
    <row r="40884" spans="8:8">
      <c r="H40884" s="12"/>
    </row>
    <row r="40885" spans="8:8">
      <c r="H40885" s="12"/>
    </row>
    <row r="40886" spans="8:8">
      <c r="H40886" s="12"/>
    </row>
    <row r="40887" spans="8:8">
      <c r="H40887" s="12"/>
    </row>
    <row r="40888" spans="8:8">
      <c r="H40888" s="12"/>
    </row>
    <row r="40889" spans="8:8">
      <c r="H40889" s="12"/>
    </row>
    <row r="40890" spans="8:8">
      <c r="H40890" s="12"/>
    </row>
    <row r="40891" spans="8:8">
      <c r="H40891" s="12"/>
    </row>
    <row r="40892" spans="8:8">
      <c r="H40892" s="12"/>
    </row>
    <row r="40893" spans="8:8">
      <c r="H40893" s="12"/>
    </row>
    <row r="40894" spans="8:8">
      <c r="H40894" s="12"/>
    </row>
    <row r="40895" spans="8:8">
      <c r="H40895" s="12"/>
    </row>
    <row r="40896" spans="8:8">
      <c r="H40896" s="12"/>
    </row>
    <row r="40897" spans="8:8">
      <c r="H40897" s="12"/>
    </row>
    <row r="40898" spans="8:8">
      <c r="H40898" s="12"/>
    </row>
    <row r="40899" spans="8:8">
      <c r="H40899" s="12"/>
    </row>
    <row r="40900" spans="8:8">
      <c r="H40900" s="12"/>
    </row>
    <row r="40901" spans="8:8">
      <c r="H40901" s="12"/>
    </row>
    <row r="40902" spans="8:8">
      <c r="H40902" s="12"/>
    </row>
    <row r="40903" spans="8:8">
      <c r="H40903" s="12"/>
    </row>
    <row r="40904" spans="8:8">
      <c r="H40904" s="12"/>
    </row>
    <row r="40905" spans="8:8">
      <c r="H40905" s="12"/>
    </row>
    <row r="40906" spans="8:8">
      <c r="H40906" s="12"/>
    </row>
    <row r="40907" spans="8:8">
      <c r="H40907" s="12"/>
    </row>
    <row r="40908" spans="8:8">
      <c r="H40908" s="12"/>
    </row>
    <row r="40909" spans="8:8">
      <c r="H40909" s="12"/>
    </row>
    <row r="40910" spans="8:8">
      <c r="H40910" s="12"/>
    </row>
    <row r="40911" spans="8:8">
      <c r="H40911" s="12"/>
    </row>
    <row r="40912" spans="8:8">
      <c r="H40912" s="12"/>
    </row>
    <row r="40913" spans="8:8">
      <c r="H40913" s="12"/>
    </row>
    <row r="40914" spans="8:8">
      <c r="H40914" s="12"/>
    </row>
    <row r="40915" spans="8:8">
      <c r="H40915" s="12"/>
    </row>
    <row r="40916" spans="8:8">
      <c r="H40916" s="12"/>
    </row>
    <row r="40917" spans="8:8">
      <c r="H40917" s="12"/>
    </row>
    <row r="40918" spans="8:8">
      <c r="H40918" s="12"/>
    </row>
    <row r="40919" spans="8:8">
      <c r="H40919" s="12"/>
    </row>
    <row r="40920" spans="8:8">
      <c r="H40920" s="12"/>
    </row>
    <row r="40921" spans="8:8">
      <c r="H40921" s="12"/>
    </row>
    <row r="40922" spans="8:8">
      <c r="H40922" s="12"/>
    </row>
    <row r="40923" spans="8:8">
      <c r="H40923" s="12"/>
    </row>
    <row r="40924" spans="8:8">
      <c r="H40924" s="12"/>
    </row>
    <row r="40925" spans="8:8">
      <c r="H40925" s="12"/>
    </row>
    <row r="40926" spans="8:8">
      <c r="H40926" s="12"/>
    </row>
    <row r="40927" spans="8:8">
      <c r="H40927" s="12"/>
    </row>
    <row r="40928" spans="8:8">
      <c r="H40928" s="12"/>
    </row>
    <row r="40929" spans="8:8">
      <c r="H40929" s="12"/>
    </row>
    <row r="40930" spans="8:8">
      <c r="H40930" s="12"/>
    </row>
    <row r="40931" spans="8:8">
      <c r="H40931" s="12"/>
    </row>
    <row r="40932" spans="8:8">
      <c r="H40932" s="12"/>
    </row>
    <row r="40933" spans="8:8">
      <c r="H40933" s="12"/>
    </row>
    <row r="40934" spans="8:8">
      <c r="H40934" s="12"/>
    </row>
    <row r="40935" spans="8:8">
      <c r="H40935" s="12"/>
    </row>
    <row r="40936" spans="8:8">
      <c r="H40936" s="12"/>
    </row>
    <row r="40937" spans="8:8">
      <c r="H40937" s="12"/>
    </row>
    <row r="40938" spans="8:8">
      <c r="H40938" s="12"/>
    </row>
    <row r="40939" spans="8:8">
      <c r="H40939" s="12"/>
    </row>
    <row r="40940" spans="8:8">
      <c r="H40940" s="12"/>
    </row>
    <row r="40941" spans="8:8">
      <c r="H40941" s="12"/>
    </row>
    <row r="40942" spans="8:8">
      <c r="H40942" s="12"/>
    </row>
    <row r="40943" spans="8:8">
      <c r="H40943" s="12"/>
    </row>
    <row r="40944" spans="8:8">
      <c r="H40944" s="12"/>
    </row>
    <row r="40945" spans="8:8">
      <c r="H40945" s="12"/>
    </row>
    <row r="40946" spans="8:8">
      <c r="H40946" s="12"/>
    </row>
    <row r="40947" spans="8:8">
      <c r="H40947" s="12"/>
    </row>
    <row r="40948" spans="8:8">
      <c r="H40948" s="12"/>
    </row>
    <row r="40949" spans="8:8">
      <c r="H40949" s="12"/>
    </row>
    <row r="40950" spans="8:8">
      <c r="H40950" s="12"/>
    </row>
    <row r="40951" spans="8:8">
      <c r="H40951" s="12"/>
    </row>
    <row r="40952" spans="8:8">
      <c r="H40952" s="12"/>
    </row>
    <row r="40953" spans="8:8">
      <c r="H40953" s="12"/>
    </row>
    <row r="40954" spans="8:8">
      <c r="H40954" s="12"/>
    </row>
    <row r="40955" spans="8:8">
      <c r="H40955" s="12"/>
    </row>
    <row r="40956" spans="8:8">
      <c r="H40956" s="12"/>
    </row>
    <row r="40957" spans="8:8">
      <c r="H40957" s="12"/>
    </row>
    <row r="40958" spans="8:8">
      <c r="H40958" s="12"/>
    </row>
    <row r="40959" spans="8:8">
      <c r="H40959" s="12"/>
    </row>
    <row r="40960" spans="8:8">
      <c r="H40960" s="12"/>
    </row>
    <row r="40961" spans="8:8">
      <c r="H40961" s="12"/>
    </row>
    <row r="40962" spans="8:8">
      <c r="H40962" s="12"/>
    </row>
    <row r="40963" spans="8:8">
      <c r="H40963" s="12"/>
    </row>
    <row r="40964" spans="8:8">
      <c r="H40964" s="12"/>
    </row>
    <row r="40965" spans="8:8">
      <c r="H40965" s="12"/>
    </row>
    <row r="40966" spans="8:8">
      <c r="H40966" s="12"/>
    </row>
    <row r="40967" spans="8:8">
      <c r="H40967" s="12"/>
    </row>
    <row r="40968" spans="8:8">
      <c r="H40968" s="12"/>
    </row>
    <row r="40969" spans="8:8">
      <c r="H40969" s="12"/>
    </row>
    <row r="40970" spans="8:8">
      <c r="H40970" s="12"/>
    </row>
    <row r="40971" spans="8:8">
      <c r="H40971" s="12"/>
    </row>
    <row r="40972" spans="8:8">
      <c r="H40972" s="12"/>
    </row>
    <row r="40973" spans="8:8">
      <c r="H40973" s="12"/>
    </row>
    <row r="40974" spans="8:8">
      <c r="H40974" s="12"/>
    </row>
    <row r="40975" spans="8:8">
      <c r="H40975" s="12"/>
    </row>
    <row r="40976" spans="8:8">
      <c r="H40976" s="12"/>
    </row>
    <row r="40977" spans="8:8">
      <c r="H40977" s="12"/>
    </row>
    <row r="40978" spans="8:8">
      <c r="H40978" s="12"/>
    </row>
    <row r="40979" spans="8:8">
      <c r="H40979" s="12"/>
    </row>
    <row r="40980" spans="8:8">
      <c r="H40980" s="12"/>
    </row>
    <row r="40981" spans="8:8">
      <c r="H40981" s="12"/>
    </row>
    <row r="40982" spans="8:8">
      <c r="H40982" s="12"/>
    </row>
    <row r="40983" spans="8:8">
      <c r="H40983" s="12"/>
    </row>
    <row r="40984" spans="8:8">
      <c r="H40984" s="12"/>
    </row>
    <row r="40985" spans="8:8">
      <c r="H40985" s="12"/>
    </row>
    <row r="40986" spans="8:8">
      <c r="H40986" s="12"/>
    </row>
    <row r="40987" spans="8:8">
      <c r="H40987" s="12"/>
    </row>
    <row r="40988" spans="8:8">
      <c r="H40988" s="12"/>
    </row>
    <row r="40989" spans="8:8">
      <c r="H40989" s="12"/>
    </row>
    <row r="40990" spans="8:8">
      <c r="H40990" s="12"/>
    </row>
    <row r="40991" spans="8:8">
      <c r="H40991" s="12"/>
    </row>
    <row r="40992" spans="8:8">
      <c r="H40992" s="12"/>
    </row>
    <row r="40993" spans="8:8">
      <c r="H40993" s="12"/>
    </row>
    <row r="40994" spans="8:8">
      <c r="H40994" s="12"/>
    </row>
    <row r="40995" spans="8:8">
      <c r="H40995" s="12"/>
    </row>
    <row r="40996" spans="8:8">
      <c r="H40996" s="12"/>
    </row>
    <row r="40997" spans="8:8">
      <c r="H40997" s="12"/>
    </row>
    <row r="40998" spans="8:8">
      <c r="H40998" s="12"/>
    </row>
    <row r="40999" spans="8:8">
      <c r="H40999" s="12"/>
    </row>
    <row r="41000" spans="8:8">
      <c r="H41000" s="12"/>
    </row>
    <row r="41001" spans="8:8">
      <c r="H41001" s="12"/>
    </row>
    <row r="41002" spans="8:8">
      <c r="H41002" s="12"/>
    </row>
    <row r="41003" spans="8:8">
      <c r="H41003" s="12"/>
    </row>
    <row r="41004" spans="8:8">
      <c r="H41004" s="12"/>
    </row>
    <row r="41005" spans="8:8">
      <c r="H41005" s="12"/>
    </row>
    <row r="41006" spans="8:8">
      <c r="H41006" s="12"/>
    </row>
    <row r="41007" spans="8:8">
      <c r="H41007" s="12"/>
    </row>
    <row r="41008" spans="8:8">
      <c r="H41008" s="12"/>
    </row>
    <row r="41009" spans="8:8">
      <c r="H41009" s="12"/>
    </row>
    <row r="41010" spans="8:8">
      <c r="H41010" s="12"/>
    </row>
    <row r="41011" spans="8:8">
      <c r="H41011" s="12"/>
    </row>
    <row r="41012" spans="8:8">
      <c r="H41012" s="12"/>
    </row>
    <row r="41013" spans="8:8">
      <c r="H41013" s="12"/>
    </row>
    <row r="41014" spans="8:8">
      <c r="H41014" s="12"/>
    </row>
    <row r="41015" spans="8:8">
      <c r="H41015" s="12"/>
    </row>
    <row r="41016" spans="8:8">
      <c r="H41016" s="12"/>
    </row>
    <row r="41017" spans="8:8">
      <c r="H41017" s="12"/>
    </row>
    <row r="41018" spans="8:8">
      <c r="H41018" s="12"/>
    </row>
    <row r="41019" spans="8:8">
      <c r="H41019" s="12"/>
    </row>
    <row r="41020" spans="8:8">
      <c r="H41020" s="12"/>
    </row>
    <row r="41021" spans="8:8">
      <c r="H41021" s="12"/>
    </row>
    <row r="41022" spans="8:8">
      <c r="H41022" s="12"/>
    </row>
    <row r="41023" spans="8:8">
      <c r="H41023" s="12"/>
    </row>
    <row r="41024" spans="8:8">
      <c r="H41024" s="12"/>
    </row>
    <row r="41025" spans="8:8">
      <c r="H41025" s="12"/>
    </row>
    <row r="41026" spans="8:8">
      <c r="H41026" s="12"/>
    </row>
    <row r="41027" spans="8:8">
      <c r="H41027" s="12"/>
    </row>
    <row r="41028" spans="8:8">
      <c r="H41028" s="12"/>
    </row>
    <row r="41029" spans="8:8">
      <c r="H41029" s="12"/>
    </row>
    <row r="41030" spans="8:8">
      <c r="H41030" s="12"/>
    </row>
    <row r="41031" spans="8:8">
      <c r="H41031" s="12"/>
    </row>
    <row r="41032" spans="8:8">
      <c r="H41032" s="12"/>
    </row>
    <row r="41033" spans="8:8">
      <c r="H41033" s="12"/>
    </row>
    <row r="41034" spans="8:8">
      <c r="H41034" s="12"/>
    </row>
    <row r="41035" spans="8:8">
      <c r="H41035" s="12"/>
    </row>
    <row r="41036" spans="8:8">
      <c r="H41036" s="12"/>
    </row>
    <row r="41037" spans="8:8">
      <c r="H41037" s="12"/>
    </row>
    <row r="41038" spans="8:8">
      <c r="H41038" s="12"/>
    </row>
    <row r="41039" spans="8:8">
      <c r="H41039" s="12"/>
    </row>
    <row r="41040" spans="8:8">
      <c r="H41040" s="12"/>
    </row>
    <row r="41041" spans="8:8">
      <c r="H41041" s="12"/>
    </row>
    <row r="41042" spans="8:8">
      <c r="H41042" s="12"/>
    </row>
    <row r="41043" spans="8:8">
      <c r="H41043" s="12"/>
    </row>
    <row r="41044" spans="8:8">
      <c r="H41044" s="12"/>
    </row>
    <row r="41045" spans="8:8">
      <c r="H41045" s="12"/>
    </row>
    <row r="41046" spans="8:8">
      <c r="H41046" s="12"/>
    </row>
    <row r="41047" spans="8:8">
      <c r="H41047" s="12"/>
    </row>
    <row r="41048" spans="8:8">
      <c r="H41048" s="12"/>
    </row>
    <row r="41049" spans="8:8">
      <c r="H41049" s="12"/>
    </row>
    <row r="41050" spans="8:8">
      <c r="H41050" s="12"/>
    </row>
    <row r="41051" spans="8:8">
      <c r="H41051" s="12"/>
    </row>
    <row r="41052" spans="8:8">
      <c r="H41052" s="12"/>
    </row>
    <row r="41053" spans="8:8">
      <c r="H41053" s="12"/>
    </row>
    <row r="41054" spans="8:8">
      <c r="H41054" s="12"/>
    </row>
    <row r="41055" spans="8:8">
      <c r="H41055" s="12"/>
    </row>
    <row r="41056" spans="8:8">
      <c r="H41056" s="12"/>
    </row>
    <row r="41057" spans="8:8">
      <c r="H41057" s="12"/>
    </row>
    <row r="41058" spans="8:8">
      <c r="H41058" s="12"/>
    </row>
    <row r="41059" spans="8:8">
      <c r="H41059" s="12"/>
    </row>
    <row r="41060" spans="8:8">
      <c r="H41060" s="12"/>
    </row>
    <row r="41061" spans="8:8">
      <c r="H41061" s="12"/>
    </row>
    <row r="41062" spans="8:8">
      <c r="H41062" s="12"/>
    </row>
    <row r="41063" spans="8:8">
      <c r="H41063" s="12"/>
    </row>
    <row r="41064" spans="8:8">
      <c r="H41064" s="12"/>
    </row>
    <row r="41065" spans="8:8">
      <c r="H41065" s="12"/>
    </row>
    <row r="41066" spans="8:8">
      <c r="H41066" s="12"/>
    </row>
    <row r="41067" spans="8:8">
      <c r="H41067" s="12"/>
    </row>
    <row r="41068" spans="8:8">
      <c r="H41068" s="12"/>
    </row>
    <row r="41069" spans="8:8">
      <c r="H41069" s="12"/>
    </row>
    <row r="41070" spans="8:8">
      <c r="H41070" s="12"/>
    </row>
    <row r="41071" spans="8:8">
      <c r="H41071" s="12"/>
    </row>
    <row r="41072" spans="8:8">
      <c r="H41072" s="12"/>
    </row>
    <row r="41073" spans="8:8">
      <c r="H41073" s="12"/>
    </row>
    <row r="41074" spans="8:8">
      <c r="H41074" s="12"/>
    </row>
    <row r="41075" spans="8:8">
      <c r="H41075" s="12"/>
    </row>
    <row r="41076" spans="8:8">
      <c r="H41076" s="12"/>
    </row>
    <row r="41077" spans="8:8">
      <c r="H41077" s="12"/>
    </row>
    <row r="41078" spans="8:8">
      <c r="H41078" s="12"/>
    </row>
    <row r="41079" spans="8:8">
      <c r="H41079" s="12"/>
    </row>
    <row r="41080" spans="8:8">
      <c r="H41080" s="12"/>
    </row>
    <row r="41081" spans="8:8">
      <c r="H41081" s="12"/>
    </row>
    <row r="41082" spans="8:8">
      <c r="H41082" s="12"/>
    </row>
    <row r="41083" spans="8:8">
      <c r="H41083" s="12"/>
    </row>
    <row r="41084" spans="8:8">
      <c r="H41084" s="12"/>
    </row>
    <row r="41085" spans="8:8">
      <c r="H41085" s="12"/>
    </row>
    <row r="41086" spans="8:8">
      <c r="H41086" s="12"/>
    </row>
    <row r="41087" spans="8:8">
      <c r="H41087" s="12"/>
    </row>
    <row r="41088" spans="8:8">
      <c r="H41088" s="12"/>
    </row>
    <row r="41089" spans="8:8">
      <c r="H41089" s="12"/>
    </row>
    <row r="41090" spans="8:8">
      <c r="H41090" s="12"/>
    </row>
    <row r="41091" spans="8:8">
      <c r="H41091" s="12"/>
    </row>
    <row r="41092" spans="8:8">
      <c r="H41092" s="12"/>
    </row>
    <row r="41093" spans="8:8">
      <c r="H41093" s="12"/>
    </row>
    <row r="41094" spans="8:8">
      <c r="H41094" s="12"/>
    </row>
    <row r="41095" spans="8:8">
      <c r="H41095" s="12"/>
    </row>
    <row r="41096" spans="8:8">
      <c r="H41096" s="12"/>
    </row>
    <row r="41097" spans="8:8">
      <c r="H41097" s="12"/>
    </row>
    <row r="41098" spans="8:8">
      <c r="H41098" s="12"/>
    </row>
    <row r="41099" spans="8:8">
      <c r="H41099" s="12"/>
    </row>
    <row r="41100" spans="8:8">
      <c r="H41100" s="12"/>
    </row>
    <row r="41101" spans="8:8">
      <c r="H41101" s="12"/>
    </row>
    <row r="41102" spans="8:8">
      <c r="H41102" s="12"/>
    </row>
    <row r="41103" spans="8:8">
      <c r="H41103" s="12"/>
    </row>
    <row r="41104" spans="8:8">
      <c r="H41104" s="12"/>
    </row>
    <row r="41105" spans="8:8">
      <c r="H41105" s="12"/>
    </row>
    <row r="41106" spans="8:8">
      <c r="H41106" s="12"/>
    </row>
    <row r="41107" spans="8:8">
      <c r="H41107" s="12"/>
    </row>
    <row r="41108" spans="8:8">
      <c r="H41108" s="12"/>
    </row>
    <row r="41109" spans="8:8">
      <c r="H41109" s="12"/>
    </row>
    <row r="41110" spans="8:8">
      <c r="H41110" s="12"/>
    </row>
    <row r="41111" spans="8:8">
      <c r="H41111" s="12"/>
    </row>
    <row r="41112" spans="8:8">
      <c r="H41112" s="12"/>
    </row>
    <row r="41113" spans="8:8">
      <c r="H41113" s="12"/>
    </row>
    <row r="41114" spans="8:8">
      <c r="H41114" s="12"/>
    </row>
    <row r="41115" spans="8:8">
      <c r="H41115" s="12"/>
    </row>
    <row r="41116" spans="8:8">
      <c r="H41116" s="12"/>
    </row>
    <row r="41117" spans="8:8">
      <c r="H41117" s="12"/>
    </row>
    <row r="41118" spans="8:8">
      <c r="H41118" s="12"/>
    </row>
    <row r="41119" spans="8:8">
      <c r="H41119" s="12"/>
    </row>
    <row r="41120" spans="8:8">
      <c r="H41120" s="12"/>
    </row>
    <row r="41121" spans="8:8">
      <c r="H41121" s="12"/>
    </row>
    <row r="41122" spans="8:8">
      <c r="H41122" s="12"/>
    </row>
    <row r="41123" spans="8:8">
      <c r="H41123" s="12"/>
    </row>
    <row r="41124" spans="8:8">
      <c r="H41124" s="12"/>
    </row>
    <row r="41125" spans="8:8">
      <c r="H41125" s="12"/>
    </row>
    <row r="41126" spans="8:8">
      <c r="H41126" s="12"/>
    </row>
    <row r="41127" spans="8:8">
      <c r="H41127" s="12"/>
    </row>
    <row r="41128" spans="8:8">
      <c r="H41128" s="12"/>
    </row>
    <row r="41129" spans="8:8">
      <c r="H41129" s="12"/>
    </row>
    <row r="41130" spans="8:8">
      <c r="H41130" s="12"/>
    </row>
    <row r="41131" spans="8:8">
      <c r="H41131" s="12"/>
    </row>
    <row r="41132" spans="8:8">
      <c r="H41132" s="12"/>
    </row>
    <row r="41133" spans="8:8">
      <c r="H41133" s="12"/>
    </row>
    <row r="41134" spans="8:8">
      <c r="H41134" s="12"/>
    </row>
    <row r="41135" spans="8:8">
      <c r="H41135" s="12"/>
    </row>
    <row r="41136" spans="8:8">
      <c r="H41136" s="12"/>
    </row>
    <row r="41137" spans="8:8">
      <c r="H41137" s="12"/>
    </row>
    <row r="41138" spans="8:8">
      <c r="H41138" s="12"/>
    </row>
    <row r="41139" spans="8:8">
      <c r="H41139" s="12"/>
    </row>
    <row r="41140" spans="8:8">
      <c r="H41140" s="12"/>
    </row>
    <row r="41141" spans="8:8">
      <c r="H41141" s="12"/>
    </row>
    <row r="41142" spans="8:8">
      <c r="H41142" s="12"/>
    </row>
    <row r="41143" spans="8:8">
      <c r="H41143" s="12"/>
    </row>
    <row r="41144" spans="8:8">
      <c r="H41144" s="12"/>
    </row>
    <row r="41145" spans="8:8">
      <c r="H41145" s="12"/>
    </row>
    <row r="41146" spans="8:8">
      <c r="H41146" s="12"/>
    </row>
    <row r="41147" spans="8:8">
      <c r="H41147" s="12"/>
    </row>
    <row r="41148" spans="8:8">
      <c r="H41148" s="12"/>
    </row>
    <row r="41149" spans="8:8">
      <c r="H41149" s="12"/>
    </row>
    <row r="41150" spans="8:8">
      <c r="H41150" s="12"/>
    </row>
    <row r="41151" spans="8:8">
      <c r="H41151" s="12"/>
    </row>
    <row r="41152" spans="8:8">
      <c r="H41152" s="12"/>
    </row>
    <row r="41153" spans="8:8">
      <c r="H41153" s="12"/>
    </row>
    <row r="41154" spans="8:8">
      <c r="H41154" s="12"/>
    </row>
    <row r="41155" spans="8:8">
      <c r="H41155" s="12"/>
    </row>
    <row r="41156" spans="8:8">
      <c r="H41156" s="12"/>
    </row>
    <row r="41157" spans="8:8">
      <c r="H41157" s="12"/>
    </row>
    <row r="41158" spans="8:8">
      <c r="H41158" s="12"/>
    </row>
    <row r="41159" spans="8:8">
      <c r="H41159" s="12"/>
    </row>
    <row r="41160" spans="8:8">
      <c r="H41160" s="12"/>
    </row>
    <row r="41161" spans="8:8">
      <c r="H41161" s="12"/>
    </row>
    <row r="41162" spans="8:8">
      <c r="H41162" s="12"/>
    </row>
    <row r="41163" spans="8:8">
      <c r="H41163" s="12"/>
    </row>
    <row r="41164" spans="8:8">
      <c r="H41164" s="12"/>
    </row>
    <row r="41165" spans="8:8">
      <c r="H41165" s="12"/>
    </row>
    <row r="41166" spans="8:8">
      <c r="H41166" s="12"/>
    </row>
    <row r="41167" spans="8:8">
      <c r="H41167" s="12"/>
    </row>
    <row r="41168" spans="8:8">
      <c r="H41168" s="12"/>
    </row>
    <row r="41169" spans="8:8">
      <c r="H41169" s="12"/>
    </row>
    <row r="41170" spans="8:8">
      <c r="H41170" s="12"/>
    </row>
    <row r="41171" spans="8:8">
      <c r="H41171" s="12"/>
    </row>
    <row r="41172" spans="8:8">
      <c r="H41172" s="12"/>
    </row>
    <row r="41173" spans="8:8">
      <c r="H41173" s="12"/>
    </row>
    <row r="41174" spans="8:8">
      <c r="H41174" s="12"/>
    </row>
    <row r="41175" spans="8:8">
      <c r="H41175" s="12"/>
    </row>
    <row r="41176" spans="8:8">
      <c r="H41176" s="12"/>
    </row>
    <row r="41177" spans="8:8">
      <c r="H41177" s="12"/>
    </row>
    <row r="41178" spans="8:8">
      <c r="H41178" s="12"/>
    </row>
    <row r="41179" spans="8:8">
      <c r="H41179" s="12"/>
    </row>
    <row r="41180" spans="8:8">
      <c r="H41180" s="12"/>
    </row>
    <row r="41181" spans="8:8">
      <c r="H41181" s="12"/>
    </row>
    <row r="41182" spans="8:8">
      <c r="H41182" s="12"/>
    </row>
    <row r="41183" spans="8:8">
      <c r="H41183" s="12"/>
    </row>
    <row r="41184" spans="8:8">
      <c r="H41184" s="12"/>
    </row>
    <row r="41185" spans="8:8">
      <c r="H41185" s="12"/>
    </row>
    <row r="41186" spans="8:8">
      <c r="H41186" s="12"/>
    </row>
    <row r="41187" spans="8:8">
      <c r="H41187" s="12"/>
    </row>
    <row r="41188" spans="8:8">
      <c r="H41188" s="12"/>
    </row>
    <row r="41189" spans="8:8">
      <c r="H41189" s="12"/>
    </row>
    <row r="41190" spans="8:8">
      <c r="H41190" s="12"/>
    </row>
    <row r="41191" spans="8:8">
      <c r="H41191" s="12"/>
    </row>
    <row r="41192" spans="8:8">
      <c r="H41192" s="12"/>
    </row>
    <row r="41193" spans="8:8">
      <c r="H41193" s="12"/>
    </row>
    <row r="41194" spans="8:8">
      <c r="H41194" s="12"/>
    </row>
    <row r="41195" spans="8:8">
      <c r="H41195" s="12"/>
    </row>
    <row r="41196" spans="8:8">
      <c r="H41196" s="12"/>
    </row>
    <row r="41197" spans="8:8">
      <c r="H41197" s="12"/>
    </row>
    <row r="41198" spans="8:8">
      <c r="H41198" s="12"/>
    </row>
    <row r="41199" spans="8:8">
      <c r="H41199" s="12"/>
    </row>
    <row r="41200" spans="8:8">
      <c r="H41200" s="12"/>
    </row>
    <row r="41201" spans="8:8">
      <c r="H41201" s="12"/>
    </row>
    <row r="41202" spans="8:8">
      <c r="H41202" s="12"/>
    </row>
    <row r="41203" spans="8:8">
      <c r="H41203" s="12"/>
    </row>
    <row r="41204" spans="8:8">
      <c r="H41204" s="12"/>
    </row>
    <row r="41205" spans="8:8">
      <c r="H41205" s="12"/>
    </row>
    <row r="41206" spans="8:8">
      <c r="H41206" s="12"/>
    </row>
    <row r="41207" spans="8:8">
      <c r="H41207" s="12"/>
    </row>
    <row r="41208" spans="8:8">
      <c r="H41208" s="12"/>
    </row>
    <row r="41209" spans="8:8">
      <c r="H41209" s="12"/>
    </row>
    <row r="41210" spans="8:8">
      <c r="H41210" s="12"/>
    </row>
    <row r="41211" spans="8:8">
      <c r="H41211" s="12"/>
    </row>
    <row r="41212" spans="8:8">
      <c r="H41212" s="12"/>
    </row>
    <row r="41213" spans="8:8">
      <c r="H41213" s="12"/>
    </row>
    <row r="41214" spans="8:8">
      <c r="H41214" s="12"/>
    </row>
    <row r="41215" spans="8:8">
      <c r="H41215" s="12"/>
    </row>
    <row r="41216" spans="8:8">
      <c r="H41216" s="12"/>
    </row>
    <row r="41217" spans="8:8">
      <c r="H41217" s="12"/>
    </row>
    <row r="41218" spans="8:8">
      <c r="H41218" s="12"/>
    </row>
    <row r="41219" spans="8:8">
      <c r="H41219" s="12"/>
    </row>
    <row r="41220" spans="8:8">
      <c r="H41220" s="12"/>
    </row>
    <row r="41221" spans="8:8">
      <c r="H41221" s="12"/>
    </row>
    <row r="41222" spans="8:8">
      <c r="H41222" s="12"/>
    </row>
    <row r="41223" spans="8:8">
      <c r="H41223" s="12"/>
    </row>
    <row r="41224" spans="8:8">
      <c r="H41224" s="12"/>
    </row>
    <row r="41225" spans="8:8">
      <c r="H41225" s="12"/>
    </row>
    <row r="41226" spans="8:8">
      <c r="H41226" s="12"/>
    </row>
    <row r="41227" spans="8:8">
      <c r="H41227" s="12"/>
    </row>
    <row r="41228" spans="8:8">
      <c r="H41228" s="12"/>
    </row>
    <row r="41229" spans="8:8">
      <c r="H41229" s="12"/>
    </row>
    <row r="41230" spans="8:8">
      <c r="H41230" s="12"/>
    </row>
    <row r="41231" spans="8:8">
      <c r="H41231" s="12"/>
    </row>
    <row r="41232" spans="8:8">
      <c r="H41232" s="12"/>
    </row>
    <row r="41233" spans="8:8">
      <c r="H41233" s="12"/>
    </row>
    <row r="41234" spans="8:8">
      <c r="H41234" s="12"/>
    </row>
    <row r="41235" spans="8:8">
      <c r="H41235" s="12"/>
    </row>
    <row r="41236" spans="8:8">
      <c r="H41236" s="12"/>
    </row>
    <row r="41237" spans="8:8">
      <c r="H41237" s="12"/>
    </row>
    <row r="41238" spans="8:8">
      <c r="H41238" s="12"/>
    </row>
    <row r="41239" spans="8:8">
      <c r="H41239" s="12"/>
    </row>
    <row r="41240" spans="8:8">
      <c r="H41240" s="12"/>
    </row>
    <row r="41241" spans="8:8">
      <c r="H41241" s="12"/>
    </row>
    <row r="41242" spans="8:8">
      <c r="H41242" s="12"/>
    </row>
    <row r="41243" spans="8:8">
      <c r="H41243" s="12"/>
    </row>
    <row r="41244" spans="8:8">
      <c r="H41244" s="12"/>
    </row>
    <row r="41245" spans="8:8">
      <c r="H41245" s="12"/>
    </row>
    <row r="41246" spans="8:8">
      <c r="H41246" s="12"/>
    </row>
    <row r="41247" spans="8:8">
      <c r="H41247" s="12"/>
    </row>
    <row r="41248" spans="8:8">
      <c r="H41248" s="12"/>
    </row>
    <row r="41249" spans="8:8">
      <c r="H41249" s="12"/>
    </row>
    <row r="41250" spans="8:8">
      <c r="H41250" s="12"/>
    </row>
    <row r="41251" spans="8:8">
      <c r="H41251" s="12"/>
    </row>
    <row r="41252" spans="8:8">
      <c r="H41252" s="12"/>
    </row>
    <row r="41253" spans="8:8">
      <c r="H41253" s="12"/>
    </row>
    <row r="41254" spans="8:8">
      <c r="H41254" s="12"/>
    </row>
    <row r="41255" spans="8:8">
      <c r="H41255" s="12"/>
    </row>
    <row r="41256" spans="8:8">
      <c r="H41256" s="12"/>
    </row>
    <row r="41257" spans="8:8">
      <c r="H41257" s="12"/>
    </row>
    <row r="41258" spans="8:8">
      <c r="H41258" s="12"/>
    </row>
    <row r="41259" spans="8:8">
      <c r="H41259" s="12"/>
    </row>
    <row r="41260" spans="8:8">
      <c r="H41260" s="12"/>
    </row>
    <row r="41261" spans="8:8">
      <c r="H41261" s="12"/>
    </row>
    <row r="41262" spans="8:8">
      <c r="H41262" s="12"/>
    </row>
    <row r="41263" spans="8:8">
      <c r="H41263" s="12"/>
    </row>
    <row r="41264" spans="8:8">
      <c r="H41264" s="12"/>
    </row>
    <row r="41265" spans="8:8">
      <c r="H41265" s="12"/>
    </row>
    <row r="41266" spans="8:8">
      <c r="H41266" s="12"/>
    </row>
    <row r="41267" spans="8:8">
      <c r="H41267" s="12"/>
    </row>
    <row r="41268" spans="8:8">
      <c r="H41268" s="12"/>
    </row>
    <row r="41269" spans="8:8">
      <c r="H41269" s="12"/>
    </row>
    <row r="41270" spans="8:8">
      <c r="H41270" s="12"/>
    </row>
    <row r="41271" spans="8:8">
      <c r="H41271" s="12"/>
    </row>
    <row r="41272" spans="8:8">
      <c r="H41272" s="12"/>
    </row>
    <row r="41273" spans="8:8">
      <c r="H41273" s="12"/>
    </row>
    <row r="41274" spans="8:8">
      <c r="H41274" s="12"/>
    </row>
    <row r="41275" spans="8:8">
      <c r="H41275" s="12"/>
    </row>
    <row r="41276" spans="8:8">
      <c r="H41276" s="12"/>
    </row>
    <row r="41277" spans="8:8">
      <c r="H41277" s="12"/>
    </row>
    <row r="41278" spans="8:8">
      <c r="H41278" s="12"/>
    </row>
    <row r="41279" spans="8:8">
      <c r="H41279" s="12"/>
    </row>
    <row r="41280" spans="8:8">
      <c r="H41280" s="12"/>
    </row>
    <row r="41281" spans="8:8">
      <c r="H41281" s="12"/>
    </row>
    <row r="41282" spans="8:8">
      <c r="H41282" s="12"/>
    </row>
    <row r="41283" spans="8:8">
      <c r="H41283" s="12"/>
    </row>
    <row r="41284" spans="8:8">
      <c r="H41284" s="12"/>
    </row>
    <row r="41285" spans="8:8">
      <c r="H41285" s="12"/>
    </row>
    <row r="41286" spans="8:8">
      <c r="H41286" s="12"/>
    </row>
    <row r="41287" spans="8:8">
      <c r="H41287" s="12"/>
    </row>
    <row r="41288" spans="8:8">
      <c r="H41288" s="12"/>
    </row>
    <row r="41289" spans="8:8">
      <c r="H41289" s="12"/>
    </row>
    <row r="41290" spans="8:8">
      <c r="H41290" s="12"/>
    </row>
    <row r="41291" spans="8:8">
      <c r="H41291" s="12"/>
    </row>
    <row r="41292" spans="8:8">
      <c r="H41292" s="12"/>
    </row>
    <row r="41293" spans="8:8">
      <c r="H41293" s="12"/>
    </row>
    <row r="41294" spans="8:8">
      <c r="H41294" s="12"/>
    </row>
    <row r="41295" spans="8:8">
      <c r="H41295" s="12"/>
    </row>
    <row r="41296" spans="8:8">
      <c r="H41296" s="12"/>
    </row>
    <row r="41297" spans="8:8">
      <c r="H41297" s="12"/>
    </row>
    <row r="41298" spans="8:8">
      <c r="H41298" s="12"/>
    </row>
    <row r="41299" spans="8:8">
      <c r="H41299" s="12"/>
    </row>
    <row r="41300" spans="8:8">
      <c r="H41300" s="12"/>
    </row>
    <row r="41301" spans="8:8">
      <c r="H41301" s="12"/>
    </row>
    <row r="41302" spans="8:8">
      <c r="H41302" s="12"/>
    </row>
    <row r="41303" spans="8:8">
      <c r="H41303" s="12"/>
    </row>
    <row r="41304" spans="8:8">
      <c r="H41304" s="12"/>
    </row>
    <row r="41305" spans="8:8">
      <c r="H41305" s="12"/>
    </row>
    <row r="41306" spans="8:8">
      <c r="H41306" s="12"/>
    </row>
    <row r="41307" spans="8:8">
      <c r="H41307" s="12"/>
    </row>
    <row r="41308" spans="8:8">
      <c r="H41308" s="12"/>
    </row>
    <row r="41309" spans="8:8">
      <c r="H41309" s="12"/>
    </row>
    <row r="41310" spans="8:8">
      <c r="H41310" s="12"/>
    </row>
    <row r="41311" spans="8:8">
      <c r="H41311" s="12"/>
    </row>
    <row r="41312" spans="8:8">
      <c r="H41312" s="12"/>
    </row>
    <row r="41313" spans="8:8">
      <c r="H41313" s="12"/>
    </row>
    <row r="41314" spans="8:8">
      <c r="H41314" s="12"/>
    </row>
    <row r="41315" spans="8:8">
      <c r="H41315" s="12"/>
    </row>
    <row r="41316" spans="8:8">
      <c r="H41316" s="12"/>
    </row>
    <row r="41317" spans="8:8">
      <c r="H41317" s="12"/>
    </row>
    <row r="41318" spans="8:8">
      <c r="H41318" s="12"/>
    </row>
    <row r="41319" spans="8:8">
      <c r="H41319" s="12"/>
    </row>
    <row r="41320" spans="8:8">
      <c r="H41320" s="12"/>
    </row>
    <row r="41321" spans="8:8">
      <c r="H41321" s="12"/>
    </row>
    <row r="41322" spans="8:8">
      <c r="H41322" s="12"/>
    </row>
    <row r="41323" spans="8:8">
      <c r="H41323" s="12"/>
    </row>
    <row r="41324" spans="8:8">
      <c r="H41324" s="12"/>
    </row>
    <row r="41325" spans="8:8">
      <c r="H41325" s="12"/>
    </row>
    <row r="41326" spans="8:8">
      <c r="H41326" s="12"/>
    </row>
    <row r="41327" spans="8:8">
      <c r="H41327" s="12"/>
    </row>
    <row r="41328" spans="8:8">
      <c r="H41328" s="12"/>
    </row>
    <row r="41329" spans="8:8">
      <c r="H41329" s="12"/>
    </row>
    <row r="41330" spans="8:8">
      <c r="H41330" s="12"/>
    </row>
    <row r="41331" spans="8:8">
      <c r="H41331" s="12"/>
    </row>
    <row r="41332" spans="8:8">
      <c r="H41332" s="12"/>
    </row>
    <row r="41333" spans="8:8">
      <c r="H41333" s="12"/>
    </row>
    <row r="41334" spans="8:8">
      <c r="H41334" s="12"/>
    </row>
    <row r="41335" spans="8:8">
      <c r="H41335" s="12"/>
    </row>
    <row r="41336" spans="8:8">
      <c r="H41336" s="12"/>
    </row>
    <row r="41337" spans="8:8">
      <c r="H41337" s="12"/>
    </row>
    <row r="41338" spans="8:8">
      <c r="H41338" s="12"/>
    </row>
    <row r="41339" spans="8:8">
      <c r="H41339" s="12"/>
    </row>
    <row r="41340" spans="8:8">
      <c r="H41340" s="12"/>
    </row>
    <row r="41341" spans="8:8">
      <c r="H41341" s="12"/>
    </row>
    <row r="41342" spans="8:8">
      <c r="H41342" s="12"/>
    </row>
    <row r="41343" spans="8:8">
      <c r="H41343" s="12"/>
    </row>
    <row r="41344" spans="8:8">
      <c r="H41344" s="12"/>
    </row>
    <row r="41345" spans="8:8">
      <c r="H41345" s="12"/>
    </row>
    <row r="41346" spans="8:8">
      <c r="H41346" s="12"/>
    </row>
    <row r="41347" spans="8:8">
      <c r="H41347" s="12"/>
    </row>
    <row r="41348" spans="8:8">
      <c r="H41348" s="12"/>
    </row>
    <row r="41349" spans="8:8">
      <c r="H41349" s="12"/>
    </row>
    <row r="41350" spans="8:8">
      <c r="H41350" s="12"/>
    </row>
    <row r="41351" spans="8:8">
      <c r="H41351" s="12"/>
    </row>
    <row r="41352" spans="8:8">
      <c r="H41352" s="12"/>
    </row>
    <row r="41353" spans="8:8">
      <c r="H41353" s="12"/>
    </row>
    <row r="41354" spans="8:8">
      <c r="H41354" s="12"/>
    </row>
    <row r="41355" spans="8:8">
      <c r="H41355" s="12"/>
    </row>
    <row r="41356" spans="8:8">
      <c r="H41356" s="12"/>
    </row>
    <row r="41357" spans="8:8">
      <c r="H41357" s="12"/>
    </row>
    <row r="41358" spans="8:8">
      <c r="H41358" s="12"/>
    </row>
    <row r="41359" spans="8:8">
      <c r="H41359" s="12"/>
    </row>
    <row r="41360" spans="8:8">
      <c r="H41360" s="12"/>
    </row>
    <row r="41361" spans="8:8">
      <c r="H41361" s="12"/>
    </row>
    <row r="41362" spans="8:8">
      <c r="H41362" s="12"/>
    </row>
    <row r="41363" spans="8:8">
      <c r="H41363" s="12"/>
    </row>
    <row r="41364" spans="8:8">
      <c r="H41364" s="12"/>
    </row>
    <row r="41365" spans="8:8">
      <c r="H41365" s="12"/>
    </row>
    <row r="41366" spans="8:8">
      <c r="H41366" s="12"/>
    </row>
    <row r="41367" spans="8:8">
      <c r="H41367" s="12"/>
    </row>
    <row r="41368" spans="8:8">
      <c r="H41368" s="12"/>
    </row>
    <row r="41369" spans="8:8">
      <c r="H41369" s="12"/>
    </row>
    <row r="41370" spans="8:8">
      <c r="H41370" s="12"/>
    </row>
    <row r="41371" spans="8:8">
      <c r="H41371" s="12"/>
    </row>
    <row r="41372" spans="8:8">
      <c r="H41372" s="12"/>
    </row>
    <row r="41373" spans="8:8">
      <c r="H41373" s="12"/>
    </row>
    <row r="41374" spans="8:8">
      <c r="H41374" s="12"/>
    </row>
    <row r="41375" spans="8:8">
      <c r="H41375" s="12"/>
    </row>
    <row r="41376" spans="8:8">
      <c r="H41376" s="12"/>
    </row>
    <row r="41377" spans="8:8">
      <c r="H41377" s="12"/>
    </row>
    <row r="41378" spans="8:8">
      <c r="H41378" s="12"/>
    </row>
    <row r="41379" spans="8:8">
      <c r="H41379" s="12"/>
    </row>
    <row r="41380" spans="8:8">
      <c r="H41380" s="12"/>
    </row>
    <row r="41381" spans="8:8">
      <c r="H41381" s="12"/>
    </row>
    <row r="41382" spans="8:8">
      <c r="H41382" s="12"/>
    </row>
    <row r="41383" spans="8:8">
      <c r="H41383" s="12"/>
    </row>
    <row r="41384" spans="8:8">
      <c r="H41384" s="12"/>
    </row>
    <row r="41385" spans="8:8">
      <c r="H41385" s="12"/>
    </row>
    <row r="41386" spans="8:8">
      <c r="H41386" s="12"/>
    </row>
    <row r="41387" spans="8:8">
      <c r="H41387" s="12"/>
    </row>
    <row r="41388" spans="8:8">
      <c r="H41388" s="12"/>
    </row>
    <row r="41389" spans="8:8">
      <c r="H41389" s="12"/>
    </row>
    <row r="41390" spans="8:8">
      <c r="H41390" s="12"/>
    </row>
    <row r="41391" spans="8:8">
      <c r="H41391" s="12"/>
    </row>
    <row r="41392" spans="8:8">
      <c r="H41392" s="12"/>
    </row>
    <row r="41393" spans="8:8">
      <c r="H41393" s="12"/>
    </row>
    <row r="41394" spans="8:8">
      <c r="H41394" s="12"/>
    </row>
    <row r="41395" spans="8:8">
      <c r="H41395" s="12"/>
    </row>
    <row r="41396" spans="8:8">
      <c r="H41396" s="12"/>
    </row>
    <row r="41397" spans="8:8">
      <c r="H41397" s="12"/>
    </row>
    <row r="41398" spans="8:8">
      <c r="H41398" s="12"/>
    </row>
    <row r="41399" spans="8:8">
      <c r="H41399" s="12"/>
    </row>
    <row r="41400" spans="8:8">
      <c r="H41400" s="12"/>
    </row>
    <row r="41401" spans="8:8">
      <c r="H41401" s="12"/>
    </row>
    <row r="41402" spans="8:8">
      <c r="H41402" s="12"/>
    </row>
    <row r="41403" spans="8:8">
      <c r="H41403" s="12"/>
    </row>
    <row r="41404" spans="8:8">
      <c r="H41404" s="12"/>
    </row>
    <row r="41405" spans="8:8">
      <c r="H41405" s="12"/>
    </row>
    <row r="41406" spans="8:8">
      <c r="H41406" s="12"/>
    </row>
    <row r="41407" spans="8:8">
      <c r="H41407" s="12"/>
    </row>
    <row r="41408" spans="8:8">
      <c r="H41408" s="12"/>
    </row>
    <row r="41409" spans="8:8">
      <c r="H41409" s="12"/>
    </row>
    <row r="41410" spans="8:8">
      <c r="H41410" s="12"/>
    </row>
    <row r="41411" spans="8:8">
      <c r="H41411" s="12"/>
    </row>
    <row r="41412" spans="8:8">
      <c r="H41412" s="12"/>
    </row>
    <row r="41413" spans="8:8">
      <c r="H41413" s="12"/>
    </row>
    <row r="41414" spans="8:8">
      <c r="H41414" s="12"/>
    </row>
    <row r="41415" spans="8:8">
      <c r="H41415" s="12"/>
    </row>
    <row r="41416" spans="8:8">
      <c r="H41416" s="12"/>
    </row>
    <row r="41417" spans="8:8">
      <c r="H41417" s="12"/>
    </row>
    <row r="41418" spans="8:8">
      <c r="H41418" s="12"/>
    </row>
    <row r="41419" spans="8:8">
      <c r="H41419" s="12"/>
    </row>
    <row r="41420" spans="8:8">
      <c r="H41420" s="12"/>
    </row>
    <row r="41421" spans="8:8">
      <c r="H41421" s="12"/>
    </row>
    <row r="41422" spans="8:8">
      <c r="H41422" s="12"/>
    </row>
    <row r="41423" spans="8:8">
      <c r="H41423" s="12"/>
    </row>
    <row r="41424" spans="8:8">
      <c r="H41424" s="12"/>
    </row>
    <row r="41425" spans="8:8">
      <c r="H41425" s="12"/>
    </row>
    <row r="41426" spans="8:8">
      <c r="H41426" s="12"/>
    </row>
    <row r="41427" spans="8:8">
      <c r="H41427" s="12"/>
    </row>
    <row r="41428" spans="8:8">
      <c r="H41428" s="12"/>
    </row>
    <row r="41429" spans="8:8">
      <c r="H41429" s="12"/>
    </row>
    <row r="41430" spans="8:8">
      <c r="H41430" s="12"/>
    </row>
    <row r="41431" spans="8:8">
      <c r="H41431" s="12"/>
    </row>
    <row r="41432" spans="8:8">
      <c r="H41432" s="12"/>
    </row>
    <row r="41433" spans="8:8">
      <c r="H41433" s="12"/>
    </row>
    <row r="41434" spans="8:8">
      <c r="H41434" s="12"/>
    </row>
    <row r="41435" spans="8:8">
      <c r="H41435" s="12"/>
    </row>
    <row r="41436" spans="8:8">
      <c r="H41436" s="12"/>
    </row>
    <row r="41437" spans="8:8">
      <c r="H41437" s="12"/>
    </row>
    <row r="41438" spans="8:8">
      <c r="H41438" s="12"/>
    </row>
    <row r="41439" spans="8:8">
      <c r="H41439" s="12"/>
    </row>
    <row r="41440" spans="8:8">
      <c r="H41440" s="12"/>
    </row>
    <row r="41441" spans="8:8">
      <c r="H41441" s="12"/>
    </row>
    <row r="41442" spans="8:8">
      <c r="H41442" s="12"/>
    </row>
    <row r="41443" spans="8:8">
      <c r="H41443" s="12"/>
    </row>
    <row r="41444" spans="8:8">
      <c r="H41444" s="12"/>
    </row>
    <row r="41445" spans="8:8">
      <c r="H41445" s="12"/>
    </row>
    <row r="41446" spans="8:8">
      <c r="H41446" s="12"/>
    </row>
    <row r="41447" spans="8:8">
      <c r="H41447" s="12"/>
    </row>
    <row r="41448" spans="8:8">
      <c r="H41448" s="12"/>
    </row>
    <row r="41449" spans="8:8">
      <c r="H41449" s="12"/>
    </row>
    <row r="41450" spans="8:8">
      <c r="H41450" s="12"/>
    </row>
    <row r="41451" spans="8:8">
      <c r="H41451" s="12"/>
    </row>
    <row r="41452" spans="8:8">
      <c r="H41452" s="12"/>
    </row>
    <row r="41453" spans="8:8">
      <c r="H41453" s="12"/>
    </row>
    <row r="41454" spans="8:8">
      <c r="H41454" s="12"/>
    </row>
    <row r="41455" spans="8:8">
      <c r="H41455" s="12"/>
    </row>
    <row r="41456" spans="8:8">
      <c r="H41456" s="12"/>
    </row>
    <row r="41457" spans="8:8">
      <c r="H41457" s="12"/>
    </row>
    <row r="41458" spans="8:8">
      <c r="H41458" s="12"/>
    </row>
    <row r="41459" spans="8:8">
      <c r="H41459" s="12"/>
    </row>
    <row r="41460" spans="8:8">
      <c r="H41460" s="12"/>
    </row>
    <row r="41461" spans="8:8">
      <c r="H41461" s="12"/>
    </row>
    <row r="41462" spans="8:8">
      <c r="H41462" s="12"/>
    </row>
    <row r="41463" spans="8:8">
      <c r="H41463" s="12"/>
    </row>
    <row r="41464" spans="8:8">
      <c r="H41464" s="12"/>
    </row>
    <row r="41465" spans="8:8">
      <c r="H41465" s="12"/>
    </row>
    <row r="41466" spans="8:8">
      <c r="H41466" s="12"/>
    </row>
    <row r="41467" spans="8:8">
      <c r="H41467" s="12"/>
    </row>
    <row r="41468" spans="8:8">
      <c r="H41468" s="12"/>
    </row>
    <row r="41469" spans="8:8">
      <c r="H41469" s="12"/>
    </row>
    <row r="41470" spans="8:8">
      <c r="H41470" s="12"/>
    </row>
    <row r="41471" spans="8:8">
      <c r="H41471" s="12"/>
    </row>
    <row r="41472" spans="8:8">
      <c r="H41472" s="12"/>
    </row>
    <row r="41473" spans="8:8">
      <c r="H41473" s="12"/>
    </row>
    <row r="41474" spans="8:8">
      <c r="H41474" s="12"/>
    </row>
    <row r="41475" spans="8:8">
      <c r="H41475" s="12"/>
    </row>
    <row r="41476" spans="8:8">
      <c r="H41476" s="12"/>
    </row>
    <row r="41477" spans="8:8">
      <c r="H41477" s="12"/>
    </row>
    <row r="41478" spans="8:8">
      <c r="H41478" s="12"/>
    </row>
    <row r="41479" spans="8:8">
      <c r="H41479" s="12"/>
    </row>
    <row r="41480" spans="8:8">
      <c r="H41480" s="12"/>
    </row>
    <row r="41481" spans="8:8">
      <c r="H41481" s="12"/>
    </row>
    <row r="41482" spans="8:8">
      <c r="H41482" s="12"/>
    </row>
    <row r="41483" spans="8:8">
      <c r="H41483" s="12"/>
    </row>
    <row r="41484" spans="8:8">
      <c r="H41484" s="12"/>
    </row>
    <row r="41485" spans="8:8">
      <c r="H41485" s="12"/>
    </row>
    <row r="41486" spans="8:8">
      <c r="H41486" s="12"/>
    </row>
    <row r="41487" spans="8:8">
      <c r="H41487" s="12"/>
    </row>
    <row r="41488" spans="8:8">
      <c r="H41488" s="12"/>
    </row>
    <row r="41489" spans="8:8">
      <c r="H41489" s="12"/>
    </row>
    <row r="41490" spans="8:8">
      <c r="H41490" s="12"/>
    </row>
    <row r="41491" spans="8:8">
      <c r="H41491" s="12"/>
    </row>
    <row r="41492" spans="8:8">
      <c r="H41492" s="12"/>
    </row>
    <row r="41493" spans="8:8">
      <c r="H41493" s="12"/>
    </row>
    <row r="41494" spans="8:8">
      <c r="H41494" s="12"/>
    </row>
    <row r="41495" spans="8:8">
      <c r="H41495" s="12"/>
    </row>
    <row r="41496" spans="8:8">
      <c r="H41496" s="12"/>
    </row>
    <row r="41497" spans="8:8">
      <c r="H41497" s="12"/>
    </row>
    <row r="41498" spans="8:8">
      <c r="H41498" s="12"/>
    </row>
    <row r="41499" spans="8:8">
      <c r="H41499" s="12"/>
    </row>
    <row r="41500" spans="8:8">
      <c r="H41500" s="12"/>
    </row>
    <row r="41501" spans="8:8">
      <c r="H41501" s="12"/>
    </row>
    <row r="41502" spans="8:8">
      <c r="H41502" s="12"/>
    </row>
    <row r="41503" spans="8:8">
      <c r="H41503" s="12"/>
    </row>
    <row r="41504" spans="8:8">
      <c r="H41504" s="12"/>
    </row>
    <row r="41505" spans="8:8">
      <c r="H41505" s="12"/>
    </row>
    <row r="41506" spans="8:8">
      <c r="H41506" s="12"/>
    </row>
    <row r="41507" spans="8:8">
      <c r="H41507" s="12"/>
    </row>
    <row r="41508" spans="8:8">
      <c r="H41508" s="12"/>
    </row>
    <row r="41509" spans="8:8">
      <c r="H41509" s="12"/>
    </row>
    <row r="41510" spans="8:8">
      <c r="H41510" s="12"/>
    </row>
    <row r="41511" spans="8:8">
      <c r="H41511" s="12"/>
    </row>
    <row r="41512" spans="8:8">
      <c r="H41512" s="12"/>
    </row>
    <row r="41513" spans="8:8">
      <c r="H41513" s="12"/>
    </row>
    <row r="41514" spans="8:8">
      <c r="H41514" s="12"/>
    </row>
    <row r="41515" spans="8:8">
      <c r="H41515" s="12"/>
    </row>
    <row r="41516" spans="8:8">
      <c r="H41516" s="12"/>
    </row>
    <row r="41517" spans="8:8">
      <c r="H41517" s="12"/>
    </row>
    <row r="41518" spans="8:8">
      <c r="H41518" s="12"/>
    </row>
    <row r="41519" spans="8:8">
      <c r="H41519" s="12"/>
    </row>
    <row r="41520" spans="8:8">
      <c r="H41520" s="12"/>
    </row>
    <row r="41521" spans="8:8">
      <c r="H41521" s="12"/>
    </row>
    <row r="41522" spans="8:8">
      <c r="H41522" s="12"/>
    </row>
    <row r="41523" spans="8:8">
      <c r="H41523" s="12"/>
    </row>
    <row r="41524" spans="8:8">
      <c r="H41524" s="12"/>
    </row>
    <row r="41525" spans="8:8">
      <c r="H41525" s="12"/>
    </row>
    <row r="41526" spans="8:8">
      <c r="H41526" s="12"/>
    </row>
    <row r="41527" spans="8:8">
      <c r="H41527" s="12"/>
    </row>
    <row r="41528" spans="8:8">
      <c r="H41528" s="12"/>
    </row>
    <row r="41529" spans="8:8">
      <c r="H41529" s="12"/>
    </row>
    <row r="41530" spans="8:8">
      <c r="H41530" s="12"/>
    </row>
    <row r="41531" spans="8:8">
      <c r="H41531" s="12"/>
    </row>
    <row r="41532" spans="8:8">
      <c r="H41532" s="12"/>
    </row>
    <row r="41533" spans="8:8">
      <c r="H41533" s="12"/>
    </row>
    <row r="41534" spans="8:8">
      <c r="H41534" s="12"/>
    </row>
    <row r="41535" spans="8:8">
      <c r="H41535" s="12"/>
    </row>
    <row r="41536" spans="8:8">
      <c r="H41536" s="12"/>
    </row>
    <row r="41537" spans="8:8">
      <c r="H41537" s="12"/>
    </row>
    <row r="41538" spans="8:8">
      <c r="H41538" s="12"/>
    </row>
    <row r="41539" spans="8:8">
      <c r="H41539" s="12"/>
    </row>
    <row r="41540" spans="8:8">
      <c r="H41540" s="12"/>
    </row>
    <row r="41541" spans="8:8">
      <c r="H41541" s="12"/>
    </row>
    <row r="41542" spans="8:8">
      <c r="H41542" s="12"/>
    </row>
    <row r="41543" spans="8:8">
      <c r="H41543" s="12"/>
    </row>
    <row r="41544" spans="8:8">
      <c r="H41544" s="12"/>
    </row>
    <row r="41545" spans="8:8">
      <c r="H41545" s="12"/>
    </row>
    <row r="41546" spans="8:8">
      <c r="H41546" s="12"/>
    </row>
    <row r="41547" spans="8:8">
      <c r="H41547" s="12"/>
    </row>
    <row r="41548" spans="8:8">
      <c r="H41548" s="12"/>
    </row>
    <row r="41549" spans="8:8">
      <c r="H41549" s="12"/>
    </row>
    <row r="41550" spans="8:8">
      <c r="H41550" s="12"/>
    </row>
    <row r="41551" spans="8:8">
      <c r="H41551" s="12"/>
    </row>
    <row r="41552" spans="8:8">
      <c r="H41552" s="12"/>
    </row>
    <row r="41553" spans="8:8">
      <c r="H41553" s="12"/>
    </row>
    <row r="41554" spans="8:8">
      <c r="H41554" s="12"/>
    </row>
    <row r="41555" spans="8:8">
      <c r="H41555" s="12"/>
    </row>
    <row r="41556" spans="8:8">
      <c r="H41556" s="12"/>
    </row>
    <row r="41557" spans="8:8">
      <c r="H41557" s="12"/>
    </row>
    <row r="41558" spans="8:8">
      <c r="H41558" s="12"/>
    </row>
    <row r="41559" spans="8:8">
      <c r="H41559" s="12"/>
    </row>
    <row r="41560" spans="8:8">
      <c r="H41560" s="12"/>
    </row>
    <row r="41561" spans="8:8">
      <c r="H41561" s="12"/>
    </row>
    <row r="41562" spans="8:8">
      <c r="H41562" s="12"/>
    </row>
    <row r="41563" spans="8:8">
      <c r="H41563" s="12"/>
    </row>
    <row r="41564" spans="8:8">
      <c r="H41564" s="12"/>
    </row>
    <row r="41565" spans="8:8">
      <c r="H41565" s="12"/>
    </row>
    <row r="41566" spans="8:8">
      <c r="H41566" s="12"/>
    </row>
    <row r="41567" spans="8:8">
      <c r="H41567" s="12"/>
    </row>
    <row r="41568" spans="8:8">
      <c r="H41568" s="12"/>
    </row>
    <row r="41569" spans="8:8">
      <c r="H41569" s="12"/>
    </row>
    <row r="41570" spans="8:8">
      <c r="H41570" s="12"/>
    </row>
    <row r="41571" spans="8:8">
      <c r="H41571" s="12"/>
    </row>
    <row r="41572" spans="8:8">
      <c r="H41572" s="12"/>
    </row>
    <row r="41573" spans="8:8">
      <c r="H41573" s="12"/>
    </row>
    <row r="41574" spans="8:8">
      <c r="H41574" s="12"/>
    </row>
    <row r="41575" spans="8:8">
      <c r="H41575" s="12"/>
    </row>
    <row r="41576" spans="8:8">
      <c r="H41576" s="12"/>
    </row>
    <row r="41577" spans="8:8">
      <c r="H41577" s="12"/>
    </row>
    <row r="41578" spans="8:8">
      <c r="H41578" s="12"/>
    </row>
    <row r="41579" spans="8:8">
      <c r="H41579" s="12"/>
    </row>
    <row r="41580" spans="8:8">
      <c r="H41580" s="12"/>
    </row>
    <row r="41581" spans="8:8">
      <c r="H41581" s="12"/>
    </row>
    <row r="41582" spans="8:8">
      <c r="H41582" s="12"/>
    </row>
    <row r="41583" spans="8:8">
      <c r="H41583" s="12"/>
    </row>
    <row r="41584" spans="8:8">
      <c r="H41584" s="12"/>
    </row>
    <row r="41585" spans="8:8">
      <c r="H41585" s="12"/>
    </row>
    <row r="41586" spans="8:8">
      <c r="H41586" s="12"/>
    </row>
    <row r="41587" spans="8:8">
      <c r="H41587" s="12"/>
    </row>
    <row r="41588" spans="8:8">
      <c r="H41588" s="12"/>
    </row>
    <row r="41589" spans="8:8">
      <c r="H41589" s="12"/>
    </row>
    <row r="41590" spans="8:8">
      <c r="H41590" s="12"/>
    </row>
    <row r="41591" spans="8:8">
      <c r="H41591" s="12"/>
    </row>
    <row r="41592" spans="8:8">
      <c r="H41592" s="12"/>
    </row>
    <row r="41593" spans="8:8">
      <c r="H41593" s="12"/>
    </row>
    <row r="41594" spans="8:8">
      <c r="H41594" s="12"/>
    </row>
    <row r="41595" spans="8:8">
      <c r="H41595" s="12"/>
    </row>
    <row r="41596" spans="8:8">
      <c r="H41596" s="12"/>
    </row>
    <row r="41597" spans="8:8">
      <c r="H41597" s="12"/>
    </row>
    <row r="41598" spans="8:8">
      <c r="H41598" s="12"/>
    </row>
    <row r="41599" spans="8:8">
      <c r="H41599" s="12"/>
    </row>
    <row r="41600" spans="8:8">
      <c r="H41600" s="12"/>
    </row>
    <row r="41601" spans="8:8">
      <c r="H41601" s="12"/>
    </row>
    <row r="41602" spans="8:8">
      <c r="H41602" s="12"/>
    </row>
    <row r="41603" spans="8:8">
      <c r="H41603" s="12"/>
    </row>
    <row r="41604" spans="8:8">
      <c r="H41604" s="12"/>
    </row>
    <row r="41605" spans="8:8">
      <c r="H41605" s="12"/>
    </row>
    <row r="41606" spans="8:8">
      <c r="H41606" s="12"/>
    </row>
    <row r="41607" spans="8:8">
      <c r="H41607" s="12"/>
    </row>
    <row r="41608" spans="8:8">
      <c r="H41608" s="12"/>
    </row>
    <row r="41609" spans="8:8">
      <c r="H41609" s="12"/>
    </row>
    <row r="41610" spans="8:8">
      <c r="H41610" s="12"/>
    </row>
    <row r="41611" spans="8:8">
      <c r="H41611" s="12"/>
    </row>
    <row r="41612" spans="8:8">
      <c r="H41612" s="12"/>
    </row>
    <row r="41613" spans="8:8">
      <c r="H41613" s="12"/>
    </row>
    <row r="41614" spans="8:8">
      <c r="H41614" s="12"/>
    </row>
    <row r="41615" spans="8:8">
      <c r="H41615" s="12"/>
    </row>
    <row r="41616" spans="8:8">
      <c r="H41616" s="12"/>
    </row>
    <row r="41617" spans="8:8">
      <c r="H41617" s="12"/>
    </row>
    <row r="41618" spans="8:8">
      <c r="H41618" s="12"/>
    </row>
    <row r="41619" spans="8:8">
      <c r="H41619" s="12"/>
    </row>
    <row r="41620" spans="8:8">
      <c r="H41620" s="12"/>
    </row>
    <row r="41621" spans="8:8">
      <c r="H41621" s="12"/>
    </row>
    <row r="41622" spans="8:8">
      <c r="H41622" s="12"/>
    </row>
    <row r="41623" spans="8:8">
      <c r="H41623" s="12"/>
    </row>
    <row r="41624" spans="8:8">
      <c r="H41624" s="12"/>
    </row>
    <row r="41625" spans="8:8">
      <c r="H41625" s="12"/>
    </row>
    <row r="41626" spans="8:8">
      <c r="H41626" s="12"/>
    </row>
    <row r="41627" spans="8:8">
      <c r="H41627" s="12"/>
    </row>
    <row r="41628" spans="8:8">
      <c r="H41628" s="12"/>
    </row>
    <row r="41629" spans="8:8">
      <c r="H41629" s="12"/>
    </row>
    <row r="41630" spans="8:8">
      <c r="H41630" s="12"/>
    </row>
    <row r="41631" spans="8:8">
      <c r="H41631" s="12"/>
    </row>
    <row r="41632" spans="8:8">
      <c r="H41632" s="12"/>
    </row>
    <row r="41633" spans="8:8">
      <c r="H41633" s="12"/>
    </row>
    <row r="41634" spans="8:8">
      <c r="H41634" s="12"/>
    </row>
    <row r="41635" spans="8:8">
      <c r="H41635" s="12"/>
    </row>
    <row r="41636" spans="8:8">
      <c r="H41636" s="12"/>
    </row>
    <row r="41637" spans="8:8">
      <c r="H41637" s="12"/>
    </row>
    <row r="41638" spans="8:8">
      <c r="H41638" s="12"/>
    </row>
    <row r="41639" spans="8:8">
      <c r="H41639" s="12"/>
    </row>
    <row r="41640" spans="8:8">
      <c r="H41640" s="12"/>
    </row>
    <row r="41641" spans="8:8">
      <c r="H41641" s="12"/>
    </row>
    <row r="41642" spans="8:8">
      <c r="H41642" s="12"/>
    </row>
    <row r="41643" spans="8:8">
      <c r="H41643" s="12"/>
    </row>
    <row r="41644" spans="8:8">
      <c r="H41644" s="12"/>
    </row>
    <row r="41645" spans="8:8">
      <c r="H41645" s="12"/>
    </row>
    <row r="41646" spans="8:8">
      <c r="H41646" s="12"/>
    </row>
    <row r="41647" spans="8:8">
      <c r="H41647" s="12"/>
    </row>
    <row r="41648" spans="8:8">
      <c r="H41648" s="12"/>
    </row>
    <row r="41649" spans="8:8">
      <c r="H41649" s="12"/>
    </row>
    <row r="41650" spans="8:8">
      <c r="H41650" s="12"/>
    </row>
    <row r="41651" spans="8:8">
      <c r="H41651" s="12"/>
    </row>
    <row r="41652" spans="8:8">
      <c r="H41652" s="12"/>
    </row>
    <row r="41653" spans="8:8">
      <c r="H41653" s="12"/>
    </row>
    <row r="41654" spans="8:8">
      <c r="H41654" s="12"/>
    </row>
    <row r="41655" spans="8:8">
      <c r="H41655" s="12"/>
    </row>
    <row r="41656" spans="8:8">
      <c r="H41656" s="12"/>
    </row>
    <row r="41657" spans="8:8">
      <c r="H41657" s="12"/>
    </row>
    <row r="41658" spans="8:8">
      <c r="H41658" s="12"/>
    </row>
    <row r="41659" spans="8:8">
      <c r="H41659" s="12"/>
    </row>
    <row r="41660" spans="8:8">
      <c r="H41660" s="12"/>
    </row>
    <row r="41661" spans="8:8">
      <c r="H41661" s="12"/>
    </row>
    <row r="41662" spans="8:8">
      <c r="H41662" s="12"/>
    </row>
    <row r="41663" spans="8:8">
      <c r="H41663" s="12"/>
    </row>
    <row r="41664" spans="8:8">
      <c r="H41664" s="12"/>
    </row>
    <row r="41665" spans="8:8">
      <c r="H41665" s="12"/>
    </row>
    <row r="41666" spans="8:8">
      <c r="H41666" s="12"/>
    </row>
    <row r="41667" spans="8:8">
      <c r="H41667" s="12"/>
    </row>
    <row r="41668" spans="8:8">
      <c r="H41668" s="12"/>
    </row>
    <row r="41669" spans="8:8">
      <c r="H41669" s="12"/>
    </row>
    <row r="41670" spans="8:8">
      <c r="H41670" s="12"/>
    </row>
    <row r="41671" spans="8:8">
      <c r="H41671" s="12"/>
    </row>
    <row r="41672" spans="8:8">
      <c r="H41672" s="12"/>
    </row>
    <row r="41673" spans="8:8">
      <c r="H41673" s="12"/>
    </row>
    <row r="41674" spans="8:8">
      <c r="H41674" s="12"/>
    </row>
    <row r="41675" spans="8:8">
      <c r="H41675" s="12"/>
    </row>
    <row r="41676" spans="8:8">
      <c r="H41676" s="12"/>
    </row>
    <row r="41677" spans="8:8">
      <c r="H41677" s="12"/>
    </row>
    <row r="41678" spans="8:8">
      <c r="H41678" s="12"/>
    </row>
    <row r="41679" spans="8:8">
      <c r="H41679" s="12"/>
    </row>
    <row r="41680" spans="8:8">
      <c r="H41680" s="12"/>
    </row>
    <row r="41681" spans="8:8">
      <c r="H41681" s="12"/>
    </row>
    <row r="41682" spans="8:8">
      <c r="H41682" s="12"/>
    </row>
    <row r="41683" spans="8:8">
      <c r="H41683" s="12"/>
    </row>
    <row r="41684" spans="8:8">
      <c r="H41684" s="12"/>
    </row>
    <row r="41685" spans="8:8">
      <c r="H41685" s="12"/>
    </row>
    <row r="41686" spans="8:8">
      <c r="H41686" s="12"/>
    </row>
    <row r="41687" spans="8:8">
      <c r="H41687" s="12"/>
    </row>
    <row r="41688" spans="8:8">
      <c r="H41688" s="12"/>
    </row>
    <row r="41689" spans="8:8">
      <c r="H41689" s="12"/>
    </row>
    <row r="41690" spans="8:8">
      <c r="H41690" s="12"/>
    </row>
    <row r="41691" spans="8:8">
      <c r="H41691" s="12"/>
    </row>
    <row r="41692" spans="8:8">
      <c r="H41692" s="12"/>
    </row>
    <row r="41693" spans="8:8">
      <c r="H41693" s="12"/>
    </row>
    <row r="41694" spans="8:8">
      <c r="H41694" s="12"/>
    </row>
    <row r="41695" spans="8:8">
      <c r="H41695" s="12"/>
    </row>
    <row r="41696" spans="8:8">
      <c r="H41696" s="12"/>
    </row>
    <row r="41697" spans="8:8">
      <c r="H41697" s="12"/>
    </row>
    <row r="41698" spans="8:8">
      <c r="H41698" s="12"/>
    </row>
    <row r="41699" spans="8:8">
      <c r="H41699" s="12"/>
    </row>
    <row r="41700" spans="8:8">
      <c r="H41700" s="12"/>
    </row>
    <row r="41701" spans="8:8">
      <c r="H41701" s="12"/>
    </row>
    <row r="41702" spans="8:8">
      <c r="H41702" s="12"/>
    </row>
    <row r="41703" spans="8:8">
      <c r="H41703" s="12"/>
    </row>
    <row r="41704" spans="8:8">
      <c r="H41704" s="12"/>
    </row>
    <row r="41705" spans="8:8">
      <c r="H41705" s="12"/>
    </row>
    <row r="41706" spans="8:8">
      <c r="H41706" s="12"/>
    </row>
    <row r="41707" spans="8:8">
      <c r="H41707" s="12"/>
    </row>
    <row r="41708" spans="8:8">
      <c r="H41708" s="12"/>
    </row>
    <row r="41709" spans="8:8">
      <c r="H41709" s="12"/>
    </row>
    <row r="41710" spans="8:8">
      <c r="H41710" s="12"/>
    </row>
    <row r="41711" spans="8:8">
      <c r="H41711" s="12"/>
    </row>
    <row r="41712" spans="8:8">
      <c r="H41712" s="12"/>
    </row>
    <row r="41713" spans="8:8">
      <c r="H41713" s="12"/>
    </row>
    <row r="41714" spans="8:8">
      <c r="H41714" s="12"/>
    </row>
    <row r="41715" spans="8:8">
      <c r="H41715" s="12"/>
    </row>
    <row r="41716" spans="8:8">
      <c r="H41716" s="12"/>
    </row>
    <row r="41717" spans="8:8">
      <c r="H41717" s="12"/>
    </row>
    <row r="41718" spans="8:8">
      <c r="H41718" s="12"/>
    </row>
    <row r="41719" spans="8:8">
      <c r="H41719" s="12"/>
    </row>
    <row r="41720" spans="8:8">
      <c r="H41720" s="12"/>
    </row>
    <row r="41721" spans="8:8">
      <c r="H41721" s="12"/>
    </row>
    <row r="41722" spans="8:8">
      <c r="H41722" s="12"/>
    </row>
    <row r="41723" spans="8:8">
      <c r="H41723" s="12"/>
    </row>
    <row r="41724" spans="8:8">
      <c r="H41724" s="12"/>
    </row>
    <row r="41725" spans="8:8">
      <c r="H41725" s="12"/>
    </row>
    <row r="41726" spans="8:8">
      <c r="H41726" s="12"/>
    </row>
    <row r="41727" spans="8:8">
      <c r="H41727" s="12"/>
    </row>
    <row r="41728" spans="8:8">
      <c r="H41728" s="12"/>
    </row>
    <row r="41729" spans="8:8">
      <c r="H41729" s="12"/>
    </row>
    <row r="41730" spans="8:8">
      <c r="H41730" s="12"/>
    </row>
    <row r="41731" spans="8:8">
      <c r="H41731" s="12"/>
    </row>
    <row r="41732" spans="8:8">
      <c r="H41732" s="12"/>
    </row>
    <row r="41733" spans="8:8">
      <c r="H41733" s="12"/>
    </row>
    <row r="41734" spans="8:8">
      <c r="H41734" s="12"/>
    </row>
    <row r="41735" spans="8:8">
      <c r="H41735" s="12"/>
    </row>
    <row r="41736" spans="8:8">
      <c r="H41736" s="12"/>
    </row>
    <row r="41737" spans="8:8">
      <c r="H41737" s="12"/>
    </row>
    <row r="41738" spans="8:8">
      <c r="H41738" s="12"/>
    </row>
    <row r="41739" spans="8:8">
      <c r="H41739" s="12"/>
    </row>
    <row r="41740" spans="8:8">
      <c r="H41740" s="12"/>
    </row>
    <row r="41741" spans="8:8">
      <c r="H41741" s="12"/>
    </row>
    <row r="41742" spans="8:8">
      <c r="H41742" s="12"/>
    </row>
    <row r="41743" spans="8:8">
      <c r="H41743" s="12"/>
    </row>
    <row r="41744" spans="8:8">
      <c r="H41744" s="12"/>
    </row>
    <row r="41745" spans="8:8">
      <c r="H41745" s="12"/>
    </row>
    <row r="41746" spans="8:8">
      <c r="H41746" s="12"/>
    </row>
    <row r="41747" spans="8:8">
      <c r="H41747" s="12"/>
    </row>
    <row r="41748" spans="8:8">
      <c r="H41748" s="12"/>
    </row>
    <row r="41749" spans="8:8">
      <c r="H41749" s="12"/>
    </row>
    <row r="41750" spans="8:8">
      <c r="H41750" s="12"/>
    </row>
    <row r="41751" spans="8:8">
      <c r="H41751" s="12"/>
    </row>
    <row r="41752" spans="8:8">
      <c r="H41752" s="12"/>
    </row>
    <row r="41753" spans="8:8">
      <c r="H41753" s="12"/>
    </row>
    <row r="41754" spans="8:8">
      <c r="H41754" s="12"/>
    </row>
    <row r="41755" spans="8:8">
      <c r="H41755" s="12"/>
    </row>
    <row r="41756" spans="8:8">
      <c r="H41756" s="12"/>
    </row>
    <row r="41757" spans="8:8">
      <c r="H41757" s="12"/>
    </row>
    <row r="41758" spans="8:8">
      <c r="H41758" s="12"/>
    </row>
    <row r="41759" spans="8:8">
      <c r="H41759" s="12"/>
    </row>
    <row r="41760" spans="8:8">
      <c r="H41760" s="12"/>
    </row>
    <row r="41761" spans="8:8">
      <c r="H41761" s="12"/>
    </row>
    <row r="41762" spans="8:8">
      <c r="H41762" s="12"/>
    </row>
    <row r="41763" spans="8:8">
      <c r="H41763" s="12"/>
    </row>
    <row r="41764" spans="8:8">
      <c r="H41764" s="12"/>
    </row>
    <row r="41765" spans="8:8">
      <c r="H41765" s="12"/>
    </row>
    <row r="41766" spans="8:8">
      <c r="H41766" s="12"/>
    </row>
    <row r="41767" spans="8:8">
      <c r="H41767" s="12"/>
    </row>
    <row r="41768" spans="8:8">
      <c r="H41768" s="12"/>
    </row>
    <row r="41769" spans="8:8">
      <c r="H41769" s="12"/>
    </row>
    <row r="41770" spans="8:8">
      <c r="H41770" s="12"/>
    </row>
    <row r="41771" spans="8:8">
      <c r="H41771" s="12"/>
    </row>
    <row r="41772" spans="8:8">
      <c r="H41772" s="12"/>
    </row>
    <row r="41773" spans="8:8">
      <c r="H41773" s="12"/>
    </row>
    <row r="41774" spans="8:8">
      <c r="H41774" s="12"/>
    </row>
    <row r="41775" spans="8:8">
      <c r="H41775" s="12"/>
    </row>
    <row r="41776" spans="8:8">
      <c r="H41776" s="12"/>
    </row>
    <row r="41777" spans="8:8">
      <c r="H41777" s="12"/>
    </row>
    <row r="41778" spans="8:8">
      <c r="H41778" s="12"/>
    </row>
    <row r="41779" spans="8:8">
      <c r="H41779" s="12"/>
    </row>
    <row r="41780" spans="8:8">
      <c r="H41780" s="12"/>
    </row>
    <row r="41781" spans="8:8">
      <c r="H41781" s="12"/>
    </row>
    <row r="41782" spans="8:8">
      <c r="H41782" s="12"/>
    </row>
    <row r="41783" spans="8:8">
      <c r="H41783" s="12"/>
    </row>
    <row r="41784" spans="8:8">
      <c r="H41784" s="12"/>
    </row>
    <row r="41785" spans="8:8">
      <c r="H41785" s="12"/>
    </row>
    <row r="41786" spans="8:8">
      <c r="H41786" s="12"/>
    </row>
    <row r="41787" spans="8:8">
      <c r="H41787" s="12"/>
    </row>
    <row r="41788" spans="8:8">
      <c r="H41788" s="12"/>
    </row>
    <row r="41789" spans="8:8">
      <c r="H41789" s="12"/>
    </row>
    <row r="41790" spans="8:8">
      <c r="H41790" s="12"/>
    </row>
    <row r="41791" spans="8:8">
      <c r="H41791" s="12"/>
    </row>
    <row r="41792" spans="8:8">
      <c r="H41792" s="12"/>
    </row>
    <row r="41793" spans="8:8">
      <c r="H41793" s="12"/>
    </row>
    <row r="41794" spans="8:8">
      <c r="H41794" s="12"/>
    </row>
    <row r="41795" spans="8:8">
      <c r="H41795" s="12"/>
    </row>
    <row r="41796" spans="8:8">
      <c r="H41796" s="12"/>
    </row>
    <row r="41797" spans="8:8">
      <c r="H41797" s="12"/>
    </row>
    <row r="41798" spans="8:8">
      <c r="H41798" s="12"/>
    </row>
    <row r="41799" spans="8:8">
      <c r="H41799" s="12"/>
    </row>
    <row r="41800" spans="8:8">
      <c r="H41800" s="12"/>
    </row>
    <row r="41801" spans="8:8">
      <c r="H41801" s="12"/>
    </row>
    <row r="41802" spans="8:8">
      <c r="H41802" s="12"/>
    </row>
    <row r="41803" spans="8:8">
      <c r="H41803" s="12"/>
    </row>
    <row r="41804" spans="8:8">
      <c r="H41804" s="12"/>
    </row>
    <row r="41805" spans="8:8">
      <c r="H41805" s="12"/>
    </row>
    <row r="41806" spans="8:8">
      <c r="H41806" s="12"/>
    </row>
    <row r="41807" spans="8:8">
      <c r="H41807" s="12"/>
    </row>
    <row r="41808" spans="8:8">
      <c r="H41808" s="12"/>
    </row>
    <row r="41809" spans="8:8">
      <c r="H41809" s="12"/>
    </row>
    <row r="41810" spans="8:8">
      <c r="H41810" s="12"/>
    </row>
    <row r="41811" spans="8:8">
      <c r="H41811" s="12"/>
    </row>
    <row r="41812" spans="8:8">
      <c r="H41812" s="12"/>
    </row>
    <row r="41813" spans="8:8">
      <c r="H41813" s="12"/>
    </row>
    <row r="41814" spans="8:8">
      <c r="H41814" s="12"/>
    </row>
    <row r="41815" spans="8:8">
      <c r="H41815" s="12"/>
    </row>
    <row r="41816" spans="8:8">
      <c r="H41816" s="12"/>
    </row>
    <row r="41817" spans="8:8">
      <c r="H41817" s="12"/>
    </row>
    <row r="41818" spans="8:8">
      <c r="H41818" s="12"/>
    </row>
    <row r="41819" spans="8:8">
      <c r="H41819" s="12"/>
    </row>
    <row r="41820" spans="8:8">
      <c r="H41820" s="12"/>
    </row>
    <row r="41821" spans="8:8">
      <c r="H41821" s="12"/>
    </row>
    <row r="41822" spans="8:8">
      <c r="H41822" s="12"/>
    </row>
    <row r="41823" spans="8:8">
      <c r="H41823" s="12"/>
    </row>
    <row r="41824" spans="8:8">
      <c r="H41824" s="12"/>
    </row>
    <row r="41825" spans="8:8">
      <c r="H41825" s="12"/>
    </row>
    <row r="41826" spans="8:8">
      <c r="H41826" s="12"/>
    </row>
    <row r="41827" spans="8:8">
      <c r="H41827" s="12"/>
    </row>
    <row r="41828" spans="8:8">
      <c r="H41828" s="12"/>
    </row>
    <row r="41829" spans="8:8">
      <c r="H41829" s="12"/>
    </row>
    <row r="41830" spans="8:8">
      <c r="H41830" s="12"/>
    </row>
    <row r="41831" spans="8:8">
      <c r="H41831" s="12"/>
    </row>
    <row r="41832" spans="8:8">
      <c r="H41832" s="12"/>
    </row>
    <row r="41833" spans="8:8">
      <c r="H41833" s="12"/>
    </row>
    <row r="41834" spans="8:8">
      <c r="H41834" s="12"/>
    </row>
    <row r="41835" spans="8:8">
      <c r="H41835" s="12"/>
    </row>
    <row r="41836" spans="8:8">
      <c r="H41836" s="12"/>
    </row>
    <row r="41837" spans="8:8">
      <c r="H41837" s="12"/>
    </row>
    <row r="41838" spans="8:8">
      <c r="H41838" s="12"/>
    </row>
    <row r="41839" spans="8:8">
      <c r="H41839" s="12"/>
    </row>
    <row r="41840" spans="8:8">
      <c r="H41840" s="12"/>
    </row>
    <row r="41841" spans="8:8">
      <c r="H41841" s="12"/>
    </row>
    <row r="41842" spans="8:8">
      <c r="H41842" s="12"/>
    </row>
    <row r="41843" spans="8:8">
      <c r="H41843" s="12"/>
    </row>
    <row r="41844" spans="8:8">
      <c r="H41844" s="12"/>
    </row>
    <row r="41845" spans="8:8">
      <c r="H41845" s="12"/>
    </row>
    <row r="41846" spans="8:8">
      <c r="H41846" s="12"/>
    </row>
    <row r="41847" spans="8:8">
      <c r="H41847" s="12"/>
    </row>
    <row r="41848" spans="8:8">
      <c r="H41848" s="12"/>
    </row>
    <row r="41849" spans="8:8">
      <c r="H41849" s="12"/>
    </row>
    <row r="41850" spans="8:8">
      <c r="H41850" s="12"/>
    </row>
    <row r="41851" spans="8:8">
      <c r="H41851" s="12"/>
    </row>
    <row r="41852" spans="8:8">
      <c r="H41852" s="12"/>
    </row>
    <row r="41853" spans="8:8">
      <c r="H41853" s="12"/>
    </row>
    <row r="41854" spans="8:8">
      <c r="H41854" s="12"/>
    </row>
    <row r="41855" spans="8:8">
      <c r="H41855" s="12"/>
    </row>
    <row r="41856" spans="8:8">
      <c r="H41856" s="12"/>
    </row>
    <row r="41857" spans="8:8">
      <c r="H41857" s="12"/>
    </row>
    <row r="41858" spans="8:8">
      <c r="H41858" s="12"/>
    </row>
    <row r="41859" spans="8:8">
      <c r="H41859" s="12"/>
    </row>
    <row r="41860" spans="8:8">
      <c r="H41860" s="12"/>
    </row>
    <row r="41861" spans="8:8">
      <c r="H41861" s="12"/>
    </row>
    <row r="41862" spans="8:8">
      <c r="H41862" s="12"/>
    </row>
    <row r="41863" spans="8:8">
      <c r="H41863" s="12"/>
    </row>
    <row r="41864" spans="8:8">
      <c r="H41864" s="12"/>
    </row>
    <row r="41865" spans="8:8">
      <c r="H41865" s="12"/>
    </row>
    <row r="41866" spans="8:8">
      <c r="H41866" s="12"/>
    </row>
    <row r="41867" spans="8:8">
      <c r="H41867" s="12"/>
    </row>
    <row r="41868" spans="8:8">
      <c r="H41868" s="12"/>
    </row>
    <row r="41869" spans="8:8">
      <c r="H41869" s="12"/>
    </row>
    <row r="41870" spans="8:8">
      <c r="H41870" s="12"/>
    </row>
    <row r="41871" spans="8:8">
      <c r="H41871" s="12"/>
    </row>
    <row r="41872" spans="8:8">
      <c r="H41872" s="12"/>
    </row>
    <row r="41873" spans="8:8">
      <c r="H41873" s="12"/>
    </row>
    <row r="41874" spans="8:8">
      <c r="H41874" s="12"/>
    </row>
    <row r="41875" spans="8:8">
      <c r="H41875" s="12"/>
    </row>
    <row r="41876" spans="8:8">
      <c r="H41876" s="12"/>
    </row>
    <row r="41877" spans="8:8">
      <c r="H41877" s="12"/>
    </row>
    <row r="41878" spans="8:8">
      <c r="H41878" s="12"/>
    </row>
    <row r="41879" spans="8:8">
      <c r="H41879" s="12"/>
    </row>
    <row r="41880" spans="8:8">
      <c r="H41880" s="12"/>
    </row>
    <row r="41881" spans="8:8">
      <c r="H41881" s="12"/>
    </row>
    <row r="41882" spans="8:8">
      <c r="H41882" s="12"/>
    </row>
    <row r="41883" spans="8:8">
      <c r="H41883" s="12"/>
    </row>
    <row r="41884" spans="8:8">
      <c r="H41884" s="12"/>
    </row>
    <row r="41885" spans="8:8">
      <c r="H41885" s="12"/>
    </row>
    <row r="41886" spans="8:8">
      <c r="H41886" s="12"/>
    </row>
    <row r="41887" spans="8:8">
      <c r="H41887" s="12"/>
    </row>
    <row r="41888" spans="8:8">
      <c r="H41888" s="12"/>
    </row>
    <row r="41889" spans="8:8">
      <c r="H41889" s="12"/>
    </row>
    <row r="41890" spans="8:8">
      <c r="H41890" s="12"/>
    </row>
    <row r="41891" spans="8:8">
      <c r="H41891" s="12"/>
    </row>
    <row r="41892" spans="8:8">
      <c r="H41892" s="12"/>
    </row>
    <row r="41893" spans="8:8">
      <c r="H41893" s="12"/>
    </row>
    <row r="41894" spans="8:8">
      <c r="H41894" s="12"/>
    </row>
    <row r="41895" spans="8:8">
      <c r="H41895" s="12"/>
    </row>
    <row r="41896" spans="8:8">
      <c r="H41896" s="12"/>
    </row>
    <row r="41897" spans="8:8">
      <c r="H41897" s="12"/>
    </row>
    <row r="41898" spans="8:8">
      <c r="H41898" s="12"/>
    </row>
    <row r="41899" spans="8:8">
      <c r="H41899" s="12"/>
    </row>
    <row r="41900" spans="8:8">
      <c r="H41900" s="12"/>
    </row>
    <row r="41901" spans="8:8">
      <c r="H41901" s="12"/>
    </row>
    <row r="41902" spans="8:8">
      <c r="H41902" s="12"/>
    </row>
    <row r="41903" spans="8:8">
      <c r="H41903" s="12"/>
    </row>
    <row r="41904" spans="8:8">
      <c r="H41904" s="12"/>
    </row>
    <row r="41905" spans="8:8">
      <c r="H41905" s="12"/>
    </row>
    <row r="41906" spans="8:8">
      <c r="H41906" s="12"/>
    </row>
    <row r="41907" spans="8:8">
      <c r="H41907" s="12"/>
    </row>
    <row r="41908" spans="8:8">
      <c r="H41908" s="12"/>
    </row>
    <row r="41909" spans="8:8">
      <c r="H41909" s="12"/>
    </row>
    <row r="41910" spans="8:8">
      <c r="H41910" s="12"/>
    </row>
    <row r="41911" spans="8:8">
      <c r="H41911" s="12"/>
    </row>
    <row r="41912" spans="8:8">
      <c r="H41912" s="12"/>
    </row>
    <row r="41913" spans="8:8">
      <c r="H41913" s="12"/>
    </row>
    <row r="41914" spans="8:8">
      <c r="H41914" s="12"/>
    </row>
    <row r="41915" spans="8:8">
      <c r="H41915" s="12"/>
    </row>
    <row r="41916" spans="8:8">
      <c r="H41916" s="12"/>
    </row>
    <row r="41917" spans="8:8">
      <c r="H41917" s="12"/>
    </row>
    <row r="41918" spans="8:8">
      <c r="H41918" s="12"/>
    </row>
    <row r="41919" spans="8:8">
      <c r="H41919" s="12"/>
    </row>
    <row r="41920" spans="8:8">
      <c r="H41920" s="12"/>
    </row>
    <row r="41921" spans="8:8">
      <c r="H41921" s="12"/>
    </row>
    <row r="41922" spans="8:8">
      <c r="H41922" s="12"/>
    </row>
    <row r="41923" spans="8:8">
      <c r="H41923" s="12"/>
    </row>
    <row r="41924" spans="8:8">
      <c r="H41924" s="12"/>
    </row>
    <row r="41925" spans="8:8">
      <c r="H41925" s="12"/>
    </row>
    <row r="41926" spans="8:8">
      <c r="H41926" s="12"/>
    </row>
    <row r="41927" spans="8:8">
      <c r="H41927" s="12"/>
    </row>
    <row r="41928" spans="8:8">
      <c r="H41928" s="12"/>
    </row>
    <row r="41929" spans="8:8">
      <c r="H41929" s="12"/>
    </row>
    <row r="41930" spans="8:8">
      <c r="H41930" s="12"/>
    </row>
    <row r="41931" spans="8:8">
      <c r="H41931" s="12"/>
    </row>
    <row r="41932" spans="8:8">
      <c r="H41932" s="12"/>
    </row>
    <row r="41933" spans="8:8">
      <c r="H41933" s="12"/>
    </row>
    <row r="41934" spans="8:8">
      <c r="H41934" s="12"/>
    </row>
    <row r="41935" spans="8:8">
      <c r="H41935" s="12"/>
    </row>
    <row r="41936" spans="8:8">
      <c r="H41936" s="12"/>
    </row>
    <row r="41937" spans="8:8">
      <c r="H41937" s="12"/>
    </row>
    <row r="41938" spans="8:8">
      <c r="H41938" s="12"/>
    </row>
    <row r="41939" spans="8:8">
      <c r="H41939" s="12"/>
    </row>
    <row r="41940" spans="8:8">
      <c r="H41940" s="12"/>
    </row>
    <row r="41941" spans="8:8">
      <c r="H41941" s="12"/>
    </row>
    <row r="41942" spans="8:8">
      <c r="H41942" s="12"/>
    </row>
    <row r="41943" spans="8:8">
      <c r="H41943" s="12"/>
    </row>
    <row r="41944" spans="8:8">
      <c r="H41944" s="12"/>
    </row>
    <row r="41945" spans="8:8">
      <c r="H41945" s="12"/>
    </row>
    <row r="41946" spans="8:8">
      <c r="H41946" s="12"/>
    </row>
    <row r="41947" spans="8:8">
      <c r="H41947" s="12"/>
    </row>
    <row r="41948" spans="8:8">
      <c r="H41948" s="12"/>
    </row>
    <row r="41949" spans="8:8">
      <c r="H41949" s="12"/>
    </row>
    <row r="41950" spans="8:8">
      <c r="H41950" s="12"/>
    </row>
    <row r="41951" spans="8:8">
      <c r="H41951" s="12"/>
    </row>
    <row r="41952" spans="8:8">
      <c r="H41952" s="12"/>
    </row>
    <row r="41953" spans="8:8">
      <c r="H41953" s="12"/>
    </row>
    <row r="41954" spans="8:8">
      <c r="H41954" s="12"/>
    </row>
    <row r="41955" spans="8:8">
      <c r="H41955" s="12"/>
    </row>
    <row r="41956" spans="8:8">
      <c r="H41956" s="12"/>
    </row>
    <row r="41957" spans="8:8">
      <c r="H41957" s="12"/>
    </row>
    <row r="41958" spans="8:8">
      <c r="H41958" s="12"/>
    </row>
    <row r="41959" spans="8:8">
      <c r="H41959" s="12"/>
    </row>
    <row r="41960" spans="8:8">
      <c r="H41960" s="12"/>
    </row>
    <row r="41961" spans="8:8">
      <c r="H41961" s="12"/>
    </row>
    <row r="41962" spans="8:8">
      <c r="H41962" s="12"/>
    </row>
    <row r="41963" spans="8:8">
      <c r="H41963" s="12"/>
    </row>
    <row r="41964" spans="8:8">
      <c r="H41964" s="12"/>
    </row>
    <row r="41965" spans="8:8">
      <c r="H41965" s="12"/>
    </row>
    <row r="41966" spans="8:8">
      <c r="H41966" s="12"/>
    </row>
    <row r="41967" spans="8:8">
      <c r="H41967" s="12"/>
    </row>
    <row r="41968" spans="8:8">
      <c r="H41968" s="12"/>
    </row>
    <row r="41969" spans="8:8">
      <c r="H41969" s="12"/>
    </row>
    <row r="41970" spans="8:8">
      <c r="H41970" s="12"/>
    </row>
    <row r="41971" spans="8:8">
      <c r="H41971" s="12"/>
    </row>
    <row r="41972" spans="8:8">
      <c r="H41972" s="12"/>
    </row>
    <row r="41973" spans="8:8">
      <c r="H41973" s="12"/>
    </row>
    <row r="41974" spans="8:8">
      <c r="H41974" s="12"/>
    </row>
    <row r="41975" spans="8:8">
      <c r="H41975" s="12"/>
    </row>
    <row r="41976" spans="8:8">
      <c r="H41976" s="12"/>
    </row>
    <row r="41977" spans="8:8">
      <c r="H41977" s="12"/>
    </row>
    <row r="41978" spans="8:8">
      <c r="H41978" s="12"/>
    </row>
    <row r="41979" spans="8:8">
      <c r="H41979" s="12"/>
    </row>
    <row r="41980" spans="8:8">
      <c r="H41980" s="12"/>
    </row>
    <row r="41981" spans="8:8">
      <c r="H41981" s="12"/>
    </row>
    <row r="41982" spans="8:8">
      <c r="H41982" s="12"/>
    </row>
    <row r="41983" spans="8:8">
      <c r="H41983" s="12"/>
    </row>
    <row r="41984" spans="8:8">
      <c r="H41984" s="12"/>
    </row>
    <row r="41985" spans="8:8">
      <c r="H41985" s="12"/>
    </row>
    <row r="41986" spans="8:8">
      <c r="H41986" s="12"/>
    </row>
    <row r="41987" spans="8:8">
      <c r="H41987" s="12"/>
    </row>
    <row r="41988" spans="8:8">
      <c r="H41988" s="12"/>
    </row>
    <row r="41989" spans="8:8">
      <c r="H41989" s="12"/>
    </row>
    <row r="41990" spans="8:8">
      <c r="H41990" s="12"/>
    </row>
    <row r="41991" spans="8:8">
      <c r="H41991" s="12"/>
    </row>
    <row r="41992" spans="8:8">
      <c r="H41992" s="12"/>
    </row>
    <row r="41993" spans="8:8">
      <c r="H41993" s="12"/>
    </row>
    <row r="41994" spans="8:8">
      <c r="H41994" s="12"/>
    </row>
    <row r="41995" spans="8:8">
      <c r="H41995" s="12"/>
    </row>
    <row r="41996" spans="8:8">
      <c r="H41996" s="12"/>
    </row>
    <row r="41997" spans="8:8">
      <c r="H41997" s="12"/>
    </row>
    <row r="41998" spans="8:8">
      <c r="H41998" s="12"/>
    </row>
    <row r="41999" spans="8:8">
      <c r="H41999" s="12"/>
    </row>
    <row r="42000" spans="8:8">
      <c r="H42000" s="12"/>
    </row>
    <row r="42001" spans="8:8">
      <c r="H42001" s="12"/>
    </row>
    <row r="42002" spans="8:8">
      <c r="H42002" s="12"/>
    </row>
    <row r="42003" spans="8:8">
      <c r="H42003" s="12"/>
    </row>
    <row r="42004" spans="8:8">
      <c r="H42004" s="12"/>
    </row>
    <row r="42005" spans="8:8">
      <c r="H42005" s="12"/>
    </row>
    <row r="42006" spans="8:8">
      <c r="H42006" s="12"/>
    </row>
    <row r="42007" spans="8:8">
      <c r="H42007" s="12"/>
    </row>
    <row r="42008" spans="8:8">
      <c r="H42008" s="12"/>
    </row>
    <row r="42009" spans="8:8">
      <c r="H42009" s="12"/>
    </row>
    <row r="42010" spans="8:8">
      <c r="H42010" s="12"/>
    </row>
    <row r="42011" spans="8:8">
      <c r="H42011" s="12"/>
    </row>
    <row r="42012" spans="8:8">
      <c r="H42012" s="12"/>
    </row>
    <row r="42013" spans="8:8">
      <c r="H42013" s="12"/>
    </row>
    <row r="42014" spans="8:8">
      <c r="H42014" s="12"/>
    </row>
    <row r="42015" spans="8:8">
      <c r="H42015" s="12"/>
    </row>
    <row r="42016" spans="8:8">
      <c r="H42016" s="12"/>
    </row>
    <row r="42017" spans="8:8">
      <c r="H42017" s="12"/>
    </row>
    <row r="42018" spans="8:8">
      <c r="H42018" s="12"/>
    </row>
    <row r="42019" spans="8:8">
      <c r="H42019" s="12"/>
    </row>
    <row r="42020" spans="8:8">
      <c r="H42020" s="12"/>
    </row>
    <row r="42021" spans="8:8">
      <c r="H42021" s="12"/>
    </row>
    <row r="42022" spans="8:8">
      <c r="H42022" s="12"/>
    </row>
    <row r="42023" spans="8:8">
      <c r="H42023" s="12"/>
    </row>
    <row r="42024" spans="8:8">
      <c r="H42024" s="12"/>
    </row>
    <row r="42025" spans="8:8">
      <c r="H42025" s="12"/>
    </row>
    <row r="42026" spans="8:8">
      <c r="H42026" s="12"/>
    </row>
    <row r="42027" spans="8:8">
      <c r="H42027" s="12"/>
    </row>
    <row r="42028" spans="8:8">
      <c r="H42028" s="12"/>
    </row>
    <row r="42029" spans="8:8">
      <c r="H42029" s="12"/>
    </row>
    <row r="42030" spans="8:8">
      <c r="H42030" s="12"/>
    </row>
    <row r="42031" spans="8:8">
      <c r="H42031" s="12"/>
    </row>
    <row r="42032" spans="8:8">
      <c r="H42032" s="12"/>
    </row>
    <row r="42033" spans="8:8">
      <c r="H42033" s="12"/>
    </row>
    <row r="42034" spans="8:8">
      <c r="H42034" s="12"/>
    </row>
    <row r="42035" spans="8:8">
      <c r="H42035" s="12"/>
    </row>
    <row r="42036" spans="8:8">
      <c r="H42036" s="12"/>
    </row>
    <row r="42037" spans="8:8">
      <c r="H42037" s="12"/>
    </row>
    <row r="42038" spans="8:8">
      <c r="H42038" s="12"/>
    </row>
    <row r="42039" spans="8:8">
      <c r="H42039" s="12"/>
    </row>
    <row r="42040" spans="8:8">
      <c r="H42040" s="12"/>
    </row>
    <row r="42041" spans="8:8">
      <c r="H42041" s="12"/>
    </row>
    <row r="42042" spans="8:8">
      <c r="H42042" s="12"/>
    </row>
    <row r="42043" spans="8:8">
      <c r="H42043" s="12"/>
    </row>
    <row r="42044" spans="8:8">
      <c r="H42044" s="12"/>
    </row>
    <row r="42045" spans="8:8">
      <c r="H42045" s="12"/>
    </row>
    <row r="42046" spans="8:8">
      <c r="H42046" s="12"/>
    </row>
    <row r="42047" spans="8:8">
      <c r="H42047" s="12"/>
    </row>
    <row r="42048" spans="8:8">
      <c r="H42048" s="12"/>
    </row>
    <row r="42049" spans="8:8">
      <c r="H42049" s="12"/>
    </row>
    <row r="42050" spans="8:8">
      <c r="H42050" s="12"/>
    </row>
    <row r="42051" spans="8:8">
      <c r="H42051" s="12"/>
    </row>
    <row r="42052" spans="8:8">
      <c r="H42052" s="12"/>
    </row>
    <row r="42053" spans="8:8">
      <c r="H42053" s="12"/>
    </row>
    <row r="42054" spans="8:8">
      <c r="H42054" s="12"/>
    </row>
    <row r="42055" spans="8:8">
      <c r="H42055" s="12"/>
    </row>
    <row r="42056" spans="8:8">
      <c r="H42056" s="12"/>
    </row>
    <row r="42057" spans="8:8">
      <c r="H42057" s="12"/>
    </row>
    <row r="42058" spans="8:8">
      <c r="H42058" s="12"/>
    </row>
    <row r="42059" spans="8:8">
      <c r="H42059" s="12"/>
    </row>
    <row r="42060" spans="8:8">
      <c r="H42060" s="12"/>
    </row>
    <row r="42061" spans="8:8">
      <c r="H42061" s="12"/>
    </row>
    <row r="42062" spans="8:8">
      <c r="H42062" s="12"/>
    </row>
    <row r="42063" spans="8:8">
      <c r="H42063" s="12"/>
    </row>
    <row r="42064" spans="8:8">
      <c r="H42064" s="12"/>
    </row>
    <row r="42065" spans="8:8">
      <c r="H42065" s="12"/>
    </row>
    <row r="42066" spans="8:8">
      <c r="H42066" s="12"/>
    </row>
    <row r="42067" spans="8:8">
      <c r="H42067" s="12"/>
    </row>
    <row r="42068" spans="8:8">
      <c r="H42068" s="12"/>
    </row>
    <row r="42069" spans="8:8">
      <c r="H42069" s="12"/>
    </row>
    <row r="42070" spans="8:8">
      <c r="H42070" s="12"/>
    </row>
    <row r="42071" spans="8:8">
      <c r="H42071" s="12"/>
    </row>
    <row r="42072" spans="8:8">
      <c r="H42072" s="12"/>
    </row>
    <row r="42073" spans="8:8">
      <c r="H42073" s="12"/>
    </row>
    <row r="42074" spans="8:8">
      <c r="H42074" s="12"/>
    </row>
    <row r="42075" spans="8:8">
      <c r="H42075" s="12"/>
    </row>
    <row r="42076" spans="8:8">
      <c r="H42076" s="12"/>
    </row>
    <row r="42077" spans="8:8">
      <c r="H42077" s="12"/>
    </row>
    <row r="42078" spans="8:8">
      <c r="H42078" s="12"/>
    </row>
    <row r="42079" spans="8:8">
      <c r="H42079" s="12"/>
    </row>
    <row r="42080" spans="8:8">
      <c r="H42080" s="12"/>
    </row>
    <row r="42081" spans="8:8">
      <c r="H42081" s="12"/>
    </row>
    <row r="42082" spans="8:8">
      <c r="H42082" s="12"/>
    </row>
    <row r="42083" spans="8:8">
      <c r="H42083" s="12"/>
    </row>
    <row r="42084" spans="8:8">
      <c r="H42084" s="12"/>
    </row>
    <row r="42085" spans="8:8">
      <c r="H42085" s="12"/>
    </row>
    <row r="42086" spans="8:8">
      <c r="H42086" s="12"/>
    </row>
    <row r="42087" spans="8:8">
      <c r="H42087" s="12"/>
    </row>
    <row r="42088" spans="8:8">
      <c r="H42088" s="12"/>
    </row>
    <row r="42089" spans="8:8">
      <c r="H42089" s="12"/>
    </row>
    <row r="42090" spans="8:8">
      <c r="H42090" s="12"/>
    </row>
    <row r="42091" spans="8:8">
      <c r="H42091" s="12"/>
    </row>
    <row r="42092" spans="8:8">
      <c r="H42092" s="12"/>
    </row>
    <row r="42093" spans="8:8">
      <c r="H42093" s="12"/>
    </row>
    <row r="42094" spans="8:8">
      <c r="H42094" s="12"/>
    </row>
    <row r="42095" spans="8:8">
      <c r="H42095" s="12"/>
    </row>
    <row r="42096" spans="8:8">
      <c r="H42096" s="12"/>
    </row>
    <row r="42097" spans="8:8">
      <c r="H42097" s="12"/>
    </row>
    <row r="42098" spans="8:8">
      <c r="H42098" s="12"/>
    </row>
    <row r="42099" spans="8:8">
      <c r="H42099" s="12"/>
    </row>
    <row r="42100" spans="8:8">
      <c r="H42100" s="12"/>
    </row>
    <row r="42101" spans="8:8">
      <c r="H42101" s="12"/>
    </row>
    <row r="42102" spans="8:8">
      <c r="H42102" s="12"/>
    </row>
    <row r="42103" spans="8:8">
      <c r="H42103" s="12"/>
    </row>
    <row r="42104" spans="8:8">
      <c r="H42104" s="12"/>
    </row>
    <row r="42105" spans="8:8">
      <c r="H42105" s="12"/>
    </row>
    <row r="42106" spans="8:8">
      <c r="H42106" s="12"/>
    </row>
    <row r="42107" spans="8:8">
      <c r="H42107" s="12"/>
    </row>
    <row r="42108" spans="8:8">
      <c r="H42108" s="12"/>
    </row>
    <row r="42109" spans="8:8">
      <c r="H42109" s="12"/>
    </row>
    <row r="42110" spans="8:8">
      <c r="H42110" s="12"/>
    </row>
    <row r="42111" spans="8:8">
      <c r="H42111" s="12"/>
    </row>
    <row r="42112" spans="8:8">
      <c r="H42112" s="12"/>
    </row>
    <row r="42113" spans="8:8">
      <c r="H42113" s="12"/>
    </row>
    <row r="42114" spans="8:8">
      <c r="H42114" s="12"/>
    </row>
    <row r="42115" spans="8:8">
      <c r="H42115" s="12"/>
    </row>
    <row r="42116" spans="8:8">
      <c r="H42116" s="12"/>
    </row>
    <row r="42117" spans="8:8">
      <c r="H42117" s="12"/>
    </row>
    <row r="42118" spans="8:8">
      <c r="H42118" s="12"/>
    </row>
    <row r="42119" spans="8:8">
      <c r="H42119" s="12"/>
    </row>
    <row r="42120" spans="8:8">
      <c r="H42120" s="12"/>
    </row>
    <row r="42121" spans="8:8">
      <c r="H42121" s="12"/>
    </row>
    <row r="42122" spans="8:8">
      <c r="H42122" s="12"/>
    </row>
    <row r="42123" spans="8:8">
      <c r="H42123" s="12"/>
    </row>
    <row r="42124" spans="8:8">
      <c r="H42124" s="12"/>
    </row>
    <row r="42125" spans="8:8">
      <c r="H42125" s="12"/>
    </row>
    <row r="42126" spans="8:8">
      <c r="H42126" s="12"/>
    </row>
    <row r="42127" spans="8:8">
      <c r="H42127" s="12"/>
    </row>
    <row r="42128" spans="8:8">
      <c r="H42128" s="12"/>
    </row>
    <row r="42129" spans="8:8">
      <c r="H42129" s="12"/>
    </row>
    <row r="42130" spans="8:8">
      <c r="H42130" s="12"/>
    </row>
    <row r="42131" spans="8:8">
      <c r="H42131" s="12"/>
    </row>
    <row r="42132" spans="8:8">
      <c r="H42132" s="12"/>
    </row>
    <row r="42133" spans="8:8">
      <c r="H42133" s="12"/>
    </row>
    <row r="42134" spans="8:8">
      <c r="H42134" s="12"/>
    </row>
    <row r="42135" spans="8:8">
      <c r="H42135" s="12"/>
    </row>
    <row r="42136" spans="8:8">
      <c r="H42136" s="12"/>
    </row>
    <row r="42137" spans="8:8">
      <c r="H42137" s="12"/>
    </row>
    <row r="42138" spans="8:8">
      <c r="H42138" s="12"/>
    </row>
    <row r="42139" spans="8:8">
      <c r="H42139" s="12"/>
    </row>
    <row r="42140" spans="8:8">
      <c r="H42140" s="12"/>
    </row>
    <row r="42141" spans="8:8">
      <c r="H42141" s="12"/>
    </row>
    <row r="42142" spans="8:8">
      <c r="H42142" s="12"/>
    </row>
    <row r="42143" spans="8:8">
      <c r="H42143" s="12"/>
    </row>
    <row r="42144" spans="8:8">
      <c r="H42144" s="12"/>
    </row>
    <row r="42145" spans="8:8">
      <c r="H42145" s="12"/>
    </row>
    <row r="42146" spans="8:8">
      <c r="H42146" s="12"/>
    </row>
    <row r="42147" spans="8:8">
      <c r="H42147" s="12"/>
    </row>
    <row r="42148" spans="8:8">
      <c r="H42148" s="12"/>
    </row>
    <row r="42149" spans="8:8">
      <c r="H42149" s="12"/>
    </row>
    <row r="42150" spans="8:8">
      <c r="H42150" s="12"/>
    </row>
    <row r="42151" spans="8:8">
      <c r="H42151" s="12"/>
    </row>
    <row r="42152" spans="8:8">
      <c r="H42152" s="12"/>
    </row>
    <row r="42153" spans="8:8">
      <c r="H42153" s="12"/>
    </row>
    <row r="42154" spans="8:8">
      <c r="H42154" s="12"/>
    </row>
    <row r="42155" spans="8:8">
      <c r="H42155" s="12"/>
    </row>
    <row r="42156" spans="8:8">
      <c r="H42156" s="12"/>
    </row>
    <row r="42157" spans="8:8">
      <c r="H42157" s="12"/>
    </row>
    <row r="42158" spans="8:8">
      <c r="H42158" s="12"/>
    </row>
    <row r="42159" spans="8:8">
      <c r="H42159" s="12"/>
    </row>
    <row r="42160" spans="8:8">
      <c r="H42160" s="12"/>
    </row>
    <row r="42161" spans="8:8">
      <c r="H42161" s="12"/>
    </row>
    <row r="42162" spans="8:8">
      <c r="H42162" s="12"/>
    </row>
    <row r="42163" spans="8:8">
      <c r="H42163" s="12"/>
    </row>
    <row r="42164" spans="8:8">
      <c r="H42164" s="12"/>
    </row>
    <row r="42165" spans="8:8">
      <c r="H42165" s="12"/>
    </row>
    <row r="42166" spans="8:8">
      <c r="H42166" s="12"/>
    </row>
    <row r="42167" spans="8:8">
      <c r="H42167" s="12"/>
    </row>
    <row r="42168" spans="8:8">
      <c r="H42168" s="12"/>
    </row>
    <row r="42169" spans="8:8">
      <c r="H42169" s="12"/>
    </row>
    <row r="42170" spans="8:8">
      <c r="H42170" s="12"/>
    </row>
    <row r="42171" spans="8:8">
      <c r="H42171" s="12"/>
    </row>
    <row r="42172" spans="8:8">
      <c r="H42172" s="12"/>
    </row>
    <row r="42173" spans="8:8">
      <c r="H42173" s="12"/>
    </row>
    <row r="42174" spans="8:8">
      <c r="H42174" s="12"/>
    </row>
    <row r="42175" spans="8:8">
      <c r="H42175" s="12"/>
    </row>
    <row r="42176" spans="8:8">
      <c r="H42176" s="12"/>
    </row>
    <row r="42177" spans="8:8">
      <c r="H42177" s="12"/>
    </row>
    <row r="42178" spans="8:8">
      <c r="H42178" s="12"/>
    </row>
    <row r="42179" spans="8:8">
      <c r="H42179" s="12"/>
    </row>
    <row r="42180" spans="8:8">
      <c r="H42180" s="12"/>
    </row>
    <row r="42181" spans="8:8">
      <c r="H42181" s="12"/>
    </row>
    <row r="42182" spans="8:8">
      <c r="H42182" s="12"/>
    </row>
    <row r="42183" spans="8:8">
      <c r="H42183" s="12"/>
    </row>
    <row r="42184" spans="8:8">
      <c r="H42184" s="12"/>
    </row>
    <row r="42185" spans="8:8">
      <c r="H42185" s="12"/>
    </row>
    <row r="42186" spans="8:8">
      <c r="H42186" s="12"/>
    </row>
    <row r="42187" spans="8:8">
      <c r="H42187" s="12"/>
    </row>
    <row r="42188" spans="8:8">
      <c r="H42188" s="12"/>
    </row>
    <row r="42189" spans="8:8">
      <c r="H42189" s="12"/>
    </row>
    <row r="42190" spans="8:8">
      <c r="H42190" s="12"/>
    </row>
    <row r="42191" spans="8:8">
      <c r="H42191" s="12"/>
    </row>
    <row r="42192" spans="8:8">
      <c r="H42192" s="12"/>
    </row>
    <row r="42193" spans="8:8">
      <c r="H42193" s="12"/>
    </row>
    <row r="42194" spans="8:8">
      <c r="H42194" s="12"/>
    </row>
    <row r="42195" spans="8:8">
      <c r="H42195" s="12"/>
    </row>
    <row r="42196" spans="8:8">
      <c r="H42196" s="12"/>
    </row>
    <row r="42197" spans="8:8">
      <c r="H42197" s="12"/>
    </row>
    <row r="42198" spans="8:8">
      <c r="H42198" s="12"/>
    </row>
    <row r="42199" spans="8:8">
      <c r="H42199" s="12"/>
    </row>
    <row r="42200" spans="8:8">
      <c r="H42200" s="12"/>
    </row>
    <row r="42201" spans="8:8">
      <c r="H42201" s="12"/>
    </row>
    <row r="42202" spans="8:8">
      <c r="H42202" s="12"/>
    </row>
    <row r="42203" spans="8:8">
      <c r="H42203" s="12"/>
    </row>
    <row r="42204" spans="8:8">
      <c r="H42204" s="12"/>
    </row>
    <row r="42205" spans="8:8">
      <c r="H42205" s="12"/>
    </row>
    <row r="42206" spans="8:8">
      <c r="H42206" s="12"/>
    </row>
    <row r="42207" spans="8:8">
      <c r="H42207" s="12"/>
    </row>
    <row r="42208" spans="8:8">
      <c r="H42208" s="12"/>
    </row>
    <row r="42209" spans="8:8">
      <c r="H42209" s="12"/>
    </row>
    <row r="42210" spans="8:8">
      <c r="H42210" s="12"/>
    </row>
    <row r="42211" spans="8:8">
      <c r="H42211" s="12"/>
    </row>
    <row r="42212" spans="8:8">
      <c r="H42212" s="12"/>
    </row>
    <row r="42213" spans="8:8">
      <c r="H42213" s="12"/>
    </row>
    <row r="42214" spans="8:8">
      <c r="H42214" s="12"/>
    </row>
    <row r="42215" spans="8:8">
      <c r="H42215" s="12"/>
    </row>
    <row r="42216" spans="8:8">
      <c r="H42216" s="12"/>
    </row>
    <row r="42217" spans="8:8">
      <c r="H42217" s="12"/>
    </row>
    <row r="42218" spans="8:8">
      <c r="H42218" s="12"/>
    </row>
    <row r="42219" spans="8:8">
      <c r="H42219" s="12"/>
    </row>
    <row r="42220" spans="8:8">
      <c r="H42220" s="12"/>
    </row>
    <row r="42221" spans="8:8">
      <c r="H42221" s="12"/>
    </row>
    <row r="42222" spans="8:8">
      <c r="H42222" s="12"/>
    </row>
    <row r="42223" spans="8:8">
      <c r="H42223" s="12"/>
    </row>
    <row r="42224" spans="8:8">
      <c r="H42224" s="12"/>
    </row>
    <row r="42225" spans="8:8">
      <c r="H42225" s="12"/>
    </row>
    <row r="42226" spans="8:8">
      <c r="H42226" s="12"/>
    </row>
    <row r="42227" spans="8:8">
      <c r="H42227" s="12"/>
    </row>
    <row r="42228" spans="8:8">
      <c r="H42228" s="12"/>
    </row>
    <row r="42229" spans="8:8">
      <c r="H42229" s="12"/>
    </row>
    <row r="42230" spans="8:8">
      <c r="H42230" s="12"/>
    </row>
    <row r="42231" spans="8:8">
      <c r="H42231" s="12"/>
    </row>
    <row r="42232" spans="8:8">
      <c r="H42232" s="12"/>
    </row>
    <row r="42233" spans="8:8">
      <c r="H42233" s="12"/>
    </row>
    <row r="42234" spans="8:8">
      <c r="H42234" s="12"/>
    </row>
    <row r="42235" spans="8:8">
      <c r="H42235" s="12"/>
    </row>
    <row r="42236" spans="8:8">
      <c r="H42236" s="12"/>
    </row>
    <row r="42237" spans="8:8">
      <c r="H42237" s="12"/>
    </row>
    <row r="42238" spans="8:8">
      <c r="H42238" s="12"/>
    </row>
    <row r="42239" spans="8:8">
      <c r="H42239" s="12"/>
    </row>
    <row r="42240" spans="8:8">
      <c r="H42240" s="12"/>
    </row>
    <row r="42241" spans="8:8">
      <c r="H42241" s="12"/>
    </row>
    <row r="42242" spans="8:8">
      <c r="H42242" s="12"/>
    </row>
    <row r="42243" spans="8:8">
      <c r="H42243" s="12"/>
    </row>
    <row r="42244" spans="8:8">
      <c r="H42244" s="12"/>
    </row>
    <row r="42245" spans="8:8">
      <c r="H42245" s="12"/>
    </row>
    <row r="42246" spans="8:8">
      <c r="H42246" s="12"/>
    </row>
    <row r="42247" spans="8:8">
      <c r="H42247" s="12"/>
    </row>
    <row r="42248" spans="8:8">
      <c r="H42248" s="12"/>
    </row>
    <row r="42249" spans="8:8">
      <c r="H42249" s="12"/>
    </row>
    <row r="42250" spans="8:8">
      <c r="H42250" s="12"/>
    </row>
    <row r="42251" spans="8:8">
      <c r="H42251" s="12"/>
    </row>
    <row r="42252" spans="8:8">
      <c r="H42252" s="12"/>
    </row>
    <row r="42253" spans="8:8">
      <c r="H42253" s="12"/>
    </row>
    <row r="42254" spans="8:8">
      <c r="H42254" s="12"/>
    </row>
    <row r="42255" spans="8:8">
      <c r="H42255" s="12"/>
    </row>
    <row r="42256" spans="8:8">
      <c r="H42256" s="12"/>
    </row>
    <row r="42257" spans="8:8">
      <c r="H42257" s="12"/>
    </row>
    <row r="42258" spans="8:8">
      <c r="H42258" s="12"/>
    </row>
    <row r="42259" spans="8:8">
      <c r="H42259" s="12"/>
    </row>
    <row r="42260" spans="8:8">
      <c r="H42260" s="12"/>
    </row>
    <row r="42261" spans="8:8">
      <c r="H42261" s="12"/>
    </row>
    <row r="42262" spans="8:8">
      <c r="H42262" s="12"/>
    </row>
    <row r="42263" spans="8:8">
      <c r="H42263" s="12"/>
    </row>
    <row r="42264" spans="8:8">
      <c r="H42264" s="12"/>
    </row>
    <row r="42265" spans="8:8">
      <c r="H42265" s="12"/>
    </row>
    <row r="42266" spans="8:8">
      <c r="H42266" s="12"/>
    </row>
    <row r="42267" spans="8:8">
      <c r="H42267" s="12"/>
    </row>
    <row r="42268" spans="8:8">
      <c r="H42268" s="12"/>
    </row>
    <row r="42269" spans="8:8">
      <c r="H42269" s="12"/>
    </row>
    <row r="42270" spans="8:8">
      <c r="H42270" s="12"/>
    </row>
    <row r="42271" spans="8:8">
      <c r="H42271" s="12"/>
    </row>
    <row r="42272" spans="8:8">
      <c r="H42272" s="12"/>
    </row>
    <row r="42273" spans="8:8">
      <c r="H42273" s="12"/>
    </row>
    <row r="42274" spans="8:8">
      <c r="H42274" s="12"/>
    </row>
    <row r="42275" spans="8:8">
      <c r="H42275" s="12"/>
    </row>
    <row r="42276" spans="8:8">
      <c r="H42276" s="12"/>
    </row>
    <row r="42277" spans="8:8">
      <c r="H42277" s="12"/>
    </row>
    <row r="42278" spans="8:8">
      <c r="H42278" s="12"/>
    </row>
    <row r="42279" spans="8:8">
      <c r="H42279" s="12"/>
    </row>
    <row r="42280" spans="8:8">
      <c r="H42280" s="12"/>
    </row>
    <row r="42281" spans="8:8">
      <c r="H42281" s="12"/>
    </row>
    <row r="42282" spans="8:8">
      <c r="H42282" s="12"/>
    </row>
    <row r="42283" spans="8:8">
      <c r="H42283" s="12"/>
    </row>
    <row r="42284" spans="8:8">
      <c r="H42284" s="12"/>
    </row>
    <row r="42285" spans="8:8">
      <c r="H42285" s="12"/>
    </row>
    <row r="42286" spans="8:8">
      <c r="H42286" s="12"/>
    </row>
    <row r="42287" spans="8:8">
      <c r="H42287" s="12"/>
    </row>
    <row r="42288" spans="8:8">
      <c r="H42288" s="12"/>
    </row>
    <row r="42289" spans="8:8">
      <c r="H42289" s="12"/>
    </row>
    <row r="42290" spans="8:8">
      <c r="H42290" s="12"/>
    </row>
    <row r="42291" spans="8:8">
      <c r="H42291" s="12"/>
    </row>
    <row r="42292" spans="8:8">
      <c r="H42292" s="12"/>
    </row>
    <row r="42293" spans="8:8">
      <c r="H42293" s="12"/>
    </row>
    <row r="42294" spans="8:8">
      <c r="H42294" s="12"/>
    </row>
    <row r="42295" spans="8:8">
      <c r="H42295" s="12"/>
    </row>
    <row r="42296" spans="8:8">
      <c r="H42296" s="12"/>
    </row>
    <row r="42297" spans="8:8">
      <c r="H42297" s="12"/>
    </row>
    <row r="42298" spans="8:8">
      <c r="H42298" s="12"/>
    </row>
    <row r="42299" spans="8:8">
      <c r="H42299" s="12"/>
    </row>
    <row r="42300" spans="8:8">
      <c r="H42300" s="12"/>
    </row>
    <row r="42301" spans="8:8">
      <c r="H42301" s="12"/>
    </row>
    <row r="42302" spans="8:8">
      <c r="H42302" s="12"/>
    </row>
    <row r="42303" spans="8:8">
      <c r="H42303" s="12"/>
    </row>
    <row r="42304" spans="8:8">
      <c r="H42304" s="12"/>
    </row>
    <row r="42305" spans="8:8">
      <c r="H42305" s="12"/>
    </row>
    <row r="42306" spans="8:8">
      <c r="H42306" s="12"/>
    </row>
    <row r="42307" spans="8:8">
      <c r="H42307" s="12"/>
    </row>
    <row r="42308" spans="8:8">
      <c r="H42308" s="12"/>
    </row>
    <row r="42309" spans="8:8">
      <c r="H42309" s="12"/>
    </row>
    <row r="42310" spans="8:8">
      <c r="H42310" s="12"/>
    </row>
    <row r="42311" spans="8:8">
      <c r="H42311" s="12"/>
    </row>
    <row r="42312" spans="8:8">
      <c r="H42312" s="12"/>
    </row>
    <row r="42313" spans="8:8">
      <c r="H42313" s="12"/>
    </row>
    <row r="42314" spans="8:8">
      <c r="H42314" s="12"/>
    </row>
    <row r="42315" spans="8:8">
      <c r="H42315" s="12"/>
    </row>
    <row r="42316" spans="8:8">
      <c r="H42316" s="12"/>
    </row>
    <row r="42317" spans="8:8">
      <c r="H42317" s="12"/>
    </row>
    <row r="42318" spans="8:8">
      <c r="H42318" s="12"/>
    </row>
    <row r="42319" spans="8:8">
      <c r="H42319" s="12"/>
    </row>
    <row r="42320" spans="8:8">
      <c r="H42320" s="12"/>
    </row>
    <row r="42321" spans="8:8">
      <c r="H42321" s="12"/>
    </row>
    <row r="42322" spans="8:8">
      <c r="H42322" s="12"/>
    </row>
    <row r="42323" spans="8:8">
      <c r="H42323" s="12"/>
    </row>
    <row r="42324" spans="8:8">
      <c r="H42324" s="12"/>
    </row>
    <row r="42325" spans="8:8">
      <c r="H42325" s="12"/>
    </row>
    <row r="42326" spans="8:8">
      <c r="H42326" s="12"/>
    </row>
    <row r="42327" spans="8:8">
      <c r="H42327" s="12"/>
    </row>
    <row r="42328" spans="8:8">
      <c r="H42328" s="12"/>
    </row>
    <row r="42329" spans="8:8">
      <c r="H42329" s="12"/>
    </row>
    <row r="42330" spans="8:8">
      <c r="H42330" s="12"/>
    </row>
    <row r="42331" spans="8:8">
      <c r="H42331" s="12"/>
    </row>
    <row r="42332" spans="8:8">
      <c r="H42332" s="12"/>
    </row>
    <row r="42333" spans="8:8">
      <c r="H42333" s="12"/>
    </row>
    <row r="42334" spans="8:8">
      <c r="H42334" s="12"/>
    </row>
    <row r="42335" spans="8:8">
      <c r="H42335" s="12"/>
    </row>
    <row r="42336" spans="8:8">
      <c r="H42336" s="12"/>
    </row>
    <row r="42337" spans="8:8">
      <c r="H42337" s="12"/>
    </row>
    <row r="42338" spans="8:8">
      <c r="H42338" s="12"/>
    </row>
    <row r="42339" spans="8:8">
      <c r="H42339" s="12"/>
    </row>
    <row r="42340" spans="8:8">
      <c r="H42340" s="12"/>
    </row>
    <row r="42341" spans="8:8">
      <c r="H42341" s="12"/>
    </row>
    <row r="42342" spans="8:8">
      <c r="H42342" s="12"/>
    </row>
    <row r="42343" spans="8:8">
      <c r="H42343" s="12"/>
    </row>
    <row r="42344" spans="8:8">
      <c r="H42344" s="12"/>
    </row>
    <row r="42345" spans="8:8">
      <c r="H42345" s="12"/>
    </row>
    <row r="42346" spans="8:8">
      <c r="H42346" s="12"/>
    </row>
    <row r="42347" spans="8:8">
      <c r="H42347" s="12"/>
    </row>
    <row r="42348" spans="8:8">
      <c r="H42348" s="12"/>
    </row>
    <row r="42349" spans="8:8">
      <c r="H42349" s="12"/>
    </row>
    <row r="42350" spans="8:8">
      <c r="H42350" s="12"/>
    </row>
    <row r="42351" spans="8:8">
      <c r="H42351" s="12"/>
    </row>
    <row r="42352" spans="8:8">
      <c r="H42352" s="12"/>
    </row>
    <row r="42353" spans="8:8">
      <c r="H42353" s="12"/>
    </row>
    <row r="42354" spans="8:8">
      <c r="H42354" s="12"/>
    </row>
    <row r="42355" spans="8:8">
      <c r="H42355" s="12"/>
    </row>
    <row r="42356" spans="8:8">
      <c r="H42356" s="12"/>
    </row>
    <row r="42357" spans="8:8">
      <c r="H42357" s="12"/>
    </row>
    <row r="42358" spans="8:8">
      <c r="H42358" s="12"/>
    </row>
    <row r="42359" spans="8:8">
      <c r="H42359" s="12"/>
    </row>
    <row r="42360" spans="8:8">
      <c r="H42360" s="12"/>
    </row>
    <row r="42361" spans="8:8">
      <c r="H42361" s="12"/>
    </row>
    <row r="42362" spans="8:8">
      <c r="H42362" s="12"/>
    </row>
    <row r="42363" spans="8:8">
      <c r="H42363" s="12"/>
    </row>
    <row r="42364" spans="8:8">
      <c r="H42364" s="12"/>
    </row>
    <row r="42365" spans="8:8">
      <c r="H42365" s="12"/>
    </row>
    <row r="42366" spans="8:8">
      <c r="H42366" s="12"/>
    </row>
    <row r="42367" spans="8:8">
      <c r="H42367" s="12"/>
    </row>
    <row r="42368" spans="8:8">
      <c r="H42368" s="12"/>
    </row>
    <row r="42369" spans="8:8">
      <c r="H42369" s="12"/>
    </row>
    <row r="42370" spans="8:8">
      <c r="H42370" s="12"/>
    </row>
    <row r="42371" spans="8:8">
      <c r="H42371" s="12"/>
    </row>
    <row r="42372" spans="8:8">
      <c r="H42372" s="12"/>
    </row>
    <row r="42373" spans="8:8">
      <c r="H42373" s="12"/>
    </row>
    <row r="42374" spans="8:8">
      <c r="H42374" s="12"/>
    </row>
    <row r="42375" spans="8:8">
      <c r="H42375" s="12"/>
    </row>
    <row r="42376" spans="8:8">
      <c r="H42376" s="12"/>
    </row>
    <row r="42377" spans="8:8">
      <c r="H42377" s="12"/>
    </row>
    <row r="42378" spans="8:8">
      <c r="H42378" s="12"/>
    </row>
    <row r="42379" spans="8:8">
      <c r="H42379" s="12"/>
    </row>
    <row r="42380" spans="8:8">
      <c r="H42380" s="12"/>
    </row>
    <row r="42381" spans="8:8">
      <c r="H42381" s="12"/>
    </row>
    <row r="42382" spans="8:8">
      <c r="H42382" s="12"/>
    </row>
    <row r="42383" spans="8:8">
      <c r="H42383" s="12"/>
    </row>
    <row r="42384" spans="8:8">
      <c r="H42384" s="12"/>
    </row>
    <row r="42385" spans="8:8">
      <c r="H42385" s="12"/>
    </row>
    <row r="42386" spans="8:8">
      <c r="H42386" s="12"/>
    </row>
    <row r="42387" spans="8:8">
      <c r="H42387" s="12"/>
    </row>
    <row r="42388" spans="8:8">
      <c r="H42388" s="12"/>
    </row>
    <row r="42389" spans="8:8">
      <c r="H42389" s="12"/>
    </row>
    <row r="42390" spans="8:8">
      <c r="H42390" s="12"/>
    </row>
    <row r="42391" spans="8:8">
      <c r="H42391" s="12"/>
    </row>
    <row r="42392" spans="8:8">
      <c r="H42392" s="12"/>
    </row>
    <row r="42393" spans="8:8">
      <c r="H42393" s="12"/>
    </row>
    <row r="42394" spans="8:8">
      <c r="H42394" s="12"/>
    </row>
    <row r="42395" spans="8:8">
      <c r="H42395" s="12"/>
    </row>
    <row r="42396" spans="8:8">
      <c r="H42396" s="12"/>
    </row>
    <row r="42397" spans="8:8">
      <c r="H42397" s="12"/>
    </row>
    <row r="42398" spans="8:8">
      <c r="H42398" s="12"/>
    </row>
    <row r="42399" spans="8:8">
      <c r="H42399" s="12"/>
    </row>
    <row r="42400" spans="8:8">
      <c r="H42400" s="12"/>
    </row>
    <row r="42401" spans="8:8">
      <c r="H42401" s="12"/>
    </row>
    <row r="42402" spans="8:8">
      <c r="H42402" s="12"/>
    </row>
    <row r="42403" spans="8:8">
      <c r="H42403" s="12"/>
    </row>
    <row r="42404" spans="8:8">
      <c r="H42404" s="12"/>
    </row>
    <row r="42405" spans="8:8">
      <c r="H42405" s="12"/>
    </row>
    <row r="42406" spans="8:8">
      <c r="H42406" s="12"/>
    </row>
    <row r="42407" spans="8:8">
      <c r="H42407" s="12"/>
    </row>
    <row r="42408" spans="8:8">
      <c r="H42408" s="12"/>
    </row>
    <row r="42409" spans="8:8">
      <c r="H42409" s="12"/>
    </row>
    <row r="42410" spans="8:8">
      <c r="H42410" s="12"/>
    </row>
    <row r="42411" spans="8:8">
      <c r="H42411" s="12"/>
    </row>
    <row r="42412" spans="8:8">
      <c r="H42412" s="12"/>
    </row>
    <row r="42413" spans="8:8">
      <c r="H42413" s="12"/>
    </row>
    <row r="42414" spans="8:8">
      <c r="H42414" s="12"/>
    </row>
    <row r="42415" spans="8:8">
      <c r="H42415" s="12"/>
    </row>
    <row r="42416" spans="8:8">
      <c r="H42416" s="12"/>
    </row>
    <row r="42417" spans="8:8">
      <c r="H42417" s="12"/>
    </row>
    <row r="42418" spans="8:8">
      <c r="H42418" s="12"/>
    </row>
    <row r="42419" spans="8:8">
      <c r="H42419" s="12"/>
    </row>
    <row r="42420" spans="8:8">
      <c r="H42420" s="12"/>
    </row>
    <row r="42421" spans="8:8">
      <c r="H42421" s="12"/>
    </row>
    <row r="42422" spans="8:8">
      <c r="H42422" s="12"/>
    </row>
    <row r="42423" spans="8:8">
      <c r="H42423" s="12"/>
    </row>
    <row r="42424" spans="8:8">
      <c r="H42424" s="12"/>
    </row>
    <row r="42425" spans="8:8">
      <c r="H42425" s="12"/>
    </row>
    <row r="42426" spans="8:8">
      <c r="H42426" s="12"/>
    </row>
    <row r="42427" spans="8:8">
      <c r="H42427" s="12"/>
    </row>
    <row r="42428" spans="8:8">
      <c r="H42428" s="12"/>
    </row>
    <row r="42429" spans="8:8">
      <c r="H42429" s="12"/>
    </row>
    <row r="42430" spans="8:8">
      <c r="H42430" s="12"/>
    </row>
    <row r="42431" spans="8:8">
      <c r="H42431" s="12"/>
    </row>
    <row r="42432" spans="8:8">
      <c r="H42432" s="12"/>
    </row>
    <row r="42433" spans="8:8">
      <c r="H42433" s="12"/>
    </row>
    <row r="42434" spans="8:8">
      <c r="H42434" s="12"/>
    </row>
    <row r="42435" spans="8:8">
      <c r="H42435" s="12"/>
    </row>
    <row r="42436" spans="8:8">
      <c r="H42436" s="12"/>
    </row>
    <row r="42437" spans="8:8">
      <c r="H42437" s="12"/>
    </row>
    <row r="42438" spans="8:8">
      <c r="H42438" s="12"/>
    </row>
    <row r="42439" spans="8:8">
      <c r="H42439" s="12"/>
    </row>
    <row r="42440" spans="8:8">
      <c r="H42440" s="12"/>
    </row>
    <row r="42441" spans="8:8">
      <c r="H42441" s="12"/>
    </row>
    <row r="42442" spans="8:8">
      <c r="H42442" s="12"/>
    </row>
    <row r="42443" spans="8:8">
      <c r="H42443" s="12"/>
    </row>
    <row r="42444" spans="8:8">
      <c r="H42444" s="12"/>
    </row>
    <row r="42445" spans="8:8">
      <c r="H42445" s="12"/>
    </row>
    <row r="42446" spans="8:8">
      <c r="H42446" s="12"/>
    </row>
    <row r="42447" spans="8:8">
      <c r="H42447" s="12"/>
    </row>
    <row r="42448" spans="8:8">
      <c r="H42448" s="12"/>
    </row>
    <row r="42449" spans="8:8">
      <c r="H42449" s="12"/>
    </row>
    <row r="42450" spans="8:8">
      <c r="H42450" s="12"/>
    </row>
    <row r="42451" spans="8:8">
      <c r="H42451" s="12"/>
    </row>
    <row r="42452" spans="8:8">
      <c r="H42452" s="12"/>
    </row>
    <row r="42453" spans="8:8">
      <c r="H42453" s="12"/>
    </row>
    <row r="42454" spans="8:8">
      <c r="H42454" s="12"/>
    </row>
    <row r="42455" spans="8:8">
      <c r="H42455" s="12"/>
    </row>
    <row r="42456" spans="8:8">
      <c r="H42456" s="12"/>
    </row>
    <row r="42457" spans="8:8">
      <c r="H42457" s="12"/>
    </row>
    <row r="42458" spans="8:8">
      <c r="H42458" s="12"/>
    </row>
    <row r="42459" spans="8:8">
      <c r="H42459" s="12"/>
    </row>
    <row r="42460" spans="8:8">
      <c r="H42460" s="12"/>
    </row>
    <row r="42461" spans="8:8">
      <c r="H42461" s="12"/>
    </row>
    <row r="42462" spans="8:8">
      <c r="H42462" s="12"/>
    </row>
    <row r="42463" spans="8:8">
      <c r="H42463" s="12"/>
    </row>
    <row r="42464" spans="8:8">
      <c r="H42464" s="12"/>
    </row>
    <row r="42465" spans="8:8">
      <c r="H42465" s="12"/>
    </row>
    <row r="42466" spans="8:8">
      <c r="H42466" s="12"/>
    </row>
    <row r="42467" spans="8:8">
      <c r="H42467" s="12"/>
    </row>
    <row r="42468" spans="8:8">
      <c r="H42468" s="12"/>
    </row>
    <row r="42469" spans="8:8">
      <c r="H42469" s="12"/>
    </row>
    <row r="42470" spans="8:8">
      <c r="H42470" s="12"/>
    </row>
    <row r="42471" spans="8:8">
      <c r="H42471" s="12"/>
    </row>
    <row r="42472" spans="8:8">
      <c r="H42472" s="12"/>
    </row>
    <row r="42473" spans="8:8">
      <c r="H42473" s="12"/>
    </row>
    <row r="42474" spans="8:8">
      <c r="H42474" s="12"/>
    </row>
    <row r="42475" spans="8:8">
      <c r="H42475" s="12"/>
    </row>
    <row r="42476" spans="8:8">
      <c r="H42476" s="12"/>
    </row>
    <row r="42477" spans="8:8">
      <c r="H42477" s="12"/>
    </row>
    <row r="42478" spans="8:8">
      <c r="H42478" s="12"/>
    </row>
    <row r="42479" spans="8:8">
      <c r="H42479" s="12"/>
    </row>
    <row r="42480" spans="8:8">
      <c r="H42480" s="12"/>
    </row>
    <row r="42481" spans="8:8">
      <c r="H42481" s="12"/>
    </row>
    <row r="42482" spans="8:8">
      <c r="H42482" s="12"/>
    </row>
    <row r="42483" spans="8:8">
      <c r="H42483" s="12"/>
    </row>
    <row r="42484" spans="8:8">
      <c r="H42484" s="12"/>
    </row>
    <row r="42485" spans="8:8">
      <c r="H42485" s="12"/>
    </row>
    <row r="42486" spans="8:8">
      <c r="H42486" s="12"/>
    </row>
    <row r="42487" spans="8:8">
      <c r="H42487" s="12"/>
    </row>
    <row r="42488" spans="8:8">
      <c r="H42488" s="12"/>
    </row>
    <row r="42489" spans="8:8">
      <c r="H42489" s="12"/>
    </row>
    <row r="42490" spans="8:8">
      <c r="H42490" s="12"/>
    </row>
    <row r="42491" spans="8:8">
      <c r="H42491" s="12"/>
    </row>
    <row r="42492" spans="8:8">
      <c r="H42492" s="12"/>
    </row>
    <row r="42493" spans="8:8">
      <c r="H42493" s="12"/>
    </row>
    <row r="42494" spans="8:8">
      <c r="H42494" s="12"/>
    </row>
    <row r="42495" spans="8:8">
      <c r="H42495" s="12"/>
    </row>
    <row r="42496" spans="8:8">
      <c r="H42496" s="12"/>
    </row>
    <row r="42497" spans="8:8">
      <c r="H42497" s="12"/>
    </row>
    <row r="42498" spans="8:8">
      <c r="H42498" s="12"/>
    </row>
    <row r="42499" spans="8:8">
      <c r="H42499" s="12"/>
    </row>
    <row r="42500" spans="8:8">
      <c r="H42500" s="12"/>
    </row>
    <row r="42501" spans="8:8">
      <c r="H42501" s="12"/>
    </row>
    <row r="42502" spans="8:8">
      <c r="H42502" s="12"/>
    </row>
    <row r="42503" spans="8:8">
      <c r="H42503" s="12"/>
    </row>
    <row r="42504" spans="8:8">
      <c r="H42504" s="12"/>
    </row>
    <row r="42505" spans="8:8">
      <c r="H42505" s="12"/>
    </row>
    <row r="42506" spans="8:8">
      <c r="H42506" s="12"/>
    </row>
    <row r="42507" spans="8:8">
      <c r="H42507" s="12"/>
    </row>
    <row r="42508" spans="8:8">
      <c r="H42508" s="12"/>
    </row>
    <row r="42509" spans="8:8">
      <c r="H42509" s="12"/>
    </row>
    <row r="42510" spans="8:8">
      <c r="H42510" s="12"/>
    </row>
    <row r="42511" spans="8:8">
      <c r="H42511" s="12"/>
    </row>
    <row r="42512" spans="8:8">
      <c r="H42512" s="12"/>
    </row>
    <row r="42513" spans="8:8">
      <c r="H42513" s="12"/>
    </row>
    <row r="42514" spans="8:8">
      <c r="H42514" s="12"/>
    </row>
    <row r="42515" spans="8:8">
      <c r="H42515" s="12"/>
    </row>
    <row r="42516" spans="8:8">
      <c r="H42516" s="12"/>
    </row>
    <row r="42517" spans="8:8">
      <c r="H42517" s="12"/>
    </row>
    <row r="42518" spans="8:8">
      <c r="H42518" s="12"/>
    </row>
    <row r="42519" spans="8:8">
      <c r="H42519" s="12"/>
    </row>
    <row r="42520" spans="8:8">
      <c r="H42520" s="12"/>
    </row>
    <row r="42521" spans="8:8">
      <c r="H42521" s="12"/>
    </row>
    <row r="42522" spans="8:8">
      <c r="H42522" s="12"/>
    </row>
    <row r="42523" spans="8:8">
      <c r="H42523" s="12"/>
    </row>
    <row r="42524" spans="8:8">
      <c r="H42524" s="12"/>
    </row>
    <row r="42525" spans="8:8">
      <c r="H42525" s="12"/>
    </row>
    <row r="42526" spans="8:8">
      <c r="H42526" s="12"/>
    </row>
    <row r="42527" spans="8:8">
      <c r="H42527" s="12"/>
    </row>
    <row r="42528" spans="8:8">
      <c r="H42528" s="12"/>
    </row>
    <row r="42529" spans="8:8">
      <c r="H42529" s="12"/>
    </row>
    <row r="42530" spans="8:8">
      <c r="H42530" s="12"/>
    </row>
    <row r="42531" spans="8:8">
      <c r="H42531" s="12"/>
    </row>
    <row r="42532" spans="8:8">
      <c r="H42532" s="12"/>
    </row>
    <row r="42533" spans="8:8">
      <c r="H42533" s="12"/>
    </row>
    <row r="42534" spans="8:8">
      <c r="H42534" s="12"/>
    </row>
    <row r="42535" spans="8:8">
      <c r="H42535" s="12"/>
    </row>
    <row r="42536" spans="8:8">
      <c r="H42536" s="12"/>
    </row>
    <row r="42537" spans="8:8">
      <c r="H42537" s="12"/>
    </row>
    <row r="42538" spans="8:8">
      <c r="H42538" s="12"/>
    </row>
    <row r="42539" spans="8:8">
      <c r="H42539" s="12"/>
    </row>
    <row r="42540" spans="8:8">
      <c r="H42540" s="12"/>
    </row>
    <row r="42541" spans="8:8">
      <c r="H42541" s="12"/>
    </row>
    <row r="42542" spans="8:8">
      <c r="H42542" s="12"/>
    </row>
    <row r="42543" spans="8:8">
      <c r="H42543" s="12"/>
    </row>
    <row r="42544" spans="8:8">
      <c r="H42544" s="12"/>
    </row>
    <row r="42545" spans="8:8">
      <c r="H42545" s="12"/>
    </row>
    <row r="42546" spans="8:8">
      <c r="H42546" s="12"/>
    </row>
    <row r="42547" spans="8:8">
      <c r="H42547" s="12"/>
    </row>
    <row r="42548" spans="8:8">
      <c r="H42548" s="12"/>
    </row>
    <row r="42549" spans="8:8">
      <c r="H42549" s="12"/>
    </row>
    <row r="42550" spans="8:8">
      <c r="H42550" s="12"/>
    </row>
    <row r="42551" spans="8:8">
      <c r="H42551" s="12"/>
    </row>
    <row r="42552" spans="8:8">
      <c r="H42552" s="12"/>
    </row>
    <row r="42553" spans="8:8">
      <c r="H42553" s="12"/>
    </row>
    <row r="42554" spans="8:8">
      <c r="H42554" s="12"/>
    </row>
    <row r="42555" spans="8:8">
      <c r="H42555" s="12"/>
    </row>
    <row r="42556" spans="8:8">
      <c r="H42556" s="12"/>
    </row>
    <row r="42557" spans="8:8">
      <c r="H42557" s="12"/>
    </row>
    <row r="42558" spans="8:8">
      <c r="H42558" s="12"/>
    </row>
    <row r="42559" spans="8:8">
      <c r="H42559" s="12"/>
    </row>
    <row r="42560" spans="8:8">
      <c r="H42560" s="12"/>
    </row>
    <row r="42561" spans="8:8">
      <c r="H42561" s="12"/>
    </row>
    <row r="42562" spans="8:8">
      <c r="H42562" s="12"/>
    </row>
    <row r="42563" spans="8:8">
      <c r="H42563" s="12"/>
    </row>
    <row r="42564" spans="8:8">
      <c r="H42564" s="12"/>
    </row>
    <row r="42565" spans="8:8">
      <c r="H42565" s="12"/>
    </row>
    <row r="42566" spans="8:8">
      <c r="H42566" s="12"/>
    </row>
    <row r="42567" spans="8:8">
      <c r="H42567" s="12"/>
    </row>
    <row r="42568" spans="8:8">
      <c r="H42568" s="12"/>
    </row>
    <row r="42569" spans="8:8">
      <c r="H42569" s="12"/>
    </row>
    <row r="42570" spans="8:8">
      <c r="H42570" s="12"/>
    </row>
    <row r="42571" spans="8:8">
      <c r="H42571" s="12"/>
    </row>
    <row r="42572" spans="8:8">
      <c r="H42572" s="12"/>
    </row>
    <row r="42573" spans="8:8">
      <c r="H42573" s="12"/>
    </row>
    <row r="42574" spans="8:8">
      <c r="H42574" s="12"/>
    </row>
    <row r="42575" spans="8:8">
      <c r="H42575" s="12"/>
    </row>
    <row r="42576" spans="8:8">
      <c r="H42576" s="12"/>
    </row>
    <row r="42577" spans="8:8">
      <c r="H42577" s="12"/>
    </row>
    <row r="42578" spans="8:8">
      <c r="H42578" s="12"/>
    </row>
    <row r="42579" spans="8:8">
      <c r="H42579" s="12"/>
    </row>
    <row r="42580" spans="8:8">
      <c r="H42580" s="12"/>
    </row>
    <row r="42581" spans="8:8">
      <c r="H42581" s="12"/>
    </row>
    <row r="42582" spans="8:8">
      <c r="H42582" s="12"/>
    </row>
    <row r="42583" spans="8:8">
      <c r="H42583" s="12"/>
    </row>
    <row r="42584" spans="8:8">
      <c r="H42584" s="12"/>
    </row>
    <row r="42585" spans="8:8">
      <c r="H42585" s="12"/>
    </row>
    <row r="42586" spans="8:8">
      <c r="H42586" s="12"/>
    </row>
    <row r="42587" spans="8:8">
      <c r="H42587" s="12"/>
    </row>
    <row r="42588" spans="8:8">
      <c r="H42588" s="12"/>
    </row>
    <row r="42589" spans="8:8">
      <c r="H42589" s="12"/>
    </row>
    <row r="42590" spans="8:8">
      <c r="H42590" s="12"/>
    </row>
    <row r="42591" spans="8:8">
      <c r="H42591" s="12"/>
    </row>
    <row r="42592" spans="8:8">
      <c r="H42592" s="12"/>
    </row>
    <row r="42593" spans="8:8">
      <c r="H42593" s="12"/>
    </row>
    <row r="42594" spans="8:8">
      <c r="H42594" s="12"/>
    </row>
    <row r="42595" spans="8:8">
      <c r="H42595" s="12"/>
    </row>
    <row r="42596" spans="8:8">
      <c r="H42596" s="12"/>
    </row>
    <row r="42597" spans="8:8">
      <c r="H42597" s="12"/>
    </row>
    <row r="42598" spans="8:8">
      <c r="H42598" s="12"/>
    </row>
    <row r="42599" spans="8:8">
      <c r="H42599" s="12"/>
    </row>
    <row r="42600" spans="8:8">
      <c r="H42600" s="12"/>
    </row>
    <row r="42601" spans="8:8">
      <c r="H42601" s="12"/>
    </row>
    <row r="42602" spans="8:8">
      <c r="H42602" s="12"/>
    </row>
    <row r="42603" spans="8:8">
      <c r="H42603" s="12"/>
    </row>
    <row r="42604" spans="8:8">
      <c r="H42604" s="12"/>
    </row>
    <row r="42605" spans="8:8">
      <c r="H42605" s="12"/>
    </row>
    <row r="42606" spans="8:8">
      <c r="H42606" s="12"/>
    </row>
    <row r="42607" spans="8:8">
      <c r="H42607" s="12"/>
    </row>
    <row r="42608" spans="8:8">
      <c r="H42608" s="12"/>
    </row>
    <row r="42609" spans="8:8">
      <c r="H42609" s="12"/>
    </row>
    <row r="42610" spans="8:8">
      <c r="H42610" s="12"/>
    </row>
    <row r="42611" spans="8:8">
      <c r="H42611" s="12"/>
    </row>
    <row r="42612" spans="8:8">
      <c r="H42612" s="12"/>
    </row>
    <row r="42613" spans="8:8">
      <c r="H42613" s="12"/>
    </row>
    <row r="42614" spans="8:8">
      <c r="H42614" s="12"/>
    </row>
    <row r="42615" spans="8:8">
      <c r="H42615" s="12"/>
    </row>
    <row r="42616" spans="8:8">
      <c r="H42616" s="12"/>
    </row>
    <row r="42617" spans="8:8">
      <c r="H42617" s="12"/>
    </row>
    <row r="42618" spans="8:8">
      <c r="H42618" s="12"/>
    </row>
    <row r="42619" spans="8:8">
      <c r="H42619" s="12"/>
    </row>
    <row r="42620" spans="8:8">
      <c r="H42620" s="12"/>
    </row>
    <row r="42621" spans="8:8">
      <c r="H42621" s="12"/>
    </row>
    <row r="42622" spans="8:8">
      <c r="H42622" s="12"/>
    </row>
    <row r="42623" spans="8:8">
      <c r="H42623" s="12"/>
    </row>
    <row r="42624" spans="8:8">
      <c r="H42624" s="12"/>
    </row>
    <row r="42625" spans="8:8">
      <c r="H42625" s="12"/>
    </row>
    <row r="42626" spans="8:8">
      <c r="H42626" s="12"/>
    </row>
    <row r="42627" spans="8:8">
      <c r="H42627" s="12"/>
    </row>
    <row r="42628" spans="8:8">
      <c r="H42628" s="12"/>
    </row>
    <row r="42629" spans="8:8">
      <c r="H42629" s="12"/>
    </row>
    <row r="42630" spans="8:8">
      <c r="H42630" s="12"/>
    </row>
    <row r="42631" spans="8:8">
      <c r="H42631" s="12"/>
    </row>
    <row r="42632" spans="8:8">
      <c r="H42632" s="12"/>
    </row>
    <row r="42633" spans="8:8">
      <c r="H42633" s="12"/>
    </row>
    <row r="42634" spans="8:8">
      <c r="H42634" s="12"/>
    </row>
    <row r="42635" spans="8:8">
      <c r="H42635" s="12"/>
    </row>
    <row r="42636" spans="8:8">
      <c r="H42636" s="12"/>
    </row>
    <row r="42637" spans="8:8">
      <c r="H42637" s="12"/>
    </row>
    <row r="42638" spans="8:8">
      <c r="H42638" s="12"/>
    </row>
    <row r="42639" spans="8:8">
      <c r="H42639" s="12"/>
    </row>
    <row r="42640" spans="8:8">
      <c r="H42640" s="12"/>
    </row>
    <row r="42641" spans="8:8">
      <c r="H42641" s="12"/>
    </row>
    <row r="42642" spans="8:8">
      <c r="H42642" s="12"/>
    </row>
    <row r="42643" spans="8:8">
      <c r="H42643" s="12"/>
    </row>
    <row r="42644" spans="8:8">
      <c r="H42644" s="12"/>
    </row>
    <row r="42645" spans="8:8">
      <c r="H42645" s="12"/>
    </row>
    <row r="42646" spans="8:8">
      <c r="H42646" s="12"/>
    </row>
    <row r="42647" spans="8:8">
      <c r="H42647" s="12"/>
    </row>
    <row r="42648" spans="8:8">
      <c r="H42648" s="12"/>
    </row>
    <row r="42649" spans="8:8">
      <c r="H42649" s="12"/>
    </row>
    <row r="42650" spans="8:8">
      <c r="H42650" s="12"/>
    </row>
    <row r="42651" spans="8:8">
      <c r="H42651" s="12"/>
    </row>
    <row r="42652" spans="8:8">
      <c r="H42652" s="12"/>
    </row>
    <row r="42653" spans="8:8">
      <c r="H42653" s="12"/>
    </row>
    <row r="42654" spans="8:8">
      <c r="H42654" s="12"/>
    </row>
    <row r="42655" spans="8:8">
      <c r="H42655" s="12"/>
    </row>
    <row r="42656" spans="8:8">
      <c r="H42656" s="12"/>
    </row>
    <row r="42657" spans="8:8">
      <c r="H42657" s="12"/>
    </row>
    <row r="42658" spans="8:8">
      <c r="H42658" s="12"/>
    </row>
    <row r="42659" spans="8:8">
      <c r="H42659" s="12"/>
    </row>
    <row r="42660" spans="8:8">
      <c r="H42660" s="12"/>
    </row>
    <row r="42661" spans="8:8">
      <c r="H42661" s="12"/>
    </row>
    <row r="42662" spans="8:8">
      <c r="H42662" s="12"/>
    </row>
    <row r="42663" spans="8:8">
      <c r="H42663" s="12"/>
    </row>
    <row r="42664" spans="8:8">
      <c r="H42664" s="12"/>
    </row>
    <row r="42665" spans="8:8">
      <c r="H42665" s="12"/>
    </row>
    <row r="42666" spans="8:8">
      <c r="H42666" s="12"/>
    </row>
    <row r="42667" spans="8:8">
      <c r="H42667" s="12"/>
    </row>
    <row r="42668" spans="8:8">
      <c r="H42668" s="12"/>
    </row>
    <row r="42669" spans="8:8">
      <c r="H42669" s="12"/>
    </row>
    <row r="42670" spans="8:8">
      <c r="H42670" s="12"/>
    </row>
    <row r="42671" spans="8:8">
      <c r="H42671" s="12"/>
    </row>
    <row r="42672" spans="8:8">
      <c r="H42672" s="12"/>
    </row>
    <row r="42673" spans="8:8">
      <c r="H42673" s="12"/>
    </row>
    <row r="42674" spans="8:8">
      <c r="H42674" s="12"/>
    </row>
    <row r="42675" spans="8:8">
      <c r="H42675" s="12"/>
    </row>
    <row r="42676" spans="8:8">
      <c r="H42676" s="12"/>
    </row>
    <row r="42677" spans="8:8">
      <c r="H42677" s="12"/>
    </row>
    <row r="42678" spans="8:8">
      <c r="H42678" s="12"/>
    </row>
    <row r="42679" spans="8:8">
      <c r="H42679" s="12"/>
    </row>
    <row r="42680" spans="8:8">
      <c r="H42680" s="12"/>
    </row>
    <row r="42681" spans="8:8">
      <c r="H42681" s="12"/>
    </row>
    <row r="42682" spans="8:8">
      <c r="H42682" s="12"/>
    </row>
    <row r="42683" spans="8:8">
      <c r="H42683" s="12"/>
    </row>
    <row r="42684" spans="8:8">
      <c r="H42684" s="12"/>
    </row>
    <row r="42685" spans="8:8">
      <c r="H42685" s="12"/>
    </row>
    <row r="42686" spans="8:8">
      <c r="H42686" s="12"/>
    </row>
    <row r="42687" spans="8:8">
      <c r="H42687" s="12"/>
    </row>
    <row r="42688" spans="8:8">
      <c r="H42688" s="12"/>
    </row>
    <row r="42689" spans="8:8">
      <c r="H42689" s="12"/>
    </row>
    <row r="42690" spans="8:8">
      <c r="H42690" s="12"/>
    </row>
    <row r="42691" spans="8:8">
      <c r="H42691" s="12"/>
    </row>
    <row r="42692" spans="8:8">
      <c r="H42692" s="12"/>
    </row>
    <row r="42693" spans="8:8">
      <c r="H42693" s="12"/>
    </row>
    <row r="42694" spans="8:8">
      <c r="H42694" s="12"/>
    </row>
    <row r="42695" spans="8:8">
      <c r="H42695" s="12"/>
    </row>
    <row r="42696" spans="8:8">
      <c r="H42696" s="12"/>
    </row>
    <row r="42697" spans="8:8">
      <c r="H42697" s="12"/>
    </row>
    <row r="42698" spans="8:8">
      <c r="H42698" s="12"/>
    </row>
    <row r="42699" spans="8:8">
      <c r="H42699" s="12"/>
    </row>
    <row r="42700" spans="8:8">
      <c r="H42700" s="12"/>
    </row>
    <row r="42701" spans="8:8">
      <c r="H42701" s="12"/>
    </row>
    <row r="42702" spans="8:8">
      <c r="H42702" s="12"/>
    </row>
    <row r="42703" spans="8:8">
      <c r="H42703" s="12"/>
    </row>
    <row r="42704" spans="8:8">
      <c r="H42704" s="12"/>
    </row>
    <row r="42705" spans="8:8">
      <c r="H42705" s="12"/>
    </row>
    <row r="42706" spans="8:8">
      <c r="H42706" s="12"/>
    </row>
    <row r="42707" spans="8:8">
      <c r="H42707" s="12"/>
    </row>
    <row r="42708" spans="8:8">
      <c r="H42708" s="12"/>
    </row>
    <row r="42709" spans="8:8">
      <c r="H42709" s="12"/>
    </row>
    <row r="42710" spans="8:8">
      <c r="H42710" s="12"/>
    </row>
    <row r="42711" spans="8:8">
      <c r="H42711" s="12"/>
    </row>
    <row r="42712" spans="8:8">
      <c r="H42712" s="12"/>
    </row>
    <row r="42713" spans="8:8">
      <c r="H42713" s="12"/>
    </row>
    <row r="42714" spans="8:8">
      <c r="H42714" s="12"/>
    </row>
    <row r="42715" spans="8:8">
      <c r="H42715" s="12"/>
    </row>
    <row r="42716" spans="8:8">
      <c r="H42716" s="12"/>
    </row>
    <row r="42717" spans="8:8">
      <c r="H42717" s="12"/>
    </row>
    <row r="42718" spans="8:8">
      <c r="H42718" s="12"/>
    </row>
    <row r="42719" spans="8:8">
      <c r="H42719" s="12"/>
    </row>
    <row r="42720" spans="8:8">
      <c r="H42720" s="12"/>
    </row>
    <row r="42721" spans="8:8">
      <c r="H42721" s="12"/>
    </row>
    <row r="42722" spans="8:8">
      <c r="H42722" s="12"/>
    </row>
    <row r="42723" spans="8:8">
      <c r="H42723" s="12"/>
    </row>
    <row r="42724" spans="8:8">
      <c r="H42724" s="12"/>
    </row>
    <row r="42725" spans="8:8">
      <c r="H42725" s="12"/>
    </row>
    <row r="42726" spans="8:8">
      <c r="H42726" s="12"/>
    </row>
    <row r="42727" spans="8:8">
      <c r="H42727" s="12"/>
    </row>
    <row r="42728" spans="8:8">
      <c r="H42728" s="12"/>
    </row>
    <row r="42729" spans="8:8">
      <c r="H42729" s="12"/>
    </row>
    <row r="42730" spans="8:8">
      <c r="H42730" s="12"/>
    </row>
    <row r="42731" spans="8:8">
      <c r="H42731" s="12"/>
    </row>
    <row r="42732" spans="8:8">
      <c r="H42732" s="12"/>
    </row>
    <row r="42733" spans="8:8">
      <c r="H42733" s="12"/>
    </row>
    <row r="42734" spans="8:8">
      <c r="H42734" s="12"/>
    </row>
    <row r="42735" spans="8:8">
      <c r="H42735" s="12"/>
    </row>
    <row r="42736" spans="8:8">
      <c r="H42736" s="12"/>
    </row>
    <row r="42737" spans="8:8">
      <c r="H42737" s="12"/>
    </row>
    <row r="42738" spans="8:8">
      <c r="H42738" s="12"/>
    </row>
    <row r="42739" spans="8:8">
      <c r="H42739" s="12"/>
    </row>
    <row r="42740" spans="8:8">
      <c r="H42740" s="12"/>
    </row>
    <row r="42741" spans="8:8">
      <c r="H42741" s="12"/>
    </row>
    <row r="42742" spans="8:8">
      <c r="H42742" s="12"/>
    </row>
    <row r="42743" spans="8:8">
      <c r="H42743" s="12"/>
    </row>
    <row r="42744" spans="8:8">
      <c r="H42744" s="12"/>
    </row>
    <row r="42745" spans="8:8">
      <c r="H42745" s="12"/>
    </row>
    <row r="42746" spans="8:8">
      <c r="H42746" s="12"/>
    </row>
    <row r="42747" spans="8:8">
      <c r="H42747" s="12"/>
    </row>
    <row r="42748" spans="8:8">
      <c r="H42748" s="12"/>
    </row>
    <row r="42749" spans="8:8">
      <c r="H42749" s="12"/>
    </row>
    <row r="42750" spans="8:8">
      <c r="H42750" s="12"/>
    </row>
    <row r="42751" spans="8:8">
      <c r="H42751" s="12"/>
    </row>
    <row r="42752" spans="8:8">
      <c r="H42752" s="12"/>
    </row>
    <row r="42753" spans="8:8">
      <c r="H42753" s="12"/>
    </row>
    <row r="42754" spans="8:8">
      <c r="H42754" s="12"/>
    </row>
    <row r="42755" spans="8:8">
      <c r="H42755" s="12"/>
    </row>
    <row r="42756" spans="8:8">
      <c r="H42756" s="12"/>
    </row>
    <row r="42757" spans="8:8">
      <c r="H42757" s="12"/>
    </row>
    <row r="42758" spans="8:8">
      <c r="H42758" s="12"/>
    </row>
    <row r="42759" spans="8:8">
      <c r="H42759" s="12"/>
    </row>
    <row r="42760" spans="8:8">
      <c r="H42760" s="12"/>
    </row>
    <row r="42761" spans="8:8">
      <c r="H42761" s="12"/>
    </row>
    <row r="42762" spans="8:8">
      <c r="H42762" s="12"/>
    </row>
    <row r="42763" spans="8:8">
      <c r="H42763" s="12"/>
    </row>
    <row r="42764" spans="8:8">
      <c r="H42764" s="12"/>
    </row>
    <row r="42765" spans="8:8">
      <c r="H42765" s="12"/>
    </row>
    <row r="42766" spans="8:8">
      <c r="H42766" s="12"/>
    </row>
    <row r="42767" spans="8:8">
      <c r="H42767" s="12"/>
    </row>
    <row r="42768" spans="8:8">
      <c r="H42768" s="12"/>
    </row>
    <row r="42769" spans="8:8">
      <c r="H42769" s="12"/>
    </row>
    <row r="42770" spans="8:8">
      <c r="H42770" s="12"/>
    </row>
    <row r="42771" spans="8:8">
      <c r="H42771" s="12"/>
    </row>
    <row r="42772" spans="8:8">
      <c r="H42772" s="12"/>
    </row>
    <row r="42773" spans="8:8">
      <c r="H42773" s="12"/>
    </row>
    <row r="42774" spans="8:8">
      <c r="H42774" s="12"/>
    </row>
    <row r="42775" spans="8:8">
      <c r="H42775" s="12"/>
    </row>
    <row r="42776" spans="8:8">
      <c r="H42776" s="12"/>
    </row>
    <row r="42777" spans="8:8">
      <c r="H42777" s="12"/>
    </row>
    <row r="42778" spans="8:8">
      <c r="H42778" s="12"/>
    </row>
    <row r="42779" spans="8:8">
      <c r="H42779" s="12"/>
    </row>
    <row r="42780" spans="8:8">
      <c r="H42780" s="12"/>
    </row>
    <row r="42781" spans="8:8">
      <c r="H42781" s="12"/>
    </row>
    <row r="42782" spans="8:8">
      <c r="H42782" s="12"/>
    </row>
    <row r="42783" spans="8:8">
      <c r="H42783" s="12"/>
    </row>
    <row r="42784" spans="8:8">
      <c r="H42784" s="12"/>
    </row>
    <row r="42785" spans="8:8">
      <c r="H42785" s="12"/>
    </row>
    <row r="42786" spans="8:8">
      <c r="H42786" s="12"/>
    </row>
    <row r="42787" spans="8:8">
      <c r="H42787" s="12"/>
    </row>
    <row r="42788" spans="8:8">
      <c r="H42788" s="12"/>
    </row>
    <row r="42789" spans="8:8">
      <c r="H42789" s="12"/>
    </row>
    <row r="42790" spans="8:8">
      <c r="H42790" s="12"/>
    </row>
    <row r="42791" spans="8:8">
      <c r="H42791" s="12"/>
    </row>
    <row r="42792" spans="8:8">
      <c r="H42792" s="12"/>
    </row>
    <row r="42793" spans="8:8">
      <c r="H42793" s="12"/>
    </row>
    <row r="42794" spans="8:8">
      <c r="H42794" s="12"/>
    </row>
    <row r="42795" spans="8:8">
      <c r="H42795" s="12"/>
    </row>
    <row r="42796" spans="8:8">
      <c r="H42796" s="12"/>
    </row>
    <row r="42797" spans="8:8">
      <c r="H42797" s="12"/>
    </row>
    <row r="42798" spans="8:8">
      <c r="H42798" s="12"/>
    </row>
    <row r="42799" spans="8:8">
      <c r="H42799" s="12"/>
    </row>
    <row r="42800" spans="8:8">
      <c r="H42800" s="12"/>
    </row>
    <row r="42801" spans="8:8">
      <c r="H42801" s="12"/>
    </row>
    <row r="42802" spans="8:8">
      <c r="H42802" s="12"/>
    </row>
    <row r="42803" spans="8:8">
      <c r="H42803" s="12"/>
    </row>
    <row r="42804" spans="8:8">
      <c r="H42804" s="12"/>
    </row>
    <row r="42805" spans="8:8">
      <c r="H42805" s="12"/>
    </row>
    <row r="42806" spans="8:8">
      <c r="H42806" s="12"/>
    </row>
    <row r="42807" spans="8:8">
      <c r="H42807" s="12"/>
    </row>
    <row r="42808" spans="8:8">
      <c r="H42808" s="12"/>
    </row>
    <row r="42809" spans="8:8">
      <c r="H42809" s="12"/>
    </row>
    <row r="42810" spans="8:8">
      <c r="H42810" s="12"/>
    </row>
    <row r="42811" spans="8:8">
      <c r="H42811" s="12"/>
    </row>
    <row r="42812" spans="8:8">
      <c r="H42812" s="12"/>
    </row>
    <row r="42813" spans="8:8">
      <c r="H42813" s="12"/>
    </row>
    <row r="42814" spans="8:8">
      <c r="H42814" s="12"/>
    </row>
    <row r="42815" spans="8:8">
      <c r="H42815" s="12"/>
    </row>
    <row r="42816" spans="8:8">
      <c r="H42816" s="12"/>
    </row>
    <row r="42817" spans="8:8">
      <c r="H42817" s="12"/>
    </row>
    <row r="42818" spans="8:8">
      <c r="H42818" s="12"/>
    </row>
    <row r="42819" spans="8:8">
      <c r="H42819" s="12"/>
    </row>
    <row r="42820" spans="8:8">
      <c r="H42820" s="12"/>
    </row>
    <row r="42821" spans="8:8">
      <c r="H42821" s="12"/>
    </row>
    <row r="42822" spans="8:8">
      <c r="H42822" s="12"/>
    </row>
    <row r="42823" spans="8:8">
      <c r="H42823" s="12"/>
    </row>
    <row r="42824" spans="8:8">
      <c r="H42824" s="12"/>
    </row>
    <row r="42825" spans="8:8">
      <c r="H42825" s="12"/>
    </row>
    <row r="42826" spans="8:8">
      <c r="H42826" s="12"/>
    </row>
    <row r="42827" spans="8:8">
      <c r="H42827" s="12"/>
    </row>
    <row r="42828" spans="8:8">
      <c r="H42828" s="12"/>
    </row>
    <row r="42829" spans="8:8">
      <c r="H42829" s="12"/>
    </row>
    <row r="42830" spans="8:8">
      <c r="H42830" s="12"/>
    </row>
    <row r="42831" spans="8:8">
      <c r="H42831" s="12"/>
    </row>
    <row r="42832" spans="8:8">
      <c r="H42832" s="12"/>
    </row>
    <row r="42833" spans="8:8">
      <c r="H42833" s="12"/>
    </row>
    <row r="42834" spans="8:8">
      <c r="H42834" s="12"/>
    </row>
    <row r="42835" spans="8:8">
      <c r="H42835" s="12"/>
    </row>
    <row r="42836" spans="8:8">
      <c r="H42836" s="12"/>
    </row>
    <row r="42837" spans="8:8">
      <c r="H42837" s="12"/>
    </row>
    <row r="42838" spans="8:8">
      <c r="H42838" s="12"/>
    </row>
    <row r="42839" spans="8:8">
      <c r="H42839" s="12"/>
    </row>
    <row r="42840" spans="8:8">
      <c r="H42840" s="12"/>
    </row>
    <row r="42841" spans="8:8">
      <c r="H42841" s="12"/>
    </row>
    <row r="42842" spans="8:8">
      <c r="H42842" s="12"/>
    </row>
    <row r="42843" spans="8:8">
      <c r="H42843" s="12"/>
    </row>
    <row r="42844" spans="8:8">
      <c r="H42844" s="12"/>
    </row>
    <row r="42845" spans="8:8">
      <c r="H42845" s="12"/>
    </row>
    <row r="42846" spans="8:8">
      <c r="H42846" s="12"/>
    </row>
    <row r="42847" spans="8:8">
      <c r="H42847" s="12"/>
    </row>
    <row r="42848" spans="8:8">
      <c r="H42848" s="12"/>
    </row>
    <row r="42849" spans="8:8">
      <c r="H42849" s="12"/>
    </row>
    <row r="42850" spans="8:8">
      <c r="H42850" s="12"/>
    </row>
    <row r="42851" spans="8:8">
      <c r="H42851" s="12"/>
    </row>
    <row r="42852" spans="8:8">
      <c r="H42852" s="12"/>
    </row>
    <row r="42853" spans="8:8">
      <c r="H42853" s="12"/>
    </row>
    <row r="42854" spans="8:8">
      <c r="H42854" s="12"/>
    </row>
    <row r="42855" spans="8:8">
      <c r="H42855" s="12"/>
    </row>
    <row r="42856" spans="8:8">
      <c r="H42856" s="12"/>
    </row>
    <row r="42857" spans="8:8">
      <c r="H42857" s="12"/>
    </row>
    <row r="42858" spans="8:8">
      <c r="H42858" s="12"/>
    </row>
    <row r="42859" spans="8:8">
      <c r="H42859" s="12"/>
    </row>
    <row r="42860" spans="8:8">
      <c r="H42860" s="12"/>
    </row>
    <row r="42861" spans="8:8">
      <c r="H42861" s="12"/>
    </row>
    <row r="42862" spans="8:8">
      <c r="H42862" s="12"/>
    </row>
    <row r="42863" spans="8:8">
      <c r="H42863" s="12"/>
    </row>
    <row r="42864" spans="8:8">
      <c r="H42864" s="12"/>
    </row>
    <row r="42865" spans="8:8">
      <c r="H42865" s="12"/>
    </row>
    <row r="42866" spans="8:8">
      <c r="H42866" s="12"/>
    </row>
    <row r="42867" spans="8:8">
      <c r="H42867" s="12"/>
    </row>
    <row r="42868" spans="8:8">
      <c r="H42868" s="12"/>
    </row>
    <row r="42869" spans="8:8">
      <c r="H42869" s="12"/>
    </row>
    <row r="42870" spans="8:8">
      <c r="H42870" s="12"/>
    </row>
    <row r="42871" spans="8:8">
      <c r="H42871" s="12"/>
    </row>
    <row r="42872" spans="8:8">
      <c r="H42872" s="12"/>
    </row>
    <row r="42873" spans="8:8">
      <c r="H42873" s="12"/>
    </row>
    <row r="42874" spans="8:8">
      <c r="H42874" s="12"/>
    </row>
    <row r="42875" spans="8:8">
      <c r="H42875" s="12"/>
    </row>
    <row r="42876" spans="8:8">
      <c r="H42876" s="12"/>
    </row>
    <row r="42877" spans="8:8">
      <c r="H42877" s="12"/>
    </row>
    <row r="42878" spans="8:8">
      <c r="H42878" s="12"/>
    </row>
    <row r="42879" spans="8:8">
      <c r="H42879" s="12"/>
    </row>
    <row r="42880" spans="8:8">
      <c r="H42880" s="12"/>
    </row>
    <row r="42881" spans="8:8">
      <c r="H42881" s="12"/>
    </row>
    <row r="42882" spans="8:8">
      <c r="H42882" s="12"/>
    </row>
    <row r="42883" spans="8:8">
      <c r="H42883" s="12"/>
    </row>
    <row r="42884" spans="8:8">
      <c r="H42884" s="12"/>
    </row>
    <row r="42885" spans="8:8">
      <c r="H42885" s="12"/>
    </row>
    <row r="42886" spans="8:8">
      <c r="H42886" s="12"/>
    </row>
    <row r="42887" spans="8:8">
      <c r="H42887" s="12"/>
    </row>
    <row r="42888" spans="8:8">
      <c r="H42888" s="12"/>
    </row>
    <row r="42889" spans="8:8">
      <c r="H42889" s="12"/>
    </row>
    <row r="42890" spans="8:8">
      <c r="H42890" s="12"/>
    </row>
    <row r="42891" spans="8:8">
      <c r="H42891" s="12"/>
    </row>
    <row r="42892" spans="8:8">
      <c r="H42892" s="12"/>
    </row>
    <row r="42893" spans="8:8">
      <c r="H42893" s="12"/>
    </row>
    <row r="42894" spans="8:8">
      <c r="H42894" s="12"/>
    </row>
    <row r="42895" spans="8:8">
      <c r="H42895" s="12"/>
    </row>
    <row r="42896" spans="8:8">
      <c r="H42896" s="12"/>
    </row>
    <row r="42897" spans="8:8">
      <c r="H42897" s="12"/>
    </row>
    <row r="42898" spans="8:8">
      <c r="H42898" s="12"/>
    </row>
    <row r="42899" spans="8:8">
      <c r="H42899" s="12"/>
    </row>
    <row r="42900" spans="8:8">
      <c r="H42900" s="12"/>
    </row>
    <row r="42901" spans="8:8">
      <c r="H42901" s="12"/>
    </row>
    <row r="42902" spans="8:8">
      <c r="H42902" s="12"/>
    </row>
    <row r="42903" spans="8:8">
      <c r="H42903" s="12"/>
    </row>
    <row r="42904" spans="8:8">
      <c r="H42904" s="12"/>
    </row>
    <row r="42905" spans="8:8">
      <c r="H42905" s="12"/>
    </row>
    <row r="42906" spans="8:8">
      <c r="H42906" s="12"/>
    </row>
    <row r="42907" spans="8:8">
      <c r="H42907" s="12"/>
    </row>
    <row r="42908" spans="8:8">
      <c r="H42908" s="12"/>
    </row>
    <row r="42909" spans="8:8">
      <c r="H42909" s="12"/>
    </row>
    <row r="42910" spans="8:8">
      <c r="H42910" s="12"/>
    </row>
    <row r="42911" spans="8:8">
      <c r="H42911" s="12"/>
    </row>
    <row r="42912" spans="8:8">
      <c r="H42912" s="12"/>
    </row>
    <row r="42913" spans="8:8">
      <c r="H42913" s="12"/>
    </row>
    <row r="42914" spans="8:8">
      <c r="H42914" s="12"/>
    </row>
    <row r="42915" spans="8:8">
      <c r="H42915" s="12"/>
    </row>
    <row r="42916" spans="8:8">
      <c r="H42916" s="12"/>
    </row>
    <row r="42917" spans="8:8">
      <c r="H42917" s="12"/>
    </row>
    <row r="42918" spans="8:8">
      <c r="H42918" s="12"/>
    </row>
    <row r="42919" spans="8:8">
      <c r="H42919" s="12"/>
    </row>
    <row r="42920" spans="8:8">
      <c r="H42920" s="12"/>
    </row>
    <row r="42921" spans="8:8">
      <c r="H42921" s="12"/>
    </row>
    <row r="42922" spans="8:8">
      <c r="H42922" s="12"/>
    </row>
    <row r="42923" spans="8:8">
      <c r="H42923" s="12"/>
    </row>
    <row r="42924" spans="8:8">
      <c r="H42924" s="12"/>
    </row>
    <row r="42925" spans="8:8">
      <c r="H42925" s="12"/>
    </row>
    <row r="42926" spans="8:8">
      <c r="H42926" s="12"/>
    </row>
    <row r="42927" spans="8:8">
      <c r="H42927" s="12"/>
    </row>
    <row r="42928" spans="8:8">
      <c r="H42928" s="12"/>
    </row>
    <row r="42929" spans="8:8">
      <c r="H42929" s="12"/>
    </row>
    <row r="42930" spans="8:8">
      <c r="H42930" s="12"/>
    </row>
    <row r="42931" spans="8:8">
      <c r="H42931" s="12"/>
    </row>
    <row r="42932" spans="8:8">
      <c r="H42932" s="12"/>
    </row>
    <row r="42933" spans="8:8">
      <c r="H42933" s="12"/>
    </row>
    <row r="42934" spans="8:8">
      <c r="H42934" s="12"/>
    </row>
    <row r="42935" spans="8:8">
      <c r="H42935" s="12"/>
    </row>
    <row r="42936" spans="8:8">
      <c r="H42936" s="12"/>
    </row>
    <row r="42937" spans="8:8">
      <c r="H42937" s="12"/>
    </row>
    <row r="42938" spans="8:8">
      <c r="H42938" s="12"/>
    </row>
    <row r="42939" spans="8:8">
      <c r="H42939" s="12"/>
    </row>
    <row r="42940" spans="8:8">
      <c r="H42940" s="12"/>
    </row>
    <row r="42941" spans="8:8">
      <c r="H42941" s="12"/>
    </row>
    <row r="42942" spans="8:8">
      <c r="H42942" s="12"/>
    </row>
    <row r="42943" spans="8:8">
      <c r="H42943" s="12"/>
    </row>
    <row r="42944" spans="8:8">
      <c r="H42944" s="12"/>
    </row>
    <row r="42945" spans="8:8">
      <c r="H42945" s="12"/>
    </row>
    <row r="42946" spans="8:8">
      <c r="H42946" s="12"/>
    </row>
    <row r="42947" spans="8:8">
      <c r="H42947" s="12"/>
    </row>
    <row r="42948" spans="8:8">
      <c r="H42948" s="12"/>
    </row>
    <row r="42949" spans="8:8">
      <c r="H42949" s="12"/>
    </row>
    <row r="42950" spans="8:8">
      <c r="H42950" s="12"/>
    </row>
    <row r="42951" spans="8:8">
      <c r="H42951" s="12"/>
    </row>
    <row r="42952" spans="8:8">
      <c r="H42952" s="12"/>
    </row>
    <row r="42953" spans="8:8">
      <c r="H42953" s="12"/>
    </row>
    <row r="42954" spans="8:8">
      <c r="H42954" s="12"/>
    </row>
    <row r="42955" spans="8:8">
      <c r="H42955" s="12"/>
    </row>
    <row r="42956" spans="8:8">
      <c r="H42956" s="12"/>
    </row>
    <row r="42957" spans="8:8">
      <c r="H42957" s="12"/>
    </row>
    <row r="42958" spans="8:8">
      <c r="H42958" s="12"/>
    </row>
    <row r="42959" spans="8:8">
      <c r="H42959" s="12"/>
    </row>
    <row r="42960" spans="8:8">
      <c r="H42960" s="12"/>
    </row>
    <row r="42961" spans="8:8">
      <c r="H42961" s="12"/>
    </row>
    <row r="42962" spans="8:8">
      <c r="H42962" s="12"/>
    </row>
    <row r="42963" spans="8:8">
      <c r="H42963" s="12"/>
    </row>
    <row r="42964" spans="8:8">
      <c r="H42964" s="12"/>
    </row>
    <row r="42965" spans="8:8">
      <c r="H42965" s="12"/>
    </row>
    <row r="42966" spans="8:8">
      <c r="H42966" s="12"/>
    </row>
    <row r="42967" spans="8:8">
      <c r="H42967" s="12"/>
    </row>
    <row r="42968" spans="8:8">
      <c r="H42968" s="12"/>
    </row>
    <row r="42969" spans="8:8">
      <c r="H42969" s="12"/>
    </row>
    <row r="42970" spans="8:8">
      <c r="H42970" s="12"/>
    </row>
    <row r="42971" spans="8:8">
      <c r="H42971" s="12"/>
    </row>
    <row r="42972" spans="8:8">
      <c r="H42972" s="12"/>
    </row>
    <row r="42973" spans="8:8">
      <c r="H42973" s="12"/>
    </row>
    <row r="42974" spans="8:8">
      <c r="H42974" s="12"/>
    </row>
    <row r="42975" spans="8:8">
      <c r="H42975" s="12"/>
    </row>
    <row r="42976" spans="8:8">
      <c r="H42976" s="12"/>
    </row>
    <row r="42977" spans="8:8">
      <c r="H42977" s="12"/>
    </row>
    <row r="42978" spans="8:8">
      <c r="H42978" s="12"/>
    </row>
    <row r="42979" spans="8:8">
      <c r="H42979" s="12"/>
    </row>
    <row r="42980" spans="8:8">
      <c r="H42980" s="12"/>
    </row>
    <row r="42981" spans="8:8">
      <c r="H42981" s="12"/>
    </row>
    <row r="42982" spans="8:8">
      <c r="H42982" s="12"/>
    </row>
    <row r="42983" spans="8:8">
      <c r="H42983" s="12"/>
    </row>
    <row r="42984" spans="8:8">
      <c r="H42984" s="12"/>
    </row>
    <row r="42985" spans="8:8">
      <c r="H42985" s="12"/>
    </row>
    <row r="42986" spans="8:8">
      <c r="H42986" s="12"/>
    </row>
    <row r="42987" spans="8:8">
      <c r="H42987" s="12"/>
    </row>
    <row r="42988" spans="8:8">
      <c r="H42988" s="12"/>
    </row>
    <row r="42989" spans="8:8">
      <c r="H42989" s="12"/>
    </row>
    <row r="42990" spans="8:8">
      <c r="H42990" s="12"/>
    </row>
    <row r="42991" spans="8:8">
      <c r="H42991" s="12"/>
    </row>
    <row r="42992" spans="8:8">
      <c r="H42992" s="12"/>
    </row>
    <row r="42993" spans="8:8">
      <c r="H42993" s="12"/>
    </row>
    <row r="42994" spans="8:8">
      <c r="H42994" s="12"/>
    </row>
    <row r="42995" spans="8:8">
      <c r="H42995" s="12"/>
    </row>
    <row r="42996" spans="8:8">
      <c r="H42996" s="12"/>
    </row>
    <row r="42997" spans="8:8">
      <c r="H42997" s="12"/>
    </row>
    <row r="42998" spans="8:8">
      <c r="H42998" s="12"/>
    </row>
    <row r="42999" spans="8:8">
      <c r="H42999" s="12"/>
    </row>
    <row r="43000" spans="8:8">
      <c r="H43000" s="12"/>
    </row>
    <row r="43001" spans="8:8">
      <c r="H43001" s="12"/>
    </row>
    <row r="43002" spans="8:8">
      <c r="H43002" s="12"/>
    </row>
    <row r="43003" spans="8:8">
      <c r="H43003" s="12"/>
    </row>
    <row r="43004" spans="8:8">
      <c r="H43004" s="12"/>
    </row>
    <row r="43005" spans="8:8">
      <c r="H43005" s="12"/>
    </row>
    <row r="43006" spans="8:8">
      <c r="H43006" s="12"/>
    </row>
    <row r="43007" spans="8:8">
      <c r="H43007" s="12"/>
    </row>
    <row r="43008" spans="8:8">
      <c r="H43008" s="12"/>
    </row>
    <row r="43009" spans="8:8">
      <c r="H43009" s="12"/>
    </row>
    <row r="43010" spans="8:8">
      <c r="H43010" s="12"/>
    </row>
    <row r="43011" spans="8:8">
      <c r="H43011" s="12"/>
    </row>
    <row r="43012" spans="8:8">
      <c r="H43012" s="12"/>
    </row>
    <row r="43013" spans="8:8">
      <c r="H43013" s="12"/>
    </row>
    <row r="43014" spans="8:8">
      <c r="H43014" s="12"/>
    </row>
    <row r="43015" spans="8:8">
      <c r="H43015" s="12"/>
    </row>
    <row r="43016" spans="8:8">
      <c r="H43016" s="12"/>
    </row>
    <row r="43017" spans="8:8">
      <c r="H43017" s="12"/>
    </row>
    <row r="43018" spans="8:8">
      <c r="H43018" s="12"/>
    </row>
    <row r="43019" spans="8:8">
      <c r="H43019" s="12"/>
    </row>
    <row r="43020" spans="8:8">
      <c r="H43020" s="12"/>
    </row>
    <row r="43021" spans="8:8">
      <c r="H43021" s="12"/>
    </row>
    <row r="43022" spans="8:8">
      <c r="H43022" s="12"/>
    </row>
    <row r="43023" spans="8:8">
      <c r="H43023" s="12"/>
    </row>
    <row r="43024" spans="8:8">
      <c r="H43024" s="12"/>
    </row>
    <row r="43025" spans="8:8">
      <c r="H43025" s="12"/>
    </row>
    <row r="43026" spans="8:8">
      <c r="H43026" s="12"/>
    </row>
    <row r="43027" spans="8:8">
      <c r="H43027" s="12"/>
    </row>
    <row r="43028" spans="8:8">
      <c r="H43028" s="12"/>
    </row>
    <row r="43029" spans="8:8">
      <c r="H43029" s="12"/>
    </row>
    <row r="43030" spans="8:8">
      <c r="H43030" s="12"/>
    </row>
    <row r="43031" spans="8:8">
      <c r="H43031" s="12"/>
    </row>
    <row r="43032" spans="8:8">
      <c r="H43032" s="12"/>
    </row>
    <row r="43033" spans="8:8">
      <c r="H43033" s="12"/>
    </row>
    <row r="43034" spans="8:8">
      <c r="H43034" s="12"/>
    </row>
    <row r="43035" spans="8:8">
      <c r="H43035" s="12"/>
    </row>
    <row r="43036" spans="8:8">
      <c r="H43036" s="12"/>
    </row>
    <row r="43037" spans="8:8">
      <c r="H43037" s="12"/>
    </row>
    <row r="43038" spans="8:8">
      <c r="H43038" s="12"/>
    </row>
    <row r="43039" spans="8:8">
      <c r="H43039" s="12"/>
    </row>
    <row r="43040" spans="8:8">
      <c r="H43040" s="12"/>
    </row>
    <row r="43041" spans="8:8">
      <c r="H43041" s="12"/>
    </row>
    <row r="43042" spans="8:8">
      <c r="H43042" s="12"/>
    </row>
    <row r="43043" spans="8:8">
      <c r="H43043" s="12"/>
    </row>
    <row r="43044" spans="8:8">
      <c r="H43044" s="12"/>
    </row>
    <row r="43045" spans="8:8">
      <c r="H43045" s="12"/>
    </row>
    <row r="43046" spans="8:8">
      <c r="H43046" s="12"/>
    </row>
    <row r="43047" spans="8:8">
      <c r="H43047" s="12"/>
    </row>
    <row r="43048" spans="8:8">
      <c r="H43048" s="12"/>
    </row>
    <row r="43049" spans="8:8">
      <c r="H43049" s="12"/>
    </row>
    <row r="43050" spans="8:8">
      <c r="H43050" s="12"/>
    </row>
    <row r="43051" spans="8:8">
      <c r="H43051" s="12"/>
    </row>
    <row r="43052" spans="8:8">
      <c r="H43052" s="12"/>
    </row>
    <row r="43053" spans="8:8">
      <c r="H43053" s="12"/>
    </row>
    <row r="43054" spans="8:8">
      <c r="H43054" s="12"/>
    </row>
    <row r="43055" spans="8:8">
      <c r="H43055" s="12"/>
    </row>
    <row r="43056" spans="8:8">
      <c r="H43056" s="12"/>
    </row>
    <row r="43057" spans="8:8">
      <c r="H43057" s="12"/>
    </row>
    <row r="43058" spans="8:8">
      <c r="H43058" s="12"/>
    </row>
    <row r="43059" spans="8:8">
      <c r="H43059" s="12"/>
    </row>
    <row r="43060" spans="8:8">
      <c r="H43060" s="12"/>
    </row>
    <row r="43061" spans="8:8">
      <c r="H43061" s="12"/>
    </row>
    <row r="43062" spans="8:8">
      <c r="H43062" s="12"/>
    </row>
    <row r="43063" spans="8:8">
      <c r="H43063" s="12"/>
    </row>
    <row r="43064" spans="8:8">
      <c r="H43064" s="12"/>
    </row>
    <row r="43065" spans="8:8">
      <c r="H43065" s="12"/>
    </row>
    <row r="43066" spans="8:8">
      <c r="H43066" s="12"/>
    </row>
    <row r="43067" spans="8:8">
      <c r="H43067" s="12"/>
    </row>
    <row r="43068" spans="8:8">
      <c r="H43068" s="12"/>
    </row>
    <row r="43069" spans="8:8">
      <c r="H43069" s="12"/>
    </row>
    <row r="43070" spans="8:8">
      <c r="H43070" s="12"/>
    </row>
    <row r="43071" spans="8:8">
      <c r="H43071" s="12"/>
    </row>
    <row r="43072" spans="8:8">
      <c r="H43072" s="12"/>
    </row>
    <row r="43073" spans="8:8">
      <c r="H43073" s="12"/>
    </row>
    <row r="43074" spans="8:8">
      <c r="H43074" s="12"/>
    </row>
    <row r="43075" spans="8:8">
      <c r="H43075" s="12"/>
    </row>
    <row r="43076" spans="8:8">
      <c r="H43076" s="12"/>
    </row>
    <row r="43077" spans="8:8">
      <c r="H43077" s="12"/>
    </row>
    <row r="43078" spans="8:8">
      <c r="H43078" s="12"/>
    </row>
    <row r="43079" spans="8:8">
      <c r="H43079" s="12"/>
    </row>
    <row r="43080" spans="8:8">
      <c r="H43080" s="12"/>
    </row>
    <row r="43081" spans="8:8">
      <c r="H43081" s="12"/>
    </row>
    <row r="43082" spans="8:8">
      <c r="H43082" s="12"/>
    </row>
    <row r="43083" spans="8:8">
      <c r="H43083" s="12"/>
    </row>
    <row r="43084" spans="8:8">
      <c r="H43084" s="12"/>
    </row>
    <row r="43085" spans="8:8">
      <c r="H43085" s="12"/>
    </row>
    <row r="43086" spans="8:8">
      <c r="H43086" s="12"/>
    </row>
    <row r="43087" spans="8:8">
      <c r="H43087" s="12"/>
    </row>
    <row r="43088" spans="8:8">
      <c r="H43088" s="12"/>
    </row>
    <row r="43089" spans="8:8">
      <c r="H43089" s="12"/>
    </row>
    <row r="43090" spans="8:8">
      <c r="H43090" s="12"/>
    </row>
    <row r="43091" spans="8:8">
      <c r="H43091" s="12"/>
    </row>
    <row r="43092" spans="8:8">
      <c r="H43092" s="12"/>
    </row>
    <row r="43093" spans="8:8">
      <c r="H43093" s="12"/>
    </row>
    <row r="43094" spans="8:8">
      <c r="H43094" s="12"/>
    </row>
    <row r="43095" spans="8:8">
      <c r="H43095" s="12"/>
    </row>
    <row r="43096" spans="8:8">
      <c r="H43096" s="12"/>
    </row>
    <row r="43097" spans="8:8">
      <c r="H43097" s="12"/>
    </row>
    <row r="43098" spans="8:8">
      <c r="H43098" s="12"/>
    </row>
    <row r="43099" spans="8:8">
      <c r="H43099" s="12"/>
    </row>
    <row r="43100" spans="8:8">
      <c r="H43100" s="12"/>
    </row>
    <row r="43101" spans="8:8">
      <c r="H43101" s="12"/>
    </row>
    <row r="43102" spans="8:8">
      <c r="H43102" s="12"/>
    </row>
    <row r="43103" spans="8:8">
      <c r="H43103" s="12"/>
    </row>
    <row r="43104" spans="8:8">
      <c r="H43104" s="12"/>
    </row>
    <row r="43105" spans="8:8">
      <c r="H43105" s="12"/>
    </row>
    <row r="43106" spans="8:8">
      <c r="H43106" s="12"/>
    </row>
    <row r="43107" spans="8:8">
      <c r="H43107" s="12"/>
    </row>
    <row r="43108" spans="8:8">
      <c r="H43108" s="12"/>
    </row>
    <row r="43109" spans="8:8">
      <c r="H43109" s="12"/>
    </row>
    <row r="43110" spans="8:8">
      <c r="H43110" s="12"/>
    </row>
    <row r="43111" spans="8:8">
      <c r="H43111" s="12"/>
    </row>
    <row r="43112" spans="8:8">
      <c r="H43112" s="12"/>
    </row>
    <row r="43113" spans="8:8">
      <c r="H43113" s="12"/>
    </row>
    <row r="43114" spans="8:8">
      <c r="H43114" s="12"/>
    </row>
    <row r="43115" spans="8:8">
      <c r="H43115" s="12"/>
    </row>
    <row r="43116" spans="8:8">
      <c r="H43116" s="12"/>
    </row>
    <row r="43117" spans="8:8">
      <c r="H43117" s="12"/>
    </row>
    <row r="43118" spans="8:8">
      <c r="H43118" s="12"/>
    </row>
    <row r="43119" spans="8:8">
      <c r="H43119" s="12"/>
    </row>
    <row r="43120" spans="8:8">
      <c r="H43120" s="12"/>
    </row>
    <row r="43121" spans="8:8">
      <c r="H43121" s="12"/>
    </row>
    <row r="43122" spans="8:8">
      <c r="H43122" s="12"/>
    </row>
    <row r="43123" spans="8:8">
      <c r="H43123" s="12"/>
    </row>
    <row r="43124" spans="8:8">
      <c r="H43124" s="12"/>
    </row>
    <row r="43125" spans="8:8">
      <c r="H43125" s="12"/>
    </row>
    <row r="43126" spans="8:8">
      <c r="H43126" s="12"/>
    </row>
    <row r="43127" spans="8:8">
      <c r="H43127" s="12"/>
    </row>
    <row r="43128" spans="8:8">
      <c r="H43128" s="12"/>
    </row>
    <row r="43129" spans="8:8">
      <c r="H43129" s="12"/>
    </row>
    <row r="43130" spans="8:8">
      <c r="H43130" s="12"/>
    </row>
    <row r="43131" spans="8:8">
      <c r="H43131" s="12"/>
    </row>
    <row r="43132" spans="8:8">
      <c r="H43132" s="12"/>
    </row>
    <row r="43133" spans="8:8">
      <c r="H43133" s="12"/>
    </row>
    <row r="43134" spans="8:8">
      <c r="H43134" s="12"/>
    </row>
    <row r="43135" spans="8:8">
      <c r="H43135" s="12"/>
    </row>
    <row r="43136" spans="8:8">
      <c r="H43136" s="12"/>
    </row>
    <row r="43137" spans="8:8">
      <c r="H43137" s="12"/>
    </row>
    <row r="43138" spans="8:8">
      <c r="H43138" s="12"/>
    </row>
    <row r="43139" spans="8:8">
      <c r="H43139" s="12"/>
    </row>
    <row r="43140" spans="8:8">
      <c r="H43140" s="12"/>
    </row>
    <row r="43141" spans="8:8">
      <c r="H43141" s="12"/>
    </row>
    <row r="43142" spans="8:8">
      <c r="H43142" s="12"/>
    </row>
    <row r="43143" spans="8:8">
      <c r="H43143" s="12"/>
    </row>
    <row r="43144" spans="8:8">
      <c r="H43144" s="12"/>
    </row>
    <row r="43145" spans="8:8">
      <c r="H43145" s="12"/>
    </row>
    <row r="43146" spans="8:8">
      <c r="H43146" s="12"/>
    </row>
    <row r="43147" spans="8:8">
      <c r="H43147" s="12"/>
    </row>
    <row r="43148" spans="8:8">
      <c r="H43148" s="12"/>
    </row>
    <row r="43149" spans="8:8">
      <c r="H43149" s="12"/>
    </row>
    <row r="43150" spans="8:8">
      <c r="H43150" s="12"/>
    </row>
    <row r="43151" spans="8:8">
      <c r="H43151" s="12"/>
    </row>
    <row r="43152" spans="8:8">
      <c r="H43152" s="12"/>
    </row>
    <row r="43153" spans="8:8">
      <c r="H43153" s="12"/>
    </row>
    <row r="43154" spans="8:8">
      <c r="H43154" s="12"/>
    </row>
    <row r="43155" spans="8:8">
      <c r="H43155" s="12"/>
    </row>
    <row r="43156" spans="8:8">
      <c r="H43156" s="12"/>
    </row>
    <row r="43157" spans="8:8">
      <c r="H43157" s="12"/>
    </row>
    <row r="43158" spans="8:8">
      <c r="H43158" s="12"/>
    </row>
    <row r="43159" spans="8:8">
      <c r="H43159" s="12"/>
    </row>
    <row r="43160" spans="8:8">
      <c r="H43160" s="12"/>
    </row>
    <row r="43161" spans="8:8">
      <c r="H43161" s="12"/>
    </row>
    <row r="43162" spans="8:8">
      <c r="H43162" s="12"/>
    </row>
    <row r="43163" spans="8:8">
      <c r="H43163" s="12"/>
    </row>
    <row r="43164" spans="8:8">
      <c r="H43164" s="12"/>
    </row>
    <row r="43165" spans="8:8">
      <c r="H43165" s="12"/>
    </row>
    <row r="43166" spans="8:8">
      <c r="H43166" s="12"/>
    </row>
    <row r="43167" spans="8:8">
      <c r="H43167" s="12"/>
    </row>
    <row r="43168" spans="8:8">
      <c r="H43168" s="12"/>
    </row>
    <row r="43169" spans="8:8">
      <c r="H43169" s="12"/>
    </row>
    <row r="43170" spans="8:8">
      <c r="H43170" s="12"/>
    </row>
    <row r="43171" spans="8:8">
      <c r="H43171" s="12"/>
    </row>
    <row r="43172" spans="8:8">
      <c r="H43172" s="12"/>
    </row>
    <row r="43173" spans="8:8">
      <c r="H43173" s="12"/>
    </row>
    <row r="43174" spans="8:8">
      <c r="H43174" s="12"/>
    </row>
    <row r="43175" spans="8:8">
      <c r="H43175" s="12"/>
    </row>
    <row r="43176" spans="8:8">
      <c r="H43176" s="12"/>
    </row>
    <row r="43177" spans="8:8">
      <c r="H43177" s="12"/>
    </row>
    <row r="43178" spans="8:8">
      <c r="H43178" s="12"/>
    </row>
    <row r="43179" spans="8:8">
      <c r="H43179" s="12"/>
    </row>
    <row r="43180" spans="8:8">
      <c r="H43180" s="12"/>
    </row>
    <row r="43181" spans="8:8">
      <c r="H43181" s="12"/>
    </row>
    <row r="43182" spans="8:8">
      <c r="H43182" s="12"/>
    </row>
    <row r="43183" spans="8:8">
      <c r="H43183" s="12"/>
    </row>
    <row r="43184" spans="8:8">
      <c r="H43184" s="12"/>
    </row>
    <row r="43185" spans="8:8">
      <c r="H43185" s="12"/>
    </row>
    <row r="43186" spans="8:8">
      <c r="H43186" s="12"/>
    </row>
    <row r="43187" spans="8:8">
      <c r="H43187" s="12"/>
    </row>
    <row r="43188" spans="8:8">
      <c r="H43188" s="12"/>
    </row>
    <row r="43189" spans="8:8">
      <c r="H43189" s="12"/>
    </row>
    <row r="43190" spans="8:8">
      <c r="H43190" s="12"/>
    </row>
    <row r="43191" spans="8:8">
      <c r="H43191" s="12"/>
    </row>
    <row r="43192" spans="8:8">
      <c r="H43192" s="12"/>
    </row>
    <row r="43193" spans="8:8">
      <c r="H43193" s="12"/>
    </row>
    <row r="43194" spans="8:8">
      <c r="H43194" s="12"/>
    </row>
    <row r="43195" spans="8:8">
      <c r="H43195" s="12"/>
    </row>
    <row r="43196" spans="8:8">
      <c r="H43196" s="12"/>
    </row>
    <row r="43197" spans="8:8">
      <c r="H43197" s="12"/>
    </row>
    <row r="43198" spans="8:8">
      <c r="H43198" s="12"/>
    </row>
    <row r="43199" spans="8:8">
      <c r="H43199" s="12"/>
    </row>
    <row r="43200" spans="8:8">
      <c r="H43200" s="12"/>
    </row>
    <row r="43201" spans="8:8">
      <c r="H43201" s="12"/>
    </row>
    <row r="43202" spans="8:8">
      <c r="H43202" s="12"/>
    </row>
    <row r="43203" spans="8:8">
      <c r="H43203" s="12"/>
    </row>
    <row r="43204" spans="8:8">
      <c r="H43204" s="12"/>
    </row>
    <row r="43205" spans="8:8">
      <c r="H43205" s="12"/>
    </row>
    <row r="43206" spans="8:8">
      <c r="H43206" s="12"/>
    </row>
    <row r="43207" spans="8:8">
      <c r="H43207" s="12"/>
    </row>
    <row r="43208" spans="8:8">
      <c r="H43208" s="12"/>
    </row>
    <row r="43209" spans="8:8">
      <c r="H43209" s="12"/>
    </row>
    <row r="43210" spans="8:8">
      <c r="H43210" s="12"/>
    </row>
    <row r="43211" spans="8:8">
      <c r="H43211" s="12"/>
    </row>
    <row r="43212" spans="8:8">
      <c r="H43212" s="12"/>
    </row>
    <row r="43213" spans="8:8">
      <c r="H43213" s="12"/>
    </row>
    <row r="43214" spans="8:8">
      <c r="H43214" s="12"/>
    </row>
    <row r="43215" spans="8:8">
      <c r="H43215" s="12"/>
    </row>
    <row r="43216" spans="8:8">
      <c r="H43216" s="12"/>
    </row>
    <row r="43217" spans="8:8">
      <c r="H43217" s="12"/>
    </row>
    <row r="43218" spans="8:8">
      <c r="H43218" s="12"/>
    </row>
    <row r="43219" spans="8:8">
      <c r="H43219" s="12"/>
    </row>
    <row r="43220" spans="8:8">
      <c r="H43220" s="12"/>
    </row>
    <row r="43221" spans="8:8">
      <c r="H43221" s="12"/>
    </row>
    <row r="43222" spans="8:8">
      <c r="H43222" s="12"/>
    </row>
    <row r="43223" spans="8:8">
      <c r="H43223" s="12"/>
    </row>
    <row r="43224" spans="8:8">
      <c r="H43224" s="12"/>
    </row>
    <row r="43225" spans="8:8">
      <c r="H43225" s="12"/>
    </row>
    <row r="43226" spans="8:8">
      <c r="H43226" s="12"/>
    </row>
    <row r="43227" spans="8:8">
      <c r="H43227" s="12"/>
    </row>
    <row r="43228" spans="8:8">
      <c r="H43228" s="12"/>
    </row>
    <row r="43229" spans="8:8">
      <c r="H43229" s="12"/>
    </row>
    <row r="43230" spans="8:8">
      <c r="H43230" s="12"/>
    </row>
    <row r="43231" spans="8:8">
      <c r="H43231" s="12"/>
    </row>
    <row r="43232" spans="8:8">
      <c r="H43232" s="12"/>
    </row>
    <row r="43233" spans="8:8">
      <c r="H43233" s="12"/>
    </row>
    <row r="43234" spans="8:8">
      <c r="H43234" s="12"/>
    </row>
    <row r="43235" spans="8:8">
      <c r="H43235" s="12"/>
    </row>
    <row r="43236" spans="8:8">
      <c r="H43236" s="12"/>
    </row>
    <row r="43237" spans="8:8">
      <c r="H43237" s="12"/>
    </row>
    <row r="43238" spans="8:8">
      <c r="H43238" s="12"/>
    </row>
    <row r="43239" spans="8:8">
      <c r="H43239" s="12"/>
    </row>
    <row r="43240" spans="8:8">
      <c r="H43240" s="12"/>
    </row>
    <row r="43241" spans="8:8">
      <c r="H43241" s="12"/>
    </row>
    <row r="43242" spans="8:8">
      <c r="H43242" s="12"/>
    </row>
    <row r="43243" spans="8:8">
      <c r="H43243" s="12"/>
    </row>
    <row r="43244" spans="8:8">
      <c r="H43244" s="12"/>
    </row>
    <row r="43245" spans="8:8">
      <c r="H43245" s="12"/>
    </row>
    <row r="43246" spans="8:8">
      <c r="H43246" s="12"/>
    </row>
    <row r="43247" spans="8:8">
      <c r="H43247" s="12"/>
    </row>
    <row r="43248" spans="8:8">
      <c r="H43248" s="12"/>
    </row>
    <row r="43249" spans="8:8">
      <c r="H43249" s="12"/>
    </row>
    <row r="43250" spans="8:8">
      <c r="H43250" s="12"/>
    </row>
    <row r="43251" spans="8:8">
      <c r="H43251" s="12"/>
    </row>
    <row r="43252" spans="8:8">
      <c r="H43252" s="12"/>
    </row>
    <row r="43253" spans="8:8">
      <c r="H43253" s="12"/>
    </row>
    <row r="43254" spans="8:8">
      <c r="H43254" s="12"/>
    </row>
    <row r="43255" spans="8:8">
      <c r="H43255" s="12"/>
    </row>
    <row r="43256" spans="8:8">
      <c r="H43256" s="12"/>
    </row>
    <row r="43257" spans="8:8">
      <c r="H43257" s="12"/>
    </row>
    <row r="43258" spans="8:8">
      <c r="H43258" s="12"/>
    </row>
    <row r="43259" spans="8:8">
      <c r="H43259" s="12"/>
    </row>
    <row r="43260" spans="8:8">
      <c r="H43260" s="12"/>
    </row>
    <row r="43261" spans="8:8">
      <c r="H43261" s="12"/>
    </row>
    <row r="43262" spans="8:8">
      <c r="H43262" s="12"/>
    </row>
    <row r="43263" spans="8:8">
      <c r="H43263" s="12"/>
    </row>
    <row r="43264" spans="8:8">
      <c r="H43264" s="12"/>
    </row>
    <row r="43265" spans="8:8">
      <c r="H43265" s="12"/>
    </row>
    <row r="43266" spans="8:8">
      <c r="H43266" s="12"/>
    </row>
    <row r="43267" spans="8:8">
      <c r="H43267" s="12"/>
    </row>
    <row r="43268" spans="8:8">
      <c r="H43268" s="12"/>
    </row>
    <row r="43269" spans="8:8">
      <c r="H43269" s="12"/>
    </row>
    <row r="43270" spans="8:8">
      <c r="H43270" s="12"/>
    </row>
    <row r="43271" spans="8:8">
      <c r="H43271" s="12"/>
    </row>
    <row r="43272" spans="8:8">
      <c r="H43272" s="12"/>
    </row>
    <row r="43273" spans="8:8">
      <c r="H43273" s="12"/>
    </row>
    <row r="43274" spans="8:8">
      <c r="H43274" s="12"/>
    </row>
    <row r="43275" spans="8:8">
      <c r="H43275" s="12"/>
    </row>
    <row r="43276" spans="8:8">
      <c r="H43276" s="12"/>
    </row>
    <row r="43277" spans="8:8">
      <c r="H43277" s="12"/>
    </row>
    <row r="43278" spans="8:8">
      <c r="H43278" s="12"/>
    </row>
    <row r="43279" spans="8:8">
      <c r="H43279" s="12"/>
    </row>
    <row r="43280" spans="8:8">
      <c r="H43280" s="12"/>
    </row>
    <row r="43281" spans="8:8">
      <c r="H43281" s="12"/>
    </row>
    <row r="43282" spans="8:8">
      <c r="H43282" s="12"/>
    </row>
    <row r="43283" spans="8:8">
      <c r="H43283" s="12"/>
    </row>
    <row r="43284" spans="8:8">
      <c r="H43284" s="12"/>
    </row>
    <row r="43285" spans="8:8">
      <c r="H43285" s="12"/>
    </row>
    <row r="43286" spans="8:8">
      <c r="H43286" s="12"/>
    </row>
    <row r="43287" spans="8:8">
      <c r="H43287" s="12"/>
    </row>
    <row r="43288" spans="8:8">
      <c r="H43288" s="12"/>
    </row>
    <row r="43289" spans="8:8">
      <c r="H43289" s="12"/>
    </row>
    <row r="43290" spans="8:8">
      <c r="H43290" s="12"/>
    </row>
    <row r="43291" spans="8:8">
      <c r="H43291" s="12"/>
    </row>
    <row r="43292" spans="8:8">
      <c r="H43292" s="12"/>
    </row>
    <row r="43293" spans="8:8">
      <c r="H43293" s="12"/>
    </row>
    <row r="43294" spans="8:8">
      <c r="H43294" s="12"/>
    </row>
    <row r="43295" spans="8:8">
      <c r="H43295" s="12"/>
    </row>
    <row r="43296" spans="8:8">
      <c r="H43296" s="12"/>
    </row>
    <row r="43297" spans="8:8">
      <c r="H43297" s="12"/>
    </row>
    <row r="43298" spans="8:8">
      <c r="H43298" s="12"/>
    </row>
    <row r="43299" spans="8:8">
      <c r="H43299" s="12"/>
    </row>
    <row r="43300" spans="8:8">
      <c r="H43300" s="12"/>
    </row>
    <row r="43301" spans="8:8">
      <c r="H43301" s="12"/>
    </row>
    <row r="43302" spans="8:8">
      <c r="H43302" s="12"/>
    </row>
    <row r="43303" spans="8:8">
      <c r="H43303" s="12"/>
    </row>
    <row r="43304" spans="8:8">
      <c r="H43304" s="12"/>
    </row>
    <row r="43305" spans="8:8">
      <c r="H43305" s="12"/>
    </row>
    <row r="43306" spans="8:8">
      <c r="H43306" s="12"/>
    </row>
    <row r="43307" spans="8:8">
      <c r="H43307" s="12"/>
    </row>
    <row r="43308" spans="8:8">
      <c r="H43308" s="12"/>
    </row>
    <row r="43309" spans="8:8">
      <c r="H43309" s="12"/>
    </row>
    <row r="43310" spans="8:8">
      <c r="H43310" s="12"/>
    </row>
    <row r="43311" spans="8:8">
      <c r="H43311" s="12"/>
    </row>
    <row r="43312" spans="8:8">
      <c r="H43312" s="12"/>
    </row>
    <row r="43313" spans="8:8">
      <c r="H43313" s="12"/>
    </row>
    <row r="43314" spans="8:8">
      <c r="H43314" s="12"/>
    </row>
    <row r="43315" spans="8:8">
      <c r="H43315" s="12"/>
    </row>
    <row r="43316" spans="8:8">
      <c r="H43316" s="12"/>
    </row>
    <row r="43317" spans="8:8">
      <c r="H43317" s="12"/>
    </row>
    <row r="43318" spans="8:8">
      <c r="H43318" s="12"/>
    </row>
    <row r="43319" spans="8:8">
      <c r="H43319" s="12"/>
    </row>
    <row r="43320" spans="8:8">
      <c r="H43320" s="12"/>
    </row>
    <row r="43321" spans="8:8">
      <c r="H43321" s="12"/>
    </row>
    <row r="43322" spans="8:8">
      <c r="H43322" s="12"/>
    </row>
    <row r="43323" spans="8:8">
      <c r="H43323" s="12"/>
    </row>
    <row r="43324" spans="8:8">
      <c r="H43324" s="12"/>
    </row>
    <row r="43325" spans="8:8">
      <c r="H43325" s="12"/>
    </row>
    <row r="43326" spans="8:8">
      <c r="H43326" s="12"/>
    </row>
    <row r="43327" spans="8:8">
      <c r="H43327" s="12"/>
    </row>
    <row r="43328" spans="8:8">
      <c r="H43328" s="12"/>
    </row>
    <row r="43329" spans="8:8">
      <c r="H43329" s="12"/>
    </row>
    <row r="43330" spans="8:8">
      <c r="H43330" s="12"/>
    </row>
    <row r="43331" spans="8:8">
      <c r="H43331" s="12"/>
    </row>
    <row r="43332" spans="8:8">
      <c r="H43332" s="12"/>
    </row>
    <row r="43333" spans="8:8">
      <c r="H43333" s="12"/>
    </row>
    <row r="43334" spans="8:8">
      <c r="H43334" s="12"/>
    </row>
    <row r="43335" spans="8:8">
      <c r="H43335" s="12"/>
    </row>
    <row r="43336" spans="8:8">
      <c r="H43336" s="12"/>
    </row>
    <row r="43337" spans="8:8">
      <c r="H43337" s="12"/>
    </row>
    <row r="43338" spans="8:8">
      <c r="H43338" s="12"/>
    </row>
    <row r="43339" spans="8:8">
      <c r="H43339" s="12"/>
    </row>
    <row r="43340" spans="8:8">
      <c r="H43340" s="12"/>
    </row>
    <row r="43341" spans="8:8">
      <c r="H43341" s="12"/>
    </row>
    <row r="43342" spans="8:8">
      <c r="H43342" s="12"/>
    </row>
    <row r="43343" spans="8:8">
      <c r="H43343" s="12"/>
    </row>
    <row r="43344" spans="8:8">
      <c r="H43344" s="12"/>
    </row>
    <row r="43345" spans="8:8">
      <c r="H43345" s="12"/>
    </row>
    <row r="43346" spans="8:8">
      <c r="H43346" s="12"/>
    </row>
    <row r="43347" spans="8:8">
      <c r="H43347" s="12"/>
    </row>
    <row r="43348" spans="8:8">
      <c r="H43348" s="12"/>
    </row>
    <row r="43349" spans="8:8">
      <c r="H43349" s="12"/>
    </row>
    <row r="43350" spans="8:8">
      <c r="H43350" s="12"/>
    </row>
    <row r="43351" spans="8:8">
      <c r="H43351" s="12"/>
    </row>
    <row r="43352" spans="8:8">
      <c r="H43352" s="12"/>
    </row>
    <row r="43353" spans="8:8">
      <c r="H43353" s="12"/>
    </row>
    <row r="43354" spans="8:8">
      <c r="H43354" s="12"/>
    </row>
    <row r="43355" spans="8:8">
      <c r="H43355" s="12"/>
    </row>
    <row r="43356" spans="8:8">
      <c r="H43356" s="12"/>
    </row>
    <row r="43357" spans="8:8">
      <c r="H43357" s="12"/>
    </row>
    <row r="43358" spans="8:8">
      <c r="H43358" s="12"/>
    </row>
    <row r="43359" spans="8:8">
      <c r="H43359" s="12"/>
    </row>
    <row r="43360" spans="8:8">
      <c r="H43360" s="12"/>
    </row>
    <row r="43361" spans="8:8">
      <c r="H43361" s="12"/>
    </row>
    <row r="43362" spans="8:8">
      <c r="H43362" s="12"/>
    </row>
    <row r="43363" spans="8:8">
      <c r="H43363" s="12"/>
    </row>
    <row r="43364" spans="8:8">
      <c r="H43364" s="12"/>
    </row>
    <row r="43365" spans="8:8">
      <c r="H43365" s="12"/>
    </row>
    <row r="43366" spans="8:8">
      <c r="H43366" s="12"/>
    </row>
    <row r="43367" spans="8:8">
      <c r="H43367" s="12"/>
    </row>
    <row r="43368" spans="8:8">
      <c r="H43368" s="12"/>
    </row>
    <row r="43369" spans="8:8">
      <c r="H43369" s="12"/>
    </row>
    <row r="43370" spans="8:8">
      <c r="H43370" s="12"/>
    </row>
    <row r="43371" spans="8:8">
      <c r="H43371" s="12"/>
    </row>
    <row r="43372" spans="8:8">
      <c r="H43372" s="12"/>
    </row>
    <row r="43373" spans="8:8">
      <c r="H43373" s="12"/>
    </row>
    <row r="43374" spans="8:8">
      <c r="H43374" s="12"/>
    </row>
    <row r="43375" spans="8:8">
      <c r="H43375" s="12"/>
    </row>
    <row r="43376" spans="8:8">
      <c r="H43376" s="12"/>
    </row>
    <row r="43377" spans="8:8">
      <c r="H43377" s="12"/>
    </row>
    <row r="43378" spans="8:8">
      <c r="H43378" s="12"/>
    </row>
    <row r="43379" spans="8:8">
      <c r="H43379" s="12"/>
    </row>
    <row r="43380" spans="8:8">
      <c r="H43380" s="12"/>
    </row>
    <row r="43381" spans="8:8">
      <c r="H43381" s="12"/>
    </row>
    <row r="43382" spans="8:8">
      <c r="H43382" s="12"/>
    </row>
    <row r="43383" spans="8:8">
      <c r="H43383" s="12"/>
    </row>
    <row r="43384" spans="8:8">
      <c r="H43384" s="12"/>
    </row>
    <row r="43385" spans="8:8">
      <c r="H43385" s="12"/>
    </row>
    <row r="43386" spans="8:8">
      <c r="H43386" s="12"/>
    </row>
    <row r="43387" spans="8:8">
      <c r="H43387" s="12"/>
    </row>
    <row r="43388" spans="8:8">
      <c r="H43388" s="12"/>
    </row>
    <row r="43389" spans="8:8">
      <c r="H43389" s="12"/>
    </row>
    <row r="43390" spans="8:8">
      <c r="H43390" s="12"/>
    </row>
    <row r="43391" spans="8:8">
      <c r="H43391" s="12"/>
    </row>
    <row r="43392" spans="8:8">
      <c r="H43392" s="12"/>
    </row>
    <row r="43393" spans="8:8">
      <c r="H43393" s="12"/>
    </row>
    <row r="43394" spans="8:8">
      <c r="H43394" s="12"/>
    </row>
    <row r="43395" spans="8:8">
      <c r="H43395" s="12"/>
    </row>
    <row r="43396" spans="8:8">
      <c r="H43396" s="12"/>
    </row>
    <row r="43397" spans="8:8">
      <c r="H43397" s="12"/>
    </row>
    <row r="43398" spans="8:8">
      <c r="H43398" s="12"/>
    </row>
    <row r="43399" spans="8:8">
      <c r="H43399" s="12"/>
    </row>
    <row r="43400" spans="8:8">
      <c r="H43400" s="12"/>
    </row>
    <row r="43401" spans="8:8">
      <c r="H43401" s="12"/>
    </row>
    <row r="43402" spans="8:8">
      <c r="H43402" s="12"/>
    </row>
    <row r="43403" spans="8:8">
      <c r="H43403" s="12"/>
    </row>
    <row r="43404" spans="8:8">
      <c r="H43404" s="12"/>
    </row>
    <row r="43405" spans="8:8">
      <c r="H43405" s="12"/>
    </row>
    <row r="43406" spans="8:8">
      <c r="H43406" s="12"/>
    </row>
    <row r="43407" spans="8:8">
      <c r="H43407" s="12"/>
    </row>
    <row r="43408" spans="8:8">
      <c r="H43408" s="12"/>
    </row>
    <row r="43409" spans="8:8">
      <c r="H43409" s="12"/>
    </row>
    <row r="43410" spans="8:8">
      <c r="H43410" s="12"/>
    </row>
    <row r="43411" spans="8:8">
      <c r="H43411" s="12"/>
    </row>
    <row r="43412" spans="8:8">
      <c r="H43412" s="12"/>
    </row>
    <row r="43413" spans="8:8">
      <c r="H43413" s="12"/>
    </row>
    <row r="43414" spans="8:8">
      <c r="H43414" s="12"/>
    </row>
    <row r="43415" spans="8:8">
      <c r="H43415" s="12"/>
    </row>
    <row r="43416" spans="8:8">
      <c r="H43416" s="12"/>
    </row>
    <row r="43417" spans="8:8">
      <c r="H43417" s="12"/>
    </row>
    <row r="43418" spans="8:8">
      <c r="H43418" s="12"/>
    </row>
    <row r="43419" spans="8:8">
      <c r="H43419" s="12"/>
    </row>
    <row r="43420" spans="8:8">
      <c r="H43420" s="12"/>
    </row>
    <row r="43421" spans="8:8">
      <c r="H43421" s="12"/>
    </row>
    <row r="43422" spans="8:8">
      <c r="H43422" s="12"/>
    </row>
    <row r="43423" spans="8:8">
      <c r="H43423" s="12"/>
    </row>
    <row r="43424" spans="8:8">
      <c r="H43424" s="12"/>
    </row>
    <row r="43425" spans="8:8">
      <c r="H43425" s="12"/>
    </row>
    <row r="43426" spans="8:8">
      <c r="H43426" s="12"/>
    </row>
    <row r="43427" spans="8:8">
      <c r="H43427" s="12"/>
    </row>
    <row r="43428" spans="8:8">
      <c r="H43428" s="12"/>
    </row>
    <row r="43429" spans="8:8">
      <c r="H43429" s="12"/>
    </row>
    <row r="43430" spans="8:8">
      <c r="H43430" s="12"/>
    </row>
    <row r="43431" spans="8:8">
      <c r="H43431" s="12"/>
    </row>
    <row r="43432" spans="8:8">
      <c r="H43432" s="12"/>
    </row>
    <row r="43433" spans="8:8">
      <c r="H43433" s="12"/>
    </row>
    <row r="43434" spans="8:8">
      <c r="H43434" s="12"/>
    </row>
    <row r="43435" spans="8:8">
      <c r="H43435" s="12"/>
    </row>
    <row r="43436" spans="8:8">
      <c r="H43436" s="12"/>
    </row>
    <row r="43437" spans="8:8">
      <c r="H43437" s="12"/>
    </row>
    <row r="43438" spans="8:8">
      <c r="H43438" s="12"/>
    </row>
    <row r="43439" spans="8:8">
      <c r="H43439" s="12"/>
    </row>
    <row r="43440" spans="8:8">
      <c r="H43440" s="12"/>
    </row>
    <row r="43441" spans="8:8">
      <c r="H43441" s="12"/>
    </row>
    <row r="43442" spans="8:8">
      <c r="H43442" s="12"/>
    </row>
    <row r="43443" spans="8:8">
      <c r="H43443" s="12"/>
    </row>
    <row r="43444" spans="8:8">
      <c r="H43444" s="12"/>
    </row>
    <row r="43445" spans="8:8">
      <c r="H43445" s="12"/>
    </row>
    <row r="43446" spans="8:8">
      <c r="H43446" s="12"/>
    </row>
    <row r="43447" spans="8:8">
      <c r="H43447" s="12"/>
    </row>
    <row r="43448" spans="8:8">
      <c r="H43448" s="12"/>
    </row>
    <row r="43449" spans="8:8">
      <c r="H43449" s="12"/>
    </row>
    <row r="43450" spans="8:8">
      <c r="H43450" s="12"/>
    </row>
    <row r="43451" spans="8:8">
      <c r="H43451" s="12"/>
    </row>
    <row r="43452" spans="8:8">
      <c r="H43452" s="12"/>
    </row>
    <row r="43453" spans="8:8">
      <c r="H43453" s="12"/>
    </row>
    <row r="43454" spans="8:8">
      <c r="H43454" s="12"/>
    </row>
    <row r="43455" spans="8:8">
      <c r="H43455" s="12"/>
    </row>
    <row r="43456" spans="8:8">
      <c r="H43456" s="12"/>
    </row>
    <row r="43457" spans="8:8">
      <c r="H43457" s="12"/>
    </row>
    <row r="43458" spans="8:8">
      <c r="H43458" s="12"/>
    </row>
    <row r="43459" spans="8:8">
      <c r="H43459" s="12"/>
    </row>
    <row r="43460" spans="8:8">
      <c r="H43460" s="12"/>
    </row>
    <row r="43461" spans="8:8">
      <c r="H43461" s="12"/>
    </row>
    <row r="43462" spans="8:8">
      <c r="H43462" s="12"/>
    </row>
    <row r="43463" spans="8:8">
      <c r="H43463" s="12"/>
    </row>
    <row r="43464" spans="8:8">
      <c r="H43464" s="12"/>
    </row>
    <row r="43465" spans="8:8">
      <c r="H43465" s="12"/>
    </row>
    <row r="43466" spans="8:8">
      <c r="H43466" s="12"/>
    </row>
    <row r="43467" spans="8:8">
      <c r="H43467" s="12"/>
    </row>
    <row r="43468" spans="8:8">
      <c r="H43468" s="12"/>
    </row>
    <row r="43469" spans="8:8">
      <c r="H43469" s="12"/>
    </row>
    <row r="43470" spans="8:8">
      <c r="H43470" s="12"/>
    </row>
    <row r="43471" spans="8:8">
      <c r="H43471" s="12"/>
    </row>
    <row r="43472" spans="8:8">
      <c r="H43472" s="12"/>
    </row>
    <row r="43473" spans="8:8">
      <c r="H43473" s="12"/>
    </row>
    <row r="43474" spans="8:8">
      <c r="H43474" s="12"/>
    </row>
    <row r="43475" spans="8:8">
      <c r="H43475" s="12"/>
    </row>
    <row r="43476" spans="8:8">
      <c r="H43476" s="12"/>
    </row>
    <row r="43477" spans="8:8">
      <c r="H43477" s="12"/>
    </row>
    <row r="43478" spans="8:8">
      <c r="H43478" s="12"/>
    </row>
    <row r="43479" spans="8:8">
      <c r="H43479" s="12"/>
    </row>
    <row r="43480" spans="8:8">
      <c r="H43480" s="12"/>
    </row>
    <row r="43481" spans="8:8">
      <c r="H43481" s="12"/>
    </row>
    <row r="43482" spans="8:8">
      <c r="H43482" s="12"/>
    </row>
    <row r="43483" spans="8:8">
      <c r="H43483" s="12"/>
    </row>
    <row r="43484" spans="8:8">
      <c r="H43484" s="12"/>
    </row>
    <row r="43485" spans="8:8">
      <c r="H43485" s="12"/>
    </row>
    <row r="43486" spans="8:8">
      <c r="H43486" s="12"/>
    </row>
    <row r="43487" spans="8:8">
      <c r="H43487" s="12"/>
    </row>
    <row r="43488" spans="8:8">
      <c r="H43488" s="12"/>
    </row>
    <row r="43489" spans="8:8">
      <c r="H43489" s="12"/>
    </row>
    <row r="43490" spans="8:8">
      <c r="H43490" s="12"/>
    </row>
    <row r="43491" spans="8:8">
      <c r="H43491" s="12"/>
    </row>
    <row r="43492" spans="8:8">
      <c r="H43492" s="12"/>
    </row>
    <row r="43493" spans="8:8">
      <c r="H43493" s="12"/>
    </row>
    <row r="43494" spans="8:8">
      <c r="H43494" s="12"/>
    </row>
    <row r="43495" spans="8:8">
      <c r="H43495" s="12"/>
    </row>
    <row r="43496" spans="8:8">
      <c r="H43496" s="12"/>
    </row>
    <row r="43497" spans="8:8">
      <c r="H43497" s="12"/>
    </row>
    <row r="43498" spans="8:8">
      <c r="H43498" s="12"/>
    </row>
    <row r="43499" spans="8:8">
      <c r="H43499" s="12"/>
    </row>
    <row r="43500" spans="8:8">
      <c r="H43500" s="12"/>
    </row>
    <row r="43501" spans="8:8">
      <c r="H43501" s="12"/>
    </row>
    <row r="43502" spans="8:8">
      <c r="H43502" s="12"/>
    </row>
    <row r="43503" spans="8:8">
      <c r="H43503" s="12"/>
    </row>
    <row r="43504" spans="8:8">
      <c r="H43504" s="12"/>
    </row>
    <row r="43505" spans="8:8">
      <c r="H43505" s="12"/>
    </row>
    <row r="43506" spans="8:8">
      <c r="H43506" s="12"/>
    </row>
    <row r="43507" spans="8:8">
      <c r="H43507" s="12"/>
    </row>
    <row r="43508" spans="8:8">
      <c r="H43508" s="12"/>
    </row>
    <row r="43509" spans="8:8">
      <c r="H43509" s="12"/>
    </row>
    <row r="43510" spans="8:8">
      <c r="H43510" s="12"/>
    </row>
    <row r="43511" spans="8:8">
      <c r="H43511" s="12"/>
    </row>
    <row r="43512" spans="8:8">
      <c r="H43512" s="12"/>
    </row>
    <row r="43513" spans="8:8">
      <c r="H43513" s="12"/>
    </row>
    <row r="43514" spans="8:8">
      <c r="H43514" s="12"/>
    </row>
    <row r="43515" spans="8:8">
      <c r="H43515" s="12"/>
    </row>
    <row r="43516" spans="8:8">
      <c r="H43516" s="12"/>
    </row>
    <row r="43517" spans="8:8">
      <c r="H43517" s="12"/>
    </row>
    <row r="43518" spans="8:8">
      <c r="H43518" s="12"/>
    </row>
    <row r="43519" spans="8:8">
      <c r="H43519" s="12"/>
    </row>
    <row r="43520" spans="8:8">
      <c r="H43520" s="12"/>
    </row>
    <row r="43521" spans="8:8">
      <c r="H43521" s="12"/>
    </row>
    <row r="43522" spans="8:8">
      <c r="H43522" s="12"/>
    </row>
    <row r="43523" spans="8:8">
      <c r="H43523" s="12"/>
    </row>
    <row r="43524" spans="8:8">
      <c r="H43524" s="12"/>
    </row>
    <row r="43525" spans="8:8">
      <c r="H43525" s="12"/>
    </row>
    <row r="43526" spans="8:8">
      <c r="H43526" s="12"/>
    </row>
    <row r="43527" spans="8:8">
      <c r="H43527" s="12"/>
    </row>
    <row r="43528" spans="8:8">
      <c r="H43528" s="12"/>
    </row>
    <row r="43529" spans="8:8">
      <c r="H43529" s="12"/>
    </row>
    <row r="43530" spans="8:8">
      <c r="H43530" s="12"/>
    </row>
    <row r="43531" spans="8:8">
      <c r="H43531" s="12"/>
    </row>
    <row r="43532" spans="8:8">
      <c r="H43532" s="12"/>
    </row>
    <row r="43533" spans="8:8">
      <c r="H43533" s="12"/>
    </row>
    <row r="43534" spans="8:8">
      <c r="H43534" s="12"/>
    </row>
    <row r="43535" spans="8:8">
      <c r="H43535" s="12"/>
    </row>
    <row r="43536" spans="8:8">
      <c r="H43536" s="12"/>
    </row>
    <row r="43537" spans="8:8">
      <c r="H43537" s="12"/>
    </row>
    <row r="43538" spans="8:8">
      <c r="H43538" s="12"/>
    </row>
    <row r="43539" spans="8:8">
      <c r="H43539" s="12"/>
    </row>
    <row r="43540" spans="8:8">
      <c r="H43540" s="12"/>
    </row>
    <row r="43541" spans="8:8">
      <c r="H43541" s="12"/>
    </row>
    <row r="43542" spans="8:8">
      <c r="H43542" s="12"/>
    </row>
    <row r="43543" spans="8:8">
      <c r="H43543" s="12"/>
    </row>
    <row r="43544" spans="8:8">
      <c r="H43544" s="12"/>
    </row>
    <row r="43545" spans="8:8">
      <c r="H43545" s="12"/>
    </row>
    <row r="43546" spans="8:8">
      <c r="H43546" s="12"/>
    </row>
    <row r="43547" spans="8:8">
      <c r="H43547" s="12"/>
    </row>
    <row r="43548" spans="8:8">
      <c r="H43548" s="12"/>
    </row>
    <row r="43549" spans="8:8">
      <c r="H43549" s="12"/>
    </row>
    <row r="43550" spans="8:8">
      <c r="H43550" s="12"/>
    </row>
    <row r="43551" spans="8:8">
      <c r="H43551" s="12"/>
    </row>
    <row r="43552" spans="8:8">
      <c r="H43552" s="12"/>
    </row>
    <row r="43553" spans="8:8">
      <c r="H43553" s="12"/>
    </row>
    <row r="43554" spans="8:8">
      <c r="H43554" s="12"/>
    </row>
    <row r="43555" spans="8:8">
      <c r="H43555" s="12"/>
    </row>
    <row r="43556" spans="8:8">
      <c r="H43556" s="12"/>
    </row>
    <row r="43557" spans="8:8">
      <c r="H43557" s="12"/>
    </row>
    <row r="43558" spans="8:8">
      <c r="H43558" s="12"/>
    </row>
    <row r="43559" spans="8:8">
      <c r="H43559" s="12"/>
    </row>
    <row r="43560" spans="8:8">
      <c r="H43560" s="12"/>
    </row>
    <row r="43561" spans="8:8">
      <c r="H43561" s="12"/>
    </row>
    <row r="43562" spans="8:8">
      <c r="H43562" s="12"/>
    </row>
    <row r="43563" spans="8:8">
      <c r="H43563" s="12"/>
    </row>
    <row r="43564" spans="8:8">
      <c r="H43564" s="12"/>
    </row>
    <row r="43565" spans="8:8">
      <c r="H43565" s="12"/>
    </row>
    <row r="43566" spans="8:8">
      <c r="H43566" s="12"/>
    </row>
    <row r="43567" spans="8:8">
      <c r="H43567" s="12"/>
    </row>
    <row r="43568" spans="8:8">
      <c r="H43568" s="12"/>
    </row>
    <row r="43569" spans="8:8">
      <c r="H43569" s="12"/>
    </row>
    <row r="43570" spans="8:8">
      <c r="H43570" s="12"/>
    </row>
    <row r="43571" spans="8:8">
      <c r="H43571" s="12"/>
    </row>
    <row r="43572" spans="8:8">
      <c r="H43572" s="12"/>
    </row>
    <row r="43573" spans="8:8">
      <c r="H43573" s="12"/>
    </row>
    <row r="43574" spans="8:8">
      <c r="H43574" s="12"/>
    </row>
    <row r="43575" spans="8:8">
      <c r="H43575" s="12"/>
    </row>
    <row r="43576" spans="8:8">
      <c r="H43576" s="12"/>
    </row>
    <row r="43577" spans="8:8">
      <c r="H43577" s="12"/>
    </row>
    <row r="43578" spans="8:8">
      <c r="H43578" s="12"/>
    </row>
    <row r="43579" spans="8:8">
      <c r="H43579" s="12"/>
    </row>
    <row r="43580" spans="8:8">
      <c r="H43580" s="12"/>
    </row>
    <row r="43581" spans="8:8">
      <c r="H43581" s="12"/>
    </row>
    <row r="43582" spans="8:8">
      <c r="H43582" s="12"/>
    </row>
    <row r="43583" spans="8:8">
      <c r="H43583" s="12"/>
    </row>
    <row r="43584" spans="8:8">
      <c r="H43584" s="12"/>
    </row>
    <row r="43585" spans="8:8">
      <c r="H43585" s="12"/>
    </row>
    <row r="43586" spans="8:8">
      <c r="H43586" s="12"/>
    </row>
    <row r="43587" spans="8:8">
      <c r="H43587" s="12"/>
    </row>
    <row r="43588" spans="8:8">
      <c r="H43588" s="12"/>
    </row>
    <row r="43589" spans="8:8">
      <c r="H43589" s="12"/>
    </row>
    <row r="43590" spans="8:8">
      <c r="H43590" s="12"/>
    </row>
    <row r="43591" spans="8:8">
      <c r="H43591" s="12"/>
    </row>
    <row r="43592" spans="8:8">
      <c r="H43592" s="12"/>
    </row>
    <row r="43593" spans="8:8">
      <c r="H43593" s="12"/>
    </row>
    <row r="43594" spans="8:8">
      <c r="H43594" s="12"/>
    </row>
    <row r="43595" spans="8:8">
      <c r="H43595" s="12"/>
    </row>
    <row r="43596" spans="8:8">
      <c r="H43596" s="12"/>
    </row>
    <row r="43597" spans="8:8">
      <c r="H43597" s="12"/>
    </row>
    <row r="43598" spans="8:8">
      <c r="H43598" s="12"/>
    </row>
    <row r="43599" spans="8:8">
      <c r="H43599" s="12"/>
    </row>
    <row r="43600" spans="8:8">
      <c r="H43600" s="12"/>
    </row>
    <row r="43601" spans="8:8">
      <c r="H43601" s="12"/>
    </row>
    <row r="43602" spans="8:8">
      <c r="H43602" s="12"/>
    </row>
    <row r="43603" spans="8:8">
      <c r="H43603" s="12"/>
    </row>
    <row r="43604" spans="8:8">
      <c r="H43604" s="12"/>
    </row>
    <row r="43605" spans="8:8">
      <c r="H43605" s="12"/>
    </row>
    <row r="43606" spans="8:8">
      <c r="H43606" s="12"/>
    </row>
    <row r="43607" spans="8:8">
      <c r="H43607" s="12"/>
    </row>
    <row r="43608" spans="8:8">
      <c r="H43608" s="12"/>
    </row>
    <row r="43609" spans="8:8">
      <c r="H43609" s="12"/>
    </row>
    <row r="43610" spans="8:8">
      <c r="H43610" s="12"/>
    </row>
    <row r="43611" spans="8:8">
      <c r="H43611" s="12"/>
    </row>
    <row r="43612" spans="8:8">
      <c r="H43612" s="12"/>
    </row>
    <row r="43613" spans="8:8">
      <c r="H43613" s="12"/>
    </row>
    <row r="43614" spans="8:8">
      <c r="H43614" s="12"/>
    </row>
    <row r="43615" spans="8:8">
      <c r="H43615" s="12"/>
    </row>
    <row r="43616" spans="8:8">
      <c r="H43616" s="12"/>
    </row>
    <row r="43617" spans="8:8">
      <c r="H43617" s="12"/>
    </row>
    <row r="43618" spans="8:8">
      <c r="H43618" s="12"/>
    </row>
    <row r="43619" spans="8:8">
      <c r="H43619" s="12"/>
    </row>
    <row r="43620" spans="8:8">
      <c r="H43620" s="12"/>
    </row>
    <row r="43621" spans="8:8">
      <c r="H43621" s="12"/>
    </row>
    <row r="43622" spans="8:8">
      <c r="H43622" s="12"/>
    </row>
    <row r="43623" spans="8:8">
      <c r="H43623" s="12"/>
    </row>
    <row r="43624" spans="8:8">
      <c r="H43624" s="12"/>
    </row>
    <row r="43625" spans="8:8">
      <c r="H43625" s="12"/>
    </row>
    <row r="43626" spans="8:8">
      <c r="H43626" s="12"/>
    </row>
    <row r="43627" spans="8:8">
      <c r="H43627" s="12"/>
    </row>
    <row r="43628" spans="8:8">
      <c r="H43628" s="12"/>
    </row>
    <row r="43629" spans="8:8">
      <c r="H43629" s="12"/>
    </row>
    <row r="43630" spans="8:8">
      <c r="H43630" s="12"/>
    </row>
    <row r="43631" spans="8:8">
      <c r="H43631" s="12"/>
    </row>
    <row r="43632" spans="8:8">
      <c r="H43632" s="12"/>
    </row>
    <row r="43633" spans="8:8">
      <c r="H43633" s="12"/>
    </row>
    <row r="43634" spans="8:8">
      <c r="H43634" s="12"/>
    </row>
    <row r="43635" spans="8:8">
      <c r="H43635" s="12"/>
    </row>
    <row r="43636" spans="8:8">
      <c r="H43636" s="12"/>
    </row>
    <row r="43637" spans="8:8">
      <c r="H43637" s="12"/>
    </row>
    <row r="43638" spans="8:8">
      <c r="H43638" s="12"/>
    </row>
    <row r="43639" spans="8:8">
      <c r="H43639" s="12"/>
    </row>
    <row r="43640" spans="8:8">
      <c r="H43640" s="12"/>
    </row>
    <row r="43641" spans="8:8">
      <c r="H43641" s="12"/>
    </row>
    <row r="43642" spans="8:8">
      <c r="H43642" s="12"/>
    </row>
    <row r="43643" spans="8:8">
      <c r="H43643" s="12"/>
    </row>
    <row r="43644" spans="8:8">
      <c r="H43644" s="12"/>
    </row>
    <row r="43645" spans="8:8">
      <c r="H43645" s="12"/>
    </row>
    <row r="43646" spans="8:8">
      <c r="H43646" s="12"/>
    </row>
    <row r="43647" spans="8:8">
      <c r="H43647" s="12"/>
    </row>
    <row r="43648" spans="8:8">
      <c r="H43648" s="12"/>
    </row>
    <row r="43649" spans="8:8">
      <c r="H43649" s="12"/>
    </row>
    <row r="43650" spans="8:8">
      <c r="H43650" s="12"/>
    </row>
    <row r="43651" spans="8:8">
      <c r="H43651" s="12"/>
    </row>
    <row r="43652" spans="8:8">
      <c r="H43652" s="12"/>
    </row>
    <row r="43653" spans="8:8">
      <c r="H43653" s="12"/>
    </row>
    <row r="43654" spans="8:8">
      <c r="H43654" s="12"/>
    </row>
    <row r="43655" spans="8:8">
      <c r="H43655" s="12"/>
    </row>
    <row r="43656" spans="8:8">
      <c r="H43656" s="12"/>
    </row>
    <row r="43657" spans="8:8">
      <c r="H43657" s="12"/>
    </row>
    <row r="43658" spans="8:8">
      <c r="H43658" s="12"/>
    </row>
    <row r="43659" spans="8:8">
      <c r="H43659" s="12"/>
    </row>
    <row r="43660" spans="8:8">
      <c r="H43660" s="12"/>
    </row>
    <row r="43661" spans="8:8">
      <c r="H43661" s="12"/>
    </row>
    <row r="43662" spans="8:8">
      <c r="H43662" s="12"/>
    </row>
    <row r="43663" spans="8:8">
      <c r="H43663" s="12"/>
    </row>
    <row r="43664" spans="8:8">
      <c r="H43664" s="12"/>
    </row>
    <row r="43665" spans="8:8">
      <c r="H43665" s="12"/>
    </row>
    <row r="43666" spans="8:8">
      <c r="H43666" s="12"/>
    </row>
    <row r="43667" spans="8:8">
      <c r="H43667" s="12"/>
    </row>
    <row r="43668" spans="8:8">
      <c r="H43668" s="12"/>
    </row>
    <row r="43669" spans="8:8">
      <c r="H43669" s="12"/>
    </row>
    <row r="43670" spans="8:8">
      <c r="H43670" s="12"/>
    </row>
    <row r="43671" spans="8:8">
      <c r="H43671" s="12"/>
    </row>
    <row r="43672" spans="8:8">
      <c r="H43672" s="12"/>
    </row>
    <row r="43673" spans="8:8">
      <c r="H43673" s="12"/>
    </row>
    <row r="43674" spans="8:8">
      <c r="H43674" s="12"/>
    </row>
    <row r="43675" spans="8:8">
      <c r="H43675" s="12"/>
    </row>
    <row r="43676" spans="8:8">
      <c r="H43676" s="12"/>
    </row>
    <row r="43677" spans="8:8">
      <c r="H43677" s="12"/>
    </row>
    <row r="43678" spans="8:8">
      <c r="H43678" s="12"/>
    </row>
    <row r="43679" spans="8:8">
      <c r="H43679" s="12"/>
    </row>
    <row r="43680" spans="8:8">
      <c r="H43680" s="12"/>
    </row>
    <row r="43681" spans="8:8">
      <c r="H43681" s="12"/>
    </row>
    <row r="43682" spans="8:8">
      <c r="H43682" s="12"/>
    </row>
    <row r="43683" spans="8:8">
      <c r="H43683" s="12"/>
    </row>
    <row r="43684" spans="8:8">
      <c r="H43684" s="12"/>
    </row>
    <row r="43685" spans="8:8">
      <c r="H43685" s="12"/>
    </row>
    <row r="43686" spans="8:8">
      <c r="H43686" s="12"/>
    </row>
    <row r="43687" spans="8:8">
      <c r="H43687" s="12"/>
    </row>
    <row r="43688" spans="8:8">
      <c r="H43688" s="12"/>
    </row>
    <row r="43689" spans="8:8">
      <c r="H43689" s="12"/>
    </row>
    <row r="43690" spans="8:8">
      <c r="H43690" s="12"/>
    </row>
    <row r="43691" spans="8:8">
      <c r="H43691" s="12"/>
    </row>
    <row r="43692" spans="8:8">
      <c r="H43692" s="12"/>
    </row>
    <row r="43693" spans="8:8">
      <c r="H43693" s="12"/>
    </row>
    <row r="43694" spans="8:8">
      <c r="H43694" s="12"/>
    </row>
    <row r="43695" spans="8:8">
      <c r="H43695" s="12"/>
    </row>
    <row r="43696" spans="8:8">
      <c r="H43696" s="12"/>
    </row>
    <row r="43697" spans="8:8">
      <c r="H43697" s="12"/>
    </row>
    <row r="43698" spans="8:8">
      <c r="H43698" s="12"/>
    </row>
    <row r="43699" spans="8:8">
      <c r="H43699" s="12"/>
    </row>
    <row r="43700" spans="8:8">
      <c r="H43700" s="12"/>
    </row>
    <row r="43701" spans="8:8">
      <c r="H43701" s="12"/>
    </row>
    <row r="43702" spans="8:8">
      <c r="H43702" s="12"/>
    </row>
    <row r="43703" spans="8:8">
      <c r="H43703" s="12"/>
    </row>
    <row r="43704" spans="8:8">
      <c r="H43704" s="12"/>
    </row>
    <row r="43705" spans="8:8">
      <c r="H43705" s="12"/>
    </row>
    <row r="43706" spans="8:8">
      <c r="H43706" s="12"/>
    </row>
    <row r="43707" spans="8:8">
      <c r="H43707" s="12"/>
    </row>
    <row r="43708" spans="8:8">
      <c r="H43708" s="12"/>
    </row>
    <row r="43709" spans="8:8">
      <c r="H43709" s="12"/>
    </row>
    <row r="43710" spans="8:8">
      <c r="H43710" s="12"/>
    </row>
    <row r="43711" spans="8:8">
      <c r="H43711" s="12"/>
    </row>
    <row r="43712" spans="8:8">
      <c r="H43712" s="12"/>
    </row>
    <row r="43713" spans="8:8">
      <c r="H43713" s="12"/>
    </row>
    <row r="43714" spans="8:8">
      <c r="H43714" s="12"/>
    </row>
    <row r="43715" spans="8:8">
      <c r="H43715" s="12"/>
    </row>
    <row r="43716" spans="8:8">
      <c r="H43716" s="12"/>
    </row>
    <row r="43717" spans="8:8">
      <c r="H43717" s="12"/>
    </row>
    <row r="43718" spans="8:8">
      <c r="H43718" s="12"/>
    </row>
    <row r="43719" spans="8:8">
      <c r="H43719" s="12"/>
    </row>
    <row r="43720" spans="8:8">
      <c r="H43720" s="12"/>
    </row>
    <row r="43721" spans="8:8">
      <c r="H43721" s="12"/>
    </row>
    <row r="43722" spans="8:8">
      <c r="H43722" s="12"/>
    </row>
    <row r="43723" spans="8:8">
      <c r="H43723" s="12"/>
    </row>
    <row r="43724" spans="8:8">
      <c r="H43724" s="12"/>
    </row>
    <row r="43725" spans="8:8">
      <c r="H43725" s="12"/>
    </row>
    <row r="43726" spans="8:8">
      <c r="H43726" s="12"/>
    </row>
    <row r="43727" spans="8:8">
      <c r="H43727" s="12"/>
    </row>
    <row r="43728" spans="8:8">
      <c r="H43728" s="12"/>
    </row>
    <row r="43729" spans="8:8">
      <c r="H43729" s="12"/>
    </row>
    <row r="43730" spans="8:8">
      <c r="H43730" s="12"/>
    </row>
    <row r="43731" spans="8:8">
      <c r="H43731" s="12"/>
    </row>
    <row r="43732" spans="8:8">
      <c r="H43732" s="12"/>
    </row>
    <row r="43733" spans="8:8">
      <c r="H43733" s="12"/>
    </row>
    <row r="43734" spans="8:8">
      <c r="H43734" s="12"/>
    </row>
    <row r="43735" spans="8:8">
      <c r="H43735" s="12"/>
    </row>
    <row r="43736" spans="8:8">
      <c r="H43736" s="12"/>
    </row>
    <row r="43737" spans="8:8">
      <c r="H43737" s="12"/>
    </row>
    <row r="43738" spans="8:8">
      <c r="H43738" s="12"/>
    </row>
    <row r="43739" spans="8:8">
      <c r="H43739" s="12"/>
    </row>
    <row r="43740" spans="8:8">
      <c r="H43740" s="12"/>
    </row>
    <row r="43741" spans="8:8">
      <c r="H43741" s="12"/>
    </row>
    <row r="43742" spans="8:8">
      <c r="H43742" s="12"/>
    </row>
    <row r="43743" spans="8:8">
      <c r="H43743" s="12"/>
    </row>
    <row r="43744" spans="8:8">
      <c r="H43744" s="12"/>
    </row>
    <row r="43745" spans="8:8">
      <c r="H43745" s="12"/>
    </row>
    <row r="43746" spans="8:8">
      <c r="H43746" s="12"/>
    </row>
    <row r="43747" spans="8:8">
      <c r="H43747" s="12"/>
    </row>
    <row r="43748" spans="8:8">
      <c r="H43748" s="12"/>
    </row>
    <row r="43749" spans="8:8">
      <c r="H43749" s="12"/>
    </row>
    <row r="43750" spans="8:8">
      <c r="H43750" s="12"/>
    </row>
    <row r="43751" spans="8:8">
      <c r="H43751" s="12"/>
    </row>
    <row r="43752" spans="8:8">
      <c r="H43752" s="12"/>
    </row>
    <row r="43753" spans="8:8">
      <c r="H43753" s="12"/>
    </row>
    <row r="43754" spans="8:8">
      <c r="H43754" s="12"/>
    </row>
    <row r="43755" spans="8:8">
      <c r="H43755" s="12"/>
    </row>
    <row r="43756" spans="8:8">
      <c r="H43756" s="12"/>
    </row>
    <row r="43757" spans="8:8">
      <c r="H43757" s="12"/>
    </row>
    <row r="43758" spans="8:8">
      <c r="H43758" s="12"/>
    </row>
    <row r="43759" spans="8:8">
      <c r="H43759" s="12"/>
    </row>
    <row r="43760" spans="8:8">
      <c r="H43760" s="12"/>
    </row>
    <row r="43761" spans="8:8">
      <c r="H43761" s="12"/>
    </row>
    <row r="43762" spans="8:8">
      <c r="H43762" s="12"/>
    </row>
    <row r="43763" spans="8:8">
      <c r="H43763" s="12"/>
    </row>
    <row r="43764" spans="8:8">
      <c r="H43764" s="12"/>
    </row>
    <row r="43765" spans="8:8">
      <c r="H43765" s="12"/>
    </row>
    <row r="43766" spans="8:8">
      <c r="H43766" s="12"/>
    </row>
    <row r="43767" spans="8:8">
      <c r="H43767" s="12"/>
    </row>
    <row r="43768" spans="8:8">
      <c r="H43768" s="12"/>
    </row>
    <row r="43769" spans="8:8">
      <c r="H43769" s="12"/>
    </row>
    <row r="43770" spans="8:8">
      <c r="H43770" s="12"/>
    </row>
    <row r="43771" spans="8:8">
      <c r="H43771" s="12"/>
    </row>
    <row r="43772" spans="8:8">
      <c r="H43772" s="12"/>
    </row>
    <row r="43773" spans="8:8">
      <c r="H43773" s="12"/>
    </row>
    <row r="43774" spans="8:8">
      <c r="H43774" s="12"/>
    </row>
    <row r="43775" spans="8:8">
      <c r="H43775" s="12"/>
    </row>
    <row r="43776" spans="8:8">
      <c r="H43776" s="12"/>
    </row>
    <row r="43777" spans="8:8">
      <c r="H43777" s="12"/>
    </row>
    <row r="43778" spans="8:8">
      <c r="H43778" s="12"/>
    </row>
    <row r="43779" spans="8:8">
      <c r="H43779" s="12"/>
    </row>
    <row r="43780" spans="8:8">
      <c r="H43780" s="12"/>
    </row>
    <row r="43781" spans="8:8">
      <c r="H43781" s="12"/>
    </row>
    <row r="43782" spans="8:8">
      <c r="H43782" s="12"/>
    </row>
    <row r="43783" spans="8:8">
      <c r="H43783" s="12"/>
    </row>
    <row r="43784" spans="8:8">
      <c r="H43784" s="12"/>
    </row>
    <row r="43785" spans="8:8">
      <c r="H43785" s="12"/>
    </row>
    <row r="43786" spans="8:8">
      <c r="H43786" s="12"/>
    </row>
    <row r="43787" spans="8:8">
      <c r="H43787" s="12"/>
    </row>
    <row r="43788" spans="8:8">
      <c r="H43788" s="12"/>
    </row>
    <row r="43789" spans="8:8">
      <c r="H43789" s="12"/>
    </row>
    <row r="43790" spans="8:8">
      <c r="H43790" s="12"/>
    </row>
    <row r="43791" spans="8:8">
      <c r="H43791" s="12"/>
    </row>
    <row r="43792" spans="8:8">
      <c r="H43792" s="12"/>
    </row>
    <row r="43793" spans="8:8">
      <c r="H43793" s="12"/>
    </row>
    <row r="43794" spans="8:8">
      <c r="H43794" s="12"/>
    </row>
    <row r="43795" spans="8:8">
      <c r="H43795" s="12"/>
    </row>
    <row r="43796" spans="8:8">
      <c r="H43796" s="12"/>
    </row>
    <row r="43797" spans="8:8">
      <c r="H43797" s="12"/>
    </row>
    <row r="43798" spans="8:8">
      <c r="H43798" s="12"/>
    </row>
    <row r="43799" spans="8:8">
      <c r="H43799" s="12"/>
    </row>
    <row r="43800" spans="8:8">
      <c r="H43800" s="12"/>
    </row>
    <row r="43801" spans="8:8">
      <c r="H43801" s="12"/>
    </row>
    <row r="43802" spans="8:8">
      <c r="H43802" s="12"/>
    </row>
    <row r="43803" spans="8:8">
      <c r="H43803" s="12"/>
    </row>
    <row r="43804" spans="8:8">
      <c r="H43804" s="12"/>
    </row>
    <row r="43805" spans="8:8">
      <c r="H43805" s="12"/>
    </row>
    <row r="43806" spans="8:8">
      <c r="H43806" s="12"/>
    </row>
    <row r="43807" spans="8:8">
      <c r="H43807" s="12"/>
    </row>
    <row r="43808" spans="8:8">
      <c r="H43808" s="12"/>
    </row>
    <row r="43809" spans="8:8">
      <c r="H43809" s="12"/>
    </row>
    <row r="43810" spans="8:8">
      <c r="H43810" s="12"/>
    </row>
    <row r="43811" spans="8:8">
      <c r="H43811" s="12"/>
    </row>
    <row r="43812" spans="8:8">
      <c r="H43812" s="12"/>
    </row>
    <row r="43813" spans="8:8">
      <c r="H43813" s="12"/>
    </row>
    <row r="43814" spans="8:8">
      <c r="H43814" s="12"/>
    </row>
    <row r="43815" spans="8:8">
      <c r="H43815" s="12"/>
    </row>
    <row r="43816" spans="8:8">
      <c r="H43816" s="12"/>
    </row>
    <row r="43817" spans="8:8">
      <c r="H43817" s="12"/>
    </row>
    <row r="43818" spans="8:8">
      <c r="H43818" s="12"/>
    </row>
    <row r="43819" spans="8:8">
      <c r="H43819" s="12"/>
    </row>
    <row r="43820" spans="8:8">
      <c r="H43820" s="12"/>
    </row>
    <row r="43821" spans="8:8">
      <c r="H43821" s="12"/>
    </row>
    <row r="43822" spans="8:8">
      <c r="H43822" s="12"/>
    </row>
    <row r="43823" spans="8:8">
      <c r="H43823" s="12"/>
    </row>
    <row r="43824" spans="8:8">
      <c r="H43824" s="12"/>
    </row>
    <row r="43825" spans="8:8">
      <c r="H43825" s="12"/>
    </row>
    <row r="43826" spans="8:8">
      <c r="H43826" s="12"/>
    </row>
    <row r="43827" spans="8:8">
      <c r="H43827" s="12"/>
    </row>
    <row r="43828" spans="8:8">
      <c r="H43828" s="12"/>
    </row>
    <row r="43829" spans="8:8">
      <c r="H43829" s="12"/>
    </row>
    <row r="43830" spans="8:8">
      <c r="H43830" s="12"/>
    </row>
    <row r="43831" spans="8:8">
      <c r="H43831" s="12"/>
    </row>
    <row r="43832" spans="8:8">
      <c r="H43832" s="12"/>
    </row>
    <row r="43833" spans="8:8">
      <c r="H43833" s="12"/>
    </row>
    <row r="43834" spans="8:8">
      <c r="H43834" s="12"/>
    </row>
    <row r="43835" spans="8:8">
      <c r="H43835" s="12"/>
    </row>
    <row r="43836" spans="8:8">
      <c r="H43836" s="12"/>
    </row>
    <row r="43837" spans="8:8">
      <c r="H43837" s="12"/>
    </row>
    <row r="43838" spans="8:8">
      <c r="H43838" s="12"/>
    </row>
    <row r="43839" spans="8:8">
      <c r="H43839" s="12"/>
    </row>
    <row r="43840" spans="8:8">
      <c r="H43840" s="12"/>
    </row>
    <row r="43841" spans="8:8">
      <c r="H43841" s="12"/>
    </row>
    <row r="43842" spans="8:8">
      <c r="H43842" s="12"/>
    </row>
    <row r="43843" spans="8:8">
      <c r="H43843" s="12"/>
    </row>
    <row r="43844" spans="8:8">
      <c r="H43844" s="12"/>
    </row>
    <row r="43845" spans="8:8">
      <c r="H43845" s="12"/>
    </row>
    <row r="43846" spans="8:8">
      <c r="H43846" s="12"/>
    </row>
    <row r="43847" spans="8:8">
      <c r="H43847" s="12"/>
    </row>
    <row r="43848" spans="8:8">
      <c r="H43848" s="12"/>
    </row>
    <row r="43849" spans="8:8">
      <c r="H43849" s="12"/>
    </row>
    <row r="43850" spans="8:8">
      <c r="H43850" s="12"/>
    </row>
    <row r="43851" spans="8:8">
      <c r="H43851" s="12"/>
    </row>
    <row r="43852" spans="8:8">
      <c r="H43852" s="12"/>
    </row>
    <row r="43853" spans="8:8">
      <c r="H43853" s="12"/>
    </row>
    <row r="43854" spans="8:8">
      <c r="H43854" s="12"/>
    </row>
    <row r="43855" spans="8:8">
      <c r="H43855" s="12"/>
    </row>
    <row r="43856" spans="8:8">
      <c r="H43856" s="12"/>
    </row>
    <row r="43857" spans="8:8">
      <c r="H43857" s="12"/>
    </row>
    <row r="43858" spans="8:8">
      <c r="H43858" s="12"/>
    </row>
    <row r="43859" spans="8:8">
      <c r="H43859" s="12"/>
    </row>
    <row r="43860" spans="8:8">
      <c r="H43860" s="12"/>
    </row>
    <row r="43861" spans="8:8">
      <c r="H43861" s="12"/>
    </row>
    <row r="43862" spans="8:8">
      <c r="H43862" s="12"/>
    </row>
    <row r="43863" spans="8:8">
      <c r="H43863" s="12"/>
    </row>
    <row r="43864" spans="8:8">
      <c r="H43864" s="12"/>
    </row>
    <row r="43865" spans="8:8">
      <c r="H43865" s="12"/>
    </row>
    <row r="43866" spans="8:8">
      <c r="H43866" s="12"/>
    </row>
    <row r="43867" spans="8:8">
      <c r="H43867" s="12"/>
    </row>
    <row r="43868" spans="8:8">
      <c r="H43868" s="12"/>
    </row>
    <row r="43869" spans="8:8">
      <c r="H43869" s="12"/>
    </row>
    <row r="43870" spans="8:8">
      <c r="H43870" s="12"/>
    </row>
    <row r="43871" spans="8:8">
      <c r="H43871" s="12"/>
    </row>
    <row r="43872" spans="8:8">
      <c r="H43872" s="12"/>
    </row>
    <row r="43873" spans="8:8">
      <c r="H43873" s="12"/>
    </row>
    <row r="43874" spans="8:8">
      <c r="H43874" s="12"/>
    </row>
    <row r="43875" spans="8:8">
      <c r="H43875" s="12"/>
    </row>
    <row r="43876" spans="8:8">
      <c r="H43876" s="12"/>
    </row>
    <row r="43877" spans="8:8">
      <c r="H43877" s="12"/>
    </row>
    <row r="43878" spans="8:8">
      <c r="H43878" s="12"/>
    </row>
    <row r="43879" spans="8:8">
      <c r="H43879" s="12"/>
    </row>
    <row r="43880" spans="8:8">
      <c r="H43880" s="12"/>
    </row>
    <row r="43881" spans="8:8">
      <c r="H43881" s="12"/>
    </row>
    <row r="43882" spans="8:8">
      <c r="H43882" s="12"/>
    </row>
    <row r="43883" spans="8:8">
      <c r="H43883" s="12"/>
    </row>
    <row r="43884" spans="8:8">
      <c r="H43884" s="12"/>
    </row>
    <row r="43885" spans="8:8">
      <c r="H43885" s="12"/>
    </row>
    <row r="43886" spans="8:8">
      <c r="H43886" s="12"/>
    </row>
    <row r="43887" spans="8:8">
      <c r="H43887" s="12"/>
    </row>
    <row r="43888" spans="8:8">
      <c r="H43888" s="12"/>
    </row>
    <row r="43889" spans="8:8">
      <c r="H43889" s="12"/>
    </row>
    <row r="43890" spans="8:8">
      <c r="H43890" s="12"/>
    </row>
    <row r="43891" spans="8:8">
      <c r="H43891" s="12"/>
    </row>
    <row r="43892" spans="8:8">
      <c r="H43892" s="12"/>
    </row>
    <row r="43893" spans="8:8">
      <c r="H43893" s="12"/>
    </row>
    <row r="43894" spans="8:8">
      <c r="H43894" s="12"/>
    </row>
    <row r="43895" spans="8:8">
      <c r="H43895" s="12"/>
    </row>
    <row r="43896" spans="8:8">
      <c r="H43896" s="12"/>
    </row>
    <row r="43897" spans="8:8">
      <c r="H43897" s="12"/>
    </row>
    <row r="43898" spans="8:8">
      <c r="H43898" s="12"/>
    </row>
    <row r="43899" spans="8:8">
      <c r="H43899" s="12"/>
    </row>
    <row r="43900" spans="8:8">
      <c r="H43900" s="12"/>
    </row>
    <row r="43901" spans="8:8">
      <c r="H43901" s="12"/>
    </row>
    <row r="43902" spans="8:8">
      <c r="H43902" s="12"/>
    </row>
    <row r="43903" spans="8:8">
      <c r="H43903" s="12"/>
    </row>
    <row r="43904" spans="8:8">
      <c r="H43904" s="12"/>
    </row>
    <row r="43905" spans="8:8">
      <c r="H43905" s="12"/>
    </row>
    <row r="43906" spans="8:8">
      <c r="H43906" s="12"/>
    </row>
    <row r="43907" spans="8:8">
      <c r="H43907" s="12"/>
    </row>
    <row r="43908" spans="8:8">
      <c r="H43908" s="12"/>
    </row>
    <row r="43909" spans="8:8">
      <c r="H43909" s="12"/>
    </row>
    <row r="43910" spans="8:8">
      <c r="H43910" s="12"/>
    </row>
    <row r="43911" spans="8:8">
      <c r="H43911" s="12"/>
    </row>
    <row r="43912" spans="8:8">
      <c r="H43912" s="12"/>
    </row>
    <row r="43913" spans="8:8">
      <c r="H43913" s="12"/>
    </row>
    <row r="43914" spans="8:8">
      <c r="H43914" s="12"/>
    </row>
    <row r="43915" spans="8:8">
      <c r="H43915" s="12"/>
    </row>
    <row r="43916" spans="8:8">
      <c r="H43916" s="12"/>
    </row>
    <row r="43917" spans="8:8">
      <c r="H43917" s="12"/>
    </row>
    <row r="43918" spans="8:8">
      <c r="H43918" s="12"/>
    </row>
    <row r="43919" spans="8:8">
      <c r="H43919" s="12"/>
    </row>
    <row r="43920" spans="8:8">
      <c r="H43920" s="12"/>
    </row>
    <row r="43921" spans="8:8">
      <c r="H43921" s="12"/>
    </row>
    <row r="43922" spans="8:8">
      <c r="H43922" s="12"/>
    </row>
    <row r="43923" spans="8:8">
      <c r="H43923" s="12"/>
    </row>
    <row r="43924" spans="8:8">
      <c r="H43924" s="12"/>
    </row>
    <row r="43925" spans="8:8">
      <c r="H43925" s="12"/>
    </row>
    <row r="43926" spans="8:8">
      <c r="H43926" s="12"/>
    </row>
    <row r="43927" spans="8:8">
      <c r="H43927" s="12"/>
    </row>
    <row r="43928" spans="8:8">
      <c r="H43928" s="12"/>
    </row>
    <row r="43929" spans="8:8">
      <c r="H43929" s="12"/>
    </row>
    <row r="43930" spans="8:8">
      <c r="H43930" s="12"/>
    </row>
    <row r="43931" spans="8:8">
      <c r="H43931" s="12"/>
    </row>
    <row r="43932" spans="8:8">
      <c r="H43932" s="12"/>
    </row>
    <row r="43933" spans="8:8">
      <c r="H43933" s="12"/>
    </row>
    <row r="43934" spans="8:8">
      <c r="H43934" s="12"/>
    </row>
    <row r="43935" spans="8:8">
      <c r="H43935" s="12"/>
    </row>
    <row r="43936" spans="8:8">
      <c r="H43936" s="12"/>
    </row>
    <row r="43937" spans="8:8">
      <c r="H43937" s="12"/>
    </row>
    <row r="43938" spans="8:8">
      <c r="H43938" s="12"/>
    </row>
    <row r="43939" spans="8:8">
      <c r="H43939" s="12"/>
    </row>
    <row r="43940" spans="8:8">
      <c r="H43940" s="12"/>
    </row>
    <row r="43941" spans="8:8">
      <c r="H43941" s="12"/>
    </row>
    <row r="43942" spans="8:8">
      <c r="H43942" s="12"/>
    </row>
    <row r="43943" spans="8:8">
      <c r="H43943" s="12"/>
    </row>
    <row r="43944" spans="8:8">
      <c r="H43944" s="12"/>
    </row>
    <row r="43945" spans="8:8">
      <c r="H43945" s="12"/>
    </row>
    <row r="43946" spans="8:8">
      <c r="H43946" s="12"/>
    </row>
    <row r="43947" spans="8:8">
      <c r="H43947" s="12"/>
    </row>
    <row r="43948" spans="8:8">
      <c r="H43948" s="12"/>
    </row>
    <row r="43949" spans="8:8">
      <c r="H43949" s="12"/>
    </row>
    <row r="43950" spans="8:8">
      <c r="H43950" s="12"/>
    </row>
    <row r="43951" spans="8:8">
      <c r="H43951" s="12"/>
    </row>
    <row r="43952" spans="8:8">
      <c r="H43952" s="12"/>
    </row>
    <row r="43953" spans="8:8">
      <c r="H43953" s="12"/>
    </row>
    <row r="43954" spans="8:8">
      <c r="H43954" s="12"/>
    </row>
    <row r="43955" spans="8:8">
      <c r="H43955" s="12"/>
    </row>
    <row r="43956" spans="8:8">
      <c r="H43956" s="12"/>
    </row>
    <row r="43957" spans="8:8">
      <c r="H43957" s="12"/>
    </row>
    <row r="43958" spans="8:8">
      <c r="H43958" s="12"/>
    </row>
    <row r="43959" spans="8:8">
      <c r="H43959" s="12"/>
    </row>
    <row r="43960" spans="8:8">
      <c r="H43960" s="12"/>
    </row>
    <row r="43961" spans="8:8">
      <c r="H43961" s="12"/>
    </row>
    <row r="43962" spans="8:8">
      <c r="H43962" s="12"/>
    </row>
    <row r="43963" spans="8:8">
      <c r="H43963" s="12"/>
    </row>
    <row r="43964" spans="8:8">
      <c r="H43964" s="12"/>
    </row>
    <row r="43965" spans="8:8">
      <c r="H43965" s="12"/>
    </row>
    <row r="43966" spans="8:8">
      <c r="H43966" s="12"/>
    </row>
    <row r="43967" spans="8:8">
      <c r="H43967" s="12"/>
    </row>
    <row r="43968" spans="8:8">
      <c r="H43968" s="12"/>
    </row>
    <row r="43969" spans="8:8">
      <c r="H43969" s="12"/>
    </row>
    <row r="43970" spans="8:8">
      <c r="H43970" s="12"/>
    </row>
    <row r="43971" spans="8:8">
      <c r="H43971" s="12"/>
    </row>
    <row r="43972" spans="8:8">
      <c r="H43972" s="12"/>
    </row>
    <row r="43973" spans="8:8">
      <c r="H43973" s="12"/>
    </row>
    <row r="43974" spans="8:8">
      <c r="H43974" s="12"/>
    </row>
    <row r="43975" spans="8:8">
      <c r="H43975" s="12"/>
    </row>
    <row r="43976" spans="8:8">
      <c r="H43976" s="12"/>
    </row>
    <row r="43977" spans="8:8">
      <c r="H43977" s="12"/>
    </row>
    <row r="43978" spans="8:8">
      <c r="H43978" s="12"/>
    </row>
    <row r="43979" spans="8:8">
      <c r="H43979" s="12"/>
    </row>
    <row r="43980" spans="8:8">
      <c r="H43980" s="12"/>
    </row>
    <row r="43981" spans="8:8">
      <c r="H43981" s="12"/>
    </row>
    <row r="43982" spans="8:8">
      <c r="H43982" s="12"/>
    </row>
    <row r="43983" spans="8:8">
      <c r="H43983" s="12"/>
    </row>
    <row r="43984" spans="8:8">
      <c r="H43984" s="12"/>
    </row>
    <row r="43985" spans="8:8">
      <c r="H43985" s="12"/>
    </row>
    <row r="43986" spans="8:8">
      <c r="H43986" s="12"/>
    </row>
    <row r="43987" spans="8:8">
      <c r="H43987" s="12"/>
    </row>
    <row r="43988" spans="8:8">
      <c r="H43988" s="12"/>
    </row>
    <row r="43989" spans="8:8">
      <c r="H43989" s="12"/>
    </row>
    <row r="43990" spans="8:8">
      <c r="H43990" s="12"/>
    </row>
    <row r="43991" spans="8:8">
      <c r="H43991" s="12"/>
    </row>
    <row r="43992" spans="8:8">
      <c r="H43992" s="12"/>
    </row>
    <row r="43993" spans="8:8">
      <c r="H43993" s="12"/>
    </row>
    <row r="43994" spans="8:8">
      <c r="H43994" s="12"/>
    </row>
    <row r="43995" spans="8:8">
      <c r="H43995" s="12"/>
    </row>
    <row r="43996" spans="8:8">
      <c r="H43996" s="12"/>
    </row>
    <row r="43997" spans="8:8">
      <c r="H43997" s="12"/>
    </row>
    <row r="43998" spans="8:8">
      <c r="H43998" s="12"/>
    </row>
    <row r="43999" spans="8:8">
      <c r="H43999" s="12"/>
    </row>
    <row r="44000" spans="8:8">
      <c r="H44000" s="12"/>
    </row>
    <row r="44001" spans="8:8">
      <c r="H44001" s="12"/>
    </row>
    <row r="44002" spans="8:8">
      <c r="H44002" s="12"/>
    </row>
    <row r="44003" spans="8:8">
      <c r="H44003" s="12"/>
    </row>
    <row r="44004" spans="8:8">
      <c r="H44004" s="12"/>
    </row>
    <row r="44005" spans="8:8">
      <c r="H44005" s="12"/>
    </row>
    <row r="44006" spans="8:8">
      <c r="H44006" s="12"/>
    </row>
    <row r="44007" spans="8:8">
      <c r="H44007" s="12"/>
    </row>
    <row r="44008" spans="8:8">
      <c r="H44008" s="12"/>
    </row>
    <row r="44009" spans="8:8">
      <c r="H44009" s="12"/>
    </row>
    <row r="44010" spans="8:8">
      <c r="H44010" s="12"/>
    </row>
    <row r="44011" spans="8:8">
      <c r="H44011" s="12"/>
    </row>
    <row r="44012" spans="8:8">
      <c r="H44012" s="12"/>
    </row>
    <row r="44013" spans="8:8">
      <c r="H44013" s="12"/>
    </row>
    <row r="44014" spans="8:8">
      <c r="H44014" s="12"/>
    </row>
    <row r="44015" spans="8:8">
      <c r="H44015" s="12"/>
    </row>
    <row r="44016" spans="8:8">
      <c r="H44016" s="12"/>
    </row>
    <row r="44017" spans="8:8">
      <c r="H44017" s="12"/>
    </row>
    <row r="44018" spans="8:8">
      <c r="H44018" s="12"/>
    </row>
    <row r="44019" spans="8:8">
      <c r="H44019" s="12"/>
    </row>
    <row r="44020" spans="8:8">
      <c r="H44020" s="12"/>
    </row>
    <row r="44021" spans="8:8">
      <c r="H44021" s="12"/>
    </row>
    <row r="44022" spans="8:8">
      <c r="H44022" s="12"/>
    </row>
    <row r="44023" spans="8:8">
      <c r="H44023" s="12"/>
    </row>
    <row r="44024" spans="8:8">
      <c r="H44024" s="12"/>
    </row>
    <row r="44025" spans="8:8">
      <c r="H44025" s="12"/>
    </row>
    <row r="44026" spans="8:8">
      <c r="H44026" s="12"/>
    </row>
    <row r="44027" spans="8:8">
      <c r="H44027" s="12"/>
    </row>
    <row r="44028" spans="8:8">
      <c r="H44028" s="12"/>
    </row>
    <row r="44029" spans="8:8">
      <c r="H44029" s="12"/>
    </row>
    <row r="44030" spans="8:8">
      <c r="H44030" s="12"/>
    </row>
    <row r="44031" spans="8:8">
      <c r="H44031" s="12"/>
    </row>
    <row r="44032" spans="8:8">
      <c r="H44032" s="12"/>
    </row>
    <row r="44033" spans="8:8">
      <c r="H44033" s="12"/>
    </row>
    <row r="44034" spans="8:8">
      <c r="H44034" s="12"/>
    </row>
    <row r="44035" spans="8:8">
      <c r="H44035" s="12"/>
    </row>
    <row r="44036" spans="8:8">
      <c r="H44036" s="12"/>
    </row>
    <row r="44037" spans="8:8">
      <c r="H44037" s="12"/>
    </row>
    <row r="44038" spans="8:8">
      <c r="H44038" s="12"/>
    </row>
    <row r="44039" spans="8:8">
      <c r="H44039" s="12"/>
    </row>
    <row r="44040" spans="8:8">
      <c r="H44040" s="12"/>
    </row>
    <row r="44041" spans="8:8">
      <c r="H44041" s="12"/>
    </row>
    <row r="44042" spans="8:8">
      <c r="H44042" s="12"/>
    </row>
    <row r="44043" spans="8:8">
      <c r="H44043" s="12"/>
    </row>
    <row r="44044" spans="8:8">
      <c r="H44044" s="12"/>
    </row>
    <row r="44045" spans="8:8">
      <c r="H44045" s="12"/>
    </row>
    <row r="44046" spans="8:8">
      <c r="H44046" s="12"/>
    </row>
    <row r="44047" spans="8:8">
      <c r="H44047" s="12"/>
    </row>
    <row r="44048" spans="8:8">
      <c r="H44048" s="12"/>
    </row>
    <row r="44049" spans="8:8">
      <c r="H44049" s="12"/>
    </row>
    <row r="44050" spans="8:8">
      <c r="H44050" s="12"/>
    </row>
    <row r="44051" spans="8:8">
      <c r="H44051" s="12"/>
    </row>
    <row r="44052" spans="8:8">
      <c r="H44052" s="12"/>
    </row>
    <row r="44053" spans="8:8">
      <c r="H44053" s="12"/>
    </row>
    <row r="44054" spans="8:8">
      <c r="H44054" s="12"/>
    </row>
    <row r="44055" spans="8:8">
      <c r="H44055" s="12"/>
    </row>
    <row r="44056" spans="8:8">
      <c r="H44056" s="12"/>
    </row>
    <row r="44057" spans="8:8">
      <c r="H44057" s="12"/>
    </row>
    <row r="44058" spans="8:8">
      <c r="H44058" s="12"/>
    </row>
    <row r="44059" spans="8:8">
      <c r="H44059" s="12"/>
    </row>
    <row r="44060" spans="8:8">
      <c r="H44060" s="12"/>
    </row>
    <row r="44061" spans="8:8">
      <c r="H44061" s="12"/>
    </row>
    <row r="44062" spans="8:8">
      <c r="H44062" s="12"/>
    </row>
    <row r="44063" spans="8:8">
      <c r="H44063" s="12"/>
    </row>
    <row r="44064" spans="8:8">
      <c r="H44064" s="12"/>
    </row>
    <row r="44065" spans="8:8">
      <c r="H44065" s="12"/>
    </row>
    <row r="44066" spans="8:8">
      <c r="H44066" s="12"/>
    </row>
    <row r="44067" spans="8:8">
      <c r="H44067" s="12"/>
    </row>
    <row r="44068" spans="8:8">
      <c r="H44068" s="12"/>
    </row>
    <row r="44069" spans="8:8">
      <c r="H44069" s="12"/>
    </row>
    <row r="44070" spans="8:8">
      <c r="H44070" s="12"/>
    </row>
    <row r="44071" spans="8:8">
      <c r="H44071" s="12"/>
    </row>
    <row r="44072" spans="8:8">
      <c r="H44072" s="12"/>
    </row>
    <row r="44073" spans="8:8">
      <c r="H44073" s="12"/>
    </row>
    <row r="44074" spans="8:8">
      <c r="H44074" s="12"/>
    </row>
    <row r="44075" spans="8:8">
      <c r="H44075" s="12"/>
    </row>
    <row r="44076" spans="8:8">
      <c r="H44076" s="12"/>
    </row>
    <row r="44077" spans="8:8">
      <c r="H44077" s="12"/>
    </row>
    <row r="44078" spans="8:8">
      <c r="H44078" s="12"/>
    </row>
    <row r="44079" spans="8:8">
      <c r="H44079" s="12"/>
    </row>
    <row r="44080" spans="8:8">
      <c r="H44080" s="12"/>
    </row>
    <row r="44081" spans="8:8">
      <c r="H44081" s="12"/>
    </row>
    <row r="44082" spans="8:8">
      <c r="H44082" s="12"/>
    </row>
    <row r="44083" spans="8:8">
      <c r="H44083" s="12"/>
    </row>
    <row r="44084" spans="8:8">
      <c r="H44084" s="12"/>
    </row>
    <row r="44085" spans="8:8">
      <c r="H44085" s="12"/>
    </row>
    <row r="44086" spans="8:8">
      <c r="H44086" s="12"/>
    </row>
    <row r="44087" spans="8:8">
      <c r="H44087" s="12"/>
    </row>
    <row r="44088" spans="8:8">
      <c r="H44088" s="12"/>
    </row>
    <row r="44089" spans="8:8">
      <c r="H44089" s="12"/>
    </row>
    <row r="44090" spans="8:8">
      <c r="H44090" s="12"/>
    </row>
    <row r="44091" spans="8:8">
      <c r="H44091" s="12"/>
    </row>
    <row r="44092" spans="8:8">
      <c r="H44092" s="12"/>
    </row>
    <row r="44093" spans="8:8">
      <c r="H44093" s="12"/>
    </row>
    <row r="44094" spans="8:8">
      <c r="H44094" s="12"/>
    </row>
    <row r="44095" spans="8:8">
      <c r="H44095" s="12"/>
    </row>
    <row r="44096" spans="8:8">
      <c r="H44096" s="12"/>
    </row>
    <row r="44097" spans="8:8">
      <c r="H44097" s="12"/>
    </row>
    <row r="44098" spans="8:8">
      <c r="H44098" s="12"/>
    </row>
    <row r="44099" spans="8:8">
      <c r="H44099" s="12"/>
    </row>
    <row r="44100" spans="8:8">
      <c r="H44100" s="12"/>
    </row>
    <row r="44101" spans="8:8">
      <c r="H44101" s="12"/>
    </row>
    <row r="44102" spans="8:8">
      <c r="H44102" s="12"/>
    </row>
    <row r="44103" spans="8:8">
      <c r="H44103" s="12"/>
    </row>
    <row r="44104" spans="8:8">
      <c r="H44104" s="12"/>
    </row>
    <row r="44105" spans="8:8">
      <c r="H44105" s="12"/>
    </row>
    <row r="44106" spans="8:8">
      <c r="H44106" s="12"/>
    </row>
    <row r="44107" spans="8:8">
      <c r="H44107" s="12"/>
    </row>
    <row r="44108" spans="8:8">
      <c r="H44108" s="12"/>
    </row>
    <row r="44109" spans="8:8">
      <c r="H44109" s="12"/>
    </row>
    <row r="44110" spans="8:8">
      <c r="H44110" s="12"/>
    </row>
    <row r="44111" spans="8:8">
      <c r="H44111" s="12"/>
    </row>
    <row r="44112" spans="8:8">
      <c r="H44112" s="12"/>
    </row>
    <row r="44113" spans="8:8">
      <c r="H44113" s="12"/>
    </row>
    <row r="44114" spans="8:8">
      <c r="H44114" s="12"/>
    </row>
    <row r="44115" spans="8:8">
      <c r="H44115" s="12"/>
    </row>
    <row r="44116" spans="8:8">
      <c r="H44116" s="12"/>
    </row>
    <row r="44117" spans="8:8">
      <c r="H44117" s="12"/>
    </row>
    <row r="44118" spans="8:8">
      <c r="H44118" s="12"/>
    </row>
    <row r="44119" spans="8:8">
      <c r="H44119" s="12"/>
    </row>
    <row r="44120" spans="8:8">
      <c r="H44120" s="12"/>
    </row>
    <row r="44121" spans="8:8">
      <c r="H44121" s="12"/>
    </row>
    <row r="44122" spans="8:8">
      <c r="H44122" s="12"/>
    </row>
    <row r="44123" spans="8:8">
      <c r="H44123" s="12"/>
    </row>
    <row r="44124" spans="8:8">
      <c r="H44124" s="12"/>
    </row>
    <row r="44125" spans="8:8">
      <c r="H44125" s="12"/>
    </row>
    <row r="44126" spans="8:8">
      <c r="H44126" s="12"/>
    </row>
    <row r="44127" spans="8:8">
      <c r="H44127" s="12"/>
    </row>
    <row r="44128" spans="8:8">
      <c r="H44128" s="12"/>
    </row>
    <row r="44129" spans="8:8">
      <c r="H44129" s="12"/>
    </row>
    <row r="44130" spans="8:8">
      <c r="H44130" s="12"/>
    </row>
    <row r="44131" spans="8:8">
      <c r="H44131" s="12"/>
    </row>
    <row r="44132" spans="8:8">
      <c r="H44132" s="12"/>
    </row>
    <row r="44133" spans="8:8">
      <c r="H44133" s="12"/>
    </row>
    <row r="44134" spans="8:8">
      <c r="H44134" s="12"/>
    </row>
    <row r="44135" spans="8:8">
      <c r="H44135" s="12"/>
    </row>
    <row r="44136" spans="8:8">
      <c r="H44136" s="12"/>
    </row>
    <row r="44137" spans="8:8">
      <c r="H44137" s="12"/>
    </row>
    <row r="44138" spans="8:8">
      <c r="H44138" s="12"/>
    </row>
    <row r="44139" spans="8:8">
      <c r="H44139" s="12"/>
    </row>
    <row r="44140" spans="8:8">
      <c r="H44140" s="12"/>
    </row>
    <row r="44141" spans="8:8">
      <c r="H44141" s="12"/>
    </row>
    <row r="44142" spans="8:8">
      <c r="H44142" s="12"/>
    </row>
    <row r="44143" spans="8:8">
      <c r="H44143" s="12"/>
    </row>
    <row r="44144" spans="8:8">
      <c r="H44144" s="12"/>
    </row>
    <row r="44145" spans="8:8">
      <c r="H44145" s="12"/>
    </row>
    <row r="44146" spans="8:8">
      <c r="H44146" s="12"/>
    </row>
    <row r="44147" spans="8:8">
      <c r="H44147" s="12"/>
    </row>
    <row r="44148" spans="8:8">
      <c r="H44148" s="12"/>
    </row>
    <row r="44149" spans="8:8">
      <c r="H44149" s="12"/>
    </row>
    <row r="44150" spans="8:8">
      <c r="H44150" s="12"/>
    </row>
    <row r="44151" spans="8:8">
      <c r="H44151" s="12"/>
    </row>
    <row r="44152" spans="8:8">
      <c r="H44152" s="12"/>
    </row>
    <row r="44153" spans="8:8">
      <c r="H44153" s="12"/>
    </row>
    <row r="44154" spans="8:8">
      <c r="H44154" s="12"/>
    </row>
    <row r="44155" spans="8:8">
      <c r="H44155" s="12"/>
    </row>
    <row r="44156" spans="8:8">
      <c r="H44156" s="12"/>
    </row>
    <row r="44157" spans="8:8">
      <c r="H44157" s="12"/>
    </row>
    <row r="44158" spans="8:8">
      <c r="H44158" s="12"/>
    </row>
    <row r="44159" spans="8:8">
      <c r="H44159" s="12"/>
    </row>
    <row r="44160" spans="8:8">
      <c r="H44160" s="12"/>
    </row>
    <row r="44161" spans="8:8">
      <c r="H44161" s="12"/>
    </row>
    <row r="44162" spans="8:8">
      <c r="H44162" s="12"/>
    </row>
    <row r="44163" spans="8:8">
      <c r="H44163" s="12"/>
    </row>
    <row r="44164" spans="8:8">
      <c r="H44164" s="12"/>
    </row>
    <row r="44165" spans="8:8">
      <c r="H44165" s="12"/>
    </row>
    <row r="44166" spans="8:8">
      <c r="H44166" s="12"/>
    </row>
    <row r="44167" spans="8:8">
      <c r="H44167" s="12"/>
    </row>
    <row r="44168" spans="8:8">
      <c r="H44168" s="12"/>
    </row>
    <row r="44169" spans="8:8">
      <c r="H44169" s="12"/>
    </row>
    <row r="44170" spans="8:8">
      <c r="H44170" s="12"/>
    </row>
    <row r="44171" spans="8:8">
      <c r="H44171" s="12"/>
    </row>
    <row r="44172" spans="8:8">
      <c r="H44172" s="12"/>
    </row>
    <row r="44173" spans="8:8">
      <c r="H44173" s="12"/>
    </row>
    <row r="44174" spans="8:8">
      <c r="H44174" s="12"/>
    </row>
    <row r="44175" spans="8:8">
      <c r="H44175" s="12"/>
    </row>
    <row r="44176" spans="8:8">
      <c r="H44176" s="12"/>
    </row>
    <row r="44177" spans="8:8">
      <c r="H44177" s="12"/>
    </row>
    <row r="44178" spans="8:8">
      <c r="H44178" s="12"/>
    </row>
    <row r="44179" spans="8:8">
      <c r="H44179" s="12"/>
    </row>
    <row r="44180" spans="8:8">
      <c r="H44180" s="12"/>
    </row>
    <row r="44181" spans="8:8">
      <c r="H44181" s="12"/>
    </row>
    <row r="44182" spans="8:8">
      <c r="H44182" s="12"/>
    </row>
    <row r="44183" spans="8:8">
      <c r="H44183" s="12"/>
    </row>
    <row r="44184" spans="8:8">
      <c r="H44184" s="12"/>
    </row>
    <row r="44185" spans="8:8">
      <c r="H44185" s="12"/>
    </row>
    <row r="44186" spans="8:8">
      <c r="H44186" s="12"/>
    </row>
    <row r="44187" spans="8:8">
      <c r="H44187" s="12"/>
    </row>
    <row r="44188" spans="8:8">
      <c r="H44188" s="12"/>
    </row>
    <row r="44189" spans="8:8">
      <c r="H44189" s="12"/>
    </row>
    <row r="44190" spans="8:8">
      <c r="H44190" s="12"/>
    </row>
    <row r="44191" spans="8:8">
      <c r="H44191" s="12"/>
    </row>
    <row r="44192" spans="8:8">
      <c r="H44192" s="12"/>
    </row>
    <row r="44193" spans="8:8">
      <c r="H44193" s="12"/>
    </row>
    <row r="44194" spans="8:8">
      <c r="H44194" s="12"/>
    </row>
    <row r="44195" spans="8:8">
      <c r="H44195" s="12"/>
    </row>
    <row r="44196" spans="8:8">
      <c r="H44196" s="12"/>
    </row>
    <row r="44197" spans="8:8">
      <c r="H44197" s="12"/>
    </row>
    <row r="44198" spans="8:8">
      <c r="H44198" s="12"/>
    </row>
    <row r="44199" spans="8:8">
      <c r="H44199" s="12"/>
    </row>
    <row r="44200" spans="8:8">
      <c r="H44200" s="12"/>
    </row>
    <row r="44201" spans="8:8">
      <c r="H44201" s="12"/>
    </row>
    <row r="44202" spans="8:8">
      <c r="H44202" s="12"/>
    </row>
    <row r="44203" spans="8:8">
      <c r="H44203" s="12"/>
    </row>
    <row r="44204" spans="8:8">
      <c r="H44204" s="12"/>
    </row>
    <row r="44205" spans="8:8">
      <c r="H44205" s="12"/>
    </row>
    <row r="44206" spans="8:8">
      <c r="H44206" s="12"/>
    </row>
    <row r="44207" spans="8:8">
      <c r="H44207" s="12"/>
    </row>
    <row r="44208" spans="8:8">
      <c r="H44208" s="12"/>
    </row>
    <row r="44209" spans="8:8">
      <c r="H44209" s="12"/>
    </row>
    <row r="44210" spans="8:8">
      <c r="H44210" s="12"/>
    </row>
    <row r="44211" spans="8:8">
      <c r="H44211" s="12"/>
    </row>
    <row r="44212" spans="8:8">
      <c r="H44212" s="12"/>
    </row>
    <row r="44213" spans="8:8">
      <c r="H44213" s="12"/>
    </row>
    <row r="44214" spans="8:8">
      <c r="H44214" s="12"/>
    </row>
    <row r="44215" spans="8:8">
      <c r="H44215" s="12"/>
    </row>
    <row r="44216" spans="8:8">
      <c r="H44216" s="12"/>
    </row>
    <row r="44217" spans="8:8">
      <c r="H44217" s="12"/>
    </row>
    <row r="44218" spans="8:8">
      <c r="H44218" s="12"/>
    </row>
    <row r="44219" spans="8:8">
      <c r="H44219" s="12"/>
    </row>
    <row r="44220" spans="8:8">
      <c r="H44220" s="12"/>
    </row>
    <row r="44221" spans="8:8">
      <c r="H44221" s="12"/>
    </row>
    <row r="44222" spans="8:8">
      <c r="H44222" s="12"/>
    </row>
    <row r="44223" spans="8:8">
      <c r="H44223" s="12"/>
    </row>
    <row r="44224" spans="8:8">
      <c r="H44224" s="12"/>
    </row>
    <row r="44225" spans="8:8">
      <c r="H44225" s="12"/>
    </row>
    <row r="44226" spans="8:8">
      <c r="H44226" s="12"/>
    </row>
    <row r="44227" spans="8:8">
      <c r="H44227" s="12"/>
    </row>
    <row r="44228" spans="8:8">
      <c r="H44228" s="12"/>
    </row>
    <row r="44229" spans="8:8">
      <c r="H44229" s="12"/>
    </row>
    <row r="44230" spans="8:8">
      <c r="H44230" s="12"/>
    </row>
    <row r="44231" spans="8:8">
      <c r="H44231" s="12"/>
    </row>
    <row r="44232" spans="8:8">
      <c r="H44232" s="12"/>
    </row>
    <row r="44233" spans="8:8">
      <c r="H44233" s="12"/>
    </row>
    <row r="44234" spans="8:8">
      <c r="H44234" s="12"/>
    </row>
    <row r="44235" spans="8:8">
      <c r="H44235" s="12"/>
    </row>
    <row r="44236" spans="8:8">
      <c r="H44236" s="12"/>
    </row>
    <row r="44237" spans="8:8">
      <c r="H44237" s="12"/>
    </row>
    <row r="44238" spans="8:8">
      <c r="H44238" s="12"/>
    </row>
    <row r="44239" spans="8:8">
      <c r="H44239" s="12"/>
    </row>
    <row r="44240" spans="8:8">
      <c r="H44240" s="12"/>
    </row>
    <row r="44241" spans="8:8">
      <c r="H44241" s="12"/>
    </row>
    <row r="44242" spans="8:8">
      <c r="H44242" s="12"/>
    </row>
    <row r="44243" spans="8:8">
      <c r="H44243" s="12"/>
    </row>
    <row r="44244" spans="8:8">
      <c r="H44244" s="12"/>
    </row>
    <row r="44245" spans="8:8">
      <c r="H44245" s="12"/>
    </row>
    <row r="44246" spans="8:8">
      <c r="H44246" s="12"/>
    </row>
    <row r="44247" spans="8:8">
      <c r="H44247" s="12"/>
    </row>
    <row r="44248" spans="8:8">
      <c r="H44248" s="12"/>
    </row>
    <row r="44249" spans="8:8">
      <c r="H44249" s="12"/>
    </row>
    <row r="44250" spans="8:8">
      <c r="H44250" s="12"/>
    </row>
    <row r="44251" spans="8:8">
      <c r="H44251" s="12"/>
    </row>
    <row r="44252" spans="8:8">
      <c r="H44252" s="12"/>
    </row>
    <row r="44253" spans="8:8">
      <c r="H44253" s="12"/>
    </row>
    <row r="44254" spans="8:8">
      <c r="H44254" s="12"/>
    </row>
    <row r="44255" spans="8:8">
      <c r="H44255" s="12"/>
    </row>
    <row r="44256" spans="8:8">
      <c r="H44256" s="12"/>
    </row>
    <row r="44257" spans="8:8">
      <c r="H44257" s="12"/>
    </row>
    <row r="44258" spans="8:8">
      <c r="H44258" s="12"/>
    </row>
    <row r="44259" spans="8:8">
      <c r="H44259" s="12"/>
    </row>
    <row r="44260" spans="8:8">
      <c r="H44260" s="12"/>
    </row>
    <row r="44261" spans="8:8">
      <c r="H44261" s="12"/>
    </row>
    <row r="44262" spans="8:8">
      <c r="H44262" s="12"/>
    </row>
    <row r="44263" spans="8:8">
      <c r="H44263" s="12"/>
    </row>
    <row r="44264" spans="8:8">
      <c r="H44264" s="12"/>
    </row>
    <row r="44265" spans="8:8">
      <c r="H44265" s="12"/>
    </row>
    <row r="44266" spans="8:8">
      <c r="H44266" s="12"/>
    </row>
    <row r="44267" spans="8:8">
      <c r="H44267" s="12"/>
    </row>
    <row r="44268" spans="8:8">
      <c r="H44268" s="12"/>
    </row>
    <row r="44269" spans="8:8">
      <c r="H44269" s="12"/>
    </row>
    <row r="44270" spans="8:8">
      <c r="H44270" s="12"/>
    </row>
    <row r="44271" spans="8:8">
      <c r="H44271" s="12"/>
    </row>
    <row r="44272" spans="8:8">
      <c r="H44272" s="12"/>
    </row>
    <row r="44273" spans="8:8">
      <c r="H44273" s="12"/>
    </row>
    <row r="44274" spans="8:8">
      <c r="H44274" s="12"/>
    </row>
    <row r="44275" spans="8:8">
      <c r="H44275" s="12"/>
    </row>
    <row r="44276" spans="8:8">
      <c r="H44276" s="12"/>
    </row>
    <row r="44277" spans="8:8">
      <c r="H44277" s="12"/>
    </row>
    <row r="44278" spans="8:8">
      <c r="H44278" s="12"/>
    </row>
    <row r="44279" spans="8:8">
      <c r="H44279" s="12"/>
    </row>
    <row r="44280" spans="8:8">
      <c r="H44280" s="12"/>
    </row>
    <row r="44281" spans="8:8">
      <c r="H44281" s="12"/>
    </row>
    <row r="44282" spans="8:8">
      <c r="H44282" s="12"/>
    </row>
    <row r="44283" spans="8:8">
      <c r="H44283" s="12"/>
    </row>
    <row r="44284" spans="8:8">
      <c r="H44284" s="12"/>
    </row>
    <row r="44285" spans="8:8">
      <c r="H44285" s="12"/>
    </row>
    <row r="44286" spans="8:8">
      <c r="H44286" s="12"/>
    </row>
    <row r="44287" spans="8:8">
      <c r="H44287" s="12"/>
    </row>
    <row r="44288" spans="8:8">
      <c r="H44288" s="12"/>
    </row>
    <row r="44289" spans="8:8">
      <c r="H44289" s="12"/>
    </row>
    <row r="44290" spans="8:8">
      <c r="H44290" s="12"/>
    </row>
    <row r="44291" spans="8:8">
      <c r="H44291" s="12"/>
    </row>
    <row r="44292" spans="8:8">
      <c r="H44292" s="12"/>
    </row>
    <row r="44293" spans="8:8">
      <c r="H44293" s="12"/>
    </row>
    <row r="44294" spans="8:8">
      <c r="H44294" s="12"/>
    </row>
    <row r="44295" spans="8:8">
      <c r="H44295" s="12"/>
    </row>
    <row r="44296" spans="8:8">
      <c r="H44296" s="12"/>
    </row>
    <row r="44297" spans="8:8">
      <c r="H44297" s="12"/>
    </row>
    <row r="44298" spans="8:8">
      <c r="H44298" s="12"/>
    </row>
    <row r="44299" spans="8:8">
      <c r="H44299" s="12"/>
    </row>
    <row r="44300" spans="8:8">
      <c r="H44300" s="12"/>
    </row>
    <row r="44301" spans="8:8">
      <c r="H44301" s="12"/>
    </row>
    <row r="44302" spans="8:8">
      <c r="H44302" s="12"/>
    </row>
    <row r="44303" spans="8:8">
      <c r="H44303" s="12"/>
    </row>
    <row r="44304" spans="8:8">
      <c r="H44304" s="12"/>
    </row>
    <row r="44305" spans="8:8">
      <c r="H44305" s="12"/>
    </row>
    <row r="44306" spans="8:8">
      <c r="H44306" s="12"/>
    </row>
    <row r="44307" spans="8:8">
      <c r="H44307" s="12"/>
    </row>
    <row r="44308" spans="8:8">
      <c r="H44308" s="12"/>
    </row>
    <row r="44309" spans="8:8">
      <c r="H44309" s="12"/>
    </row>
    <row r="44310" spans="8:8">
      <c r="H44310" s="12"/>
    </row>
    <row r="44311" spans="8:8">
      <c r="H44311" s="12"/>
    </row>
    <row r="44312" spans="8:8">
      <c r="H44312" s="12"/>
    </row>
    <row r="44313" spans="8:8">
      <c r="H44313" s="12"/>
    </row>
    <row r="44314" spans="8:8">
      <c r="H44314" s="12"/>
    </row>
    <row r="44315" spans="8:8">
      <c r="H44315" s="12"/>
    </row>
    <row r="44316" spans="8:8">
      <c r="H44316" s="12"/>
    </row>
    <row r="44317" spans="8:8">
      <c r="H44317" s="12"/>
    </row>
    <row r="44318" spans="8:8">
      <c r="H44318" s="12"/>
    </row>
    <row r="44319" spans="8:8">
      <c r="H44319" s="12"/>
    </row>
    <row r="44320" spans="8:8">
      <c r="H44320" s="12"/>
    </row>
    <row r="44321" spans="8:8">
      <c r="H44321" s="12"/>
    </row>
    <row r="44322" spans="8:8">
      <c r="H44322" s="12"/>
    </row>
    <row r="44323" spans="8:8">
      <c r="H44323" s="12"/>
    </row>
    <row r="44324" spans="8:8">
      <c r="H44324" s="12"/>
    </row>
    <row r="44325" spans="8:8">
      <c r="H44325" s="12"/>
    </row>
    <row r="44326" spans="8:8">
      <c r="H44326" s="12"/>
    </row>
    <row r="44327" spans="8:8">
      <c r="H44327" s="12"/>
    </row>
    <row r="44328" spans="8:8">
      <c r="H44328" s="12"/>
    </row>
    <row r="44329" spans="8:8">
      <c r="H44329" s="12"/>
    </row>
    <row r="44330" spans="8:8">
      <c r="H44330" s="12"/>
    </row>
    <row r="44331" spans="8:8">
      <c r="H44331" s="12"/>
    </row>
    <row r="44332" spans="8:8">
      <c r="H44332" s="12"/>
    </row>
    <row r="44333" spans="8:8">
      <c r="H44333" s="12"/>
    </row>
    <row r="44334" spans="8:8">
      <c r="H44334" s="12"/>
    </row>
    <row r="44335" spans="8:8">
      <c r="H44335" s="12"/>
    </row>
    <row r="44336" spans="8:8">
      <c r="H44336" s="12"/>
    </row>
    <row r="44337" spans="8:8">
      <c r="H44337" s="12"/>
    </row>
    <row r="44338" spans="8:8">
      <c r="H44338" s="12"/>
    </row>
    <row r="44339" spans="8:8">
      <c r="H44339" s="12"/>
    </row>
    <row r="44340" spans="8:8">
      <c r="H44340" s="12"/>
    </row>
    <row r="44341" spans="8:8">
      <c r="H44341" s="12"/>
    </row>
    <row r="44342" spans="8:8">
      <c r="H44342" s="12"/>
    </row>
    <row r="44343" spans="8:8">
      <c r="H44343" s="12"/>
    </row>
    <row r="44344" spans="8:8">
      <c r="H44344" s="12"/>
    </row>
    <row r="44345" spans="8:8">
      <c r="H44345" s="12"/>
    </row>
    <row r="44346" spans="8:8">
      <c r="H44346" s="12"/>
    </row>
    <row r="44347" spans="8:8">
      <c r="H44347" s="12"/>
    </row>
    <row r="44348" spans="8:8">
      <c r="H44348" s="12"/>
    </row>
    <row r="44349" spans="8:8">
      <c r="H44349" s="12"/>
    </row>
    <row r="44350" spans="8:8">
      <c r="H44350" s="12"/>
    </row>
    <row r="44351" spans="8:8">
      <c r="H44351" s="12"/>
    </row>
    <row r="44352" spans="8:8">
      <c r="H44352" s="12"/>
    </row>
    <row r="44353" spans="8:8">
      <c r="H44353" s="12"/>
    </row>
    <row r="44354" spans="8:8">
      <c r="H44354" s="12"/>
    </row>
    <row r="44355" spans="8:8">
      <c r="H44355" s="12"/>
    </row>
    <row r="44356" spans="8:8">
      <c r="H44356" s="12"/>
    </row>
    <row r="44357" spans="8:8">
      <c r="H44357" s="12"/>
    </row>
    <row r="44358" spans="8:8">
      <c r="H44358" s="12"/>
    </row>
    <row r="44359" spans="8:8">
      <c r="H44359" s="12"/>
    </row>
    <row r="44360" spans="8:8">
      <c r="H44360" s="12"/>
    </row>
    <row r="44361" spans="8:8">
      <c r="H44361" s="12"/>
    </row>
    <row r="44362" spans="8:8">
      <c r="H44362" s="12"/>
    </row>
    <row r="44363" spans="8:8">
      <c r="H44363" s="12"/>
    </row>
    <row r="44364" spans="8:8">
      <c r="H44364" s="12"/>
    </row>
    <row r="44365" spans="8:8">
      <c r="H44365" s="12"/>
    </row>
    <row r="44366" spans="8:8">
      <c r="H44366" s="12"/>
    </row>
    <row r="44367" spans="8:8">
      <c r="H44367" s="12"/>
    </row>
    <row r="44368" spans="8:8">
      <c r="H44368" s="12"/>
    </row>
    <row r="44369" spans="8:8">
      <c r="H44369" s="12"/>
    </row>
    <row r="44370" spans="8:8">
      <c r="H44370" s="12"/>
    </row>
    <row r="44371" spans="8:8">
      <c r="H44371" s="12"/>
    </row>
    <row r="44372" spans="8:8">
      <c r="H44372" s="12"/>
    </row>
    <row r="44373" spans="8:8">
      <c r="H44373" s="12"/>
    </row>
    <row r="44374" spans="8:8">
      <c r="H44374" s="12"/>
    </row>
    <row r="44375" spans="8:8">
      <c r="H44375" s="12"/>
    </row>
    <row r="44376" spans="8:8">
      <c r="H44376" s="12"/>
    </row>
    <row r="44377" spans="8:8">
      <c r="H44377" s="12"/>
    </row>
    <row r="44378" spans="8:8">
      <c r="H44378" s="12"/>
    </row>
    <row r="44379" spans="8:8">
      <c r="H44379" s="12"/>
    </row>
    <row r="44380" spans="8:8">
      <c r="H44380" s="12"/>
    </row>
    <row r="44381" spans="8:8">
      <c r="H44381" s="12"/>
    </row>
    <row r="44382" spans="8:8">
      <c r="H44382" s="12"/>
    </row>
    <row r="44383" spans="8:8">
      <c r="H44383" s="12"/>
    </row>
    <row r="44384" spans="8:8">
      <c r="H44384" s="12"/>
    </row>
    <row r="44385" spans="8:8">
      <c r="H44385" s="12"/>
    </row>
    <row r="44386" spans="8:8">
      <c r="H44386" s="12"/>
    </row>
    <row r="44387" spans="8:8">
      <c r="H44387" s="12"/>
    </row>
    <row r="44388" spans="8:8">
      <c r="H44388" s="12"/>
    </row>
    <row r="44389" spans="8:8">
      <c r="H44389" s="12"/>
    </row>
    <row r="44390" spans="8:8">
      <c r="H44390" s="12"/>
    </row>
    <row r="44391" spans="8:8">
      <c r="H44391" s="12"/>
    </row>
    <row r="44392" spans="8:8">
      <c r="H44392" s="12"/>
    </row>
    <row r="44393" spans="8:8">
      <c r="H44393" s="12"/>
    </row>
    <row r="44394" spans="8:8">
      <c r="H44394" s="12"/>
    </row>
    <row r="44395" spans="8:8">
      <c r="H44395" s="12"/>
    </row>
    <row r="44396" spans="8:8">
      <c r="H44396" s="12"/>
    </row>
    <row r="44397" spans="8:8">
      <c r="H44397" s="12"/>
    </row>
    <row r="44398" spans="8:8">
      <c r="H44398" s="12"/>
    </row>
    <row r="44399" spans="8:8">
      <c r="H44399" s="12"/>
    </row>
    <row r="44400" spans="8:8">
      <c r="H44400" s="12"/>
    </row>
    <row r="44401" spans="8:8">
      <c r="H44401" s="12"/>
    </row>
    <row r="44402" spans="8:8">
      <c r="H44402" s="12"/>
    </row>
    <row r="44403" spans="8:8">
      <c r="H44403" s="12"/>
    </row>
    <row r="44404" spans="8:8">
      <c r="H44404" s="12"/>
    </row>
    <row r="44405" spans="8:8">
      <c r="H44405" s="12"/>
    </row>
    <row r="44406" spans="8:8">
      <c r="H44406" s="12"/>
    </row>
    <row r="44407" spans="8:8">
      <c r="H44407" s="12"/>
    </row>
    <row r="44408" spans="8:8">
      <c r="H44408" s="12"/>
    </row>
    <row r="44409" spans="8:8">
      <c r="H44409" s="12"/>
    </row>
    <row r="44410" spans="8:8">
      <c r="H44410" s="12"/>
    </row>
    <row r="44411" spans="8:8">
      <c r="H44411" s="12"/>
    </row>
    <row r="44412" spans="8:8">
      <c r="H44412" s="12"/>
    </row>
    <row r="44413" spans="8:8">
      <c r="H44413" s="12"/>
    </row>
    <row r="44414" spans="8:8">
      <c r="H44414" s="12"/>
    </row>
    <row r="44415" spans="8:8">
      <c r="H44415" s="12"/>
    </row>
    <row r="44416" spans="8:8">
      <c r="H44416" s="12"/>
    </row>
    <row r="44417" spans="8:8">
      <c r="H44417" s="12"/>
    </row>
    <row r="44418" spans="8:8">
      <c r="H44418" s="12"/>
    </row>
    <row r="44419" spans="8:8">
      <c r="H44419" s="12"/>
    </row>
    <row r="44420" spans="8:8">
      <c r="H44420" s="12"/>
    </row>
    <row r="44421" spans="8:8">
      <c r="H44421" s="12"/>
    </row>
    <row r="44422" spans="8:8">
      <c r="H44422" s="12"/>
    </row>
    <row r="44423" spans="8:8">
      <c r="H44423" s="12"/>
    </row>
    <row r="44424" spans="8:8">
      <c r="H44424" s="12"/>
    </row>
    <row r="44425" spans="8:8">
      <c r="H44425" s="12"/>
    </row>
    <row r="44426" spans="8:8">
      <c r="H44426" s="12"/>
    </row>
    <row r="44427" spans="8:8">
      <c r="H44427" s="12"/>
    </row>
    <row r="44428" spans="8:8">
      <c r="H44428" s="12"/>
    </row>
    <row r="44429" spans="8:8">
      <c r="H44429" s="12"/>
    </row>
    <row r="44430" spans="8:8">
      <c r="H44430" s="12"/>
    </row>
    <row r="44431" spans="8:8">
      <c r="H44431" s="12"/>
    </row>
    <row r="44432" spans="8:8">
      <c r="H44432" s="12"/>
    </row>
    <row r="44433" spans="8:8">
      <c r="H44433" s="12"/>
    </row>
    <row r="44434" spans="8:8">
      <c r="H44434" s="12"/>
    </row>
    <row r="44435" spans="8:8">
      <c r="H44435" s="12"/>
    </row>
    <row r="44436" spans="8:8">
      <c r="H44436" s="12"/>
    </row>
    <row r="44437" spans="8:8">
      <c r="H44437" s="12"/>
    </row>
    <row r="44438" spans="8:8">
      <c r="H44438" s="12"/>
    </row>
    <row r="44439" spans="8:8">
      <c r="H44439" s="12"/>
    </row>
    <row r="44440" spans="8:8">
      <c r="H44440" s="12"/>
    </row>
    <row r="44441" spans="8:8">
      <c r="H44441" s="12"/>
    </row>
    <row r="44442" spans="8:8">
      <c r="H44442" s="12"/>
    </row>
    <row r="44443" spans="8:8">
      <c r="H44443" s="12"/>
    </row>
    <row r="44444" spans="8:8">
      <c r="H44444" s="12"/>
    </row>
    <row r="44445" spans="8:8">
      <c r="H44445" s="12"/>
    </row>
    <row r="44446" spans="8:8">
      <c r="H44446" s="12"/>
    </row>
    <row r="44447" spans="8:8">
      <c r="H44447" s="12"/>
    </row>
    <row r="44448" spans="8:8">
      <c r="H44448" s="12"/>
    </row>
    <row r="44449" spans="8:8">
      <c r="H44449" s="12"/>
    </row>
    <row r="44450" spans="8:8">
      <c r="H44450" s="12"/>
    </row>
    <row r="44451" spans="8:8">
      <c r="H44451" s="12"/>
    </row>
    <row r="44452" spans="8:8">
      <c r="H44452" s="12"/>
    </row>
    <row r="44453" spans="8:8">
      <c r="H44453" s="12"/>
    </row>
    <row r="44454" spans="8:8">
      <c r="H44454" s="12"/>
    </row>
    <row r="44455" spans="8:8">
      <c r="H44455" s="12"/>
    </row>
    <row r="44456" spans="8:8">
      <c r="H44456" s="12"/>
    </row>
    <row r="44457" spans="8:8">
      <c r="H44457" s="12"/>
    </row>
    <row r="44458" spans="8:8">
      <c r="H44458" s="12"/>
    </row>
    <row r="44459" spans="8:8">
      <c r="H44459" s="12"/>
    </row>
    <row r="44460" spans="8:8">
      <c r="H44460" s="12"/>
    </row>
    <row r="44461" spans="8:8">
      <c r="H44461" s="12"/>
    </row>
    <row r="44462" spans="8:8">
      <c r="H44462" s="12"/>
    </row>
    <row r="44463" spans="8:8">
      <c r="H44463" s="12"/>
    </row>
    <row r="44464" spans="8:8">
      <c r="H44464" s="12"/>
    </row>
    <row r="44465" spans="8:8">
      <c r="H44465" s="12"/>
    </row>
    <row r="44466" spans="8:8">
      <c r="H44466" s="12"/>
    </row>
    <row r="44467" spans="8:8">
      <c r="H44467" s="12"/>
    </row>
    <row r="44468" spans="8:8">
      <c r="H44468" s="12"/>
    </row>
    <row r="44469" spans="8:8">
      <c r="H44469" s="12"/>
    </row>
    <row r="44470" spans="8:8">
      <c r="H44470" s="12"/>
    </row>
    <row r="44471" spans="8:8">
      <c r="H44471" s="12"/>
    </row>
    <row r="44472" spans="8:8">
      <c r="H44472" s="12"/>
    </row>
    <row r="44473" spans="8:8">
      <c r="H44473" s="12"/>
    </row>
    <row r="44474" spans="8:8">
      <c r="H44474" s="12"/>
    </row>
    <row r="44475" spans="8:8">
      <c r="H44475" s="12"/>
    </row>
    <row r="44476" spans="8:8">
      <c r="H44476" s="12"/>
    </row>
    <row r="44477" spans="8:8">
      <c r="H44477" s="12"/>
    </row>
    <row r="44478" spans="8:8">
      <c r="H44478" s="12"/>
    </row>
    <row r="44479" spans="8:8">
      <c r="H44479" s="12"/>
    </row>
    <row r="44480" spans="8:8">
      <c r="H44480" s="12"/>
    </row>
    <row r="44481" spans="8:8">
      <c r="H44481" s="12"/>
    </row>
    <row r="44482" spans="8:8">
      <c r="H44482" s="12"/>
    </row>
    <row r="44483" spans="8:8">
      <c r="H44483" s="12"/>
    </row>
    <row r="44484" spans="8:8">
      <c r="H44484" s="12"/>
    </row>
    <row r="44485" spans="8:8">
      <c r="H44485" s="12"/>
    </row>
    <row r="44486" spans="8:8">
      <c r="H44486" s="12"/>
    </row>
    <row r="44487" spans="8:8">
      <c r="H44487" s="12"/>
    </row>
    <row r="44488" spans="8:8">
      <c r="H44488" s="12"/>
    </row>
    <row r="44489" spans="8:8">
      <c r="H44489" s="12"/>
    </row>
    <row r="44490" spans="8:8">
      <c r="H44490" s="12"/>
    </row>
    <row r="44491" spans="8:8">
      <c r="H44491" s="12"/>
    </row>
    <row r="44492" spans="8:8">
      <c r="H44492" s="12"/>
    </row>
    <row r="44493" spans="8:8">
      <c r="H44493" s="12"/>
    </row>
    <row r="44494" spans="8:8">
      <c r="H44494" s="12"/>
    </row>
    <row r="44495" spans="8:8">
      <c r="H44495" s="12"/>
    </row>
    <row r="44496" spans="8:8">
      <c r="H44496" s="12"/>
    </row>
    <row r="44497" spans="8:8">
      <c r="H44497" s="12"/>
    </row>
    <row r="44498" spans="8:8">
      <c r="H44498" s="12"/>
    </row>
    <row r="44499" spans="8:8">
      <c r="H44499" s="12"/>
    </row>
    <row r="44500" spans="8:8">
      <c r="H44500" s="12"/>
    </row>
    <row r="44501" spans="8:8">
      <c r="H44501" s="12"/>
    </row>
    <row r="44502" spans="8:8">
      <c r="H44502" s="12"/>
    </row>
    <row r="44503" spans="8:8">
      <c r="H44503" s="12"/>
    </row>
    <row r="44504" spans="8:8">
      <c r="H44504" s="12"/>
    </row>
    <row r="44505" spans="8:8">
      <c r="H44505" s="12"/>
    </row>
    <row r="44506" spans="8:8">
      <c r="H44506" s="12"/>
    </row>
    <row r="44507" spans="8:8">
      <c r="H44507" s="12"/>
    </row>
    <row r="44508" spans="8:8">
      <c r="H44508" s="12"/>
    </row>
    <row r="44509" spans="8:8">
      <c r="H44509" s="12"/>
    </row>
    <row r="44510" spans="8:8">
      <c r="H44510" s="12"/>
    </row>
    <row r="44511" spans="8:8">
      <c r="H44511" s="12"/>
    </row>
    <row r="44512" spans="8:8">
      <c r="H44512" s="12"/>
    </row>
    <row r="44513" spans="8:8">
      <c r="H44513" s="12"/>
    </row>
    <row r="44514" spans="8:8">
      <c r="H44514" s="12"/>
    </row>
    <row r="44515" spans="8:8">
      <c r="H44515" s="12"/>
    </row>
    <row r="44516" spans="8:8">
      <c r="H44516" s="12"/>
    </row>
    <row r="44517" spans="8:8">
      <c r="H44517" s="12"/>
    </row>
    <row r="44518" spans="8:8">
      <c r="H44518" s="12"/>
    </row>
    <row r="44519" spans="8:8">
      <c r="H44519" s="12"/>
    </row>
    <row r="44520" spans="8:8">
      <c r="H44520" s="12"/>
    </row>
    <row r="44521" spans="8:8">
      <c r="H44521" s="12"/>
    </row>
    <row r="44522" spans="8:8">
      <c r="H44522" s="12"/>
    </row>
    <row r="44523" spans="8:8">
      <c r="H44523" s="12"/>
    </row>
    <row r="44524" spans="8:8">
      <c r="H44524" s="12"/>
    </row>
    <row r="44525" spans="8:8">
      <c r="H44525" s="12"/>
    </row>
    <row r="44526" spans="8:8">
      <c r="H44526" s="12"/>
    </row>
    <row r="44527" spans="8:8">
      <c r="H44527" s="12"/>
    </row>
    <row r="44528" spans="8:8">
      <c r="H44528" s="12"/>
    </row>
    <row r="44529" spans="8:8">
      <c r="H44529" s="12"/>
    </row>
    <row r="44530" spans="8:8">
      <c r="H44530" s="12"/>
    </row>
    <row r="44531" spans="8:8">
      <c r="H44531" s="12"/>
    </row>
    <row r="44532" spans="8:8">
      <c r="H44532" s="12"/>
    </row>
    <row r="44533" spans="8:8">
      <c r="H44533" s="12"/>
    </row>
    <row r="44534" spans="8:8">
      <c r="H44534" s="12"/>
    </row>
    <row r="44535" spans="8:8">
      <c r="H44535" s="12"/>
    </row>
    <row r="44536" spans="8:8">
      <c r="H44536" s="12"/>
    </row>
    <row r="44537" spans="8:8">
      <c r="H44537" s="12"/>
    </row>
    <row r="44538" spans="8:8">
      <c r="H44538" s="12"/>
    </row>
    <row r="44539" spans="8:8">
      <c r="H44539" s="12"/>
    </row>
    <row r="44540" spans="8:8">
      <c r="H44540" s="12"/>
    </row>
    <row r="44541" spans="8:8">
      <c r="H44541" s="12"/>
    </row>
    <row r="44542" spans="8:8">
      <c r="H44542" s="12"/>
    </row>
    <row r="44543" spans="8:8">
      <c r="H44543" s="12"/>
    </row>
    <row r="44544" spans="8:8">
      <c r="H44544" s="12"/>
    </row>
    <row r="44545" spans="8:8">
      <c r="H44545" s="12"/>
    </row>
    <row r="44546" spans="8:8">
      <c r="H44546" s="12"/>
    </row>
    <row r="44547" spans="8:8">
      <c r="H44547" s="12"/>
    </row>
    <row r="44548" spans="8:8">
      <c r="H44548" s="12"/>
    </row>
    <row r="44549" spans="8:8">
      <c r="H44549" s="12"/>
    </row>
    <row r="44550" spans="8:8">
      <c r="H44550" s="12"/>
    </row>
    <row r="44551" spans="8:8">
      <c r="H44551" s="12"/>
    </row>
    <row r="44552" spans="8:8">
      <c r="H44552" s="12"/>
    </row>
    <row r="44553" spans="8:8">
      <c r="H44553" s="12"/>
    </row>
    <row r="44554" spans="8:8">
      <c r="H44554" s="12"/>
    </row>
    <row r="44555" spans="8:8">
      <c r="H44555" s="12"/>
    </row>
    <row r="44556" spans="8:8">
      <c r="H44556" s="12"/>
    </row>
    <row r="44557" spans="8:8">
      <c r="H44557" s="12"/>
    </row>
    <row r="44558" spans="8:8">
      <c r="H44558" s="12"/>
    </row>
    <row r="44559" spans="8:8">
      <c r="H44559" s="12"/>
    </row>
    <row r="44560" spans="8:8">
      <c r="H44560" s="12"/>
    </row>
    <row r="44561" spans="8:8">
      <c r="H44561" s="12"/>
    </row>
    <row r="44562" spans="8:8">
      <c r="H44562" s="12"/>
    </row>
    <row r="44563" spans="8:8">
      <c r="H44563" s="12"/>
    </row>
    <row r="44564" spans="8:8">
      <c r="H44564" s="12"/>
    </row>
    <row r="44565" spans="8:8">
      <c r="H44565" s="12"/>
    </row>
    <row r="44566" spans="8:8">
      <c r="H44566" s="12"/>
    </row>
    <row r="44567" spans="8:8">
      <c r="H44567" s="12"/>
    </row>
    <row r="44568" spans="8:8">
      <c r="H44568" s="12"/>
    </row>
    <row r="44569" spans="8:8">
      <c r="H44569" s="12"/>
    </row>
    <row r="44570" spans="8:8">
      <c r="H44570" s="12"/>
    </row>
    <row r="44571" spans="8:8">
      <c r="H44571" s="12"/>
    </row>
    <row r="44572" spans="8:8">
      <c r="H44572" s="12"/>
    </row>
    <row r="44573" spans="8:8">
      <c r="H44573" s="12"/>
    </row>
    <row r="44574" spans="8:8">
      <c r="H44574" s="12"/>
    </row>
    <row r="44575" spans="8:8">
      <c r="H44575" s="12"/>
    </row>
    <row r="44576" spans="8:8">
      <c r="H44576" s="12"/>
    </row>
    <row r="44577" spans="8:8">
      <c r="H44577" s="12"/>
    </row>
    <row r="44578" spans="8:8">
      <c r="H44578" s="12"/>
    </row>
    <row r="44579" spans="8:8">
      <c r="H44579" s="12"/>
    </row>
    <row r="44580" spans="8:8">
      <c r="H44580" s="12"/>
    </row>
    <row r="44581" spans="8:8">
      <c r="H44581" s="12"/>
    </row>
    <row r="44582" spans="8:8">
      <c r="H44582" s="12"/>
    </row>
    <row r="44583" spans="8:8">
      <c r="H44583" s="12"/>
    </row>
    <row r="44584" spans="8:8">
      <c r="H44584" s="12"/>
    </row>
    <row r="44585" spans="8:8">
      <c r="H44585" s="12"/>
    </row>
    <row r="44586" spans="8:8">
      <c r="H44586" s="12"/>
    </row>
    <row r="44587" spans="8:8">
      <c r="H44587" s="12"/>
    </row>
    <row r="44588" spans="8:8">
      <c r="H44588" s="12"/>
    </row>
    <row r="44589" spans="8:8">
      <c r="H44589" s="12"/>
    </row>
    <row r="44590" spans="8:8">
      <c r="H44590" s="12"/>
    </row>
    <row r="44591" spans="8:8">
      <c r="H44591" s="12"/>
    </row>
    <row r="44592" spans="8:8">
      <c r="H44592" s="12"/>
    </row>
    <row r="44593" spans="8:8">
      <c r="H44593" s="12"/>
    </row>
    <row r="44594" spans="8:8">
      <c r="H44594" s="12"/>
    </row>
    <row r="44595" spans="8:8">
      <c r="H44595" s="12"/>
    </row>
    <row r="44596" spans="8:8">
      <c r="H44596" s="12"/>
    </row>
    <row r="44597" spans="8:8">
      <c r="H44597" s="12"/>
    </row>
    <row r="44598" spans="8:8">
      <c r="H44598" s="12"/>
    </row>
    <row r="44599" spans="8:8">
      <c r="H44599" s="12"/>
    </row>
    <row r="44600" spans="8:8">
      <c r="H44600" s="12"/>
    </row>
    <row r="44601" spans="8:8">
      <c r="H44601" s="12"/>
    </row>
    <row r="44602" spans="8:8">
      <c r="H44602" s="12"/>
    </row>
    <row r="44603" spans="8:8">
      <c r="H44603" s="12"/>
    </row>
    <row r="44604" spans="8:8">
      <c r="H44604" s="12"/>
    </row>
    <row r="44605" spans="8:8">
      <c r="H44605" s="12"/>
    </row>
    <row r="44606" spans="8:8">
      <c r="H44606" s="12"/>
    </row>
    <row r="44607" spans="8:8">
      <c r="H44607" s="12"/>
    </row>
    <row r="44608" spans="8:8">
      <c r="H44608" s="12"/>
    </row>
    <row r="44609" spans="8:8">
      <c r="H44609" s="12"/>
    </row>
    <row r="44610" spans="8:8">
      <c r="H44610" s="12"/>
    </row>
    <row r="44611" spans="8:8">
      <c r="H44611" s="12"/>
    </row>
    <row r="44612" spans="8:8">
      <c r="H44612" s="12"/>
    </row>
    <row r="44613" spans="8:8">
      <c r="H44613" s="12"/>
    </row>
    <row r="44614" spans="8:8">
      <c r="H44614" s="12"/>
    </row>
    <row r="44615" spans="8:8">
      <c r="H44615" s="12"/>
    </row>
    <row r="44616" spans="8:8">
      <c r="H44616" s="12"/>
    </row>
    <row r="44617" spans="8:8">
      <c r="H44617" s="12"/>
    </row>
    <row r="44618" spans="8:8">
      <c r="H44618" s="12"/>
    </row>
    <row r="44619" spans="8:8">
      <c r="H44619" s="12"/>
    </row>
    <row r="44620" spans="8:8">
      <c r="H44620" s="12"/>
    </row>
    <row r="44621" spans="8:8">
      <c r="H44621" s="12"/>
    </row>
    <row r="44622" spans="8:8">
      <c r="H44622" s="12"/>
    </row>
    <row r="44623" spans="8:8">
      <c r="H44623" s="12"/>
    </row>
    <row r="44624" spans="8:8">
      <c r="H44624" s="12"/>
    </row>
    <row r="44625" spans="8:8">
      <c r="H44625" s="12"/>
    </row>
    <row r="44626" spans="8:8">
      <c r="H44626" s="12"/>
    </row>
    <row r="44627" spans="8:8">
      <c r="H44627" s="12"/>
    </row>
    <row r="44628" spans="8:8">
      <c r="H44628" s="12"/>
    </row>
    <row r="44629" spans="8:8">
      <c r="H44629" s="12"/>
    </row>
    <row r="44630" spans="8:8">
      <c r="H44630" s="12"/>
    </row>
    <row r="44631" spans="8:8">
      <c r="H44631" s="12"/>
    </row>
    <row r="44632" spans="8:8">
      <c r="H44632" s="12"/>
    </row>
    <row r="44633" spans="8:8">
      <c r="H44633" s="12"/>
    </row>
    <row r="44634" spans="8:8">
      <c r="H44634" s="12"/>
    </row>
    <row r="44635" spans="8:8">
      <c r="H44635" s="12"/>
    </row>
    <row r="44636" spans="8:8">
      <c r="H44636" s="12"/>
    </row>
    <row r="44637" spans="8:8">
      <c r="H44637" s="12"/>
    </row>
    <row r="44638" spans="8:8">
      <c r="H44638" s="12"/>
    </row>
    <row r="44639" spans="8:8">
      <c r="H44639" s="12"/>
    </row>
    <row r="44640" spans="8:8">
      <c r="H44640" s="12"/>
    </row>
    <row r="44641" spans="8:8">
      <c r="H44641" s="12"/>
    </row>
    <row r="44642" spans="8:8">
      <c r="H44642" s="12"/>
    </row>
    <row r="44643" spans="8:8">
      <c r="H44643" s="12"/>
    </row>
    <row r="44644" spans="8:8">
      <c r="H44644" s="12"/>
    </row>
    <row r="44645" spans="8:8">
      <c r="H44645" s="12"/>
    </row>
    <row r="44646" spans="8:8">
      <c r="H44646" s="12"/>
    </row>
    <row r="44647" spans="8:8">
      <c r="H44647" s="12"/>
    </row>
    <row r="44648" spans="8:8">
      <c r="H44648" s="12"/>
    </row>
    <row r="44649" spans="8:8">
      <c r="H44649" s="12"/>
    </row>
    <row r="44650" spans="8:8">
      <c r="H44650" s="12"/>
    </row>
    <row r="44651" spans="8:8">
      <c r="H44651" s="12"/>
    </row>
    <row r="44652" spans="8:8">
      <c r="H44652" s="12"/>
    </row>
    <row r="44653" spans="8:8">
      <c r="H44653" s="12"/>
    </row>
    <row r="44654" spans="8:8">
      <c r="H44654" s="12"/>
    </row>
    <row r="44655" spans="8:8">
      <c r="H44655" s="12"/>
    </row>
    <row r="44656" spans="8:8">
      <c r="H44656" s="12"/>
    </row>
    <row r="44657" spans="8:8">
      <c r="H44657" s="12"/>
    </row>
    <row r="44658" spans="8:8">
      <c r="H44658" s="12"/>
    </row>
    <row r="44659" spans="8:8">
      <c r="H44659" s="12"/>
    </row>
    <row r="44660" spans="8:8">
      <c r="H44660" s="12"/>
    </row>
    <row r="44661" spans="8:8">
      <c r="H44661" s="12"/>
    </row>
    <row r="44662" spans="8:8">
      <c r="H44662" s="12"/>
    </row>
    <row r="44663" spans="8:8">
      <c r="H44663" s="12"/>
    </row>
    <row r="44664" spans="8:8">
      <c r="H44664" s="12"/>
    </row>
    <row r="44665" spans="8:8">
      <c r="H44665" s="12"/>
    </row>
    <row r="44666" spans="8:8">
      <c r="H44666" s="12"/>
    </row>
    <row r="44667" spans="8:8">
      <c r="H44667" s="12"/>
    </row>
    <row r="44668" spans="8:8">
      <c r="H44668" s="12"/>
    </row>
    <row r="44669" spans="8:8">
      <c r="H44669" s="12"/>
    </row>
    <row r="44670" spans="8:8">
      <c r="H44670" s="12"/>
    </row>
    <row r="44671" spans="8:8">
      <c r="H44671" s="12"/>
    </row>
    <row r="44672" spans="8:8">
      <c r="H44672" s="12"/>
    </row>
    <row r="44673" spans="8:8">
      <c r="H44673" s="12"/>
    </row>
    <row r="44674" spans="8:8">
      <c r="H44674" s="12"/>
    </row>
    <row r="44675" spans="8:8">
      <c r="H44675" s="12"/>
    </row>
    <row r="44676" spans="8:8">
      <c r="H44676" s="12"/>
    </row>
    <row r="44677" spans="8:8">
      <c r="H44677" s="12"/>
    </row>
    <row r="44678" spans="8:8">
      <c r="H44678" s="12"/>
    </row>
    <row r="44679" spans="8:8">
      <c r="H44679" s="12"/>
    </row>
    <row r="44680" spans="8:8">
      <c r="H44680" s="12"/>
    </row>
    <row r="44681" spans="8:8">
      <c r="H44681" s="12"/>
    </row>
    <row r="44682" spans="8:8">
      <c r="H44682" s="12"/>
    </row>
    <row r="44683" spans="8:8">
      <c r="H44683" s="12"/>
    </row>
    <row r="44684" spans="8:8">
      <c r="H44684" s="12"/>
    </row>
    <row r="44685" spans="8:8">
      <c r="H44685" s="12"/>
    </row>
    <row r="44686" spans="8:8">
      <c r="H44686" s="12"/>
    </row>
    <row r="44687" spans="8:8">
      <c r="H44687" s="12"/>
    </row>
    <row r="44688" spans="8:8">
      <c r="H44688" s="12"/>
    </row>
    <row r="44689" spans="8:8">
      <c r="H44689" s="12"/>
    </row>
    <row r="44690" spans="8:8">
      <c r="H44690" s="12"/>
    </row>
    <row r="44691" spans="8:8">
      <c r="H44691" s="12"/>
    </row>
    <row r="44692" spans="8:8">
      <c r="H44692" s="12"/>
    </row>
    <row r="44693" spans="8:8">
      <c r="H44693" s="12"/>
    </row>
    <row r="44694" spans="8:8">
      <c r="H44694" s="12"/>
    </row>
    <row r="44695" spans="8:8">
      <c r="H44695" s="12"/>
    </row>
    <row r="44696" spans="8:8">
      <c r="H44696" s="12"/>
    </row>
    <row r="44697" spans="8:8">
      <c r="H44697" s="12"/>
    </row>
    <row r="44698" spans="8:8">
      <c r="H44698" s="12"/>
    </row>
    <row r="44699" spans="8:8">
      <c r="H44699" s="12"/>
    </row>
    <row r="44700" spans="8:8">
      <c r="H44700" s="12"/>
    </row>
    <row r="44701" spans="8:8">
      <c r="H44701" s="12"/>
    </row>
    <row r="44702" spans="8:8">
      <c r="H44702" s="12"/>
    </row>
    <row r="44703" spans="8:8">
      <c r="H44703" s="12"/>
    </row>
    <row r="44704" spans="8:8">
      <c r="H44704" s="12"/>
    </row>
    <row r="44705" spans="8:8">
      <c r="H44705" s="12"/>
    </row>
    <row r="44706" spans="8:8">
      <c r="H44706" s="12"/>
    </row>
    <row r="44707" spans="8:8">
      <c r="H44707" s="12"/>
    </row>
    <row r="44708" spans="8:8">
      <c r="H44708" s="12"/>
    </row>
    <row r="44709" spans="8:8">
      <c r="H44709" s="12"/>
    </row>
    <row r="44710" spans="8:8">
      <c r="H44710" s="12"/>
    </row>
    <row r="44711" spans="8:8">
      <c r="H44711" s="12"/>
    </row>
    <row r="44712" spans="8:8">
      <c r="H44712" s="12"/>
    </row>
    <row r="44713" spans="8:8">
      <c r="H44713" s="12"/>
    </row>
    <row r="44714" spans="8:8">
      <c r="H44714" s="12"/>
    </row>
    <row r="44715" spans="8:8">
      <c r="H44715" s="12"/>
    </row>
    <row r="44716" spans="8:8">
      <c r="H44716" s="12"/>
    </row>
    <row r="44717" spans="8:8">
      <c r="H44717" s="12"/>
    </row>
    <row r="44718" spans="8:8">
      <c r="H44718" s="12"/>
    </row>
    <row r="44719" spans="8:8">
      <c r="H44719" s="12"/>
    </row>
    <row r="44720" spans="8:8">
      <c r="H44720" s="12"/>
    </row>
    <row r="44721" spans="8:8">
      <c r="H44721" s="12"/>
    </row>
    <row r="44722" spans="8:8">
      <c r="H44722" s="12"/>
    </row>
    <row r="44723" spans="8:8">
      <c r="H44723" s="12"/>
    </row>
    <row r="44724" spans="8:8">
      <c r="H44724" s="12"/>
    </row>
    <row r="44725" spans="8:8">
      <c r="H44725" s="12"/>
    </row>
    <row r="44726" spans="8:8">
      <c r="H44726" s="12"/>
    </row>
    <row r="44727" spans="8:8">
      <c r="H44727" s="12"/>
    </row>
    <row r="44728" spans="8:8">
      <c r="H44728" s="12"/>
    </row>
    <row r="44729" spans="8:8">
      <c r="H44729" s="12"/>
    </row>
    <row r="44730" spans="8:8">
      <c r="H44730" s="12"/>
    </row>
    <row r="44731" spans="8:8">
      <c r="H44731" s="12"/>
    </row>
    <row r="44732" spans="8:8">
      <c r="H44732" s="12"/>
    </row>
    <row r="44733" spans="8:8">
      <c r="H44733" s="12"/>
    </row>
    <row r="44734" spans="8:8">
      <c r="H44734" s="12"/>
    </row>
    <row r="44735" spans="8:8">
      <c r="H44735" s="12"/>
    </row>
    <row r="44736" spans="8:8">
      <c r="H44736" s="12"/>
    </row>
    <row r="44737" spans="8:8">
      <c r="H44737" s="12"/>
    </row>
    <row r="44738" spans="8:8">
      <c r="H44738" s="12"/>
    </row>
    <row r="44739" spans="8:8">
      <c r="H44739" s="12"/>
    </row>
    <row r="44740" spans="8:8">
      <c r="H44740" s="12"/>
    </row>
    <row r="44741" spans="8:8">
      <c r="H44741" s="12"/>
    </row>
    <row r="44742" spans="8:8">
      <c r="H44742" s="12"/>
    </row>
    <row r="44743" spans="8:8">
      <c r="H44743" s="12"/>
    </row>
    <row r="44744" spans="8:8">
      <c r="H44744" s="12"/>
    </row>
    <row r="44745" spans="8:8">
      <c r="H44745" s="12"/>
    </row>
    <row r="44746" spans="8:8">
      <c r="H44746" s="12"/>
    </row>
    <row r="44747" spans="8:8">
      <c r="H44747" s="12"/>
    </row>
    <row r="44748" spans="8:8">
      <c r="H44748" s="12"/>
    </row>
    <row r="44749" spans="8:8">
      <c r="H44749" s="12"/>
    </row>
    <row r="44750" spans="8:8">
      <c r="H44750" s="12"/>
    </row>
    <row r="44751" spans="8:8">
      <c r="H44751" s="12"/>
    </row>
    <row r="44752" spans="8:8">
      <c r="H44752" s="12"/>
    </row>
    <row r="44753" spans="8:8">
      <c r="H44753" s="12"/>
    </row>
    <row r="44754" spans="8:8">
      <c r="H44754" s="12"/>
    </row>
    <row r="44755" spans="8:8">
      <c r="H44755" s="12"/>
    </row>
    <row r="44756" spans="8:8">
      <c r="H44756" s="12"/>
    </row>
    <row r="44757" spans="8:8">
      <c r="H44757" s="12"/>
    </row>
    <row r="44758" spans="8:8">
      <c r="H44758" s="12"/>
    </row>
    <row r="44759" spans="8:8">
      <c r="H44759" s="12"/>
    </row>
    <row r="44760" spans="8:8">
      <c r="H44760" s="12"/>
    </row>
    <row r="44761" spans="8:8">
      <c r="H44761" s="12"/>
    </row>
    <row r="44762" spans="8:8">
      <c r="H44762" s="12"/>
    </row>
    <row r="44763" spans="8:8">
      <c r="H44763" s="12"/>
    </row>
    <row r="44764" spans="8:8">
      <c r="H44764" s="12"/>
    </row>
    <row r="44765" spans="8:8">
      <c r="H44765" s="12"/>
    </row>
    <row r="44766" spans="8:8">
      <c r="H44766" s="12"/>
    </row>
    <row r="44767" spans="8:8">
      <c r="H44767" s="12"/>
    </row>
    <row r="44768" spans="8:8">
      <c r="H44768" s="12"/>
    </row>
    <row r="44769" spans="8:8">
      <c r="H44769" s="12"/>
    </row>
    <row r="44770" spans="8:8">
      <c r="H44770" s="12"/>
    </row>
    <row r="44771" spans="8:8">
      <c r="H44771" s="12"/>
    </row>
    <row r="44772" spans="8:8">
      <c r="H44772" s="12"/>
    </row>
    <row r="44773" spans="8:8">
      <c r="H44773" s="12"/>
    </row>
    <row r="44774" spans="8:8">
      <c r="H44774" s="12"/>
    </row>
    <row r="44775" spans="8:8">
      <c r="H44775" s="12"/>
    </row>
    <row r="44776" spans="8:8">
      <c r="H44776" s="12"/>
    </row>
    <row r="44777" spans="8:8">
      <c r="H44777" s="12"/>
    </row>
    <row r="44778" spans="8:8">
      <c r="H44778" s="12"/>
    </row>
    <row r="44779" spans="8:8">
      <c r="H44779" s="12"/>
    </row>
    <row r="44780" spans="8:8">
      <c r="H44780" s="12"/>
    </row>
    <row r="44781" spans="8:8">
      <c r="H44781" s="12"/>
    </row>
    <row r="44782" spans="8:8">
      <c r="H44782" s="12"/>
    </row>
    <row r="44783" spans="8:8">
      <c r="H44783" s="12"/>
    </row>
    <row r="44784" spans="8:8">
      <c r="H44784" s="12"/>
    </row>
    <row r="44785" spans="8:8">
      <c r="H44785" s="12"/>
    </row>
    <row r="44786" spans="8:8">
      <c r="H44786" s="12"/>
    </row>
    <row r="44787" spans="8:8">
      <c r="H44787" s="12"/>
    </row>
    <row r="44788" spans="8:8">
      <c r="H44788" s="12"/>
    </row>
    <row r="44789" spans="8:8">
      <c r="H44789" s="12"/>
    </row>
    <row r="44790" spans="8:8">
      <c r="H44790" s="12"/>
    </row>
    <row r="44791" spans="8:8">
      <c r="H44791" s="12"/>
    </row>
    <row r="44792" spans="8:8">
      <c r="H44792" s="12"/>
    </row>
    <row r="44793" spans="8:8">
      <c r="H44793" s="12"/>
    </row>
    <row r="44794" spans="8:8">
      <c r="H44794" s="12"/>
    </row>
    <row r="44795" spans="8:8">
      <c r="H44795" s="12"/>
    </row>
    <row r="44796" spans="8:8">
      <c r="H44796" s="12"/>
    </row>
    <row r="44797" spans="8:8">
      <c r="H44797" s="12"/>
    </row>
    <row r="44798" spans="8:8">
      <c r="H44798" s="12"/>
    </row>
    <row r="44799" spans="8:8">
      <c r="H44799" s="12"/>
    </row>
    <row r="44800" spans="8:8">
      <c r="H44800" s="12"/>
    </row>
    <row r="44801" spans="8:8">
      <c r="H44801" s="12"/>
    </row>
    <row r="44802" spans="8:8">
      <c r="H44802" s="12"/>
    </row>
    <row r="44803" spans="8:8">
      <c r="H44803" s="12"/>
    </row>
    <row r="44804" spans="8:8">
      <c r="H44804" s="12"/>
    </row>
    <row r="44805" spans="8:8">
      <c r="H44805" s="12"/>
    </row>
    <row r="44806" spans="8:8">
      <c r="H44806" s="12"/>
    </row>
    <row r="44807" spans="8:8">
      <c r="H44807" s="12"/>
    </row>
    <row r="44808" spans="8:8">
      <c r="H44808" s="12"/>
    </row>
    <row r="44809" spans="8:8">
      <c r="H44809" s="12"/>
    </row>
    <row r="44810" spans="8:8">
      <c r="H44810" s="12"/>
    </row>
    <row r="44811" spans="8:8">
      <c r="H44811" s="12"/>
    </row>
    <row r="44812" spans="8:8">
      <c r="H44812" s="12"/>
    </row>
    <row r="44813" spans="8:8">
      <c r="H44813" s="12"/>
    </row>
    <row r="44814" spans="8:8">
      <c r="H44814" s="12"/>
    </row>
    <row r="44815" spans="8:8">
      <c r="H44815" s="12"/>
    </row>
    <row r="44816" spans="8:8">
      <c r="H44816" s="12"/>
    </row>
    <row r="44817" spans="8:8">
      <c r="H44817" s="12"/>
    </row>
    <row r="44818" spans="8:8">
      <c r="H44818" s="12"/>
    </row>
    <row r="44819" spans="8:8">
      <c r="H44819" s="12"/>
    </row>
    <row r="44820" spans="8:8">
      <c r="H44820" s="12"/>
    </row>
    <row r="44821" spans="8:8">
      <c r="H44821" s="12"/>
    </row>
    <row r="44822" spans="8:8">
      <c r="H44822" s="12"/>
    </row>
    <row r="44823" spans="8:8">
      <c r="H44823" s="12"/>
    </row>
    <row r="44824" spans="8:8">
      <c r="H44824" s="12"/>
    </row>
    <row r="44825" spans="8:8">
      <c r="H44825" s="12"/>
    </row>
    <row r="44826" spans="8:8">
      <c r="H44826" s="12"/>
    </row>
    <row r="44827" spans="8:8">
      <c r="H44827" s="12"/>
    </row>
    <row r="44828" spans="8:8">
      <c r="H44828" s="12"/>
    </row>
    <row r="44829" spans="8:8">
      <c r="H44829" s="12"/>
    </row>
    <row r="44830" spans="8:8">
      <c r="H44830" s="12"/>
    </row>
    <row r="44831" spans="8:8">
      <c r="H44831" s="12"/>
    </row>
    <row r="44832" spans="8:8">
      <c r="H44832" s="12"/>
    </row>
    <row r="44833" spans="8:8">
      <c r="H44833" s="12"/>
    </row>
    <row r="44834" spans="8:8">
      <c r="H44834" s="12"/>
    </row>
    <row r="44835" spans="8:8">
      <c r="H44835" s="12"/>
    </row>
    <row r="44836" spans="8:8">
      <c r="H44836" s="12"/>
    </row>
    <row r="44837" spans="8:8">
      <c r="H44837" s="12"/>
    </row>
    <row r="44838" spans="8:8">
      <c r="H44838" s="12"/>
    </row>
    <row r="44839" spans="8:8">
      <c r="H44839" s="12"/>
    </row>
    <row r="44840" spans="8:8">
      <c r="H44840" s="12"/>
    </row>
    <row r="44841" spans="8:8">
      <c r="H44841" s="12"/>
    </row>
    <row r="44842" spans="8:8">
      <c r="H44842" s="12"/>
    </row>
    <row r="44843" spans="8:8">
      <c r="H44843" s="12"/>
    </row>
    <row r="44844" spans="8:8">
      <c r="H44844" s="12"/>
    </row>
    <row r="44845" spans="8:8">
      <c r="H44845" s="12"/>
    </row>
    <row r="44846" spans="8:8">
      <c r="H44846" s="12"/>
    </row>
    <row r="44847" spans="8:8">
      <c r="H44847" s="12"/>
    </row>
    <row r="44848" spans="8:8">
      <c r="H44848" s="12"/>
    </row>
    <row r="44849" spans="8:8">
      <c r="H44849" s="12"/>
    </row>
    <row r="44850" spans="8:8">
      <c r="H44850" s="12"/>
    </row>
    <row r="44851" spans="8:8">
      <c r="H44851" s="12"/>
    </row>
    <row r="44852" spans="8:8">
      <c r="H44852" s="12"/>
    </row>
    <row r="44853" spans="8:8">
      <c r="H44853" s="12"/>
    </row>
    <row r="44854" spans="8:8">
      <c r="H44854" s="12"/>
    </row>
    <row r="44855" spans="8:8">
      <c r="H44855" s="12"/>
    </row>
    <row r="44856" spans="8:8">
      <c r="H44856" s="12"/>
    </row>
    <row r="44857" spans="8:8">
      <c r="H44857" s="12"/>
    </row>
    <row r="44858" spans="8:8">
      <c r="H44858" s="12"/>
    </row>
    <row r="44859" spans="8:8">
      <c r="H44859" s="12"/>
    </row>
    <row r="44860" spans="8:8">
      <c r="H44860" s="12"/>
    </row>
    <row r="44861" spans="8:8">
      <c r="H44861" s="12"/>
    </row>
    <row r="44862" spans="8:8">
      <c r="H44862" s="12"/>
    </row>
    <row r="44863" spans="8:8">
      <c r="H44863" s="12"/>
    </row>
    <row r="44864" spans="8:8">
      <c r="H44864" s="12"/>
    </row>
    <row r="44865" spans="8:8">
      <c r="H44865" s="12"/>
    </row>
    <row r="44866" spans="8:8">
      <c r="H44866" s="12"/>
    </row>
    <row r="44867" spans="8:8">
      <c r="H44867" s="12"/>
    </row>
    <row r="44868" spans="8:8">
      <c r="H44868" s="12"/>
    </row>
    <row r="44869" spans="8:8">
      <c r="H44869" s="12"/>
    </row>
    <row r="44870" spans="8:8">
      <c r="H44870" s="12"/>
    </row>
    <row r="44871" spans="8:8">
      <c r="H44871" s="12"/>
    </row>
    <row r="44872" spans="8:8">
      <c r="H44872" s="12"/>
    </row>
    <row r="44873" spans="8:8">
      <c r="H44873" s="12"/>
    </row>
    <row r="44874" spans="8:8">
      <c r="H44874" s="12"/>
    </row>
    <row r="44875" spans="8:8">
      <c r="H44875" s="12"/>
    </row>
    <row r="44876" spans="8:8">
      <c r="H44876" s="12"/>
    </row>
    <row r="44877" spans="8:8">
      <c r="H44877" s="12"/>
    </row>
    <row r="44878" spans="8:8">
      <c r="H44878" s="12"/>
    </row>
    <row r="44879" spans="8:8">
      <c r="H44879" s="12"/>
    </row>
    <row r="44880" spans="8:8">
      <c r="H44880" s="12"/>
    </row>
    <row r="44881" spans="8:8">
      <c r="H44881" s="12"/>
    </row>
    <row r="44882" spans="8:8">
      <c r="H44882" s="12"/>
    </row>
    <row r="44883" spans="8:8">
      <c r="H44883" s="12"/>
    </row>
    <row r="44884" spans="8:8">
      <c r="H44884" s="12"/>
    </row>
    <row r="44885" spans="8:8">
      <c r="H44885" s="12"/>
    </row>
    <row r="44886" spans="8:8">
      <c r="H44886" s="12"/>
    </row>
    <row r="44887" spans="8:8">
      <c r="H44887" s="12"/>
    </row>
    <row r="44888" spans="8:8">
      <c r="H44888" s="12"/>
    </row>
    <row r="44889" spans="8:8">
      <c r="H44889" s="12"/>
    </row>
    <row r="44890" spans="8:8">
      <c r="H44890" s="12"/>
    </row>
    <row r="44891" spans="8:8">
      <c r="H44891" s="12"/>
    </row>
    <row r="44892" spans="8:8">
      <c r="H44892" s="12"/>
    </row>
    <row r="44893" spans="8:8">
      <c r="H44893" s="12"/>
    </row>
    <row r="44894" spans="8:8">
      <c r="H44894" s="12"/>
    </row>
    <row r="44895" spans="8:8">
      <c r="H44895" s="12"/>
    </row>
    <row r="44896" spans="8:8">
      <c r="H44896" s="12"/>
    </row>
    <row r="44897" spans="8:8">
      <c r="H44897" s="12"/>
    </row>
    <row r="44898" spans="8:8">
      <c r="H44898" s="12"/>
    </row>
    <row r="44899" spans="8:8">
      <c r="H44899" s="12"/>
    </row>
    <row r="44900" spans="8:8">
      <c r="H44900" s="12"/>
    </row>
    <row r="44901" spans="8:8">
      <c r="H44901" s="12"/>
    </row>
    <row r="44902" spans="8:8">
      <c r="H44902" s="12"/>
    </row>
    <row r="44903" spans="8:8">
      <c r="H44903" s="12"/>
    </row>
    <row r="44904" spans="8:8">
      <c r="H44904" s="12"/>
    </row>
    <row r="44905" spans="8:8">
      <c r="H44905" s="12"/>
    </row>
    <row r="44906" spans="8:8">
      <c r="H44906" s="12"/>
    </row>
    <row r="44907" spans="8:8">
      <c r="H44907" s="12"/>
    </row>
    <row r="44908" spans="8:8">
      <c r="H44908" s="12"/>
    </row>
    <row r="44909" spans="8:8">
      <c r="H44909" s="12"/>
    </row>
    <row r="44910" spans="8:8">
      <c r="H44910" s="12"/>
    </row>
    <row r="44911" spans="8:8">
      <c r="H44911" s="12"/>
    </row>
    <row r="44912" spans="8:8">
      <c r="H44912" s="12"/>
    </row>
    <row r="44913" spans="8:8">
      <c r="H44913" s="12"/>
    </row>
    <row r="44914" spans="8:8">
      <c r="H44914" s="12"/>
    </row>
    <row r="44915" spans="8:8">
      <c r="H44915" s="12"/>
    </row>
    <row r="44916" spans="8:8">
      <c r="H44916" s="12"/>
    </row>
    <row r="44917" spans="8:8">
      <c r="H44917" s="12"/>
    </row>
    <row r="44918" spans="8:8">
      <c r="H44918" s="12"/>
    </row>
    <row r="44919" spans="8:8">
      <c r="H44919" s="12"/>
    </row>
    <row r="44920" spans="8:8">
      <c r="H44920" s="12"/>
    </row>
    <row r="44921" spans="8:8">
      <c r="H44921" s="12"/>
    </row>
    <row r="44922" spans="8:8">
      <c r="H44922" s="12"/>
    </row>
    <row r="44923" spans="8:8">
      <c r="H44923" s="12"/>
    </row>
    <row r="44924" spans="8:8">
      <c r="H44924" s="12"/>
    </row>
    <row r="44925" spans="8:8">
      <c r="H44925" s="12"/>
    </row>
    <row r="44926" spans="8:8">
      <c r="H44926" s="12"/>
    </row>
    <row r="44927" spans="8:8">
      <c r="H44927" s="12"/>
    </row>
    <row r="44928" spans="8:8">
      <c r="H44928" s="12"/>
    </row>
    <row r="44929" spans="8:8">
      <c r="H44929" s="12"/>
    </row>
    <row r="44930" spans="8:8">
      <c r="H44930" s="12"/>
    </row>
    <row r="44931" spans="8:8">
      <c r="H44931" s="12"/>
    </row>
    <row r="44932" spans="8:8">
      <c r="H44932" s="12"/>
    </row>
    <row r="44933" spans="8:8">
      <c r="H44933" s="12"/>
    </row>
    <row r="44934" spans="8:8">
      <c r="H44934" s="12"/>
    </row>
    <row r="44935" spans="8:8">
      <c r="H44935" s="12"/>
    </row>
    <row r="44936" spans="8:8">
      <c r="H44936" s="12"/>
    </row>
    <row r="44937" spans="8:8">
      <c r="H44937" s="12"/>
    </row>
    <row r="44938" spans="8:8">
      <c r="H44938" s="12"/>
    </row>
    <row r="44939" spans="8:8">
      <c r="H44939" s="12"/>
    </row>
    <row r="44940" spans="8:8">
      <c r="H44940" s="12"/>
    </row>
    <row r="44941" spans="8:8">
      <c r="H44941" s="12"/>
    </row>
    <row r="44942" spans="8:8">
      <c r="H44942" s="12"/>
    </row>
    <row r="44943" spans="8:8">
      <c r="H44943" s="12"/>
    </row>
    <row r="44944" spans="8:8">
      <c r="H44944" s="12"/>
    </row>
    <row r="44945" spans="8:8">
      <c r="H44945" s="12"/>
    </row>
    <row r="44946" spans="8:8">
      <c r="H44946" s="12"/>
    </row>
    <row r="44947" spans="8:8">
      <c r="H44947" s="12"/>
    </row>
    <row r="44948" spans="8:8">
      <c r="H44948" s="12"/>
    </row>
    <row r="44949" spans="8:8">
      <c r="H44949" s="12"/>
    </row>
    <row r="44950" spans="8:8">
      <c r="H44950" s="12"/>
    </row>
    <row r="44951" spans="8:8">
      <c r="H44951" s="12"/>
    </row>
    <row r="44952" spans="8:8">
      <c r="H44952" s="12"/>
    </row>
    <row r="44953" spans="8:8">
      <c r="H44953" s="12"/>
    </row>
    <row r="44954" spans="8:8">
      <c r="H44954" s="12"/>
    </row>
    <row r="44955" spans="8:8">
      <c r="H44955" s="12"/>
    </row>
    <row r="44956" spans="8:8">
      <c r="H44956" s="12"/>
    </row>
    <row r="44957" spans="8:8">
      <c r="H44957" s="12"/>
    </row>
    <row r="44958" spans="8:8">
      <c r="H44958" s="12"/>
    </row>
    <row r="44959" spans="8:8">
      <c r="H44959" s="12"/>
    </row>
    <row r="44960" spans="8:8">
      <c r="H44960" s="12"/>
    </row>
    <row r="44961" spans="8:8">
      <c r="H44961" s="12"/>
    </row>
    <row r="44962" spans="8:8">
      <c r="H44962" s="12"/>
    </row>
    <row r="44963" spans="8:8">
      <c r="H44963" s="12"/>
    </row>
    <row r="44964" spans="8:8">
      <c r="H44964" s="12"/>
    </row>
    <row r="44965" spans="8:8">
      <c r="H44965" s="12"/>
    </row>
    <row r="44966" spans="8:8">
      <c r="H44966" s="12"/>
    </row>
    <row r="44967" spans="8:8">
      <c r="H44967" s="12"/>
    </row>
    <row r="44968" spans="8:8">
      <c r="H44968" s="12"/>
    </row>
    <row r="44969" spans="8:8">
      <c r="H44969" s="12"/>
    </row>
    <row r="44970" spans="8:8">
      <c r="H44970" s="12"/>
    </row>
    <row r="44971" spans="8:8">
      <c r="H44971" s="12"/>
    </row>
    <row r="44972" spans="8:8">
      <c r="H44972" s="12"/>
    </row>
    <row r="44973" spans="8:8">
      <c r="H44973" s="12"/>
    </row>
    <row r="44974" spans="8:8">
      <c r="H44974" s="12"/>
    </row>
    <row r="44975" spans="8:8">
      <c r="H44975" s="12"/>
    </row>
    <row r="44976" spans="8:8">
      <c r="H44976" s="12"/>
    </row>
    <row r="44977" spans="8:8">
      <c r="H44977" s="12"/>
    </row>
    <row r="44978" spans="8:8">
      <c r="H44978" s="12"/>
    </row>
    <row r="44979" spans="8:8">
      <c r="H44979" s="12"/>
    </row>
    <row r="44980" spans="8:8">
      <c r="H44980" s="12"/>
    </row>
    <row r="44981" spans="8:8">
      <c r="H44981" s="12"/>
    </row>
    <row r="44982" spans="8:8">
      <c r="H44982" s="12"/>
    </row>
    <row r="44983" spans="8:8">
      <c r="H44983" s="12"/>
    </row>
    <row r="44984" spans="8:8">
      <c r="H44984" s="12"/>
    </row>
    <row r="44985" spans="8:8">
      <c r="H44985" s="12"/>
    </row>
    <row r="44986" spans="8:8">
      <c r="H44986" s="12"/>
    </row>
    <row r="44987" spans="8:8">
      <c r="H44987" s="12"/>
    </row>
    <row r="44988" spans="8:8">
      <c r="H44988" s="12"/>
    </row>
    <row r="44989" spans="8:8">
      <c r="H44989" s="12"/>
    </row>
    <row r="44990" spans="8:8">
      <c r="H44990" s="12"/>
    </row>
    <row r="44991" spans="8:8">
      <c r="H44991" s="12"/>
    </row>
    <row r="44992" spans="8:8">
      <c r="H44992" s="12"/>
    </row>
    <row r="44993" spans="8:8">
      <c r="H44993" s="12"/>
    </row>
    <row r="44994" spans="8:8">
      <c r="H44994" s="12"/>
    </row>
    <row r="44995" spans="8:8">
      <c r="H44995" s="12"/>
    </row>
    <row r="44996" spans="8:8">
      <c r="H44996" s="12"/>
    </row>
    <row r="44997" spans="8:8">
      <c r="H44997" s="12"/>
    </row>
    <row r="44998" spans="8:8">
      <c r="H44998" s="12"/>
    </row>
    <row r="44999" spans="8:8">
      <c r="H44999" s="12"/>
    </row>
    <row r="45000" spans="8:8">
      <c r="H45000" s="12"/>
    </row>
    <row r="45001" spans="8:8">
      <c r="H45001" s="12"/>
    </row>
    <row r="45002" spans="8:8">
      <c r="H45002" s="12"/>
    </row>
    <row r="45003" spans="8:8">
      <c r="H45003" s="12"/>
    </row>
    <row r="45004" spans="8:8">
      <c r="H45004" s="12"/>
    </row>
    <row r="45005" spans="8:8">
      <c r="H45005" s="12"/>
    </row>
    <row r="45006" spans="8:8">
      <c r="H45006" s="12"/>
    </row>
    <row r="45007" spans="8:8">
      <c r="H45007" s="12"/>
    </row>
    <row r="45008" spans="8:8">
      <c r="H45008" s="12"/>
    </row>
    <row r="45009" spans="8:8">
      <c r="H45009" s="12"/>
    </row>
    <row r="45010" spans="8:8">
      <c r="H45010" s="12"/>
    </row>
    <row r="45011" spans="8:8">
      <c r="H45011" s="12"/>
    </row>
    <row r="45012" spans="8:8">
      <c r="H45012" s="12"/>
    </row>
    <row r="45013" spans="8:8">
      <c r="H45013" s="12"/>
    </row>
    <row r="45014" spans="8:8">
      <c r="H45014" s="12"/>
    </row>
    <row r="45015" spans="8:8">
      <c r="H45015" s="12"/>
    </row>
    <row r="45016" spans="8:8">
      <c r="H45016" s="12"/>
    </row>
    <row r="45017" spans="8:8">
      <c r="H45017" s="12"/>
    </row>
    <row r="45018" spans="8:8">
      <c r="H45018" s="12"/>
    </row>
    <row r="45019" spans="8:8">
      <c r="H45019" s="12"/>
    </row>
    <row r="45020" spans="8:8">
      <c r="H45020" s="12"/>
    </row>
    <row r="45021" spans="8:8">
      <c r="H45021" s="12"/>
    </row>
    <row r="45022" spans="8:8">
      <c r="H45022" s="12"/>
    </row>
    <row r="45023" spans="8:8">
      <c r="H45023" s="12"/>
    </row>
    <row r="45024" spans="8:8">
      <c r="H45024" s="12"/>
    </row>
    <row r="45025" spans="8:8">
      <c r="H45025" s="12"/>
    </row>
    <row r="45026" spans="8:8">
      <c r="H45026" s="12"/>
    </row>
    <row r="45027" spans="8:8">
      <c r="H45027" s="12"/>
    </row>
    <row r="45028" spans="8:8">
      <c r="H45028" s="12"/>
    </row>
    <row r="45029" spans="8:8">
      <c r="H45029" s="12"/>
    </row>
    <row r="45030" spans="8:8">
      <c r="H45030" s="12"/>
    </row>
    <row r="45031" spans="8:8">
      <c r="H45031" s="12"/>
    </row>
    <row r="45032" spans="8:8">
      <c r="H45032" s="12"/>
    </row>
    <row r="45033" spans="8:8">
      <c r="H45033" s="12"/>
    </row>
    <row r="45034" spans="8:8">
      <c r="H45034" s="12"/>
    </row>
    <row r="45035" spans="8:8">
      <c r="H45035" s="12"/>
    </row>
    <row r="45036" spans="8:8">
      <c r="H45036" s="12"/>
    </row>
    <row r="45037" spans="8:8">
      <c r="H45037" s="12"/>
    </row>
    <row r="45038" spans="8:8">
      <c r="H45038" s="12"/>
    </row>
    <row r="45039" spans="8:8">
      <c r="H45039" s="12"/>
    </row>
    <row r="45040" spans="8:8">
      <c r="H45040" s="12"/>
    </row>
    <row r="45041" spans="8:8">
      <c r="H45041" s="12"/>
    </row>
    <row r="45042" spans="8:8">
      <c r="H45042" s="12"/>
    </row>
    <row r="45043" spans="8:8">
      <c r="H45043" s="12"/>
    </row>
    <row r="45044" spans="8:8">
      <c r="H45044" s="12"/>
    </row>
    <row r="45045" spans="8:8">
      <c r="H45045" s="12"/>
    </row>
    <row r="45046" spans="8:8">
      <c r="H45046" s="12"/>
    </row>
    <row r="45047" spans="8:8">
      <c r="H45047" s="12"/>
    </row>
    <row r="45048" spans="8:8">
      <c r="H45048" s="12"/>
    </row>
    <row r="45049" spans="8:8">
      <c r="H45049" s="12"/>
    </row>
    <row r="45050" spans="8:8">
      <c r="H45050" s="12"/>
    </row>
    <row r="45051" spans="8:8">
      <c r="H45051" s="12"/>
    </row>
    <row r="45052" spans="8:8">
      <c r="H45052" s="12"/>
    </row>
    <row r="45053" spans="8:8">
      <c r="H45053" s="12"/>
    </row>
    <row r="45054" spans="8:8">
      <c r="H45054" s="12"/>
    </row>
    <row r="45055" spans="8:8">
      <c r="H45055" s="12"/>
    </row>
    <row r="45056" spans="8:8">
      <c r="H45056" s="12"/>
    </row>
    <row r="45057" spans="8:8">
      <c r="H45057" s="12"/>
    </row>
    <row r="45058" spans="8:8">
      <c r="H45058" s="12"/>
    </row>
    <row r="45059" spans="8:8">
      <c r="H45059" s="12"/>
    </row>
    <row r="45060" spans="8:8">
      <c r="H45060" s="12"/>
    </row>
    <row r="45061" spans="8:8">
      <c r="H45061" s="12"/>
    </row>
    <row r="45062" spans="8:8">
      <c r="H45062" s="12"/>
    </row>
    <row r="45063" spans="8:8">
      <c r="H45063" s="12"/>
    </row>
    <row r="45064" spans="8:8">
      <c r="H45064" s="12"/>
    </row>
    <row r="45065" spans="8:8">
      <c r="H45065" s="12"/>
    </row>
    <row r="45066" spans="8:8">
      <c r="H45066" s="12"/>
    </row>
    <row r="45067" spans="8:8">
      <c r="H45067" s="12"/>
    </row>
    <row r="45068" spans="8:8">
      <c r="H45068" s="12"/>
    </row>
    <row r="45069" spans="8:8">
      <c r="H45069" s="12"/>
    </row>
    <row r="45070" spans="8:8">
      <c r="H45070" s="12"/>
    </row>
    <row r="45071" spans="8:8">
      <c r="H45071" s="12"/>
    </row>
    <row r="45072" spans="8:8">
      <c r="H45072" s="12"/>
    </row>
    <row r="45073" spans="8:8">
      <c r="H45073" s="12"/>
    </row>
    <row r="45074" spans="8:8">
      <c r="H45074" s="12"/>
    </row>
    <row r="45075" spans="8:8">
      <c r="H45075" s="12"/>
    </row>
    <row r="45076" spans="8:8">
      <c r="H45076" s="12"/>
    </row>
    <row r="45077" spans="8:8">
      <c r="H45077" s="12"/>
    </row>
    <row r="45078" spans="8:8">
      <c r="H45078" s="12"/>
    </row>
    <row r="45079" spans="8:8">
      <c r="H45079" s="12"/>
    </row>
    <row r="45080" spans="8:8">
      <c r="H45080" s="12"/>
    </row>
    <row r="45081" spans="8:8">
      <c r="H45081" s="12"/>
    </row>
    <row r="45082" spans="8:8">
      <c r="H45082" s="12"/>
    </row>
    <row r="45083" spans="8:8">
      <c r="H45083" s="12"/>
    </row>
    <row r="45084" spans="8:8">
      <c r="H45084" s="12"/>
    </row>
    <row r="45085" spans="8:8">
      <c r="H45085" s="12"/>
    </row>
    <row r="45086" spans="8:8">
      <c r="H45086" s="12"/>
    </row>
    <row r="45087" spans="8:8">
      <c r="H45087" s="12"/>
    </row>
    <row r="45088" spans="8:8">
      <c r="H45088" s="12"/>
    </row>
    <row r="45089" spans="8:8">
      <c r="H45089" s="12"/>
    </row>
    <row r="45090" spans="8:8">
      <c r="H45090" s="12"/>
    </row>
    <row r="45091" spans="8:8">
      <c r="H45091" s="12"/>
    </row>
    <row r="45092" spans="8:8">
      <c r="H45092" s="12"/>
    </row>
    <row r="45093" spans="8:8">
      <c r="H45093" s="12"/>
    </row>
    <row r="45094" spans="8:8">
      <c r="H45094" s="12"/>
    </row>
    <row r="45095" spans="8:8">
      <c r="H45095" s="12"/>
    </row>
    <row r="45096" spans="8:8">
      <c r="H45096" s="12"/>
    </row>
    <row r="45097" spans="8:8">
      <c r="H45097" s="12"/>
    </row>
    <row r="45098" spans="8:8">
      <c r="H45098" s="12"/>
    </row>
    <row r="45099" spans="8:8">
      <c r="H45099" s="12"/>
    </row>
    <row r="45100" spans="8:8">
      <c r="H45100" s="12"/>
    </row>
    <row r="45101" spans="8:8">
      <c r="H45101" s="12"/>
    </row>
    <row r="45102" spans="8:8">
      <c r="H45102" s="12"/>
    </row>
    <row r="45103" spans="8:8">
      <c r="H45103" s="12"/>
    </row>
    <row r="45104" spans="8:8">
      <c r="H45104" s="12"/>
    </row>
    <row r="45105" spans="8:8">
      <c r="H45105" s="12"/>
    </row>
    <row r="45106" spans="8:8">
      <c r="H45106" s="12"/>
    </row>
    <row r="45107" spans="8:8">
      <c r="H45107" s="12"/>
    </row>
    <row r="45108" spans="8:8">
      <c r="H45108" s="12"/>
    </row>
    <row r="45109" spans="8:8">
      <c r="H45109" s="12"/>
    </row>
    <row r="45110" spans="8:8">
      <c r="H45110" s="12"/>
    </row>
    <row r="45111" spans="8:8">
      <c r="H45111" s="12"/>
    </row>
    <row r="45112" spans="8:8">
      <c r="H45112" s="12"/>
    </row>
    <row r="45113" spans="8:8">
      <c r="H45113" s="12"/>
    </row>
    <row r="45114" spans="8:8">
      <c r="H45114" s="12"/>
    </row>
    <row r="45115" spans="8:8">
      <c r="H45115" s="12"/>
    </row>
    <row r="45116" spans="8:8">
      <c r="H45116" s="12"/>
    </row>
    <row r="45117" spans="8:8">
      <c r="H45117" s="12"/>
    </row>
    <row r="45118" spans="8:8">
      <c r="H45118" s="12"/>
    </row>
    <row r="45119" spans="8:8">
      <c r="H45119" s="12"/>
    </row>
    <row r="45120" spans="8:8">
      <c r="H45120" s="12"/>
    </row>
    <row r="45121" spans="8:8">
      <c r="H45121" s="12"/>
    </row>
    <row r="45122" spans="8:8">
      <c r="H45122" s="12"/>
    </row>
    <row r="45123" spans="8:8">
      <c r="H45123" s="12"/>
    </row>
    <row r="45124" spans="8:8">
      <c r="H45124" s="12"/>
    </row>
    <row r="45125" spans="8:8">
      <c r="H45125" s="12"/>
    </row>
    <row r="45126" spans="8:8">
      <c r="H45126" s="12"/>
    </row>
    <row r="45127" spans="8:8">
      <c r="H45127" s="12"/>
    </row>
    <row r="45128" spans="8:8">
      <c r="H45128" s="12"/>
    </row>
    <row r="45129" spans="8:8">
      <c r="H45129" s="12"/>
    </row>
    <row r="45130" spans="8:8">
      <c r="H45130" s="12"/>
    </row>
    <row r="45131" spans="8:8">
      <c r="H45131" s="12"/>
    </row>
    <row r="45132" spans="8:8">
      <c r="H45132" s="12"/>
    </row>
    <row r="45133" spans="8:8">
      <c r="H45133" s="12"/>
    </row>
    <row r="45134" spans="8:8">
      <c r="H45134" s="12"/>
    </row>
    <row r="45135" spans="8:8">
      <c r="H45135" s="12"/>
    </row>
    <row r="45136" spans="8:8">
      <c r="H45136" s="12"/>
    </row>
    <row r="45137" spans="8:8">
      <c r="H45137" s="12"/>
    </row>
    <row r="45138" spans="8:8">
      <c r="H45138" s="12"/>
    </row>
    <row r="45139" spans="8:8">
      <c r="H45139" s="12"/>
    </row>
    <row r="45140" spans="8:8">
      <c r="H45140" s="12"/>
    </row>
    <row r="45141" spans="8:8">
      <c r="H45141" s="12"/>
    </row>
    <row r="45142" spans="8:8">
      <c r="H45142" s="12"/>
    </row>
    <row r="45143" spans="8:8">
      <c r="H45143" s="12"/>
    </row>
    <row r="45144" spans="8:8">
      <c r="H45144" s="12"/>
    </row>
    <row r="45145" spans="8:8">
      <c r="H45145" s="12"/>
    </row>
    <row r="45146" spans="8:8">
      <c r="H45146" s="12"/>
    </row>
    <row r="45147" spans="8:8">
      <c r="H45147" s="12"/>
    </row>
    <row r="45148" spans="8:8">
      <c r="H45148" s="12"/>
    </row>
    <row r="45149" spans="8:8">
      <c r="H45149" s="12"/>
    </row>
    <row r="45150" spans="8:8">
      <c r="H45150" s="12"/>
    </row>
    <row r="45151" spans="8:8">
      <c r="H45151" s="12"/>
    </row>
    <row r="45152" spans="8:8">
      <c r="H45152" s="12"/>
    </row>
    <row r="45153" spans="8:8">
      <c r="H45153" s="12"/>
    </row>
    <row r="45154" spans="8:8">
      <c r="H45154" s="12"/>
    </row>
    <row r="45155" spans="8:8">
      <c r="H45155" s="12"/>
    </row>
    <row r="45156" spans="8:8">
      <c r="H45156" s="12"/>
    </row>
    <row r="45157" spans="8:8">
      <c r="H45157" s="12"/>
    </row>
    <row r="45158" spans="8:8">
      <c r="H45158" s="12"/>
    </row>
    <row r="45159" spans="8:8">
      <c r="H45159" s="12"/>
    </row>
    <row r="45160" spans="8:8">
      <c r="H45160" s="12"/>
    </row>
    <row r="45161" spans="8:8">
      <c r="H45161" s="12"/>
    </row>
    <row r="45162" spans="8:8">
      <c r="H45162" s="12"/>
    </row>
    <row r="45163" spans="8:8">
      <c r="H45163" s="12"/>
    </row>
    <row r="45164" spans="8:8">
      <c r="H45164" s="12"/>
    </row>
    <row r="45165" spans="8:8">
      <c r="H45165" s="12"/>
    </row>
    <row r="45166" spans="8:8">
      <c r="H45166" s="12"/>
    </row>
    <row r="45167" spans="8:8">
      <c r="H45167" s="12"/>
    </row>
    <row r="45168" spans="8:8">
      <c r="H45168" s="12"/>
    </row>
    <row r="45169" spans="8:8">
      <c r="H45169" s="12"/>
    </row>
    <row r="45170" spans="8:8">
      <c r="H45170" s="12"/>
    </row>
    <row r="45171" spans="8:8">
      <c r="H45171" s="12"/>
    </row>
    <row r="45172" spans="8:8">
      <c r="H45172" s="12"/>
    </row>
    <row r="45173" spans="8:8">
      <c r="H45173" s="12"/>
    </row>
    <row r="45174" spans="8:8">
      <c r="H45174" s="12"/>
    </row>
    <row r="45175" spans="8:8">
      <c r="H45175" s="12"/>
    </row>
    <row r="45176" spans="8:8">
      <c r="H45176" s="12"/>
    </row>
    <row r="45177" spans="8:8">
      <c r="H45177" s="12"/>
    </row>
    <row r="45178" spans="8:8">
      <c r="H45178" s="12"/>
    </row>
    <row r="45179" spans="8:8">
      <c r="H45179" s="12"/>
    </row>
    <row r="45180" spans="8:8">
      <c r="H45180" s="12"/>
    </row>
    <row r="45181" spans="8:8">
      <c r="H45181" s="12"/>
    </row>
    <row r="45182" spans="8:8">
      <c r="H45182" s="12"/>
    </row>
    <row r="45183" spans="8:8">
      <c r="H45183" s="12"/>
    </row>
    <row r="45184" spans="8:8">
      <c r="H45184" s="12"/>
    </row>
    <row r="45185" spans="8:8">
      <c r="H45185" s="12"/>
    </row>
    <row r="45186" spans="8:8">
      <c r="H45186" s="12"/>
    </row>
    <row r="45187" spans="8:8">
      <c r="H45187" s="12"/>
    </row>
    <row r="45188" spans="8:8">
      <c r="H45188" s="12"/>
    </row>
    <row r="45189" spans="8:8">
      <c r="H45189" s="12"/>
    </row>
    <row r="45190" spans="8:8">
      <c r="H45190" s="12"/>
    </row>
    <row r="45191" spans="8:8">
      <c r="H45191" s="12"/>
    </row>
    <row r="45192" spans="8:8">
      <c r="H45192" s="12"/>
    </row>
    <row r="45193" spans="8:8">
      <c r="H45193" s="12"/>
    </row>
    <row r="45194" spans="8:8">
      <c r="H45194" s="12"/>
    </row>
    <row r="45195" spans="8:8">
      <c r="H45195" s="12"/>
    </row>
    <row r="45196" spans="8:8">
      <c r="H45196" s="12"/>
    </row>
    <row r="45197" spans="8:8">
      <c r="H45197" s="12"/>
    </row>
    <row r="45198" spans="8:8">
      <c r="H45198" s="12"/>
    </row>
    <row r="45199" spans="8:8">
      <c r="H45199" s="12"/>
    </row>
    <row r="45200" spans="8:8">
      <c r="H45200" s="12"/>
    </row>
    <row r="45201" spans="8:8">
      <c r="H45201" s="12"/>
    </row>
    <row r="45202" spans="8:8">
      <c r="H45202" s="12"/>
    </row>
    <row r="45203" spans="8:8">
      <c r="H45203" s="12"/>
    </row>
    <row r="45204" spans="8:8">
      <c r="H45204" s="12"/>
    </row>
    <row r="45205" spans="8:8">
      <c r="H45205" s="12"/>
    </row>
    <row r="45206" spans="8:8">
      <c r="H45206" s="12"/>
    </row>
    <row r="45207" spans="8:8">
      <c r="H45207" s="12"/>
    </row>
    <row r="45208" spans="8:8">
      <c r="H45208" s="12"/>
    </row>
    <row r="45209" spans="8:8">
      <c r="H45209" s="12"/>
    </row>
    <row r="45210" spans="8:8">
      <c r="H45210" s="12"/>
    </row>
    <row r="45211" spans="8:8">
      <c r="H45211" s="12"/>
    </row>
    <row r="45212" spans="8:8">
      <c r="H45212" s="12"/>
    </row>
    <row r="45213" spans="8:8">
      <c r="H45213" s="12"/>
    </row>
    <row r="45214" spans="8:8">
      <c r="H45214" s="12"/>
    </row>
    <row r="45215" spans="8:8">
      <c r="H45215" s="12"/>
    </row>
    <row r="45216" spans="8:8">
      <c r="H45216" s="12"/>
    </row>
    <row r="45217" spans="8:8">
      <c r="H45217" s="12"/>
    </row>
    <row r="45218" spans="8:8">
      <c r="H45218" s="12"/>
    </row>
    <row r="45219" spans="8:8">
      <c r="H45219" s="12"/>
    </row>
    <row r="45220" spans="8:8">
      <c r="H45220" s="12"/>
    </row>
    <row r="45221" spans="8:8">
      <c r="H45221" s="12"/>
    </row>
    <row r="45222" spans="8:8">
      <c r="H45222" s="12"/>
    </row>
    <row r="45223" spans="8:8">
      <c r="H45223" s="12"/>
    </row>
    <row r="45224" spans="8:8">
      <c r="H45224" s="12"/>
    </row>
    <row r="45225" spans="8:8">
      <c r="H45225" s="12"/>
    </row>
    <row r="45226" spans="8:8">
      <c r="H45226" s="12"/>
    </row>
    <row r="45227" spans="8:8">
      <c r="H45227" s="12"/>
    </row>
    <row r="45228" spans="8:8">
      <c r="H45228" s="12"/>
    </row>
    <row r="45229" spans="8:8">
      <c r="H45229" s="12"/>
    </row>
    <row r="45230" spans="8:8">
      <c r="H45230" s="12"/>
    </row>
    <row r="45231" spans="8:8">
      <c r="H45231" s="12"/>
    </row>
    <row r="45232" spans="8:8">
      <c r="H45232" s="12"/>
    </row>
    <row r="45233" spans="8:8">
      <c r="H45233" s="12"/>
    </row>
    <row r="45234" spans="8:8">
      <c r="H45234" s="12"/>
    </row>
    <row r="45235" spans="8:8">
      <c r="H45235" s="12"/>
    </row>
    <row r="45236" spans="8:8">
      <c r="H45236" s="12"/>
    </row>
    <row r="45237" spans="8:8">
      <c r="H45237" s="12"/>
    </row>
    <row r="45238" spans="8:8">
      <c r="H45238" s="12"/>
    </row>
    <row r="45239" spans="8:8">
      <c r="H45239" s="12"/>
    </row>
    <row r="45240" spans="8:8">
      <c r="H45240" s="12"/>
    </row>
    <row r="45241" spans="8:8">
      <c r="H45241" s="12"/>
    </row>
    <row r="45242" spans="8:8">
      <c r="H45242" s="12"/>
    </row>
    <row r="45243" spans="8:8">
      <c r="H45243" s="12"/>
    </row>
    <row r="45244" spans="8:8">
      <c r="H45244" s="12"/>
    </row>
    <row r="45245" spans="8:8">
      <c r="H45245" s="12"/>
    </row>
    <row r="45246" spans="8:8">
      <c r="H45246" s="12"/>
    </row>
    <row r="45247" spans="8:8">
      <c r="H45247" s="12"/>
    </row>
    <row r="45248" spans="8:8">
      <c r="H45248" s="12"/>
    </row>
    <row r="45249" spans="8:8">
      <c r="H45249" s="12"/>
    </row>
    <row r="45250" spans="8:8">
      <c r="H45250" s="12"/>
    </row>
    <row r="45251" spans="8:8">
      <c r="H45251" s="12"/>
    </row>
    <row r="45252" spans="8:8">
      <c r="H45252" s="12"/>
    </row>
    <row r="45253" spans="8:8">
      <c r="H45253" s="12"/>
    </row>
    <row r="45254" spans="8:8">
      <c r="H45254" s="12"/>
    </row>
    <row r="45255" spans="8:8">
      <c r="H45255" s="12"/>
    </row>
    <row r="45256" spans="8:8">
      <c r="H45256" s="12"/>
    </row>
    <row r="45257" spans="8:8">
      <c r="H45257" s="12"/>
    </row>
    <row r="45258" spans="8:8">
      <c r="H45258" s="12"/>
    </row>
    <row r="45259" spans="8:8">
      <c r="H45259" s="12"/>
    </row>
    <row r="45260" spans="8:8">
      <c r="H45260" s="12"/>
    </row>
    <row r="45261" spans="8:8">
      <c r="H45261" s="12"/>
    </row>
    <row r="45262" spans="8:8">
      <c r="H45262" s="12"/>
    </row>
    <row r="45263" spans="8:8">
      <c r="H45263" s="12"/>
    </row>
    <row r="45264" spans="8:8">
      <c r="H45264" s="12"/>
    </row>
    <row r="45265" spans="8:8">
      <c r="H45265" s="12"/>
    </row>
    <row r="45266" spans="8:8">
      <c r="H45266" s="12"/>
    </row>
    <row r="45267" spans="8:8">
      <c r="H45267" s="12"/>
    </row>
    <row r="45268" spans="8:8">
      <c r="H45268" s="12"/>
    </row>
    <row r="45269" spans="8:8">
      <c r="H45269" s="12"/>
    </row>
    <row r="45270" spans="8:8">
      <c r="H45270" s="12"/>
    </row>
    <row r="45271" spans="8:8">
      <c r="H45271" s="12"/>
    </row>
    <row r="45272" spans="8:8">
      <c r="H45272" s="12"/>
    </row>
    <row r="45273" spans="8:8">
      <c r="H45273" s="12"/>
    </row>
    <row r="45274" spans="8:8">
      <c r="H45274" s="12"/>
    </row>
    <row r="45275" spans="8:8">
      <c r="H45275" s="12"/>
    </row>
    <row r="45276" spans="8:8">
      <c r="H45276" s="12"/>
    </row>
    <row r="45277" spans="8:8">
      <c r="H45277" s="12"/>
    </row>
    <row r="45278" spans="8:8">
      <c r="H45278" s="12"/>
    </row>
    <row r="45279" spans="8:8">
      <c r="H45279" s="12"/>
    </row>
    <row r="45280" spans="8:8">
      <c r="H45280" s="12"/>
    </row>
    <row r="45281" spans="8:8">
      <c r="H45281" s="12"/>
    </row>
    <row r="45282" spans="8:8">
      <c r="H45282" s="12"/>
    </row>
    <row r="45283" spans="8:8">
      <c r="H45283" s="12"/>
    </row>
    <row r="45284" spans="8:8">
      <c r="H45284" s="12"/>
    </row>
    <row r="45285" spans="8:8">
      <c r="H45285" s="12"/>
    </row>
    <row r="45286" spans="8:8">
      <c r="H45286" s="12"/>
    </row>
    <row r="45287" spans="8:8">
      <c r="H45287" s="12"/>
    </row>
    <row r="45288" spans="8:8">
      <c r="H45288" s="12"/>
    </row>
    <row r="45289" spans="8:8">
      <c r="H45289" s="12"/>
    </row>
    <row r="45290" spans="8:8">
      <c r="H45290" s="12"/>
    </row>
    <row r="45291" spans="8:8">
      <c r="H45291" s="12"/>
    </row>
    <row r="45292" spans="8:8">
      <c r="H45292" s="12"/>
    </row>
    <row r="45293" spans="8:8">
      <c r="H45293" s="12"/>
    </row>
    <row r="45294" spans="8:8">
      <c r="H45294" s="12"/>
    </row>
    <row r="45295" spans="8:8">
      <c r="H45295" s="12"/>
    </row>
    <row r="45296" spans="8:8">
      <c r="H45296" s="12"/>
    </row>
    <row r="45297" spans="8:8">
      <c r="H45297" s="12"/>
    </row>
    <row r="45298" spans="8:8">
      <c r="H45298" s="12"/>
    </row>
    <row r="45299" spans="8:8">
      <c r="H45299" s="12"/>
    </row>
    <row r="45300" spans="8:8">
      <c r="H45300" s="12"/>
    </row>
    <row r="45301" spans="8:8">
      <c r="H45301" s="12"/>
    </row>
    <row r="45302" spans="8:8">
      <c r="H45302" s="12"/>
    </row>
    <row r="45303" spans="8:8">
      <c r="H45303" s="12"/>
    </row>
    <row r="45304" spans="8:8">
      <c r="H45304" s="12"/>
    </row>
    <row r="45305" spans="8:8">
      <c r="H45305" s="12"/>
    </row>
    <row r="45306" spans="8:8">
      <c r="H45306" s="12"/>
    </row>
    <row r="45307" spans="8:8">
      <c r="H45307" s="12"/>
    </row>
    <row r="45308" spans="8:8">
      <c r="H45308" s="12"/>
    </row>
    <row r="45309" spans="8:8">
      <c r="H45309" s="12"/>
    </row>
    <row r="45310" spans="8:8">
      <c r="H45310" s="12"/>
    </row>
    <row r="45311" spans="8:8">
      <c r="H45311" s="12"/>
    </row>
    <row r="45312" spans="8:8">
      <c r="H45312" s="12"/>
    </row>
    <row r="45313" spans="8:8">
      <c r="H45313" s="12"/>
    </row>
    <row r="45314" spans="8:8">
      <c r="H45314" s="12"/>
    </row>
    <row r="45315" spans="8:8">
      <c r="H45315" s="12"/>
    </row>
    <row r="45316" spans="8:8">
      <c r="H45316" s="12"/>
    </row>
    <row r="45317" spans="8:8">
      <c r="H45317" s="12"/>
    </row>
    <row r="45318" spans="8:8">
      <c r="H45318" s="12"/>
    </row>
    <row r="45319" spans="8:8">
      <c r="H45319" s="12"/>
    </row>
    <row r="45320" spans="8:8">
      <c r="H45320" s="12"/>
    </row>
    <row r="45321" spans="8:8">
      <c r="H45321" s="12"/>
    </row>
    <row r="45322" spans="8:8">
      <c r="H45322" s="12"/>
    </row>
    <row r="45323" spans="8:8">
      <c r="H45323" s="12"/>
    </row>
    <row r="45324" spans="8:8">
      <c r="H45324" s="12"/>
    </row>
    <row r="45325" spans="8:8">
      <c r="H45325" s="12"/>
    </row>
    <row r="45326" spans="8:8">
      <c r="H45326" s="12"/>
    </row>
    <row r="45327" spans="8:8">
      <c r="H45327" s="12"/>
    </row>
    <row r="45328" spans="8:8">
      <c r="H45328" s="12"/>
    </row>
    <row r="45329" spans="8:8">
      <c r="H45329" s="12"/>
    </row>
    <row r="45330" spans="8:8">
      <c r="H45330" s="12"/>
    </row>
    <row r="45331" spans="8:8">
      <c r="H45331" s="12"/>
    </row>
    <row r="45332" spans="8:8">
      <c r="H45332" s="12"/>
    </row>
    <row r="45333" spans="8:8">
      <c r="H45333" s="12"/>
    </row>
    <row r="45334" spans="8:8">
      <c r="H45334" s="12"/>
    </row>
    <row r="45335" spans="8:8">
      <c r="H45335" s="12"/>
    </row>
    <row r="45336" spans="8:8">
      <c r="H45336" s="12"/>
    </row>
    <row r="45337" spans="8:8">
      <c r="H45337" s="12"/>
    </row>
    <row r="45338" spans="8:8">
      <c r="H45338" s="12"/>
    </row>
    <row r="45339" spans="8:8">
      <c r="H45339" s="12"/>
    </row>
    <row r="45340" spans="8:8">
      <c r="H45340" s="12"/>
    </row>
    <row r="45341" spans="8:8">
      <c r="H45341" s="12"/>
    </row>
    <row r="45342" spans="8:8">
      <c r="H45342" s="12"/>
    </row>
    <row r="45343" spans="8:8">
      <c r="H45343" s="12"/>
    </row>
    <row r="45344" spans="8:8">
      <c r="H45344" s="12"/>
    </row>
    <row r="45345" spans="8:8">
      <c r="H45345" s="12"/>
    </row>
    <row r="45346" spans="8:8">
      <c r="H45346" s="12"/>
    </row>
    <row r="45347" spans="8:8">
      <c r="H45347" s="12"/>
    </row>
    <row r="45348" spans="8:8">
      <c r="H45348" s="12"/>
    </row>
    <row r="45349" spans="8:8">
      <c r="H45349" s="12"/>
    </row>
    <row r="45350" spans="8:8">
      <c r="H45350" s="12"/>
    </row>
    <row r="45351" spans="8:8">
      <c r="H45351" s="12"/>
    </row>
    <row r="45352" spans="8:8">
      <c r="H45352" s="12"/>
    </row>
    <row r="45353" spans="8:8">
      <c r="H45353" s="12"/>
    </row>
    <row r="45354" spans="8:8">
      <c r="H45354" s="12"/>
    </row>
    <row r="45355" spans="8:8">
      <c r="H45355" s="12"/>
    </row>
    <row r="45356" spans="8:8">
      <c r="H45356" s="12"/>
    </row>
    <row r="45357" spans="8:8">
      <c r="H45357" s="12"/>
    </row>
    <row r="45358" spans="8:8">
      <c r="H45358" s="12"/>
    </row>
    <row r="45359" spans="8:8">
      <c r="H45359" s="12"/>
    </row>
    <row r="45360" spans="8:8">
      <c r="H45360" s="12"/>
    </row>
    <row r="45361" spans="8:8">
      <c r="H45361" s="12"/>
    </row>
    <row r="45362" spans="8:8">
      <c r="H45362" s="12"/>
    </row>
    <row r="45363" spans="8:8">
      <c r="H45363" s="12"/>
    </row>
    <row r="45364" spans="8:8">
      <c r="H45364" s="12"/>
    </row>
    <row r="45365" spans="8:8">
      <c r="H45365" s="12"/>
    </row>
    <row r="45366" spans="8:8">
      <c r="H45366" s="12"/>
    </row>
    <row r="45367" spans="8:8">
      <c r="H45367" s="12"/>
    </row>
    <row r="45368" spans="8:8">
      <c r="H45368" s="12"/>
    </row>
    <row r="45369" spans="8:8">
      <c r="H45369" s="12"/>
    </row>
    <row r="45370" spans="8:8">
      <c r="H45370" s="12"/>
    </row>
    <row r="45371" spans="8:8">
      <c r="H45371" s="12"/>
    </row>
    <row r="45372" spans="8:8">
      <c r="H45372" s="12"/>
    </row>
    <row r="45373" spans="8:8">
      <c r="H45373" s="12"/>
    </row>
    <row r="45374" spans="8:8">
      <c r="H45374" s="12"/>
    </row>
    <row r="45375" spans="8:8">
      <c r="H45375" s="12"/>
    </row>
    <row r="45376" spans="8:8">
      <c r="H45376" s="12"/>
    </row>
    <row r="45377" spans="8:8">
      <c r="H45377" s="12"/>
    </row>
    <row r="45378" spans="8:8">
      <c r="H45378" s="12"/>
    </row>
    <row r="45379" spans="8:8">
      <c r="H45379" s="12"/>
    </row>
    <row r="45380" spans="8:8">
      <c r="H45380" s="12"/>
    </row>
    <row r="45381" spans="8:8">
      <c r="H45381" s="12"/>
    </row>
    <row r="45382" spans="8:8">
      <c r="H45382" s="12"/>
    </row>
    <row r="45383" spans="8:8">
      <c r="H45383" s="12"/>
    </row>
    <row r="45384" spans="8:8">
      <c r="H45384" s="12"/>
    </row>
    <row r="45385" spans="8:8">
      <c r="H45385" s="12"/>
    </row>
    <row r="45386" spans="8:8">
      <c r="H45386" s="12"/>
    </row>
    <row r="45387" spans="8:8">
      <c r="H45387" s="12"/>
    </row>
    <row r="45388" spans="8:8">
      <c r="H45388" s="12"/>
    </row>
    <row r="45389" spans="8:8">
      <c r="H45389" s="12"/>
    </row>
    <row r="45390" spans="8:8">
      <c r="H45390" s="12"/>
    </row>
    <row r="45391" spans="8:8">
      <c r="H45391" s="12"/>
    </row>
    <row r="45392" spans="8:8">
      <c r="H45392" s="12"/>
    </row>
    <row r="45393" spans="8:8">
      <c r="H45393" s="12"/>
    </row>
    <row r="45394" spans="8:8">
      <c r="H45394" s="12"/>
    </row>
    <row r="45395" spans="8:8">
      <c r="H45395" s="12"/>
    </row>
    <row r="45396" spans="8:8">
      <c r="H45396" s="12"/>
    </row>
    <row r="45397" spans="8:8">
      <c r="H45397" s="12"/>
    </row>
    <row r="45398" spans="8:8">
      <c r="H45398" s="12"/>
    </row>
    <row r="45399" spans="8:8">
      <c r="H45399" s="12"/>
    </row>
    <row r="45400" spans="8:8">
      <c r="H45400" s="12"/>
    </row>
    <row r="45401" spans="8:8">
      <c r="H45401" s="12"/>
    </row>
    <row r="45402" spans="8:8">
      <c r="H45402" s="12"/>
    </row>
    <row r="45403" spans="8:8">
      <c r="H45403" s="12"/>
    </row>
    <row r="45404" spans="8:8">
      <c r="H45404" s="12"/>
    </row>
    <row r="45405" spans="8:8">
      <c r="H45405" s="12"/>
    </row>
    <row r="45406" spans="8:8">
      <c r="H45406" s="12"/>
    </row>
    <row r="45407" spans="8:8">
      <c r="H45407" s="12"/>
    </row>
    <row r="45408" spans="8:8">
      <c r="H45408" s="12"/>
    </row>
    <row r="45409" spans="8:8">
      <c r="H45409" s="12"/>
    </row>
    <row r="45410" spans="8:8">
      <c r="H45410" s="12"/>
    </row>
    <row r="45411" spans="8:8">
      <c r="H45411" s="12"/>
    </row>
    <row r="45412" spans="8:8">
      <c r="H45412" s="12"/>
    </row>
    <row r="45413" spans="8:8">
      <c r="H45413" s="12"/>
    </row>
    <row r="45414" spans="8:8">
      <c r="H45414" s="12"/>
    </row>
    <row r="45415" spans="8:8">
      <c r="H45415" s="12"/>
    </row>
    <row r="45416" spans="8:8">
      <c r="H45416" s="12"/>
    </row>
    <row r="45417" spans="8:8">
      <c r="H45417" s="12"/>
    </row>
    <row r="45418" spans="8:8">
      <c r="H45418" s="12"/>
    </row>
    <row r="45419" spans="8:8">
      <c r="H45419" s="12"/>
    </row>
    <row r="45420" spans="8:8">
      <c r="H45420" s="12"/>
    </row>
    <row r="45421" spans="8:8">
      <c r="H45421" s="12"/>
    </row>
    <row r="45422" spans="8:8">
      <c r="H45422" s="12"/>
    </row>
    <row r="45423" spans="8:8">
      <c r="H45423" s="12"/>
    </row>
    <row r="45424" spans="8:8">
      <c r="H45424" s="12"/>
    </row>
    <row r="45425" spans="8:8">
      <c r="H45425" s="12"/>
    </row>
    <row r="45426" spans="8:8">
      <c r="H45426" s="12"/>
    </row>
    <row r="45427" spans="8:8">
      <c r="H45427" s="12"/>
    </row>
    <row r="45428" spans="8:8">
      <c r="H45428" s="12"/>
    </row>
    <row r="45429" spans="8:8">
      <c r="H45429" s="12"/>
    </row>
    <row r="45430" spans="8:8">
      <c r="H45430" s="12"/>
    </row>
    <row r="45431" spans="8:8">
      <c r="H45431" s="12"/>
    </row>
    <row r="45432" spans="8:8">
      <c r="H45432" s="12"/>
    </row>
    <row r="45433" spans="8:8">
      <c r="H45433" s="12"/>
    </row>
    <row r="45434" spans="8:8">
      <c r="H45434" s="12"/>
    </row>
    <row r="45435" spans="8:8">
      <c r="H45435" s="12"/>
    </row>
    <row r="45436" spans="8:8">
      <c r="H45436" s="12"/>
    </row>
    <row r="45437" spans="8:8">
      <c r="H45437" s="12"/>
    </row>
    <row r="45438" spans="8:8">
      <c r="H45438" s="12"/>
    </row>
    <row r="45439" spans="8:8">
      <c r="H45439" s="12"/>
    </row>
    <row r="45440" spans="8:8">
      <c r="H45440" s="12"/>
    </row>
    <row r="45441" spans="8:8">
      <c r="H45441" s="12"/>
    </row>
    <row r="45442" spans="8:8">
      <c r="H45442" s="12"/>
    </row>
    <row r="45443" spans="8:8">
      <c r="H45443" s="12"/>
    </row>
    <row r="45444" spans="8:8">
      <c r="H45444" s="12"/>
    </row>
    <row r="45445" spans="8:8">
      <c r="H45445" s="12"/>
    </row>
    <row r="45446" spans="8:8">
      <c r="H45446" s="12"/>
    </row>
    <row r="45447" spans="8:8">
      <c r="H45447" s="12"/>
    </row>
    <row r="45448" spans="8:8">
      <c r="H45448" s="12"/>
    </row>
    <row r="45449" spans="8:8">
      <c r="H45449" s="12"/>
    </row>
    <row r="45450" spans="8:8">
      <c r="H45450" s="12"/>
    </row>
    <row r="45451" spans="8:8">
      <c r="H45451" s="12"/>
    </row>
    <row r="45452" spans="8:8">
      <c r="H45452" s="12"/>
    </row>
    <row r="45453" spans="8:8">
      <c r="H45453" s="12"/>
    </row>
    <row r="45454" spans="8:8">
      <c r="H45454" s="12"/>
    </row>
    <row r="45455" spans="8:8">
      <c r="H45455" s="12"/>
    </row>
    <row r="45456" spans="8:8">
      <c r="H45456" s="12"/>
    </row>
    <row r="45457" spans="8:8">
      <c r="H45457" s="12"/>
    </row>
    <row r="45458" spans="8:8">
      <c r="H45458" s="12"/>
    </row>
    <row r="45459" spans="8:8">
      <c r="H45459" s="12"/>
    </row>
    <row r="45460" spans="8:8">
      <c r="H45460" s="12"/>
    </row>
    <row r="45461" spans="8:8">
      <c r="H45461" s="12"/>
    </row>
    <row r="45462" spans="8:8">
      <c r="H45462" s="12"/>
    </row>
    <row r="45463" spans="8:8">
      <c r="H45463" s="12"/>
    </row>
    <row r="45464" spans="8:8">
      <c r="H45464" s="12"/>
    </row>
    <row r="45465" spans="8:8">
      <c r="H45465" s="12"/>
    </row>
    <row r="45466" spans="8:8">
      <c r="H45466" s="12"/>
    </row>
    <row r="45467" spans="8:8">
      <c r="H45467" s="12"/>
    </row>
    <row r="45468" spans="8:8">
      <c r="H45468" s="12"/>
    </row>
    <row r="45469" spans="8:8">
      <c r="H45469" s="12"/>
    </row>
    <row r="45470" spans="8:8">
      <c r="H45470" s="12"/>
    </row>
    <row r="45471" spans="8:8">
      <c r="H45471" s="12"/>
    </row>
    <row r="45472" spans="8:8">
      <c r="H45472" s="12"/>
    </row>
    <row r="45473" spans="8:8">
      <c r="H45473" s="12"/>
    </row>
    <row r="45474" spans="8:8">
      <c r="H45474" s="12"/>
    </row>
    <row r="45475" spans="8:8">
      <c r="H45475" s="12"/>
    </row>
    <row r="45476" spans="8:8">
      <c r="H45476" s="12"/>
    </row>
    <row r="45477" spans="8:8">
      <c r="H45477" s="12"/>
    </row>
    <row r="45478" spans="8:8">
      <c r="H45478" s="12"/>
    </row>
    <row r="45479" spans="8:8">
      <c r="H45479" s="12"/>
    </row>
    <row r="45480" spans="8:8">
      <c r="H45480" s="12"/>
    </row>
    <row r="45481" spans="8:8">
      <c r="H45481" s="12"/>
    </row>
    <row r="45482" spans="8:8">
      <c r="H45482" s="12"/>
    </row>
    <row r="45483" spans="8:8">
      <c r="H45483" s="12"/>
    </row>
    <row r="45484" spans="8:8">
      <c r="H45484" s="12"/>
    </row>
    <row r="45485" spans="8:8">
      <c r="H45485" s="12"/>
    </row>
    <row r="45486" spans="8:8">
      <c r="H45486" s="12"/>
    </row>
    <row r="45487" spans="8:8">
      <c r="H45487" s="12"/>
    </row>
    <row r="45488" spans="8:8">
      <c r="H45488" s="12"/>
    </row>
    <row r="45489" spans="8:8">
      <c r="H45489" s="12"/>
    </row>
    <row r="45490" spans="8:8">
      <c r="H45490" s="12"/>
    </row>
    <row r="45491" spans="8:8">
      <c r="H45491" s="12"/>
    </row>
    <row r="45492" spans="8:8">
      <c r="H45492" s="12"/>
    </row>
    <row r="45493" spans="8:8">
      <c r="H45493" s="12"/>
    </row>
    <row r="45494" spans="8:8">
      <c r="H45494" s="12"/>
    </row>
    <row r="45495" spans="8:8">
      <c r="H45495" s="12"/>
    </row>
    <row r="45496" spans="8:8">
      <c r="H45496" s="12"/>
    </row>
    <row r="45497" spans="8:8">
      <c r="H45497" s="12"/>
    </row>
    <row r="45498" spans="8:8">
      <c r="H45498" s="12"/>
    </row>
    <row r="45499" spans="8:8">
      <c r="H45499" s="12"/>
    </row>
    <row r="45500" spans="8:8">
      <c r="H45500" s="12"/>
    </row>
    <row r="45501" spans="8:8">
      <c r="H45501" s="12"/>
    </row>
    <row r="45502" spans="8:8">
      <c r="H45502" s="12"/>
    </row>
    <row r="45503" spans="8:8">
      <c r="H45503" s="12"/>
    </row>
    <row r="45504" spans="8:8">
      <c r="H45504" s="12"/>
    </row>
    <row r="45505" spans="8:8">
      <c r="H45505" s="12"/>
    </row>
    <row r="45506" spans="8:8">
      <c r="H45506" s="12"/>
    </row>
    <row r="45507" spans="8:8">
      <c r="H45507" s="12"/>
    </row>
    <row r="45508" spans="8:8">
      <c r="H45508" s="12"/>
    </row>
    <row r="45509" spans="8:8">
      <c r="H45509" s="12"/>
    </row>
    <row r="45510" spans="8:8">
      <c r="H45510" s="12"/>
    </row>
    <row r="45511" spans="8:8">
      <c r="H45511" s="12"/>
    </row>
    <row r="45512" spans="8:8">
      <c r="H45512" s="12"/>
    </row>
    <row r="45513" spans="8:8">
      <c r="H45513" s="12"/>
    </row>
    <row r="45514" spans="8:8">
      <c r="H45514" s="12"/>
    </row>
    <row r="45515" spans="8:8">
      <c r="H45515" s="12"/>
    </row>
    <row r="45516" spans="8:8">
      <c r="H45516" s="12"/>
    </row>
    <row r="45517" spans="8:8">
      <c r="H45517" s="12"/>
    </row>
    <row r="45518" spans="8:8">
      <c r="H45518" s="12"/>
    </row>
    <row r="45519" spans="8:8">
      <c r="H45519" s="12"/>
    </row>
    <row r="45520" spans="8:8">
      <c r="H45520" s="12"/>
    </row>
    <row r="45521" spans="8:8">
      <c r="H45521" s="12"/>
    </row>
    <row r="45522" spans="8:8">
      <c r="H45522" s="12"/>
    </row>
    <row r="45523" spans="8:8">
      <c r="H45523" s="12"/>
    </row>
    <row r="45524" spans="8:8">
      <c r="H45524" s="12"/>
    </row>
    <row r="45525" spans="8:8">
      <c r="H45525" s="12"/>
    </row>
    <row r="45526" spans="8:8">
      <c r="H45526" s="12"/>
    </row>
    <row r="45527" spans="8:8">
      <c r="H45527" s="12"/>
    </row>
    <row r="45528" spans="8:8">
      <c r="H45528" s="12"/>
    </row>
    <row r="45529" spans="8:8">
      <c r="H45529" s="12"/>
    </row>
    <row r="45530" spans="8:8">
      <c r="H45530" s="12"/>
    </row>
    <row r="45531" spans="8:8">
      <c r="H45531" s="12"/>
    </row>
    <row r="45532" spans="8:8">
      <c r="H45532" s="12"/>
    </row>
    <row r="45533" spans="8:8">
      <c r="H45533" s="12"/>
    </row>
    <row r="45534" spans="8:8">
      <c r="H45534" s="12"/>
    </row>
    <row r="45535" spans="8:8">
      <c r="H45535" s="12"/>
    </row>
    <row r="45536" spans="8:8">
      <c r="H45536" s="12"/>
    </row>
    <row r="45537" spans="8:8">
      <c r="H45537" s="12"/>
    </row>
    <row r="45538" spans="8:8">
      <c r="H45538" s="12"/>
    </row>
    <row r="45539" spans="8:8">
      <c r="H45539" s="12"/>
    </row>
    <row r="45540" spans="8:8">
      <c r="H45540" s="12"/>
    </row>
    <row r="45541" spans="8:8">
      <c r="H45541" s="12"/>
    </row>
    <row r="45542" spans="8:8">
      <c r="H45542" s="12"/>
    </row>
    <row r="45543" spans="8:8">
      <c r="H45543" s="12"/>
    </row>
    <row r="45544" spans="8:8">
      <c r="H45544" s="12"/>
    </row>
    <row r="45545" spans="8:8">
      <c r="H45545" s="12"/>
    </row>
    <row r="45546" spans="8:8">
      <c r="H45546" s="12"/>
    </row>
    <row r="45547" spans="8:8">
      <c r="H45547" s="12"/>
    </row>
    <row r="45548" spans="8:8">
      <c r="H45548" s="12"/>
    </row>
    <row r="45549" spans="8:8">
      <c r="H45549" s="12"/>
    </row>
    <row r="45550" spans="8:8">
      <c r="H45550" s="12"/>
    </row>
    <row r="45551" spans="8:8">
      <c r="H45551" s="12"/>
    </row>
    <row r="45552" spans="8:8">
      <c r="H45552" s="12"/>
    </row>
    <row r="45553" spans="8:8">
      <c r="H45553" s="12"/>
    </row>
    <row r="45554" spans="8:8">
      <c r="H45554" s="12"/>
    </row>
    <row r="45555" spans="8:8">
      <c r="H45555" s="12"/>
    </row>
    <row r="45556" spans="8:8">
      <c r="H45556" s="12"/>
    </row>
    <row r="45557" spans="8:8">
      <c r="H45557" s="12"/>
    </row>
    <row r="45558" spans="8:8">
      <c r="H45558" s="12"/>
    </row>
    <row r="45559" spans="8:8">
      <c r="H45559" s="12"/>
    </row>
    <row r="45560" spans="8:8">
      <c r="H45560" s="12"/>
    </row>
    <row r="45561" spans="8:8">
      <c r="H45561" s="12"/>
    </row>
    <row r="45562" spans="8:8">
      <c r="H45562" s="12"/>
    </row>
    <row r="45563" spans="8:8">
      <c r="H45563" s="12"/>
    </row>
    <row r="45564" spans="8:8">
      <c r="H45564" s="12"/>
    </row>
    <row r="45565" spans="8:8">
      <c r="H45565" s="12"/>
    </row>
    <row r="45566" spans="8:8">
      <c r="H45566" s="12"/>
    </row>
    <row r="45567" spans="8:8">
      <c r="H45567" s="12"/>
    </row>
    <row r="45568" spans="8:8">
      <c r="H45568" s="12"/>
    </row>
    <row r="45569" spans="8:8">
      <c r="H45569" s="12"/>
    </row>
    <row r="45570" spans="8:8">
      <c r="H45570" s="12"/>
    </row>
    <row r="45571" spans="8:8">
      <c r="H45571" s="12"/>
    </row>
    <row r="45572" spans="8:8">
      <c r="H45572" s="12"/>
    </row>
    <row r="45573" spans="8:8">
      <c r="H45573" s="12"/>
    </row>
    <row r="45574" spans="8:8">
      <c r="H45574" s="12"/>
    </row>
    <row r="45575" spans="8:8">
      <c r="H45575" s="12"/>
    </row>
    <row r="45576" spans="8:8">
      <c r="H45576" s="12"/>
    </row>
    <row r="45577" spans="8:8">
      <c r="H45577" s="12"/>
    </row>
    <row r="45578" spans="8:8">
      <c r="H45578" s="12"/>
    </row>
    <row r="45579" spans="8:8">
      <c r="H45579" s="12"/>
    </row>
    <row r="45580" spans="8:8">
      <c r="H45580" s="12"/>
    </row>
    <row r="45581" spans="8:8">
      <c r="H45581" s="12"/>
    </row>
    <row r="45582" spans="8:8">
      <c r="H45582" s="12"/>
    </row>
    <row r="45583" spans="8:8">
      <c r="H45583" s="12"/>
    </row>
    <row r="45584" spans="8:8">
      <c r="H45584" s="12"/>
    </row>
    <row r="45585" spans="8:8">
      <c r="H45585" s="12"/>
    </row>
    <row r="45586" spans="8:8">
      <c r="H45586" s="12"/>
    </row>
    <row r="45587" spans="8:8">
      <c r="H45587" s="12"/>
    </row>
    <row r="45588" spans="8:8">
      <c r="H45588" s="12"/>
    </row>
    <row r="45589" spans="8:8">
      <c r="H45589" s="12"/>
    </row>
    <row r="45590" spans="8:8">
      <c r="H45590" s="12"/>
    </row>
    <row r="45591" spans="8:8">
      <c r="H45591" s="12"/>
    </row>
    <row r="45592" spans="8:8">
      <c r="H45592" s="12"/>
    </row>
    <row r="45593" spans="8:8">
      <c r="H45593" s="12"/>
    </row>
    <row r="45594" spans="8:8">
      <c r="H45594" s="12"/>
    </row>
    <row r="45595" spans="8:8">
      <c r="H45595" s="12"/>
    </row>
    <row r="45596" spans="8:8">
      <c r="H45596" s="12"/>
    </row>
    <row r="45597" spans="8:8">
      <c r="H45597" s="12"/>
    </row>
    <row r="45598" spans="8:8">
      <c r="H45598" s="12"/>
    </row>
    <row r="45599" spans="8:8">
      <c r="H45599" s="12"/>
    </row>
    <row r="45600" spans="8:8">
      <c r="H45600" s="12"/>
    </row>
    <row r="45601" spans="8:8">
      <c r="H45601" s="12"/>
    </row>
    <row r="45602" spans="8:8">
      <c r="H45602" s="12"/>
    </row>
    <row r="45603" spans="8:8">
      <c r="H45603" s="12"/>
    </row>
    <row r="45604" spans="8:8">
      <c r="H45604" s="12"/>
    </row>
    <row r="45605" spans="8:8">
      <c r="H45605" s="12"/>
    </row>
    <row r="45606" spans="8:8">
      <c r="H45606" s="12"/>
    </row>
    <row r="45607" spans="8:8">
      <c r="H45607" s="12"/>
    </row>
    <row r="45608" spans="8:8">
      <c r="H45608" s="12"/>
    </row>
    <row r="45609" spans="8:8">
      <c r="H45609" s="12"/>
    </row>
    <row r="45610" spans="8:8">
      <c r="H45610" s="12"/>
    </row>
    <row r="45611" spans="8:8">
      <c r="H45611" s="12"/>
    </row>
    <row r="45612" spans="8:8">
      <c r="H45612" s="12"/>
    </row>
    <row r="45613" spans="8:8">
      <c r="H45613" s="12"/>
    </row>
    <row r="45614" spans="8:8">
      <c r="H45614" s="12"/>
    </row>
    <row r="45615" spans="8:8">
      <c r="H45615" s="12"/>
    </row>
    <row r="45616" spans="8:8">
      <c r="H45616" s="12"/>
    </row>
    <row r="45617" spans="8:8">
      <c r="H45617" s="12"/>
    </row>
    <row r="45618" spans="8:8">
      <c r="H45618" s="12"/>
    </row>
    <row r="45619" spans="8:8">
      <c r="H45619" s="12"/>
    </row>
    <row r="45620" spans="8:8">
      <c r="H45620" s="12"/>
    </row>
    <row r="45621" spans="8:8">
      <c r="H45621" s="12"/>
    </row>
    <row r="45622" spans="8:8">
      <c r="H45622" s="12"/>
    </row>
    <row r="45623" spans="8:8">
      <c r="H45623" s="12"/>
    </row>
    <row r="45624" spans="8:8">
      <c r="H45624" s="12"/>
    </row>
    <row r="45625" spans="8:8">
      <c r="H45625" s="12"/>
    </row>
    <row r="45626" spans="8:8">
      <c r="H45626" s="12"/>
    </row>
    <row r="45627" spans="8:8">
      <c r="H45627" s="12"/>
    </row>
    <row r="45628" spans="8:8">
      <c r="H45628" s="12"/>
    </row>
    <row r="45629" spans="8:8">
      <c r="H45629" s="12"/>
    </row>
    <row r="45630" spans="8:8">
      <c r="H45630" s="12"/>
    </row>
    <row r="45631" spans="8:8">
      <c r="H45631" s="12"/>
    </row>
    <row r="45632" spans="8:8">
      <c r="H45632" s="12"/>
    </row>
    <row r="45633" spans="8:8">
      <c r="H45633" s="12"/>
    </row>
    <row r="45634" spans="8:8">
      <c r="H45634" s="12"/>
    </row>
    <row r="45635" spans="8:8">
      <c r="H45635" s="12"/>
    </row>
    <row r="45636" spans="8:8">
      <c r="H45636" s="12"/>
    </row>
    <row r="45637" spans="8:8">
      <c r="H45637" s="12"/>
    </row>
    <row r="45638" spans="8:8">
      <c r="H45638" s="12"/>
    </row>
    <row r="45639" spans="8:8">
      <c r="H45639" s="12"/>
    </row>
    <row r="45640" spans="8:8">
      <c r="H45640" s="12"/>
    </row>
    <row r="45641" spans="8:8">
      <c r="H45641" s="12"/>
    </row>
    <row r="45642" spans="8:8">
      <c r="H45642" s="12"/>
    </row>
    <row r="45643" spans="8:8">
      <c r="H45643" s="12"/>
    </row>
    <row r="45644" spans="8:8">
      <c r="H45644" s="12"/>
    </row>
    <row r="45645" spans="8:8">
      <c r="H45645" s="12"/>
    </row>
    <row r="45646" spans="8:8">
      <c r="H45646" s="12"/>
    </row>
    <row r="45647" spans="8:8">
      <c r="H45647" s="12"/>
    </row>
    <row r="45648" spans="8:8">
      <c r="H45648" s="12"/>
    </row>
    <row r="45649" spans="8:8">
      <c r="H45649" s="12"/>
    </row>
    <row r="45650" spans="8:8">
      <c r="H45650" s="12"/>
    </row>
    <row r="45651" spans="8:8">
      <c r="H45651" s="12"/>
    </row>
    <row r="45652" spans="8:8">
      <c r="H45652" s="12"/>
    </row>
    <row r="45653" spans="8:8">
      <c r="H45653" s="12"/>
    </row>
    <row r="45654" spans="8:8">
      <c r="H45654" s="12"/>
    </row>
    <row r="45655" spans="8:8">
      <c r="H45655" s="12"/>
    </row>
    <row r="45656" spans="8:8">
      <c r="H45656" s="12"/>
    </row>
    <row r="45657" spans="8:8">
      <c r="H45657" s="12"/>
    </row>
    <row r="45658" spans="8:8">
      <c r="H45658" s="12"/>
    </row>
    <row r="45659" spans="8:8">
      <c r="H45659" s="12"/>
    </row>
    <row r="45660" spans="8:8">
      <c r="H45660" s="12"/>
    </row>
    <row r="45661" spans="8:8">
      <c r="H45661" s="12"/>
    </row>
    <row r="45662" spans="8:8">
      <c r="H45662" s="12"/>
    </row>
    <row r="45663" spans="8:8">
      <c r="H45663" s="12"/>
    </row>
    <row r="45664" spans="8:8">
      <c r="H45664" s="12"/>
    </row>
    <row r="45665" spans="8:8">
      <c r="H45665" s="12"/>
    </row>
    <row r="45666" spans="8:8">
      <c r="H45666" s="12"/>
    </row>
    <row r="45667" spans="8:8">
      <c r="H45667" s="12"/>
    </row>
    <row r="45668" spans="8:8">
      <c r="H45668" s="12"/>
    </row>
    <row r="45669" spans="8:8">
      <c r="H45669" s="12"/>
    </row>
    <row r="45670" spans="8:8">
      <c r="H45670" s="12"/>
    </row>
    <row r="45671" spans="8:8">
      <c r="H45671" s="12"/>
    </row>
    <row r="45672" spans="8:8">
      <c r="H45672" s="12"/>
    </row>
    <row r="45673" spans="8:8">
      <c r="H45673" s="12"/>
    </row>
    <row r="45674" spans="8:8">
      <c r="H45674" s="12"/>
    </row>
    <row r="45675" spans="8:8">
      <c r="H45675" s="12"/>
    </row>
    <row r="45676" spans="8:8">
      <c r="H45676" s="12"/>
    </row>
    <row r="45677" spans="8:8">
      <c r="H45677" s="12"/>
    </row>
    <row r="45678" spans="8:8">
      <c r="H45678" s="12"/>
    </row>
    <row r="45679" spans="8:8">
      <c r="H45679" s="12"/>
    </row>
    <row r="45680" spans="8:8">
      <c r="H45680" s="12"/>
    </row>
    <row r="45681" spans="8:8">
      <c r="H45681" s="12"/>
    </row>
    <row r="45682" spans="8:8">
      <c r="H45682" s="12"/>
    </row>
    <row r="45683" spans="8:8">
      <c r="H45683" s="12"/>
    </row>
    <row r="45684" spans="8:8">
      <c r="H45684" s="12"/>
    </row>
    <row r="45685" spans="8:8">
      <c r="H45685" s="12"/>
    </row>
    <row r="45686" spans="8:8">
      <c r="H45686" s="12"/>
    </row>
    <row r="45687" spans="8:8">
      <c r="H45687" s="12"/>
    </row>
    <row r="45688" spans="8:8">
      <c r="H45688" s="12"/>
    </row>
    <row r="45689" spans="8:8">
      <c r="H45689" s="12"/>
    </row>
    <row r="45690" spans="8:8">
      <c r="H45690" s="12"/>
    </row>
    <row r="45691" spans="8:8">
      <c r="H45691" s="12"/>
    </row>
    <row r="45692" spans="8:8">
      <c r="H45692" s="12"/>
    </row>
    <row r="45693" spans="8:8">
      <c r="H45693" s="12"/>
    </row>
    <row r="45694" spans="8:8">
      <c r="H45694" s="12"/>
    </row>
    <row r="45695" spans="8:8">
      <c r="H45695" s="12"/>
    </row>
    <row r="45696" spans="8:8">
      <c r="H45696" s="12"/>
    </row>
    <row r="45697" spans="8:8">
      <c r="H45697" s="12"/>
    </row>
    <row r="45698" spans="8:8">
      <c r="H45698" s="12"/>
    </row>
    <row r="45699" spans="8:8">
      <c r="H45699" s="12"/>
    </row>
    <row r="45700" spans="8:8">
      <c r="H45700" s="12"/>
    </row>
    <row r="45701" spans="8:8">
      <c r="H45701" s="12"/>
    </row>
    <row r="45702" spans="8:8">
      <c r="H45702" s="12"/>
    </row>
    <row r="45703" spans="8:8">
      <c r="H45703" s="12"/>
    </row>
    <row r="45704" spans="8:8">
      <c r="H45704" s="12"/>
    </row>
    <row r="45705" spans="8:8">
      <c r="H45705" s="12"/>
    </row>
    <row r="45706" spans="8:8">
      <c r="H45706" s="12"/>
    </row>
    <row r="45707" spans="8:8">
      <c r="H45707" s="12"/>
    </row>
    <row r="45708" spans="8:8">
      <c r="H45708" s="12"/>
    </row>
    <row r="45709" spans="8:8">
      <c r="H45709" s="12"/>
    </row>
    <row r="45710" spans="8:8">
      <c r="H45710" s="12"/>
    </row>
    <row r="45711" spans="8:8">
      <c r="H45711" s="12"/>
    </row>
    <row r="45712" spans="8:8">
      <c r="H45712" s="12"/>
    </row>
    <row r="45713" spans="8:8">
      <c r="H45713" s="12"/>
    </row>
    <row r="45714" spans="8:8">
      <c r="H45714" s="12"/>
    </row>
    <row r="45715" spans="8:8">
      <c r="H45715" s="12"/>
    </row>
    <row r="45716" spans="8:8">
      <c r="H45716" s="12"/>
    </row>
    <row r="45717" spans="8:8">
      <c r="H45717" s="12"/>
    </row>
    <row r="45718" spans="8:8">
      <c r="H45718" s="12"/>
    </row>
    <row r="45719" spans="8:8">
      <c r="H45719" s="12"/>
    </row>
    <row r="45720" spans="8:8">
      <c r="H45720" s="12"/>
    </row>
    <row r="45721" spans="8:8">
      <c r="H45721" s="12"/>
    </row>
    <row r="45722" spans="8:8">
      <c r="H45722" s="12"/>
    </row>
    <row r="45723" spans="8:8">
      <c r="H45723" s="12"/>
    </row>
    <row r="45724" spans="8:8">
      <c r="H45724" s="12"/>
    </row>
    <row r="45725" spans="8:8">
      <c r="H45725" s="12"/>
    </row>
    <row r="45726" spans="8:8">
      <c r="H45726" s="12"/>
    </row>
    <row r="45727" spans="8:8">
      <c r="H45727" s="12"/>
    </row>
    <row r="45728" spans="8:8">
      <c r="H45728" s="12"/>
    </row>
    <row r="45729" spans="8:8">
      <c r="H45729" s="12"/>
    </row>
    <row r="45730" spans="8:8">
      <c r="H45730" s="12"/>
    </row>
    <row r="45731" spans="8:8">
      <c r="H45731" s="12"/>
    </row>
    <row r="45732" spans="8:8">
      <c r="H45732" s="12"/>
    </row>
    <row r="45733" spans="8:8">
      <c r="H45733" s="12"/>
    </row>
    <row r="45734" spans="8:8">
      <c r="H45734" s="12"/>
    </row>
    <row r="45735" spans="8:8">
      <c r="H45735" s="12"/>
    </row>
    <row r="45736" spans="8:8">
      <c r="H45736" s="12"/>
    </row>
    <row r="45737" spans="8:8">
      <c r="H45737" s="12"/>
    </row>
    <row r="45738" spans="8:8">
      <c r="H45738" s="12"/>
    </row>
    <row r="45739" spans="8:8">
      <c r="H45739" s="12"/>
    </row>
    <row r="45740" spans="8:8">
      <c r="H45740" s="12"/>
    </row>
    <row r="45741" spans="8:8">
      <c r="H45741" s="12"/>
    </row>
    <row r="45742" spans="8:8">
      <c r="H45742" s="12"/>
    </row>
    <row r="45743" spans="8:8">
      <c r="H45743" s="12"/>
    </row>
    <row r="45744" spans="8:8">
      <c r="H45744" s="12"/>
    </row>
    <row r="45745" spans="8:8">
      <c r="H45745" s="12"/>
    </row>
    <row r="45746" spans="8:8">
      <c r="H45746" s="12"/>
    </row>
    <row r="45747" spans="8:8">
      <c r="H45747" s="12"/>
    </row>
    <row r="45748" spans="8:8">
      <c r="H45748" s="12"/>
    </row>
    <row r="45749" spans="8:8">
      <c r="H45749" s="12"/>
    </row>
    <row r="45750" spans="8:8">
      <c r="H45750" s="12"/>
    </row>
    <row r="45751" spans="8:8">
      <c r="H45751" s="12"/>
    </row>
    <row r="45752" spans="8:8">
      <c r="H45752" s="12"/>
    </row>
    <row r="45753" spans="8:8">
      <c r="H45753" s="12"/>
    </row>
    <row r="45754" spans="8:8">
      <c r="H45754" s="12"/>
    </row>
    <row r="45755" spans="8:8">
      <c r="H45755" s="12"/>
    </row>
    <row r="45756" spans="8:8">
      <c r="H45756" s="12"/>
    </row>
    <row r="45757" spans="8:8">
      <c r="H45757" s="12"/>
    </row>
    <row r="45758" spans="8:8">
      <c r="H45758" s="12"/>
    </row>
    <row r="45759" spans="8:8">
      <c r="H45759" s="12"/>
    </row>
    <row r="45760" spans="8:8">
      <c r="H45760" s="12"/>
    </row>
    <row r="45761" spans="8:8">
      <c r="H45761" s="12"/>
    </row>
    <row r="45762" spans="8:8">
      <c r="H45762" s="12"/>
    </row>
    <row r="45763" spans="8:8">
      <c r="H45763" s="12"/>
    </row>
    <row r="45764" spans="8:8">
      <c r="H45764" s="12"/>
    </row>
    <row r="45765" spans="8:8">
      <c r="H45765" s="12"/>
    </row>
    <row r="45766" spans="8:8">
      <c r="H45766" s="12"/>
    </row>
    <row r="45767" spans="8:8">
      <c r="H45767" s="12"/>
    </row>
    <row r="45768" spans="8:8">
      <c r="H45768" s="12"/>
    </row>
    <row r="45769" spans="8:8">
      <c r="H45769" s="12"/>
    </row>
    <row r="45770" spans="8:8">
      <c r="H45770" s="12"/>
    </row>
    <row r="45771" spans="8:8">
      <c r="H45771" s="12"/>
    </row>
    <row r="45772" spans="8:8">
      <c r="H45772" s="12"/>
    </row>
    <row r="45773" spans="8:8">
      <c r="H45773" s="12"/>
    </row>
    <row r="45774" spans="8:8">
      <c r="H45774" s="12"/>
    </row>
    <row r="45775" spans="8:8">
      <c r="H45775" s="12"/>
    </row>
    <row r="45776" spans="8:8">
      <c r="H45776" s="12"/>
    </row>
    <row r="45777" spans="8:8">
      <c r="H45777" s="12"/>
    </row>
    <row r="45778" spans="8:8">
      <c r="H45778" s="12"/>
    </row>
    <row r="45779" spans="8:8">
      <c r="H45779" s="12"/>
    </row>
    <row r="45780" spans="8:8">
      <c r="H45780" s="12"/>
    </row>
    <row r="45781" spans="8:8">
      <c r="H45781" s="12"/>
    </row>
    <row r="45782" spans="8:8">
      <c r="H45782" s="12"/>
    </row>
    <row r="45783" spans="8:8">
      <c r="H45783" s="12"/>
    </row>
    <row r="45784" spans="8:8">
      <c r="H45784" s="12"/>
    </row>
    <row r="45785" spans="8:8">
      <c r="H45785" s="12"/>
    </row>
    <row r="45786" spans="8:8">
      <c r="H45786" s="12"/>
    </row>
    <row r="45787" spans="8:8">
      <c r="H45787" s="12"/>
    </row>
    <row r="45788" spans="8:8">
      <c r="H45788" s="12"/>
    </row>
    <row r="45789" spans="8:8">
      <c r="H45789" s="12"/>
    </row>
    <row r="45790" spans="8:8">
      <c r="H45790" s="12"/>
    </row>
    <row r="45791" spans="8:8">
      <c r="H45791" s="12"/>
    </row>
    <row r="45792" spans="8:8">
      <c r="H45792" s="12"/>
    </row>
    <row r="45793" spans="8:8">
      <c r="H45793" s="12"/>
    </row>
    <row r="45794" spans="8:8">
      <c r="H45794" s="12"/>
    </row>
    <row r="45795" spans="8:8">
      <c r="H45795" s="12"/>
    </row>
    <row r="45796" spans="8:8">
      <c r="H45796" s="12"/>
    </row>
    <row r="45797" spans="8:8">
      <c r="H45797" s="12"/>
    </row>
    <row r="45798" spans="8:8">
      <c r="H45798" s="12"/>
    </row>
    <row r="45799" spans="8:8">
      <c r="H45799" s="12"/>
    </row>
    <row r="45800" spans="8:8">
      <c r="H45800" s="12"/>
    </row>
    <row r="45801" spans="8:8">
      <c r="H45801" s="12"/>
    </row>
    <row r="45802" spans="8:8">
      <c r="H45802" s="12"/>
    </row>
    <row r="45803" spans="8:8">
      <c r="H45803" s="12"/>
    </row>
    <row r="45804" spans="8:8">
      <c r="H45804" s="12"/>
    </row>
    <row r="45805" spans="8:8">
      <c r="H45805" s="12"/>
    </row>
    <row r="45806" spans="8:8">
      <c r="H45806" s="12"/>
    </row>
    <row r="45807" spans="8:8">
      <c r="H45807" s="12"/>
    </row>
    <row r="45808" spans="8:8">
      <c r="H45808" s="12"/>
    </row>
    <row r="45809" spans="8:8">
      <c r="H45809" s="12"/>
    </row>
    <row r="45810" spans="8:8">
      <c r="H45810" s="12"/>
    </row>
    <row r="45811" spans="8:8">
      <c r="H45811" s="12"/>
    </row>
    <row r="45812" spans="8:8">
      <c r="H45812" s="12"/>
    </row>
    <row r="45813" spans="8:8">
      <c r="H45813" s="12"/>
    </row>
    <row r="45814" spans="8:8">
      <c r="H45814" s="12"/>
    </row>
    <row r="45815" spans="8:8">
      <c r="H45815" s="12"/>
    </row>
    <row r="45816" spans="8:8">
      <c r="H45816" s="12"/>
    </row>
    <row r="45817" spans="8:8">
      <c r="H45817" s="12"/>
    </row>
    <row r="45818" spans="8:8">
      <c r="H45818" s="12"/>
    </row>
    <row r="45819" spans="8:8">
      <c r="H45819" s="12"/>
    </row>
    <row r="45820" spans="8:8">
      <c r="H45820" s="12"/>
    </row>
    <row r="45821" spans="8:8">
      <c r="H45821" s="12"/>
    </row>
    <row r="45822" spans="8:8">
      <c r="H45822" s="12"/>
    </row>
    <row r="45823" spans="8:8">
      <c r="H45823" s="12"/>
    </row>
    <row r="45824" spans="8:8">
      <c r="H45824" s="12"/>
    </row>
    <row r="45825" spans="8:8">
      <c r="H45825" s="12"/>
    </row>
    <row r="45826" spans="8:8">
      <c r="H45826" s="12"/>
    </row>
    <row r="45827" spans="8:8">
      <c r="H45827" s="12"/>
    </row>
    <row r="45828" spans="8:8">
      <c r="H45828" s="12"/>
    </row>
    <row r="45829" spans="8:8">
      <c r="H45829" s="12"/>
    </row>
    <row r="45830" spans="8:8">
      <c r="H45830" s="12"/>
    </row>
    <row r="45831" spans="8:8">
      <c r="H45831" s="12"/>
    </row>
    <row r="45832" spans="8:8">
      <c r="H45832" s="12"/>
    </row>
    <row r="45833" spans="8:8">
      <c r="H45833" s="12"/>
    </row>
    <row r="45834" spans="8:8">
      <c r="H45834" s="12"/>
    </row>
    <row r="45835" spans="8:8">
      <c r="H45835" s="12"/>
    </row>
    <row r="45836" spans="8:8">
      <c r="H45836" s="12"/>
    </row>
    <row r="45837" spans="8:8">
      <c r="H45837" s="12"/>
    </row>
    <row r="45838" spans="8:8">
      <c r="H45838" s="12"/>
    </row>
    <row r="45839" spans="8:8">
      <c r="H45839" s="12"/>
    </row>
    <row r="45840" spans="8:8">
      <c r="H45840" s="12"/>
    </row>
    <row r="45841" spans="8:8">
      <c r="H45841" s="12"/>
    </row>
    <row r="45842" spans="8:8">
      <c r="H45842" s="12"/>
    </row>
    <row r="45843" spans="8:8">
      <c r="H45843" s="12"/>
    </row>
    <row r="45844" spans="8:8">
      <c r="H45844" s="12"/>
    </row>
    <row r="45845" spans="8:8">
      <c r="H45845" s="12"/>
    </row>
    <row r="45846" spans="8:8">
      <c r="H45846" s="12"/>
    </row>
    <row r="45847" spans="8:8">
      <c r="H45847" s="12"/>
    </row>
    <row r="45848" spans="8:8">
      <c r="H45848" s="12"/>
    </row>
    <row r="45849" spans="8:8">
      <c r="H45849" s="12"/>
    </row>
    <row r="45850" spans="8:8">
      <c r="H45850" s="12"/>
    </row>
    <row r="45851" spans="8:8">
      <c r="H45851" s="12"/>
    </row>
    <row r="45852" spans="8:8">
      <c r="H45852" s="12"/>
    </row>
    <row r="45853" spans="8:8">
      <c r="H45853" s="12"/>
    </row>
    <row r="45854" spans="8:8">
      <c r="H45854" s="12"/>
    </row>
    <row r="45855" spans="8:8">
      <c r="H45855" s="12"/>
    </row>
    <row r="45856" spans="8:8">
      <c r="H45856" s="12"/>
    </row>
    <row r="45857" spans="8:8">
      <c r="H45857" s="12"/>
    </row>
    <row r="45858" spans="8:8">
      <c r="H45858" s="12"/>
    </row>
    <row r="45859" spans="8:8">
      <c r="H45859" s="12"/>
    </row>
    <row r="45860" spans="8:8">
      <c r="H45860" s="12"/>
    </row>
    <row r="45861" spans="8:8">
      <c r="H45861" s="12"/>
    </row>
    <row r="45862" spans="8:8">
      <c r="H45862" s="12"/>
    </row>
    <row r="45863" spans="8:8">
      <c r="H45863" s="12"/>
    </row>
    <row r="45864" spans="8:8">
      <c r="H45864" s="12"/>
    </row>
    <row r="45865" spans="8:8">
      <c r="H45865" s="12"/>
    </row>
    <row r="45866" spans="8:8">
      <c r="H45866" s="12"/>
    </row>
    <row r="45867" spans="8:8">
      <c r="H45867" s="12"/>
    </row>
    <row r="45868" spans="8:8">
      <c r="H45868" s="12"/>
    </row>
    <row r="45869" spans="8:8">
      <c r="H45869" s="12"/>
    </row>
    <row r="45870" spans="8:8">
      <c r="H45870" s="12"/>
    </row>
    <row r="45871" spans="8:8">
      <c r="H45871" s="12"/>
    </row>
    <row r="45872" spans="8:8">
      <c r="H45872" s="12"/>
    </row>
    <row r="45873" spans="8:8">
      <c r="H45873" s="12"/>
    </row>
    <row r="45874" spans="8:8">
      <c r="H45874" s="12"/>
    </row>
    <row r="45875" spans="8:8">
      <c r="H45875" s="12"/>
    </row>
    <row r="45876" spans="8:8">
      <c r="H45876" s="12"/>
    </row>
    <row r="45877" spans="8:8">
      <c r="H45877" s="12"/>
    </row>
    <row r="45878" spans="8:8">
      <c r="H45878" s="12"/>
    </row>
    <row r="45879" spans="8:8">
      <c r="H45879" s="12"/>
    </row>
    <row r="45880" spans="8:8">
      <c r="H45880" s="12"/>
    </row>
    <row r="45881" spans="8:8">
      <c r="H45881" s="12"/>
    </row>
    <row r="45882" spans="8:8">
      <c r="H45882" s="12"/>
    </row>
    <row r="45883" spans="8:8">
      <c r="H45883" s="12"/>
    </row>
    <row r="45884" spans="8:8">
      <c r="H45884" s="12"/>
    </row>
    <row r="45885" spans="8:8">
      <c r="H45885" s="12"/>
    </row>
    <row r="45886" spans="8:8">
      <c r="H45886" s="12"/>
    </row>
    <row r="45887" spans="8:8">
      <c r="H45887" s="12"/>
    </row>
    <row r="45888" spans="8:8">
      <c r="H45888" s="12"/>
    </row>
    <row r="45889" spans="8:8">
      <c r="H45889" s="12"/>
    </row>
    <row r="45890" spans="8:8">
      <c r="H45890" s="12"/>
    </row>
    <row r="45891" spans="8:8">
      <c r="H45891" s="12"/>
    </row>
    <row r="45892" spans="8:8">
      <c r="H45892" s="12"/>
    </row>
    <row r="45893" spans="8:8">
      <c r="H45893" s="12"/>
    </row>
    <row r="45894" spans="8:8">
      <c r="H45894" s="12"/>
    </row>
    <row r="45895" spans="8:8">
      <c r="H45895" s="12"/>
    </row>
    <row r="45896" spans="8:8">
      <c r="H45896" s="12"/>
    </row>
    <row r="45897" spans="8:8">
      <c r="H45897" s="12"/>
    </row>
    <row r="45898" spans="8:8">
      <c r="H45898" s="12"/>
    </row>
    <row r="45899" spans="8:8">
      <c r="H45899" s="12"/>
    </row>
    <row r="45900" spans="8:8">
      <c r="H45900" s="12"/>
    </row>
    <row r="45901" spans="8:8">
      <c r="H45901" s="12"/>
    </row>
    <row r="45902" spans="8:8">
      <c r="H45902" s="12"/>
    </row>
    <row r="45903" spans="8:8">
      <c r="H45903" s="12"/>
    </row>
    <row r="45904" spans="8:8">
      <c r="H45904" s="12"/>
    </row>
    <row r="45905" spans="8:8">
      <c r="H45905" s="12"/>
    </row>
    <row r="45906" spans="8:8">
      <c r="H45906" s="12"/>
    </row>
    <row r="45907" spans="8:8">
      <c r="H45907" s="12"/>
    </row>
    <row r="45908" spans="8:8">
      <c r="H45908" s="12"/>
    </row>
    <row r="45909" spans="8:8">
      <c r="H45909" s="12"/>
    </row>
    <row r="45910" spans="8:8">
      <c r="H45910" s="12"/>
    </row>
    <row r="45911" spans="8:8">
      <c r="H45911" s="12"/>
    </row>
    <row r="45912" spans="8:8">
      <c r="H45912" s="12"/>
    </row>
    <row r="45913" spans="8:8">
      <c r="H45913" s="12"/>
    </row>
    <row r="45914" spans="8:8">
      <c r="H45914" s="12"/>
    </row>
    <row r="45915" spans="8:8">
      <c r="H45915" s="12"/>
    </row>
    <row r="45916" spans="8:8">
      <c r="H45916" s="12"/>
    </row>
    <row r="45917" spans="8:8">
      <c r="H45917" s="12"/>
    </row>
    <row r="45918" spans="8:8">
      <c r="H45918" s="12"/>
    </row>
    <row r="45919" spans="8:8">
      <c r="H45919" s="12"/>
    </row>
    <row r="45920" spans="8:8">
      <c r="H45920" s="12"/>
    </row>
    <row r="45921" spans="8:8">
      <c r="H45921" s="12"/>
    </row>
    <row r="45922" spans="8:8">
      <c r="H45922" s="12"/>
    </row>
    <row r="45923" spans="8:8">
      <c r="H45923" s="12"/>
    </row>
    <row r="45924" spans="8:8">
      <c r="H45924" s="12"/>
    </row>
    <row r="45925" spans="8:8">
      <c r="H45925" s="12"/>
    </row>
    <row r="45926" spans="8:8">
      <c r="H45926" s="12"/>
    </row>
    <row r="45927" spans="8:8">
      <c r="H45927" s="12"/>
    </row>
    <row r="45928" spans="8:8">
      <c r="H45928" s="12"/>
    </row>
    <row r="45929" spans="8:8">
      <c r="H45929" s="12"/>
    </row>
    <row r="45930" spans="8:8">
      <c r="H45930" s="12"/>
    </row>
    <row r="45931" spans="8:8">
      <c r="H45931" s="12"/>
    </row>
    <row r="45932" spans="8:8">
      <c r="H45932" s="12"/>
    </row>
    <row r="45933" spans="8:8">
      <c r="H45933" s="12"/>
    </row>
    <row r="45934" spans="8:8">
      <c r="H45934" s="12"/>
    </row>
    <row r="45935" spans="8:8">
      <c r="H45935" s="12"/>
    </row>
    <row r="45936" spans="8:8">
      <c r="H45936" s="12"/>
    </row>
    <row r="45937" spans="8:8">
      <c r="H45937" s="12"/>
    </row>
    <row r="45938" spans="8:8">
      <c r="H45938" s="12"/>
    </row>
    <row r="45939" spans="8:8">
      <c r="H45939" s="12"/>
    </row>
    <row r="45940" spans="8:8">
      <c r="H45940" s="12"/>
    </row>
    <row r="45941" spans="8:8">
      <c r="H45941" s="12"/>
    </row>
    <row r="45942" spans="8:8">
      <c r="H45942" s="12"/>
    </row>
    <row r="45943" spans="8:8">
      <c r="H45943" s="12"/>
    </row>
    <row r="45944" spans="8:8">
      <c r="H45944" s="12"/>
    </row>
    <row r="45945" spans="8:8">
      <c r="H45945" s="12"/>
    </row>
    <row r="45946" spans="8:8">
      <c r="H45946" s="12"/>
    </row>
    <row r="45947" spans="8:8">
      <c r="H45947" s="12"/>
    </row>
    <row r="45948" spans="8:8">
      <c r="H45948" s="12"/>
    </row>
    <row r="45949" spans="8:8">
      <c r="H45949" s="12"/>
    </row>
    <row r="45950" spans="8:8">
      <c r="H45950" s="12"/>
    </row>
    <row r="45951" spans="8:8">
      <c r="H45951" s="12"/>
    </row>
    <row r="45952" spans="8:8">
      <c r="H45952" s="12"/>
    </row>
    <row r="45953" spans="8:8">
      <c r="H45953" s="12"/>
    </row>
    <row r="45954" spans="8:8">
      <c r="H45954" s="12"/>
    </row>
    <row r="45955" spans="8:8">
      <c r="H45955" s="12"/>
    </row>
    <row r="45956" spans="8:8">
      <c r="H45956" s="12"/>
    </row>
    <row r="45957" spans="8:8">
      <c r="H45957" s="12"/>
    </row>
    <row r="45958" spans="8:8">
      <c r="H45958" s="12"/>
    </row>
    <row r="45959" spans="8:8">
      <c r="H45959" s="12"/>
    </row>
    <row r="45960" spans="8:8">
      <c r="H45960" s="12"/>
    </row>
    <row r="45961" spans="8:8">
      <c r="H45961" s="12"/>
    </row>
    <row r="45962" spans="8:8">
      <c r="H45962" s="12"/>
    </row>
    <row r="45963" spans="8:8">
      <c r="H45963" s="12"/>
    </row>
    <row r="45964" spans="8:8">
      <c r="H45964" s="12"/>
    </row>
    <row r="45965" spans="8:8">
      <c r="H45965" s="12"/>
    </row>
    <row r="45966" spans="8:8">
      <c r="H45966" s="12"/>
    </row>
    <row r="45967" spans="8:8">
      <c r="H45967" s="12"/>
    </row>
    <row r="45968" spans="8:8">
      <c r="H45968" s="12"/>
    </row>
    <row r="45969" spans="8:8">
      <c r="H45969" s="12"/>
    </row>
    <row r="45970" spans="8:8">
      <c r="H45970" s="12"/>
    </row>
    <row r="45971" spans="8:8">
      <c r="H45971" s="12"/>
    </row>
    <row r="45972" spans="8:8">
      <c r="H45972" s="12"/>
    </row>
    <row r="45973" spans="8:8">
      <c r="H45973" s="12"/>
    </row>
    <row r="45974" spans="8:8">
      <c r="H45974" s="12"/>
    </row>
    <row r="45975" spans="8:8">
      <c r="H45975" s="12"/>
    </row>
    <row r="45976" spans="8:8">
      <c r="H45976" s="12"/>
    </row>
    <row r="45977" spans="8:8">
      <c r="H45977" s="12"/>
    </row>
    <row r="45978" spans="8:8">
      <c r="H45978" s="12"/>
    </row>
    <row r="45979" spans="8:8">
      <c r="H45979" s="12"/>
    </row>
    <row r="45980" spans="8:8">
      <c r="H45980" s="12"/>
    </row>
    <row r="45981" spans="8:8">
      <c r="H45981" s="12"/>
    </row>
    <row r="45982" spans="8:8">
      <c r="H45982" s="12"/>
    </row>
    <row r="45983" spans="8:8">
      <c r="H45983" s="12"/>
    </row>
    <row r="45984" spans="8:8">
      <c r="H45984" s="12"/>
    </row>
    <row r="45985" spans="8:8">
      <c r="H45985" s="12"/>
    </row>
    <row r="45986" spans="8:8">
      <c r="H45986" s="12"/>
    </row>
    <row r="45987" spans="8:8">
      <c r="H45987" s="12"/>
    </row>
    <row r="45988" spans="8:8">
      <c r="H45988" s="12"/>
    </row>
    <row r="45989" spans="8:8">
      <c r="H45989" s="12"/>
    </row>
    <row r="45990" spans="8:8">
      <c r="H45990" s="12"/>
    </row>
    <row r="45991" spans="8:8">
      <c r="H45991" s="12"/>
    </row>
    <row r="45992" spans="8:8">
      <c r="H45992" s="12"/>
    </row>
    <row r="45993" spans="8:8">
      <c r="H45993" s="12"/>
    </row>
    <row r="45994" spans="8:8">
      <c r="H45994" s="12"/>
    </row>
    <row r="45995" spans="8:8">
      <c r="H45995" s="12"/>
    </row>
    <row r="45996" spans="8:8">
      <c r="H45996" s="12"/>
    </row>
    <row r="45997" spans="8:8">
      <c r="H45997" s="12"/>
    </row>
    <row r="45998" spans="8:8">
      <c r="H45998" s="12"/>
    </row>
    <row r="45999" spans="8:8">
      <c r="H45999" s="12"/>
    </row>
    <row r="46000" spans="8:8">
      <c r="H46000" s="12"/>
    </row>
    <row r="46001" spans="8:8">
      <c r="H46001" s="12"/>
    </row>
    <row r="46002" spans="8:8">
      <c r="H46002" s="12"/>
    </row>
    <row r="46003" spans="8:8">
      <c r="H46003" s="12"/>
    </row>
    <row r="46004" spans="8:8">
      <c r="H46004" s="12"/>
    </row>
    <row r="46005" spans="8:8">
      <c r="H46005" s="12"/>
    </row>
    <row r="46006" spans="8:8">
      <c r="H46006" s="12"/>
    </row>
    <row r="46007" spans="8:8">
      <c r="H46007" s="12"/>
    </row>
    <row r="46008" spans="8:8">
      <c r="H46008" s="12"/>
    </row>
    <row r="46009" spans="8:8">
      <c r="H46009" s="12"/>
    </row>
    <row r="46010" spans="8:8">
      <c r="H46010" s="12"/>
    </row>
    <row r="46011" spans="8:8">
      <c r="H46011" s="12"/>
    </row>
    <row r="46012" spans="8:8">
      <c r="H46012" s="12"/>
    </row>
    <row r="46013" spans="8:8">
      <c r="H46013" s="12"/>
    </row>
    <row r="46014" spans="8:8">
      <c r="H46014" s="12"/>
    </row>
    <row r="46015" spans="8:8">
      <c r="H46015" s="12"/>
    </row>
    <row r="46016" spans="8:8">
      <c r="H46016" s="12"/>
    </row>
    <row r="46017" spans="8:8">
      <c r="H46017" s="12"/>
    </row>
    <row r="46018" spans="8:8">
      <c r="H46018" s="12"/>
    </row>
    <row r="46019" spans="8:8">
      <c r="H46019" s="12"/>
    </row>
    <row r="46020" spans="8:8">
      <c r="H46020" s="12"/>
    </row>
    <row r="46021" spans="8:8">
      <c r="H46021" s="12"/>
    </row>
    <row r="46022" spans="8:8">
      <c r="H46022" s="12"/>
    </row>
    <row r="46023" spans="8:8">
      <c r="H46023" s="12"/>
    </row>
    <row r="46024" spans="8:8">
      <c r="H46024" s="12"/>
    </row>
    <row r="46025" spans="8:8">
      <c r="H46025" s="12"/>
    </row>
    <row r="46026" spans="8:8">
      <c r="H46026" s="12"/>
    </row>
    <row r="46027" spans="8:8">
      <c r="H46027" s="12"/>
    </row>
    <row r="46028" spans="8:8">
      <c r="H46028" s="12"/>
    </row>
    <row r="46029" spans="8:8">
      <c r="H46029" s="12"/>
    </row>
    <row r="46030" spans="8:8">
      <c r="H46030" s="12"/>
    </row>
    <row r="46031" spans="8:8">
      <c r="H46031" s="12"/>
    </row>
    <row r="46032" spans="8:8">
      <c r="H46032" s="12"/>
    </row>
    <row r="46033" spans="8:8">
      <c r="H46033" s="12"/>
    </row>
    <row r="46034" spans="8:8">
      <c r="H46034" s="12"/>
    </row>
    <row r="46035" spans="8:8">
      <c r="H46035" s="12"/>
    </row>
    <row r="46036" spans="8:8">
      <c r="H46036" s="12"/>
    </row>
    <row r="46037" spans="8:8">
      <c r="H46037" s="12"/>
    </row>
    <row r="46038" spans="8:8">
      <c r="H46038" s="12"/>
    </row>
    <row r="46039" spans="8:8">
      <c r="H46039" s="12"/>
    </row>
    <row r="46040" spans="8:8">
      <c r="H46040" s="12"/>
    </row>
    <row r="46041" spans="8:8">
      <c r="H46041" s="12"/>
    </row>
    <row r="46042" spans="8:8">
      <c r="H46042" s="12"/>
    </row>
    <row r="46043" spans="8:8">
      <c r="H46043" s="12"/>
    </row>
    <row r="46044" spans="8:8">
      <c r="H46044" s="12"/>
    </row>
    <row r="46045" spans="8:8">
      <c r="H46045" s="12"/>
    </row>
    <row r="46046" spans="8:8">
      <c r="H46046" s="12"/>
    </row>
    <row r="46047" spans="8:8">
      <c r="H46047" s="12"/>
    </row>
    <row r="46048" spans="8:8">
      <c r="H46048" s="12"/>
    </row>
    <row r="46049" spans="8:8">
      <c r="H46049" s="12"/>
    </row>
    <row r="46050" spans="8:8">
      <c r="H46050" s="12"/>
    </row>
    <row r="46051" spans="8:8">
      <c r="H46051" s="12"/>
    </row>
    <row r="46052" spans="8:8">
      <c r="H46052" s="12"/>
    </row>
    <row r="46053" spans="8:8">
      <c r="H46053" s="12"/>
    </row>
    <row r="46054" spans="8:8">
      <c r="H46054" s="12"/>
    </row>
    <row r="46055" spans="8:8">
      <c r="H46055" s="12"/>
    </row>
    <row r="46056" spans="8:8">
      <c r="H46056" s="12"/>
    </row>
    <row r="46057" spans="8:8">
      <c r="H46057" s="12"/>
    </row>
    <row r="46058" spans="8:8">
      <c r="H46058" s="12"/>
    </row>
    <row r="46059" spans="8:8">
      <c r="H46059" s="12"/>
    </row>
    <row r="46060" spans="8:8">
      <c r="H46060" s="12"/>
    </row>
    <row r="46061" spans="8:8">
      <c r="H46061" s="12"/>
    </row>
    <row r="46062" spans="8:8">
      <c r="H46062" s="12"/>
    </row>
    <row r="46063" spans="8:8">
      <c r="H46063" s="12"/>
    </row>
    <row r="46064" spans="8:8">
      <c r="H46064" s="12"/>
    </row>
    <row r="46065" spans="8:8">
      <c r="H46065" s="12"/>
    </row>
    <row r="46066" spans="8:8">
      <c r="H46066" s="12"/>
    </row>
    <row r="46067" spans="8:8">
      <c r="H46067" s="12"/>
    </row>
    <row r="46068" spans="8:8">
      <c r="H46068" s="12"/>
    </row>
    <row r="46069" spans="8:8">
      <c r="H46069" s="12"/>
    </row>
    <row r="46070" spans="8:8">
      <c r="H46070" s="12"/>
    </row>
    <row r="46071" spans="8:8">
      <c r="H46071" s="12"/>
    </row>
    <row r="46072" spans="8:8">
      <c r="H46072" s="12"/>
    </row>
    <row r="46073" spans="8:8">
      <c r="H46073" s="12"/>
    </row>
    <row r="46074" spans="8:8">
      <c r="H46074" s="12"/>
    </row>
    <row r="46075" spans="8:8">
      <c r="H46075" s="12"/>
    </row>
    <row r="46076" spans="8:8">
      <c r="H46076" s="12"/>
    </row>
    <row r="46077" spans="8:8">
      <c r="H46077" s="12"/>
    </row>
    <row r="46078" spans="8:8">
      <c r="H46078" s="12"/>
    </row>
    <row r="46079" spans="8:8">
      <c r="H46079" s="12"/>
    </row>
    <row r="46080" spans="8:8">
      <c r="H46080" s="12"/>
    </row>
    <row r="46081" spans="8:8">
      <c r="H46081" s="12"/>
    </row>
    <row r="46082" spans="8:8">
      <c r="H46082" s="12"/>
    </row>
    <row r="46083" spans="8:8">
      <c r="H46083" s="12"/>
    </row>
    <row r="46084" spans="8:8">
      <c r="H46084" s="12"/>
    </row>
    <row r="46085" spans="8:8">
      <c r="H46085" s="12"/>
    </row>
    <row r="46086" spans="8:8">
      <c r="H46086" s="12"/>
    </row>
    <row r="46087" spans="8:8">
      <c r="H46087" s="12"/>
    </row>
    <row r="46088" spans="8:8">
      <c r="H46088" s="12"/>
    </row>
    <row r="46089" spans="8:8">
      <c r="H46089" s="12"/>
    </row>
    <row r="46090" spans="8:8">
      <c r="H46090" s="12"/>
    </row>
    <row r="46091" spans="8:8">
      <c r="H46091" s="12"/>
    </row>
    <row r="46092" spans="8:8">
      <c r="H46092" s="12"/>
    </row>
    <row r="46093" spans="8:8">
      <c r="H46093" s="12"/>
    </row>
    <row r="46094" spans="8:8">
      <c r="H46094" s="12"/>
    </row>
    <row r="46095" spans="8:8">
      <c r="H46095" s="12"/>
    </row>
    <row r="46096" spans="8:8">
      <c r="H46096" s="12"/>
    </row>
    <row r="46097" spans="8:8">
      <c r="H46097" s="12"/>
    </row>
    <row r="46098" spans="8:8">
      <c r="H46098" s="12"/>
    </row>
    <row r="46099" spans="8:8">
      <c r="H46099" s="12"/>
    </row>
    <row r="46100" spans="8:8">
      <c r="H46100" s="12"/>
    </row>
    <row r="46101" spans="8:8">
      <c r="H46101" s="12"/>
    </row>
    <row r="46102" spans="8:8">
      <c r="H46102" s="12"/>
    </row>
    <row r="46103" spans="8:8">
      <c r="H46103" s="12"/>
    </row>
    <row r="46104" spans="8:8">
      <c r="H46104" s="12"/>
    </row>
    <row r="46105" spans="8:8">
      <c r="H46105" s="12"/>
    </row>
    <row r="46106" spans="8:8">
      <c r="H46106" s="12"/>
    </row>
    <row r="46107" spans="8:8">
      <c r="H46107" s="12"/>
    </row>
    <row r="46108" spans="8:8">
      <c r="H46108" s="12"/>
    </row>
    <row r="46109" spans="8:8">
      <c r="H46109" s="12"/>
    </row>
    <row r="46110" spans="8:8">
      <c r="H46110" s="12"/>
    </row>
    <row r="46111" spans="8:8">
      <c r="H46111" s="12"/>
    </row>
    <row r="46112" spans="8:8">
      <c r="H46112" s="12"/>
    </row>
    <row r="46113" spans="8:8">
      <c r="H46113" s="12"/>
    </row>
    <row r="46114" spans="8:8">
      <c r="H46114" s="12"/>
    </row>
    <row r="46115" spans="8:8">
      <c r="H46115" s="12"/>
    </row>
    <row r="46116" spans="8:8">
      <c r="H46116" s="12"/>
    </row>
    <row r="46117" spans="8:8">
      <c r="H46117" s="12"/>
    </row>
    <row r="46118" spans="8:8">
      <c r="H46118" s="12"/>
    </row>
    <row r="46119" spans="8:8">
      <c r="H46119" s="12"/>
    </row>
    <row r="46120" spans="8:8">
      <c r="H46120" s="12"/>
    </row>
    <row r="46121" spans="8:8">
      <c r="H46121" s="12"/>
    </row>
    <row r="46122" spans="8:8">
      <c r="H46122" s="12"/>
    </row>
    <row r="46123" spans="8:8">
      <c r="H46123" s="12"/>
    </row>
    <row r="46124" spans="8:8">
      <c r="H46124" s="12"/>
    </row>
    <row r="46125" spans="8:8">
      <c r="H46125" s="12"/>
    </row>
    <row r="46126" spans="8:8">
      <c r="H46126" s="12"/>
    </row>
    <row r="46127" spans="8:8">
      <c r="H46127" s="12"/>
    </row>
    <row r="46128" spans="8:8">
      <c r="H46128" s="12"/>
    </row>
    <row r="46129" spans="8:8">
      <c r="H46129" s="12"/>
    </row>
    <row r="46130" spans="8:8">
      <c r="H46130" s="12"/>
    </row>
    <row r="46131" spans="8:8">
      <c r="H46131" s="12"/>
    </row>
    <row r="46132" spans="8:8">
      <c r="H46132" s="12"/>
    </row>
    <row r="46133" spans="8:8">
      <c r="H46133" s="12"/>
    </row>
    <row r="46134" spans="8:8">
      <c r="H46134" s="12"/>
    </row>
    <row r="46135" spans="8:8">
      <c r="H46135" s="12"/>
    </row>
    <row r="46136" spans="8:8">
      <c r="H46136" s="12"/>
    </row>
    <row r="46137" spans="8:8">
      <c r="H46137" s="12"/>
    </row>
    <row r="46138" spans="8:8">
      <c r="H46138" s="12"/>
    </row>
    <row r="46139" spans="8:8">
      <c r="H46139" s="12"/>
    </row>
    <row r="46140" spans="8:8">
      <c r="H46140" s="12"/>
    </row>
    <row r="46141" spans="8:8">
      <c r="H46141" s="12"/>
    </row>
    <row r="46142" spans="8:8">
      <c r="H46142" s="12"/>
    </row>
    <row r="46143" spans="8:8">
      <c r="H46143" s="12"/>
    </row>
    <row r="46144" spans="8:8">
      <c r="H46144" s="12"/>
    </row>
    <row r="46145" spans="8:8">
      <c r="H46145" s="12"/>
    </row>
    <row r="46146" spans="8:8">
      <c r="H46146" s="12"/>
    </row>
    <row r="46147" spans="8:8">
      <c r="H46147" s="12"/>
    </row>
    <row r="46148" spans="8:8">
      <c r="H46148" s="12"/>
    </row>
    <row r="46149" spans="8:8">
      <c r="H46149" s="12"/>
    </row>
    <row r="46150" spans="8:8">
      <c r="H46150" s="12"/>
    </row>
    <row r="46151" spans="8:8">
      <c r="H46151" s="12"/>
    </row>
    <row r="46152" spans="8:8">
      <c r="H46152" s="12"/>
    </row>
    <row r="46153" spans="8:8">
      <c r="H46153" s="12"/>
    </row>
    <row r="46154" spans="8:8">
      <c r="H46154" s="12"/>
    </row>
    <row r="46155" spans="8:8">
      <c r="H46155" s="12"/>
    </row>
    <row r="46156" spans="8:8">
      <c r="H46156" s="12"/>
    </row>
    <row r="46157" spans="8:8">
      <c r="H46157" s="12"/>
    </row>
    <row r="46158" spans="8:8">
      <c r="H46158" s="12"/>
    </row>
    <row r="46159" spans="8:8">
      <c r="H46159" s="12"/>
    </row>
    <row r="46160" spans="8:8">
      <c r="H46160" s="12"/>
    </row>
    <row r="46161" spans="8:8">
      <c r="H46161" s="12"/>
    </row>
    <row r="46162" spans="8:8">
      <c r="H46162" s="12"/>
    </row>
    <row r="46163" spans="8:8">
      <c r="H46163" s="12"/>
    </row>
    <row r="46164" spans="8:8">
      <c r="H46164" s="12"/>
    </row>
    <row r="46165" spans="8:8">
      <c r="H46165" s="12"/>
    </row>
    <row r="46166" spans="8:8">
      <c r="H46166" s="12"/>
    </row>
    <row r="46167" spans="8:8">
      <c r="H46167" s="12"/>
    </row>
    <row r="46168" spans="8:8">
      <c r="H46168" s="12"/>
    </row>
    <row r="46169" spans="8:8">
      <c r="H46169" s="12"/>
    </row>
    <row r="46170" spans="8:8">
      <c r="H46170" s="12"/>
    </row>
    <row r="46171" spans="8:8">
      <c r="H46171" s="12"/>
    </row>
    <row r="46172" spans="8:8">
      <c r="H46172" s="12"/>
    </row>
    <row r="46173" spans="8:8">
      <c r="H46173" s="12"/>
    </row>
    <row r="46174" spans="8:8">
      <c r="H46174" s="12"/>
    </row>
    <row r="46175" spans="8:8">
      <c r="H46175" s="12"/>
    </row>
    <row r="46176" spans="8:8">
      <c r="H46176" s="12"/>
    </row>
    <row r="46177" spans="8:8">
      <c r="H46177" s="12"/>
    </row>
    <row r="46178" spans="8:8">
      <c r="H46178" s="12"/>
    </row>
    <row r="46179" spans="8:8">
      <c r="H46179" s="12"/>
    </row>
    <row r="46180" spans="8:8">
      <c r="H46180" s="12"/>
    </row>
    <row r="46181" spans="8:8">
      <c r="H46181" s="12"/>
    </row>
    <row r="46182" spans="8:8">
      <c r="H46182" s="12"/>
    </row>
    <row r="46183" spans="8:8">
      <c r="H46183" s="12"/>
    </row>
    <row r="46184" spans="8:8">
      <c r="H46184" s="12"/>
    </row>
    <row r="46185" spans="8:8">
      <c r="H46185" s="12"/>
    </row>
    <row r="46186" spans="8:8">
      <c r="H46186" s="12"/>
    </row>
    <row r="46187" spans="8:8">
      <c r="H46187" s="12"/>
    </row>
    <row r="46188" spans="8:8">
      <c r="H46188" s="12"/>
    </row>
    <row r="46189" spans="8:8">
      <c r="H46189" s="12"/>
    </row>
    <row r="46190" spans="8:8">
      <c r="H46190" s="12"/>
    </row>
    <row r="46191" spans="8:8">
      <c r="H46191" s="12"/>
    </row>
    <row r="46192" spans="8:8">
      <c r="H46192" s="12"/>
    </row>
    <row r="46193" spans="8:8">
      <c r="H46193" s="12"/>
    </row>
    <row r="46194" spans="8:8">
      <c r="H46194" s="12"/>
    </row>
    <row r="46195" spans="8:8">
      <c r="H46195" s="12"/>
    </row>
    <row r="46196" spans="8:8">
      <c r="H46196" s="12"/>
    </row>
    <row r="46197" spans="8:8">
      <c r="H46197" s="12"/>
    </row>
    <row r="46198" spans="8:8">
      <c r="H46198" s="12"/>
    </row>
    <row r="46199" spans="8:8">
      <c r="H46199" s="12"/>
    </row>
    <row r="46200" spans="8:8">
      <c r="H46200" s="12"/>
    </row>
    <row r="46201" spans="8:8">
      <c r="H46201" s="12"/>
    </row>
    <row r="46202" spans="8:8">
      <c r="H46202" s="12"/>
    </row>
    <row r="46203" spans="8:8">
      <c r="H46203" s="12"/>
    </row>
    <row r="46204" spans="8:8">
      <c r="H46204" s="12"/>
    </row>
    <row r="46205" spans="8:8">
      <c r="H46205" s="12"/>
    </row>
    <row r="46206" spans="8:8">
      <c r="H46206" s="12"/>
    </row>
    <row r="46207" spans="8:8">
      <c r="H46207" s="12"/>
    </row>
    <row r="46208" spans="8:8">
      <c r="H46208" s="12"/>
    </row>
    <row r="46209" spans="8:8">
      <c r="H46209" s="12"/>
    </row>
    <row r="46210" spans="8:8">
      <c r="H46210" s="12"/>
    </row>
    <row r="46211" spans="8:8">
      <c r="H46211" s="12"/>
    </row>
    <row r="46212" spans="8:8">
      <c r="H46212" s="12"/>
    </row>
    <row r="46213" spans="8:8">
      <c r="H46213" s="12"/>
    </row>
    <row r="46214" spans="8:8">
      <c r="H46214" s="12"/>
    </row>
    <row r="46215" spans="8:8">
      <c r="H46215" s="12"/>
    </row>
    <row r="46216" spans="8:8">
      <c r="H46216" s="12"/>
    </row>
    <row r="46217" spans="8:8">
      <c r="H46217" s="12"/>
    </row>
    <row r="46218" spans="8:8">
      <c r="H46218" s="12"/>
    </row>
    <row r="46219" spans="8:8">
      <c r="H46219" s="12"/>
    </row>
    <row r="46220" spans="8:8">
      <c r="H46220" s="12"/>
    </row>
    <row r="46221" spans="8:8">
      <c r="H46221" s="12"/>
    </row>
    <row r="46222" spans="8:8">
      <c r="H46222" s="12"/>
    </row>
    <row r="46223" spans="8:8">
      <c r="H46223" s="12"/>
    </row>
    <row r="46224" spans="8:8">
      <c r="H46224" s="12"/>
    </row>
    <row r="46225" spans="8:8">
      <c r="H46225" s="12"/>
    </row>
    <row r="46226" spans="8:8">
      <c r="H46226" s="12"/>
    </row>
    <row r="46227" spans="8:8">
      <c r="H46227" s="12"/>
    </row>
    <row r="46228" spans="8:8">
      <c r="H46228" s="12"/>
    </row>
    <row r="46229" spans="8:8">
      <c r="H46229" s="12"/>
    </row>
    <row r="46230" spans="8:8">
      <c r="H46230" s="12"/>
    </row>
    <row r="46231" spans="8:8">
      <c r="H46231" s="12"/>
    </row>
    <row r="46232" spans="8:8">
      <c r="H46232" s="12"/>
    </row>
    <row r="46233" spans="8:8">
      <c r="H46233" s="12"/>
    </row>
    <row r="46234" spans="8:8">
      <c r="H46234" s="12"/>
    </row>
    <row r="46235" spans="8:8">
      <c r="H46235" s="12"/>
    </row>
    <row r="46236" spans="8:8">
      <c r="H46236" s="12"/>
    </row>
    <row r="46237" spans="8:8">
      <c r="H46237" s="12"/>
    </row>
    <row r="46238" spans="8:8">
      <c r="H46238" s="12"/>
    </row>
    <row r="46239" spans="8:8">
      <c r="H46239" s="12"/>
    </row>
    <row r="46240" spans="8:8">
      <c r="H46240" s="12"/>
    </row>
    <row r="46241" spans="8:8">
      <c r="H46241" s="12"/>
    </row>
    <row r="46242" spans="8:8">
      <c r="H46242" s="12"/>
    </row>
    <row r="46243" spans="8:8">
      <c r="H46243" s="12"/>
    </row>
    <row r="46244" spans="8:8">
      <c r="H46244" s="12"/>
    </row>
    <row r="46245" spans="8:8">
      <c r="H46245" s="12"/>
    </row>
    <row r="46246" spans="8:8">
      <c r="H46246" s="12"/>
    </row>
    <row r="46247" spans="8:8">
      <c r="H46247" s="12"/>
    </row>
    <row r="46248" spans="8:8">
      <c r="H46248" s="12"/>
    </row>
    <row r="46249" spans="8:8">
      <c r="H46249" s="12"/>
    </row>
    <row r="46250" spans="8:8">
      <c r="H46250" s="12"/>
    </row>
    <row r="46251" spans="8:8">
      <c r="H46251" s="12"/>
    </row>
    <row r="46252" spans="8:8">
      <c r="H46252" s="12"/>
    </row>
    <row r="46253" spans="8:8">
      <c r="H46253" s="12"/>
    </row>
    <row r="46254" spans="8:8">
      <c r="H46254" s="12"/>
    </row>
    <row r="46255" spans="8:8">
      <c r="H46255" s="12"/>
    </row>
    <row r="46256" spans="8:8">
      <c r="H46256" s="12"/>
    </row>
    <row r="46257" spans="8:8">
      <c r="H46257" s="12"/>
    </row>
    <row r="46258" spans="8:8">
      <c r="H46258" s="12"/>
    </row>
    <row r="46259" spans="8:8">
      <c r="H46259" s="12"/>
    </row>
    <row r="46260" spans="8:8">
      <c r="H46260" s="12"/>
    </row>
    <row r="46261" spans="8:8">
      <c r="H46261" s="12"/>
    </row>
    <row r="46262" spans="8:8">
      <c r="H46262" s="12"/>
    </row>
    <row r="46263" spans="8:8">
      <c r="H46263" s="12"/>
    </row>
    <row r="46264" spans="8:8">
      <c r="H46264" s="12"/>
    </row>
    <row r="46265" spans="8:8">
      <c r="H46265" s="12"/>
    </row>
    <row r="46266" spans="8:8">
      <c r="H46266" s="12"/>
    </row>
    <row r="46267" spans="8:8">
      <c r="H46267" s="12"/>
    </row>
    <row r="46268" spans="8:8">
      <c r="H46268" s="12"/>
    </row>
    <row r="46269" spans="8:8">
      <c r="H46269" s="12"/>
    </row>
    <row r="46270" spans="8:8">
      <c r="H46270" s="12"/>
    </row>
    <row r="46271" spans="8:8">
      <c r="H46271" s="12"/>
    </row>
    <row r="46272" spans="8:8">
      <c r="H46272" s="12"/>
    </row>
    <row r="46273" spans="8:8">
      <c r="H46273" s="12"/>
    </row>
    <row r="46274" spans="8:8">
      <c r="H46274" s="12"/>
    </row>
    <row r="46275" spans="8:8">
      <c r="H46275" s="12"/>
    </row>
    <row r="46276" spans="8:8">
      <c r="H46276" s="12"/>
    </row>
    <row r="46277" spans="8:8">
      <c r="H46277" s="12"/>
    </row>
    <row r="46278" spans="8:8">
      <c r="H46278" s="12"/>
    </row>
    <row r="46279" spans="8:8">
      <c r="H46279" s="12"/>
    </row>
    <row r="46280" spans="8:8">
      <c r="H46280" s="12"/>
    </row>
    <row r="46281" spans="8:8">
      <c r="H46281" s="12"/>
    </row>
    <row r="46282" spans="8:8">
      <c r="H46282" s="12"/>
    </row>
    <row r="46283" spans="8:8">
      <c r="H46283" s="12"/>
    </row>
    <row r="46284" spans="8:8">
      <c r="H46284" s="12"/>
    </row>
    <row r="46285" spans="8:8">
      <c r="H46285" s="12"/>
    </row>
    <row r="46286" spans="8:8">
      <c r="H46286" s="12"/>
    </row>
    <row r="46287" spans="8:8">
      <c r="H46287" s="12"/>
    </row>
    <row r="46288" spans="8:8">
      <c r="H46288" s="12"/>
    </row>
    <row r="46289" spans="8:8">
      <c r="H46289" s="12"/>
    </row>
    <row r="46290" spans="8:8">
      <c r="H46290" s="12"/>
    </row>
    <row r="46291" spans="8:8">
      <c r="H46291" s="12"/>
    </row>
    <row r="46292" spans="8:8">
      <c r="H46292" s="12"/>
    </row>
    <row r="46293" spans="8:8">
      <c r="H46293" s="12"/>
    </row>
    <row r="46294" spans="8:8">
      <c r="H46294" s="12"/>
    </row>
    <row r="46295" spans="8:8">
      <c r="H46295" s="12"/>
    </row>
    <row r="46296" spans="8:8">
      <c r="H46296" s="12"/>
    </row>
    <row r="46297" spans="8:8">
      <c r="H46297" s="12"/>
    </row>
    <row r="46298" spans="8:8">
      <c r="H46298" s="12"/>
    </row>
    <row r="46299" spans="8:8">
      <c r="H46299" s="12"/>
    </row>
    <row r="46300" spans="8:8">
      <c r="H46300" s="12"/>
    </row>
    <row r="46301" spans="8:8">
      <c r="H46301" s="12"/>
    </row>
    <row r="46302" spans="8:8">
      <c r="H46302" s="12"/>
    </row>
    <row r="46303" spans="8:8">
      <c r="H46303" s="12"/>
    </row>
    <row r="46304" spans="8:8">
      <c r="H46304" s="12"/>
    </row>
    <row r="46305" spans="8:8">
      <c r="H46305" s="12"/>
    </row>
    <row r="46306" spans="8:8">
      <c r="H46306" s="12"/>
    </row>
    <row r="46307" spans="8:8">
      <c r="H46307" s="12"/>
    </row>
    <row r="46308" spans="8:8">
      <c r="H46308" s="12"/>
    </row>
    <row r="46309" spans="8:8">
      <c r="H46309" s="12"/>
    </row>
    <row r="46310" spans="8:8">
      <c r="H46310" s="12"/>
    </row>
    <row r="46311" spans="8:8">
      <c r="H46311" s="12"/>
    </row>
    <row r="46312" spans="8:8">
      <c r="H46312" s="12"/>
    </row>
    <row r="46313" spans="8:8">
      <c r="H46313" s="12"/>
    </row>
    <row r="46314" spans="8:8">
      <c r="H46314" s="12"/>
    </row>
    <row r="46315" spans="8:8">
      <c r="H46315" s="12"/>
    </row>
    <row r="46316" spans="8:8">
      <c r="H46316" s="12"/>
    </row>
    <row r="46317" spans="8:8">
      <c r="H46317" s="12"/>
    </row>
    <row r="46318" spans="8:8">
      <c r="H46318" s="12"/>
    </row>
    <row r="46319" spans="8:8">
      <c r="H46319" s="12"/>
    </row>
    <row r="46320" spans="8:8">
      <c r="H46320" s="12"/>
    </row>
    <row r="46321" spans="8:8">
      <c r="H46321" s="12"/>
    </row>
    <row r="46322" spans="8:8">
      <c r="H46322" s="12"/>
    </row>
    <row r="46323" spans="8:8">
      <c r="H46323" s="12"/>
    </row>
    <row r="46324" spans="8:8">
      <c r="H46324" s="12"/>
    </row>
    <row r="46325" spans="8:8">
      <c r="H46325" s="12"/>
    </row>
    <row r="46326" spans="8:8">
      <c r="H46326" s="12"/>
    </row>
    <row r="46327" spans="8:8">
      <c r="H46327" s="12"/>
    </row>
    <row r="46328" spans="8:8">
      <c r="H46328" s="12"/>
    </row>
    <row r="46329" spans="8:8">
      <c r="H46329" s="12"/>
    </row>
    <row r="46330" spans="8:8">
      <c r="H46330" s="12"/>
    </row>
    <row r="46331" spans="8:8">
      <c r="H46331" s="12"/>
    </row>
    <row r="46332" spans="8:8">
      <c r="H46332" s="12"/>
    </row>
    <row r="46333" spans="8:8">
      <c r="H46333" s="12"/>
    </row>
    <row r="46334" spans="8:8">
      <c r="H46334" s="12"/>
    </row>
    <row r="46335" spans="8:8">
      <c r="H46335" s="12"/>
    </row>
    <row r="46336" spans="8:8">
      <c r="H46336" s="12"/>
    </row>
    <row r="46337" spans="8:8">
      <c r="H46337" s="12"/>
    </row>
    <row r="46338" spans="8:8">
      <c r="H46338" s="12"/>
    </row>
    <row r="46339" spans="8:8">
      <c r="H46339" s="12"/>
    </row>
    <row r="46340" spans="8:8">
      <c r="H46340" s="12"/>
    </row>
    <row r="46341" spans="8:8">
      <c r="H46341" s="12"/>
    </row>
    <row r="46342" spans="8:8">
      <c r="H46342" s="12"/>
    </row>
    <row r="46343" spans="8:8">
      <c r="H46343" s="12"/>
    </row>
    <row r="46344" spans="8:8">
      <c r="H46344" s="12"/>
    </row>
    <row r="46345" spans="8:8">
      <c r="H46345" s="12"/>
    </row>
    <row r="46346" spans="8:8">
      <c r="H46346" s="12"/>
    </row>
    <row r="46347" spans="8:8">
      <c r="H46347" s="12"/>
    </row>
    <row r="46348" spans="8:8">
      <c r="H46348" s="12"/>
    </row>
    <row r="46349" spans="8:8">
      <c r="H46349" s="12"/>
    </row>
    <row r="46350" spans="8:8">
      <c r="H46350" s="12"/>
    </row>
    <row r="46351" spans="8:8">
      <c r="H46351" s="12"/>
    </row>
    <row r="46352" spans="8:8">
      <c r="H46352" s="12"/>
    </row>
    <row r="46353" spans="8:8">
      <c r="H46353" s="12"/>
    </row>
    <row r="46354" spans="8:8">
      <c r="H46354" s="12"/>
    </row>
    <row r="46355" spans="8:8">
      <c r="H46355" s="12"/>
    </row>
    <row r="46356" spans="8:8">
      <c r="H46356" s="12"/>
    </row>
    <row r="46357" spans="8:8">
      <c r="H46357" s="12"/>
    </row>
    <row r="46358" spans="8:8">
      <c r="H46358" s="12"/>
    </row>
    <row r="46359" spans="8:8">
      <c r="H46359" s="12"/>
    </row>
    <row r="46360" spans="8:8">
      <c r="H46360" s="12"/>
    </row>
    <row r="46361" spans="8:8">
      <c r="H46361" s="12"/>
    </row>
    <row r="46362" spans="8:8">
      <c r="H46362" s="12"/>
    </row>
    <row r="46363" spans="8:8">
      <c r="H46363" s="12"/>
    </row>
    <row r="46364" spans="8:8">
      <c r="H46364" s="12"/>
    </row>
    <row r="46365" spans="8:8">
      <c r="H46365" s="12"/>
    </row>
    <row r="46366" spans="8:8">
      <c r="H46366" s="12"/>
    </row>
    <row r="46367" spans="8:8">
      <c r="H46367" s="12"/>
    </row>
    <row r="46368" spans="8:8">
      <c r="H46368" s="12"/>
    </row>
    <row r="46369" spans="8:8">
      <c r="H46369" s="12"/>
    </row>
    <row r="46370" spans="8:8">
      <c r="H46370" s="12"/>
    </row>
    <row r="46371" spans="8:8">
      <c r="H46371" s="12"/>
    </row>
    <row r="46372" spans="8:8">
      <c r="H46372" s="12"/>
    </row>
    <row r="46373" spans="8:8">
      <c r="H46373" s="12"/>
    </row>
    <row r="46374" spans="8:8">
      <c r="H46374" s="12"/>
    </row>
    <row r="46375" spans="8:8">
      <c r="H46375" s="12"/>
    </row>
    <row r="46376" spans="8:8">
      <c r="H46376" s="12"/>
    </row>
    <row r="46377" spans="8:8">
      <c r="H46377" s="12"/>
    </row>
    <row r="46378" spans="8:8">
      <c r="H46378" s="12"/>
    </row>
    <row r="46379" spans="8:8">
      <c r="H46379" s="12"/>
    </row>
    <row r="46380" spans="8:8">
      <c r="H46380" s="12"/>
    </row>
    <row r="46381" spans="8:8">
      <c r="H46381" s="12"/>
    </row>
    <row r="46382" spans="8:8">
      <c r="H46382" s="12"/>
    </row>
    <row r="46383" spans="8:8">
      <c r="H46383" s="12"/>
    </row>
    <row r="46384" spans="8:8">
      <c r="H46384" s="12"/>
    </row>
    <row r="46385" spans="8:8">
      <c r="H46385" s="12"/>
    </row>
    <row r="46386" spans="8:8">
      <c r="H46386" s="12"/>
    </row>
    <row r="46387" spans="8:8">
      <c r="H46387" s="12"/>
    </row>
    <row r="46388" spans="8:8">
      <c r="H46388" s="12"/>
    </row>
    <row r="46389" spans="8:8">
      <c r="H46389" s="12"/>
    </row>
    <row r="46390" spans="8:8">
      <c r="H46390" s="12"/>
    </row>
    <row r="46391" spans="8:8">
      <c r="H46391" s="12"/>
    </row>
    <row r="46392" spans="8:8">
      <c r="H46392" s="12"/>
    </row>
    <row r="46393" spans="8:8">
      <c r="H46393" s="12"/>
    </row>
    <row r="46394" spans="8:8">
      <c r="H46394" s="12"/>
    </row>
    <row r="46395" spans="8:8">
      <c r="H46395" s="12"/>
    </row>
    <row r="46396" spans="8:8">
      <c r="H46396" s="12"/>
    </row>
    <row r="46397" spans="8:8">
      <c r="H46397" s="12"/>
    </row>
    <row r="46398" spans="8:8">
      <c r="H46398" s="12"/>
    </row>
    <row r="46399" spans="8:8">
      <c r="H46399" s="12"/>
    </row>
    <row r="46400" spans="8:8">
      <c r="H46400" s="12"/>
    </row>
    <row r="46401" spans="8:8">
      <c r="H46401" s="12"/>
    </row>
    <row r="46402" spans="8:8">
      <c r="H46402" s="12"/>
    </row>
    <row r="46403" spans="8:8">
      <c r="H46403" s="12"/>
    </row>
    <row r="46404" spans="8:8">
      <c r="H46404" s="12"/>
    </row>
    <row r="46405" spans="8:8">
      <c r="H46405" s="12"/>
    </row>
    <row r="46406" spans="8:8">
      <c r="H46406" s="12"/>
    </row>
    <row r="46407" spans="8:8">
      <c r="H46407" s="12"/>
    </row>
    <row r="46408" spans="8:8">
      <c r="H46408" s="12"/>
    </row>
    <row r="46409" spans="8:8">
      <c r="H46409" s="12"/>
    </row>
    <row r="46410" spans="8:8">
      <c r="H46410" s="12"/>
    </row>
    <row r="46411" spans="8:8">
      <c r="H46411" s="12"/>
    </row>
    <row r="46412" spans="8:8">
      <c r="H46412" s="12"/>
    </row>
    <row r="46413" spans="8:8">
      <c r="H46413" s="12"/>
    </row>
    <row r="46414" spans="8:8">
      <c r="H46414" s="12"/>
    </row>
    <row r="46415" spans="8:8">
      <c r="H46415" s="12"/>
    </row>
    <row r="46416" spans="8:8">
      <c r="H46416" s="12"/>
    </row>
    <row r="46417" spans="8:8">
      <c r="H46417" s="12"/>
    </row>
    <row r="46418" spans="8:8">
      <c r="H46418" s="12"/>
    </row>
    <row r="46419" spans="8:8">
      <c r="H46419" s="12"/>
    </row>
    <row r="46420" spans="8:8">
      <c r="H46420" s="12"/>
    </row>
    <row r="46421" spans="8:8">
      <c r="H46421" s="12"/>
    </row>
    <row r="46422" spans="8:8">
      <c r="H46422" s="12"/>
    </row>
    <row r="46423" spans="8:8">
      <c r="H46423" s="12"/>
    </row>
    <row r="46424" spans="8:8">
      <c r="H46424" s="12"/>
    </row>
    <row r="46425" spans="8:8">
      <c r="H46425" s="12"/>
    </row>
    <row r="46426" spans="8:8">
      <c r="H46426" s="12"/>
    </row>
    <row r="46427" spans="8:8">
      <c r="H46427" s="12"/>
    </row>
    <row r="46428" spans="8:8">
      <c r="H46428" s="12"/>
    </row>
    <row r="46429" spans="8:8">
      <c r="H46429" s="12"/>
    </row>
    <row r="46430" spans="8:8">
      <c r="H46430" s="12"/>
    </row>
    <row r="46431" spans="8:8">
      <c r="H46431" s="12"/>
    </row>
    <row r="46432" spans="8:8">
      <c r="H46432" s="12"/>
    </row>
    <row r="46433" spans="8:8">
      <c r="H46433" s="12"/>
    </row>
    <row r="46434" spans="8:8">
      <c r="H46434" s="12"/>
    </row>
    <row r="46435" spans="8:8">
      <c r="H46435" s="12"/>
    </row>
    <row r="46436" spans="8:8">
      <c r="H46436" s="12"/>
    </row>
    <row r="46437" spans="8:8">
      <c r="H46437" s="12"/>
    </row>
    <row r="46438" spans="8:8">
      <c r="H46438" s="12"/>
    </row>
    <row r="46439" spans="8:8">
      <c r="H46439" s="12"/>
    </row>
    <row r="46440" spans="8:8">
      <c r="H46440" s="12"/>
    </row>
    <row r="46441" spans="8:8">
      <c r="H46441" s="12"/>
    </row>
    <row r="46442" spans="8:8">
      <c r="H46442" s="12"/>
    </row>
    <row r="46443" spans="8:8">
      <c r="H46443" s="12"/>
    </row>
    <row r="46444" spans="8:8">
      <c r="H46444" s="12"/>
    </row>
    <row r="46445" spans="8:8">
      <c r="H46445" s="12"/>
    </row>
    <row r="46446" spans="8:8">
      <c r="H46446" s="12"/>
    </row>
    <row r="46447" spans="8:8">
      <c r="H46447" s="12"/>
    </row>
    <row r="46448" spans="8:8">
      <c r="H46448" s="12"/>
    </row>
    <row r="46449" spans="8:8">
      <c r="H46449" s="12"/>
    </row>
    <row r="46450" spans="8:8">
      <c r="H46450" s="12"/>
    </row>
    <row r="46451" spans="8:8">
      <c r="H46451" s="12"/>
    </row>
    <row r="46452" spans="8:8">
      <c r="H46452" s="12"/>
    </row>
    <row r="46453" spans="8:8">
      <c r="H46453" s="12"/>
    </row>
    <row r="46454" spans="8:8">
      <c r="H46454" s="12"/>
    </row>
    <row r="46455" spans="8:8">
      <c r="H46455" s="12"/>
    </row>
    <row r="46456" spans="8:8">
      <c r="H46456" s="12"/>
    </row>
    <row r="46457" spans="8:8">
      <c r="H46457" s="12"/>
    </row>
    <row r="46458" spans="8:8">
      <c r="H46458" s="12"/>
    </row>
    <row r="46459" spans="8:8">
      <c r="H46459" s="12"/>
    </row>
    <row r="46460" spans="8:8">
      <c r="H46460" s="12"/>
    </row>
    <row r="46461" spans="8:8">
      <c r="H46461" s="12"/>
    </row>
    <row r="46462" spans="8:8">
      <c r="H46462" s="12"/>
    </row>
    <row r="46463" spans="8:8">
      <c r="H46463" s="12"/>
    </row>
    <row r="46464" spans="8:8">
      <c r="H46464" s="12"/>
    </row>
    <row r="46465" spans="8:8">
      <c r="H46465" s="12"/>
    </row>
    <row r="46466" spans="8:8">
      <c r="H46466" s="12"/>
    </row>
    <row r="46467" spans="8:8">
      <c r="H46467" s="12"/>
    </row>
    <row r="46468" spans="8:8">
      <c r="H46468" s="12"/>
    </row>
    <row r="46469" spans="8:8">
      <c r="H46469" s="12"/>
    </row>
    <row r="46470" spans="8:8">
      <c r="H46470" s="12"/>
    </row>
    <row r="46471" spans="8:8">
      <c r="H46471" s="12"/>
    </row>
    <row r="46472" spans="8:8">
      <c r="H46472" s="12"/>
    </row>
    <row r="46473" spans="8:8">
      <c r="H46473" s="12"/>
    </row>
    <row r="46474" spans="8:8">
      <c r="H46474" s="12"/>
    </row>
    <row r="46475" spans="8:8">
      <c r="H46475" s="12"/>
    </row>
    <row r="46476" spans="8:8">
      <c r="H46476" s="12"/>
    </row>
    <row r="46477" spans="8:8">
      <c r="H46477" s="12"/>
    </row>
    <row r="46478" spans="8:8">
      <c r="H46478" s="12"/>
    </row>
    <row r="46479" spans="8:8">
      <c r="H46479" s="12"/>
    </row>
    <row r="46480" spans="8:8">
      <c r="H46480" s="12"/>
    </row>
    <row r="46481" spans="8:8">
      <c r="H46481" s="12"/>
    </row>
    <row r="46482" spans="8:8">
      <c r="H46482" s="12"/>
    </row>
    <row r="46483" spans="8:8">
      <c r="H46483" s="12"/>
    </row>
    <row r="46484" spans="8:8">
      <c r="H46484" s="12"/>
    </row>
    <row r="46485" spans="8:8">
      <c r="H46485" s="12"/>
    </row>
    <row r="46486" spans="8:8">
      <c r="H46486" s="12"/>
    </row>
    <row r="46487" spans="8:8">
      <c r="H46487" s="12"/>
    </row>
    <row r="46488" spans="8:8">
      <c r="H46488" s="12"/>
    </row>
    <row r="46489" spans="8:8">
      <c r="H46489" s="12"/>
    </row>
    <row r="46490" spans="8:8">
      <c r="H46490" s="12"/>
    </row>
    <row r="46491" spans="8:8">
      <c r="H46491" s="12"/>
    </row>
    <row r="46492" spans="8:8">
      <c r="H46492" s="12"/>
    </row>
    <row r="46493" spans="8:8">
      <c r="H46493" s="12"/>
    </row>
    <row r="46494" spans="8:8">
      <c r="H46494" s="12"/>
    </row>
    <row r="46495" spans="8:8">
      <c r="H46495" s="12"/>
    </row>
    <row r="46496" spans="8:8">
      <c r="H46496" s="12"/>
    </row>
    <row r="46497" spans="8:8">
      <c r="H46497" s="12"/>
    </row>
    <row r="46498" spans="8:8">
      <c r="H46498" s="12"/>
    </row>
    <row r="46499" spans="8:8">
      <c r="H46499" s="12"/>
    </row>
    <row r="46500" spans="8:8">
      <c r="H46500" s="12"/>
    </row>
    <row r="46501" spans="8:8">
      <c r="H46501" s="12"/>
    </row>
    <row r="46502" spans="8:8">
      <c r="H46502" s="12"/>
    </row>
    <row r="46503" spans="8:8">
      <c r="H46503" s="12"/>
    </row>
    <row r="46504" spans="8:8">
      <c r="H46504" s="12"/>
    </row>
    <row r="46505" spans="8:8">
      <c r="H46505" s="12"/>
    </row>
    <row r="46506" spans="8:8">
      <c r="H46506" s="12"/>
    </row>
    <row r="46507" spans="8:8">
      <c r="H46507" s="12"/>
    </row>
    <row r="46508" spans="8:8">
      <c r="H46508" s="12"/>
    </row>
    <row r="46509" spans="8:8">
      <c r="H46509" s="12"/>
    </row>
    <row r="46510" spans="8:8">
      <c r="H46510" s="12"/>
    </row>
    <row r="46511" spans="8:8">
      <c r="H46511" s="12"/>
    </row>
    <row r="46512" spans="8:8">
      <c r="H46512" s="12"/>
    </row>
    <row r="46513" spans="8:8">
      <c r="H46513" s="12"/>
    </row>
    <row r="46514" spans="8:8">
      <c r="H46514" s="12"/>
    </row>
    <row r="46515" spans="8:8">
      <c r="H46515" s="12"/>
    </row>
    <row r="46516" spans="8:8">
      <c r="H46516" s="12"/>
    </row>
    <row r="46517" spans="8:8">
      <c r="H46517" s="12"/>
    </row>
    <row r="46518" spans="8:8">
      <c r="H46518" s="12"/>
    </row>
    <row r="46519" spans="8:8">
      <c r="H46519" s="12"/>
    </row>
    <row r="46520" spans="8:8">
      <c r="H46520" s="12"/>
    </row>
    <row r="46521" spans="8:8">
      <c r="H46521" s="12"/>
    </row>
    <row r="46522" spans="8:8">
      <c r="H46522" s="12"/>
    </row>
    <row r="46523" spans="8:8">
      <c r="H46523" s="12"/>
    </row>
    <row r="46524" spans="8:8">
      <c r="H46524" s="12"/>
    </row>
    <row r="46525" spans="8:8">
      <c r="H46525" s="12"/>
    </row>
    <row r="46526" spans="8:8">
      <c r="H46526" s="12"/>
    </row>
    <row r="46527" spans="8:8">
      <c r="H46527" s="12"/>
    </row>
    <row r="46528" spans="8:8">
      <c r="H46528" s="12"/>
    </row>
    <row r="46529" spans="8:8">
      <c r="H46529" s="12"/>
    </row>
    <row r="46530" spans="8:8">
      <c r="H46530" s="12"/>
    </row>
    <row r="46531" spans="8:8">
      <c r="H46531" s="12"/>
    </row>
    <row r="46532" spans="8:8">
      <c r="H46532" s="12"/>
    </row>
    <row r="46533" spans="8:8">
      <c r="H46533" s="12"/>
    </row>
    <row r="46534" spans="8:8">
      <c r="H46534" s="12"/>
    </row>
    <row r="46535" spans="8:8">
      <c r="H46535" s="12"/>
    </row>
    <row r="46536" spans="8:8">
      <c r="H46536" s="12"/>
    </row>
    <row r="46537" spans="8:8">
      <c r="H46537" s="12"/>
    </row>
    <row r="46538" spans="8:8">
      <c r="H46538" s="12"/>
    </row>
    <row r="46539" spans="8:8">
      <c r="H46539" s="12"/>
    </row>
    <row r="46540" spans="8:8">
      <c r="H46540" s="12"/>
    </row>
    <row r="46541" spans="8:8">
      <c r="H46541" s="12"/>
    </row>
    <row r="46542" spans="8:8">
      <c r="H46542" s="12"/>
    </row>
    <row r="46543" spans="8:8">
      <c r="H46543" s="12"/>
    </row>
    <row r="46544" spans="8:8">
      <c r="H46544" s="12"/>
    </row>
    <row r="46545" spans="8:8">
      <c r="H46545" s="12"/>
    </row>
    <row r="46546" spans="8:8">
      <c r="H46546" s="12"/>
    </row>
    <row r="46547" spans="8:8">
      <c r="H46547" s="12"/>
    </row>
    <row r="46548" spans="8:8">
      <c r="H46548" s="12"/>
    </row>
    <row r="46549" spans="8:8">
      <c r="H46549" s="12"/>
    </row>
    <row r="46550" spans="8:8">
      <c r="H46550" s="12"/>
    </row>
    <row r="46551" spans="8:8">
      <c r="H46551" s="12"/>
    </row>
    <row r="46552" spans="8:8">
      <c r="H46552" s="12"/>
    </row>
    <row r="46553" spans="8:8">
      <c r="H46553" s="12"/>
    </row>
    <row r="46554" spans="8:8">
      <c r="H46554" s="12"/>
    </row>
    <row r="46555" spans="8:8">
      <c r="H46555" s="12"/>
    </row>
    <row r="46556" spans="8:8">
      <c r="H46556" s="12"/>
    </row>
    <row r="46557" spans="8:8">
      <c r="H46557" s="12"/>
    </row>
    <row r="46558" spans="8:8">
      <c r="H46558" s="12"/>
    </row>
    <row r="46559" spans="8:8">
      <c r="H46559" s="12"/>
    </row>
    <row r="46560" spans="8:8">
      <c r="H46560" s="12"/>
    </row>
    <row r="46561" spans="8:8">
      <c r="H46561" s="12"/>
    </row>
    <row r="46562" spans="8:8">
      <c r="H46562" s="12"/>
    </row>
    <row r="46563" spans="8:8">
      <c r="H46563" s="12"/>
    </row>
    <row r="46564" spans="8:8">
      <c r="H46564" s="12"/>
    </row>
    <row r="46565" spans="8:8">
      <c r="H46565" s="12"/>
    </row>
    <row r="46566" spans="8:8">
      <c r="H46566" s="12"/>
    </row>
    <row r="46567" spans="8:8">
      <c r="H46567" s="12"/>
    </row>
    <row r="46568" spans="8:8">
      <c r="H46568" s="12"/>
    </row>
    <row r="46569" spans="8:8">
      <c r="H46569" s="12"/>
    </row>
    <row r="46570" spans="8:8">
      <c r="H46570" s="12"/>
    </row>
    <row r="46571" spans="8:8">
      <c r="H46571" s="12"/>
    </row>
    <row r="46572" spans="8:8">
      <c r="H46572" s="12"/>
    </row>
    <row r="46573" spans="8:8">
      <c r="H46573" s="12"/>
    </row>
    <row r="46574" spans="8:8">
      <c r="H46574" s="12"/>
    </row>
    <row r="46575" spans="8:8">
      <c r="H46575" s="12"/>
    </row>
    <row r="46576" spans="8:8">
      <c r="H46576" s="12"/>
    </row>
    <row r="46577" spans="8:8">
      <c r="H46577" s="12"/>
    </row>
    <row r="46578" spans="8:8">
      <c r="H46578" s="12"/>
    </row>
    <row r="46579" spans="8:8">
      <c r="H46579" s="12"/>
    </row>
    <row r="46580" spans="8:8">
      <c r="H46580" s="12"/>
    </row>
    <row r="46581" spans="8:8">
      <c r="H46581" s="12"/>
    </row>
    <row r="46582" spans="8:8">
      <c r="H46582" s="12"/>
    </row>
    <row r="46583" spans="8:8">
      <c r="H46583" s="12"/>
    </row>
    <row r="46584" spans="8:8">
      <c r="H46584" s="12"/>
    </row>
    <row r="46585" spans="8:8">
      <c r="H46585" s="12"/>
    </row>
    <row r="46586" spans="8:8">
      <c r="H46586" s="12"/>
    </row>
    <row r="46587" spans="8:8">
      <c r="H46587" s="12"/>
    </row>
    <row r="46588" spans="8:8">
      <c r="H46588" s="12"/>
    </row>
    <row r="46589" spans="8:8">
      <c r="H46589" s="12"/>
    </row>
    <row r="46590" spans="8:8">
      <c r="H46590" s="12"/>
    </row>
    <row r="46591" spans="8:8">
      <c r="H46591" s="12"/>
    </row>
    <row r="46592" spans="8:8">
      <c r="H46592" s="12"/>
    </row>
    <row r="46593" spans="8:8">
      <c r="H46593" s="12"/>
    </row>
    <row r="46594" spans="8:8">
      <c r="H46594" s="12"/>
    </row>
    <row r="46595" spans="8:8">
      <c r="H46595" s="12"/>
    </row>
    <row r="46596" spans="8:8">
      <c r="H46596" s="12"/>
    </row>
    <row r="46597" spans="8:8">
      <c r="H46597" s="12"/>
    </row>
    <row r="46598" spans="8:8">
      <c r="H46598" s="12"/>
    </row>
    <row r="46599" spans="8:8">
      <c r="H46599" s="12"/>
    </row>
    <row r="46600" spans="8:8">
      <c r="H46600" s="12"/>
    </row>
    <row r="46601" spans="8:8">
      <c r="H46601" s="12"/>
    </row>
    <row r="46602" spans="8:8">
      <c r="H46602" s="12"/>
    </row>
    <row r="46603" spans="8:8">
      <c r="H46603" s="12"/>
    </row>
    <row r="46604" spans="8:8">
      <c r="H46604" s="12"/>
    </row>
    <row r="46605" spans="8:8">
      <c r="H46605" s="12"/>
    </row>
    <row r="46606" spans="8:8">
      <c r="H46606" s="12"/>
    </row>
    <row r="46607" spans="8:8">
      <c r="H46607" s="12"/>
    </row>
    <row r="46608" spans="8:8">
      <c r="H46608" s="12"/>
    </row>
    <row r="46609" spans="8:8">
      <c r="H46609" s="12"/>
    </row>
    <row r="46610" spans="8:8">
      <c r="H46610" s="12"/>
    </row>
    <row r="46611" spans="8:8">
      <c r="H46611" s="12"/>
    </row>
    <row r="46612" spans="8:8">
      <c r="H46612" s="12"/>
    </row>
    <row r="46613" spans="8:8">
      <c r="H46613" s="12"/>
    </row>
    <row r="46614" spans="8:8">
      <c r="H46614" s="12"/>
    </row>
    <row r="46615" spans="8:8">
      <c r="H46615" s="12"/>
    </row>
    <row r="46616" spans="8:8">
      <c r="H46616" s="12"/>
    </row>
    <row r="46617" spans="8:8">
      <c r="H46617" s="12"/>
    </row>
    <row r="46618" spans="8:8">
      <c r="H46618" s="12"/>
    </row>
    <row r="46619" spans="8:8">
      <c r="H46619" s="12"/>
    </row>
    <row r="46620" spans="8:8">
      <c r="H46620" s="12"/>
    </row>
    <row r="46621" spans="8:8">
      <c r="H46621" s="12"/>
    </row>
    <row r="46622" spans="8:8">
      <c r="H46622" s="12"/>
    </row>
    <row r="46623" spans="8:8">
      <c r="H46623" s="12"/>
    </row>
    <row r="46624" spans="8:8">
      <c r="H46624" s="12"/>
    </row>
    <row r="46625" spans="8:8">
      <c r="H46625" s="12"/>
    </row>
    <row r="46626" spans="8:8">
      <c r="H46626" s="12"/>
    </row>
    <row r="46627" spans="8:8">
      <c r="H46627" s="12"/>
    </row>
    <row r="46628" spans="8:8">
      <c r="H46628" s="12"/>
    </row>
    <row r="46629" spans="8:8">
      <c r="H46629" s="12"/>
    </row>
    <row r="46630" spans="8:8">
      <c r="H46630" s="12"/>
    </row>
    <row r="46631" spans="8:8">
      <c r="H46631" s="12"/>
    </row>
    <row r="46632" spans="8:8">
      <c r="H46632" s="12"/>
    </row>
    <row r="46633" spans="8:8">
      <c r="H46633" s="12"/>
    </row>
    <row r="46634" spans="8:8">
      <c r="H46634" s="12"/>
    </row>
    <row r="46635" spans="8:8">
      <c r="H46635" s="12"/>
    </row>
    <row r="46636" spans="8:8">
      <c r="H46636" s="12"/>
    </row>
    <row r="46637" spans="8:8">
      <c r="H46637" s="12"/>
    </row>
    <row r="46638" spans="8:8">
      <c r="H46638" s="12"/>
    </row>
    <row r="46639" spans="8:8">
      <c r="H46639" s="12"/>
    </row>
    <row r="46640" spans="8:8">
      <c r="H46640" s="12"/>
    </row>
    <row r="46641" spans="8:8">
      <c r="H46641" s="12"/>
    </row>
    <row r="46642" spans="8:8">
      <c r="H46642" s="12"/>
    </row>
    <row r="46643" spans="8:8">
      <c r="H46643" s="12"/>
    </row>
    <row r="46644" spans="8:8">
      <c r="H46644" s="12"/>
    </row>
    <row r="46645" spans="8:8">
      <c r="H46645" s="12"/>
    </row>
    <row r="46646" spans="8:8">
      <c r="H46646" s="12"/>
    </row>
    <row r="46647" spans="8:8">
      <c r="H46647" s="12"/>
    </row>
    <row r="46648" spans="8:8">
      <c r="H46648" s="12"/>
    </row>
    <row r="46649" spans="8:8">
      <c r="H46649" s="12"/>
    </row>
    <row r="46650" spans="8:8">
      <c r="H46650" s="12"/>
    </row>
    <row r="46651" spans="8:8">
      <c r="H46651" s="12"/>
    </row>
    <row r="46652" spans="8:8">
      <c r="H46652" s="12"/>
    </row>
    <row r="46653" spans="8:8">
      <c r="H46653" s="12"/>
    </row>
    <row r="46654" spans="8:8">
      <c r="H46654" s="12"/>
    </row>
    <row r="46655" spans="8:8">
      <c r="H46655" s="12"/>
    </row>
    <row r="46656" spans="8:8">
      <c r="H46656" s="12"/>
    </row>
    <row r="46657" spans="8:8">
      <c r="H46657" s="12"/>
    </row>
    <row r="46658" spans="8:8">
      <c r="H46658" s="12"/>
    </row>
    <row r="46659" spans="8:8">
      <c r="H46659" s="12"/>
    </row>
    <row r="46660" spans="8:8">
      <c r="H46660" s="12"/>
    </row>
    <row r="46661" spans="8:8">
      <c r="H46661" s="12"/>
    </row>
    <row r="46662" spans="8:8">
      <c r="H46662" s="12"/>
    </row>
    <row r="46663" spans="8:8">
      <c r="H46663" s="12"/>
    </row>
    <row r="46664" spans="8:8">
      <c r="H46664" s="12"/>
    </row>
    <row r="46665" spans="8:8">
      <c r="H46665" s="12"/>
    </row>
    <row r="46666" spans="8:8">
      <c r="H46666" s="12"/>
    </row>
    <row r="46667" spans="8:8">
      <c r="H46667" s="12"/>
    </row>
    <row r="46668" spans="8:8">
      <c r="H46668" s="12"/>
    </row>
    <row r="46669" spans="8:8">
      <c r="H46669" s="12"/>
    </row>
    <row r="46670" spans="8:8">
      <c r="H46670" s="12"/>
    </row>
    <row r="46671" spans="8:8">
      <c r="H46671" s="12"/>
    </row>
    <row r="46672" spans="8:8">
      <c r="H46672" s="12"/>
    </row>
    <row r="46673" spans="8:8">
      <c r="H46673" s="12"/>
    </row>
    <row r="46674" spans="8:8">
      <c r="H46674" s="12"/>
    </row>
    <row r="46675" spans="8:8">
      <c r="H46675" s="12"/>
    </row>
    <row r="46676" spans="8:8">
      <c r="H46676" s="12"/>
    </row>
    <row r="46677" spans="8:8">
      <c r="H46677" s="12"/>
    </row>
    <row r="46678" spans="8:8">
      <c r="H46678" s="12"/>
    </row>
    <row r="46679" spans="8:8">
      <c r="H46679" s="12"/>
    </row>
    <row r="46680" spans="8:8">
      <c r="H46680" s="12"/>
    </row>
    <row r="46681" spans="8:8">
      <c r="H46681" s="12"/>
    </row>
    <row r="46682" spans="8:8">
      <c r="H46682" s="12"/>
    </row>
    <row r="46683" spans="8:8">
      <c r="H46683" s="12"/>
    </row>
    <row r="46684" spans="8:8">
      <c r="H46684" s="12"/>
    </row>
    <row r="46685" spans="8:8">
      <c r="H46685" s="12"/>
    </row>
    <row r="46686" spans="8:8">
      <c r="H46686" s="12"/>
    </row>
    <row r="46687" spans="8:8">
      <c r="H46687" s="12"/>
    </row>
    <row r="46688" spans="8:8">
      <c r="H46688" s="12"/>
    </row>
    <row r="46689" spans="8:8">
      <c r="H46689" s="12"/>
    </row>
    <row r="46690" spans="8:8">
      <c r="H46690" s="12"/>
    </row>
    <row r="46691" spans="8:8">
      <c r="H46691" s="12"/>
    </row>
    <row r="46692" spans="8:8">
      <c r="H46692" s="12"/>
    </row>
    <row r="46693" spans="8:8">
      <c r="H46693" s="12"/>
    </row>
    <row r="46694" spans="8:8">
      <c r="H46694" s="12"/>
    </row>
    <row r="46695" spans="8:8">
      <c r="H46695" s="12"/>
    </row>
    <row r="46696" spans="8:8">
      <c r="H46696" s="12"/>
    </row>
    <row r="46697" spans="8:8">
      <c r="H46697" s="12"/>
    </row>
    <row r="46698" spans="8:8">
      <c r="H46698" s="12"/>
    </row>
    <row r="46699" spans="8:8">
      <c r="H46699" s="12"/>
    </row>
    <row r="46700" spans="8:8">
      <c r="H46700" s="12"/>
    </row>
    <row r="46701" spans="8:8">
      <c r="H46701" s="12"/>
    </row>
    <row r="46702" spans="8:8">
      <c r="H46702" s="12"/>
    </row>
    <row r="46703" spans="8:8">
      <c r="H46703" s="12"/>
    </row>
    <row r="46704" spans="8:8">
      <c r="H46704" s="12"/>
    </row>
    <row r="46705" spans="8:8">
      <c r="H46705" s="12"/>
    </row>
    <row r="46706" spans="8:8">
      <c r="H46706" s="12"/>
    </row>
    <row r="46707" spans="8:8">
      <c r="H46707" s="12"/>
    </row>
    <row r="46708" spans="8:8">
      <c r="H46708" s="12"/>
    </row>
    <row r="46709" spans="8:8">
      <c r="H46709" s="12"/>
    </row>
    <row r="46710" spans="8:8">
      <c r="H46710" s="12"/>
    </row>
    <row r="46711" spans="8:8">
      <c r="H46711" s="12"/>
    </row>
    <row r="46712" spans="8:8">
      <c r="H46712" s="12"/>
    </row>
    <row r="46713" spans="8:8">
      <c r="H46713" s="12"/>
    </row>
    <row r="46714" spans="8:8">
      <c r="H46714" s="12"/>
    </row>
    <row r="46715" spans="8:8">
      <c r="H46715" s="12"/>
    </row>
    <row r="46716" spans="8:8">
      <c r="H46716" s="12"/>
    </row>
    <row r="46717" spans="8:8">
      <c r="H46717" s="12"/>
    </row>
    <row r="46718" spans="8:8">
      <c r="H46718" s="12"/>
    </row>
    <row r="46719" spans="8:8">
      <c r="H46719" s="12"/>
    </row>
    <row r="46720" spans="8:8">
      <c r="H46720" s="12"/>
    </row>
    <row r="46721" spans="8:8">
      <c r="H46721" s="12"/>
    </row>
    <row r="46722" spans="8:8">
      <c r="H46722" s="12"/>
    </row>
    <row r="46723" spans="8:8">
      <c r="H46723" s="12"/>
    </row>
    <row r="46724" spans="8:8">
      <c r="H46724" s="12"/>
    </row>
    <row r="46725" spans="8:8">
      <c r="H46725" s="12"/>
    </row>
    <row r="46726" spans="8:8">
      <c r="H46726" s="12"/>
    </row>
    <row r="46727" spans="8:8">
      <c r="H46727" s="12"/>
    </row>
    <row r="46728" spans="8:8">
      <c r="H46728" s="12"/>
    </row>
    <row r="46729" spans="8:8">
      <c r="H46729" s="12"/>
    </row>
    <row r="46730" spans="8:8">
      <c r="H46730" s="12"/>
    </row>
    <row r="46731" spans="8:8">
      <c r="H46731" s="12"/>
    </row>
    <row r="46732" spans="8:8">
      <c r="H46732" s="12"/>
    </row>
    <row r="46733" spans="8:8">
      <c r="H46733" s="12"/>
    </row>
    <row r="46734" spans="8:8">
      <c r="H46734" s="12"/>
    </row>
    <row r="46735" spans="8:8">
      <c r="H46735" s="12"/>
    </row>
    <row r="46736" spans="8:8">
      <c r="H46736" s="12"/>
    </row>
    <row r="46737" spans="8:8">
      <c r="H46737" s="12"/>
    </row>
    <row r="46738" spans="8:8">
      <c r="H46738" s="12"/>
    </row>
    <row r="46739" spans="8:8">
      <c r="H46739" s="12"/>
    </row>
    <row r="46740" spans="8:8">
      <c r="H46740" s="12"/>
    </row>
    <row r="46741" spans="8:8">
      <c r="H46741" s="12"/>
    </row>
    <row r="46742" spans="8:8">
      <c r="H46742" s="12"/>
    </row>
    <row r="46743" spans="8:8">
      <c r="H46743" s="12"/>
    </row>
    <row r="46744" spans="8:8">
      <c r="H46744" s="12"/>
    </row>
    <row r="46745" spans="8:8">
      <c r="H46745" s="12"/>
    </row>
    <row r="46746" spans="8:8">
      <c r="H46746" s="12"/>
    </row>
    <row r="46747" spans="8:8">
      <c r="H46747" s="12"/>
    </row>
    <row r="46748" spans="8:8">
      <c r="H46748" s="12"/>
    </row>
    <row r="46749" spans="8:8">
      <c r="H46749" s="12"/>
    </row>
    <row r="46750" spans="8:8">
      <c r="H46750" s="12"/>
    </row>
    <row r="46751" spans="8:8">
      <c r="H46751" s="12"/>
    </row>
    <row r="46752" spans="8:8">
      <c r="H46752" s="12"/>
    </row>
    <row r="46753" spans="8:8">
      <c r="H46753" s="12"/>
    </row>
    <row r="46754" spans="8:8">
      <c r="H46754" s="12"/>
    </row>
    <row r="46755" spans="8:8">
      <c r="H46755" s="12"/>
    </row>
    <row r="46756" spans="8:8">
      <c r="H46756" s="12"/>
    </row>
    <row r="46757" spans="8:8">
      <c r="H46757" s="12"/>
    </row>
    <row r="46758" spans="8:8">
      <c r="H46758" s="12"/>
    </row>
    <row r="46759" spans="8:8">
      <c r="H46759" s="12"/>
    </row>
    <row r="46760" spans="8:8">
      <c r="H46760" s="12"/>
    </row>
    <row r="46761" spans="8:8">
      <c r="H46761" s="12"/>
    </row>
    <row r="46762" spans="8:8">
      <c r="H46762" s="12"/>
    </row>
    <row r="46763" spans="8:8">
      <c r="H46763" s="12"/>
    </row>
    <row r="46764" spans="8:8">
      <c r="H46764" s="12"/>
    </row>
    <row r="46765" spans="8:8">
      <c r="H46765" s="12"/>
    </row>
    <row r="46766" spans="8:8">
      <c r="H46766" s="12"/>
    </row>
    <row r="46767" spans="8:8">
      <c r="H46767" s="12"/>
    </row>
    <row r="46768" spans="8:8">
      <c r="H46768" s="12"/>
    </row>
    <row r="46769" spans="8:8">
      <c r="H46769" s="12"/>
    </row>
    <row r="46770" spans="8:8">
      <c r="H46770" s="12"/>
    </row>
    <row r="46771" spans="8:8">
      <c r="H46771" s="12"/>
    </row>
    <row r="46772" spans="8:8">
      <c r="H46772" s="12"/>
    </row>
    <row r="46773" spans="8:8">
      <c r="H46773" s="12"/>
    </row>
    <row r="46774" spans="8:8">
      <c r="H46774" s="12"/>
    </row>
    <row r="46775" spans="8:8">
      <c r="H46775" s="12"/>
    </row>
    <row r="46776" spans="8:8">
      <c r="H46776" s="12"/>
    </row>
    <row r="46777" spans="8:8">
      <c r="H46777" s="12"/>
    </row>
    <row r="46778" spans="8:8">
      <c r="H46778" s="12"/>
    </row>
    <row r="46779" spans="8:8">
      <c r="H46779" s="12"/>
    </row>
    <row r="46780" spans="8:8">
      <c r="H46780" s="12"/>
    </row>
    <row r="46781" spans="8:8">
      <c r="H46781" s="12"/>
    </row>
    <row r="46782" spans="8:8">
      <c r="H46782" s="12"/>
    </row>
    <row r="46783" spans="8:8">
      <c r="H46783" s="12"/>
    </row>
    <row r="46784" spans="8:8">
      <c r="H46784" s="12"/>
    </row>
    <row r="46785" spans="8:8">
      <c r="H46785" s="12"/>
    </row>
    <row r="46786" spans="8:8">
      <c r="H46786" s="12"/>
    </row>
    <row r="46787" spans="8:8">
      <c r="H46787" s="12"/>
    </row>
    <row r="46788" spans="8:8">
      <c r="H46788" s="12"/>
    </row>
    <row r="46789" spans="8:8">
      <c r="H46789" s="12"/>
    </row>
    <row r="46790" spans="8:8">
      <c r="H46790" s="12"/>
    </row>
    <row r="46791" spans="8:8">
      <c r="H46791" s="12"/>
    </row>
    <row r="46792" spans="8:8">
      <c r="H46792" s="12"/>
    </row>
    <row r="46793" spans="8:8">
      <c r="H46793" s="12"/>
    </row>
    <row r="46794" spans="8:8">
      <c r="H46794" s="12"/>
    </row>
    <row r="46795" spans="8:8">
      <c r="H46795" s="12"/>
    </row>
    <row r="46796" spans="8:8">
      <c r="H46796" s="12"/>
    </row>
    <row r="46797" spans="8:8">
      <c r="H46797" s="12"/>
    </row>
    <row r="46798" spans="8:8">
      <c r="H46798" s="12"/>
    </row>
    <row r="46799" spans="8:8">
      <c r="H46799" s="12"/>
    </row>
    <row r="46800" spans="8:8">
      <c r="H46800" s="12"/>
    </row>
    <row r="46801" spans="8:8">
      <c r="H46801" s="12"/>
    </row>
    <row r="46802" spans="8:8">
      <c r="H46802" s="12"/>
    </row>
    <row r="46803" spans="8:8">
      <c r="H46803" s="12"/>
    </row>
    <row r="46804" spans="8:8">
      <c r="H46804" s="12"/>
    </row>
    <row r="46805" spans="8:8">
      <c r="H46805" s="12"/>
    </row>
    <row r="46806" spans="8:8">
      <c r="H46806" s="12"/>
    </row>
    <row r="46807" spans="8:8">
      <c r="H46807" s="12"/>
    </row>
    <row r="46808" spans="8:8">
      <c r="H46808" s="12"/>
    </row>
    <row r="46809" spans="8:8">
      <c r="H46809" s="12"/>
    </row>
    <row r="46810" spans="8:8">
      <c r="H46810" s="12"/>
    </row>
    <row r="46811" spans="8:8">
      <c r="H46811" s="12"/>
    </row>
    <row r="46812" spans="8:8">
      <c r="H46812" s="12"/>
    </row>
    <row r="46813" spans="8:8">
      <c r="H46813" s="12"/>
    </row>
    <row r="46814" spans="8:8">
      <c r="H46814" s="12"/>
    </row>
    <row r="46815" spans="8:8">
      <c r="H46815" s="12"/>
    </row>
    <row r="46816" spans="8:8">
      <c r="H46816" s="12"/>
    </row>
    <row r="46817" spans="8:8">
      <c r="H46817" s="12"/>
    </row>
    <row r="46818" spans="8:8">
      <c r="H46818" s="12"/>
    </row>
    <row r="46819" spans="8:8">
      <c r="H46819" s="12"/>
    </row>
    <row r="46820" spans="8:8">
      <c r="H46820" s="12"/>
    </row>
    <row r="46821" spans="8:8">
      <c r="H46821" s="12"/>
    </row>
    <row r="46822" spans="8:8">
      <c r="H46822" s="12"/>
    </row>
    <row r="46823" spans="8:8">
      <c r="H46823" s="12"/>
    </row>
    <row r="46824" spans="8:8">
      <c r="H46824" s="12"/>
    </row>
    <row r="46825" spans="8:8">
      <c r="H46825" s="12"/>
    </row>
    <row r="46826" spans="8:8">
      <c r="H46826" s="12"/>
    </row>
    <row r="46827" spans="8:8">
      <c r="H46827" s="12"/>
    </row>
    <row r="46828" spans="8:8">
      <c r="H46828" s="12"/>
    </row>
    <row r="46829" spans="8:8">
      <c r="H46829" s="12"/>
    </row>
    <row r="46830" spans="8:8">
      <c r="H46830" s="12"/>
    </row>
    <row r="46831" spans="8:8">
      <c r="H46831" s="12"/>
    </row>
    <row r="46832" spans="8:8">
      <c r="H46832" s="12"/>
    </row>
    <row r="46833" spans="8:8">
      <c r="H46833" s="12"/>
    </row>
    <row r="46834" spans="8:8">
      <c r="H46834" s="12"/>
    </row>
    <row r="46835" spans="8:8">
      <c r="H46835" s="12"/>
    </row>
    <row r="46836" spans="8:8">
      <c r="H46836" s="12"/>
    </row>
    <row r="46837" spans="8:8">
      <c r="H46837" s="12"/>
    </row>
    <row r="46838" spans="8:8">
      <c r="H46838" s="12"/>
    </row>
    <row r="46839" spans="8:8">
      <c r="H46839" s="12"/>
    </row>
    <row r="46840" spans="8:8">
      <c r="H46840" s="12"/>
    </row>
    <row r="46841" spans="8:8">
      <c r="H46841" s="12"/>
    </row>
    <row r="46842" spans="8:8">
      <c r="H46842" s="12"/>
    </row>
    <row r="46843" spans="8:8">
      <c r="H46843" s="12"/>
    </row>
    <row r="46844" spans="8:8">
      <c r="H46844" s="12"/>
    </row>
    <row r="46845" spans="8:8">
      <c r="H46845" s="12"/>
    </row>
    <row r="46846" spans="8:8">
      <c r="H46846" s="12"/>
    </row>
    <row r="46847" spans="8:8">
      <c r="H46847" s="12"/>
    </row>
    <row r="46848" spans="8:8">
      <c r="H46848" s="12"/>
    </row>
    <row r="46849" spans="8:8">
      <c r="H46849" s="12"/>
    </row>
    <row r="46850" spans="8:8">
      <c r="H46850" s="12"/>
    </row>
    <row r="46851" spans="8:8">
      <c r="H46851" s="12"/>
    </row>
    <row r="46852" spans="8:8">
      <c r="H46852" s="12"/>
    </row>
    <row r="46853" spans="8:8">
      <c r="H46853" s="12"/>
    </row>
    <row r="46854" spans="8:8">
      <c r="H46854" s="12"/>
    </row>
    <row r="46855" spans="8:8">
      <c r="H46855" s="12"/>
    </row>
    <row r="46856" spans="8:8">
      <c r="H46856" s="12"/>
    </row>
    <row r="46857" spans="8:8">
      <c r="H46857" s="12"/>
    </row>
    <row r="46858" spans="8:8">
      <c r="H46858" s="12"/>
    </row>
    <row r="46859" spans="8:8">
      <c r="H46859" s="12"/>
    </row>
    <row r="46860" spans="8:8">
      <c r="H46860" s="12"/>
    </row>
    <row r="46861" spans="8:8">
      <c r="H46861" s="12"/>
    </row>
    <row r="46862" spans="8:8">
      <c r="H46862" s="12"/>
    </row>
    <row r="46863" spans="8:8">
      <c r="H46863" s="12"/>
    </row>
    <row r="46864" spans="8:8">
      <c r="H46864" s="12"/>
    </row>
    <row r="46865" spans="8:8">
      <c r="H46865" s="12"/>
    </row>
    <row r="46866" spans="8:8">
      <c r="H46866" s="12"/>
    </row>
    <row r="46867" spans="8:8">
      <c r="H46867" s="12"/>
    </row>
    <row r="46868" spans="8:8">
      <c r="H46868" s="12"/>
    </row>
    <row r="46869" spans="8:8">
      <c r="H46869" s="12"/>
    </row>
    <row r="46870" spans="8:8">
      <c r="H46870" s="12"/>
    </row>
    <row r="46871" spans="8:8">
      <c r="H46871" s="12"/>
    </row>
    <row r="46872" spans="8:8">
      <c r="H46872" s="12"/>
    </row>
    <row r="46873" spans="8:8">
      <c r="H46873" s="12"/>
    </row>
    <row r="46874" spans="8:8">
      <c r="H46874" s="12"/>
    </row>
    <row r="46875" spans="8:8">
      <c r="H46875" s="12"/>
    </row>
    <row r="46876" spans="8:8">
      <c r="H46876" s="12"/>
    </row>
    <row r="46877" spans="8:8">
      <c r="H46877" s="12"/>
    </row>
    <row r="46878" spans="8:8">
      <c r="H46878" s="12"/>
    </row>
    <row r="46879" spans="8:8">
      <c r="H46879" s="12"/>
    </row>
    <row r="46880" spans="8:8">
      <c r="H46880" s="12"/>
    </row>
    <row r="46881" spans="8:8">
      <c r="H46881" s="12"/>
    </row>
    <row r="46882" spans="8:8">
      <c r="H46882" s="12"/>
    </row>
    <row r="46883" spans="8:8">
      <c r="H46883" s="12"/>
    </row>
    <row r="46884" spans="8:8">
      <c r="H46884" s="12"/>
    </row>
    <row r="46885" spans="8:8">
      <c r="H46885" s="12"/>
    </row>
    <row r="46886" spans="8:8">
      <c r="H46886" s="12"/>
    </row>
    <row r="46887" spans="8:8">
      <c r="H46887" s="12"/>
    </row>
    <row r="46888" spans="8:8">
      <c r="H46888" s="12"/>
    </row>
    <row r="46889" spans="8:8">
      <c r="H46889" s="12"/>
    </row>
    <row r="46890" spans="8:8">
      <c r="H46890" s="12"/>
    </row>
    <row r="46891" spans="8:8">
      <c r="H46891" s="12"/>
    </row>
    <row r="46892" spans="8:8">
      <c r="H46892" s="12"/>
    </row>
    <row r="46893" spans="8:8">
      <c r="H46893" s="12"/>
    </row>
    <row r="46894" spans="8:8">
      <c r="H46894" s="12"/>
    </row>
    <row r="46895" spans="8:8">
      <c r="H46895" s="12"/>
    </row>
    <row r="46896" spans="8:8">
      <c r="H46896" s="12"/>
    </row>
    <row r="46897" spans="8:8">
      <c r="H46897" s="12"/>
    </row>
    <row r="46898" spans="8:8">
      <c r="H46898" s="12"/>
    </row>
    <row r="46899" spans="8:8">
      <c r="H46899" s="12"/>
    </row>
    <row r="46900" spans="8:8">
      <c r="H46900" s="12"/>
    </row>
    <row r="46901" spans="8:8">
      <c r="H46901" s="12"/>
    </row>
    <row r="46902" spans="8:8">
      <c r="H46902" s="12"/>
    </row>
    <row r="46903" spans="8:8">
      <c r="H46903" s="12"/>
    </row>
    <row r="46904" spans="8:8">
      <c r="H46904" s="12"/>
    </row>
    <row r="46905" spans="8:8">
      <c r="H46905" s="12"/>
    </row>
    <row r="46906" spans="8:8">
      <c r="H46906" s="12"/>
    </row>
    <row r="46907" spans="8:8">
      <c r="H46907" s="12"/>
    </row>
    <row r="46908" spans="8:8">
      <c r="H46908" s="12"/>
    </row>
    <row r="46909" spans="8:8">
      <c r="H46909" s="12"/>
    </row>
    <row r="46910" spans="8:8">
      <c r="H46910" s="12"/>
    </row>
    <row r="46911" spans="8:8">
      <c r="H46911" s="12"/>
    </row>
    <row r="46912" spans="8:8">
      <c r="H46912" s="12"/>
    </row>
    <row r="46913" spans="8:8">
      <c r="H46913" s="12"/>
    </row>
    <row r="46914" spans="8:8">
      <c r="H46914" s="12"/>
    </row>
    <row r="46915" spans="8:8">
      <c r="H46915" s="12"/>
    </row>
    <row r="46916" spans="8:8">
      <c r="H46916" s="12"/>
    </row>
    <row r="46917" spans="8:8">
      <c r="H46917" s="12"/>
    </row>
    <row r="46918" spans="8:8">
      <c r="H46918" s="12"/>
    </row>
    <row r="46919" spans="8:8">
      <c r="H46919" s="12"/>
    </row>
    <row r="46920" spans="8:8">
      <c r="H46920" s="12"/>
    </row>
    <row r="46921" spans="8:8">
      <c r="H46921" s="12"/>
    </row>
    <row r="46922" spans="8:8">
      <c r="H46922" s="12"/>
    </row>
    <row r="46923" spans="8:8">
      <c r="H46923" s="12"/>
    </row>
    <row r="46924" spans="8:8">
      <c r="H46924" s="12"/>
    </row>
    <row r="46925" spans="8:8">
      <c r="H46925" s="12"/>
    </row>
    <row r="46926" spans="8:8">
      <c r="H46926" s="12"/>
    </row>
    <row r="46927" spans="8:8">
      <c r="H46927" s="12"/>
    </row>
    <row r="46928" spans="8:8">
      <c r="H46928" s="12"/>
    </row>
    <row r="46929" spans="8:8">
      <c r="H46929" s="12"/>
    </row>
    <row r="46930" spans="8:8">
      <c r="H46930" s="12"/>
    </row>
    <row r="46931" spans="8:8">
      <c r="H46931" s="12"/>
    </row>
    <row r="46932" spans="8:8">
      <c r="H46932" s="12"/>
    </row>
    <row r="46933" spans="8:8">
      <c r="H46933" s="12"/>
    </row>
    <row r="46934" spans="8:8">
      <c r="H46934" s="12"/>
    </row>
    <row r="46935" spans="8:8">
      <c r="H46935" s="12"/>
    </row>
    <row r="46936" spans="8:8">
      <c r="H46936" s="12"/>
    </row>
    <row r="46937" spans="8:8">
      <c r="H46937" s="12"/>
    </row>
    <row r="46938" spans="8:8">
      <c r="H46938" s="12"/>
    </row>
    <row r="46939" spans="8:8">
      <c r="H46939" s="12"/>
    </row>
    <row r="46940" spans="8:8">
      <c r="H46940" s="12"/>
    </row>
    <row r="46941" spans="8:8">
      <c r="H46941" s="12"/>
    </row>
    <row r="46942" spans="8:8">
      <c r="H46942" s="12"/>
    </row>
    <row r="46943" spans="8:8">
      <c r="H46943" s="12"/>
    </row>
    <row r="46944" spans="8:8">
      <c r="H46944" s="12"/>
    </row>
    <row r="46945" spans="8:8">
      <c r="H46945" s="12"/>
    </row>
    <row r="46946" spans="8:8">
      <c r="H46946" s="12"/>
    </row>
    <row r="46947" spans="8:8">
      <c r="H46947" s="12"/>
    </row>
    <row r="46948" spans="8:8">
      <c r="H46948" s="12"/>
    </row>
    <row r="46949" spans="8:8">
      <c r="H46949" s="12"/>
    </row>
    <row r="46950" spans="8:8">
      <c r="H46950" s="12"/>
    </row>
    <row r="46951" spans="8:8">
      <c r="H46951" s="12"/>
    </row>
    <row r="46952" spans="8:8">
      <c r="H46952" s="12"/>
    </row>
    <row r="46953" spans="8:8">
      <c r="H46953" s="12"/>
    </row>
    <row r="46954" spans="8:8">
      <c r="H46954" s="12"/>
    </row>
    <row r="46955" spans="8:8">
      <c r="H46955" s="12"/>
    </row>
    <row r="46956" spans="8:8">
      <c r="H46956" s="12"/>
    </row>
    <row r="46957" spans="8:8">
      <c r="H46957" s="12"/>
    </row>
    <row r="46958" spans="8:8">
      <c r="H46958" s="12"/>
    </row>
    <row r="46959" spans="8:8">
      <c r="H46959" s="12"/>
    </row>
    <row r="46960" spans="8:8">
      <c r="H46960" s="12"/>
    </row>
    <row r="46961" spans="8:8">
      <c r="H46961" s="12"/>
    </row>
    <row r="46962" spans="8:8">
      <c r="H46962" s="12"/>
    </row>
    <row r="46963" spans="8:8">
      <c r="H46963" s="12"/>
    </row>
    <row r="46964" spans="8:8">
      <c r="H46964" s="12"/>
    </row>
    <row r="46965" spans="8:8">
      <c r="H46965" s="12"/>
    </row>
    <row r="46966" spans="8:8">
      <c r="H46966" s="12"/>
    </row>
    <row r="46967" spans="8:8">
      <c r="H46967" s="12"/>
    </row>
    <row r="46968" spans="8:8">
      <c r="H46968" s="12"/>
    </row>
    <row r="46969" spans="8:8">
      <c r="H46969" s="12"/>
    </row>
    <row r="46970" spans="8:8">
      <c r="H46970" s="12"/>
    </row>
    <row r="46971" spans="8:8">
      <c r="H46971" s="12"/>
    </row>
    <row r="46972" spans="8:8">
      <c r="H46972" s="12"/>
    </row>
    <row r="46973" spans="8:8">
      <c r="H46973" s="12"/>
    </row>
    <row r="46974" spans="8:8">
      <c r="H46974" s="12"/>
    </row>
    <row r="46975" spans="8:8">
      <c r="H46975" s="12"/>
    </row>
    <row r="46976" spans="8:8">
      <c r="H46976" s="12"/>
    </row>
    <row r="46977" spans="8:8">
      <c r="H46977" s="12"/>
    </row>
    <row r="46978" spans="8:8">
      <c r="H46978" s="12"/>
    </row>
    <row r="46979" spans="8:8">
      <c r="H46979" s="12"/>
    </row>
    <row r="46980" spans="8:8">
      <c r="H46980" s="12"/>
    </row>
    <row r="46981" spans="8:8">
      <c r="H46981" s="12"/>
    </row>
    <row r="46982" spans="8:8">
      <c r="H46982" s="12"/>
    </row>
    <row r="46983" spans="8:8">
      <c r="H46983" s="12"/>
    </row>
    <row r="46984" spans="8:8">
      <c r="H46984" s="12"/>
    </row>
    <row r="46985" spans="8:8">
      <c r="H46985" s="12"/>
    </row>
    <row r="46986" spans="8:8">
      <c r="H46986" s="12"/>
    </row>
    <row r="46987" spans="8:8">
      <c r="H46987" s="12"/>
    </row>
    <row r="46988" spans="8:8">
      <c r="H46988" s="12"/>
    </row>
    <row r="46989" spans="8:8">
      <c r="H46989" s="12"/>
    </row>
    <row r="46990" spans="8:8">
      <c r="H46990" s="12"/>
    </row>
    <row r="46991" spans="8:8">
      <c r="H46991" s="12"/>
    </row>
    <row r="46992" spans="8:8">
      <c r="H46992" s="12"/>
    </row>
    <row r="46993" spans="8:8">
      <c r="H46993" s="12"/>
    </row>
    <row r="46994" spans="8:8">
      <c r="H46994" s="12"/>
    </row>
    <row r="46995" spans="8:8">
      <c r="H46995" s="12"/>
    </row>
    <row r="46996" spans="8:8">
      <c r="H46996" s="12"/>
    </row>
    <row r="46997" spans="8:8">
      <c r="H46997" s="12"/>
    </row>
    <row r="46998" spans="8:8">
      <c r="H46998" s="12"/>
    </row>
    <row r="46999" spans="8:8">
      <c r="H46999" s="12"/>
    </row>
    <row r="47000" spans="8:8">
      <c r="H47000" s="12"/>
    </row>
    <row r="47001" spans="8:8">
      <c r="H47001" s="12"/>
    </row>
    <row r="47002" spans="8:8">
      <c r="H47002" s="12"/>
    </row>
    <row r="47003" spans="8:8">
      <c r="H47003" s="12"/>
    </row>
    <row r="47004" spans="8:8">
      <c r="H47004" s="12"/>
    </row>
    <row r="47005" spans="8:8">
      <c r="H47005" s="12"/>
    </row>
    <row r="47006" spans="8:8">
      <c r="H47006" s="12"/>
    </row>
    <row r="47007" spans="8:8">
      <c r="H47007" s="12"/>
    </row>
    <row r="47008" spans="8:8">
      <c r="H47008" s="12"/>
    </row>
    <row r="47009" spans="8:8">
      <c r="H47009" s="12"/>
    </row>
    <row r="47010" spans="8:8">
      <c r="H47010" s="12"/>
    </row>
    <row r="47011" spans="8:8">
      <c r="H47011" s="12"/>
    </row>
    <row r="47012" spans="8:8">
      <c r="H47012" s="12"/>
    </row>
    <row r="47013" spans="8:8">
      <c r="H47013" s="12"/>
    </row>
    <row r="47014" spans="8:8">
      <c r="H47014" s="12"/>
    </row>
    <row r="47015" spans="8:8">
      <c r="H47015" s="12"/>
    </row>
    <row r="47016" spans="8:8">
      <c r="H47016" s="12"/>
    </row>
    <row r="47017" spans="8:8">
      <c r="H47017" s="12"/>
    </row>
    <row r="47018" spans="8:8">
      <c r="H47018" s="12"/>
    </row>
    <row r="47019" spans="8:8">
      <c r="H47019" s="12"/>
    </row>
    <row r="47020" spans="8:8">
      <c r="H47020" s="12"/>
    </row>
    <row r="47021" spans="8:8">
      <c r="H47021" s="12"/>
    </row>
    <row r="47022" spans="8:8">
      <c r="H47022" s="12"/>
    </row>
    <row r="47023" spans="8:8">
      <c r="H47023" s="12"/>
    </row>
    <row r="47024" spans="8:8">
      <c r="H47024" s="12"/>
    </row>
    <row r="47025" spans="8:8">
      <c r="H47025" s="12"/>
    </row>
    <row r="47026" spans="8:8">
      <c r="H47026" s="12"/>
    </row>
    <row r="47027" spans="8:8">
      <c r="H47027" s="12"/>
    </row>
    <row r="47028" spans="8:8">
      <c r="H47028" s="12"/>
    </row>
    <row r="47029" spans="8:8">
      <c r="H47029" s="12"/>
    </row>
    <row r="47030" spans="8:8">
      <c r="H47030" s="12"/>
    </row>
    <row r="47031" spans="8:8">
      <c r="H47031" s="12"/>
    </row>
    <row r="47032" spans="8:8">
      <c r="H47032" s="12"/>
    </row>
    <row r="47033" spans="8:8">
      <c r="H47033" s="12"/>
    </row>
    <row r="47034" spans="8:8">
      <c r="H47034" s="12"/>
    </row>
    <row r="47035" spans="8:8">
      <c r="H47035" s="12"/>
    </row>
    <row r="47036" spans="8:8">
      <c r="H47036" s="12"/>
    </row>
    <row r="47037" spans="8:8">
      <c r="H47037" s="12"/>
    </row>
    <row r="47038" spans="8:8">
      <c r="H47038" s="12"/>
    </row>
    <row r="47039" spans="8:8">
      <c r="H47039" s="12"/>
    </row>
    <row r="47040" spans="8:8">
      <c r="H47040" s="12"/>
    </row>
    <row r="47041" spans="8:8">
      <c r="H47041" s="12"/>
    </row>
    <row r="47042" spans="8:8">
      <c r="H47042" s="12"/>
    </row>
    <row r="47043" spans="8:8">
      <c r="H47043" s="12"/>
    </row>
    <row r="47044" spans="8:8">
      <c r="H47044" s="12"/>
    </row>
    <row r="47045" spans="8:8">
      <c r="H47045" s="12"/>
    </row>
    <row r="47046" spans="8:8">
      <c r="H47046" s="12"/>
    </row>
    <row r="47047" spans="8:8">
      <c r="H47047" s="12"/>
    </row>
    <row r="47048" spans="8:8">
      <c r="H47048" s="12"/>
    </row>
    <row r="47049" spans="8:8">
      <c r="H47049" s="12"/>
    </row>
    <row r="47050" spans="8:8">
      <c r="H47050" s="12"/>
    </row>
    <row r="47051" spans="8:8">
      <c r="H47051" s="12"/>
    </row>
    <row r="47052" spans="8:8">
      <c r="H47052" s="12"/>
    </row>
    <row r="47053" spans="8:8">
      <c r="H47053" s="12"/>
    </row>
    <row r="47054" spans="8:8">
      <c r="H47054" s="12"/>
    </row>
    <row r="47055" spans="8:8">
      <c r="H47055" s="12"/>
    </row>
    <row r="47056" spans="8:8">
      <c r="H47056" s="12"/>
    </row>
    <row r="47057" spans="8:8">
      <c r="H47057" s="12"/>
    </row>
    <row r="47058" spans="8:8">
      <c r="H47058" s="12"/>
    </row>
    <row r="47059" spans="8:8">
      <c r="H47059" s="12"/>
    </row>
    <row r="47060" spans="8:8">
      <c r="H47060" s="12"/>
    </row>
    <row r="47061" spans="8:8">
      <c r="H47061" s="12"/>
    </row>
    <row r="47062" spans="8:8">
      <c r="H47062" s="12"/>
    </row>
    <row r="47063" spans="8:8">
      <c r="H47063" s="12"/>
    </row>
    <row r="47064" spans="8:8">
      <c r="H47064" s="12"/>
    </row>
    <row r="47065" spans="8:8">
      <c r="H47065" s="12"/>
    </row>
    <row r="47066" spans="8:8">
      <c r="H47066" s="12"/>
    </row>
    <row r="47067" spans="8:8">
      <c r="H47067" s="12"/>
    </row>
    <row r="47068" spans="8:8">
      <c r="H47068" s="12"/>
    </row>
    <row r="47069" spans="8:8">
      <c r="H47069" s="12"/>
    </row>
    <row r="47070" spans="8:8">
      <c r="H47070" s="12"/>
    </row>
    <row r="47071" spans="8:8">
      <c r="H47071" s="12"/>
    </row>
    <row r="47072" spans="8:8">
      <c r="H47072" s="12"/>
    </row>
    <row r="47073" spans="8:8">
      <c r="H47073" s="12"/>
    </row>
    <row r="47074" spans="8:8">
      <c r="H47074" s="12"/>
    </row>
    <row r="47075" spans="8:8">
      <c r="H47075" s="12"/>
    </row>
    <row r="47076" spans="8:8">
      <c r="H47076" s="12"/>
    </row>
    <row r="47077" spans="8:8">
      <c r="H47077" s="12"/>
    </row>
    <row r="47078" spans="8:8">
      <c r="H47078" s="12"/>
    </row>
    <row r="47079" spans="8:8">
      <c r="H47079" s="12"/>
    </row>
    <row r="47080" spans="8:8">
      <c r="H47080" s="12"/>
    </row>
    <row r="47081" spans="8:8">
      <c r="H47081" s="12"/>
    </row>
    <row r="47082" spans="8:8">
      <c r="H47082" s="12"/>
    </row>
    <row r="47083" spans="8:8">
      <c r="H47083" s="12"/>
    </row>
    <row r="47084" spans="8:8">
      <c r="H47084" s="12"/>
    </row>
    <row r="47085" spans="8:8">
      <c r="H47085" s="12"/>
    </row>
    <row r="47086" spans="8:8">
      <c r="H47086" s="12"/>
    </row>
    <row r="47087" spans="8:8">
      <c r="H47087" s="12"/>
    </row>
    <row r="47088" spans="8:8">
      <c r="H47088" s="12"/>
    </row>
    <row r="47089" spans="8:8">
      <c r="H47089" s="12"/>
    </row>
    <row r="47090" spans="8:8">
      <c r="H47090" s="12"/>
    </row>
    <row r="47091" spans="8:8">
      <c r="H47091" s="12"/>
    </row>
    <row r="47092" spans="8:8">
      <c r="H47092" s="12"/>
    </row>
    <row r="47093" spans="8:8">
      <c r="H47093" s="12"/>
    </row>
    <row r="47094" spans="8:8">
      <c r="H47094" s="12"/>
    </row>
    <row r="47095" spans="8:8">
      <c r="H47095" s="12"/>
    </row>
    <row r="47096" spans="8:8">
      <c r="H47096" s="12"/>
    </row>
    <row r="47097" spans="8:8">
      <c r="H47097" s="12"/>
    </row>
    <row r="47098" spans="8:8">
      <c r="H47098" s="12"/>
    </row>
    <row r="47099" spans="8:8">
      <c r="H47099" s="12"/>
    </row>
    <row r="47100" spans="8:8">
      <c r="H47100" s="12"/>
    </row>
    <row r="47101" spans="8:8">
      <c r="H47101" s="12"/>
    </row>
    <row r="47102" spans="8:8">
      <c r="H47102" s="12"/>
    </row>
    <row r="47103" spans="8:8">
      <c r="H47103" s="12"/>
    </row>
    <row r="47104" spans="8:8">
      <c r="H47104" s="12"/>
    </row>
    <row r="47105" spans="8:8">
      <c r="H47105" s="12"/>
    </row>
    <row r="47106" spans="8:8">
      <c r="H47106" s="12"/>
    </row>
    <row r="47107" spans="8:8">
      <c r="H47107" s="12"/>
    </row>
    <row r="47108" spans="8:8">
      <c r="H47108" s="12"/>
    </row>
    <row r="47109" spans="8:8">
      <c r="H47109" s="12"/>
    </row>
    <row r="47110" spans="8:8">
      <c r="H47110" s="12"/>
    </row>
    <row r="47111" spans="8:8">
      <c r="H47111" s="12"/>
    </row>
    <row r="47112" spans="8:8">
      <c r="H47112" s="12"/>
    </row>
    <row r="47113" spans="8:8">
      <c r="H47113" s="12"/>
    </row>
    <row r="47114" spans="8:8">
      <c r="H47114" s="12"/>
    </row>
    <row r="47115" spans="8:8">
      <c r="H47115" s="12"/>
    </row>
    <row r="47116" spans="8:8">
      <c r="H47116" s="12"/>
    </row>
    <row r="47117" spans="8:8">
      <c r="H47117" s="12"/>
    </row>
    <row r="47118" spans="8:8">
      <c r="H47118" s="12"/>
    </row>
    <row r="47119" spans="8:8">
      <c r="H47119" s="12"/>
    </row>
    <row r="47120" spans="8:8">
      <c r="H47120" s="12"/>
    </row>
    <row r="47121" spans="8:8">
      <c r="H47121" s="12"/>
    </row>
    <row r="47122" spans="8:8">
      <c r="H47122" s="12"/>
    </row>
    <row r="47123" spans="8:8">
      <c r="H47123" s="12"/>
    </row>
    <row r="47124" spans="8:8">
      <c r="H47124" s="12"/>
    </row>
    <row r="47125" spans="8:8">
      <c r="H47125" s="12"/>
    </row>
    <row r="47126" spans="8:8">
      <c r="H47126" s="12"/>
    </row>
    <row r="47127" spans="8:8">
      <c r="H47127" s="12"/>
    </row>
    <row r="47128" spans="8:8">
      <c r="H47128" s="12"/>
    </row>
    <row r="47129" spans="8:8">
      <c r="H47129" s="12"/>
    </row>
    <row r="47130" spans="8:8">
      <c r="H47130" s="12"/>
    </row>
    <row r="47131" spans="8:8">
      <c r="H47131" s="12"/>
    </row>
    <row r="47132" spans="8:8">
      <c r="H47132" s="12"/>
    </row>
    <row r="47133" spans="8:8">
      <c r="H47133" s="12"/>
    </row>
    <row r="47134" spans="8:8">
      <c r="H47134" s="12"/>
    </row>
    <row r="47135" spans="8:8">
      <c r="H47135" s="12"/>
    </row>
    <row r="47136" spans="8:8">
      <c r="H47136" s="12"/>
    </row>
    <row r="47137" spans="8:8">
      <c r="H47137" s="12"/>
    </row>
    <row r="47138" spans="8:8">
      <c r="H47138" s="12"/>
    </row>
    <row r="47139" spans="8:8">
      <c r="H47139" s="12"/>
    </row>
    <row r="47140" spans="8:8">
      <c r="H47140" s="12"/>
    </row>
    <row r="47141" spans="8:8">
      <c r="H47141" s="12"/>
    </row>
    <row r="47142" spans="8:8">
      <c r="H47142" s="12"/>
    </row>
    <row r="47143" spans="8:8">
      <c r="H47143" s="12"/>
    </row>
    <row r="47144" spans="8:8">
      <c r="H47144" s="12"/>
    </row>
    <row r="47145" spans="8:8">
      <c r="H47145" s="12"/>
    </row>
    <row r="47146" spans="8:8">
      <c r="H47146" s="12"/>
    </row>
    <row r="47147" spans="8:8">
      <c r="H47147" s="12"/>
    </row>
    <row r="47148" spans="8:8">
      <c r="H47148" s="12"/>
    </row>
    <row r="47149" spans="8:8">
      <c r="H47149" s="12"/>
    </row>
    <row r="47150" spans="8:8">
      <c r="H47150" s="12"/>
    </row>
    <row r="47151" spans="8:8">
      <c r="H47151" s="12"/>
    </row>
    <row r="47152" spans="8:8">
      <c r="H47152" s="12"/>
    </row>
    <row r="47153" spans="8:8">
      <c r="H47153" s="12"/>
    </row>
    <row r="47154" spans="8:8">
      <c r="H47154" s="12"/>
    </row>
    <row r="47155" spans="8:8">
      <c r="H47155" s="12"/>
    </row>
    <row r="47156" spans="8:8">
      <c r="H47156" s="12"/>
    </row>
    <row r="47157" spans="8:8">
      <c r="H47157" s="12"/>
    </row>
    <row r="47158" spans="8:8">
      <c r="H47158" s="12"/>
    </row>
    <row r="47159" spans="8:8">
      <c r="H47159" s="12"/>
    </row>
    <row r="47160" spans="8:8">
      <c r="H47160" s="12"/>
    </row>
    <row r="47161" spans="8:8">
      <c r="H47161" s="12"/>
    </row>
    <row r="47162" spans="8:8">
      <c r="H47162" s="12"/>
    </row>
    <row r="47163" spans="8:8">
      <c r="H47163" s="12"/>
    </row>
    <row r="47164" spans="8:8">
      <c r="H47164" s="12"/>
    </row>
    <row r="47165" spans="8:8">
      <c r="H47165" s="12"/>
    </row>
    <row r="47166" spans="8:8">
      <c r="H47166" s="12"/>
    </row>
    <row r="47167" spans="8:8">
      <c r="H47167" s="12"/>
    </row>
    <row r="47168" spans="8:8">
      <c r="H47168" s="12"/>
    </row>
    <row r="47169" spans="8:8">
      <c r="H47169" s="12"/>
    </row>
    <row r="47170" spans="8:8">
      <c r="H47170" s="12"/>
    </row>
    <row r="47171" spans="8:8">
      <c r="H47171" s="12"/>
    </row>
    <row r="47172" spans="8:8">
      <c r="H47172" s="12"/>
    </row>
    <row r="47173" spans="8:8">
      <c r="H47173" s="12"/>
    </row>
    <row r="47174" spans="8:8">
      <c r="H47174" s="12"/>
    </row>
    <row r="47175" spans="8:8">
      <c r="H47175" s="12"/>
    </row>
    <row r="47176" spans="8:8">
      <c r="H47176" s="12"/>
    </row>
    <row r="47177" spans="8:8">
      <c r="H47177" s="12"/>
    </row>
    <row r="47178" spans="8:8">
      <c r="H47178" s="12"/>
    </row>
    <row r="47179" spans="8:8">
      <c r="H47179" s="12"/>
    </row>
    <row r="47180" spans="8:8">
      <c r="H47180" s="12"/>
    </row>
    <row r="47181" spans="8:8">
      <c r="H47181" s="12"/>
    </row>
    <row r="47182" spans="8:8">
      <c r="H47182" s="12"/>
    </row>
    <row r="47183" spans="8:8">
      <c r="H47183" s="12"/>
    </row>
    <row r="47184" spans="8:8">
      <c r="H47184" s="12"/>
    </row>
    <row r="47185" spans="8:8">
      <c r="H47185" s="12"/>
    </row>
    <row r="47186" spans="8:8">
      <c r="H47186" s="12"/>
    </row>
    <row r="47187" spans="8:8">
      <c r="H47187" s="12"/>
    </row>
    <row r="47188" spans="8:8">
      <c r="H47188" s="12"/>
    </row>
    <row r="47189" spans="8:8">
      <c r="H47189" s="12"/>
    </row>
    <row r="47190" spans="8:8">
      <c r="H47190" s="12"/>
    </row>
    <row r="47191" spans="8:8">
      <c r="H47191" s="12"/>
    </row>
    <row r="47192" spans="8:8">
      <c r="H47192" s="12"/>
    </row>
    <row r="47193" spans="8:8">
      <c r="H47193" s="12"/>
    </row>
    <row r="47194" spans="8:8">
      <c r="H47194" s="12"/>
    </row>
    <row r="47195" spans="8:8">
      <c r="H47195" s="12"/>
    </row>
    <row r="47196" spans="8:8">
      <c r="H47196" s="12"/>
    </row>
    <row r="47197" spans="8:8">
      <c r="H47197" s="12"/>
    </row>
    <row r="47198" spans="8:8">
      <c r="H47198" s="12"/>
    </row>
    <row r="47199" spans="8:8">
      <c r="H47199" s="12"/>
    </row>
    <row r="47200" spans="8:8">
      <c r="H47200" s="12"/>
    </row>
    <row r="47201" spans="8:8">
      <c r="H47201" s="12"/>
    </row>
    <row r="47202" spans="8:8">
      <c r="H47202" s="12"/>
    </row>
    <row r="47203" spans="8:8">
      <c r="H47203" s="12"/>
    </row>
    <row r="47204" spans="8:8">
      <c r="H47204" s="12"/>
    </row>
    <row r="47205" spans="8:8">
      <c r="H47205" s="12"/>
    </row>
    <row r="47206" spans="8:8">
      <c r="H47206" s="12"/>
    </row>
    <row r="47207" spans="8:8">
      <c r="H47207" s="12"/>
    </row>
    <row r="47208" spans="8:8">
      <c r="H47208" s="12"/>
    </row>
    <row r="47209" spans="8:8">
      <c r="H47209" s="12"/>
    </row>
    <row r="47210" spans="8:8">
      <c r="H47210" s="12"/>
    </row>
    <row r="47211" spans="8:8">
      <c r="H47211" s="12"/>
    </row>
    <row r="47212" spans="8:8">
      <c r="H47212" s="12"/>
    </row>
    <row r="47213" spans="8:8">
      <c r="H47213" s="12"/>
    </row>
    <row r="47214" spans="8:8">
      <c r="H47214" s="12"/>
    </row>
    <row r="47215" spans="8:8">
      <c r="H47215" s="12"/>
    </row>
    <row r="47216" spans="8:8">
      <c r="H47216" s="12"/>
    </row>
    <row r="47217" spans="8:8">
      <c r="H47217" s="12"/>
    </row>
    <row r="47218" spans="8:8">
      <c r="H47218" s="12"/>
    </row>
    <row r="47219" spans="8:8">
      <c r="H47219" s="12"/>
    </row>
    <row r="47220" spans="8:8">
      <c r="H47220" s="12"/>
    </row>
    <row r="47221" spans="8:8">
      <c r="H47221" s="12"/>
    </row>
    <row r="47222" spans="8:8">
      <c r="H47222" s="12"/>
    </row>
    <row r="47223" spans="8:8">
      <c r="H47223" s="12"/>
    </row>
    <row r="47224" spans="8:8">
      <c r="H47224" s="12"/>
    </row>
    <row r="47225" spans="8:8">
      <c r="H47225" s="12"/>
    </row>
    <row r="47226" spans="8:8">
      <c r="H47226" s="12"/>
    </row>
    <row r="47227" spans="8:8">
      <c r="H47227" s="12"/>
    </row>
    <row r="47228" spans="8:8">
      <c r="H47228" s="12"/>
    </row>
    <row r="47229" spans="8:8">
      <c r="H47229" s="12"/>
    </row>
    <row r="47230" spans="8:8">
      <c r="H47230" s="12"/>
    </row>
    <row r="47231" spans="8:8">
      <c r="H47231" s="12"/>
    </row>
    <row r="47232" spans="8:8">
      <c r="H47232" s="12"/>
    </row>
    <row r="47233" spans="8:8">
      <c r="H47233" s="12"/>
    </row>
    <row r="47234" spans="8:8">
      <c r="H47234" s="12"/>
    </row>
    <row r="47235" spans="8:8">
      <c r="H47235" s="12"/>
    </row>
    <row r="47236" spans="8:8">
      <c r="H47236" s="12"/>
    </row>
    <row r="47237" spans="8:8">
      <c r="H47237" s="12"/>
    </row>
    <row r="47238" spans="8:8">
      <c r="H47238" s="12"/>
    </row>
    <row r="47239" spans="8:8">
      <c r="H47239" s="12"/>
    </row>
    <row r="47240" spans="8:8">
      <c r="H47240" s="12"/>
    </row>
    <row r="47241" spans="8:8">
      <c r="H47241" s="12"/>
    </row>
    <row r="47242" spans="8:8">
      <c r="H47242" s="12"/>
    </row>
    <row r="47243" spans="8:8">
      <c r="H47243" s="12"/>
    </row>
    <row r="47244" spans="8:8">
      <c r="H47244" s="12"/>
    </row>
    <row r="47245" spans="8:8">
      <c r="H47245" s="12"/>
    </row>
    <row r="47246" spans="8:8">
      <c r="H47246" s="12"/>
    </row>
    <row r="47247" spans="8:8">
      <c r="H47247" s="12"/>
    </row>
    <row r="47248" spans="8:8">
      <c r="H47248" s="12"/>
    </row>
    <row r="47249" spans="8:8">
      <c r="H47249" s="12"/>
    </row>
    <row r="47250" spans="8:8">
      <c r="H47250" s="12"/>
    </row>
    <row r="47251" spans="8:8">
      <c r="H47251" s="12"/>
    </row>
    <row r="47252" spans="8:8">
      <c r="H47252" s="12"/>
    </row>
    <row r="47253" spans="8:8">
      <c r="H47253" s="12"/>
    </row>
    <row r="47254" spans="8:8">
      <c r="H47254" s="12"/>
    </row>
    <row r="47255" spans="8:8">
      <c r="H47255" s="12"/>
    </row>
    <row r="47256" spans="8:8">
      <c r="H47256" s="12"/>
    </row>
    <row r="47257" spans="8:8">
      <c r="H47257" s="12"/>
    </row>
    <row r="47258" spans="8:8">
      <c r="H47258" s="12"/>
    </row>
    <row r="47259" spans="8:8">
      <c r="H47259" s="12"/>
    </row>
    <row r="47260" spans="8:8">
      <c r="H47260" s="12"/>
    </row>
    <row r="47261" spans="8:8">
      <c r="H47261" s="12"/>
    </row>
    <row r="47262" spans="8:8">
      <c r="H47262" s="12"/>
    </row>
    <row r="47263" spans="8:8">
      <c r="H47263" s="12"/>
    </row>
    <row r="47264" spans="8:8">
      <c r="H47264" s="12"/>
    </row>
    <row r="47265" spans="8:8">
      <c r="H47265" s="12"/>
    </row>
    <row r="47266" spans="8:8">
      <c r="H47266" s="12"/>
    </row>
    <row r="47267" spans="8:8">
      <c r="H47267" s="12"/>
    </row>
    <row r="47268" spans="8:8">
      <c r="H47268" s="12"/>
    </row>
    <row r="47269" spans="8:8">
      <c r="H47269" s="12"/>
    </row>
    <row r="47270" spans="8:8">
      <c r="H47270" s="12"/>
    </row>
    <row r="47271" spans="8:8">
      <c r="H47271" s="12"/>
    </row>
    <row r="47272" spans="8:8">
      <c r="H47272" s="12"/>
    </row>
    <row r="47273" spans="8:8">
      <c r="H47273" s="12"/>
    </row>
    <row r="47274" spans="8:8">
      <c r="H47274" s="12"/>
    </row>
    <row r="47275" spans="8:8">
      <c r="H47275" s="12"/>
    </row>
    <row r="47276" spans="8:8">
      <c r="H47276" s="12"/>
    </row>
    <row r="47277" spans="8:8">
      <c r="H47277" s="12"/>
    </row>
    <row r="47278" spans="8:8">
      <c r="H47278" s="12"/>
    </row>
    <row r="47279" spans="8:8">
      <c r="H47279" s="12"/>
    </row>
    <row r="47280" spans="8:8">
      <c r="H47280" s="12"/>
    </row>
    <row r="47281" spans="8:8">
      <c r="H47281" s="12"/>
    </row>
    <row r="47282" spans="8:8">
      <c r="H47282" s="12"/>
    </row>
    <row r="47283" spans="8:8">
      <c r="H47283" s="12"/>
    </row>
    <row r="47284" spans="8:8">
      <c r="H47284" s="12"/>
    </row>
    <row r="47285" spans="8:8">
      <c r="H47285" s="12"/>
    </row>
    <row r="47286" spans="8:8">
      <c r="H47286" s="12"/>
    </row>
    <row r="47287" spans="8:8">
      <c r="H47287" s="12"/>
    </row>
    <row r="47288" spans="8:8">
      <c r="H47288" s="12"/>
    </row>
    <row r="47289" spans="8:8">
      <c r="H47289" s="12"/>
    </row>
    <row r="47290" spans="8:8">
      <c r="H47290" s="12"/>
    </row>
    <row r="47291" spans="8:8">
      <c r="H47291" s="12"/>
    </row>
    <row r="47292" spans="8:8">
      <c r="H47292" s="12"/>
    </row>
    <row r="47293" spans="8:8">
      <c r="H47293" s="12"/>
    </row>
    <row r="47294" spans="8:8">
      <c r="H47294" s="12"/>
    </row>
    <row r="47295" spans="8:8">
      <c r="H47295" s="12"/>
    </row>
    <row r="47296" spans="8:8">
      <c r="H47296" s="12"/>
    </row>
    <row r="47297" spans="8:8">
      <c r="H47297" s="12"/>
    </row>
    <row r="47298" spans="8:8">
      <c r="H47298" s="12"/>
    </row>
    <row r="47299" spans="8:8">
      <c r="H47299" s="12"/>
    </row>
    <row r="47300" spans="8:8">
      <c r="H47300" s="12"/>
    </row>
    <row r="47301" spans="8:8">
      <c r="H47301" s="12"/>
    </row>
    <row r="47302" spans="8:8">
      <c r="H47302" s="12"/>
    </row>
    <row r="47303" spans="8:8">
      <c r="H47303" s="12"/>
    </row>
    <row r="47304" spans="8:8">
      <c r="H47304" s="12"/>
    </row>
    <row r="47305" spans="8:8">
      <c r="H47305" s="12"/>
    </row>
    <row r="47306" spans="8:8">
      <c r="H47306" s="12"/>
    </row>
    <row r="47307" spans="8:8">
      <c r="H47307" s="12"/>
    </row>
    <row r="47308" spans="8:8">
      <c r="H47308" s="12"/>
    </row>
    <row r="47309" spans="8:8">
      <c r="H47309" s="12"/>
    </row>
    <row r="47310" spans="8:8">
      <c r="H47310" s="12"/>
    </row>
    <row r="47311" spans="8:8">
      <c r="H47311" s="12"/>
    </row>
    <row r="47312" spans="8:8">
      <c r="H47312" s="12"/>
    </row>
    <row r="47313" spans="8:8">
      <c r="H47313" s="12"/>
    </row>
    <row r="47314" spans="8:8">
      <c r="H47314" s="12"/>
    </row>
    <row r="47315" spans="8:8">
      <c r="H47315" s="12"/>
    </row>
    <row r="47316" spans="8:8">
      <c r="H47316" s="12"/>
    </row>
    <row r="47317" spans="8:8">
      <c r="H47317" s="12"/>
    </row>
    <row r="47318" spans="8:8">
      <c r="H47318" s="12"/>
    </row>
    <row r="47319" spans="8:8">
      <c r="H47319" s="12"/>
    </row>
    <row r="47320" spans="8:8">
      <c r="H47320" s="12"/>
    </row>
    <row r="47321" spans="8:8">
      <c r="H47321" s="12"/>
    </row>
    <row r="47322" spans="8:8">
      <c r="H47322" s="12"/>
    </row>
    <row r="47323" spans="8:8">
      <c r="H47323" s="12"/>
    </row>
    <row r="47324" spans="8:8">
      <c r="H47324" s="12"/>
    </row>
    <row r="47325" spans="8:8">
      <c r="H47325" s="12"/>
    </row>
    <row r="47326" spans="8:8">
      <c r="H47326" s="12"/>
    </row>
    <row r="47327" spans="8:8">
      <c r="H47327" s="12"/>
    </row>
    <row r="47328" spans="8:8">
      <c r="H47328" s="12"/>
    </row>
    <row r="47329" spans="8:8">
      <c r="H47329" s="12"/>
    </row>
    <row r="47330" spans="8:8">
      <c r="H47330" s="12"/>
    </row>
    <row r="47331" spans="8:8">
      <c r="H47331" s="12"/>
    </row>
    <row r="47332" spans="8:8">
      <c r="H47332" s="12"/>
    </row>
    <row r="47333" spans="8:8">
      <c r="H47333" s="12"/>
    </row>
    <row r="47334" spans="8:8">
      <c r="H47334" s="12"/>
    </row>
    <row r="47335" spans="8:8">
      <c r="H47335" s="12"/>
    </row>
    <row r="47336" spans="8:8">
      <c r="H47336" s="12"/>
    </row>
    <row r="47337" spans="8:8">
      <c r="H47337" s="12"/>
    </row>
    <row r="47338" spans="8:8">
      <c r="H47338" s="12"/>
    </row>
    <row r="47339" spans="8:8">
      <c r="H47339" s="12"/>
    </row>
    <row r="47340" spans="8:8">
      <c r="H47340" s="12"/>
    </row>
    <row r="47341" spans="8:8">
      <c r="H47341" s="12"/>
    </row>
    <row r="47342" spans="8:8">
      <c r="H47342" s="12"/>
    </row>
    <row r="47343" spans="8:8">
      <c r="H47343" s="12"/>
    </row>
    <row r="47344" spans="8:8">
      <c r="H47344" s="12"/>
    </row>
    <row r="47345" spans="8:8">
      <c r="H47345" s="12"/>
    </row>
    <row r="47346" spans="8:8">
      <c r="H47346" s="12"/>
    </row>
    <row r="47347" spans="8:8">
      <c r="H47347" s="12"/>
    </row>
    <row r="47348" spans="8:8">
      <c r="H47348" s="12"/>
    </row>
    <row r="47349" spans="8:8">
      <c r="H47349" s="12"/>
    </row>
    <row r="47350" spans="8:8">
      <c r="H47350" s="12"/>
    </row>
    <row r="47351" spans="8:8">
      <c r="H47351" s="12"/>
    </row>
    <row r="47352" spans="8:8">
      <c r="H47352" s="12"/>
    </row>
    <row r="47353" spans="8:8">
      <c r="H47353" s="12"/>
    </row>
    <row r="47354" spans="8:8">
      <c r="H47354" s="12"/>
    </row>
    <row r="47355" spans="8:8">
      <c r="H47355" s="12"/>
    </row>
    <row r="47356" spans="8:8">
      <c r="H47356" s="12"/>
    </row>
    <row r="47357" spans="8:8">
      <c r="H47357" s="12"/>
    </row>
    <row r="47358" spans="8:8">
      <c r="H47358" s="12"/>
    </row>
    <row r="47359" spans="8:8">
      <c r="H47359" s="12"/>
    </row>
    <row r="47360" spans="8:8">
      <c r="H47360" s="12"/>
    </row>
    <row r="47361" spans="8:8">
      <c r="H47361" s="12"/>
    </row>
    <row r="47362" spans="8:8">
      <c r="H47362" s="12"/>
    </row>
    <row r="47363" spans="8:8">
      <c r="H47363" s="12"/>
    </row>
    <row r="47364" spans="8:8">
      <c r="H47364" s="12"/>
    </row>
    <row r="47365" spans="8:8">
      <c r="H47365" s="12"/>
    </row>
    <row r="47366" spans="8:8">
      <c r="H47366" s="12"/>
    </row>
    <row r="47367" spans="8:8">
      <c r="H47367" s="12"/>
    </row>
    <row r="47368" spans="8:8">
      <c r="H47368" s="12"/>
    </row>
    <row r="47369" spans="8:8">
      <c r="H47369" s="12"/>
    </row>
    <row r="47370" spans="8:8">
      <c r="H47370" s="12"/>
    </row>
    <row r="47371" spans="8:8">
      <c r="H47371" s="12"/>
    </row>
    <row r="47372" spans="8:8">
      <c r="H47372" s="12"/>
    </row>
    <row r="47373" spans="8:8">
      <c r="H47373" s="12"/>
    </row>
    <row r="47374" spans="8:8">
      <c r="H47374" s="12"/>
    </row>
    <row r="47375" spans="8:8">
      <c r="H47375" s="12"/>
    </row>
    <row r="47376" spans="8:8">
      <c r="H47376" s="12"/>
    </row>
    <row r="47377" spans="8:8">
      <c r="H47377" s="12"/>
    </row>
    <row r="47378" spans="8:8">
      <c r="H47378" s="12"/>
    </row>
    <row r="47379" spans="8:8">
      <c r="H47379" s="12"/>
    </row>
    <row r="47380" spans="8:8">
      <c r="H47380" s="12"/>
    </row>
    <row r="47381" spans="8:8">
      <c r="H47381" s="12"/>
    </row>
    <row r="47382" spans="8:8">
      <c r="H47382" s="12"/>
    </row>
    <row r="47383" spans="8:8">
      <c r="H47383" s="12"/>
    </row>
    <row r="47384" spans="8:8">
      <c r="H47384" s="12"/>
    </row>
    <row r="47385" spans="8:8">
      <c r="H47385" s="12"/>
    </row>
    <row r="47386" spans="8:8">
      <c r="H47386" s="12"/>
    </row>
    <row r="47387" spans="8:8">
      <c r="H47387" s="12"/>
    </row>
    <row r="47388" spans="8:8">
      <c r="H47388" s="12"/>
    </row>
    <row r="47389" spans="8:8">
      <c r="H47389" s="12"/>
    </row>
    <row r="47390" spans="8:8">
      <c r="H47390" s="12"/>
    </row>
    <row r="47391" spans="8:8">
      <c r="H47391" s="12"/>
    </row>
    <row r="47392" spans="8:8">
      <c r="H47392" s="12"/>
    </row>
    <row r="47393" spans="8:8">
      <c r="H47393" s="12"/>
    </row>
    <row r="47394" spans="8:8">
      <c r="H47394" s="12"/>
    </row>
    <row r="47395" spans="8:8">
      <c r="H47395" s="12"/>
    </row>
    <row r="47396" spans="8:8">
      <c r="H47396" s="12"/>
    </row>
    <row r="47397" spans="8:8">
      <c r="H47397" s="12"/>
    </row>
    <row r="47398" spans="8:8">
      <c r="H47398" s="12"/>
    </row>
    <row r="47399" spans="8:8">
      <c r="H47399" s="12"/>
    </row>
    <row r="47400" spans="8:8">
      <c r="H47400" s="12"/>
    </row>
    <row r="47401" spans="8:8">
      <c r="H47401" s="12"/>
    </row>
    <row r="47402" spans="8:8">
      <c r="H47402" s="12"/>
    </row>
    <row r="47403" spans="8:8">
      <c r="H47403" s="12"/>
    </row>
    <row r="47404" spans="8:8">
      <c r="H47404" s="12"/>
    </row>
    <row r="47405" spans="8:8">
      <c r="H47405" s="12"/>
    </row>
    <row r="47406" spans="8:8">
      <c r="H47406" s="12"/>
    </row>
    <row r="47407" spans="8:8">
      <c r="H47407" s="12"/>
    </row>
    <row r="47408" spans="8:8">
      <c r="H47408" s="12"/>
    </row>
    <row r="47409" spans="8:8">
      <c r="H47409" s="12"/>
    </row>
    <row r="47410" spans="8:8">
      <c r="H47410" s="12"/>
    </row>
    <row r="47411" spans="8:8">
      <c r="H47411" s="12"/>
    </row>
    <row r="47412" spans="8:8">
      <c r="H47412" s="12"/>
    </row>
    <row r="47413" spans="8:8">
      <c r="H47413" s="12"/>
    </row>
    <row r="47414" spans="8:8">
      <c r="H47414" s="12"/>
    </row>
    <row r="47415" spans="8:8">
      <c r="H47415" s="12"/>
    </row>
    <row r="47416" spans="8:8">
      <c r="H47416" s="12"/>
    </row>
    <row r="47417" spans="8:8">
      <c r="H47417" s="12"/>
    </row>
    <row r="47418" spans="8:8">
      <c r="H47418" s="12"/>
    </row>
    <row r="47419" spans="8:8">
      <c r="H47419" s="12"/>
    </row>
    <row r="47420" spans="8:8">
      <c r="H47420" s="12"/>
    </row>
    <row r="47421" spans="8:8">
      <c r="H47421" s="12"/>
    </row>
    <row r="47422" spans="8:8">
      <c r="H47422" s="12"/>
    </row>
    <row r="47423" spans="8:8">
      <c r="H47423" s="12"/>
    </row>
    <row r="47424" spans="8:8">
      <c r="H47424" s="12"/>
    </row>
    <row r="47425" spans="8:8">
      <c r="H47425" s="12"/>
    </row>
    <row r="47426" spans="8:8">
      <c r="H47426" s="12"/>
    </row>
    <row r="47427" spans="8:8">
      <c r="H47427" s="12"/>
    </row>
    <row r="47428" spans="8:8">
      <c r="H47428" s="12"/>
    </row>
    <row r="47429" spans="8:8">
      <c r="H47429" s="12"/>
    </row>
    <row r="47430" spans="8:8">
      <c r="H47430" s="12"/>
    </row>
    <row r="47431" spans="8:8">
      <c r="H47431" s="12"/>
    </row>
    <row r="47432" spans="8:8">
      <c r="H47432" s="12"/>
    </row>
    <row r="47433" spans="8:8">
      <c r="H47433" s="12"/>
    </row>
    <row r="47434" spans="8:8">
      <c r="H47434" s="12"/>
    </row>
    <row r="47435" spans="8:8">
      <c r="H47435" s="12"/>
    </row>
    <row r="47436" spans="8:8">
      <c r="H47436" s="12"/>
    </row>
    <row r="47437" spans="8:8">
      <c r="H47437" s="12"/>
    </row>
    <row r="47438" spans="8:8">
      <c r="H47438" s="12"/>
    </row>
    <row r="47439" spans="8:8">
      <c r="H47439" s="12"/>
    </row>
    <row r="47440" spans="8:8">
      <c r="H47440" s="12"/>
    </row>
    <row r="47441" spans="8:8">
      <c r="H47441" s="12"/>
    </row>
    <row r="47442" spans="8:8">
      <c r="H47442" s="12"/>
    </row>
    <row r="47443" spans="8:8">
      <c r="H47443" s="12"/>
    </row>
    <row r="47444" spans="8:8">
      <c r="H47444" s="12"/>
    </row>
    <row r="47445" spans="8:8">
      <c r="H47445" s="12"/>
    </row>
    <row r="47446" spans="8:8">
      <c r="H47446" s="12"/>
    </row>
    <row r="47447" spans="8:8">
      <c r="H47447" s="12"/>
    </row>
    <row r="47448" spans="8:8">
      <c r="H47448" s="12"/>
    </row>
    <row r="47449" spans="8:8">
      <c r="H47449" s="12"/>
    </row>
    <row r="47450" spans="8:8">
      <c r="H47450" s="12"/>
    </row>
    <row r="47451" spans="8:8">
      <c r="H47451" s="12"/>
    </row>
    <row r="47452" spans="8:8">
      <c r="H47452" s="12"/>
    </row>
    <row r="47453" spans="8:8">
      <c r="H47453" s="12"/>
    </row>
    <row r="47454" spans="8:8">
      <c r="H47454" s="12"/>
    </row>
    <row r="47455" spans="8:8">
      <c r="H47455" s="12"/>
    </row>
    <row r="47456" spans="8:8">
      <c r="H47456" s="12"/>
    </row>
    <row r="47457" spans="8:8">
      <c r="H47457" s="12"/>
    </row>
    <row r="47458" spans="8:8">
      <c r="H47458" s="12"/>
    </row>
    <row r="47459" spans="8:8">
      <c r="H47459" s="12"/>
    </row>
    <row r="47460" spans="8:8">
      <c r="H47460" s="12"/>
    </row>
    <row r="47461" spans="8:8">
      <c r="H47461" s="12"/>
    </row>
    <row r="47462" spans="8:8">
      <c r="H47462" s="12"/>
    </row>
    <row r="47463" spans="8:8">
      <c r="H47463" s="12"/>
    </row>
    <row r="47464" spans="8:8">
      <c r="H47464" s="12"/>
    </row>
    <row r="47465" spans="8:8">
      <c r="H47465" s="12"/>
    </row>
    <row r="47466" spans="8:8">
      <c r="H47466" s="12"/>
    </row>
    <row r="47467" spans="8:8">
      <c r="H47467" s="12"/>
    </row>
    <row r="47468" spans="8:8">
      <c r="H47468" s="12"/>
    </row>
    <row r="47469" spans="8:8">
      <c r="H47469" s="12"/>
    </row>
    <row r="47470" spans="8:8">
      <c r="H47470" s="12"/>
    </row>
    <row r="47471" spans="8:8">
      <c r="H47471" s="12"/>
    </row>
    <row r="47472" spans="8:8">
      <c r="H47472" s="12"/>
    </row>
    <row r="47473" spans="8:8">
      <c r="H47473" s="12"/>
    </row>
    <row r="47474" spans="8:8">
      <c r="H47474" s="12"/>
    </row>
    <row r="47475" spans="8:8">
      <c r="H47475" s="12"/>
    </row>
    <row r="47476" spans="8:8">
      <c r="H47476" s="12"/>
    </row>
    <row r="47477" spans="8:8">
      <c r="H47477" s="12"/>
    </row>
    <row r="47478" spans="8:8">
      <c r="H47478" s="12"/>
    </row>
    <row r="47479" spans="8:8">
      <c r="H47479" s="12"/>
    </row>
    <row r="47480" spans="8:8">
      <c r="H47480" s="12"/>
    </row>
    <row r="47481" spans="8:8">
      <c r="H47481" s="12"/>
    </row>
    <row r="47482" spans="8:8">
      <c r="H47482" s="12"/>
    </row>
    <row r="47483" spans="8:8">
      <c r="H47483" s="12"/>
    </row>
    <row r="47484" spans="8:8">
      <c r="H47484" s="12"/>
    </row>
    <row r="47485" spans="8:8">
      <c r="H47485" s="12"/>
    </row>
    <row r="47486" spans="8:8">
      <c r="H47486" s="12"/>
    </row>
    <row r="47487" spans="8:8">
      <c r="H47487" s="12"/>
    </row>
    <row r="47488" spans="8:8">
      <c r="H47488" s="12"/>
    </row>
    <row r="47489" spans="8:8">
      <c r="H47489" s="12"/>
    </row>
    <row r="47490" spans="8:8">
      <c r="H47490" s="12"/>
    </row>
    <row r="47491" spans="8:8">
      <c r="H47491" s="12"/>
    </row>
    <row r="47492" spans="8:8">
      <c r="H47492" s="12"/>
    </row>
    <row r="47493" spans="8:8">
      <c r="H47493" s="12"/>
    </row>
    <row r="47494" spans="8:8">
      <c r="H47494" s="12"/>
    </row>
    <row r="47495" spans="8:8">
      <c r="H47495" s="12"/>
    </row>
    <row r="47496" spans="8:8">
      <c r="H47496" s="12"/>
    </row>
    <row r="47497" spans="8:8">
      <c r="H47497" s="12"/>
    </row>
    <row r="47498" spans="8:8">
      <c r="H47498" s="12"/>
    </row>
    <row r="47499" spans="8:8">
      <c r="H47499" s="12"/>
    </row>
    <row r="47500" spans="8:8">
      <c r="H47500" s="12"/>
    </row>
    <row r="47501" spans="8:8">
      <c r="H47501" s="12"/>
    </row>
    <row r="47502" spans="8:8">
      <c r="H47502" s="12"/>
    </row>
    <row r="47503" spans="8:8">
      <c r="H47503" s="12"/>
    </row>
    <row r="47504" spans="8:8">
      <c r="H47504" s="12"/>
    </row>
    <row r="47505" spans="8:8">
      <c r="H47505" s="12"/>
    </row>
    <row r="47506" spans="8:8">
      <c r="H47506" s="12"/>
    </row>
    <row r="47507" spans="8:8">
      <c r="H47507" s="12"/>
    </row>
    <row r="47508" spans="8:8">
      <c r="H47508" s="12"/>
    </row>
    <row r="47509" spans="8:8">
      <c r="H47509" s="12"/>
    </row>
    <row r="47510" spans="8:8">
      <c r="H47510" s="12"/>
    </row>
    <row r="47511" spans="8:8">
      <c r="H47511" s="12"/>
    </row>
    <row r="47512" spans="8:8">
      <c r="H47512" s="12"/>
    </row>
    <row r="47513" spans="8:8">
      <c r="H47513" s="12"/>
    </row>
    <row r="47514" spans="8:8">
      <c r="H47514" s="12"/>
    </row>
    <row r="47515" spans="8:8">
      <c r="H47515" s="12"/>
    </row>
    <row r="47516" spans="8:8">
      <c r="H47516" s="12"/>
    </row>
    <row r="47517" spans="8:8">
      <c r="H47517" s="12"/>
    </row>
    <row r="47518" spans="8:8">
      <c r="H47518" s="12"/>
    </row>
    <row r="47519" spans="8:8">
      <c r="H47519" s="12"/>
    </row>
    <row r="47520" spans="8:8">
      <c r="H47520" s="12"/>
    </row>
    <row r="47521" spans="8:8">
      <c r="H47521" s="12"/>
    </row>
    <row r="47522" spans="8:8">
      <c r="H47522" s="12"/>
    </row>
    <row r="47523" spans="8:8">
      <c r="H47523" s="12"/>
    </row>
    <row r="47524" spans="8:8">
      <c r="H47524" s="12"/>
    </row>
    <row r="47525" spans="8:8">
      <c r="H47525" s="12"/>
    </row>
    <row r="47526" spans="8:8">
      <c r="H47526" s="12"/>
    </row>
    <row r="47527" spans="8:8">
      <c r="H47527" s="12"/>
    </row>
    <row r="47528" spans="8:8">
      <c r="H47528" s="12"/>
    </row>
    <row r="47529" spans="8:8">
      <c r="H47529" s="12"/>
    </row>
    <row r="47530" spans="8:8">
      <c r="H47530" s="12"/>
    </row>
    <row r="47531" spans="8:8">
      <c r="H47531" s="12"/>
    </row>
    <row r="47532" spans="8:8">
      <c r="H47532" s="12"/>
    </row>
    <row r="47533" spans="8:8">
      <c r="H47533" s="12"/>
    </row>
    <row r="47534" spans="8:8">
      <c r="H47534" s="12"/>
    </row>
    <row r="47535" spans="8:8">
      <c r="H47535" s="12"/>
    </row>
    <row r="47536" spans="8:8">
      <c r="H47536" s="12"/>
    </row>
    <row r="47537" spans="8:8">
      <c r="H47537" s="12"/>
    </row>
    <row r="47538" spans="8:8">
      <c r="H47538" s="12"/>
    </row>
    <row r="47539" spans="8:8">
      <c r="H47539" s="12"/>
    </row>
    <row r="47540" spans="8:8">
      <c r="H47540" s="12"/>
    </row>
    <row r="47541" spans="8:8">
      <c r="H47541" s="12"/>
    </row>
    <row r="47542" spans="8:8">
      <c r="H47542" s="12"/>
    </row>
    <row r="47543" spans="8:8">
      <c r="H47543" s="12"/>
    </row>
    <row r="47544" spans="8:8">
      <c r="H47544" s="12"/>
    </row>
    <row r="47545" spans="8:8">
      <c r="H47545" s="12"/>
    </row>
    <row r="47546" spans="8:8">
      <c r="H47546" s="12"/>
    </row>
    <row r="47547" spans="8:8">
      <c r="H47547" s="12"/>
    </row>
    <row r="47548" spans="8:8">
      <c r="H47548" s="12"/>
    </row>
    <row r="47549" spans="8:8">
      <c r="H47549" s="12"/>
    </row>
    <row r="47550" spans="8:8">
      <c r="H47550" s="12"/>
    </row>
    <row r="47551" spans="8:8">
      <c r="H47551" s="12"/>
    </row>
    <row r="47552" spans="8:8">
      <c r="H47552" s="12"/>
    </row>
    <row r="47553" spans="8:8">
      <c r="H47553" s="12"/>
    </row>
    <row r="47554" spans="8:8">
      <c r="H47554" s="12"/>
    </row>
    <row r="47555" spans="8:8">
      <c r="H47555" s="12"/>
    </row>
    <row r="47556" spans="8:8">
      <c r="H47556" s="12"/>
    </row>
    <row r="47557" spans="8:8">
      <c r="H47557" s="12"/>
    </row>
    <row r="47558" spans="8:8">
      <c r="H47558" s="12"/>
    </row>
    <row r="47559" spans="8:8">
      <c r="H47559" s="12"/>
    </row>
    <row r="47560" spans="8:8">
      <c r="H47560" s="12"/>
    </row>
    <row r="47561" spans="8:8">
      <c r="H47561" s="12"/>
    </row>
    <row r="47562" spans="8:8">
      <c r="H47562" s="12"/>
    </row>
    <row r="47563" spans="8:8">
      <c r="H47563" s="12"/>
    </row>
    <row r="47564" spans="8:8">
      <c r="H47564" s="12"/>
    </row>
    <row r="47565" spans="8:8">
      <c r="H47565" s="12"/>
    </row>
    <row r="47566" spans="8:8">
      <c r="H47566" s="12"/>
    </row>
    <row r="47567" spans="8:8">
      <c r="H47567" s="12"/>
    </row>
    <row r="47568" spans="8:8">
      <c r="H47568" s="12"/>
    </row>
    <row r="47569" spans="8:8">
      <c r="H47569" s="12"/>
    </row>
    <row r="47570" spans="8:8">
      <c r="H47570" s="12"/>
    </row>
    <row r="47571" spans="8:8">
      <c r="H47571" s="12"/>
    </row>
    <row r="47572" spans="8:8">
      <c r="H47572" s="12"/>
    </row>
    <row r="47573" spans="8:8">
      <c r="H47573" s="12"/>
    </row>
    <row r="47574" spans="8:8">
      <c r="H47574" s="12"/>
    </row>
    <row r="47575" spans="8:8">
      <c r="H47575" s="12"/>
    </row>
    <row r="47576" spans="8:8">
      <c r="H47576" s="12"/>
    </row>
    <row r="47577" spans="8:8">
      <c r="H47577" s="12"/>
    </row>
    <row r="47578" spans="8:8">
      <c r="H47578" s="12"/>
    </row>
    <row r="47579" spans="8:8">
      <c r="H47579" s="12"/>
    </row>
    <row r="47580" spans="8:8">
      <c r="H47580" s="12"/>
    </row>
    <row r="47581" spans="8:8">
      <c r="H47581" s="12"/>
    </row>
    <row r="47582" spans="8:8">
      <c r="H47582" s="12"/>
    </row>
    <row r="47583" spans="8:8">
      <c r="H47583" s="12"/>
    </row>
    <row r="47584" spans="8:8">
      <c r="H47584" s="12"/>
    </row>
    <row r="47585" spans="8:8">
      <c r="H47585" s="12"/>
    </row>
    <row r="47586" spans="8:8">
      <c r="H47586" s="12"/>
    </row>
    <row r="47587" spans="8:8">
      <c r="H47587" s="12"/>
    </row>
    <row r="47588" spans="8:8">
      <c r="H47588" s="12"/>
    </row>
    <row r="47589" spans="8:8">
      <c r="H47589" s="12"/>
    </row>
    <row r="47590" spans="8:8">
      <c r="H47590" s="12"/>
    </row>
    <row r="47591" spans="8:8">
      <c r="H47591" s="12"/>
    </row>
    <row r="47592" spans="8:8">
      <c r="H47592" s="12"/>
    </row>
    <row r="47593" spans="8:8">
      <c r="H47593" s="12"/>
    </row>
    <row r="47594" spans="8:8">
      <c r="H47594" s="12"/>
    </row>
    <row r="47595" spans="8:8">
      <c r="H47595" s="12"/>
    </row>
    <row r="47596" spans="8:8">
      <c r="H47596" s="12"/>
    </row>
    <row r="47597" spans="8:8">
      <c r="H47597" s="12"/>
    </row>
    <row r="47598" spans="8:8">
      <c r="H47598" s="12"/>
    </row>
    <row r="47599" spans="8:8">
      <c r="H47599" s="12"/>
    </row>
    <row r="47600" spans="8:8">
      <c r="H47600" s="12"/>
    </row>
    <row r="47601" spans="8:8">
      <c r="H47601" s="12"/>
    </row>
    <row r="47602" spans="8:8">
      <c r="H47602" s="12"/>
    </row>
    <row r="47603" spans="8:8">
      <c r="H47603" s="12"/>
    </row>
    <row r="47604" spans="8:8">
      <c r="H47604" s="12"/>
    </row>
    <row r="47605" spans="8:8">
      <c r="H47605" s="12"/>
    </row>
    <row r="47606" spans="8:8">
      <c r="H47606" s="12"/>
    </row>
    <row r="47607" spans="8:8">
      <c r="H47607" s="12"/>
    </row>
    <row r="47608" spans="8:8">
      <c r="H47608" s="12"/>
    </row>
    <row r="47609" spans="8:8">
      <c r="H47609" s="12"/>
    </row>
    <row r="47610" spans="8:8">
      <c r="H47610" s="12"/>
    </row>
    <row r="47611" spans="8:8">
      <c r="H47611" s="12"/>
    </row>
    <row r="47612" spans="8:8">
      <c r="H47612" s="12"/>
    </row>
    <row r="47613" spans="8:8">
      <c r="H47613" s="12"/>
    </row>
    <row r="47614" spans="8:8">
      <c r="H47614" s="12"/>
    </row>
    <row r="47615" spans="8:8">
      <c r="H47615" s="12"/>
    </row>
    <row r="47616" spans="8:8">
      <c r="H47616" s="12"/>
    </row>
    <row r="47617" spans="8:8">
      <c r="H47617" s="12"/>
    </row>
    <row r="47618" spans="8:8">
      <c r="H47618" s="12"/>
    </row>
    <row r="47619" spans="8:8">
      <c r="H47619" s="12"/>
    </row>
    <row r="47620" spans="8:8">
      <c r="H47620" s="12"/>
    </row>
    <row r="47621" spans="8:8">
      <c r="H47621" s="12"/>
    </row>
    <row r="47622" spans="8:8">
      <c r="H47622" s="12"/>
    </row>
    <row r="47623" spans="8:8">
      <c r="H47623" s="12"/>
    </row>
    <row r="47624" spans="8:8">
      <c r="H47624" s="12"/>
    </row>
    <row r="47625" spans="8:8">
      <c r="H47625" s="12"/>
    </row>
    <row r="47626" spans="8:8">
      <c r="H47626" s="12"/>
    </row>
    <row r="47627" spans="8:8">
      <c r="H47627" s="12"/>
    </row>
    <row r="47628" spans="8:8">
      <c r="H47628" s="12"/>
    </row>
    <row r="47629" spans="8:8">
      <c r="H47629" s="12"/>
    </row>
    <row r="47630" spans="8:8">
      <c r="H47630" s="12"/>
    </row>
    <row r="47631" spans="8:8">
      <c r="H47631" s="12"/>
    </row>
    <row r="47632" spans="8:8">
      <c r="H47632" s="12"/>
    </row>
    <row r="47633" spans="8:8">
      <c r="H47633" s="12"/>
    </row>
    <row r="47634" spans="8:8">
      <c r="H47634" s="12"/>
    </row>
    <row r="47635" spans="8:8">
      <c r="H47635" s="12"/>
    </row>
    <row r="47636" spans="8:8">
      <c r="H47636" s="12"/>
    </row>
    <row r="47637" spans="8:8">
      <c r="H47637" s="12"/>
    </row>
    <row r="47638" spans="8:8">
      <c r="H47638" s="12"/>
    </row>
    <row r="47639" spans="8:8">
      <c r="H47639" s="12"/>
    </row>
    <row r="47640" spans="8:8">
      <c r="H47640" s="12"/>
    </row>
    <row r="47641" spans="8:8">
      <c r="H47641" s="12"/>
    </row>
    <row r="47642" spans="8:8">
      <c r="H47642" s="12"/>
    </row>
    <row r="47643" spans="8:8">
      <c r="H47643" s="12"/>
    </row>
    <row r="47644" spans="8:8">
      <c r="H47644" s="12"/>
    </row>
    <row r="47645" spans="8:8">
      <c r="H47645" s="12"/>
    </row>
    <row r="47646" spans="8:8">
      <c r="H47646" s="12"/>
    </row>
    <row r="47647" spans="8:8">
      <c r="H47647" s="12"/>
    </row>
    <row r="47648" spans="8:8">
      <c r="H47648" s="12"/>
    </row>
    <row r="47649" spans="8:8">
      <c r="H47649" s="12"/>
    </row>
    <row r="47650" spans="8:8">
      <c r="H47650" s="12"/>
    </row>
    <row r="47651" spans="8:8">
      <c r="H47651" s="12"/>
    </row>
    <row r="47652" spans="8:8">
      <c r="H47652" s="12"/>
    </row>
    <row r="47653" spans="8:8">
      <c r="H47653" s="12"/>
    </row>
    <row r="47654" spans="8:8">
      <c r="H47654" s="12"/>
    </row>
    <row r="47655" spans="8:8">
      <c r="H47655" s="12"/>
    </row>
    <row r="47656" spans="8:8">
      <c r="H47656" s="12"/>
    </row>
    <row r="47657" spans="8:8">
      <c r="H47657" s="12"/>
    </row>
    <row r="47658" spans="8:8">
      <c r="H47658" s="12"/>
    </row>
    <row r="47659" spans="8:8">
      <c r="H47659" s="12"/>
    </row>
    <row r="47660" spans="8:8">
      <c r="H47660" s="12"/>
    </row>
    <row r="47661" spans="8:8">
      <c r="H47661" s="12"/>
    </row>
    <row r="47662" spans="8:8">
      <c r="H47662" s="12"/>
    </row>
    <row r="47663" spans="8:8">
      <c r="H47663" s="12"/>
    </row>
    <row r="47664" spans="8:8">
      <c r="H47664" s="12"/>
    </row>
    <row r="47665" spans="8:8">
      <c r="H47665" s="12"/>
    </row>
    <row r="47666" spans="8:8">
      <c r="H47666" s="12"/>
    </row>
    <row r="47667" spans="8:8">
      <c r="H47667" s="12"/>
    </row>
    <row r="47668" spans="8:8">
      <c r="H47668" s="12"/>
    </row>
    <row r="47669" spans="8:8">
      <c r="H47669" s="12"/>
    </row>
    <row r="47670" spans="8:8">
      <c r="H47670" s="12"/>
    </row>
    <row r="47671" spans="8:8">
      <c r="H47671" s="12"/>
    </row>
    <row r="47672" spans="8:8">
      <c r="H47672" s="12"/>
    </row>
    <row r="47673" spans="8:8">
      <c r="H47673" s="12"/>
    </row>
    <row r="47674" spans="8:8">
      <c r="H47674" s="12"/>
    </row>
    <row r="47675" spans="8:8">
      <c r="H47675" s="12"/>
    </row>
    <row r="47676" spans="8:8">
      <c r="H47676" s="12"/>
    </row>
    <row r="47677" spans="8:8">
      <c r="H47677" s="12"/>
    </row>
    <row r="47678" spans="8:8">
      <c r="H47678" s="12"/>
    </row>
    <row r="47679" spans="8:8">
      <c r="H47679" s="12"/>
    </row>
    <row r="47680" spans="8:8">
      <c r="H47680" s="12"/>
    </row>
    <row r="47681" spans="8:8">
      <c r="H47681" s="12"/>
    </row>
    <row r="47682" spans="8:8">
      <c r="H47682" s="12"/>
    </row>
    <row r="47683" spans="8:8">
      <c r="H47683" s="12"/>
    </row>
    <row r="47684" spans="8:8">
      <c r="H47684" s="12"/>
    </row>
    <row r="47685" spans="8:8">
      <c r="H47685" s="12"/>
    </row>
    <row r="47686" spans="8:8">
      <c r="H47686" s="12"/>
    </row>
    <row r="47687" spans="8:8">
      <c r="H47687" s="12"/>
    </row>
    <row r="47688" spans="8:8">
      <c r="H47688" s="12"/>
    </row>
    <row r="47689" spans="8:8">
      <c r="H47689" s="12"/>
    </row>
    <row r="47690" spans="8:8">
      <c r="H47690" s="12"/>
    </row>
    <row r="47691" spans="8:8">
      <c r="H47691" s="12"/>
    </row>
    <row r="47692" spans="8:8">
      <c r="H47692" s="12"/>
    </row>
    <row r="47693" spans="8:8">
      <c r="H47693" s="12"/>
    </row>
    <row r="47694" spans="8:8">
      <c r="H47694" s="12"/>
    </row>
    <row r="47695" spans="8:8">
      <c r="H47695" s="12"/>
    </row>
    <row r="47696" spans="8:8">
      <c r="H47696" s="12"/>
    </row>
    <row r="47697" spans="8:8">
      <c r="H47697" s="12"/>
    </row>
    <row r="47698" spans="8:8">
      <c r="H47698" s="12"/>
    </row>
    <row r="47699" spans="8:8">
      <c r="H47699" s="12"/>
    </row>
    <row r="47700" spans="8:8">
      <c r="H47700" s="12"/>
    </row>
    <row r="47701" spans="8:8">
      <c r="H47701" s="12"/>
    </row>
    <row r="47702" spans="8:8">
      <c r="H47702" s="12"/>
    </row>
    <row r="47703" spans="8:8">
      <c r="H47703" s="12"/>
    </row>
    <row r="47704" spans="8:8">
      <c r="H47704" s="12"/>
    </row>
    <row r="47705" spans="8:8">
      <c r="H47705" s="12"/>
    </row>
    <row r="47706" spans="8:8">
      <c r="H47706" s="12"/>
    </row>
    <row r="47707" spans="8:8">
      <c r="H47707" s="12"/>
    </row>
    <row r="47708" spans="8:8">
      <c r="H47708" s="12"/>
    </row>
    <row r="47709" spans="8:8">
      <c r="H47709" s="12"/>
    </row>
    <row r="47710" spans="8:8">
      <c r="H47710" s="12"/>
    </row>
    <row r="47711" spans="8:8">
      <c r="H47711" s="12"/>
    </row>
    <row r="47712" spans="8:8">
      <c r="H47712" s="12"/>
    </row>
    <row r="47713" spans="8:8">
      <c r="H47713" s="12"/>
    </row>
    <row r="47714" spans="8:8">
      <c r="H47714" s="12"/>
    </row>
    <row r="47715" spans="8:8">
      <c r="H47715" s="12"/>
    </row>
    <row r="47716" spans="8:8">
      <c r="H47716" s="12"/>
    </row>
    <row r="47717" spans="8:8">
      <c r="H47717" s="12"/>
    </row>
    <row r="47718" spans="8:8">
      <c r="H47718" s="12"/>
    </row>
    <row r="47719" spans="8:8">
      <c r="H47719" s="12"/>
    </row>
    <row r="47720" spans="8:8">
      <c r="H47720" s="12"/>
    </row>
    <row r="47721" spans="8:8">
      <c r="H47721" s="12"/>
    </row>
    <row r="47722" spans="8:8">
      <c r="H47722" s="12"/>
    </row>
    <row r="47723" spans="8:8">
      <c r="H47723" s="12"/>
    </row>
    <row r="47724" spans="8:8">
      <c r="H47724" s="12"/>
    </row>
    <row r="47725" spans="8:8">
      <c r="H47725" s="12"/>
    </row>
    <row r="47726" spans="8:8">
      <c r="H47726" s="12"/>
    </row>
    <row r="47727" spans="8:8">
      <c r="H47727" s="12"/>
    </row>
    <row r="47728" spans="8:8">
      <c r="H47728" s="12"/>
    </row>
    <row r="47729" spans="8:8">
      <c r="H47729" s="12"/>
    </row>
    <row r="47730" spans="8:8">
      <c r="H47730" s="12"/>
    </row>
    <row r="47731" spans="8:8">
      <c r="H47731" s="12"/>
    </row>
    <row r="47732" spans="8:8">
      <c r="H47732" s="12"/>
    </row>
    <row r="47733" spans="8:8">
      <c r="H47733" s="12"/>
    </row>
    <row r="47734" spans="8:8">
      <c r="H47734" s="12"/>
    </row>
    <row r="47735" spans="8:8">
      <c r="H47735" s="12"/>
    </row>
    <row r="47736" spans="8:8">
      <c r="H47736" s="12"/>
    </row>
    <row r="47737" spans="8:8">
      <c r="H47737" s="12"/>
    </row>
    <row r="47738" spans="8:8">
      <c r="H47738" s="12"/>
    </row>
    <row r="47739" spans="8:8">
      <c r="H47739" s="12"/>
    </row>
    <row r="47740" spans="8:8">
      <c r="H47740" s="12"/>
    </row>
    <row r="47741" spans="8:8">
      <c r="H47741" s="12"/>
    </row>
    <row r="47742" spans="8:8">
      <c r="H47742" s="12"/>
    </row>
    <row r="47743" spans="8:8">
      <c r="H47743" s="12"/>
    </row>
    <row r="47744" spans="8:8">
      <c r="H47744" s="12"/>
    </row>
    <row r="47745" spans="8:8">
      <c r="H47745" s="12"/>
    </row>
    <row r="47746" spans="8:8">
      <c r="H47746" s="12"/>
    </row>
    <row r="47747" spans="8:8">
      <c r="H47747" s="12"/>
    </row>
    <row r="47748" spans="8:8">
      <c r="H47748" s="12"/>
    </row>
    <row r="47749" spans="8:8">
      <c r="H47749" s="12"/>
    </row>
    <row r="47750" spans="8:8">
      <c r="H47750" s="12"/>
    </row>
    <row r="47751" spans="8:8">
      <c r="H47751" s="12"/>
    </row>
    <row r="47752" spans="8:8">
      <c r="H47752" s="12"/>
    </row>
    <row r="47753" spans="8:8">
      <c r="H47753" s="12"/>
    </row>
    <row r="47754" spans="8:8">
      <c r="H47754" s="12"/>
    </row>
    <row r="47755" spans="8:8">
      <c r="H47755" s="12"/>
    </row>
    <row r="47756" spans="8:8">
      <c r="H47756" s="12"/>
    </row>
    <row r="47757" spans="8:8">
      <c r="H47757" s="12"/>
    </row>
    <row r="47758" spans="8:8">
      <c r="H47758" s="12"/>
    </row>
    <row r="47759" spans="8:8">
      <c r="H47759" s="12"/>
    </row>
    <row r="47760" spans="8:8">
      <c r="H47760" s="12"/>
    </row>
    <row r="47761" spans="8:8">
      <c r="H47761" s="12"/>
    </row>
    <row r="47762" spans="8:8">
      <c r="H47762" s="12"/>
    </row>
    <row r="47763" spans="8:8">
      <c r="H47763" s="12"/>
    </row>
    <row r="47764" spans="8:8">
      <c r="H47764" s="12"/>
    </row>
    <row r="47765" spans="8:8">
      <c r="H47765" s="12"/>
    </row>
    <row r="47766" spans="8:8">
      <c r="H47766" s="12"/>
    </row>
    <row r="47767" spans="8:8">
      <c r="H47767" s="12"/>
    </row>
    <row r="47768" spans="8:8">
      <c r="H47768" s="12"/>
    </row>
    <row r="47769" spans="8:8">
      <c r="H47769" s="12"/>
    </row>
    <row r="47770" spans="8:8">
      <c r="H47770" s="12"/>
    </row>
    <row r="47771" spans="8:8">
      <c r="H47771" s="12"/>
    </row>
    <row r="47772" spans="8:8">
      <c r="H47772" s="12"/>
    </row>
    <row r="47773" spans="8:8">
      <c r="H47773" s="12"/>
    </row>
    <row r="47774" spans="8:8">
      <c r="H47774" s="12"/>
    </row>
    <row r="47775" spans="8:8">
      <c r="H47775" s="12"/>
    </row>
    <row r="47776" spans="8:8">
      <c r="H47776" s="12"/>
    </row>
    <row r="47777" spans="8:8">
      <c r="H47777" s="12"/>
    </row>
    <row r="47778" spans="8:8">
      <c r="H47778" s="12"/>
    </row>
    <row r="47779" spans="8:8">
      <c r="H47779" s="12"/>
    </row>
    <row r="47780" spans="8:8">
      <c r="H47780" s="12"/>
    </row>
    <row r="47781" spans="8:8">
      <c r="H47781" s="12"/>
    </row>
    <row r="47782" spans="8:8">
      <c r="H47782" s="12"/>
    </row>
    <row r="47783" spans="8:8">
      <c r="H47783" s="12"/>
    </row>
    <row r="47784" spans="8:8">
      <c r="H47784" s="12"/>
    </row>
    <row r="47785" spans="8:8">
      <c r="H47785" s="12"/>
    </row>
    <row r="47786" spans="8:8">
      <c r="H47786" s="12"/>
    </row>
    <row r="47787" spans="8:8">
      <c r="H47787" s="12"/>
    </row>
    <row r="47788" spans="8:8">
      <c r="H47788" s="12"/>
    </row>
    <row r="47789" spans="8:8">
      <c r="H47789" s="12"/>
    </row>
    <row r="47790" spans="8:8">
      <c r="H47790" s="12"/>
    </row>
    <row r="47791" spans="8:8">
      <c r="H47791" s="12"/>
    </row>
    <row r="47792" spans="8:8">
      <c r="H47792" s="12"/>
    </row>
    <row r="47793" spans="8:8">
      <c r="H47793" s="12"/>
    </row>
    <row r="47794" spans="8:8">
      <c r="H47794" s="12"/>
    </row>
    <row r="47795" spans="8:8">
      <c r="H47795" s="12"/>
    </row>
    <row r="47796" spans="8:8">
      <c r="H47796" s="12"/>
    </row>
    <row r="47797" spans="8:8">
      <c r="H47797" s="12"/>
    </row>
    <row r="47798" spans="8:8">
      <c r="H47798" s="12"/>
    </row>
    <row r="47799" spans="8:8">
      <c r="H47799" s="12"/>
    </row>
    <row r="47800" spans="8:8">
      <c r="H47800" s="12"/>
    </row>
    <row r="47801" spans="8:8">
      <c r="H47801" s="12"/>
    </row>
    <row r="47802" spans="8:8">
      <c r="H47802" s="12"/>
    </row>
    <row r="47803" spans="8:8">
      <c r="H47803" s="12"/>
    </row>
    <row r="47804" spans="8:8">
      <c r="H47804" s="12"/>
    </row>
    <row r="47805" spans="8:8">
      <c r="H47805" s="12"/>
    </row>
    <row r="47806" spans="8:8">
      <c r="H47806" s="12"/>
    </row>
    <row r="47807" spans="8:8">
      <c r="H47807" s="12"/>
    </row>
    <row r="47808" spans="8:8">
      <c r="H47808" s="12"/>
    </row>
    <row r="47809" spans="8:8">
      <c r="H47809" s="12"/>
    </row>
    <row r="47810" spans="8:8">
      <c r="H47810" s="12"/>
    </row>
    <row r="47811" spans="8:8">
      <c r="H47811" s="12"/>
    </row>
    <row r="47812" spans="8:8">
      <c r="H47812" s="12"/>
    </row>
    <row r="47813" spans="8:8">
      <c r="H47813" s="12"/>
    </row>
    <row r="47814" spans="8:8">
      <c r="H47814" s="12"/>
    </row>
    <row r="47815" spans="8:8">
      <c r="H47815" s="12"/>
    </row>
    <row r="47816" spans="8:8">
      <c r="H47816" s="12"/>
    </row>
    <row r="47817" spans="8:8">
      <c r="H47817" s="12"/>
    </row>
    <row r="47818" spans="8:8">
      <c r="H47818" s="12"/>
    </row>
    <row r="47819" spans="8:8">
      <c r="H47819" s="12"/>
    </row>
    <row r="47820" spans="8:8">
      <c r="H47820" s="12"/>
    </row>
    <row r="47821" spans="8:8">
      <c r="H47821" s="12"/>
    </row>
    <row r="47822" spans="8:8">
      <c r="H47822" s="12"/>
    </row>
    <row r="47823" spans="8:8">
      <c r="H47823" s="12"/>
    </row>
    <row r="47824" spans="8:8">
      <c r="H47824" s="12"/>
    </row>
    <row r="47825" spans="8:8">
      <c r="H47825" s="12"/>
    </row>
    <row r="47826" spans="8:8">
      <c r="H47826" s="12"/>
    </row>
    <row r="47827" spans="8:8">
      <c r="H47827" s="12"/>
    </row>
    <row r="47828" spans="8:8">
      <c r="H47828" s="12"/>
    </row>
    <row r="47829" spans="8:8">
      <c r="H47829" s="12"/>
    </row>
    <row r="47830" spans="8:8">
      <c r="H47830" s="12"/>
    </row>
    <row r="47831" spans="8:8">
      <c r="H47831" s="12"/>
    </row>
    <row r="47832" spans="8:8">
      <c r="H47832" s="12"/>
    </row>
    <row r="47833" spans="8:8">
      <c r="H47833" s="12"/>
    </row>
    <row r="47834" spans="8:8">
      <c r="H47834" s="12"/>
    </row>
    <row r="47835" spans="8:8">
      <c r="H47835" s="12"/>
    </row>
    <row r="47836" spans="8:8">
      <c r="H47836" s="12"/>
    </row>
    <row r="47837" spans="8:8">
      <c r="H47837" s="12"/>
    </row>
    <row r="47838" spans="8:8">
      <c r="H47838" s="12"/>
    </row>
    <row r="47839" spans="8:8">
      <c r="H47839" s="12"/>
    </row>
    <row r="47840" spans="8:8">
      <c r="H47840" s="12"/>
    </row>
    <row r="47841" spans="8:8">
      <c r="H47841" s="12"/>
    </row>
    <row r="47842" spans="8:8">
      <c r="H47842" s="12"/>
    </row>
    <row r="47843" spans="8:8">
      <c r="H47843" s="12"/>
    </row>
    <row r="47844" spans="8:8">
      <c r="H47844" s="12"/>
    </row>
    <row r="47845" spans="8:8">
      <c r="H47845" s="12"/>
    </row>
    <row r="47846" spans="8:8">
      <c r="H47846" s="12"/>
    </row>
    <row r="47847" spans="8:8">
      <c r="H47847" s="12"/>
    </row>
    <row r="47848" spans="8:8">
      <c r="H47848" s="12"/>
    </row>
    <row r="47849" spans="8:8">
      <c r="H47849" s="12"/>
    </row>
    <row r="47850" spans="8:8">
      <c r="H47850" s="12"/>
    </row>
    <row r="47851" spans="8:8">
      <c r="H47851" s="12"/>
    </row>
    <row r="47852" spans="8:8">
      <c r="H47852" s="12"/>
    </row>
    <row r="47853" spans="8:8">
      <c r="H47853" s="12"/>
    </row>
    <row r="47854" spans="8:8">
      <c r="H47854" s="12"/>
    </row>
    <row r="47855" spans="8:8">
      <c r="H47855" s="12"/>
    </row>
    <row r="47856" spans="8:8">
      <c r="H47856" s="12"/>
    </row>
    <row r="47857" spans="8:8">
      <c r="H47857" s="12"/>
    </row>
    <row r="47858" spans="8:8">
      <c r="H47858" s="12"/>
    </row>
    <row r="47859" spans="8:8">
      <c r="H47859" s="12"/>
    </row>
    <row r="47860" spans="8:8">
      <c r="H47860" s="12"/>
    </row>
    <row r="47861" spans="8:8">
      <c r="H47861" s="12"/>
    </row>
    <row r="47862" spans="8:8">
      <c r="H47862" s="12"/>
    </row>
    <row r="47863" spans="8:8">
      <c r="H47863" s="12"/>
    </row>
    <row r="47864" spans="8:8">
      <c r="H47864" s="12"/>
    </row>
    <row r="47865" spans="8:8">
      <c r="H47865" s="12"/>
    </row>
    <row r="47866" spans="8:8">
      <c r="H47866" s="12"/>
    </row>
    <row r="47867" spans="8:8">
      <c r="H47867" s="12"/>
    </row>
    <row r="47868" spans="8:8">
      <c r="H47868" s="12"/>
    </row>
    <row r="47869" spans="8:8">
      <c r="H47869" s="12"/>
    </row>
    <row r="47870" spans="8:8">
      <c r="H47870" s="12"/>
    </row>
    <row r="47871" spans="8:8">
      <c r="H47871" s="12"/>
    </row>
    <row r="47872" spans="8:8">
      <c r="H47872" s="12"/>
    </row>
    <row r="47873" spans="8:8">
      <c r="H47873" s="12"/>
    </row>
    <row r="47874" spans="8:8">
      <c r="H47874" s="12"/>
    </row>
    <row r="47875" spans="8:8">
      <c r="H47875" s="12"/>
    </row>
    <row r="47876" spans="8:8">
      <c r="H47876" s="12"/>
    </row>
    <row r="47877" spans="8:8">
      <c r="H47877" s="12"/>
    </row>
    <row r="47878" spans="8:8">
      <c r="H47878" s="12"/>
    </row>
    <row r="47879" spans="8:8">
      <c r="H47879" s="12"/>
    </row>
    <row r="47880" spans="8:8">
      <c r="H47880" s="12"/>
    </row>
    <row r="47881" spans="8:8">
      <c r="H47881" s="12"/>
    </row>
    <row r="47882" spans="8:8">
      <c r="H47882" s="12"/>
    </row>
    <row r="47883" spans="8:8">
      <c r="H47883" s="12"/>
    </row>
    <row r="47884" spans="8:8">
      <c r="H47884" s="12"/>
    </row>
    <row r="47885" spans="8:8">
      <c r="H47885" s="12"/>
    </row>
    <row r="47886" spans="8:8">
      <c r="H47886" s="12"/>
    </row>
    <row r="47887" spans="8:8">
      <c r="H47887" s="12"/>
    </row>
    <row r="47888" spans="8:8">
      <c r="H47888" s="12"/>
    </row>
    <row r="47889" spans="8:8">
      <c r="H47889" s="12"/>
    </row>
    <row r="47890" spans="8:8">
      <c r="H47890" s="12"/>
    </row>
    <row r="47891" spans="8:8">
      <c r="H47891" s="12"/>
    </row>
    <row r="47892" spans="8:8">
      <c r="H47892" s="12"/>
    </row>
    <row r="47893" spans="8:8">
      <c r="H47893" s="12"/>
    </row>
    <row r="47894" spans="8:8">
      <c r="H47894" s="12"/>
    </row>
    <row r="47895" spans="8:8">
      <c r="H47895" s="12"/>
    </row>
    <row r="47896" spans="8:8">
      <c r="H47896" s="12"/>
    </row>
    <row r="47897" spans="8:8">
      <c r="H47897" s="12"/>
    </row>
    <row r="47898" spans="8:8">
      <c r="H47898" s="12"/>
    </row>
    <row r="47899" spans="8:8">
      <c r="H47899" s="12"/>
    </row>
    <row r="47900" spans="8:8">
      <c r="H47900" s="12"/>
    </row>
    <row r="47901" spans="8:8">
      <c r="H47901" s="12"/>
    </row>
    <row r="47902" spans="8:8">
      <c r="H47902" s="12"/>
    </row>
    <row r="47903" spans="8:8">
      <c r="H47903" s="12"/>
    </row>
    <row r="47904" spans="8:8">
      <c r="H47904" s="12"/>
    </row>
    <row r="47905" spans="8:8">
      <c r="H47905" s="12"/>
    </row>
    <row r="47906" spans="8:8">
      <c r="H47906" s="12"/>
    </row>
    <row r="47907" spans="8:8">
      <c r="H47907" s="12"/>
    </row>
    <row r="47908" spans="8:8">
      <c r="H47908" s="12"/>
    </row>
    <row r="47909" spans="8:8">
      <c r="H47909" s="12"/>
    </row>
    <row r="47910" spans="8:8">
      <c r="H47910" s="12"/>
    </row>
    <row r="47911" spans="8:8">
      <c r="H47911" s="12"/>
    </row>
    <row r="47912" spans="8:8">
      <c r="H47912" s="12"/>
    </row>
    <row r="47913" spans="8:8">
      <c r="H47913" s="12"/>
    </row>
    <row r="47914" spans="8:8">
      <c r="H47914" s="12"/>
    </row>
    <row r="47915" spans="8:8">
      <c r="H47915" s="12"/>
    </row>
    <row r="47916" spans="8:8">
      <c r="H47916" s="12"/>
    </row>
    <row r="47917" spans="8:8">
      <c r="H47917" s="12"/>
    </row>
    <row r="47918" spans="8:8">
      <c r="H47918" s="12"/>
    </row>
    <row r="47919" spans="8:8">
      <c r="H47919" s="12"/>
    </row>
    <row r="47920" spans="8:8">
      <c r="H47920" s="12"/>
    </row>
    <row r="47921" spans="8:8">
      <c r="H47921" s="12"/>
    </row>
    <row r="47922" spans="8:8">
      <c r="H47922" s="12"/>
    </row>
    <row r="47923" spans="8:8">
      <c r="H47923" s="12"/>
    </row>
    <row r="47924" spans="8:8">
      <c r="H47924" s="12"/>
    </row>
    <row r="47925" spans="8:8">
      <c r="H47925" s="12"/>
    </row>
    <row r="47926" spans="8:8">
      <c r="H47926" s="12"/>
    </row>
    <row r="47927" spans="8:8">
      <c r="H47927" s="12"/>
    </row>
    <row r="47928" spans="8:8">
      <c r="H47928" s="12"/>
    </row>
    <row r="47929" spans="8:8">
      <c r="H47929" s="12"/>
    </row>
    <row r="47930" spans="8:8">
      <c r="H47930" s="12"/>
    </row>
    <row r="47931" spans="8:8">
      <c r="H47931" s="12"/>
    </row>
    <row r="47932" spans="8:8">
      <c r="H47932" s="12"/>
    </row>
    <row r="47933" spans="8:8">
      <c r="H47933" s="12"/>
    </row>
    <row r="47934" spans="8:8">
      <c r="H47934" s="12"/>
    </row>
    <row r="47935" spans="8:8">
      <c r="H47935" s="12"/>
    </row>
    <row r="47936" spans="8:8">
      <c r="H47936" s="12"/>
    </row>
    <row r="47937" spans="8:8">
      <c r="H47937" s="12"/>
    </row>
    <row r="47938" spans="8:8">
      <c r="H47938" s="12"/>
    </row>
    <row r="47939" spans="8:8">
      <c r="H47939" s="12"/>
    </row>
    <row r="47940" spans="8:8">
      <c r="H47940" s="12"/>
    </row>
    <row r="47941" spans="8:8">
      <c r="H47941" s="12"/>
    </row>
    <row r="47942" spans="8:8">
      <c r="H47942" s="12"/>
    </row>
    <row r="47943" spans="8:8">
      <c r="H47943" s="12"/>
    </row>
    <row r="47944" spans="8:8">
      <c r="H47944" s="12"/>
    </row>
    <row r="47945" spans="8:8">
      <c r="H47945" s="12"/>
    </row>
    <row r="47946" spans="8:8">
      <c r="H47946" s="12"/>
    </row>
    <row r="47947" spans="8:8">
      <c r="H47947" s="12"/>
    </row>
    <row r="47948" spans="8:8">
      <c r="H47948" s="12"/>
    </row>
    <row r="47949" spans="8:8">
      <c r="H47949" s="12"/>
    </row>
    <row r="47950" spans="8:8">
      <c r="H47950" s="12"/>
    </row>
    <row r="47951" spans="8:8">
      <c r="H47951" s="12"/>
    </row>
    <row r="47952" spans="8:8">
      <c r="H47952" s="12"/>
    </row>
    <row r="47953" spans="8:8">
      <c r="H47953" s="12"/>
    </row>
    <row r="47954" spans="8:8">
      <c r="H47954" s="12"/>
    </row>
    <row r="47955" spans="8:8">
      <c r="H47955" s="12"/>
    </row>
    <row r="47956" spans="8:8">
      <c r="H47956" s="12"/>
    </row>
    <row r="47957" spans="8:8">
      <c r="H47957" s="12"/>
    </row>
    <row r="47958" spans="8:8">
      <c r="H47958" s="12"/>
    </row>
    <row r="47959" spans="8:8">
      <c r="H47959" s="12"/>
    </row>
    <row r="47960" spans="8:8">
      <c r="H47960" s="12"/>
    </row>
    <row r="47961" spans="8:8">
      <c r="H47961" s="12"/>
    </row>
    <row r="47962" spans="8:8">
      <c r="H47962" s="12"/>
    </row>
    <row r="47963" spans="8:8">
      <c r="H47963" s="12"/>
    </row>
    <row r="47964" spans="8:8">
      <c r="H47964" s="12"/>
    </row>
    <row r="47965" spans="8:8">
      <c r="H47965" s="12"/>
    </row>
    <row r="47966" spans="8:8">
      <c r="H47966" s="12"/>
    </row>
    <row r="47967" spans="8:8">
      <c r="H47967" s="12"/>
    </row>
    <row r="47968" spans="8:8">
      <c r="H47968" s="12"/>
    </row>
    <row r="47969" spans="8:8">
      <c r="H47969" s="12"/>
    </row>
    <row r="47970" spans="8:8">
      <c r="H47970" s="12"/>
    </row>
    <row r="47971" spans="8:8">
      <c r="H47971" s="12"/>
    </row>
    <row r="47972" spans="8:8">
      <c r="H47972" s="12"/>
    </row>
    <row r="47973" spans="8:8">
      <c r="H47973" s="12"/>
    </row>
    <row r="47974" spans="8:8">
      <c r="H47974" s="12"/>
    </row>
    <row r="47975" spans="8:8">
      <c r="H47975" s="12"/>
    </row>
    <row r="47976" spans="8:8">
      <c r="H47976" s="12"/>
    </row>
    <row r="47977" spans="8:8">
      <c r="H47977" s="12"/>
    </row>
    <row r="47978" spans="8:8">
      <c r="H47978" s="12"/>
    </row>
    <row r="47979" spans="8:8">
      <c r="H47979" s="12"/>
    </row>
    <row r="47980" spans="8:8">
      <c r="H47980" s="12"/>
    </row>
    <row r="47981" spans="8:8">
      <c r="H47981" s="12"/>
    </row>
    <row r="47982" spans="8:8">
      <c r="H47982" s="12"/>
    </row>
    <row r="47983" spans="8:8">
      <c r="H47983" s="12"/>
    </row>
    <row r="47984" spans="8:8">
      <c r="H47984" s="12"/>
    </row>
    <row r="47985" spans="8:8">
      <c r="H47985" s="12"/>
    </row>
    <row r="47986" spans="8:8">
      <c r="H47986" s="12"/>
    </row>
    <row r="47987" spans="8:8">
      <c r="H47987" s="12"/>
    </row>
    <row r="47988" spans="8:8">
      <c r="H47988" s="12"/>
    </row>
    <row r="47989" spans="8:8">
      <c r="H47989" s="12"/>
    </row>
    <row r="47990" spans="8:8">
      <c r="H47990" s="12"/>
    </row>
    <row r="47991" spans="8:8">
      <c r="H47991" s="12"/>
    </row>
    <row r="47992" spans="8:8">
      <c r="H47992" s="12"/>
    </row>
    <row r="47993" spans="8:8">
      <c r="H47993" s="12"/>
    </row>
    <row r="47994" spans="8:8">
      <c r="H47994" s="12"/>
    </row>
    <row r="47995" spans="8:8">
      <c r="H47995" s="12"/>
    </row>
    <row r="47996" spans="8:8">
      <c r="H47996" s="12"/>
    </row>
    <row r="47997" spans="8:8">
      <c r="H47997" s="12"/>
    </row>
    <row r="47998" spans="8:8">
      <c r="H47998" s="12"/>
    </row>
    <row r="47999" spans="8:8">
      <c r="H47999" s="12"/>
    </row>
    <row r="48000" spans="8:8">
      <c r="H48000" s="12"/>
    </row>
    <row r="48001" spans="8:8">
      <c r="H48001" s="12"/>
    </row>
    <row r="48002" spans="8:8">
      <c r="H48002" s="12"/>
    </row>
    <row r="48003" spans="8:8">
      <c r="H48003" s="12"/>
    </row>
    <row r="48004" spans="8:8">
      <c r="H48004" s="12"/>
    </row>
    <row r="48005" spans="8:8">
      <c r="H48005" s="12"/>
    </row>
    <row r="48006" spans="8:8">
      <c r="H48006" s="12"/>
    </row>
    <row r="48007" spans="8:8">
      <c r="H48007" s="12"/>
    </row>
    <row r="48008" spans="8:8">
      <c r="H48008" s="12"/>
    </row>
    <row r="48009" spans="8:8">
      <c r="H48009" s="12"/>
    </row>
    <row r="48010" spans="8:8">
      <c r="H48010" s="12"/>
    </row>
    <row r="48011" spans="8:8">
      <c r="H48011" s="12"/>
    </row>
    <row r="48012" spans="8:8">
      <c r="H48012" s="12"/>
    </row>
    <row r="48013" spans="8:8">
      <c r="H48013" s="12"/>
    </row>
    <row r="48014" spans="8:8">
      <c r="H48014" s="12"/>
    </row>
    <row r="48015" spans="8:8">
      <c r="H48015" s="12"/>
    </row>
    <row r="48016" spans="8:8">
      <c r="H48016" s="12"/>
    </row>
    <row r="48017" spans="8:8">
      <c r="H48017" s="12"/>
    </row>
    <row r="48018" spans="8:8">
      <c r="H48018" s="12"/>
    </row>
    <row r="48019" spans="8:8">
      <c r="H48019" s="12"/>
    </row>
    <row r="48020" spans="8:8">
      <c r="H48020" s="12"/>
    </row>
    <row r="48021" spans="8:8">
      <c r="H48021" s="12"/>
    </row>
    <row r="48022" spans="8:8">
      <c r="H48022" s="12"/>
    </row>
    <row r="48023" spans="8:8">
      <c r="H48023" s="12"/>
    </row>
    <row r="48024" spans="8:8">
      <c r="H48024" s="12"/>
    </row>
    <row r="48025" spans="8:8">
      <c r="H48025" s="12"/>
    </row>
    <row r="48026" spans="8:8">
      <c r="H48026" s="12"/>
    </row>
    <row r="48027" spans="8:8">
      <c r="H48027" s="12"/>
    </row>
    <row r="48028" spans="8:8">
      <c r="H48028" s="12"/>
    </row>
    <row r="48029" spans="8:8">
      <c r="H48029" s="12"/>
    </row>
    <row r="48030" spans="8:8">
      <c r="H48030" s="12"/>
    </row>
    <row r="48031" spans="8:8">
      <c r="H48031" s="12"/>
    </row>
    <row r="48032" spans="8:8">
      <c r="H48032" s="12"/>
    </row>
    <row r="48033" spans="8:8">
      <c r="H48033" s="12"/>
    </row>
    <row r="48034" spans="8:8">
      <c r="H48034" s="12"/>
    </row>
    <row r="48035" spans="8:8">
      <c r="H48035" s="12"/>
    </row>
    <row r="48036" spans="8:8">
      <c r="H48036" s="12"/>
    </row>
    <row r="48037" spans="8:8">
      <c r="H48037" s="12"/>
    </row>
    <row r="48038" spans="8:8">
      <c r="H48038" s="12"/>
    </row>
    <row r="48039" spans="8:8">
      <c r="H48039" s="12"/>
    </row>
    <row r="48040" spans="8:8">
      <c r="H48040" s="12"/>
    </row>
    <row r="48041" spans="8:8">
      <c r="H48041" s="12"/>
    </row>
    <row r="48042" spans="8:8">
      <c r="H48042" s="12"/>
    </row>
    <row r="48043" spans="8:8">
      <c r="H48043" s="12"/>
    </row>
    <row r="48044" spans="8:8">
      <c r="H48044" s="12"/>
    </row>
    <row r="48045" spans="8:8">
      <c r="H48045" s="12"/>
    </row>
    <row r="48046" spans="8:8">
      <c r="H48046" s="12"/>
    </row>
    <row r="48047" spans="8:8">
      <c r="H48047" s="12"/>
    </row>
    <row r="48048" spans="8:8">
      <c r="H48048" s="12"/>
    </row>
    <row r="48049" spans="8:8">
      <c r="H48049" s="12"/>
    </row>
    <row r="48050" spans="8:8">
      <c r="H48050" s="12"/>
    </row>
    <row r="48051" spans="8:8">
      <c r="H48051" s="12"/>
    </row>
    <row r="48052" spans="8:8">
      <c r="H48052" s="12"/>
    </row>
    <row r="48053" spans="8:8">
      <c r="H48053" s="12"/>
    </row>
    <row r="48054" spans="8:8">
      <c r="H48054" s="12"/>
    </row>
    <row r="48055" spans="8:8">
      <c r="H48055" s="12"/>
    </row>
    <row r="48056" spans="8:8">
      <c r="H48056" s="12"/>
    </row>
    <row r="48057" spans="8:8">
      <c r="H48057" s="12"/>
    </row>
    <row r="48058" spans="8:8">
      <c r="H48058" s="12"/>
    </row>
    <row r="48059" spans="8:8">
      <c r="H48059" s="12"/>
    </row>
    <row r="48060" spans="8:8">
      <c r="H48060" s="12"/>
    </row>
    <row r="48061" spans="8:8">
      <c r="H48061" s="12"/>
    </row>
    <row r="48062" spans="8:8">
      <c r="H48062" s="12"/>
    </row>
    <row r="48063" spans="8:8">
      <c r="H48063" s="12"/>
    </row>
    <row r="48064" spans="8:8">
      <c r="H48064" s="12"/>
    </row>
    <row r="48065" spans="8:8">
      <c r="H48065" s="12"/>
    </row>
    <row r="48066" spans="8:8">
      <c r="H48066" s="12"/>
    </row>
    <row r="48067" spans="8:8">
      <c r="H48067" s="12"/>
    </row>
    <row r="48068" spans="8:8">
      <c r="H48068" s="12"/>
    </row>
    <row r="48069" spans="8:8">
      <c r="H48069" s="12"/>
    </row>
    <row r="48070" spans="8:8">
      <c r="H48070" s="12"/>
    </row>
    <row r="48071" spans="8:8">
      <c r="H48071" s="12"/>
    </row>
    <row r="48072" spans="8:8">
      <c r="H48072" s="12"/>
    </row>
    <row r="48073" spans="8:8">
      <c r="H48073" s="12"/>
    </row>
    <row r="48074" spans="8:8">
      <c r="H48074" s="12"/>
    </row>
    <row r="48075" spans="8:8">
      <c r="H48075" s="12"/>
    </row>
    <row r="48076" spans="8:8">
      <c r="H48076" s="12"/>
    </row>
    <row r="48077" spans="8:8">
      <c r="H48077" s="12"/>
    </row>
    <row r="48078" spans="8:8">
      <c r="H48078" s="12"/>
    </row>
    <row r="48079" spans="8:8">
      <c r="H48079" s="12"/>
    </row>
    <row r="48080" spans="8:8">
      <c r="H48080" s="12"/>
    </row>
    <row r="48081" spans="8:8">
      <c r="H48081" s="12"/>
    </row>
    <row r="48082" spans="8:8">
      <c r="H48082" s="12"/>
    </row>
    <row r="48083" spans="8:8">
      <c r="H48083" s="12"/>
    </row>
    <row r="48084" spans="8:8">
      <c r="H48084" s="12"/>
    </row>
    <row r="48085" spans="8:8">
      <c r="H48085" s="12"/>
    </row>
    <row r="48086" spans="8:8">
      <c r="H48086" s="12"/>
    </row>
    <row r="48087" spans="8:8">
      <c r="H48087" s="12"/>
    </row>
    <row r="48088" spans="8:8">
      <c r="H48088" s="12"/>
    </row>
    <row r="48089" spans="8:8">
      <c r="H48089" s="12"/>
    </row>
    <row r="48090" spans="8:8">
      <c r="H48090" s="12"/>
    </row>
    <row r="48091" spans="8:8">
      <c r="H48091" s="12"/>
    </row>
    <row r="48092" spans="8:8">
      <c r="H48092" s="12"/>
    </row>
    <row r="48093" spans="8:8">
      <c r="H48093" s="12"/>
    </row>
    <row r="48094" spans="8:8">
      <c r="H48094" s="12"/>
    </row>
    <row r="48095" spans="8:8">
      <c r="H48095" s="12"/>
    </row>
    <row r="48096" spans="8:8">
      <c r="H48096" s="12"/>
    </row>
    <row r="48097" spans="8:8">
      <c r="H48097" s="12"/>
    </row>
    <row r="48098" spans="8:8">
      <c r="H48098" s="12"/>
    </row>
    <row r="48099" spans="8:8">
      <c r="H48099" s="12"/>
    </row>
    <row r="48100" spans="8:8">
      <c r="H48100" s="12"/>
    </row>
    <row r="48101" spans="8:8">
      <c r="H48101" s="12"/>
    </row>
    <row r="48102" spans="8:8">
      <c r="H48102" s="12"/>
    </row>
    <row r="48103" spans="8:8">
      <c r="H48103" s="12"/>
    </row>
    <row r="48104" spans="8:8">
      <c r="H48104" s="12"/>
    </row>
    <row r="48105" spans="8:8">
      <c r="H48105" s="12"/>
    </row>
    <row r="48106" spans="8:8">
      <c r="H48106" s="12"/>
    </row>
    <row r="48107" spans="8:8">
      <c r="H48107" s="12"/>
    </row>
    <row r="48108" spans="8:8">
      <c r="H48108" s="12"/>
    </row>
    <row r="48109" spans="8:8">
      <c r="H48109" s="12"/>
    </row>
    <row r="48110" spans="8:8">
      <c r="H48110" s="12"/>
    </row>
    <row r="48111" spans="8:8">
      <c r="H48111" s="12"/>
    </row>
    <row r="48112" spans="8:8">
      <c r="H48112" s="12"/>
    </row>
    <row r="48113" spans="8:8">
      <c r="H48113" s="12"/>
    </row>
    <row r="48114" spans="8:8">
      <c r="H48114" s="12"/>
    </row>
    <row r="48115" spans="8:8">
      <c r="H48115" s="12"/>
    </row>
    <row r="48116" spans="8:8">
      <c r="H48116" s="12"/>
    </row>
    <row r="48117" spans="8:8">
      <c r="H48117" s="12"/>
    </row>
    <row r="48118" spans="8:8">
      <c r="H48118" s="12"/>
    </row>
    <row r="48119" spans="8:8">
      <c r="H48119" s="12"/>
    </row>
    <row r="48120" spans="8:8">
      <c r="H48120" s="12"/>
    </row>
    <row r="48121" spans="8:8">
      <c r="H48121" s="12"/>
    </row>
    <row r="48122" spans="8:8">
      <c r="H48122" s="12"/>
    </row>
    <row r="48123" spans="8:8">
      <c r="H48123" s="12"/>
    </row>
    <row r="48124" spans="8:8">
      <c r="H48124" s="12"/>
    </row>
    <row r="48125" spans="8:8">
      <c r="H48125" s="12"/>
    </row>
    <row r="48126" spans="8:8">
      <c r="H48126" s="12"/>
    </row>
    <row r="48127" spans="8:8">
      <c r="H48127" s="12"/>
    </row>
    <row r="48128" spans="8:8">
      <c r="H48128" s="12"/>
    </row>
    <row r="48129" spans="8:8">
      <c r="H48129" s="12"/>
    </row>
    <row r="48130" spans="8:8">
      <c r="H48130" s="12"/>
    </row>
    <row r="48131" spans="8:8">
      <c r="H48131" s="12"/>
    </row>
    <row r="48132" spans="8:8">
      <c r="H48132" s="12"/>
    </row>
    <row r="48133" spans="8:8">
      <c r="H48133" s="12"/>
    </row>
    <row r="48134" spans="8:8">
      <c r="H48134" s="12"/>
    </row>
    <row r="48135" spans="8:8">
      <c r="H48135" s="12"/>
    </row>
    <row r="48136" spans="8:8">
      <c r="H48136" s="12"/>
    </row>
    <row r="48137" spans="8:8">
      <c r="H48137" s="12"/>
    </row>
    <row r="48138" spans="8:8">
      <c r="H48138" s="12"/>
    </row>
    <row r="48139" spans="8:8">
      <c r="H48139" s="12"/>
    </row>
    <row r="48140" spans="8:8">
      <c r="H48140" s="12"/>
    </row>
    <row r="48141" spans="8:8">
      <c r="H48141" s="12"/>
    </row>
    <row r="48142" spans="8:8">
      <c r="H48142" s="12"/>
    </row>
    <row r="48143" spans="8:8">
      <c r="H48143" s="12"/>
    </row>
    <row r="48144" spans="8:8">
      <c r="H48144" s="12"/>
    </row>
    <row r="48145" spans="8:8">
      <c r="H48145" s="12"/>
    </row>
    <row r="48146" spans="8:8">
      <c r="H48146" s="12"/>
    </row>
    <row r="48147" spans="8:8">
      <c r="H48147" s="12"/>
    </row>
    <row r="48148" spans="8:8">
      <c r="H48148" s="12"/>
    </row>
    <row r="48149" spans="8:8">
      <c r="H48149" s="12"/>
    </row>
    <row r="48150" spans="8:8">
      <c r="H48150" s="12"/>
    </row>
    <row r="48151" spans="8:8">
      <c r="H48151" s="12"/>
    </row>
    <row r="48152" spans="8:8">
      <c r="H48152" s="12"/>
    </row>
    <row r="48153" spans="8:8">
      <c r="H48153" s="12"/>
    </row>
    <row r="48154" spans="8:8">
      <c r="H48154" s="12"/>
    </row>
    <row r="48155" spans="8:8">
      <c r="H48155" s="12"/>
    </row>
    <row r="48156" spans="8:8">
      <c r="H48156" s="12"/>
    </row>
    <row r="48157" spans="8:8">
      <c r="H48157" s="12"/>
    </row>
    <row r="48158" spans="8:8">
      <c r="H48158" s="12"/>
    </row>
    <row r="48159" spans="8:8">
      <c r="H48159" s="12"/>
    </row>
    <row r="48160" spans="8:8">
      <c r="H48160" s="12"/>
    </row>
    <row r="48161" spans="8:8">
      <c r="H48161" s="12"/>
    </row>
    <row r="48162" spans="8:8">
      <c r="H48162" s="12"/>
    </row>
    <row r="48163" spans="8:8">
      <c r="H48163" s="12"/>
    </row>
    <row r="48164" spans="8:8">
      <c r="H48164" s="12"/>
    </row>
    <row r="48165" spans="8:8">
      <c r="H48165" s="12"/>
    </row>
    <row r="48166" spans="8:8">
      <c r="H48166" s="12"/>
    </row>
    <row r="48167" spans="8:8">
      <c r="H48167" s="12"/>
    </row>
    <row r="48168" spans="8:8">
      <c r="H48168" s="12"/>
    </row>
    <row r="48169" spans="8:8">
      <c r="H48169" s="12"/>
    </row>
    <row r="48170" spans="8:8">
      <c r="H48170" s="12"/>
    </row>
    <row r="48171" spans="8:8">
      <c r="H48171" s="12"/>
    </row>
    <row r="48172" spans="8:8">
      <c r="H48172" s="12"/>
    </row>
    <row r="48173" spans="8:8">
      <c r="H48173" s="12"/>
    </row>
    <row r="48174" spans="8:8">
      <c r="H48174" s="12"/>
    </row>
    <row r="48175" spans="8:8">
      <c r="H48175" s="12"/>
    </row>
    <row r="48176" spans="8:8">
      <c r="H48176" s="12"/>
    </row>
    <row r="48177" spans="8:8">
      <c r="H48177" s="12"/>
    </row>
    <row r="48178" spans="8:8">
      <c r="H48178" s="12"/>
    </row>
    <row r="48179" spans="8:8">
      <c r="H48179" s="12"/>
    </row>
    <row r="48180" spans="8:8">
      <c r="H48180" s="12"/>
    </row>
    <row r="48181" spans="8:8">
      <c r="H48181" s="12"/>
    </row>
    <row r="48182" spans="8:8">
      <c r="H48182" s="12"/>
    </row>
    <row r="48183" spans="8:8">
      <c r="H48183" s="12"/>
    </row>
    <row r="48184" spans="8:8">
      <c r="H48184" s="12"/>
    </row>
    <row r="48185" spans="8:8">
      <c r="H48185" s="12"/>
    </row>
    <row r="48186" spans="8:8">
      <c r="H48186" s="12"/>
    </row>
    <row r="48187" spans="8:8">
      <c r="H48187" s="12"/>
    </row>
    <row r="48188" spans="8:8">
      <c r="H48188" s="12"/>
    </row>
    <row r="48189" spans="8:8">
      <c r="H48189" s="12"/>
    </row>
    <row r="48190" spans="8:8">
      <c r="H48190" s="12"/>
    </row>
    <row r="48191" spans="8:8">
      <c r="H48191" s="12"/>
    </row>
    <row r="48192" spans="8:8">
      <c r="H48192" s="12"/>
    </row>
    <row r="48193" spans="8:8">
      <c r="H48193" s="12"/>
    </row>
    <row r="48194" spans="8:8">
      <c r="H48194" s="12"/>
    </row>
    <row r="48195" spans="8:8">
      <c r="H48195" s="12"/>
    </row>
    <row r="48196" spans="8:8">
      <c r="H48196" s="12"/>
    </row>
    <row r="48197" spans="8:8">
      <c r="H48197" s="12"/>
    </row>
    <row r="48198" spans="8:8">
      <c r="H48198" s="12"/>
    </row>
    <row r="48199" spans="8:8">
      <c r="H48199" s="12"/>
    </row>
    <row r="48200" spans="8:8">
      <c r="H48200" s="12"/>
    </row>
    <row r="48201" spans="8:8">
      <c r="H48201" s="12"/>
    </row>
    <row r="48202" spans="8:8">
      <c r="H48202" s="12"/>
    </row>
    <row r="48203" spans="8:8">
      <c r="H48203" s="12"/>
    </row>
    <row r="48204" spans="8:8">
      <c r="H48204" s="12"/>
    </row>
    <row r="48205" spans="8:8">
      <c r="H48205" s="12"/>
    </row>
    <row r="48206" spans="8:8">
      <c r="H48206" s="12"/>
    </row>
    <row r="48207" spans="8:8">
      <c r="H48207" s="12"/>
    </row>
    <row r="48208" spans="8:8">
      <c r="H48208" s="12"/>
    </row>
    <row r="48209" spans="8:8">
      <c r="H48209" s="12"/>
    </row>
    <row r="48210" spans="8:8">
      <c r="H48210" s="12"/>
    </row>
    <row r="48211" spans="8:8">
      <c r="H48211" s="12"/>
    </row>
    <row r="48212" spans="8:8">
      <c r="H48212" s="12"/>
    </row>
    <row r="48213" spans="8:8">
      <c r="H48213" s="12"/>
    </row>
    <row r="48214" spans="8:8">
      <c r="H48214" s="12"/>
    </row>
    <row r="48215" spans="8:8">
      <c r="H48215" s="12"/>
    </row>
    <row r="48216" spans="8:8">
      <c r="H48216" s="12"/>
    </row>
    <row r="48217" spans="8:8">
      <c r="H48217" s="12"/>
    </row>
    <row r="48218" spans="8:8">
      <c r="H48218" s="12"/>
    </row>
    <row r="48219" spans="8:8">
      <c r="H48219" s="12"/>
    </row>
    <row r="48220" spans="8:8">
      <c r="H48220" s="12"/>
    </row>
    <row r="48221" spans="8:8">
      <c r="H48221" s="12"/>
    </row>
    <row r="48222" spans="8:8">
      <c r="H48222" s="12"/>
    </row>
    <row r="48223" spans="8:8">
      <c r="H48223" s="12"/>
    </row>
    <row r="48224" spans="8:8">
      <c r="H48224" s="12"/>
    </row>
    <row r="48225" spans="8:8">
      <c r="H48225" s="12"/>
    </row>
    <row r="48226" spans="8:8">
      <c r="H48226" s="12"/>
    </row>
    <row r="48227" spans="8:8">
      <c r="H48227" s="12"/>
    </row>
    <row r="48228" spans="8:8">
      <c r="H48228" s="12"/>
    </row>
    <row r="48229" spans="8:8">
      <c r="H48229" s="12"/>
    </row>
    <row r="48230" spans="8:8">
      <c r="H48230" s="12"/>
    </row>
    <row r="48231" spans="8:8">
      <c r="H48231" s="12"/>
    </row>
    <row r="48232" spans="8:8">
      <c r="H48232" s="12"/>
    </row>
    <row r="48233" spans="8:8">
      <c r="H48233" s="12"/>
    </row>
    <row r="48234" spans="8:8">
      <c r="H48234" s="12"/>
    </row>
    <row r="48235" spans="8:8">
      <c r="H48235" s="12"/>
    </row>
    <row r="48236" spans="8:8">
      <c r="H48236" s="12"/>
    </row>
    <row r="48237" spans="8:8">
      <c r="H48237" s="12"/>
    </row>
    <row r="48238" spans="8:8">
      <c r="H48238" s="12"/>
    </row>
    <row r="48239" spans="8:8">
      <c r="H48239" s="12"/>
    </row>
    <row r="48240" spans="8:8">
      <c r="H48240" s="12"/>
    </row>
    <row r="48241" spans="8:8">
      <c r="H48241" s="12"/>
    </row>
    <row r="48242" spans="8:8">
      <c r="H48242" s="12"/>
    </row>
    <row r="48243" spans="8:8">
      <c r="H48243" s="12"/>
    </row>
    <row r="48244" spans="8:8">
      <c r="H48244" s="12"/>
    </row>
    <row r="48245" spans="8:8">
      <c r="H48245" s="12"/>
    </row>
    <row r="48246" spans="8:8">
      <c r="H48246" s="12"/>
    </row>
    <row r="48247" spans="8:8">
      <c r="H48247" s="12"/>
    </row>
    <row r="48248" spans="8:8">
      <c r="H48248" s="12"/>
    </row>
    <row r="48249" spans="8:8">
      <c r="H48249" s="12"/>
    </row>
    <row r="48250" spans="8:8">
      <c r="H48250" s="12"/>
    </row>
    <row r="48251" spans="8:8">
      <c r="H48251" s="12"/>
    </row>
    <row r="48252" spans="8:8">
      <c r="H48252" s="12"/>
    </row>
    <row r="48253" spans="8:8">
      <c r="H48253" s="12"/>
    </row>
    <row r="48254" spans="8:8">
      <c r="H48254" s="12"/>
    </row>
    <row r="48255" spans="8:8">
      <c r="H48255" s="12"/>
    </row>
    <row r="48256" spans="8:8">
      <c r="H48256" s="12"/>
    </row>
    <row r="48257" spans="8:8">
      <c r="H48257" s="12"/>
    </row>
    <row r="48258" spans="8:8">
      <c r="H48258" s="12"/>
    </row>
    <row r="48259" spans="8:8">
      <c r="H48259" s="12"/>
    </row>
    <row r="48260" spans="8:8">
      <c r="H48260" s="12"/>
    </row>
    <row r="48261" spans="8:8">
      <c r="H48261" s="12"/>
    </row>
    <row r="48262" spans="8:8">
      <c r="H48262" s="12"/>
    </row>
    <row r="48263" spans="8:8">
      <c r="H48263" s="12"/>
    </row>
    <row r="48264" spans="8:8">
      <c r="H48264" s="12"/>
    </row>
    <row r="48265" spans="8:8">
      <c r="H48265" s="12"/>
    </row>
    <row r="48266" spans="8:8">
      <c r="H48266" s="12"/>
    </row>
    <row r="48267" spans="8:8">
      <c r="H48267" s="12"/>
    </row>
    <row r="48268" spans="8:8">
      <c r="H48268" s="12"/>
    </row>
    <row r="48269" spans="8:8">
      <c r="H48269" s="12"/>
    </row>
    <row r="48270" spans="8:8">
      <c r="H48270" s="12"/>
    </row>
    <row r="48271" spans="8:8">
      <c r="H48271" s="12"/>
    </row>
    <row r="48272" spans="8:8">
      <c r="H48272" s="12"/>
    </row>
    <row r="48273" spans="8:8">
      <c r="H48273" s="12"/>
    </row>
    <row r="48274" spans="8:8">
      <c r="H48274" s="12"/>
    </row>
    <row r="48275" spans="8:8">
      <c r="H48275" s="12"/>
    </row>
    <row r="48276" spans="8:8">
      <c r="H48276" s="12"/>
    </row>
    <row r="48277" spans="8:8">
      <c r="H48277" s="12"/>
    </row>
    <row r="48278" spans="8:8">
      <c r="H48278" s="12"/>
    </row>
    <row r="48279" spans="8:8">
      <c r="H48279" s="12"/>
    </row>
    <row r="48280" spans="8:8">
      <c r="H48280" s="12"/>
    </row>
    <row r="48281" spans="8:8">
      <c r="H48281" s="12"/>
    </row>
    <row r="48282" spans="8:8">
      <c r="H48282" s="12"/>
    </row>
    <row r="48283" spans="8:8">
      <c r="H48283" s="12"/>
    </row>
    <row r="48284" spans="8:8">
      <c r="H48284" s="12"/>
    </row>
    <row r="48285" spans="8:8">
      <c r="H48285" s="12"/>
    </row>
    <row r="48286" spans="8:8">
      <c r="H48286" s="12"/>
    </row>
    <row r="48287" spans="8:8">
      <c r="H48287" s="12"/>
    </row>
    <row r="48288" spans="8:8">
      <c r="H48288" s="12"/>
    </row>
    <row r="48289" spans="8:8">
      <c r="H48289" s="12"/>
    </row>
    <row r="48290" spans="8:8">
      <c r="H48290" s="12"/>
    </row>
    <row r="48291" spans="8:8">
      <c r="H48291" s="12"/>
    </row>
    <row r="48292" spans="8:8">
      <c r="H48292" s="12"/>
    </row>
    <row r="48293" spans="8:8">
      <c r="H48293" s="12"/>
    </row>
    <row r="48294" spans="8:8">
      <c r="H48294" s="12"/>
    </row>
    <row r="48295" spans="8:8">
      <c r="H48295" s="12"/>
    </row>
    <row r="48296" spans="8:8">
      <c r="H48296" s="12"/>
    </row>
    <row r="48297" spans="8:8">
      <c r="H48297" s="12"/>
    </row>
    <row r="48298" spans="8:8">
      <c r="H48298" s="12"/>
    </row>
    <row r="48299" spans="8:8">
      <c r="H48299" s="12"/>
    </row>
    <row r="48300" spans="8:8">
      <c r="H48300" s="12"/>
    </row>
    <row r="48301" spans="8:8">
      <c r="H48301" s="12"/>
    </row>
    <row r="48302" spans="8:8">
      <c r="H48302" s="12"/>
    </row>
    <row r="48303" spans="8:8">
      <c r="H48303" s="12"/>
    </row>
    <row r="48304" spans="8:8">
      <c r="H48304" s="12"/>
    </row>
    <row r="48305" spans="8:8">
      <c r="H48305" s="12"/>
    </row>
    <row r="48306" spans="8:8">
      <c r="H48306" s="12"/>
    </row>
    <row r="48307" spans="8:8">
      <c r="H48307" s="12"/>
    </row>
    <row r="48308" spans="8:8">
      <c r="H48308" s="12"/>
    </row>
    <row r="48309" spans="8:8">
      <c r="H48309" s="12"/>
    </row>
    <row r="48310" spans="8:8">
      <c r="H48310" s="12"/>
    </row>
    <row r="48311" spans="8:8">
      <c r="H48311" s="12"/>
    </row>
    <row r="48312" spans="8:8">
      <c r="H48312" s="12"/>
    </row>
    <row r="48313" spans="8:8">
      <c r="H48313" s="12"/>
    </row>
    <row r="48314" spans="8:8">
      <c r="H48314" s="12"/>
    </row>
    <row r="48315" spans="8:8">
      <c r="H48315" s="12"/>
    </row>
    <row r="48316" spans="8:8">
      <c r="H48316" s="12"/>
    </row>
    <row r="48317" spans="8:8">
      <c r="H48317" s="12"/>
    </row>
    <row r="48318" spans="8:8">
      <c r="H48318" s="12"/>
    </row>
    <row r="48319" spans="8:8">
      <c r="H48319" s="12"/>
    </row>
    <row r="48320" spans="8:8">
      <c r="H48320" s="12"/>
    </row>
    <row r="48321" spans="8:8">
      <c r="H48321" s="12"/>
    </row>
    <row r="48322" spans="8:8">
      <c r="H48322" s="12"/>
    </row>
    <row r="48323" spans="8:8">
      <c r="H48323" s="12"/>
    </row>
    <row r="48324" spans="8:8">
      <c r="H48324" s="12"/>
    </row>
    <row r="48325" spans="8:8">
      <c r="H48325" s="12"/>
    </row>
    <row r="48326" spans="8:8">
      <c r="H48326" s="12"/>
    </row>
    <row r="48327" spans="8:8">
      <c r="H48327" s="12"/>
    </row>
    <row r="48328" spans="8:8">
      <c r="H48328" s="12"/>
    </row>
    <row r="48329" spans="8:8">
      <c r="H48329" s="12"/>
    </row>
    <row r="48330" spans="8:8">
      <c r="H48330" s="12"/>
    </row>
    <row r="48331" spans="8:8">
      <c r="H48331" s="12"/>
    </row>
    <row r="48332" spans="8:8">
      <c r="H48332" s="12"/>
    </row>
    <row r="48333" spans="8:8">
      <c r="H48333" s="12"/>
    </row>
    <row r="48334" spans="8:8">
      <c r="H48334" s="12"/>
    </row>
    <row r="48335" spans="8:8">
      <c r="H48335" s="12"/>
    </row>
    <row r="48336" spans="8:8">
      <c r="H48336" s="12"/>
    </row>
    <row r="48337" spans="8:8">
      <c r="H48337" s="12"/>
    </row>
    <row r="48338" spans="8:8">
      <c r="H48338" s="12"/>
    </row>
    <row r="48339" spans="8:8">
      <c r="H48339" s="12"/>
    </row>
    <row r="48340" spans="8:8">
      <c r="H48340" s="12"/>
    </row>
    <row r="48341" spans="8:8">
      <c r="H48341" s="12"/>
    </row>
    <row r="48342" spans="8:8">
      <c r="H48342" s="12"/>
    </row>
    <row r="48343" spans="8:8">
      <c r="H48343" s="12"/>
    </row>
    <row r="48344" spans="8:8">
      <c r="H48344" s="12"/>
    </row>
    <row r="48345" spans="8:8">
      <c r="H48345" s="12"/>
    </row>
    <row r="48346" spans="8:8">
      <c r="H48346" s="12"/>
    </row>
    <row r="48347" spans="8:8">
      <c r="H48347" s="12"/>
    </row>
    <row r="48348" spans="8:8">
      <c r="H48348" s="12"/>
    </row>
    <row r="48349" spans="8:8">
      <c r="H48349" s="12"/>
    </row>
    <row r="48350" spans="8:8">
      <c r="H48350" s="12"/>
    </row>
    <row r="48351" spans="8:8">
      <c r="H48351" s="12"/>
    </row>
    <row r="48352" spans="8:8">
      <c r="H48352" s="12"/>
    </row>
    <row r="48353" spans="8:8">
      <c r="H48353" s="12"/>
    </row>
    <row r="48354" spans="8:8">
      <c r="H48354" s="12"/>
    </row>
    <row r="48355" spans="8:8">
      <c r="H48355" s="12"/>
    </row>
    <row r="48356" spans="8:8">
      <c r="H48356" s="12"/>
    </row>
    <row r="48357" spans="8:8">
      <c r="H48357" s="12"/>
    </row>
    <row r="48358" spans="8:8">
      <c r="H48358" s="12"/>
    </row>
    <row r="48359" spans="8:8">
      <c r="H48359" s="12"/>
    </row>
    <row r="48360" spans="8:8">
      <c r="H48360" s="12"/>
    </row>
    <row r="48361" spans="8:8">
      <c r="H48361" s="12"/>
    </row>
    <row r="48362" spans="8:8">
      <c r="H48362" s="12"/>
    </row>
    <row r="48363" spans="8:8">
      <c r="H48363" s="12"/>
    </row>
    <row r="48364" spans="8:8">
      <c r="H48364" s="12"/>
    </row>
    <row r="48365" spans="8:8">
      <c r="H48365" s="12"/>
    </row>
    <row r="48366" spans="8:8">
      <c r="H48366" s="12"/>
    </row>
    <row r="48367" spans="8:8">
      <c r="H48367" s="12"/>
    </row>
    <row r="48368" spans="8:8">
      <c r="H48368" s="12"/>
    </row>
    <row r="48369" spans="8:8">
      <c r="H48369" s="12"/>
    </row>
    <row r="48370" spans="8:8">
      <c r="H48370" s="12"/>
    </row>
    <row r="48371" spans="8:8">
      <c r="H48371" s="12"/>
    </row>
    <row r="48372" spans="8:8">
      <c r="H48372" s="12"/>
    </row>
    <row r="48373" spans="8:8">
      <c r="H48373" s="12"/>
    </row>
    <row r="48374" spans="8:8">
      <c r="H48374" s="12"/>
    </row>
    <row r="48375" spans="8:8">
      <c r="H48375" s="12"/>
    </row>
    <row r="48376" spans="8:8">
      <c r="H48376" s="12"/>
    </row>
    <row r="48377" spans="8:8">
      <c r="H48377" s="12"/>
    </row>
    <row r="48378" spans="8:8">
      <c r="H48378" s="12"/>
    </row>
    <row r="48379" spans="8:8">
      <c r="H48379" s="12"/>
    </row>
    <row r="48380" spans="8:8">
      <c r="H48380" s="12"/>
    </row>
    <row r="48381" spans="8:8">
      <c r="H48381" s="12"/>
    </row>
    <row r="48382" spans="8:8">
      <c r="H48382" s="12"/>
    </row>
    <row r="48383" spans="8:8">
      <c r="H48383" s="12"/>
    </row>
    <row r="48384" spans="8:8">
      <c r="H48384" s="12"/>
    </row>
    <row r="48385" spans="8:8">
      <c r="H48385" s="12"/>
    </row>
    <row r="48386" spans="8:8">
      <c r="H48386" s="12"/>
    </row>
    <row r="48387" spans="8:8">
      <c r="H48387" s="12"/>
    </row>
    <row r="48388" spans="8:8">
      <c r="H48388" s="12"/>
    </row>
    <row r="48389" spans="8:8">
      <c r="H48389" s="12"/>
    </row>
    <row r="48390" spans="8:8">
      <c r="H48390" s="12"/>
    </row>
    <row r="48391" spans="8:8">
      <c r="H48391" s="12"/>
    </row>
    <row r="48392" spans="8:8">
      <c r="H48392" s="12"/>
    </row>
    <row r="48393" spans="8:8">
      <c r="H48393" s="12"/>
    </row>
    <row r="48394" spans="8:8">
      <c r="H48394" s="12"/>
    </row>
    <row r="48395" spans="8:8">
      <c r="H48395" s="12"/>
    </row>
    <row r="48396" spans="8:8">
      <c r="H48396" s="12"/>
    </row>
    <row r="48397" spans="8:8">
      <c r="H48397" s="12"/>
    </row>
    <row r="48398" spans="8:8">
      <c r="H48398" s="12"/>
    </row>
    <row r="48399" spans="8:8">
      <c r="H48399" s="12"/>
    </row>
    <row r="48400" spans="8:8">
      <c r="H48400" s="12"/>
    </row>
    <row r="48401" spans="8:8">
      <c r="H48401" s="12"/>
    </row>
    <row r="48402" spans="8:8">
      <c r="H48402" s="12"/>
    </row>
    <row r="48403" spans="8:8">
      <c r="H48403" s="12"/>
    </row>
    <row r="48404" spans="8:8">
      <c r="H48404" s="12"/>
    </row>
    <row r="48405" spans="8:8">
      <c r="H48405" s="12"/>
    </row>
    <row r="48406" spans="8:8">
      <c r="H48406" s="12"/>
    </row>
    <row r="48407" spans="8:8">
      <c r="H48407" s="12"/>
    </row>
    <row r="48408" spans="8:8">
      <c r="H48408" s="12"/>
    </row>
    <row r="48409" spans="8:8">
      <c r="H48409" s="12"/>
    </row>
    <row r="48410" spans="8:8">
      <c r="H48410" s="12"/>
    </row>
    <row r="48411" spans="8:8">
      <c r="H48411" s="12"/>
    </row>
    <row r="48412" spans="8:8">
      <c r="H48412" s="12"/>
    </row>
    <row r="48413" spans="8:8">
      <c r="H48413" s="12"/>
    </row>
    <row r="48414" spans="8:8">
      <c r="H48414" s="12"/>
    </row>
    <row r="48415" spans="8:8">
      <c r="H48415" s="12"/>
    </row>
    <row r="48416" spans="8:8">
      <c r="H48416" s="12"/>
    </row>
    <row r="48417" spans="8:8">
      <c r="H48417" s="12"/>
    </row>
    <row r="48418" spans="8:8">
      <c r="H48418" s="12"/>
    </row>
    <row r="48419" spans="8:8">
      <c r="H48419" s="12"/>
    </row>
    <row r="48420" spans="8:8">
      <c r="H48420" s="12"/>
    </row>
    <row r="48421" spans="8:8">
      <c r="H48421" s="12"/>
    </row>
    <row r="48422" spans="8:8">
      <c r="H48422" s="12"/>
    </row>
    <row r="48423" spans="8:8">
      <c r="H48423" s="12"/>
    </row>
    <row r="48424" spans="8:8">
      <c r="H48424" s="12"/>
    </row>
    <row r="48425" spans="8:8">
      <c r="H48425" s="12"/>
    </row>
    <row r="48426" spans="8:8">
      <c r="H48426" s="12"/>
    </row>
    <row r="48427" spans="8:8">
      <c r="H48427" s="12"/>
    </row>
    <row r="48428" spans="8:8">
      <c r="H48428" s="12"/>
    </row>
    <row r="48429" spans="8:8">
      <c r="H48429" s="12"/>
    </row>
    <row r="48430" spans="8:8">
      <c r="H48430" s="12"/>
    </row>
    <row r="48431" spans="8:8">
      <c r="H48431" s="12"/>
    </row>
    <row r="48432" spans="8:8">
      <c r="H48432" s="12"/>
    </row>
    <row r="48433" spans="8:8">
      <c r="H48433" s="12"/>
    </row>
    <row r="48434" spans="8:8">
      <c r="H48434" s="12"/>
    </row>
    <row r="48435" spans="8:8">
      <c r="H48435" s="12"/>
    </row>
    <row r="48436" spans="8:8">
      <c r="H48436" s="12"/>
    </row>
    <row r="48437" spans="8:8">
      <c r="H48437" s="12"/>
    </row>
    <row r="48438" spans="8:8">
      <c r="H48438" s="12"/>
    </row>
    <row r="48439" spans="8:8">
      <c r="H48439" s="12"/>
    </row>
    <row r="48440" spans="8:8">
      <c r="H48440" s="12"/>
    </row>
    <row r="48441" spans="8:8">
      <c r="H48441" s="12"/>
    </row>
    <row r="48442" spans="8:8">
      <c r="H48442" s="12"/>
    </row>
    <row r="48443" spans="8:8">
      <c r="H48443" s="12"/>
    </row>
    <row r="48444" spans="8:8">
      <c r="H48444" s="12"/>
    </row>
    <row r="48445" spans="8:8">
      <c r="H48445" s="12"/>
    </row>
    <row r="48446" spans="8:8">
      <c r="H48446" s="12"/>
    </row>
    <row r="48447" spans="8:8">
      <c r="H48447" s="12"/>
    </row>
    <row r="48448" spans="8:8">
      <c r="H48448" s="12"/>
    </row>
    <row r="48449" spans="8:8">
      <c r="H48449" s="12"/>
    </row>
    <row r="48450" spans="8:8">
      <c r="H48450" s="12"/>
    </row>
    <row r="48451" spans="8:8">
      <c r="H48451" s="12"/>
    </row>
    <row r="48452" spans="8:8">
      <c r="H48452" s="12"/>
    </row>
    <row r="48453" spans="8:8">
      <c r="H48453" s="12"/>
    </row>
    <row r="48454" spans="8:8">
      <c r="H48454" s="12"/>
    </row>
    <row r="48455" spans="8:8">
      <c r="H48455" s="12"/>
    </row>
    <row r="48456" spans="8:8">
      <c r="H48456" s="12"/>
    </row>
    <row r="48457" spans="8:8">
      <c r="H48457" s="12"/>
    </row>
    <row r="48458" spans="8:8">
      <c r="H48458" s="12"/>
    </row>
    <row r="48459" spans="8:8">
      <c r="H48459" s="12"/>
    </row>
    <row r="48460" spans="8:8">
      <c r="H48460" s="12"/>
    </row>
    <row r="48461" spans="8:8">
      <c r="H48461" s="12"/>
    </row>
    <row r="48462" spans="8:8">
      <c r="H48462" s="12"/>
    </row>
    <row r="48463" spans="8:8">
      <c r="H48463" s="12"/>
    </row>
    <row r="48464" spans="8:8">
      <c r="H48464" s="12"/>
    </row>
    <row r="48465" spans="8:8">
      <c r="H48465" s="12"/>
    </row>
    <row r="48466" spans="8:8">
      <c r="H48466" s="12"/>
    </row>
    <row r="48467" spans="8:8">
      <c r="H48467" s="12"/>
    </row>
    <row r="48468" spans="8:8">
      <c r="H48468" s="12"/>
    </row>
    <row r="48469" spans="8:8">
      <c r="H48469" s="12"/>
    </row>
    <row r="48470" spans="8:8">
      <c r="H48470" s="12"/>
    </row>
    <row r="48471" spans="8:8">
      <c r="H48471" s="12"/>
    </row>
    <row r="48472" spans="8:8">
      <c r="H48472" s="12"/>
    </row>
    <row r="48473" spans="8:8">
      <c r="H48473" s="12"/>
    </row>
    <row r="48474" spans="8:8">
      <c r="H48474" s="12"/>
    </row>
    <row r="48475" spans="8:8">
      <c r="H48475" s="12"/>
    </row>
    <row r="48476" spans="8:8">
      <c r="H48476" s="12"/>
    </row>
    <row r="48477" spans="8:8">
      <c r="H48477" s="12"/>
    </row>
    <row r="48478" spans="8:8">
      <c r="H48478" s="12"/>
    </row>
    <row r="48479" spans="8:8">
      <c r="H48479" s="12"/>
    </row>
    <row r="48480" spans="8:8">
      <c r="H48480" s="12"/>
    </row>
    <row r="48481" spans="8:8">
      <c r="H48481" s="12"/>
    </row>
    <row r="48482" spans="8:8">
      <c r="H48482" s="12"/>
    </row>
    <row r="48483" spans="8:8">
      <c r="H48483" s="12"/>
    </row>
    <row r="48484" spans="8:8">
      <c r="H48484" s="12"/>
    </row>
    <row r="48485" spans="8:8">
      <c r="H48485" s="12"/>
    </row>
    <row r="48486" spans="8:8">
      <c r="H48486" s="12"/>
    </row>
    <row r="48487" spans="8:8">
      <c r="H48487" s="12"/>
    </row>
    <row r="48488" spans="8:8">
      <c r="H48488" s="12"/>
    </row>
    <row r="48489" spans="8:8">
      <c r="H48489" s="12"/>
    </row>
    <row r="48490" spans="8:8">
      <c r="H48490" s="12"/>
    </row>
    <row r="48491" spans="8:8">
      <c r="H48491" s="12"/>
    </row>
    <row r="48492" spans="8:8">
      <c r="H48492" s="12"/>
    </row>
    <row r="48493" spans="8:8">
      <c r="H48493" s="12"/>
    </row>
    <row r="48494" spans="8:8">
      <c r="H48494" s="12"/>
    </row>
    <row r="48495" spans="8:8">
      <c r="H48495" s="12"/>
    </row>
    <row r="48496" spans="8:8">
      <c r="H48496" s="12"/>
    </row>
    <row r="48497" spans="8:8">
      <c r="H48497" s="12"/>
    </row>
    <row r="48498" spans="8:8">
      <c r="H48498" s="12"/>
    </row>
    <row r="48499" spans="8:8">
      <c r="H48499" s="12"/>
    </row>
    <row r="48500" spans="8:8">
      <c r="H48500" s="12"/>
    </row>
    <row r="48501" spans="8:8">
      <c r="H48501" s="12"/>
    </row>
    <row r="48502" spans="8:8">
      <c r="H48502" s="12"/>
    </row>
    <row r="48503" spans="8:8">
      <c r="H48503" s="12"/>
    </row>
    <row r="48504" spans="8:8">
      <c r="H48504" s="12"/>
    </row>
    <row r="48505" spans="8:8">
      <c r="H48505" s="12"/>
    </row>
    <row r="48506" spans="8:8">
      <c r="H48506" s="12"/>
    </row>
    <row r="48507" spans="8:8">
      <c r="H48507" s="12"/>
    </row>
    <row r="48508" spans="8:8">
      <c r="H48508" s="12"/>
    </row>
    <row r="48509" spans="8:8">
      <c r="H48509" s="12"/>
    </row>
    <row r="48510" spans="8:8">
      <c r="H48510" s="12"/>
    </row>
    <row r="48511" spans="8:8">
      <c r="H48511" s="12"/>
    </row>
    <row r="48512" spans="8:8">
      <c r="H48512" s="12"/>
    </row>
    <row r="48513" spans="8:8">
      <c r="H48513" s="12"/>
    </row>
    <row r="48514" spans="8:8">
      <c r="H48514" s="12"/>
    </row>
    <row r="48515" spans="8:8">
      <c r="H48515" s="12"/>
    </row>
    <row r="48516" spans="8:8">
      <c r="H48516" s="12"/>
    </row>
    <row r="48517" spans="8:8">
      <c r="H48517" s="12"/>
    </row>
    <row r="48518" spans="8:8">
      <c r="H48518" s="12"/>
    </row>
    <row r="48519" spans="8:8">
      <c r="H48519" s="12"/>
    </row>
    <row r="48520" spans="8:8">
      <c r="H48520" s="12"/>
    </row>
    <row r="48521" spans="8:8">
      <c r="H48521" s="12"/>
    </row>
    <row r="48522" spans="8:8">
      <c r="H48522" s="12"/>
    </row>
    <row r="48523" spans="8:8">
      <c r="H48523" s="12"/>
    </row>
    <row r="48524" spans="8:8">
      <c r="H48524" s="12"/>
    </row>
    <row r="48525" spans="8:8">
      <c r="H48525" s="12"/>
    </row>
    <row r="48526" spans="8:8">
      <c r="H48526" s="12"/>
    </row>
    <row r="48527" spans="8:8">
      <c r="H48527" s="12"/>
    </row>
    <row r="48528" spans="8:8">
      <c r="H48528" s="12"/>
    </row>
    <row r="48529" spans="8:8">
      <c r="H48529" s="12"/>
    </row>
    <row r="48530" spans="8:8">
      <c r="H48530" s="12"/>
    </row>
    <row r="48531" spans="8:8">
      <c r="H48531" s="12"/>
    </row>
    <row r="48532" spans="8:8">
      <c r="H48532" s="12"/>
    </row>
    <row r="48533" spans="8:8">
      <c r="H48533" s="12"/>
    </row>
    <row r="48534" spans="8:8">
      <c r="H48534" s="12"/>
    </row>
    <row r="48535" spans="8:8">
      <c r="H48535" s="12"/>
    </row>
    <row r="48536" spans="8:8">
      <c r="H48536" s="12"/>
    </row>
    <row r="48537" spans="8:8">
      <c r="H48537" s="12"/>
    </row>
    <row r="48538" spans="8:8">
      <c r="H48538" s="12"/>
    </row>
    <row r="48539" spans="8:8">
      <c r="H48539" s="12"/>
    </row>
    <row r="48540" spans="8:8">
      <c r="H48540" s="12"/>
    </row>
    <row r="48541" spans="8:8">
      <c r="H48541" s="12"/>
    </row>
    <row r="48542" spans="8:8">
      <c r="H48542" s="12"/>
    </row>
    <row r="48543" spans="8:8">
      <c r="H48543" s="12"/>
    </row>
    <row r="48544" spans="8:8">
      <c r="H48544" s="12"/>
    </row>
    <row r="48545" spans="8:8">
      <c r="H48545" s="12"/>
    </row>
    <row r="48546" spans="8:8">
      <c r="H48546" s="12"/>
    </row>
    <row r="48547" spans="8:8">
      <c r="H48547" s="12"/>
    </row>
    <row r="48548" spans="8:8">
      <c r="H48548" s="12"/>
    </row>
    <row r="48549" spans="8:8">
      <c r="H48549" s="12"/>
    </row>
    <row r="48550" spans="8:8">
      <c r="H48550" s="12"/>
    </row>
    <row r="48551" spans="8:8">
      <c r="H48551" s="12"/>
    </row>
    <row r="48552" spans="8:8">
      <c r="H48552" s="12"/>
    </row>
    <row r="48553" spans="8:8">
      <c r="H48553" s="12"/>
    </row>
    <row r="48554" spans="8:8">
      <c r="H48554" s="12"/>
    </row>
    <row r="48555" spans="8:8">
      <c r="H48555" s="12"/>
    </row>
    <row r="48556" spans="8:8">
      <c r="H48556" s="12"/>
    </row>
    <row r="48557" spans="8:8">
      <c r="H48557" s="12"/>
    </row>
    <row r="48558" spans="8:8">
      <c r="H48558" s="12"/>
    </row>
    <row r="48559" spans="8:8">
      <c r="H48559" s="12"/>
    </row>
    <row r="48560" spans="8:8">
      <c r="H48560" s="12"/>
    </row>
    <row r="48561" spans="8:8">
      <c r="H48561" s="12"/>
    </row>
    <row r="48562" spans="8:8">
      <c r="H48562" s="12"/>
    </row>
    <row r="48563" spans="8:8">
      <c r="H48563" s="12"/>
    </row>
    <row r="48564" spans="8:8">
      <c r="H48564" s="12"/>
    </row>
    <row r="48565" spans="8:8">
      <c r="H48565" s="12"/>
    </row>
    <row r="48566" spans="8:8">
      <c r="H48566" s="12"/>
    </row>
    <row r="48567" spans="8:8">
      <c r="H48567" s="12"/>
    </row>
    <row r="48568" spans="8:8">
      <c r="H48568" s="12"/>
    </row>
    <row r="48569" spans="8:8">
      <c r="H48569" s="12"/>
    </row>
    <row r="48570" spans="8:8">
      <c r="H48570" s="12"/>
    </row>
    <row r="48571" spans="8:8">
      <c r="H48571" s="12"/>
    </row>
    <row r="48572" spans="8:8">
      <c r="H48572" s="12"/>
    </row>
    <row r="48573" spans="8:8">
      <c r="H48573" s="12"/>
    </row>
    <row r="48574" spans="8:8">
      <c r="H48574" s="12"/>
    </row>
    <row r="48575" spans="8:8">
      <c r="H48575" s="12"/>
    </row>
    <row r="48576" spans="8:8">
      <c r="H48576" s="12"/>
    </row>
    <row r="48577" spans="8:8">
      <c r="H48577" s="12"/>
    </row>
    <row r="48578" spans="8:8">
      <c r="H48578" s="12"/>
    </row>
    <row r="48579" spans="8:8">
      <c r="H48579" s="12"/>
    </row>
    <row r="48580" spans="8:8">
      <c r="H48580" s="12"/>
    </row>
    <row r="48581" spans="8:8">
      <c r="H48581" s="12"/>
    </row>
    <row r="48582" spans="8:8">
      <c r="H48582" s="12"/>
    </row>
    <row r="48583" spans="8:8">
      <c r="H48583" s="12"/>
    </row>
    <row r="48584" spans="8:8">
      <c r="H48584" s="12"/>
    </row>
    <row r="48585" spans="8:8">
      <c r="H48585" s="12"/>
    </row>
    <row r="48586" spans="8:8">
      <c r="H48586" s="12"/>
    </row>
    <row r="48587" spans="8:8">
      <c r="H48587" s="12"/>
    </row>
    <row r="48588" spans="8:8">
      <c r="H48588" s="12"/>
    </row>
    <row r="48589" spans="8:8">
      <c r="H48589" s="12"/>
    </row>
    <row r="48590" spans="8:8">
      <c r="H48590" s="12"/>
    </row>
    <row r="48591" spans="8:8">
      <c r="H48591" s="12"/>
    </row>
    <row r="48592" spans="8:8">
      <c r="H48592" s="12"/>
    </row>
    <row r="48593" spans="8:8">
      <c r="H48593" s="12"/>
    </row>
    <row r="48594" spans="8:8">
      <c r="H48594" s="12"/>
    </row>
    <row r="48595" spans="8:8">
      <c r="H48595" s="12"/>
    </row>
    <row r="48596" spans="8:8">
      <c r="H48596" s="12"/>
    </row>
    <row r="48597" spans="8:8">
      <c r="H48597" s="12"/>
    </row>
    <row r="48598" spans="8:8">
      <c r="H48598" s="12"/>
    </row>
    <row r="48599" spans="8:8">
      <c r="H48599" s="12"/>
    </row>
    <row r="48600" spans="8:8">
      <c r="H48600" s="12"/>
    </row>
    <row r="48601" spans="8:8">
      <c r="H48601" s="12"/>
    </row>
    <row r="48602" spans="8:8">
      <c r="H48602" s="12"/>
    </row>
    <row r="48603" spans="8:8">
      <c r="H48603" s="12"/>
    </row>
    <row r="48604" spans="8:8">
      <c r="H48604" s="12"/>
    </row>
    <row r="48605" spans="8:8">
      <c r="H48605" s="12"/>
    </row>
    <row r="48606" spans="8:8">
      <c r="H48606" s="12"/>
    </row>
    <row r="48607" spans="8:8">
      <c r="H48607" s="12"/>
    </row>
    <row r="48608" spans="8:8">
      <c r="H48608" s="12"/>
    </row>
    <row r="48609" spans="8:8">
      <c r="H48609" s="12"/>
    </row>
    <row r="48610" spans="8:8">
      <c r="H48610" s="12"/>
    </row>
    <row r="48611" spans="8:8">
      <c r="H48611" s="12"/>
    </row>
    <row r="48612" spans="8:8">
      <c r="H48612" s="12"/>
    </row>
    <row r="48613" spans="8:8">
      <c r="H48613" s="12"/>
    </row>
    <row r="48614" spans="8:8">
      <c r="H48614" s="12"/>
    </row>
    <row r="48615" spans="8:8">
      <c r="H48615" s="12"/>
    </row>
    <row r="48616" spans="8:8">
      <c r="H48616" s="12"/>
    </row>
    <row r="48617" spans="8:8">
      <c r="H48617" s="12"/>
    </row>
    <row r="48618" spans="8:8">
      <c r="H48618" s="12"/>
    </row>
    <row r="48619" spans="8:8">
      <c r="H48619" s="12"/>
    </row>
    <row r="48620" spans="8:8">
      <c r="H48620" s="12"/>
    </row>
    <row r="48621" spans="8:8">
      <c r="H48621" s="12"/>
    </row>
    <row r="48622" spans="8:8">
      <c r="H48622" s="12"/>
    </row>
    <row r="48623" spans="8:8">
      <c r="H48623" s="12"/>
    </row>
    <row r="48624" spans="8:8">
      <c r="H48624" s="12"/>
    </row>
    <row r="48625" spans="8:8">
      <c r="H48625" s="12"/>
    </row>
    <row r="48626" spans="8:8">
      <c r="H48626" s="12"/>
    </row>
    <row r="48627" spans="8:8">
      <c r="H48627" s="12"/>
    </row>
    <row r="48628" spans="8:8">
      <c r="H48628" s="12"/>
    </row>
    <row r="48629" spans="8:8">
      <c r="H48629" s="12"/>
    </row>
    <row r="48630" spans="8:8">
      <c r="H48630" s="12"/>
    </row>
    <row r="48631" spans="8:8">
      <c r="H48631" s="12"/>
    </row>
    <row r="48632" spans="8:8">
      <c r="H48632" s="12"/>
    </row>
    <row r="48633" spans="8:8">
      <c r="H48633" s="12"/>
    </row>
    <row r="48634" spans="8:8">
      <c r="H48634" s="12"/>
    </row>
    <row r="48635" spans="8:8">
      <c r="H48635" s="12"/>
    </row>
    <row r="48636" spans="8:8">
      <c r="H48636" s="12"/>
    </row>
    <row r="48637" spans="8:8">
      <c r="H48637" s="12"/>
    </row>
    <row r="48638" spans="8:8">
      <c r="H48638" s="12"/>
    </row>
    <row r="48639" spans="8:8">
      <c r="H48639" s="12"/>
    </row>
    <row r="48640" spans="8:8">
      <c r="H48640" s="12"/>
    </row>
    <row r="48641" spans="8:8">
      <c r="H48641" s="12"/>
    </row>
    <row r="48642" spans="8:8">
      <c r="H48642" s="12"/>
    </row>
    <row r="48643" spans="8:8">
      <c r="H48643" s="12"/>
    </row>
    <row r="48644" spans="8:8">
      <c r="H48644" s="12"/>
    </row>
    <row r="48645" spans="8:8">
      <c r="H48645" s="12"/>
    </row>
    <row r="48646" spans="8:8">
      <c r="H48646" s="12"/>
    </row>
    <row r="48647" spans="8:8">
      <c r="H48647" s="12"/>
    </row>
    <row r="48648" spans="8:8">
      <c r="H48648" s="12"/>
    </row>
    <row r="48649" spans="8:8">
      <c r="H48649" s="12"/>
    </row>
    <row r="48650" spans="8:8">
      <c r="H48650" s="12"/>
    </row>
    <row r="48651" spans="8:8">
      <c r="H48651" s="12"/>
    </row>
    <row r="48652" spans="8:8">
      <c r="H48652" s="12"/>
    </row>
    <row r="48653" spans="8:8">
      <c r="H48653" s="12"/>
    </row>
    <row r="48654" spans="8:8">
      <c r="H48654" s="12"/>
    </row>
    <row r="48655" spans="8:8">
      <c r="H48655" s="12"/>
    </row>
    <row r="48656" spans="8:8">
      <c r="H48656" s="12"/>
    </row>
    <row r="48657" spans="8:8">
      <c r="H48657" s="12"/>
    </row>
    <row r="48658" spans="8:8">
      <c r="H48658" s="12"/>
    </row>
    <row r="48659" spans="8:8">
      <c r="H48659" s="12"/>
    </row>
    <row r="48660" spans="8:8">
      <c r="H48660" s="12"/>
    </row>
    <row r="48661" spans="8:8">
      <c r="H48661" s="12"/>
    </row>
    <row r="48662" spans="8:8">
      <c r="H48662" s="12"/>
    </row>
    <row r="48663" spans="8:8">
      <c r="H48663" s="12"/>
    </row>
    <row r="48664" spans="8:8">
      <c r="H48664" s="12"/>
    </row>
    <row r="48665" spans="8:8">
      <c r="H48665" s="12"/>
    </row>
    <row r="48666" spans="8:8">
      <c r="H48666" s="12"/>
    </row>
    <row r="48667" spans="8:8">
      <c r="H48667" s="12"/>
    </row>
    <row r="48668" spans="8:8">
      <c r="H48668" s="12"/>
    </row>
    <row r="48669" spans="8:8">
      <c r="H48669" s="12"/>
    </row>
    <row r="48670" spans="8:8">
      <c r="H48670" s="12"/>
    </row>
    <row r="48671" spans="8:8">
      <c r="H48671" s="12"/>
    </row>
    <row r="48672" spans="8:8">
      <c r="H48672" s="12"/>
    </row>
    <row r="48673" spans="8:8">
      <c r="H48673" s="12"/>
    </row>
    <row r="48674" spans="8:8">
      <c r="H48674" s="12"/>
    </row>
    <row r="48675" spans="8:8">
      <c r="H48675" s="12"/>
    </row>
    <row r="48676" spans="8:8">
      <c r="H48676" s="12"/>
    </row>
    <row r="48677" spans="8:8">
      <c r="H48677" s="12"/>
    </row>
    <row r="48678" spans="8:8">
      <c r="H48678" s="12"/>
    </row>
    <row r="48679" spans="8:8">
      <c r="H48679" s="12"/>
    </row>
    <row r="48680" spans="8:8">
      <c r="H48680" s="12"/>
    </row>
    <row r="48681" spans="8:8">
      <c r="H48681" s="12"/>
    </row>
    <row r="48682" spans="8:8">
      <c r="H48682" s="12"/>
    </row>
    <row r="48683" spans="8:8">
      <c r="H48683" s="12"/>
    </row>
    <row r="48684" spans="8:8">
      <c r="H48684" s="12"/>
    </row>
    <row r="48685" spans="8:8">
      <c r="H48685" s="12"/>
    </row>
    <row r="48686" spans="8:8">
      <c r="H48686" s="12"/>
    </row>
    <row r="48687" spans="8:8">
      <c r="H48687" s="12"/>
    </row>
    <row r="48688" spans="8:8">
      <c r="H48688" s="12"/>
    </row>
    <row r="48689" spans="8:8">
      <c r="H48689" s="12"/>
    </row>
    <row r="48690" spans="8:8">
      <c r="H48690" s="12"/>
    </row>
    <row r="48691" spans="8:8">
      <c r="H48691" s="12"/>
    </row>
    <row r="48692" spans="8:8">
      <c r="H48692" s="12"/>
    </row>
    <row r="48693" spans="8:8">
      <c r="H48693" s="12"/>
    </row>
    <row r="48694" spans="8:8">
      <c r="H48694" s="12"/>
    </row>
    <row r="48695" spans="8:8">
      <c r="H48695" s="12"/>
    </row>
    <row r="48696" spans="8:8">
      <c r="H48696" s="12"/>
    </row>
    <row r="48697" spans="8:8">
      <c r="H48697" s="12"/>
    </row>
    <row r="48698" spans="8:8">
      <c r="H48698" s="12"/>
    </row>
    <row r="48699" spans="8:8">
      <c r="H48699" s="12"/>
    </row>
    <row r="48700" spans="8:8">
      <c r="H48700" s="12"/>
    </row>
    <row r="48701" spans="8:8">
      <c r="H48701" s="12"/>
    </row>
    <row r="48702" spans="8:8">
      <c r="H48702" s="12"/>
    </row>
    <row r="48703" spans="8:8">
      <c r="H48703" s="12"/>
    </row>
    <row r="48704" spans="8:8">
      <c r="H48704" s="12"/>
    </row>
    <row r="48705" spans="8:8">
      <c r="H48705" s="12"/>
    </row>
    <row r="48706" spans="8:8">
      <c r="H48706" s="12"/>
    </row>
    <row r="48707" spans="8:8">
      <c r="H48707" s="12"/>
    </row>
    <row r="48708" spans="8:8">
      <c r="H48708" s="12"/>
    </row>
    <row r="48709" spans="8:8">
      <c r="H48709" s="12"/>
    </row>
    <row r="48710" spans="8:8">
      <c r="H48710" s="12"/>
    </row>
    <row r="48711" spans="8:8">
      <c r="H48711" s="12"/>
    </row>
    <row r="48712" spans="8:8">
      <c r="H48712" s="12"/>
    </row>
    <row r="48713" spans="8:8">
      <c r="H48713" s="12"/>
    </row>
    <row r="48714" spans="8:8">
      <c r="H48714" s="12"/>
    </row>
    <row r="48715" spans="8:8">
      <c r="H48715" s="12"/>
    </row>
    <row r="48716" spans="8:8">
      <c r="H48716" s="12"/>
    </row>
    <row r="48717" spans="8:8">
      <c r="H48717" s="12"/>
    </row>
    <row r="48718" spans="8:8">
      <c r="H48718" s="12"/>
    </row>
    <row r="48719" spans="8:8">
      <c r="H48719" s="12"/>
    </row>
    <row r="48720" spans="8:8">
      <c r="H48720" s="12"/>
    </row>
    <row r="48721" spans="8:8">
      <c r="H48721" s="12"/>
    </row>
    <row r="48722" spans="8:8">
      <c r="H48722" s="12"/>
    </row>
    <row r="48723" spans="8:8">
      <c r="H48723" s="12"/>
    </row>
    <row r="48724" spans="8:8">
      <c r="H48724" s="12"/>
    </row>
    <row r="48725" spans="8:8">
      <c r="H48725" s="12"/>
    </row>
    <row r="48726" spans="8:8">
      <c r="H48726" s="12"/>
    </row>
    <row r="48727" spans="8:8">
      <c r="H48727" s="12"/>
    </row>
    <row r="48728" spans="8:8">
      <c r="H48728" s="12"/>
    </row>
    <row r="48729" spans="8:8">
      <c r="H48729" s="12"/>
    </row>
    <row r="48730" spans="8:8">
      <c r="H48730" s="12"/>
    </row>
    <row r="48731" spans="8:8">
      <c r="H48731" s="12"/>
    </row>
    <row r="48732" spans="8:8">
      <c r="H48732" s="12"/>
    </row>
    <row r="48733" spans="8:8">
      <c r="H48733" s="12"/>
    </row>
    <row r="48734" spans="8:8">
      <c r="H48734" s="12"/>
    </row>
    <row r="48735" spans="8:8">
      <c r="H48735" s="12"/>
    </row>
    <row r="48736" spans="8:8">
      <c r="H48736" s="12"/>
    </row>
    <row r="48737" spans="8:8">
      <c r="H48737" s="12"/>
    </row>
    <row r="48738" spans="8:8">
      <c r="H48738" s="12"/>
    </row>
    <row r="48739" spans="8:8">
      <c r="H48739" s="12"/>
    </row>
    <row r="48740" spans="8:8">
      <c r="H48740" s="12"/>
    </row>
    <row r="48741" spans="8:8">
      <c r="H48741" s="12"/>
    </row>
    <row r="48742" spans="8:8">
      <c r="H48742" s="12"/>
    </row>
    <row r="48743" spans="8:8">
      <c r="H48743" s="12"/>
    </row>
    <row r="48744" spans="8:8">
      <c r="H48744" s="12"/>
    </row>
    <row r="48745" spans="8:8">
      <c r="H48745" s="12"/>
    </row>
    <row r="48746" spans="8:8">
      <c r="H48746" s="12"/>
    </row>
    <row r="48747" spans="8:8">
      <c r="H48747" s="12"/>
    </row>
    <row r="48748" spans="8:8">
      <c r="H48748" s="12"/>
    </row>
    <row r="48749" spans="8:8">
      <c r="H48749" s="12"/>
    </row>
    <row r="48750" spans="8:8">
      <c r="H48750" s="12"/>
    </row>
    <row r="48751" spans="8:8">
      <c r="H48751" s="12"/>
    </row>
    <row r="48752" spans="8:8">
      <c r="H48752" s="12"/>
    </row>
    <row r="48753" spans="8:8">
      <c r="H48753" s="12"/>
    </row>
    <row r="48754" spans="8:8">
      <c r="H48754" s="12"/>
    </row>
    <row r="48755" spans="8:8">
      <c r="H48755" s="12"/>
    </row>
    <row r="48756" spans="8:8">
      <c r="H48756" s="12"/>
    </row>
    <row r="48757" spans="8:8">
      <c r="H48757" s="12"/>
    </row>
    <row r="48758" spans="8:8">
      <c r="H48758" s="12"/>
    </row>
    <row r="48759" spans="8:8">
      <c r="H48759" s="12"/>
    </row>
    <row r="48760" spans="8:8">
      <c r="H48760" s="12"/>
    </row>
    <row r="48761" spans="8:8">
      <c r="H48761" s="12"/>
    </row>
    <row r="48762" spans="8:8">
      <c r="H48762" s="12"/>
    </row>
    <row r="48763" spans="8:8">
      <c r="H48763" s="12"/>
    </row>
    <row r="48764" spans="8:8">
      <c r="H48764" s="12"/>
    </row>
    <row r="48765" spans="8:8">
      <c r="H48765" s="12"/>
    </row>
    <row r="48766" spans="8:8">
      <c r="H48766" s="12"/>
    </row>
    <row r="48767" spans="8:8">
      <c r="H48767" s="12"/>
    </row>
    <row r="48768" spans="8:8">
      <c r="H48768" s="12"/>
    </row>
    <row r="48769" spans="8:8">
      <c r="H48769" s="12"/>
    </row>
    <row r="48770" spans="8:8">
      <c r="H48770" s="12"/>
    </row>
    <row r="48771" spans="8:8">
      <c r="H48771" s="12"/>
    </row>
    <row r="48772" spans="8:8">
      <c r="H48772" s="12"/>
    </row>
    <row r="48773" spans="8:8">
      <c r="H48773" s="12"/>
    </row>
    <row r="48774" spans="8:8">
      <c r="H48774" s="12"/>
    </row>
    <row r="48775" spans="8:8">
      <c r="H48775" s="12"/>
    </row>
    <row r="48776" spans="8:8">
      <c r="H48776" s="12"/>
    </row>
    <row r="48777" spans="8:8">
      <c r="H48777" s="12"/>
    </row>
    <row r="48778" spans="8:8">
      <c r="H48778" s="12"/>
    </row>
    <row r="48779" spans="8:8">
      <c r="H48779" s="12"/>
    </row>
    <row r="48780" spans="8:8">
      <c r="H48780" s="12"/>
    </row>
    <row r="48781" spans="8:8">
      <c r="H48781" s="12"/>
    </row>
    <row r="48782" spans="8:8">
      <c r="H48782" s="12"/>
    </row>
    <row r="48783" spans="8:8">
      <c r="H48783" s="12"/>
    </row>
    <row r="48784" spans="8:8">
      <c r="H48784" s="12"/>
    </row>
    <row r="48785" spans="8:8">
      <c r="H48785" s="12"/>
    </row>
    <row r="48786" spans="8:8">
      <c r="H48786" s="12"/>
    </row>
    <row r="48787" spans="8:8">
      <c r="H48787" s="12"/>
    </row>
    <row r="48788" spans="8:8">
      <c r="H48788" s="12"/>
    </row>
    <row r="48789" spans="8:8">
      <c r="H48789" s="12"/>
    </row>
    <row r="48790" spans="8:8">
      <c r="H48790" s="12"/>
    </row>
    <row r="48791" spans="8:8">
      <c r="H48791" s="12"/>
    </row>
    <row r="48792" spans="8:8">
      <c r="H48792" s="12"/>
    </row>
    <row r="48793" spans="8:8">
      <c r="H48793" s="12"/>
    </row>
    <row r="48794" spans="8:8">
      <c r="H48794" s="12"/>
    </row>
    <row r="48795" spans="8:8">
      <c r="H48795" s="12"/>
    </row>
    <row r="48796" spans="8:8">
      <c r="H48796" s="12"/>
    </row>
    <row r="48797" spans="8:8">
      <c r="H48797" s="12"/>
    </row>
    <row r="48798" spans="8:8">
      <c r="H48798" s="12"/>
    </row>
    <row r="48799" spans="8:8">
      <c r="H48799" s="12"/>
    </row>
    <row r="48800" spans="8:8">
      <c r="H48800" s="12"/>
    </row>
    <row r="48801" spans="8:8">
      <c r="H48801" s="12"/>
    </row>
    <row r="48802" spans="8:8">
      <c r="H48802" s="12"/>
    </row>
    <row r="48803" spans="8:8">
      <c r="H48803" s="12"/>
    </row>
    <row r="48804" spans="8:8">
      <c r="H48804" s="12"/>
    </row>
    <row r="48805" spans="8:8">
      <c r="H48805" s="12"/>
    </row>
    <row r="48806" spans="8:8">
      <c r="H48806" s="12"/>
    </row>
    <row r="48807" spans="8:8">
      <c r="H48807" s="12"/>
    </row>
    <row r="48808" spans="8:8">
      <c r="H48808" s="12"/>
    </row>
    <row r="48809" spans="8:8">
      <c r="H48809" s="12"/>
    </row>
    <row r="48810" spans="8:8">
      <c r="H48810" s="12"/>
    </row>
    <row r="48811" spans="8:8">
      <c r="H48811" s="12"/>
    </row>
    <row r="48812" spans="8:8">
      <c r="H48812" s="12"/>
    </row>
    <row r="48813" spans="8:8">
      <c r="H48813" s="12"/>
    </row>
    <row r="48814" spans="8:8">
      <c r="H48814" s="12"/>
    </row>
    <row r="48815" spans="8:8">
      <c r="H48815" s="12"/>
    </row>
    <row r="48816" spans="8:8">
      <c r="H48816" s="12"/>
    </row>
    <row r="48817" spans="8:8">
      <c r="H48817" s="12"/>
    </row>
    <row r="48818" spans="8:8">
      <c r="H48818" s="12"/>
    </row>
    <row r="48819" spans="8:8">
      <c r="H48819" s="12"/>
    </row>
    <row r="48820" spans="8:8">
      <c r="H48820" s="12"/>
    </row>
    <row r="48821" spans="8:8">
      <c r="H48821" s="12"/>
    </row>
    <row r="48822" spans="8:8">
      <c r="H48822" s="12"/>
    </row>
    <row r="48823" spans="8:8">
      <c r="H48823" s="12"/>
    </row>
    <row r="48824" spans="8:8">
      <c r="H48824" s="12"/>
    </row>
    <row r="48825" spans="8:8">
      <c r="H48825" s="12"/>
    </row>
    <row r="48826" spans="8:8">
      <c r="H48826" s="12"/>
    </row>
    <row r="48827" spans="8:8">
      <c r="H48827" s="12"/>
    </row>
    <row r="48828" spans="8:8">
      <c r="H48828" s="12"/>
    </row>
    <row r="48829" spans="8:8">
      <c r="H48829" s="12"/>
    </row>
    <row r="48830" spans="8:8">
      <c r="H48830" s="12"/>
    </row>
    <row r="48831" spans="8:8">
      <c r="H48831" s="12"/>
    </row>
    <row r="48832" spans="8:8">
      <c r="H48832" s="12"/>
    </row>
    <row r="48833" spans="8:8">
      <c r="H48833" s="12"/>
    </row>
    <row r="48834" spans="8:8">
      <c r="H48834" s="12"/>
    </row>
    <row r="48835" spans="8:8">
      <c r="H48835" s="12"/>
    </row>
    <row r="48836" spans="8:8">
      <c r="H48836" s="12"/>
    </row>
    <row r="48837" spans="8:8">
      <c r="H48837" s="12"/>
    </row>
    <row r="48838" spans="8:8">
      <c r="H48838" s="12"/>
    </row>
    <row r="48839" spans="8:8">
      <c r="H48839" s="12"/>
    </row>
    <row r="48840" spans="8:8">
      <c r="H48840" s="12"/>
    </row>
    <row r="48841" spans="8:8">
      <c r="H48841" s="12"/>
    </row>
    <row r="48842" spans="8:8">
      <c r="H48842" s="12"/>
    </row>
    <row r="48843" spans="8:8">
      <c r="H48843" s="12"/>
    </row>
    <row r="48844" spans="8:8">
      <c r="H48844" s="12"/>
    </row>
    <row r="48845" spans="8:8">
      <c r="H48845" s="12"/>
    </row>
    <row r="48846" spans="8:8">
      <c r="H48846" s="12"/>
    </row>
    <row r="48847" spans="8:8">
      <c r="H48847" s="12"/>
    </row>
    <row r="48848" spans="8:8">
      <c r="H48848" s="12"/>
    </row>
    <row r="48849" spans="8:8">
      <c r="H48849" s="12"/>
    </row>
    <row r="48850" spans="8:8">
      <c r="H48850" s="12"/>
    </row>
    <row r="48851" spans="8:8">
      <c r="H48851" s="12"/>
    </row>
    <row r="48852" spans="8:8">
      <c r="H48852" s="12"/>
    </row>
    <row r="48853" spans="8:8">
      <c r="H48853" s="12"/>
    </row>
    <row r="48854" spans="8:8">
      <c r="H48854" s="12"/>
    </row>
    <row r="48855" spans="8:8">
      <c r="H48855" s="12"/>
    </row>
    <row r="48856" spans="8:8">
      <c r="H48856" s="12"/>
    </row>
    <row r="48857" spans="8:8">
      <c r="H48857" s="12"/>
    </row>
    <row r="48858" spans="8:8">
      <c r="H48858" s="12"/>
    </row>
    <row r="48859" spans="8:8">
      <c r="H48859" s="12"/>
    </row>
    <row r="48860" spans="8:8">
      <c r="H48860" s="12"/>
    </row>
    <row r="48861" spans="8:8">
      <c r="H48861" s="12"/>
    </row>
    <row r="48862" spans="8:8">
      <c r="H48862" s="12"/>
    </row>
    <row r="48863" spans="8:8">
      <c r="H48863" s="12"/>
    </row>
    <row r="48864" spans="8:8">
      <c r="H48864" s="12"/>
    </row>
    <row r="48865" spans="8:8">
      <c r="H48865" s="12"/>
    </row>
    <row r="48866" spans="8:8">
      <c r="H48866" s="12"/>
    </row>
    <row r="48867" spans="8:8">
      <c r="H48867" s="12"/>
    </row>
    <row r="48868" spans="8:8">
      <c r="H48868" s="12"/>
    </row>
    <row r="48869" spans="8:8">
      <c r="H48869" s="12"/>
    </row>
    <row r="48870" spans="8:8">
      <c r="H48870" s="12"/>
    </row>
    <row r="48871" spans="8:8">
      <c r="H48871" s="12"/>
    </row>
    <row r="48872" spans="8:8">
      <c r="H48872" s="12"/>
    </row>
    <row r="48873" spans="8:8">
      <c r="H48873" s="12"/>
    </row>
    <row r="48874" spans="8:8">
      <c r="H48874" s="12"/>
    </row>
    <row r="48875" spans="8:8">
      <c r="H48875" s="12"/>
    </row>
    <row r="48876" spans="8:8">
      <c r="H48876" s="12"/>
    </row>
    <row r="48877" spans="8:8">
      <c r="H48877" s="12"/>
    </row>
    <row r="48878" spans="8:8">
      <c r="H48878" s="12"/>
    </row>
    <row r="48879" spans="8:8">
      <c r="H48879" s="12"/>
    </row>
    <row r="48880" spans="8:8">
      <c r="H48880" s="12"/>
    </row>
    <row r="48881" spans="8:8">
      <c r="H48881" s="12"/>
    </row>
    <row r="48882" spans="8:8">
      <c r="H48882" s="12"/>
    </row>
    <row r="48883" spans="8:8">
      <c r="H48883" s="12"/>
    </row>
    <row r="48884" spans="8:8">
      <c r="H48884" s="12"/>
    </row>
    <row r="48885" spans="8:8">
      <c r="H48885" s="12"/>
    </row>
    <row r="48886" spans="8:8">
      <c r="H48886" s="12"/>
    </row>
    <row r="48887" spans="8:8">
      <c r="H48887" s="12"/>
    </row>
    <row r="48888" spans="8:8">
      <c r="H48888" s="12"/>
    </row>
    <row r="48889" spans="8:8">
      <c r="H48889" s="12"/>
    </row>
    <row r="48890" spans="8:8">
      <c r="H48890" s="12"/>
    </row>
    <row r="48891" spans="8:8">
      <c r="H48891" s="12"/>
    </row>
    <row r="48892" spans="8:8">
      <c r="H48892" s="12"/>
    </row>
    <row r="48893" spans="8:8">
      <c r="H48893" s="12"/>
    </row>
    <row r="48894" spans="8:8">
      <c r="H48894" s="12"/>
    </row>
    <row r="48895" spans="8:8">
      <c r="H48895" s="12"/>
    </row>
    <row r="48896" spans="8:8">
      <c r="H48896" s="12"/>
    </row>
    <row r="48897" spans="8:8">
      <c r="H48897" s="12"/>
    </row>
    <row r="48898" spans="8:8">
      <c r="H48898" s="12"/>
    </row>
    <row r="48899" spans="8:8">
      <c r="H48899" s="12"/>
    </row>
    <row r="48900" spans="8:8">
      <c r="H48900" s="12"/>
    </row>
    <row r="48901" spans="8:8">
      <c r="H48901" s="12"/>
    </row>
    <row r="48902" spans="8:8">
      <c r="H48902" s="12"/>
    </row>
    <row r="48903" spans="8:8">
      <c r="H48903" s="12"/>
    </row>
    <row r="48904" spans="8:8">
      <c r="H48904" s="12"/>
    </row>
    <row r="48905" spans="8:8">
      <c r="H48905" s="12"/>
    </row>
    <row r="48906" spans="8:8">
      <c r="H48906" s="12"/>
    </row>
    <row r="48907" spans="8:8">
      <c r="H48907" s="12"/>
    </row>
    <row r="48908" spans="8:8">
      <c r="H48908" s="12"/>
    </row>
    <row r="48909" spans="8:8">
      <c r="H48909" s="12"/>
    </row>
    <row r="48910" spans="8:8">
      <c r="H48910" s="12"/>
    </row>
    <row r="48911" spans="8:8">
      <c r="H48911" s="12"/>
    </row>
    <row r="48912" spans="8:8">
      <c r="H48912" s="12"/>
    </row>
    <row r="48913" spans="8:8">
      <c r="H48913" s="12"/>
    </row>
    <row r="48914" spans="8:8">
      <c r="H48914" s="12"/>
    </row>
    <row r="48915" spans="8:8">
      <c r="H48915" s="12"/>
    </row>
    <row r="48916" spans="8:8">
      <c r="H48916" s="12"/>
    </row>
    <row r="48917" spans="8:8">
      <c r="H48917" s="12"/>
    </row>
    <row r="48918" spans="8:8">
      <c r="H48918" s="12"/>
    </row>
    <row r="48919" spans="8:8">
      <c r="H48919" s="12"/>
    </row>
    <row r="48920" spans="8:8">
      <c r="H48920" s="12"/>
    </row>
    <row r="48921" spans="8:8">
      <c r="H48921" s="12"/>
    </row>
    <row r="48922" spans="8:8">
      <c r="H48922" s="12"/>
    </row>
    <row r="48923" spans="8:8">
      <c r="H48923" s="12"/>
    </row>
    <row r="48924" spans="8:8">
      <c r="H48924" s="12"/>
    </row>
    <row r="48925" spans="8:8">
      <c r="H48925" s="12"/>
    </row>
    <row r="48926" spans="8:8">
      <c r="H48926" s="12"/>
    </row>
    <row r="48927" spans="8:8">
      <c r="H48927" s="12"/>
    </row>
    <row r="48928" spans="8:8">
      <c r="H48928" s="12"/>
    </row>
    <row r="48929" spans="8:8">
      <c r="H48929" s="12"/>
    </row>
    <row r="48930" spans="8:8">
      <c r="H48930" s="12"/>
    </row>
    <row r="48931" spans="8:8">
      <c r="H48931" s="12"/>
    </row>
    <row r="48932" spans="8:8">
      <c r="H48932" s="12"/>
    </row>
    <row r="48933" spans="8:8">
      <c r="H48933" s="12"/>
    </row>
    <row r="48934" spans="8:8">
      <c r="H48934" s="12"/>
    </row>
    <row r="48935" spans="8:8">
      <c r="H48935" s="12"/>
    </row>
    <row r="48936" spans="8:8">
      <c r="H48936" s="12"/>
    </row>
    <row r="48937" spans="8:8">
      <c r="H48937" s="12"/>
    </row>
    <row r="48938" spans="8:8">
      <c r="H48938" s="12"/>
    </row>
    <row r="48939" spans="8:8">
      <c r="H48939" s="12"/>
    </row>
    <row r="48940" spans="8:8">
      <c r="H48940" s="12"/>
    </row>
    <row r="48941" spans="8:8">
      <c r="H48941" s="12"/>
    </row>
    <row r="48942" spans="8:8">
      <c r="H48942" s="12"/>
    </row>
    <row r="48943" spans="8:8">
      <c r="H48943" s="12"/>
    </row>
    <row r="48944" spans="8:8">
      <c r="H48944" s="12"/>
    </row>
    <row r="48945" spans="8:8">
      <c r="H48945" s="12"/>
    </row>
    <row r="48946" spans="8:8">
      <c r="H48946" s="12"/>
    </row>
    <row r="48947" spans="8:8">
      <c r="H48947" s="12"/>
    </row>
    <row r="48948" spans="8:8">
      <c r="H48948" s="12"/>
    </row>
    <row r="48949" spans="8:8">
      <c r="H48949" s="12"/>
    </row>
    <row r="48950" spans="8:8">
      <c r="H48950" s="12"/>
    </row>
    <row r="48951" spans="8:8">
      <c r="H48951" s="12"/>
    </row>
    <row r="48952" spans="8:8">
      <c r="H48952" s="12"/>
    </row>
    <row r="48953" spans="8:8">
      <c r="H48953" s="12"/>
    </row>
    <row r="48954" spans="8:8">
      <c r="H48954" s="12"/>
    </row>
    <row r="48955" spans="8:8">
      <c r="H48955" s="12"/>
    </row>
    <row r="48956" spans="8:8">
      <c r="H48956" s="12"/>
    </row>
    <row r="48957" spans="8:8">
      <c r="H48957" s="12"/>
    </row>
    <row r="48958" spans="8:8">
      <c r="H48958" s="12"/>
    </row>
    <row r="48959" spans="8:8">
      <c r="H48959" s="12"/>
    </row>
    <row r="48960" spans="8:8">
      <c r="H48960" s="12"/>
    </row>
    <row r="48961" spans="8:8">
      <c r="H48961" s="12"/>
    </row>
    <row r="48962" spans="8:8">
      <c r="H48962" s="12"/>
    </row>
    <row r="48963" spans="8:8">
      <c r="H48963" s="12"/>
    </row>
    <row r="48964" spans="8:8">
      <c r="H48964" s="12"/>
    </row>
    <row r="48965" spans="8:8">
      <c r="H48965" s="12"/>
    </row>
    <row r="48966" spans="8:8">
      <c r="H48966" s="12"/>
    </row>
    <row r="48967" spans="8:8">
      <c r="H48967" s="12"/>
    </row>
    <row r="48968" spans="8:8">
      <c r="H48968" s="12"/>
    </row>
    <row r="48969" spans="8:8">
      <c r="H48969" s="12"/>
    </row>
    <row r="48970" spans="8:8">
      <c r="H48970" s="12"/>
    </row>
    <row r="48971" spans="8:8">
      <c r="H48971" s="12"/>
    </row>
    <row r="48972" spans="8:8">
      <c r="H48972" s="12"/>
    </row>
    <row r="48973" spans="8:8">
      <c r="H48973" s="12"/>
    </row>
    <row r="48974" spans="8:8">
      <c r="H48974" s="12"/>
    </row>
    <row r="48975" spans="8:8">
      <c r="H48975" s="12"/>
    </row>
    <row r="48976" spans="8:8">
      <c r="H48976" s="12"/>
    </row>
    <row r="48977" spans="8:8">
      <c r="H48977" s="12"/>
    </row>
    <row r="48978" spans="8:8">
      <c r="H48978" s="12"/>
    </row>
    <row r="48979" spans="8:8">
      <c r="H48979" s="12"/>
    </row>
    <row r="48980" spans="8:8">
      <c r="H48980" s="12"/>
    </row>
    <row r="48981" spans="8:8">
      <c r="H48981" s="12"/>
    </row>
    <row r="48982" spans="8:8">
      <c r="H48982" s="12"/>
    </row>
    <row r="48983" spans="8:8">
      <c r="H48983" s="12"/>
    </row>
    <row r="48984" spans="8:8">
      <c r="H48984" s="12"/>
    </row>
    <row r="48985" spans="8:8">
      <c r="H48985" s="12"/>
    </row>
    <row r="48986" spans="8:8">
      <c r="H48986" s="12"/>
    </row>
    <row r="48987" spans="8:8">
      <c r="H48987" s="12"/>
    </row>
    <row r="48988" spans="8:8">
      <c r="H48988" s="12"/>
    </row>
    <row r="48989" spans="8:8">
      <c r="H48989" s="12"/>
    </row>
    <row r="48990" spans="8:8">
      <c r="H48990" s="12"/>
    </row>
    <row r="48991" spans="8:8">
      <c r="H48991" s="12"/>
    </row>
    <row r="48992" spans="8:8">
      <c r="H48992" s="12"/>
    </row>
    <row r="48993" spans="8:8">
      <c r="H48993" s="12"/>
    </row>
    <row r="48994" spans="8:8">
      <c r="H48994" s="12"/>
    </row>
    <row r="48995" spans="8:8">
      <c r="H48995" s="12"/>
    </row>
    <row r="48996" spans="8:8">
      <c r="H48996" s="12"/>
    </row>
    <row r="48997" spans="8:8">
      <c r="H48997" s="12"/>
    </row>
    <row r="48998" spans="8:8">
      <c r="H48998" s="12"/>
    </row>
    <row r="48999" spans="8:8">
      <c r="H48999" s="12"/>
    </row>
    <row r="49000" spans="8:8">
      <c r="H49000" s="12"/>
    </row>
    <row r="49001" spans="8:8">
      <c r="H49001" s="12"/>
    </row>
    <row r="49002" spans="8:8">
      <c r="H49002" s="12"/>
    </row>
    <row r="49003" spans="8:8">
      <c r="H49003" s="12"/>
    </row>
    <row r="49004" spans="8:8">
      <c r="H49004" s="12"/>
    </row>
    <row r="49005" spans="8:8">
      <c r="H49005" s="12"/>
    </row>
    <row r="49006" spans="8:8">
      <c r="H49006" s="12"/>
    </row>
    <row r="49007" spans="8:8">
      <c r="H49007" s="12"/>
    </row>
    <row r="49008" spans="8:8">
      <c r="H49008" s="12"/>
    </row>
    <row r="49009" spans="8:8">
      <c r="H49009" s="12"/>
    </row>
    <row r="49010" spans="8:8">
      <c r="H49010" s="12"/>
    </row>
    <row r="49011" spans="8:8">
      <c r="H49011" s="12"/>
    </row>
    <row r="49012" spans="8:8">
      <c r="H49012" s="12"/>
    </row>
    <row r="49013" spans="8:8">
      <c r="H49013" s="12"/>
    </row>
    <row r="49014" spans="8:8">
      <c r="H49014" s="12"/>
    </row>
    <row r="49015" spans="8:8">
      <c r="H49015" s="12"/>
    </row>
    <row r="49016" spans="8:8">
      <c r="H49016" s="12"/>
    </row>
    <row r="49017" spans="8:8">
      <c r="H49017" s="12"/>
    </row>
    <row r="49018" spans="8:8">
      <c r="H49018" s="12"/>
    </row>
    <row r="49019" spans="8:8">
      <c r="H49019" s="12"/>
    </row>
    <row r="49020" spans="8:8">
      <c r="H49020" s="12"/>
    </row>
    <row r="49021" spans="8:8">
      <c r="H49021" s="12"/>
    </row>
    <row r="49022" spans="8:8">
      <c r="H49022" s="12"/>
    </row>
    <row r="49023" spans="8:8">
      <c r="H49023" s="12"/>
    </row>
    <row r="49024" spans="8:8">
      <c r="H49024" s="12"/>
    </row>
    <row r="49025" spans="8:8">
      <c r="H49025" s="12"/>
    </row>
    <row r="49026" spans="8:8">
      <c r="H49026" s="12"/>
    </row>
    <row r="49027" spans="8:8">
      <c r="H49027" s="12"/>
    </row>
    <row r="49028" spans="8:8">
      <c r="H49028" s="12"/>
    </row>
    <row r="49029" spans="8:8">
      <c r="H49029" s="12"/>
    </row>
    <row r="49030" spans="8:8">
      <c r="H49030" s="12"/>
    </row>
    <row r="49031" spans="8:8">
      <c r="H49031" s="12"/>
    </row>
    <row r="49032" spans="8:8">
      <c r="H49032" s="12"/>
    </row>
    <row r="49033" spans="8:8">
      <c r="H49033" s="12"/>
    </row>
    <row r="49034" spans="8:8">
      <c r="H49034" s="12"/>
    </row>
    <row r="49035" spans="8:8">
      <c r="H49035" s="12"/>
    </row>
    <row r="49036" spans="8:8">
      <c r="H49036" s="12"/>
    </row>
    <row r="49037" spans="8:8">
      <c r="H49037" s="12"/>
    </row>
    <row r="49038" spans="8:8">
      <c r="H49038" s="12"/>
    </row>
    <row r="49039" spans="8:8">
      <c r="H49039" s="12"/>
    </row>
    <row r="49040" spans="8:8">
      <c r="H49040" s="12"/>
    </row>
    <row r="49041" spans="8:8">
      <c r="H49041" s="12"/>
    </row>
    <row r="49042" spans="8:8">
      <c r="H49042" s="12"/>
    </row>
    <row r="49043" spans="8:8">
      <c r="H49043" s="12"/>
    </row>
    <row r="49044" spans="8:8">
      <c r="H49044" s="12"/>
    </row>
    <row r="49045" spans="8:8">
      <c r="H49045" s="12"/>
    </row>
    <row r="49046" spans="8:8">
      <c r="H49046" s="12"/>
    </row>
    <row r="49047" spans="8:8">
      <c r="H49047" s="12"/>
    </row>
    <row r="49048" spans="8:8">
      <c r="H49048" s="12"/>
    </row>
    <row r="49049" spans="8:8">
      <c r="H49049" s="12"/>
    </row>
    <row r="49050" spans="8:8">
      <c r="H49050" s="12"/>
    </row>
    <row r="49051" spans="8:8">
      <c r="H49051" s="12"/>
    </row>
    <row r="49052" spans="8:8">
      <c r="H49052" s="12"/>
    </row>
    <row r="49053" spans="8:8">
      <c r="H49053" s="12"/>
    </row>
    <row r="49054" spans="8:8">
      <c r="H49054" s="12"/>
    </row>
    <row r="49055" spans="8:8">
      <c r="H49055" s="12"/>
    </row>
    <row r="49056" spans="8:8">
      <c r="H49056" s="12"/>
    </row>
    <row r="49057" spans="8:8">
      <c r="H49057" s="12"/>
    </row>
    <row r="49058" spans="8:8">
      <c r="H49058" s="12"/>
    </row>
    <row r="49059" spans="8:8">
      <c r="H49059" s="12"/>
    </row>
    <row r="49060" spans="8:8">
      <c r="H49060" s="12"/>
    </row>
    <row r="49061" spans="8:8">
      <c r="H49061" s="12"/>
    </row>
    <row r="49062" spans="8:8">
      <c r="H49062" s="12"/>
    </row>
    <row r="49063" spans="8:8">
      <c r="H49063" s="12"/>
    </row>
    <row r="49064" spans="8:8">
      <c r="H49064" s="12"/>
    </row>
    <row r="49065" spans="8:8">
      <c r="H49065" s="12"/>
    </row>
    <row r="49066" spans="8:8">
      <c r="H49066" s="12"/>
    </row>
    <row r="49067" spans="8:8">
      <c r="H49067" s="12"/>
    </row>
    <row r="49068" spans="8:8">
      <c r="H49068" s="12"/>
    </row>
    <row r="49069" spans="8:8">
      <c r="H49069" s="12"/>
    </row>
    <row r="49070" spans="8:8">
      <c r="H49070" s="12"/>
    </row>
    <row r="49071" spans="8:8">
      <c r="H49071" s="12"/>
    </row>
    <row r="49072" spans="8:8">
      <c r="H49072" s="12"/>
    </row>
    <row r="49073" spans="8:8">
      <c r="H49073" s="12"/>
    </row>
    <row r="49074" spans="8:8">
      <c r="H49074" s="12"/>
    </row>
    <row r="49075" spans="8:8">
      <c r="H49075" s="12"/>
    </row>
    <row r="49076" spans="8:8">
      <c r="H49076" s="12"/>
    </row>
    <row r="49077" spans="8:8">
      <c r="H49077" s="12"/>
    </row>
    <row r="49078" spans="8:8">
      <c r="H49078" s="12"/>
    </row>
    <row r="49079" spans="8:8">
      <c r="H49079" s="12"/>
    </row>
    <row r="49080" spans="8:8">
      <c r="H49080" s="12"/>
    </row>
    <row r="49081" spans="8:8">
      <c r="H49081" s="12"/>
    </row>
    <row r="49082" spans="8:8">
      <c r="H49082" s="12"/>
    </row>
    <row r="49083" spans="8:8">
      <c r="H49083" s="12"/>
    </row>
    <row r="49084" spans="8:8">
      <c r="H49084" s="12"/>
    </row>
    <row r="49085" spans="8:8">
      <c r="H49085" s="12"/>
    </row>
    <row r="49086" spans="8:8">
      <c r="H49086" s="12"/>
    </row>
    <row r="49087" spans="8:8">
      <c r="H49087" s="12"/>
    </row>
    <row r="49088" spans="8:8">
      <c r="H49088" s="12"/>
    </row>
    <row r="49089" spans="8:8">
      <c r="H49089" s="12"/>
    </row>
    <row r="49090" spans="8:8">
      <c r="H49090" s="12"/>
    </row>
    <row r="49091" spans="8:8">
      <c r="H49091" s="12"/>
    </row>
    <row r="49092" spans="8:8">
      <c r="H49092" s="12"/>
    </row>
    <row r="49093" spans="8:8">
      <c r="H49093" s="12"/>
    </row>
    <row r="49094" spans="8:8">
      <c r="H49094" s="12"/>
    </row>
    <row r="49095" spans="8:8">
      <c r="H49095" s="12"/>
    </row>
    <row r="49096" spans="8:8">
      <c r="H49096" s="12"/>
    </row>
    <row r="49097" spans="8:8">
      <c r="H49097" s="12"/>
    </row>
    <row r="49098" spans="8:8">
      <c r="H49098" s="12"/>
    </row>
    <row r="49099" spans="8:8">
      <c r="H49099" s="12"/>
    </row>
    <row r="49100" spans="8:8">
      <c r="H49100" s="12"/>
    </row>
    <row r="49101" spans="8:8">
      <c r="H49101" s="12"/>
    </row>
    <row r="49102" spans="8:8">
      <c r="H49102" s="12"/>
    </row>
    <row r="49103" spans="8:8">
      <c r="H49103" s="12"/>
    </row>
    <row r="49104" spans="8:8">
      <c r="H49104" s="12"/>
    </row>
    <row r="49105" spans="8:8">
      <c r="H49105" s="12"/>
    </row>
    <row r="49106" spans="8:8">
      <c r="H49106" s="12"/>
    </row>
    <row r="49107" spans="8:8">
      <c r="H49107" s="12"/>
    </row>
    <row r="49108" spans="8:8">
      <c r="H49108" s="12"/>
    </row>
    <row r="49109" spans="8:8">
      <c r="H49109" s="12"/>
    </row>
    <row r="49110" spans="8:8">
      <c r="H49110" s="12"/>
    </row>
    <row r="49111" spans="8:8">
      <c r="H49111" s="12"/>
    </row>
    <row r="49112" spans="8:8">
      <c r="H49112" s="12"/>
    </row>
    <row r="49113" spans="8:8">
      <c r="H49113" s="12"/>
    </row>
    <row r="49114" spans="8:8">
      <c r="H49114" s="12"/>
    </row>
    <row r="49115" spans="8:8">
      <c r="H49115" s="12"/>
    </row>
    <row r="49116" spans="8:8">
      <c r="H49116" s="12"/>
    </row>
    <row r="49117" spans="8:8">
      <c r="H49117" s="12"/>
    </row>
    <row r="49118" spans="8:8">
      <c r="H49118" s="12"/>
    </row>
    <row r="49119" spans="8:8">
      <c r="H49119" s="12"/>
    </row>
    <row r="49120" spans="8:8">
      <c r="H49120" s="12"/>
    </row>
    <row r="49121" spans="8:8">
      <c r="H49121" s="12"/>
    </row>
    <row r="49122" spans="8:8">
      <c r="H49122" s="12"/>
    </row>
    <row r="49123" spans="8:8">
      <c r="H49123" s="12"/>
    </row>
    <row r="49124" spans="8:8">
      <c r="H49124" s="12"/>
    </row>
    <row r="49125" spans="8:8">
      <c r="H49125" s="12"/>
    </row>
    <row r="49126" spans="8:8">
      <c r="H49126" s="12"/>
    </row>
    <row r="49127" spans="8:8">
      <c r="H49127" s="12"/>
    </row>
    <row r="49128" spans="8:8">
      <c r="H49128" s="12"/>
    </row>
    <row r="49129" spans="8:8">
      <c r="H49129" s="12"/>
    </row>
    <row r="49130" spans="8:8">
      <c r="H49130" s="12"/>
    </row>
    <row r="49131" spans="8:8">
      <c r="H49131" s="12"/>
    </row>
    <row r="49132" spans="8:8">
      <c r="H49132" s="12"/>
    </row>
    <row r="49133" spans="8:8">
      <c r="H49133" s="12"/>
    </row>
    <row r="49134" spans="8:8">
      <c r="H49134" s="12"/>
    </row>
    <row r="49135" spans="8:8">
      <c r="H49135" s="12"/>
    </row>
    <row r="49136" spans="8:8">
      <c r="H49136" s="12"/>
    </row>
    <row r="49137" spans="8:8">
      <c r="H49137" s="12"/>
    </row>
    <row r="49138" spans="8:8">
      <c r="H49138" s="12"/>
    </row>
    <row r="49139" spans="8:8">
      <c r="H49139" s="12"/>
    </row>
    <row r="49140" spans="8:8">
      <c r="H49140" s="12"/>
    </row>
    <row r="49141" spans="8:8">
      <c r="H49141" s="12"/>
    </row>
    <row r="49142" spans="8:8">
      <c r="H49142" s="12"/>
    </row>
    <row r="49143" spans="8:8">
      <c r="H49143" s="12"/>
    </row>
    <row r="49144" spans="8:8">
      <c r="H49144" s="12"/>
    </row>
    <row r="49145" spans="8:8">
      <c r="H49145" s="12"/>
    </row>
    <row r="49146" spans="8:8">
      <c r="H49146" s="12"/>
    </row>
    <row r="49147" spans="8:8">
      <c r="H49147" s="12"/>
    </row>
    <row r="49148" spans="8:8">
      <c r="H49148" s="12"/>
    </row>
    <row r="49149" spans="8:8">
      <c r="H49149" s="12"/>
    </row>
    <row r="49150" spans="8:8">
      <c r="H49150" s="12"/>
    </row>
    <row r="49151" spans="8:8">
      <c r="H49151" s="12"/>
    </row>
    <row r="49152" spans="8:8">
      <c r="H49152" s="12"/>
    </row>
    <row r="49153" spans="8:8">
      <c r="H49153" s="12"/>
    </row>
    <row r="49154" spans="8:8">
      <c r="H49154" s="12"/>
    </row>
    <row r="49155" spans="8:8">
      <c r="H49155" s="12"/>
    </row>
    <row r="49156" spans="8:8">
      <c r="H49156" s="12"/>
    </row>
    <row r="49157" spans="8:8">
      <c r="H49157" s="12"/>
    </row>
    <row r="49158" spans="8:8">
      <c r="H49158" s="12"/>
    </row>
    <row r="49159" spans="8:8">
      <c r="H49159" s="12"/>
    </row>
    <row r="49160" spans="8:8">
      <c r="H49160" s="12"/>
    </row>
    <row r="49161" spans="8:8">
      <c r="H49161" s="12"/>
    </row>
    <row r="49162" spans="8:8">
      <c r="H49162" s="12"/>
    </row>
    <row r="49163" spans="8:8">
      <c r="H49163" s="12"/>
    </row>
    <row r="49164" spans="8:8">
      <c r="H49164" s="12"/>
    </row>
    <row r="49165" spans="8:8">
      <c r="H49165" s="12"/>
    </row>
    <row r="49166" spans="8:8">
      <c r="H49166" s="12"/>
    </row>
    <row r="49167" spans="8:8">
      <c r="H49167" s="12"/>
    </row>
    <row r="49168" spans="8:8">
      <c r="H49168" s="12"/>
    </row>
    <row r="49169" spans="8:8">
      <c r="H49169" s="12"/>
    </row>
    <row r="49170" spans="8:8">
      <c r="H49170" s="12"/>
    </row>
    <row r="49171" spans="8:8">
      <c r="H49171" s="12"/>
    </row>
    <row r="49172" spans="8:8">
      <c r="H49172" s="12"/>
    </row>
    <row r="49173" spans="8:8">
      <c r="H49173" s="12"/>
    </row>
    <row r="49174" spans="8:8">
      <c r="H49174" s="12"/>
    </row>
    <row r="49175" spans="8:8">
      <c r="H49175" s="12"/>
    </row>
    <row r="49176" spans="8:8">
      <c r="H49176" s="12"/>
    </row>
    <row r="49177" spans="8:8">
      <c r="H49177" s="12"/>
    </row>
    <row r="49178" spans="8:8">
      <c r="H49178" s="12"/>
    </row>
    <row r="49179" spans="8:8">
      <c r="H49179" s="12"/>
    </row>
    <row r="49180" spans="8:8">
      <c r="H49180" s="12"/>
    </row>
    <row r="49181" spans="8:8">
      <c r="H49181" s="12"/>
    </row>
    <row r="49182" spans="8:8">
      <c r="H49182" s="12"/>
    </row>
    <row r="49183" spans="8:8">
      <c r="H49183" s="12"/>
    </row>
    <row r="49184" spans="8:8">
      <c r="H49184" s="12"/>
    </row>
    <row r="49185" spans="8:8">
      <c r="H49185" s="12"/>
    </row>
    <row r="49186" spans="8:8">
      <c r="H49186" s="12"/>
    </row>
    <row r="49187" spans="8:8">
      <c r="H49187" s="12"/>
    </row>
    <row r="49188" spans="8:8">
      <c r="H49188" s="12"/>
    </row>
    <row r="49189" spans="8:8">
      <c r="H49189" s="12"/>
    </row>
    <row r="49190" spans="8:8">
      <c r="H49190" s="12"/>
    </row>
    <row r="49191" spans="8:8">
      <c r="H49191" s="12"/>
    </row>
    <row r="49192" spans="8:8">
      <c r="H49192" s="12"/>
    </row>
    <row r="49193" spans="8:8">
      <c r="H49193" s="12"/>
    </row>
    <row r="49194" spans="8:8">
      <c r="H49194" s="12"/>
    </row>
    <row r="49195" spans="8:8">
      <c r="H49195" s="12"/>
    </row>
    <row r="49196" spans="8:8">
      <c r="H49196" s="12"/>
    </row>
    <row r="49197" spans="8:8">
      <c r="H49197" s="12"/>
    </row>
    <row r="49198" spans="8:8">
      <c r="H49198" s="12"/>
    </row>
    <row r="49199" spans="8:8">
      <c r="H49199" s="12"/>
    </row>
    <row r="49200" spans="8:8">
      <c r="H49200" s="12"/>
    </row>
    <row r="49201" spans="8:8">
      <c r="H49201" s="12"/>
    </row>
    <row r="49202" spans="8:8">
      <c r="H49202" s="12"/>
    </row>
    <row r="49203" spans="8:8">
      <c r="H49203" s="12"/>
    </row>
    <row r="49204" spans="8:8">
      <c r="H49204" s="12"/>
    </row>
    <row r="49205" spans="8:8">
      <c r="H49205" s="12"/>
    </row>
    <row r="49206" spans="8:8">
      <c r="H49206" s="12"/>
    </row>
    <row r="49207" spans="8:8">
      <c r="H49207" s="12"/>
    </row>
    <row r="49208" spans="8:8">
      <c r="H49208" s="12"/>
    </row>
    <row r="49209" spans="8:8">
      <c r="H49209" s="12"/>
    </row>
    <row r="49210" spans="8:8">
      <c r="H49210" s="12"/>
    </row>
    <row r="49211" spans="8:8">
      <c r="H49211" s="12"/>
    </row>
    <row r="49212" spans="8:8">
      <c r="H49212" s="12"/>
    </row>
    <row r="49213" spans="8:8">
      <c r="H49213" s="12"/>
    </row>
    <row r="49214" spans="8:8">
      <c r="H49214" s="12"/>
    </row>
    <row r="49215" spans="8:8">
      <c r="H49215" s="12"/>
    </row>
    <row r="49216" spans="8:8">
      <c r="H49216" s="12"/>
    </row>
    <row r="49217" spans="8:8">
      <c r="H49217" s="12"/>
    </row>
    <row r="49218" spans="8:8">
      <c r="H49218" s="12"/>
    </row>
    <row r="49219" spans="8:8">
      <c r="H49219" s="12"/>
    </row>
    <row r="49220" spans="8:8">
      <c r="H49220" s="12"/>
    </row>
    <row r="49221" spans="8:8">
      <c r="H49221" s="12"/>
    </row>
    <row r="49222" spans="8:8">
      <c r="H49222" s="12"/>
    </row>
    <row r="49223" spans="8:8">
      <c r="H49223" s="12"/>
    </row>
    <row r="49224" spans="8:8">
      <c r="H49224" s="12"/>
    </row>
    <row r="49225" spans="8:8">
      <c r="H49225" s="12"/>
    </row>
    <row r="49226" spans="8:8">
      <c r="H49226" s="12"/>
    </row>
    <row r="49227" spans="8:8">
      <c r="H49227" s="12"/>
    </row>
    <row r="49228" spans="8:8">
      <c r="H49228" s="12"/>
    </row>
    <row r="49229" spans="8:8">
      <c r="H49229" s="12"/>
    </row>
    <row r="49230" spans="8:8">
      <c r="H49230" s="12"/>
    </row>
    <row r="49231" spans="8:8">
      <c r="H49231" s="12"/>
    </row>
    <row r="49232" spans="8:8">
      <c r="H49232" s="12"/>
    </row>
    <row r="49233" spans="8:8">
      <c r="H49233" s="12"/>
    </row>
    <row r="49234" spans="8:8">
      <c r="H49234" s="12"/>
    </row>
    <row r="49235" spans="8:8">
      <c r="H49235" s="12"/>
    </row>
    <row r="49236" spans="8:8">
      <c r="H49236" s="12"/>
    </row>
    <row r="49237" spans="8:8">
      <c r="H49237" s="12"/>
    </row>
    <row r="49238" spans="8:8">
      <c r="H49238" s="12"/>
    </row>
    <row r="49239" spans="8:8">
      <c r="H49239" s="12"/>
    </row>
    <row r="49240" spans="8:8">
      <c r="H49240" s="12"/>
    </row>
    <row r="49241" spans="8:8">
      <c r="H49241" s="12"/>
    </row>
    <row r="49242" spans="8:8">
      <c r="H49242" s="12"/>
    </row>
    <row r="49243" spans="8:8">
      <c r="H49243" s="12"/>
    </row>
    <row r="49244" spans="8:8">
      <c r="H49244" s="12"/>
    </row>
    <row r="49245" spans="8:8">
      <c r="H49245" s="12"/>
    </row>
    <row r="49246" spans="8:8">
      <c r="H49246" s="12"/>
    </row>
    <row r="49247" spans="8:8">
      <c r="H49247" s="12"/>
    </row>
    <row r="49248" spans="8:8">
      <c r="H49248" s="12"/>
    </row>
    <row r="49249" spans="8:8">
      <c r="H49249" s="12"/>
    </row>
    <row r="49250" spans="8:8">
      <c r="H49250" s="12"/>
    </row>
    <row r="49251" spans="8:8">
      <c r="H49251" s="12"/>
    </row>
    <row r="49252" spans="8:8">
      <c r="H49252" s="12"/>
    </row>
    <row r="49253" spans="8:8">
      <c r="H49253" s="12"/>
    </row>
    <row r="49254" spans="8:8">
      <c r="H49254" s="12"/>
    </row>
    <row r="49255" spans="8:8">
      <c r="H49255" s="12"/>
    </row>
    <row r="49256" spans="8:8">
      <c r="H49256" s="12"/>
    </row>
    <row r="49257" spans="8:8">
      <c r="H49257" s="12"/>
    </row>
    <row r="49258" spans="8:8">
      <c r="H49258" s="12"/>
    </row>
    <row r="49259" spans="8:8">
      <c r="H49259" s="12"/>
    </row>
    <row r="49260" spans="8:8">
      <c r="H49260" s="12"/>
    </row>
    <row r="49261" spans="8:8">
      <c r="H49261" s="12"/>
    </row>
    <row r="49262" spans="8:8">
      <c r="H49262" s="12"/>
    </row>
    <row r="49263" spans="8:8">
      <c r="H49263" s="12"/>
    </row>
    <row r="49264" spans="8:8">
      <c r="H49264" s="12"/>
    </row>
    <row r="49265" spans="8:8">
      <c r="H49265" s="12"/>
    </row>
    <row r="49266" spans="8:8">
      <c r="H49266" s="12"/>
    </row>
    <row r="49267" spans="8:8">
      <c r="H49267" s="12"/>
    </row>
    <row r="49268" spans="8:8">
      <c r="H49268" s="12"/>
    </row>
    <row r="49269" spans="8:8">
      <c r="H49269" s="12"/>
    </row>
    <row r="49270" spans="8:8">
      <c r="H49270" s="12"/>
    </row>
    <row r="49271" spans="8:8">
      <c r="H49271" s="12"/>
    </row>
    <row r="49272" spans="8:8">
      <c r="H49272" s="12"/>
    </row>
    <row r="49273" spans="8:8">
      <c r="H49273" s="12"/>
    </row>
    <row r="49274" spans="8:8">
      <c r="H49274" s="12"/>
    </row>
    <row r="49275" spans="8:8">
      <c r="H49275" s="12"/>
    </row>
    <row r="49276" spans="8:8">
      <c r="H49276" s="12"/>
    </row>
    <row r="49277" spans="8:8">
      <c r="H49277" s="12"/>
    </row>
    <row r="49278" spans="8:8">
      <c r="H49278" s="12"/>
    </row>
    <row r="49279" spans="8:8">
      <c r="H49279" s="12"/>
    </row>
    <row r="49280" spans="8:8">
      <c r="H49280" s="12"/>
    </row>
    <row r="49281" spans="8:8">
      <c r="H49281" s="12"/>
    </row>
    <row r="49282" spans="8:8">
      <c r="H49282" s="12"/>
    </row>
    <row r="49283" spans="8:8">
      <c r="H49283" s="12"/>
    </row>
    <row r="49284" spans="8:8">
      <c r="H49284" s="12"/>
    </row>
    <row r="49285" spans="8:8">
      <c r="H49285" s="12"/>
    </row>
    <row r="49286" spans="8:8">
      <c r="H49286" s="12"/>
    </row>
    <row r="49287" spans="8:8">
      <c r="H49287" s="12"/>
    </row>
    <row r="49288" spans="8:8">
      <c r="H49288" s="12"/>
    </row>
    <row r="49289" spans="8:8">
      <c r="H49289" s="12"/>
    </row>
    <row r="49290" spans="8:8">
      <c r="H49290" s="12"/>
    </row>
    <row r="49291" spans="8:8">
      <c r="H49291" s="12"/>
    </row>
    <row r="49292" spans="8:8">
      <c r="H49292" s="12"/>
    </row>
    <row r="49293" spans="8:8">
      <c r="H49293" s="12"/>
    </row>
    <row r="49294" spans="8:8">
      <c r="H49294" s="12"/>
    </row>
    <row r="49295" spans="8:8">
      <c r="H49295" s="12"/>
    </row>
    <row r="49296" spans="8:8">
      <c r="H49296" s="12"/>
    </row>
    <row r="49297" spans="8:8">
      <c r="H49297" s="12"/>
    </row>
    <row r="49298" spans="8:8">
      <c r="H49298" s="12"/>
    </row>
    <row r="49299" spans="8:8">
      <c r="H49299" s="12"/>
    </row>
    <row r="49300" spans="8:8">
      <c r="H49300" s="12"/>
    </row>
    <row r="49301" spans="8:8">
      <c r="H49301" s="12"/>
    </row>
    <row r="49302" spans="8:8">
      <c r="H49302" s="12"/>
    </row>
    <row r="49303" spans="8:8">
      <c r="H49303" s="12"/>
    </row>
    <row r="49304" spans="8:8">
      <c r="H49304" s="12"/>
    </row>
    <row r="49305" spans="8:8">
      <c r="H49305" s="12"/>
    </row>
    <row r="49306" spans="8:8">
      <c r="H49306" s="12"/>
    </row>
    <row r="49307" spans="8:8">
      <c r="H49307" s="12"/>
    </row>
    <row r="49308" spans="8:8">
      <c r="H49308" s="12"/>
    </row>
    <row r="49309" spans="8:8">
      <c r="H49309" s="12"/>
    </row>
    <row r="49310" spans="8:8">
      <c r="H49310" s="12"/>
    </row>
    <row r="49311" spans="8:8">
      <c r="H49311" s="12"/>
    </row>
    <row r="49312" spans="8:8">
      <c r="H49312" s="12"/>
    </row>
    <row r="49313" spans="8:8">
      <c r="H49313" s="12"/>
    </row>
    <row r="49314" spans="8:8">
      <c r="H49314" s="12"/>
    </row>
    <row r="49315" spans="8:8">
      <c r="H49315" s="12"/>
    </row>
    <row r="49316" spans="8:8">
      <c r="H49316" s="12"/>
    </row>
    <row r="49317" spans="8:8">
      <c r="H49317" s="12"/>
    </row>
    <row r="49318" spans="8:8">
      <c r="H49318" s="12"/>
    </row>
    <row r="49319" spans="8:8">
      <c r="H49319" s="12"/>
    </row>
    <row r="49320" spans="8:8">
      <c r="H49320" s="12"/>
    </row>
    <row r="49321" spans="8:8">
      <c r="H49321" s="12"/>
    </row>
    <row r="49322" spans="8:8">
      <c r="H49322" s="12"/>
    </row>
    <row r="49323" spans="8:8">
      <c r="H49323" s="12"/>
    </row>
    <row r="49324" spans="8:8">
      <c r="H49324" s="12"/>
    </row>
    <row r="49325" spans="8:8">
      <c r="H49325" s="12"/>
    </row>
    <row r="49326" spans="8:8">
      <c r="H49326" s="12"/>
    </row>
    <row r="49327" spans="8:8">
      <c r="H49327" s="12"/>
    </row>
    <row r="49328" spans="8:8">
      <c r="H49328" s="12"/>
    </row>
    <row r="49329" spans="8:8">
      <c r="H49329" s="12"/>
    </row>
    <row r="49330" spans="8:8">
      <c r="H49330" s="12"/>
    </row>
    <row r="49331" spans="8:8">
      <c r="H49331" s="12"/>
    </row>
    <row r="49332" spans="8:8">
      <c r="H49332" s="12"/>
    </row>
    <row r="49333" spans="8:8">
      <c r="H49333" s="12"/>
    </row>
    <row r="49334" spans="8:8">
      <c r="H49334" s="12"/>
    </row>
    <row r="49335" spans="8:8">
      <c r="H49335" s="12"/>
    </row>
    <row r="49336" spans="8:8">
      <c r="H49336" s="12"/>
    </row>
    <row r="49337" spans="8:8">
      <c r="H49337" s="12"/>
    </row>
    <row r="49338" spans="8:8">
      <c r="H49338" s="12"/>
    </row>
    <row r="49339" spans="8:8">
      <c r="H49339" s="12"/>
    </row>
    <row r="49340" spans="8:8">
      <c r="H49340" s="12"/>
    </row>
    <row r="49341" spans="8:8">
      <c r="H49341" s="12"/>
    </row>
    <row r="49342" spans="8:8">
      <c r="H49342" s="12"/>
    </row>
    <row r="49343" spans="8:8">
      <c r="H49343" s="12"/>
    </row>
    <row r="49344" spans="8:8">
      <c r="H49344" s="12"/>
    </row>
    <row r="49345" spans="8:8">
      <c r="H49345" s="12"/>
    </row>
    <row r="49346" spans="8:8">
      <c r="H49346" s="12"/>
    </row>
    <row r="49347" spans="8:8">
      <c r="H49347" s="12"/>
    </row>
    <row r="49348" spans="8:8">
      <c r="H49348" s="12"/>
    </row>
    <row r="49349" spans="8:8">
      <c r="H49349" s="12"/>
    </row>
    <row r="49350" spans="8:8">
      <c r="H49350" s="12"/>
    </row>
    <row r="49351" spans="8:8">
      <c r="H49351" s="12"/>
    </row>
    <row r="49352" spans="8:8">
      <c r="H49352" s="12"/>
    </row>
    <row r="49353" spans="8:8">
      <c r="H49353" s="12"/>
    </row>
    <row r="49354" spans="8:8">
      <c r="H49354" s="12"/>
    </row>
    <row r="49355" spans="8:8">
      <c r="H49355" s="12"/>
    </row>
    <row r="49356" spans="8:8">
      <c r="H49356" s="12"/>
    </row>
    <row r="49357" spans="8:8">
      <c r="H49357" s="12"/>
    </row>
    <row r="49358" spans="8:8">
      <c r="H49358" s="12"/>
    </row>
    <row r="49359" spans="8:8">
      <c r="H49359" s="12"/>
    </row>
    <row r="49360" spans="8:8">
      <c r="H49360" s="12"/>
    </row>
    <row r="49361" spans="8:8">
      <c r="H49361" s="12"/>
    </row>
    <row r="49362" spans="8:8">
      <c r="H49362" s="12"/>
    </row>
    <row r="49363" spans="8:8">
      <c r="H49363" s="12"/>
    </row>
    <row r="49364" spans="8:8">
      <c r="H49364" s="12"/>
    </row>
    <row r="49365" spans="8:8">
      <c r="H49365" s="12"/>
    </row>
    <row r="49366" spans="8:8">
      <c r="H49366" s="12"/>
    </row>
    <row r="49367" spans="8:8">
      <c r="H49367" s="12"/>
    </row>
    <row r="49368" spans="8:8">
      <c r="H49368" s="12"/>
    </row>
    <row r="49369" spans="8:8">
      <c r="H49369" s="12"/>
    </row>
    <row r="49370" spans="8:8">
      <c r="H49370" s="12"/>
    </row>
    <row r="49371" spans="8:8">
      <c r="H49371" s="12"/>
    </row>
    <row r="49372" spans="8:8">
      <c r="H49372" s="12"/>
    </row>
    <row r="49373" spans="8:8">
      <c r="H49373" s="12"/>
    </row>
    <row r="49374" spans="8:8">
      <c r="H49374" s="12"/>
    </row>
    <row r="49375" spans="8:8">
      <c r="H49375" s="12"/>
    </row>
    <row r="49376" spans="8:8">
      <c r="H49376" s="12"/>
    </row>
    <row r="49377" spans="8:8">
      <c r="H49377" s="12"/>
    </row>
    <row r="49378" spans="8:8">
      <c r="H49378" s="12"/>
    </row>
    <row r="49379" spans="8:8">
      <c r="H49379" s="12"/>
    </row>
    <row r="49380" spans="8:8">
      <c r="H49380" s="12"/>
    </row>
    <row r="49381" spans="8:8">
      <c r="H49381" s="12"/>
    </row>
    <row r="49382" spans="8:8">
      <c r="H49382" s="12"/>
    </row>
    <row r="49383" spans="8:8">
      <c r="H49383" s="12"/>
    </row>
    <row r="49384" spans="8:8">
      <c r="H49384" s="12"/>
    </row>
    <row r="49385" spans="8:8">
      <c r="H49385" s="12"/>
    </row>
    <row r="49386" spans="8:8">
      <c r="H49386" s="12"/>
    </row>
    <row r="49387" spans="8:8">
      <c r="H49387" s="12"/>
    </row>
    <row r="49388" spans="8:8">
      <c r="H49388" s="12"/>
    </row>
    <row r="49389" spans="8:8">
      <c r="H49389" s="12"/>
    </row>
    <row r="49390" spans="8:8">
      <c r="H49390" s="12"/>
    </row>
    <row r="49391" spans="8:8">
      <c r="H49391" s="12"/>
    </row>
    <row r="49392" spans="8:8">
      <c r="H49392" s="12"/>
    </row>
    <row r="49393" spans="8:8">
      <c r="H49393" s="12"/>
    </row>
    <row r="49394" spans="8:8">
      <c r="H49394" s="12"/>
    </row>
    <row r="49395" spans="8:8">
      <c r="H49395" s="12"/>
    </row>
    <row r="49396" spans="8:8">
      <c r="H49396" s="12"/>
    </row>
    <row r="49397" spans="8:8">
      <c r="H49397" s="12"/>
    </row>
    <row r="49398" spans="8:8">
      <c r="H49398" s="12"/>
    </row>
    <row r="49399" spans="8:8">
      <c r="H49399" s="12"/>
    </row>
    <row r="49400" spans="8:8">
      <c r="H49400" s="12"/>
    </row>
    <row r="49401" spans="8:8">
      <c r="H49401" s="12"/>
    </row>
    <row r="49402" spans="8:8">
      <c r="H49402" s="12"/>
    </row>
    <row r="49403" spans="8:8">
      <c r="H49403" s="12"/>
    </row>
    <row r="49404" spans="8:8">
      <c r="H49404" s="12"/>
    </row>
    <row r="49405" spans="8:8">
      <c r="H49405" s="12"/>
    </row>
    <row r="49406" spans="8:8">
      <c r="H49406" s="12"/>
    </row>
    <row r="49407" spans="8:8">
      <c r="H49407" s="12"/>
    </row>
    <row r="49408" spans="8:8">
      <c r="H49408" s="12"/>
    </row>
    <row r="49409" spans="8:8">
      <c r="H49409" s="12"/>
    </row>
    <row r="49410" spans="8:8">
      <c r="H49410" s="12"/>
    </row>
    <row r="49411" spans="8:8">
      <c r="H49411" s="12"/>
    </row>
    <row r="49412" spans="8:8">
      <c r="H49412" s="12"/>
    </row>
    <row r="49413" spans="8:8">
      <c r="H49413" s="12"/>
    </row>
    <row r="49414" spans="8:8">
      <c r="H49414" s="12"/>
    </row>
    <row r="49415" spans="8:8">
      <c r="H49415" s="12"/>
    </row>
    <row r="49416" spans="8:8">
      <c r="H49416" s="12"/>
    </row>
    <row r="49417" spans="8:8">
      <c r="H49417" s="12"/>
    </row>
    <row r="49418" spans="8:8">
      <c r="H49418" s="12"/>
    </row>
    <row r="49419" spans="8:8">
      <c r="H49419" s="12"/>
    </row>
    <row r="49420" spans="8:8">
      <c r="H49420" s="12"/>
    </row>
    <row r="49421" spans="8:8">
      <c r="H49421" s="12"/>
    </row>
    <row r="49422" spans="8:8">
      <c r="H49422" s="12"/>
    </row>
    <row r="49423" spans="8:8">
      <c r="H49423" s="12"/>
    </row>
    <row r="49424" spans="8:8">
      <c r="H49424" s="12"/>
    </row>
    <row r="49425" spans="8:8">
      <c r="H49425" s="12"/>
    </row>
    <row r="49426" spans="8:8">
      <c r="H49426" s="12"/>
    </row>
    <row r="49427" spans="8:8">
      <c r="H49427" s="12"/>
    </row>
    <row r="49428" spans="8:8">
      <c r="H49428" s="12"/>
    </row>
    <row r="49429" spans="8:8">
      <c r="H49429" s="12"/>
    </row>
    <row r="49430" spans="8:8">
      <c r="H49430" s="12"/>
    </row>
    <row r="49431" spans="8:8">
      <c r="H49431" s="12"/>
    </row>
    <row r="49432" spans="8:8">
      <c r="H49432" s="12"/>
    </row>
    <row r="49433" spans="8:8">
      <c r="H49433" s="12"/>
    </row>
    <row r="49434" spans="8:8">
      <c r="H49434" s="12"/>
    </row>
    <row r="49435" spans="8:8">
      <c r="H49435" s="12"/>
    </row>
    <row r="49436" spans="8:8">
      <c r="H49436" s="12"/>
    </row>
    <row r="49437" spans="8:8">
      <c r="H49437" s="12"/>
    </row>
    <row r="49438" spans="8:8">
      <c r="H49438" s="12"/>
    </row>
    <row r="49439" spans="8:8">
      <c r="H49439" s="12"/>
    </row>
    <row r="49440" spans="8:8">
      <c r="H49440" s="12"/>
    </row>
    <row r="49441" spans="8:8">
      <c r="H49441" s="12"/>
    </row>
    <row r="49442" spans="8:8">
      <c r="H49442" s="12"/>
    </row>
    <row r="49443" spans="8:8">
      <c r="H49443" s="12"/>
    </row>
    <row r="49444" spans="8:8">
      <c r="H49444" s="12"/>
    </row>
    <row r="49445" spans="8:8">
      <c r="H49445" s="12"/>
    </row>
    <row r="49446" spans="8:8">
      <c r="H49446" s="12"/>
    </row>
    <row r="49447" spans="8:8">
      <c r="H49447" s="12"/>
    </row>
    <row r="49448" spans="8:8">
      <c r="H49448" s="12"/>
    </row>
    <row r="49449" spans="8:8">
      <c r="H49449" s="12"/>
    </row>
    <row r="49450" spans="8:8">
      <c r="H49450" s="12"/>
    </row>
    <row r="49451" spans="8:8">
      <c r="H49451" s="12"/>
    </row>
    <row r="49452" spans="8:8">
      <c r="H49452" s="12"/>
    </row>
    <row r="49453" spans="8:8">
      <c r="H49453" s="12"/>
    </row>
    <row r="49454" spans="8:8">
      <c r="H49454" s="12"/>
    </row>
    <row r="49455" spans="8:8">
      <c r="H49455" s="12"/>
    </row>
    <row r="49456" spans="8:8">
      <c r="H49456" s="12"/>
    </row>
    <row r="49457" spans="8:8">
      <c r="H49457" s="12"/>
    </row>
    <row r="49458" spans="8:8">
      <c r="H49458" s="12"/>
    </row>
    <row r="49459" spans="8:8">
      <c r="H49459" s="12"/>
    </row>
    <row r="49460" spans="8:8">
      <c r="H49460" s="12"/>
    </row>
    <row r="49461" spans="8:8">
      <c r="H49461" s="12"/>
    </row>
    <row r="49462" spans="8:8">
      <c r="H49462" s="12"/>
    </row>
    <row r="49463" spans="8:8">
      <c r="H49463" s="12"/>
    </row>
    <row r="49464" spans="8:8">
      <c r="H49464" s="12"/>
    </row>
    <row r="49465" spans="8:8">
      <c r="H49465" s="12"/>
    </row>
    <row r="49466" spans="8:8">
      <c r="H49466" s="12"/>
    </row>
    <row r="49467" spans="8:8">
      <c r="H49467" s="12"/>
    </row>
    <row r="49468" spans="8:8">
      <c r="H49468" s="12"/>
    </row>
    <row r="49469" spans="8:8">
      <c r="H49469" s="12"/>
    </row>
    <row r="49470" spans="8:8">
      <c r="H49470" s="12"/>
    </row>
    <row r="49471" spans="8:8">
      <c r="H49471" s="12"/>
    </row>
    <row r="49472" spans="8:8">
      <c r="H49472" s="12"/>
    </row>
    <row r="49473" spans="8:8">
      <c r="H49473" s="12"/>
    </row>
    <row r="49474" spans="8:8">
      <c r="H49474" s="12"/>
    </row>
    <row r="49475" spans="8:8">
      <c r="H49475" s="12"/>
    </row>
    <row r="49476" spans="8:8">
      <c r="H49476" s="12"/>
    </row>
    <row r="49477" spans="8:8">
      <c r="H49477" s="12"/>
    </row>
    <row r="49478" spans="8:8">
      <c r="H49478" s="12"/>
    </row>
    <row r="49479" spans="8:8">
      <c r="H49479" s="12"/>
    </row>
    <row r="49480" spans="8:8">
      <c r="H49480" s="12"/>
    </row>
    <row r="49481" spans="8:8">
      <c r="H49481" s="12"/>
    </row>
    <row r="49482" spans="8:8">
      <c r="H49482" s="12"/>
    </row>
    <row r="49483" spans="8:8">
      <c r="H49483" s="12"/>
    </row>
    <row r="49484" spans="8:8">
      <c r="H49484" s="12"/>
    </row>
    <row r="49485" spans="8:8">
      <c r="H49485" s="12"/>
    </row>
    <row r="49486" spans="8:8">
      <c r="H49486" s="12"/>
    </row>
    <row r="49487" spans="8:8">
      <c r="H49487" s="12"/>
    </row>
    <row r="49488" spans="8:8">
      <c r="H49488" s="12"/>
    </row>
    <row r="49489" spans="8:8">
      <c r="H49489" s="12"/>
    </row>
    <row r="49490" spans="8:8">
      <c r="H49490" s="12"/>
    </row>
    <row r="49491" spans="8:8">
      <c r="H49491" s="12"/>
    </row>
    <row r="49492" spans="8:8">
      <c r="H49492" s="12"/>
    </row>
    <row r="49493" spans="8:8">
      <c r="H49493" s="12"/>
    </row>
    <row r="49494" spans="8:8">
      <c r="H49494" s="12"/>
    </row>
    <row r="49495" spans="8:8">
      <c r="H49495" s="12"/>
    </row>
    <row r="49496" spans="8:8">
      <c r="H49496" s="12"/>
    </row>
    <row r="49497" spans="8:8">
      <c r="H49497" s="12"/>
    </row>
    <row r="49498" spans="8:8">
      <c r="H49498" s="12"/>
    </row>
    <row r="49499" spans="8:8">
      <c r="H49499" s="12"/>
    </row>
    <row r="49500" spans="8:8">
      <c r="H49500" s="12"/>
    </row>
    <row r="49501" spans="8:8">
      <c r="H49501" s="12"/>
    </row>
    <row r="49502" spans="8:8">
      <c r="H49502" s="12"/>
    </row>
    <row r="49503" spans="8:8">
      <c r="H49503" s="12"/>
    </row>
    <row r="49504" spans="8:8">
      <c r="H49504" s="12"/>
    </row>
    <row r="49505" spans="8:8">
      <c r="H49505" s="12"/>
    </row>
    <row r="49506" spans="8:8">
      <c r="H49506" s="12"/>
    </row>
    <row r="49507" spans="8:8">
      <c r="H49507" s="12"/>
    </row>
    <row r="49508" spans="8:8">
      <c r="H49508" s="12"/>
    </row>
    <row r="49509" spans="8:8">
      <c r="H49509" s="12"/>
    </row>
    <row r="49510" spans="8:8">
      <c r="H49510" s="12"/>
    </row>
    <row r="49511" spans="8:8">
      <c r="H49511" s="12"/>
    </row>
    <row r="49512" spans="8:8">
      <c r="H49512" s="12"/>
    </row>
    <row r="49513" spans="8:8">
      <c r="H49513" s="12"/>
    </row>
    <row r="49514" spans="8:8">
      <c r="H49514" s="12"/>
    </row>
    <row r="49515" spans="8:8">
      <c r="H49515" s="12"/>
    </row>
    <row r="49516" spans="8:8">
      <c r="H49516" s="12"/>
    </row>
    <row r="49517" spans="8:8">
      <c r="H49517" s="12"/>
    </row>
    <row r="49518" spans="8:8">
      <c r="H49518" s="12"/>
    </row>
    <row r="49519" spans="8:8">
      <c r="H49519" s="12"/>
    </row>
    <row r="49520" spans="8:8">
      <c r="H49520" s="12"/>
    </row>
    <row r="49521" spans="8:8">
      <c r="H49521" s="12"/>
    </row>
    <row r="49522" spans="8:8">
      <c r="H49522" s="12"/>
    </row>
    <row r="49523" spans="8:8">
      <c r="H49523" s="12"/>
    </row>
    <row r="49524" spans="8:8">
      <c r="H49524" s="12"/>
    </row>
    <row r="49525" spans="8:8">
      <c r="H49525" s="12"/>
    </row>
    <row r="49526" spans="8:8">
      <c r="H49526" s="12"/>
    </row>
    <row r="49527" spans="8:8">
      <c r="H49527" s="12"/>
    </row>
    <row r="49528" spans="8:8">
      <c r="H49528" s="12"/>
    </row>
    <row r="49529" spans="8:8">
      <c r="H49529" s="12"/>
    </row>
    <row r="49530" spans="8:8">
      <c r="H49530" s="12"/>
    </row>
    <row r="49531" spans="8:8">
      <c r="H49531" s="12"/>
    </row>
    <row r="49532" spans="8:8">
      <c r="H49532" s="12"/>
    </row>
    <row r="49533" spans="8:8">
      <c r="H49533" s="12"/>
    </row>
    <row r="49534" spans="8:8">
      <c r="H49534" s="12"/>
    </row>
    <row r="49535" spans="8:8">
      <c r="H49535" s="12"/>
    </row>
    <row r="49536" spans="8:8">
      <c r="H49536" s="12"/>
    </row>
    <row r="49537" spans="8:8">
      <c r="H49537" s="12"/>
    </row>
    <row r="49538" spans="8:8">
      <c r="H49538" s="12"/>
    </row>
    <row r="49539" spans="8:8">
      <c r="H49539" s="12"/>
    </row>
    <row r="49540" spans="8:8">
      <c r="H49540" s="12"/>
    </row>
    <row r="49541" spans="8:8">
      <c r="H49541" s="12"/>
    </row>
    <row r="49542" spans="8:8">
      <c r="H49542" s="12"/>
    </row>
    <row r="49543" spans="8:8">
      <c r="H49543" s="12"/>
    </row>
    <row r="49544" spans="8:8">
      <c r="H49544" s="12"/>
    </row>
    <row r="49545" spans="8:8">
      <c r="H49545" s="12"/>
    </row>
    <row r="49546" spans="8:8">
      <c r="H49546" s="12"/>
    </row>
    <row r="49547" spans="8:8">
      <c r="H49547" s="12"/>
    </row>
    <row r="49548" spans="8:8">
      <c r="H49548" s="12"/>
    </row>
    <row r="49549" spans="8:8">
      <c r="H49549" s="12"/>
    </row>
    <row r="49550" spans="8:8">
      <c r="H49550" s="12"/>
    </row>
    <row r="49551" spans="8:8">
      <c r="H49551" s="12"/>
    </row>
    <row r="49552" spans="8:8">
      <c r="H49552" s="12"/>
    </row>
    <row r="49553" spans="8:8">
      <c r="H49553" s="12"/>
    </row>
    <row r="49554" spans="8:8">
      <c r="H49554" s="12"/>
    </row>
    <row r="49555" spans="8:8">
      <c r="H49555" s="12"/>
    </row>
    <row r="49556" spans="8:8">
      <c r="H49556" s="12"/>
    </row>
    <row r="49557" spans="8:8">
      <c r="H49557" s="12"/>
    </row>
    <row r="49558" spans="8:8">
      <c r="H49558" s="12"/>
    </row>
    <row r="49559" spans="8:8">
      <c r="H49559" s="12"/>
    </row>
    <row r="49560" spans="8:8">
      <c r="H49560" s="12"/>
    </row>
    <row r="49561" spans="8:8">
      <c r="H49561" s="12"/>
    </row>
    <row r="49562" spans="8:8">
      <c r="H49562" s="12"/>
    </row>
    <row r="49563" spans="8:8">
      <c r="H49563" s="12"/>
    </row>
    <row r="49564" spans="8:8">
      <c r="H49564" s="12"/>
    </row>
    <row r="49565" spans="8:8">
      <c r="H49565" s="12"/>
    </row>
    <row r="49566" spans="8:8">
      <c r="H49566" s="12"/>
    </row>
    <row r="49567" spans="8:8">
      <c r="H49567" s="12"/>
    </row>
    <row r="49568" spans="8:8">
      <c r="H49568" s="12"/>
    </row>
    <row r="49569" spans="8:8">
      <c r="H49569" s="12"/>
    </row>
    <row r="49570" spans="8:8">
      <c r="H49570" s="12"/>
    </row>
    <row r="49571" spans="8:8">
      <c r="H49571" s="12"/>
    </row>
    <row r="49572" spans="8:8">
      <c r="H49572" s="12"/>
    </row>
    <row r="49573" spans="8:8">
      <c r="H49573" s="12"/>
    </row>
    <row r="49574" spans="8:8">
      <c r="H49574" s="12"/>
    </row>
    <row r="49575" spans="8:8">
      <c r="H49575" s="12"/>
    </row>
    <row r="49576" spans="8:8">
      <c r="H49576" s="12"/>
    </row>
    <row r="49577" spans="8:8">
      <c r="H49577" s="12"/>
    </row>
    <row r="49578" spans="8:8">
      <c r="H49578" s="12"/>
    </row>
    <row r="49579" spans="8:8">
      <c r="H49579" s="12"/>
    </row>
    <row r="49580" spans="8:8">
      <c r="H49580" s="12"/>
    </row>
    <row r="49581" spans="8:8">
      <c r="H49581" s="12"/>
    </row>
    <row r="49582" spans="8:8">
      <c r="H49582" s="12"/>
    </row>
    <row r="49583" spans="8:8">
      <c r="H49583" s="12"/>
    </row>
    <row r="49584" spans="8:8">
      <c r="H49584" s="12"/>
    </row>
    <row r="49585" spans="8:8">
      <c r="H49585" s="12"/>
    </row>
    <row r="49586" spans="8:8">
      <c r="H49586" s="12"/>
    </row>
    <row r="49587" spans="8:8">
      <c r="H49587" s="12"/>
    </row>
    <row r="49588" spans="8:8">
      <c r="H49588" s="12"/>
    </row>
    <row r="49589" spans="8:8">
      <c r="H49589" s="12"/>
    </row>
    <row r="49590" spans="8:8">
      <c r="H49590" s="12"/>
    </row>
    <row r="49591" spans="8:8">
      <c r="H49591" s="12"/>
    </row>
    <row r="49592" spans="8:8">
      <c r="H49592" s="12"/>
    </row>
    <row r="49593" spans="8:8">
      <c r="H49593" s="12"/>
    </row>
    <row r="49594" spans="8:8">
      <c r="H49594" s="12"/>
    </row>
    <row r="49595" spans="8:8">
      <c r="H49595" s="12"/>
    </row>
    <row r="49596" spans="8:8">
      <c r="H49596" s="12"/>
    </row>
    <row r="49597" spans="8:8">
      <c r="H49597" s="12"/>
    </row>
    <row r="49598" spans="8:8">
      <c r="H49598" s="12"/>
    </row>
    <row r="49599" spans="8:8">
      <c r="H49599" s="12"/>
    </row>
    <row r="49600" spans="8:8">
      <c r="H49600" s="12"/>
    </row>
    <row r="49601" spans="8:8">
      <c r="H49601" s="12"/>
    </row>
    <row r="49602" spans="8:8">
      <c r="H49602" s="12"/>
    </row>
    <row r="49603" spans="8:8">
      <c r="H49603" s="12"/>
    </row>
    <row r="49604" spans="8:8">
      <c r="H49604" s="12"/>
    </row>
    <row r="49605" spans="8:8">
      <c r="H49605" s="12"/>
    </row>
    <row r="49606" spans="8:8">
      <c r="H49606" s="12"/>
    </row>
    <row r="49607" spans="8:8">
      <c r="H49607" s="12"/>
    </row>
    <row r="49608" spans="8:8">
      <c r="H49608" s="12"/>
    </row>
    <row r="49609" spans="8:8">
      <c r="H49609" s="12"/>
    </row>
    <row r="49610" spans="8:8">
      <c r="H49610" s="12"/>
    </row>
    <row r="49611" spans="8:8">
      <c r="H49611" s="12"/>
    </row>
    <row r="49612" spans="8:8">
      <c r="H49612" s="12"/>
    </row>
    <row r="49613" spans="8:8">
      <c r="H49613" s="12"/>
    </row>
    <row r="49614" spans="8:8">
      <c r="H49614" s="12"/>
    </row>
    <row r="49615" spans="8:8">
      <c r="H49615" s="12"/>
    </row>
    <row r="49616" spans="8:8">
      <c r="H49616" s="12"/>
    </row>
    <row r="49617" spans="8:8">
      <c r="H49617" s="12"/>
    </row>
    <row r="49618" spans="8:8">
      <c r="H49618" s="12"/>
    </row>
    <row r="49619" spans="8:8">
      <c r="H49619" s="12"/>
    </row>
    <row r="49620" spans="8:8">
      <c r="H49620" s="12"/>
    </row>
    <row r="49621" spans="8:8">
      <c r="H49621" s="12"/>
    </row>
    <row r="49622" spans="8:8">
      <c r="H49622" s="12"/>
    </row>
    <row r="49623" spans="8:8">
      <c r="H49623" s="12"/>
    </row>
    <row r="49624" spans="8:8">
      <c r="H49624" s="12"/>
    </row>
    <row r="49625" spans="8:8">
      <c r="H49625" s="12"/>
    </row>
    <row r="49626" spans="8:8">
      <c r="H49626" s="12"/>
    </row>
    <row r="49627" spans="8:8">
      <c r="H49627" s="12"/>
    </row>
    <row r="49628" spans="8:8">
      <c r="H49628" s="12"/>
    </row>
    <row r="49629" spans="8:8">
      <c r="H49629" s="12"/>
    </row>
    <row r="49630" spans="8:8">
      <c r="H49630" s="12"/>
    </row>
    <row r="49631" spans="8:8">
      <c r="H49631" s="12"/>
    </row>
    <row r="49632" spans="8:8">
      <c r="H49632" s="12"/>
    </row>
    <row r="49633" spans="8:8">
      <c r="H49633" s="12"/>
    </row>
    <row r="49634" spans="8:8">
      <c r="H49634" s="12"/>
    </row>
    <row r="49635" spans="8:8">
      <c r="H49635" s="12"/>
    </row>
    <row r="49636" spans="8:8">
      <c r="H49636" s="12"/>
    </row>
    <row r="49637" spans="8:8">
      <c r="H49637" s="12"/>
    </row>
    <row r="49638" spans="8:8">
      <c r="H49638" s="12"/>
    </row>
    <row r="49639" spans="8:8">
      <c r="H49639" s="12"/>
    </row>
    <row r="49640" spans="8:8">
      <c r="H49640" s="12"/>
    </row>
    <row r="49641" spans="8:8">
      <c r="H49641" s="12"/>
    </row>
    <row r="49642" spans="8:8">
      <c r="H49642" s="12"/>
    </row>
    <row r="49643" spans="8:8">
      <c r="H49643" s="12"/>
    </row>
    <row r="49644" spans="8:8">
      <c r="H49644" s="12"/>
    </row>
    <row r="49645" spans="8:8">
      <c r="H49645" s="12"/>
    </row>
    <row r="49646" spans="8:8">
      <c r="H49646" s="12"/>
    </row>
    <row r="49647" spans="8:8">
      <c r="H49647" s="12"/>
    </row>
    <row r="49648" spans="8:8">
      <c r="H49648" s="12"/>
    </row>
    <row r="49649" spans="8:8">
      <c r="H49649" s="12"/>
    </row>
    <row r="49650" spans="8:8">
      <c r="H49650" s="12"/>
    </row>
    <row r="49651" spans="8:8">
      <c r="H49651" s="12"/>
    </row>
    <row r="49652" spans="8:8">
      <c r="H49652" s="12"/>
    </row>
    <row r="49653" spans="8:8">
      <c r="H49653" s="12"/>
    </row>
    <row r="49654" spans="8:8">
      <c r="H49654" s="12"/>
    </row>
    <row r="49655" spans="8:8">
      <c r="H49655" s="12"/>
    </row>
    <row r="49656" spans="8:8">
      <c r="H49656" s="12"/>
    </row>
    <row r="49657" spans="8:8">
      <c r="H49657" s="12"/>
    </row>
    <row r="49658" spans="8:8">
      <c r="H49658" s="12"/>
    </row>
    <row r="49659" spans="8:8">
      <c r="H49659" s="12"/>
    </row>
    <row r="49660" spans="8:8">
      <c r="H49660" s="12"/>
    </row>
    <row r="49661" spans="8:8">
      <c r="H49661" s="12"/>
    </row>
    <row r="49662" spans="8:8">
      <c r="H49662" s="12"/>
    </row>
    <row r="49663" spans="8:8">
      <c r="H49663" s="12"/>
    </row>
    <row r="49664" spans="8:8">
      <c r="H49664" s="12"/>
    </row>
    <row r="49665" spans="8:8">
      <c r="H49665" s="12"/>
    </row>
    <row r="49666" spans="8:8">
      <c r="H49666" s="12"/>
    </row>
    <row r="49667" spans="8:8">
      <c r="H49667" s="12"/>
    </row>
    <row r="49668" spans="8:8">
      <c r="H49668" s="12"/>
    </row>
    <row r="49669" spans="8:8">
      <c r="H49669" s="12"/>
    </row>
    <row r="49670" spans="8:8">
      <c r="H49670" s="12"/>
    </row>
    <row r="49671" spans="8:8">
      <c r="H49671" s="12"/>
    </row>
    <row r="49672" spans="8:8">
      <c r="H49672" s="12"/>
    </row>
    <row r="49673" spans="8:8">
      <c r="H49673" s="12"/>
    </row>
    <row r="49674" spans="8:8">
      <c r="H49674" s="12"/>
    </row>
    <row r="49675" spans="8:8">
      <c r="H49675" s="12"/>
    </row>
    <row r="49676" spans="8:8">
      <c r="H49676" s="12"/>
    </row>
    <row r="49677" spans="8:8">
      <c r="H49677" s="12"/>
    </row>
    <row r="49678" spans="8:8">
      <c r="H49678" s="12"/>
    </row>
    <row r="49679" spans="8:8">
      <c r="H49679" s="12"/>
    </row>
    <row r="49680" spans="8:8">
      <c r="H49680" s="12"/>
    </row>
    <row r="49681" spans="8:8">
      <c r="H49681" s="12"/>
    </row>
    <row r="49682" spans="8:8">
      <c r="H49682" s="12"/>
    </row>
    <row r="49683" spans="8:8">
      <c r="H49683" s="12"/>
    </row>
    <row r="49684" spans="8:8">
      <c r="H49684" s="12"/>
    </row>
    <row r="49685" spans="8:8">
      <c r="H49685" s="12"/>
    </row>
    <row r="49686" spans="8:8">
      <c r="H49686" s="12"/>
    </row>
    <row r="49687" spans="8:8">
      <c r="H49687" s="12"/>
    </row>
    <row r="49688" spans="8:8">
      <c r="H49688" s="12"/>
    </row>
    <row r="49689" spans="8:8">
      <c r="H49689" s="12"/>
    </row>
    <row r="49690" spans="8:8">
      <c r="H49690" s="12"/>
    </row>
    <row r="49691" spans="8:8">
      <c r="H49691" s="12"/>
    </row>
    <row r="49692" spans="8:8">
      <c r="H49692" s="12"/>
    </row>
    <row r="49693" spans="8:8">
      <c r="H49693" s="12"/>
    </row>
    <row r="49694" spans="8:8">
      <c r="H49694" s="12"/>
    </row>
    <row r="49695" spans="8:8">
      <c r="H49695" s="12"/>
    </row>
    <row r="49696" spans="8:8">
      <c r="H49696" s="12"/>
    </row>
    <row r="49697" spans="8:8">
      <c r="H49697" s="12"/>
    </row>
    <row r="49698" spans="8:8">
      <c r="H49698" s="12"/>
    </row>
    <row r="49699" spans="8:8">
      <c r="H49699" s="12"/>
    </row>
    <row r="49700" spans="8:8">
      <c r="H49700" s="12"/>
    </row>
    <row r="49701" spans="8:8">
      <c r="H49701" s="12"/>
    </row>
    <row r="49702" spans="8:8">
      <c r="H49702" s="12"/>
    </row>
    <row r="49703" spans="8:8">
      <c r="H49703" s="12"/>
    </row>
    <row r="49704" spans="8:8">
      <c r="H49704" s="12"/>
    </row>
    <row r="49705" spans="8:8">
      <c r="H49705" s="12"/>
    </row>
    <row r="49706" spans="8:8">
      <c r="H49706" s="12"/>
    </row>
    <row r="49707" spans="8:8">
      <c r="H49707" s="12"/>
    </row>
    <row r="49708" spans="8:8">
      <c r="H49708" s="12"/>
    </row>
    <row r="49709" spans="8:8">
      <c r="H49709" s="12"/>
    </row>
    <row r="49710" spans="8:8">
      <c r="H49710" s="12"/>
    </row>
    <row r="49711" spans="8:8">
      <c r="H49711" s="12"/>
    </row>
    <row r="49712" spans="8:8">
      <c r="H49712" s="12"/>
    </row>
    <row r="49713" spans="8:8">
      <c r="H49713" s="12"/>
    </row>
    <row r="49714" spans="8:8">
      <c r="H49714" s="12"/>
    </row>
    <row r="49715" spans="8:8">
      <c r="H49715" s="12"/>
    </row>
    <row r="49716" spans="8:8">
      <c r="H49716" s="12"/>
    </row>
    <row r="49717" spans="8:8">
      <c r="H49717" s="12"/>
    </row>
    <row r="49718" spans="8:8">
      <c r="H49718" s="12"/>
    </row>
    <row r="49719" spans="8:8">
      <c r="H49719" s="12"/>
    </row>
    <row r="49720" spans="8:8">
      <c r="H49720" s="12"/>
    </row>
    <row r="49721" spans="8:8">
      <c r="H49721" s="12"/>
    </row>
    <row r="49722" spans="8:8">
      <c r="H49722" s="12"/>
    </row>
    <row r="49723" spans="8:8">
      <c r="H49723" s="12"/>
    </row>
    <row r="49724" spans="8:8">
      <c r="H49724" s="12"/>
    </row>
    <row r="49725" spans="8:8">
      <c r="H49725" s="12"/>
    </row>
    <row r="49726" spans="8:8">
      <c r="H49726" s="12"/>
    </row>
    <row r="49727" spans="8:8">
      <c r="H49727" s="12"/>
    </row>
    <row r="49728" spans="8:8">
      <c r="H49728" s="12"/>
    </row>
    <row r="49729" spans="8:8">
      <c r="H49729" s="12"/>
    </row>
    <row r="49730" spans="8:8">
      <c r="H49730" s="12"/>
    </row>
    <row r="49731" spans="8:8">
      <c r="H49731" s="12"/>
    </row>
    <row r="49732" spans="8:8">
      <c r="H49732" s="12"/>
    </row>
    <row r="49733" spans="8:8">
      <c r="H49733" s="12"/>
    </row>
    <row r="49734" spans="8:8">
      <c r="H49734" s="12"/>
    </row>
    <row r="49735" spans="8:8">
      <c r="H49735" s="12"/>
    </row>
    <row r="49736" spans="8:8">
      <c r="H49736" s="12"/>
    </row>
    <row r="49737" spans="8:8">
      <c r="H49737" s="12"/>
    </row>
    <row r="49738" spans="8:8">
      <c r="H49738" s="12"/>
    </row>
    <row r="49739" spans="8:8">
      <c r="H49739" s="12"/>
    </row>
    <row r="49740" spans="8:8">
      <c r="H49740" s="12"/>
    </row>
    <row r="49741" spans="8:8">
      <c r="H49741" s="12"/>
    </row>
    <row r="49742" spans="8:8">
      <c r="H49742" s="12"/>
    </row>
    <row r="49743" spans="8:8">
      <c r="H49743" s="12"/>
    </row>
    <row r="49744" spans="8:8">
      <c r="H49744" s="12"/>
    </row>
    <row r="49745" spans="8:8">
      <c r="H49745" s="12"/>
    </row>
    <row r="49746" spans="8:8">
      <c r="H49746" s="12"/>
    </row>
    <row r="49747" spans="8:8">
      <c r="H49747" s="12"/>
    </row>
    <row r="49748" spans="8:8">
      <c r="H49748" s="12"/>
    </row>
    <row r="49749" spans="8:8">
      <c r="H49749" s="12"/>
    </row>
    <row r="49750" spans="8:8">
      <c r="H49750" s="12"/>
    </row>
    <row r="49751" spans="8:8">
      <c r="H49751" s="12"/>
    </row>
    <row r="49752" spans="8:8">
      <c r="H49752" s="12"/>
    </row>
    <row r="49753" spans="8:8">
      <c r="H49753" s="12"/>
    </row>
    <row r="49754" spans="8:8">
      <c r="H49754" s="12"/>
    </row>
    <row r="49755" spans="8:8">
      <c r="H49755" s="12"/>
    </row>
    <row r="49756" spans="8:8">
      <c r="H49756" s="12"/>
    </row>
    <row r="49757" spans="8:8">
      <c r="H49757" s="12"/>
    </row>
    <row r="49758" spans="8:8">
      <c r="H49758" s="12"/>
    </row>
    <row r="49759" spans="8:8">
      <c r="H49759" s="12"/>
    </row>
    <row r="49760" spans="8:8">
      <c r="H49760" s="12"/>
    </row>
    <row r="49761" spans="8:8">
      <c r="H49761" s="12"/>
    </row>
    <row r="49762" spans="8:8">
      <c r="H49762" s="12"/>
    </row>
    <row r="49763" spans="8:8">
      <c r="H49763" s="12"/>
    </row>
    <row r="49764" spans="8:8">
      <c r="H49764" s="12"/>
    </row>
    <row r="49765" spans="8:8">
      <c r="H49765" s="12"/>
    </row>
    <row r="49766" spans="8:8">
      <c r="H49766" s="12"/>
    </row>
    <row r="49767" spans="8:8">
      <c r="H49767" s="12"/>
    </row>
    <row r="49768" spans="8:8">
      <c r="H49768" s="12"/>
    </row>
    <row r="49769" spans="8:8">
      <c r="H49769" s="12"/>
    </row>
    <row r="49770" spans="8:8">
      <c r="H49770" s="12"/>
    </row>
    <row r="49771" spans="8:8">
      <c r="H49771" s="12"/>
    </row>
    <row r="49772" spans="8:8">
      <c r="H49772" s="12"/>
    </row>
    <row r="49773" spans="8:8">
      <c r="H49773" s="12"/>
    </row>
    <row r="49774" spans="8:8">
      <c r="H49774" s="12"/>
    </row>
    <row r="49775" spans="8:8">
      <c r="H49775" s="12"/>
    </row>
    <row r="49776" spans="8:8">
      <c r="H49776" s="12"/>
    </row>
    <row r="49777" spans="8:8">
      <c r="H49777" s="12"/>
    </row>
    <row r="49778" spans="8:8">
      <c r="H49778" s="12"/>
    </row>
    <row r="49779" spans="8:8">
      <c r="H49779" s="12"/>
    </row>
    <row r="49780" spans="8:8">
      <c r="H49780" s="12"/>
    </row>
    <row r="49781" spans="8:8">
      <c r="H49781" s="12"/>
    </row>
    <row r="49782" spans="8:8">
      <c r="H49782" s="12"/>
    </row>
    <row r="49783" spans="8:8">
      <c r="H49783" s="12"/>
    </row>
    <row r="49784" spans="8:8">
      <c r="H49784" s="12"/>
    </row>
    <row r="49785" spans="8:8">
      <c r="H49785" s="12"/>
    </row>
    <row r="49786" spans="8:8">
      <c r="H49786" s="12"/>
    </row>
    <row r="49787" spans="8:8">
      <c r="H49787" s="12"/>
    </row>
    <row r="49788" spans="8:8">
      <c r="H49788" s="12"/>
    </row>
    <row r="49789" spans="8:8">
      <c r="H49789" s="12"/>
    </row>
    <row r="49790" spans="8:8">
      <c r="H49790" s="12"/>
    </row>
    <row r="49791" spans="8:8">
      <c r="H49791" s="12"/>
    </row>
    <row r="49792" spans="8:8">
      <c r="H49792" s="12"/>
    </row>
    <row r="49793" spans="8:8">
      <c r="H49793" s="12"/>
    </row>
    <row r="49794" spans="8:8">
      <c r="H49794" s="12"/>
    </row>
    <row r="49795" spans="8:8">
      <c r="H49795" s="12"/>
    </row>
    <row r="49796" spans="8:8">
      <c r="H49796" s="12"/>
    </row>
    <row r="49797" spans="8:8">
      <c r="H49797" s="12"/>
    </row>
    <row r="49798" spans="8:8">
      <c r="H49798" s="12"/>
    </row>
    <row r="49799" spans="8:8">
      <c r="H49799" s="12"/>
    </row>
    <row r="49800" spans="8:8">
      <c r="H49800" s="12"/>
    </row>
    <row r="49801" spans="8:8">
      <c r="H49801" s="12"/>
    </row>
    <row r="49802" spans="8:8">
      <c r="H49802" s="12"/>
    </row>
    <row r="49803" spans="8:8">
      <c r="H49803" s="12"/>
    </row>
    <row r="49804" spans="8:8">
      <c r="H49804" s="12"/>
    </row>
    <row r="49805" spans="8:8">
      <c r="H49805" s="12"/>
    </row>
    <row r="49806" spans="8:8">
      <c r="H49806" s="12"/>
    </row>
    <row r="49807" spans="8:8">
      <c r="H49807" s="12"/>
    </row>
    <row r="49808" spans="8:8">
      <c r="H49808" s="12"/>
    </row>
    <row r="49809" spans="8:8">
      <c r="H49809" s="12"/>
    </row>
    <row r="49810" spans="8:8">
      <c r="H49810" s="12"/>
    </row>
    <row r="49811" spans="8:8">
      <c r="H49811" s="12"/>
    </row>
    <row r="49812" spans="8:8">
      <c r="H49812" s="12"/>
    </row>
    <row r="49813" spans="8:8">
      <c r="H49813" s="12"/>
    </row>
    <row r="49814" spans="8:8">
      <c r="H49814" s="12"/>
    </row>
    <row r="49815" spans="8:8">
      <c r="H49815" s="12"/>
    </row>
    <row r="49816" spans="8:8">
      <c r="H49816" s="12"/>
    </row>
    <row r="49817" spans="8:8">
      <c r="H49817" s="12"/>
    </row>
    <row r="49818" spans="8:8">
      <c r="H49818" s="12"/>
    </row>
    <row r="49819" spans="8:8">
      <c r="H49819" s="12"/>
    </row>
    <row r="49820" spans="8:8">
      <c r="H49820" s="12"/>
    </row>
    <row r="49821" spans="8:8">
      <c r="H49821" s="12"/>
    </row>
    <row r="49822" spans="8:8">
      <c r="H49822" s="12"/>
    </row>
    <row r="49823" spans="8:8">
      <c r="H49823" s="12"/>
    </row>
    <row r="49824" spans="8:8">
      <c r="H49824" s="12"/>
    </row>
    <row r="49825" spans="8:8">
      <c r="H49825" s="12"/>
    </row>
    <row r="49826" spans="8:8">
      <c r="H49826" s="12"/>
    </row>
    <row r="49827" spans="8:8">
      <c r="H49827" s="12"/>
    </row>
    <row r="49828" spans="8:8">
      <c r="H49828" s="12"/>
    </row>
    <row r="49829" spans="8:8">
      <c r="H49829" s="12"/>
    </row>
    <row r="49830" spans="8:8">
      <c r="H49830" s="12"/>
    </row>
    <row r="49831" spans="8:8">
      <c r="H49831" s="12"/>
    </row>
    <row r="49832" spans="8:8">
      <c r="H49832" s="12"/>
    </row>
    <row r="49833" spans="8:8">
      <c r="H49833" s="12"/>
    </row>
    <row r="49834" spans="8:8">
      <c r="H49834" s="12"/>
    </row>
    <row r="49835" spans="8:8">
      <c r="H49835" s="12"/>
    </row>
    <row r="49836" spans="8:8">
      <c r="H49836" s="12"/>
    </row>
    <row r="49837" spans="8:8">
      <c r="H49837" s="12"/>
    </row>
    <row r="49838" spans="8:8">
      <c r="H49838" s="12"/>
    </row>
    <row r="49839" spans="8:8">
      <c r="H49839" s="12"/>
    </row>
    <row r="49840" spans="8:8">
      <c r="H49840" s="12"/>
    </row>
    <row r="49841" spans="8:8">
      <c r="H49841" s="12"/>
    </row>
    <row r="49842" spans="8:8">
      <c r="H49842" s="12"/>
    </row>
    <row r="49843" spans="8:8">
      <c r="H49843" s="12"/>
    </row>
    <row r="49844" spans="8:8">
      <c r="H49844" s="12"/>
    </row>
    <row r="49845" spans="8:8">
      <c r="H49845" s="12"/>
    </row>
    <row r="49846" spans="8:8">
      <c r="H49846" s="12"/>
    </row>
    <row r="49847" spans="8:8">
      <c r="H49847" s="12"/>
    </row>
    <row r="49848" spans="8:8">
      <c r="H49848" s="12"/>
    </row>
    <row r="49849" spans="8:8">
      <c r="H49849" s="12"/>
    </row>
    <row r="49850" spans="8:8">
      <c r="H49850" s="12"/>
    </row>
    <row r="49851" spans="8:8">
      <c r="H49851" s="12"/>
    </row>
    <row r="49852" spans="8:8">
      <c r="H49852" s="12"/>
    </row>
    <row r="49853" spans="8:8">
      <c r="H49853" s="12"/>
    </row>
    <row r="49854" spans="8:8">
      <c r="H49854" s="12"/>
    </row>
    <row r="49855" spans="8:8">
      <c r="H49855" s="12"/>
    </row>
    <row r="49856" spans="8:8">
      <c r="H49856" s="12"/>
    </row>
    <row r="49857" spans="8:8">
      <c r="H49857" s="12"/>
    </row>
    <row r="49858" spans="8:8">
      <c r="H49858" s="12"/>
    </row>
    <row r="49859" spans="8:8">
      <c r="H49859" s="12"/>
    </row>
    <row r="49860" spans="8:8">
      <c r="H49860" s="12"/>
    </row>
    <row r="49861" spans="8:8">
      <c r="H49861" s="12"/>
    </row>
    <row r="49862" spans="8:8">
      <c r="H49862" s="12"/>
    </row>
    <row r="49863" spans="8:8">
      <c r="H49863" s="12"/>
    </row>
    <row r="49864" spans="8:8">
      <c r="H49864" s="12"/>
    </row>
    <row r="49865" spans="8:8">
      <c r="H49865" s="12"/>
    </row>
    <row r="49866" spans="8:8">
      <c r="H49866" s="12"/>
    </row>
    <row r="49867" spans="8:8">
      <c r="H49867" s="12"/>
    </row>
    <row r="49868" spans="8:8">
      <c r="H49868" s="12"/>
    </row>
    <row r="49869" spans="8:8">
      <c r="H49869" s="12"/>
    </row>
    <row r="49870" spans="8:8">
      <c r="H49870" s="12"/>
    </row>
    <row r="49871" spans="8:8">
      <c r="H49871" s="12"/>
    </row>
    <row r="49872" spans="8:8">
      <c r="H49872" s="12"/>
    </row>
    <row r="49873" spans="8:8">
      <c r="H49873" s="12"/>
    </row>
    <row r="49874" spans="8:8">
      <c r="H49874" s="12"/>
    </row>
    <row r="49875" spans="8:8">
      <c r="H49875" s="12"/>
    </row>
    <row r="49876" spans="8:8">
      <c r="H49876" s="12"/>
    </row>
    <row r="49877" spans="8:8">
      <c r="H49877" s="12"/>
    </row>
    <row r="49878" spans="8:8">
      <c r="H49878" s="12"/>
    </row>
    <row r="49879" spans="8:8">
      <c r="H49879" s="12"/>
    </row>
    <row r="49880" spans="8:8">
      <c r="H49880" s="12"/>
    </row>
    <row r="49881" spans="8:8">
      <c r="H49881" s="12"/>
    </row>
    <row r="49882" spans="8:8">
      <c r="H49882" s="12"/>
    </row>
    <row r="49883" spans="8:8">
      <c r="H49883" s="12"/>
    </row>
    <row r="49884" spans="8:8">
      <c r="H49884" s="12"/>
    </row>
    <row r="49885" spans="8:8">
      <c r="H49885" s="12"/>
    </row>
    <row r="49886" spans="8:8">
      <c r="H49886" s="12"/>
    </row>
    <row r="49887" spans="8:8">
      <c r="H49887" s="12"/>
    </row>
    <row r="49888" spans="8:8">
      <c r="H49888" s="12"/>
    </row>
    <row r="49889" spans="8:8">
      <c r="H49889" s="12"/>
    </row>
    <row r="49890" spans="8:8">
      <c r="H49890" s="12"/>
    </row>
    <row r="49891" spans="8:8">
      <c r="H49891" s="12"/>
    </row>
    <row r="49892" spans="8:8">
      <c r="H49892" s="12"/>
    </row>
    <row r="49893" spans="8:8">
      <c r="H49893" s="12"/>
    </row>
    <row r="49894" spans="8:8">
      <c r="H49894" s="12"/>
    </row>
    <row r="49895" spans="8:8">
      <c r="H49895" s="12"/>
    </row>
    <row r="49896" spans="8:8">
      <c r="H49896" s="12"/>
    </row>
    <row r="49897" spans="8:8">
      <c r="H49897" s="12"/>
    </row>
    <row r="49898" spans="8:8">
      <c r="H49898" s="12"/>
    </row>
    <row r="49899" spans="8:8">
      <c r="H49899" s="12"/>
    </row>
    <row r="49900" spans="8:8">
      <c r="H49900" s="12"/>
    </row>
    <row r="49901" spans="8:8">
      <c r="H49901" s="12"/>
    </row>
    <row r="49902" spans="8:8">
      <c r="H49902" s="12"/>
    </row>
    <row r="49903" spans="8:8">
      <c r="H49903" s="12"/>
    </row>
    <row r="49904" spans="8:8">
      <c r="H49904" s="12"/>
    </row>
    <row r="49905" spans="8:8">
      <c r="H49905" s="12"/>
    </row>
    <row r="49906" spans="8:8">
      <c r="H49906" s="12"/>
    </row>
    <row r="49907" spans="8:8">
      <c r="H49907" s="12"/>
    </row>
    <row r="49908" spans="8:8">
      <c r="H49908" s="12"/>
    </row>
    <row r="49909" spans="8:8">
      <c r="H49909" s="12"/>
    </row>
    <row r="49910" spans="8:8">
      <c r="H49910" s="12"/>
    </row>
    <row r="49911" spans="8:8">
      <c r="H49911" s="12"/>
    </row>
    <row r="49912" spans="8:8">
      <c r="H49912" s="12"/>
    </row>
    <row r="49913" spans="8:8">
      <c r="H49913" s="12"/>
    </row>
    <row r="49914" spans="8:8">
      <c r="H49914" s="12"/>
    </row>
    <row r="49915" spans="8:8">
      <c r="H49915" s="12"/>
    </row>
    <row r="49916" spans="8:8">
      <c r="H49916" s="12"/>
    </row>
    <row r="49917" spans="8:8">
      <c r="H49917" s="12"/>
    </row>
    <row r="49918" spans="8:8">
      <c r="H49918" s="12"/>
    </row>
    <row r="49919" spans="8:8">
      <c r="H49919" s="12"/>
    </row>
    <row r="49920" spans="8:8">
      <c r="H49920" s="12"/>
    </row>
    <row r="49921" spans="8:8">
      <c r="H49921" s="12"/>
    </row>
    <row r="49922" spans="8:8">
      <c r="H49922" s="12"/>
    </row>
    <row r="49923" spans="8:8">
      <c r="H49923" s="12"/>
    </row>
    <row r="49924" spans="8:8">
      <c r="H49924" s="12"/>
    </row>
    <row r="49925" spans="8:8">
      <c r="H49925" s="12"/>
    </row>
    <row r="49926" spans="8:8">
      <c r="H49926" s="12"/>
    </row>
    <row r="49927" spans="8:8">
      <c r="H49927" s="12"/>
    </row>
    <row r="49928" spans="8:8">
      <c r="H49928" s="12"/>
    </row>
    <row r="49929" spans="8:8">
      <c r="H49929" s="12"/>
    </row>
    <row r="49930" spans="8:8">
      <c r="H49930" s="12"/>
    </row>
    <row r="49931" spans="8:8">
      <c r="H49931" s="12"/>
    </row>
    <row r="49932" spans="8:8">
      <c r="H49932" s="12"/>
    </row>
    <row r="49933" spans="8:8">
      <c r="H49933" s="12"/>
    </row>
    <row r="49934" spans="8:8">
      <c r="H49934" s="12"/>
    </row>
    <row r="49935" spans="8:8">
      <c r="H49935" s="12"/>
    </row>
    <row r="49936" spans="8:8">
      <c r="H49936" s="12"/>
    </row>
    <row r="49937" spans="8:8">
      <c r="H49937" s="12"/>
    </row>
    <row r="49938" spans="8:8">
      <c r="H49938" s="12"/>
    </row>
    <row r="49939" spans="8:8">
      <c r="H49939" s="12"/>
    </row>
    <row r="49940" spans="8:8">
      <c r="H49940" s="12"/>
    </row>
    <row r="49941" spans="8:8">
      <c r="H49941" s="12"/>
    </row>
    <row r="49942" spans="8:8">
      <c r="H49942" s="12"/>
    </row>
    <row r="49943" spans="8:8">
      <c r="H49943" s="12"/>
    </row>
    <row r="49944" spans="8:8">
      <c r="H49944" s="12"/>
    </row>
    <row r="49945" spans="8:8">
      <c r="H49945" s="12"/>
    </row>
    <row r="49946" spans="8:8">
      <c r="H49946" s="12"/>
    </row>
    <row r="49947" spans="8:8">
      <c r="H49947" s="12"/>
    </row>
    <row r="49948" spans="8:8">
      <c r="H49948" s="12"/>
    </row>
    <row r="49949" spans="8:8">
      <c r="H49949" s="12"/>
    </row>
    <row r="49950" spans="8:8">
      <c r="H49950" s="12"/>
    </row>
    <row r="49951" spans="8:8">
      <c r="H49951" s="12"/>
    </row>
    <row r="49952" spans="8:8">
      <c r="H49952" s="12"/>
    </row>
    <row r="49953" spans="8:8">
      <c r="H49953" s="12"/>
    </row>
    <row r="49954" spans="8:8">
      <c r="H49954" s="12"/>
    </row>
    <row r="49955" spans="8:8">
      <c r="H49955" s="12"/>
    </row>
    <row r="49956" spans="8:8">
      <c r="H49956" s="12"/>
    </row>
    <row r="49957" spans="8:8">
      <c r="H49957" s="12"/>
    </row>
    <row r="49958" spans="8:8">
      <c r="H49958" s="12"/>
    </row>
    <row r="49959" spans="8:8">
      <c r="H49959" s="12"/>
    </row>
    <row r="49960" spans="8:8">
      <c r="H49960" s="12"/>
    </row>
    <row r="49961" spans="8:8">
      <c r="H49961" s="12"/>
    </row>
    <row r="49962" spans="8:8">
      <c r="H49962" s="12"/>
    </row>
    <row r="49963" spans="8:8">
      <c r="H49963" s="12"/>
    </row>
    <row r="49964" spans="8:8">
      <c r="H49964" s="12"/>
    </row>
    <row r="49965" spans="8:8">
      <c r="H49965" s="12"/>
    </row>
    <row r="49966" spans="8:8">
      <c r="H49966" s="12"/>
    </row>
    <row r="49967" spans="8:8">
      <c r="H49967" s="12"/>
    </row>
    <row r="49968" spans="8:8">
      <c r="H49968" s="12"/>
    </row>
    <row r="49969" spans="8:8">
      <c r="H49969" s="12"/>
    </row>
    <row r="49970" spans="8:8">
      <c r="H49970" s="12"/>
    </row>
    <row r="49971" spans="8:8">
      <c r="H49971" s="12"/>
    </row>
    <row r="49972" spans="8:8">
      <c r="H49972" s="12"/>
    </row>
    <row r="49973" spans="8:8">
      <c r="H49973" s="12"/>
    </row>
    <row r="49974" spans="8:8">
      <c r="H49974" s="12"/>
    </row>
    <row r="49975" spans="8:8">
      <c r="H49975" s="12"/>
    </row>
    <row r="49976" spans="8:8">
      <c r="H49976" s="12"/>
    </row>
    <row r="49977" spans="8:8">
      <c r="H49977" s="12"/>
    </row>
    <row r="49978" spans="8:8">
      <c r="H49978" s="12"/>
    </row>
    <row r="49979" spans="8:8">
      <c r="H49979" s="12"/>
    </row>
    <row r="49980" spans="8:8">
      <c r="H49980" s="12"/>
    </row>
    <row r="49981" spans="8:8">
      <c r="H49981" s="12"/>
    </row>
    <row r="49982" spans="8:8">
      <c r="H49982" s="12"/>
    </row>
    <row r="49983" spans="8:8">
      <c r="H49983" s="12"/>
    </row>
    <row r="49984" spans="8:8">
      <c r="H49984" s="12"/>
    </row>
    <row r="49985" spans="8:8">
      <c r="H49985" s="12"/>
    </row>
    <row r="49986" spans="8:8">
      <c r="H49986" s="12"/>
    </row>
    <row r="49987" spans="8:8">
      <c r="H49987" s="12"/>
    </row>
    <row r="49988" spans="8:8">
      <c r="H49988" s="12"/>
    </row>
    <row r="49989" spans="8:8">
      <c r="H49989" s="12"/>
    </row>
    <row r="49990" spans="8:8">
      <c r="H49990" s="12"/>
    </row>
    <row r="49991" spans="8:8">
      <c r="H49991" s="12"/>
    </row>
    <row r="49992" spans="8:8">
      <c r="H49992" s="12"/>
    </row>
    <row r="49993" spans="8:8">
      <c r="H49993" s="12"/>
    </row>
    <row r="49994" spans="8:8">
      <c r="H49994" s="12"/>
    </row>
    <row r="49995" spans="8:8">
      <c r="H49995" s="12"/>
    </row>
    <row r="49996" spans="8:8">
      <c r="H49996" s="12"/>
    </row>
    <row r="49997" spans="8:8">
      <c r="H49997" s="12"/>
    </row>
    <row r="49998" spans="8:8">
      <c r="H49998" s="12"/>
    </row>
    <row r="49999" spans="8:8">
      <c r="H49999" s="12"/>
    </row>
    <row r="50000" spans="8:8">
      <c r="H50000" s="12"/>
    </row>
    <row r="50001" spans="8:8">
      <c r="H50001" s="12"/>
    </row>
    <row r="50002" spans="8:8">
      <c r="H50002" s="12"/>
    </row>
    <row r="50003" spans="8:8">
      <c r="H50003" s="12"/>
    </row>
    <row r="50004" spans="8:8">
      <c r="H50004" s="12"/>
    </row>
    <row r="50005" spans="8:8">
      <c r="H50005" s="12"/>
    </row>
    <row r="50006" spans="8:8">
      <c r="H50006" s="12"/>
    </row>
    <row r="50007" spans="8:8">
      <c r="H50007" s="12"/>
    </row>
    <row r="50008" spans="8:8">
      <c r="H50008" s="12"/>
    </row>
    <row r="50009" spans="8:8">
      <c r="H50009" s="12"/>
    </row>
    <row r="50010" spans="8:8">
      <c r="H50010" s="12"/>
    </row>
    <row r="50011" spans="8:8">
      <c r="H50011" s="12"/>
    </row>
    <row r="50012" spans="8:8">
      <c r="H50012" s="12"/>
    </row>
    <row r="50013" spans="8:8">
      <c r="H50013" s="12"/>
    </row>
    <row r="50014" spans="8:8">
      <c r="H50014" s="12"/>
    </row>
    <row r="50015" spans="8:8">
      <c r="H50015" s="12"/>
    </row>
    <row r="50016" spans="8:8">
      <c r="H50016" s="12"/>
    </row>
    <row r="50017" spans="8:8">
      <c r="H50017" s="12"/>
    </row>
    <row r="50018" spans="8:8">
      <c r="H50018" s="12"/>
    </row>
    <row r="50019" spans="8:8">
      <c r="H50019" s="12"/>
    </row>
    <row r="50020" spans="8:8">
      <c r="H50020" s="12"/>
    </row>
    <row r="50021" spans="8:8">
      <c r="H50021" s="12"/>
    </row>
    <row r="50022" spans="8:8">
      <c r="H50022" s="12"/>
    </row>
    <row r="50023" spans="8:8">
      <c r="H50023" s="12"/>
    </row>
    <row r="50024" spans="8:8">
      <c r="H50024" s="12"/>
    </row>
    <row r="50025" spans="8:8">
      <c r="H50025" s="12"/>
    </row>
    <row r="50026" spans="8:8">
      <c r="H50026" s="12"/>
    </row>
    <row r="50027" spans="8:8">
      <c r="H50027" s="12"/>
    </row>
    <row r="50028" spans="8:8">
      <c r="H50028" s="12"/>
    </row>
    <row r="50029" spans="8:8">
      <c r="H50029" s="12"/>
    </row>
    <row r="50030" spans="8:8">
      <c r="H50030" s="12"/>
    </row>
    <row r="50031" spans="8:8">
      <c r="H50031" s="12"/>
    </row>
    <row r="50032" spans="8:8">
      <c r="H50032" s="12"/>
    </row>
    <row r="50033" spans="8:8">
      <c r="H50033" s="12"/>
    </row>
    <row r="50034" spans="8:8">
      <c r="H50034" s="12"/>
    </row>
    <row r="50035" spans="8:8">
      <c r="H50035" s="12"/>
    </row>
    <row r="50036" spans="8:8">
      <c r="H50036" s="12"/>
    </row>
    <row r="50037" spans="8:8">
      <c r="H50037" s="12"/>
    </row>
    <row r="50038" spans="8:8">
      <c r="H50038" s="12"/>
    </row>
    <row r="50039" spans="8:8">
      <c r="H50039" s="12"/>
    </row>
    <row r="50040" spans="8:8">
      <c r="H50040" s="12"/>
    </row>
    <row r="50041" spans="8:8">
      <c r="H50041" s="12"/>
    </row>
    <row r="50042" spans="8:8">
      <c r="H50042" s="12"/>
    </row>
    <row r="50043" spans="8:8">
      <c r="H50043" s="12"/>
    </row>
    <row r="50044" spans="8:8">
      <c r="H50044" s="12"/>
    </row>
    <row r="50045" spans="8:8">
      <c r="H50045" s="12"/>
    </row>
    <row r="50046" spans="8:8">
      <c r="H50046" s="12"/>
    </row>
    <row r="50047" spans="8:8">
      <c r="H50047" s="12"/>
    </row>
    <row r="50048" spans="8:8">
      <c r="H50048" s="12"/>
    </row>
    <row r="50049" spans="8:8">
      <c r="H50049" s="12"/>
    </row>
    <row r="50050" spans="8:8">
      <c r="H50050" s="12"/>
    </row>
    <row r="50051" spans="8:8">
      <c r="H50051" s="12"/>
    </row>
    <row r="50052" spans="8:8">
      <c r="H50052" s="12"/>
    </row>
    <row r="50053" spans="8:8">
      <c r="H50053" s="12"/>
    </row>
    <row r="50054" spans="8:8">
      <c r="H50054" s="12"/>
    </row>
    <row r="50055" spans="8:8">
      <c r="H50055" s="12"/>
    </row>
    <row r="50056" spans="8:8">
      <c r="H50056" s="12"/>
    </row>
    <row r="50057" spans="8:8">
      <c r="H50057" s="12"/>
    </row>
    <row r="50058" spans="8:8">
      <c r="H50058" s="12"/>
    </row>
    <row r="50059" spans="8:8">
      <c r="H50059" s="12"/>
    </row>
    <row r="50060" spans="8:8">
      <c r="H50060" s="12"/>
    </row>
    <row r="50061" spans="8:8">
      <c r="H50061" s="12"/>
    </row>
    <row r="50062" spans="8:8">
      <c r="H50062" s="12"/>
    </row>
    <row r="50063" spans="8:8">
      <c r="H50063" s="12"/>
    </row>
    <row r="50064" spans="8:8">
      <c r="H50064" s="12"/>
    </row>
    <row r="50065" spans="8:8">
      <c r="H50065" s="12"/>
    </row>
    <row r="50066" spans="8:8">
      <c r="H50066" s="12"/>
    </row>
    <row r="50067" spans="8:8">
      <c r="H50067" s="12"/>
    </row>
    <row r="50068" spans="8:8">
      <c r="H50068" s="12"/>
    </row>
    <row r="50069" spans="8:8">
      <c r="H50069" s="12"/>
    </row>
    <row r="50070" spans="8:8">
      <c r="H50070" s="12"/>
    </row>
    <row r="50071" spans="8:8">
      <c r="H50071" s="12"/>
    </row>
    <row r="50072" spans="8:8">
      <c r="H50072" s="12"/>
    </row>
    <row r="50073" spans="8:8">
      <c r="H50073" s="12"/>
    </row>
    <row r="50074" spans="8:8">
      <c r="H50074" s="12"/>
    </row>
    <row r="50075" spans="8:8">
      <c r="H50075" s="12"/>
    </row>
    <row r="50076" spans="8:8">
      <c r="H50076" s="12"/>
    </row>
    <row r="50077" spans="8:8">
      <c r="H50077" s="12"/>
    </row>
    <row r="50078" spans="8:8">
      <c r="H50078" s="12"/>
    </row>
    <row r="50079" spans="8:8">
      <c r="H50079" s="12"/>
    </row>
    <row r="50080" spans="8:8">
      <c r="H50080" s="12"/>
    </row>
    <row r="50081" spans="8:8">
      <c r="H50081" s="12"/>
    </row>
    <row r="50082" spans="8:8">
      <c r="H50082" s="12"/>
    </row>
    <row r="50083" spans="8:8">
      <c r="H50083" s="12"/>
    </row>
    <row r="50084" spans="8:8">
      <c r="H50084" s="12"/>
    </row>
    <row r="50085" spans="8:8">
      <c r="H50085" s="12"/>
    </row>
    <row r="50086" spans="8:8">
      <c r="H50086" s="12"/>
    </row>
    <row r="50087" spans="8:8">
      <c r="H50087" s="12"/>
    </row>
    <row r="50088" spans="8:8">
      <c r="H50088" s="12"/>
    </row>
    <row r="50089" spans="8:8">
      <c r="H50089" s="12"/>
    </row>
    <row r="50090" spans="8:8">
      <c r="H50090" s="12"/>
    </row>
    <row r="50091" spans="8:8">
      <c r="H50091" s="12"/>
    </row>
    <row r="50092" spans="8:8">
      <c r="H50092" s="12"/>
    </row>
    <row r="50093" spans="8:8">
      <c r="H50093" s="12"/>
    </row>
    <row r="50094" spans="8:8">
      <c r="H50094" s="12"/>
    </row>
    <row r="50095" spans="8:8">
      <c r="H50095" s="12"/>
    </row>
    <row r="50096" spans="8:8">
      <c r="H50096" s="12"/>
    </row>
    <row r="50097" spans="8:8">
      <c r="H50097" s="12"/>
    </row>
    <row r="50098" spans="8:8">
      <c r="H50098" s="12"/>
    </row>
    <row r="50099" spans="8:8">
      <c r="H50099" s="12"/>
    </row>
    <row r="50100" spans="8:8">
      <c r="H50100" s="12"/>
    </row>
    <row r="50101" spans="8:8">
      <c r="H50101" s="12"/>
    </row>
    <row r="50102" spans="8:8">
      <c r="H50102" s="12"/>
    </row>
    <row r="50103" spans="8:8">
      <c r="H50103" s="12"/>
    </row>
    <row r="50104" spans="8:8">
      <c r="H50104" s="12"/>
    </row>
    <row r="50105" spans="8:8">
      <c r="H50105" s="12"/>
    </row>
    <row r="50106" spans="8:8">
      <c r="H50106" s="12"/>
    </row>
    <row r="50107" spans="8:8">
      <c r="H50107" s="12"/>
    </row>
    <row r="50108" spans="8:8">
      <c r="H50108" s="12"/>
    </row>
    <row r="50109" spans="8:8">
      <c r="H50109" s="12"/>
    </row>
    <row r="50110" spans="8:8">
      <c r="H50110" s="12"/>
    </row>
    <row r="50111" spans="8:8">
      <c r="H50111" s="12"/>
    </row>
    <row r="50112" spans="8:8">
      <c r="H50112" s="12"/>
    </row>
    <row r="50113" spans="8:8">
      <c r="H50113" s="12"/>
    </row>
    <row r="50114" spans="8:8">
      <c r="H50114" s="12"/>
    </row>
    <row r="50115" spans="8:8">
      <c r="H50115" s="12"/>
    </row>
    <row r="50116" spans="8:8">
      <c r="H50116" s="12"/>
    </row>
    <row r="50117" spans="8:8">
      <c r="H50117" s="12"/>
    </row>
    <row r="50118" spans="8:8">
      <c r="H50118" s="12"/>
    </row>
    <row r="50119" spans="8:8">
      <c r="H50119" s="12"/>
    </row>
    <row r="50120" spans="8:8">
      <c r="H50120" s="12"/>
    </row>
    <row r="50121" spans="8:8">
      <c r="H50121" s="12"/>
    </row>
    <row r="50122" spans="8:8">
      <c r="H50122" s="12"/>
    </row>
    <row r="50123" spans="8:8">
      <c r="H50123" s="12"/>
    </row>
    <row r="50124" spans="8:8">
      <c r="H50124" s="12"/>
    </row>
    <row r="50125" spans="8:8">
      <c r="H50125" s="12"/>
    </row>
    <row r="50126" spans="8:8">
      <c r="H50126" s="12"/>
    </row>
    <row r="50127" spans="8:8">
      <c r="H50127" s="12"/>
    </row>
    <row r="50128" spans="8:8">
      <c r="H50128" s="12"/>
    </row>
    <row r="50129" spans="8:8">
      <c r="H50129" s="12"/>
    </row>
    <row r="50130" spans="8:8">
      <c r="H50130" s="12"/>
    </row>
    <row r="50131" spans="8:8">
      <c r="H50131" s="12"/>
    </row>
    <row r="50132" spans="8:8">
      <c r="H50132" s="12"/>
    </row>
    <row r="50133" spans="8:8">
      <c r="H50133" s="12"/>
    </row>
    <row r="50134" spans="8:8">
      <c r="H50134" s="12"/>
    </row>
    <row r="50135" spans="8:8">
      <c r="H50135" s="12"/>
    </row>
    <row r="50136" spans="8:8">
      <c r="H50136" s="12"/>
    </row>
    <row r="50137" spans="8:8">
      <c r="H50137" s="12"/>
    </row>
    <row r="50138" spans="8:8">
      <c r="H50138" s="12"/>
    </row>
    <row r="50139" spans="8:8">
      <c r="H50139" s="12"/>
    </row>
    <row r="50140" spans="8:8">
      <c r="H50140" s="12"/>
    </row>
    <row r="50141" spans="8:8">
      <c r="H50141" s="12"/>
    </row>
    <row r="50142" spans="8:8">
      <c r="H50142" s="12"/>
    </row>
    <row r="50143" spans="8:8">
      <c r="H50143" s="12"/>
    </row>
    <row r="50144" spans="8:8">
      <c r="H50144" s="12"/>
    </row>
    <row r="50145" spans="8:8">
      <c r="H50145" s="12"/>
    </row>
    <row r="50146" spans="8:8">
      <c r="H50146" s="12"/>
    </row>
    <row r="50147" spans="8:8">
      <c r="H50147" s="12"/>
    </row>
    <row r="50148" spans="8:8">
      <c r="H50148" s="12"/>
    </row>
    <row r="50149" spans="8:8">
      <c r="H50149" s="12"/>
    </row>
    <row r="50150" spans="8:8">
      <c r="H50150" s="12"/>
    </row>
    <row r="50151" spans="8:8">
      <c r="H50151" s="12"/>
    </row>
    <row r="50152" spans="8:8">
      <c r="H50152" s="12"/>
    </row>
    <row r="50153" spans="8:8">
      <c r="H50153" s="12"/>
    </row>
    <row r="50154" spans="8:8">
      <c r="H50154" s="12"/>
    </row>
    <row r="50155" spans="8:8">
      <c r="H50155" s="12"/>
    </row>
    <row r="50156" spans="8:8">
      <c r="H50156" s="12"/>
    </row>
    <row r="50157" spans="8:8">
      <c r="H50157" s="12"/>
    </row>
    <row r="50158" spans="8:8">
      <c r="H50158" s="12"/>
    </row>
    <row r="50159" spans="8:8">
      <c r="H50159" s="12"/>
    </row>
    <row r="50160" spans="8:8">
      <c r="H50160" s="12"/>
    </row>
    <row r="50161" spans="8:8">
      <c r="H50161" s="12"/>
    </row>
    <row r="50162" spans="8:8">
      <c r="H50162" s="12"/>
    </row>
    <row r="50163" spans="8:8">
      <c r="H50163" s="12"/>
    </row>
    <row r="50164" spans="8:8">
      <c r="H50164" s="12"/>
    </row>
    <row r="50165" spans="8:8">
      <c r="H50165" s="12"/>
    </row>
    <row r="50166" spans="8:8">
      <c r="H50166" s="12"/>
    </row>
    <row r="50167" spans="8:8">
      <c r="H50167" s="12"/>
    </row>
    <row r="50168" spans="8:8">
      <c r="H50168" s="12"/>
    </row>
    <row r="50169" spans="8:8">
      <c r="H50169" s="12"/>
    </row>
    <row r="50170" spans="8:8">
      <c r="H50170" s="12"/>
    </row>
    <row r="50171" spans="8:8">
      <c r="H50171" s="12"/>
    </row>
    <row r="50172" spans="8:8">
      <c r="H50172" s="12"/>
    </row>
    <row r="50173" spans="8:8">
      <c r="H50173" s="12"/>
    </row>
    <row r="50174" spans="8:8">
      <c r="H50174" s="12"/>
    </row>
    <row r="50175" spans="8:8">
      <c r="H50175" s="12"/>
    </row>
    <row r="50176" spans="8:8">
      <c r="H50176" s="12"/>
    </row>
    <row r="50177" spans="8:8">
      <c r="H50177" s="12"/>
    </row>
    <row r="50178" spans="8:8">
      <c r="H50178" s="12"/>
    </row>
    <row r="50179" spans="8:8">
      <c r="H50179" s="12"/>
    </row>
    <row r="50180" spans="8:8">
      <c r="H50180" s="12"/>
    </row>
    <row r="50181" spans="8:8">
      <c r="H50181" s="12"/>
    </row>
    <row r="50182" spans="8:8">
      <c r="H50182" s="12"/>
    </row>
    <row r="50183" spans="8:8">
      <c r="H50183" s="12"/>
    </row>
    <row r="50184" spans="8:8">
      <c r="H50184" s="12"/>
    </row>
    <row r="50185" spans="8:8">
      <c r="H50185" s="12"/>
    </row>
    <row r="50186" spans="8:8">
      <c r="H50186" s="12"/>
    </row>
    <row r="50187" spans="8:8">
      <c r="H50187" s="12"/>
    </row>
    <row r="50188" spans="8:8">
      <c r="H50188" s="12"/>
    </row>
    <row r="50189" spans="8:8">
      <c r="H50189" s="12"/>
    </row>
    <row r="50190" spans="8:8">
      <c r="H50190" s="12"/>
    </row>
    <row r="50191" spans="8:8">
      <c r="H50191" s="12"/>
    </row>
    <row r="50192" spans="8:8">
      <c r="H50192" s="12"/>
    </row>
    <row r="50193" spans="8:8">
      <c r="H50193" s="12"/>
    </row>
    <row r="50194" spans="8:8">
      <c r="H50194" s="12"/>
    </row>
    <row r="50195" spans="8:8">
      <c r="H50195" s="12"/>
    </row>
    <row r="50196" spans="8:8">
      <c r="H50196" s="12"/>
    </row>
    <row r="50197" spans="8:8">
      <c r="H50197" s="12"/>
    </row>
    <row r="50198" spans="8:8">
      <c r="H50198" s="12"/>
    </row>
    <row r="50199" spans="8:8">
      <c r="H50199" s="12"/>
    </row>
    <row r="50200" spans="8:8">
      <c r="H50200" s="12"/>
    </row>
    <row r="50201" spans="8:8">
      <c r="H50201" s="12"/>
    </row>
    <row r="50202" spans="8:8">
      <c r="H50202" s="12"/>
    </row>
    <row r="50203" spans="8:8">
      <c r="H50203" s="12"/>
    </row>
    <row r="50204" spans="8:8">
      <c r="H50204" s="12"/>
    </row>
    <row r="50205" spans="8:8">
      <c r="H50205" s="12"/>
    </row>
    <row r="50206" spans="8:8">
      <c r="H50206" s="12"/>
    </row>
    <row r="50207" spans="8:8">
      <c r="H50207" s="12"/>
    </row>
    <row r="50208" spans="8:8">
      <c r="H50208" s="12"/>
    </row>
    <row r="50209" spans="8:8">
      <c r="H50209" s="12"/>
    </row>
    <row r="50210" spans="8:8">
      <c r="H50210" s="12"/>
    </row>
    <row r="50211" spans="8:8">
      <c r="H50211" s="12"/>
    </row>
    <row r="50212" spans="8:8">
      <c r="H50212" s="12"/>
    </row>
    <row r="50213" spans="8:8">
      <c r="H50213" s="12"/>
    </row>
    <row r="50214" spans="8:8">
      <c r="H50214" s="12"/>
    </row>
    <row r="50215" spans="8:8">
      <c r="H50215" s="12"/>
    </row>
    <row r="50216" spans="8:8">
      <c r="H50216" s="12"/>
    </row>
    <row r="50217" spans="8:8">
      <c r="H50217" s="12"/>
    </row>
    <row r="50218" spans="8:8">
      <c r="H50218" s="12"/>
    </row>
    <row r="50219" spans="8:8">
      <c r="H50219" s="12"/>
    </row>
    <row r="50220" spans="8:8">
      <c r="H50220" s="12"/>
    </row>
    <row r="50221" spans="8:8">
      <c r="H50221" s="12"/>
    </row>
    <row r="50222" spans="8:8">
      <c r="H50222" s="12"/>
    </row>
    <row r="50223" spans="8:8">
      <c r="H50223" s="12"/>
    </row>
    <row r="50224" spans="8:8">
      <c r="H50224" s="12"/>
    </row>
    <row r="50225" spans="8:8">
      <c r="H50225" s="12"/>
    </row>
    <row r="50226" spans="8:8">
      <c r="H50226" s="12"/>
    </row>
    <row r="50227" spans="8:8">
      <c r="H50227" s="12"/>
    </row>
    <row r="50228" spans="8:8">
      <c r="H50228" s="12"/>
    </row>
    <row r="50229" spans="8:8">
      <c r="H50229" s="12"/>
    </row>
    <row r="50230" spans="8:8">
      <c r="H50230" s="12"/>
    </row>
    <row r="50231" spans="8:8">
      <c r="H50231" s="12"/>
    </row>
    <row r="50232" spans="8:8">
      <c r="H50232" s="12"/>
    </row>
    <row r="50233" spans="8:8">
      <c r="H50233" s="12"/>
    </row>
    <row r="50234" spans="8:8">
      <c r="H50234" s="12"/>
    </row>
    <row r="50235" spans="8:8">
      <c r="H50235" s="12"/>
    </row>
    <row r="50236" spans="8:8">
      <c r="H50236" s="12"/>
    </row>
    <row r="50237" spans="8:8">
      <c r="H50237" s="12"/>
    </row>
    <row r="50238" spans="8:8">
      <c r="H50238" s="12"/>
    </row>
    <row r="50239" spans="8:8">
      <c r="H50239" s="12"/>
    </row>
    <row r="50240" spans="8:8">
      <c r="H50240" s="12"/>
    </row>
    <row r="50241" spans="8:8">
      <c r="H50241" s="12"/>
    </row>
    <row r="50242" spans="8:8">
      <c r="H50242" s="12"/>
    </row>
    <row r="50243" spans="8:8">
      <c r="H50243" s="12"/>
    </row>
    <row r="50244" spans="8:8">
      <c r="H50244" s="12"/>
    </row>
    <row r="50245" spans="8:8">
      <c r="H50245" s="12"/>
    </row>
    <row r="50246" spans="8:8">
      <c r="H50246" s="12"/>
    </row>
    <row r="50247" spans="8:8">
      <c r="H50247" s="12"/>
    </row>
    <row r="50248" spans="8:8">
      <c r="H50248" s="12"/>
    </row>
    <row r="50249" spans="8:8">
      <c r="H50249" s="12"/>
    </row>
    <row r="50250" spans="8:8">
      <c r="H50250" s="12"/>
    </row>
    <row r="50251" spans="8:8">
      <c r="H50251" s="12"/>
    </row>
    <row r="50252" spans="8:8">
      <c r="H50252" s="12"/>
    </row>
    <row r="50253" spans="8:8">
      <c r="H50253" s="12"/>
    </row>
    <row r="50254" spans="8:8">
      <c r="H50254" s="12"/>
    </row>
    <row r="50255" spans="8:8">
      <c r="H50255" s="12"/>
    </row>
    <row r="50256" spans="8:8">
      <c r="H50256" s="12"/>
    </row>
    <row r="50257" spans="8:8">
      <c r="H50257" s="12"/>
    </row>
    <row r="50258" spans="8:8">
      <c r="H50258" s="12"/>
    </row>
    <row r="50259" spans="8:8">
      <c r="H50259" s="12"/>
    </row>
    <row r="50260" spans="8:8">
      <c r="H50260" s="12"/>
    </row>
    <row r="50261" spans="8:8">
      <c r="H50261" s="12"/>
    </row>
    <row r="50262" spans="8:8">
      <c r="H50262" s="12"/>
    </row>
    <row r="50263" spans="8:8">
      <c r="H50263" s="12"/>
    </row>
    <row r="50264" spans="8:8">
      <c r="H50264" s="12"/>
    </row>
    <row r="50265" spans="8:8">
      <c r="H50265" s="12"/>
    </row>
    <row r="50266" spans="8:8">
      <c r="H50266" s="12"/>
    </row>
    <row r="50267" spans="8:8">
      <c r="H50267" s="12"/>
    </row>
    <row r="50268" spans="8:8">
      <c r="H50268" s="12"/>
    </row>
    <row r="50269" spans="8:8">
      <c r="H50269" s="12"/>
    </row>
    <row r="50270" spans="8:8">
      <c r="H50270" s="12"/>
    </row>
    <row r="50271" spans="8:8">
      <c r="H50271" s="12"/>
    </row>
    <row r="50272" spans="8:8">
      <c r="H50272" s="12"/>
    </row>
    <row r="50273" spans="8:8">
      <c r="H50273" s="12"/>
    </row>
    <row r="50274" spans="8:8">
      <c r="H50274" s="12"/>
    </row>
    <row r="50275" spans="8:8">
      <c r="H50275" s="12"/>
    </row>
    <row r="50276" spans="8:8">
      <c r="H50276" s="12"/>
    </row>
    <row r="50277" spans="8:8">
      <c r="H50277" s="12"/>
    </row>
    <row r="50278" spans="8:8">
      <c r="H50278" s="12"/>
    </row>
    <row r="50279" spans="8:8">
      <c r="H50279" s="12"/>
    </row>
    <row r="50280" spans="8:8">
      <c r="H50280" s="12"/>
    </row>
    <row r="50281" spans="8:8">
      <c r="H50281" s="12"/>
    </row>
    <row r="50282" spans="8:8">
      <c r="H50282" s="12"/>
    </row>
    <row r="50283" spans="8:8">
      <c r="H50283" s="12"/>
    </row>
    <row r="50284" spans="8:8">
      <c r="H50284" s="12"/>
    </row>
    <row r="50285" spans="8:8">
      <c r="H50285" s="12"/>
    </row>
    <row r="50286" spans="8:8">
      <c r="H50286" s="12"/>
    </row>
    <row r="50287" spans="8:8">
      <c r="H50287" s="12"/>
    </row>
    <row r="50288" spans="8:8">
      <c r="H50288" s="12"/>
    </row>
    <row r="50289" spans="8:8">
      <c r="H50289" s="12"/>
    </row>
    <row r="50290" spans="8:8">
      <c r="H50290" s="12"/>
    </row>
    <row r="50291" spans="8:8">
      <c r="H50291" s="12"/>
    </row>
    <row r="50292" spans="8:8">
      <c r="H50292" s="12"/>
    </row>
    <row r="50293" spans="8:8">
      <c r="H50293" s="12"/>
    </row>
    <row r="50294" spans="8:8">
      <c r="H50294" s="12"/>
    </row>
    <row r="50295" spans="8:8">
      <c r="H50295" s="12"/>
    </row>
    <row r="50296" spans="8:8">
      <c r="H50296" s="12"/>
    </row>
    <row r="50297" spans="8:8">
      <c r="H50297" s="12"/>
    </row>
    <row r="50298" spans="8:8">
      <c r="H50298" s="12"/>
    </row>
    <row r="50299" spans="8:8">
      <c r="H50299" s="12"/>
    </row>
    <row r="50300" spans="8:8">
      <c r="H50300" s="12"/>
    </row>
    <row r="50301" spans="8:8">
      <c r="H50301" s="12"/>
    </row>
    <row r="50302" spans="8:8">
      <c r="H50302" s="12"/>
    </row>
    <row r="50303" spans="8:8">
      <c r="H50303" s="12"/>
    </row>
    <row r="50304" spans="8:8">
      <c r="H50304" s="12"/>
    </row>
    <row r="50305" spans="8:8">
      <c r="H50305" s="12"/>
    </row>
    <row r="50306" spans="8:8">
      <c r="H50306" s="12"/>
    </row>
    <row r="50307" spans="8:8">
      <c r="H50307" s="12"/>
    </row>
    <row r="50308" spans="8:8">
      <c r="H50308" s="12"/>
    </row>
    <row r="50309" spans="8:8">
      <c r="H50309" s="12"/>
    </row>
    <row r="50310" spans="8:8">
      <c r="H50310" s="12"/>
    </row>
    <row r="50311" spans="8:8">
      <c r="H50311" s="12"/>
    </row>
    <row r="50312" spans="8:8">
      <c r="H50312" s="12"/>
    </row>
    <row r="50313" spans="8:8">
      <c r="H50313" s="12"/>
    </row>
    <row r="50314" spans="8:8">
      <c r="H50314" s="12"/>
    </row>
    <row r="50315" spans="8:8">
      <c r="H50315" s="12"/>
    </row>
    <row r="50316" spans="8:8">
      <c r="H50316" s="12"/>
    </row>
    <row r="50317" spans="8:8">
      <c r="H50317" s="12"/>
    </row>
    <row r="50318" spans="8:8">
      <c r="H50318" s="12"/>
    </row>
    <row r="50319" spans="8:8">
      <c r="H50319" s="12"/>
    </row>
    <row r="50320" spans="8:8">
      <c r="H50320" s="12"/>
    </row>
    <row r="50321" spans="8:8">
      <c r="H50321" s="12"/>
    </row>
    <row r="50322" spans="8:8">
      <c r="H50322" s="12"/>
    </row>
    <row r="50323" spans="8:8">
      <c r="H50323" s="12"/>
    </row>
    <row r="50324" spans="8:8">
      <c r="H50324" s="12"/>
    </row>
    <row r="50325" spans="8:8">
      <c r="H50325" s="12"/>
    </row>
    <row r="50326" spans="8:8">
      <c r="H50326" s="12"/>
    </row>
    <row r="50327" spans="8:8">
      <c r="H50327" s="12"/>
    </row>
    <row r="50328" spans="8:8">
      <c r="H50328" s="12"/>
    </row>
    <row r="50329" spans="8:8">
      <c r="H50329" s="12"/>
    </row>
    <row r="50330" spans="8:8">
      <c r="H50330" s="12"/>
    </row>
    <row r="50331" spans="8:8">
      <c r="H50331" s="12"/>
    </row>
    <row r="50332" spans="8:8">
      <c r="H50332" s="12"/>
    </row>
    <row r="50333" spans="8:8">
      <c r="H50333" s="12"/>
    </row>
    <row r="50334" spans="8:8">
      <c r="H50334" s="12"/>
    </row>
    <row r="50335" spans="8:8">
      <c r="H50335" s="12"/>
    </row>
    <row r="50336" spans="8:8">
      <c r="H50336" s="12"/>
    </row>
    <row r="50337" spans="8:8">
      <c r="H50337" s="12"/>
    </row>
    <row r="50338" spans="8:8">
      <c r="H50338" s="12"/>
    </row>
    <row r="50339" spans="8:8">
      <c r="H50339" s="12"/>
    </row>
    <row r="50340" spans="8:8">
      <c r="H50340" s="12"/>
    </row>
    <row r="50341" spans="8:8">
      <c r="H50341" s="12"/>
    </row>
    <row r="50342" spans="8:8">
      <c r="H50342" s="12"/>
    </row>
    <row r="50343" spans="8:8">
      <c r="H50343" s="12"/>
    </row>
    <row r="50344" spans="8:8">
      <c r="H50344" s="12"/>
    </row>
    <row r="50345" spans="8:8">
      <c r="H50345" s="12"/>
    </row>
    <row r="50346" spans="8:8">
      <c r="H50346" s="12"/>
    </row>
    <row r="50347" spans="8:8">
      <c r="H50347" s="12"/>
    </row>
    <row r="50348" spans="8:8">
      <c r="H50348" s="12"/>
    </row>
    <row r="50349" spans="8:8">
      <c r="H50349" s="12"/>
    </row>
    <row r="50350" spans="8:8">
      <c r="H50350" s="12"/>
    </row>
    <row r="50351" spans="8:8">
      <c r="H50351" s="12"/>
    </row>
    <row r="50352" spans="8:8">
      <c r="H50352" s="12"/>
    </row>
    <row r="50353" spans="8:8">
      <c r="H50353" s="12"/>
    </row>
    <row r="50354" spans="8:8">
      <c r="H50354" s="12"/>
    </row>
    <row r="50355" spans="8:8">
      <c r="H50355" s="12"/>
    </row>
    <row r="50356" spans="8:8">
      <c r="H50356" s="12"/>
    </row>
    <row r="50357" spans="8:8">
      <c r="H50357" s="12"/>
    </row>
    <row r="50358" spans="8:8">
      <c r="H50358" s="12"/>
    </row>
    <row r="50359" spans="8:8">
      <c r="H50359" s="12"/>
    </row>
    <row r="50360" spans="8:8">
      <c r="H50360" s="12"/>
    </row>
    <row r="50361" spans="8:8">
      <c r="H50361" s="12"/>
    </row>
    <row r="50362" spans="8:8">
      <c r="H50362" s="12"/>
    </row>
    <row r="50363" spans="8:8">
      <c r="H50363" s="12"/>
    </row>
    <row r="50364" spans="8:8">
      <c r="H50364" s="12"/>
    </row>
    <row r="50365" spans="8:8">
      <c r="H50365" s="12"/>
    </row>
    <row r="50366" spans="8:8">
      <c r="H50366" s="12"/>
    </row>
    <row r="50367" spans="8:8">
      <c r="H50367" s="12"/>
    </row>
    <row r="50368" spans="8:8">
      <c r="H50368" s="12"/>
    </row>
    <row r="50369" spans="8:8">
      <c r="H50369" s="12"/>
    </row>
    <row r="50370" spans="8:8">
      <c r="H50370" s="12"/>
    </row>
    <row r="50371" spans="8:8">
      <c r="H50371" s="12"/>
    </row>
    <row r="50372" spans="8:8">
      <c r="H50372" s="12"/>
    </row>
    <row r="50373" spans="8:8">
      <c r="H50373" s="12"/>
    </row>
    <row r="50374" spans="8:8">
      <c r="H50374" s="12"/>
    </row>
    <row r="50375" spans="8:8">
      <c r="H50375" s="12"/>
    </row>
    <row r="50376" spans="8:8">
      <c r="H50376" s="12"/>
    </row>
    <row r="50377" spans="8:8">
      <c r="H50377" s="12"/>
    </row>
    <row r="50378" spans="8:8">
      <c r="H50378" s="12"/>
    </row>
    <row r="50379" spans="8:8">
      <c r="H50379" s="12"/>
    </row>
    <row r="50380" spans="8:8">
      <c r="H50380" s="12"/>
    </row>
    <row r="50381" spans="8:8">
      <c r="H50381" s="12"/>
    </row>
    <row r="50382" spans="8:8">
      <c r="H50382" s="12"/>
    </row>
    <row r="50383" spans="8:8">
      <c r="H50383" s="12"/>
    </row>
    <row r="50384" spans="8:8">
      <c r="H50384" s="12"/>
    </row>
    <row r="50385" spans="8:8">
      <c r="H50385" s="12"/>
    </row>
    <row r="50386" spans="8:8">
      <c r="H50386" s="12"/>
    </row>
    <row r="50387" spans="8:8">
      <c r="H50387" s="12"/>
    </row>
    <row r="50388" spans="8:8">
      <c r="H50388" s="12"/>
    </row>
    <row r="50389" spans="8:8">
      <c r="H50389" s="12"/>
    </row>
    <row r="50390" spans="8:8">
      <c r="H50390" s="12"/>
    </row>
    <row r="50391" spans="8:8">
      <c r="H50391" s="12"/>
    </row>
    <row r="50392" spans="8:8">
      <c r="H50392" s="12"/>
    </row>
    <row r="50393" spans="8:8">
      <c r="H50393" s="12"/>
    </row>
    <row r="50394" spans="8:8">
      <c r="H50394" s="12"/>
    </row>
    <row r="50395" spans="8:8">
      <c r="H50395" s="12"/>
    </row>
    <row r="50396" spans="8:8">
      <c r="H50396" s="12"/>
    </row>
    <row r="50397" spans="8:8">
      <c r="H50397" s="12"/>
    </row>
    <row r="50398" spans="8:8">
      <c r="H50398" s="12"/>
    </row>
    <row r="50399" spans="8:8">
      <c r="H50399" s="12"/>
    </row>
    <row r="50400" spans="8:8">
      <c r="H50400" s="12"/>
    </row>
    <row r="50401" spans="8:8">
      <c r="H50401" s="12"/>
    </row>
    <row r="50402" spans="8:8">
      <c r="H50402" s="12"/>
    </row>
    <row r="50403" spans="8:8">
      <c r="H50403" s="12"/>
    </row>
    <row r="50404" spans="8:8">
      <c r="H50404" s="12"/>
    </row>
    <row r="50405" spans="8:8">
      <c r="H50405" s="12"/>
    </row>
    <row r="50406" spans="8:8">
      <c r="H50406" s="12"/>
    </row>
    <row r="50407" spans="8:8">
      <c r="H50407" s="12"/>
    </row>
    <row r="50408" spans="8:8">
      <c r="H50408" s="12"/>
    </row>
    <row r="50409" spans="8:8">
      <c r="H50409" s="12"/>
    </row>
    <row r="50410" spans="8:8">
      <c r="H50410" s="12"/>
    </row>
    <row r="50411" spans="8:8">
      <c r="H50411" s="12"/>
    </row>
    <row r="50412" spans="8:8">
      <c r="H50412" s="12"/>
    </row>
    <row r="50413" spans="8:8">
      <c r="H50413" s="12"/>
    </row>
    <row r="50414" spans="8:8">
      <c r="H50414" s="12"/>
    </row>
    <row r="50415" spans="8:8">
      <c r="H50415" s="12"/>
    </row>
    <row r="50416" spans="8:8">
      <c r="H50416" s="12"/>
    </row>
    <row r="50417" spans="8:8">
      <c r="H50417" s="12"/>
    </row>
    <row r="50418" spans="8:8">
      <c r="H50418" s="12"/>
    </row>
    <row r="50419" spans="8:8">
      <c r="H50419" s="12"/>
    </row>
    <row r="50420" spans="8:8">
      <c r="H50420" s="12"/>
    </row>
    <row r="50421" spans="8:8">
      <c r="H50421" s="12"/>
    </row>
    <row r="50422" spans="8:8">
      <c r="H50422" s="12"/>
    </row>
    <row r="50423" spans="8:8">
      <c r="H50423" s="12"/>
    </row>
    <row r="50424" spans="8:8">
      <c r="H50424" s="12"/>
    </row>
    <row r="50425" spans="8:8">
      <c r="H50425" s="12"/>
    </row>
    <row r="50426" spans="8:8">
      <c r="H50426" s="12"/>
    </row>
    <row r="50427" spans="8:8">
      <c r="H50427" s="12"/>
    </row>
    <row r="50428" spans="8:8">
      <c r="H50428" s="12"/>
    </row>
    <row r="50429" spans="8:8">
      <c r="H50429" s="12"/>
    </row>
    <row r="50430" spans="8:8">
      <c r="H50430" s="12"/>
    </row>
    <row r="50431" spans="8:8">
      <c r="H50431" s="12"/>
    </row>
    <row r="50432" spans="8:8">
      <c r="H50432" s="12"/>
    </row>
    <row r="50433" spans="8:8">
      <c r="H50433" s="12"/>
    </row>
    <row r="50434" spans="8:8">
      <c r="H50434" s="12"/>
    </row>
    <row r="50435" spans="8:8">
      <c r="H50435" s="12"/>
    </row>
    <row r="50436" spans="8:8">
      <c r="H50436" s="12"/>
    </row>
    <row r="50437" spans="8:8">
      <c r="H50437" s="12"/>
    </row>
    <row r="50438" spans="8:8">
      <c r="H50438" s="12"/>
    </row>
    <row r="50439" spans="8:8">
      <c r="H50439" s="12"/>
    </row>
    <row r="50440" spans="8:8">
      <c r="H50440" s="12"/>
    </row>
    <row r="50441" spans="8:8">
      <c r="H50441" s="12"/>
    </row>
    <row r="50442" spans="8:8">
      <c r="H50442" s="12"/>
    </row>
    <row r="50443" spans="8:8">
      <c r="H50443" s="12"/>
    </row>
    <row r="50444" spans="8:8">
      <c r="H50444" s="12"/>
    </row>
    <row r="50445" spans="8:8">
      <c r="H50445" s="12"/>
    </row>
    <row r="50446" spans="8:8">
      <c r="H50446" s="12"/>
    </row>
    <row r="50447" spans="8:8">
      <c r="H50447" s="12"/>
    </row>
    <row r="50448" spans="8:8">
      <c r="H50448" s="12"/>
    </row>
    <row r="50449" spans="8:8">
      <c r="H50449" s="12"/>
    </row>
    <row r="50450" spans="8:8">
      <c r="H50450" s="12"/>
    </row>
    <row r="50451" spans="8:8">
      <c r="H50451" s="12"/>
    </row>
    <row r="50452" spans="8:8">
      <c r="H50452" s="12"/>
    </row>
    <row r="50453" spans="8:8">
      <c r="H50453" s="12"/>
    </row>
    <row r="50454" spans="8:8">
      <c r="H50454" s="12"/>
    </row>
    <row r="50455" spans="8:8">
      <c r="H50455" s="12"/>
    </row>
    <row r="50456" spans="8:8">
      <c r="H50456" s="12"/>
    </row>
    <row r="50457" spans="8:8">
      <c r="H50457" s="12"/>
    </row>
    <row r="50458" spans="8:8">
      <c r="H50458" s="12"/>
    </row>
    <row r="50459" spans="8:8">
      <c r="H50459" s="12"/>
    </row>
    <row r="50460" spans="8:8">
      <c r="H50460" s="12"/>
    </row>
    <row r="50461" spans="8:8">
      <c r="H50461" s="12"/>
    </row>
    <row r="50462" spans="8:8">
      <c r="H50462" s="12"/>
    </row>
    <row r="50463" spans="8:8">
      <c r="H50463" s="12"/>
    </row>
    <row r="50464" spans="8:8">
      <c r="H50464" s="12"/>
    </row>
    <row r="50465" spans="8:8">
      <c r="H50465" s="12"/>
    </row>
    <row r="50466" spans="8:8">
      <c r="H50466" s="12"/>
    </row>
    <row r="50467" spans="8:8">
      <c r="H50467" s="12"/>
    </row>
    <row r="50468" spans="8:8">
      <c r="H50468" s="12"/>
    </row>
    <row r="50469" spans="8:8">
      <c r="H50469" s="12"/>
    </row>
    <row r="50470" spans="8:8">
      <c r="H50470" s="12"/>
    </row>
    <row r="50471" spans="8:8">
      <c r="H50471" s="12"/>
    </row>
    <row r="50472" spans="8:8">
      <c r="H50472" s="12"/>
    </row>
    <row r="50473" spans="8:8">
      <c r="H50473" s="12"/>
    </row>
    <row r="50474" spans="8:8">
      <c r="H50474" s="12"/>
    </row>
    <row r="50475" spans="8:8">
      <c r="H50475" s="12"/>
    </row>
    <row r="50476" spans="8:8">
      <c r="H50476" s="12"/>
    </row>
    <row r="50477" spans="8:8">
      <c r="H50477" s="12"/>
    </row>
    <row r="50478" spans="8:8">
      <c r="H50478" s="12"/>
    </row>
    <row r="50479" spans="8:8">
      <c r="H50479" s="12"/>
    </row>
    <row r="50480" spans="8:8">
      <c r="H50480" s="12"/>
    </row>
    <row r="50481" spans="8:8">
      <c r="H50481" s="12"/>
    </row>
    <row r="50482" spans="8:8">
      <c r="H50482" s="12"/>
    </row>
    <row r="50483" spans="8:8">
      <c r="H50483" s="12"/>
    </row>
    <row r="50484" spans="8:8">
      <c r="H50484" s="12"/>
    </row>
    <row r="50485" spans="8:8">
      <c r="H50485" s="12"/>
    </row>
    <row r="50486" spans="8:8">
      <c r="H50486" s="12"/>
    </row>
    <row r="50487" spans="8:8">
      <c r="H50487" s="12"/>
    </row>
    <row r="50488" spans="8:8">
      <c r="H50488" s="12"/>
    </row>
    <row r="50489" spans="8:8">
      <c r="H50489" s="12"/>
    </row>
    <row r="50490" spans="8:8">
      <c r="H50490" s="12"/>
    </row>
    <row r="50491" spans="8:8">
      <c r="H50491" s="12"/>
    </row>
    <row r="50492" spans="8:8">
      <c r="H50492" s="12"/>
    </row>
    <row r="50493" spans="8:8">
      <c r="H50493" s="12"/>
    </row>
    <row r="50494" spans="8:8">
      <c r="H50494" s="12"/>
    </row>
    <row r="50495" spans="8:8">
      <c r="H50495" s="12"/>
    </row>
    <row r="50496" spans="8:8">
      <c r="H50496" s="12"/>
    </row>
    <row r="50497" spans="8:8">
      <c r="H50497" s="12"/>
    </row>
    <row r="50498" spans="8:8">
      <c r="H50498" s="12"/>
    </row>
    <row r="50499" spans="8:8">
      <c r="H50499" s="12"/>
    </row>
    <row r="50500" spans="8:8">
      <c r="H50500" s="12"/>
    </row>
    <row r="50501" spans="8:8">
      <c r="H50501" s="12"/>
    </row>
    <row r="50502" spans="8:8">
      <c r="H50502" s="12"/>
    </row>
    <row r="50503" spans="8:8">
      <c r="H50503" s="12"/>
    </row>
    <row r="50504" spans="8:8">
      <c r="H50504" s="12"/>
    </row>
    <row r="50505" spans="8:8">
      <c r="H50505" s="12"/>
    </row>
    <row r="50506" spans="8:8">
      <c r="H50506" s="12"/>
    </row>
    <row r="50507" spans="8:8">
      <c r="H50507" s="12"/>
    </row>
    <row r="50508" spans="8:8">
      <c r="H50508" s="12"/>
    </row>
    <row r="50509" spans="8:8">
      <c r="H50509" s="12"/>
    </row>
    <row r="50510" spans="8:8">
      <c r="H50510" s="12"/>
    </row>
    <row r="50511" spans="8:8">
      <c r="H50511" s="12"/>
    </row>
    <row r="50512" spans="8:8">
      <c r="H50512" s="12"/>
    </row>
    <row r="50513" spans="8:8">
      <c r="H50513" s="12"/>
    </row>
    <row r="50514" spans="8:8">
      <c r="H50514" s="12"/>
    </row>
    <row r="50515" spans="8:8">
      <c r="H50515" s="12"/>
    </row>
    <row r="50516" spans="8:8">
      <c r="H50516" s="12"/>
    </row>
    <row r="50517" spans="8:8">
      <c r="H50517" s="12"/>
    </row>
    <row r="50518" spans="8:8">
      <c r="H50518" s="12"/>
    </row>
    <row r="50519" spans="8:8">
      <c r="H50519" s="12"/>
    </row>
    <row r="50520" spans="8:8">
      <c r="H50520" s="12"/>
    </row>
    <row r="50521" spans="8:8">
      <c r="H50521" s="12"/>
    </row>
    <row r="50522" spans="8:8">
      <c r="H50522" s="12"/>
    </row>
    <row r="50523" spans="8:8">
      <c r="H50523" s="12"/>
    </row>
    <row r="50524" spans="8:8">
      <c r="H50524" s="12"/>
    </row>
    <row r="50525" spans="8:8">
      <c r="H50525" s="12"/>
    </row>
    <row r="50526" spans="8:8">
      <c r="H50526" s="12"/>
    </row>
    <row r="50527" spans="8:8">
      <c r="H50527" s="12"/>
    </row>
    <row r="50528" spans="8:8">
      <c r="H50528" s="12"/>
    </row>
    <row r="50529" spans="8:8">
      <c r="H50529" s="12"/>
    </row>
    <row r="50530" spans="8:8">
      <c r="H50530" s="12"/>
    </row>
    <row r="50531" spans="8:8">
      <c r="H50531" s="12"/>
    </row>
    <row r="50532" spans="8:8">
      <c r="H50532" s="12"/>
    </row>
    <row r="50533" spans="8:8">
      <c r="H50533" s="12"/>
    </row>
    <row r="50534" spans="8:8">
      <c r="H50534" s="12"/>
    </row>
    <row r="50535" spans="8:8">
      <c r="H50535" s="12"/>
    </row>
    <row r="50536" spans="8:8">
      <c r="H50536" s="12"/>
    </row>
    <row r="50537" spans="8:8">
      <c r="H50537" s="12"/>
    </row>
    <row r="50538" spans="8:8">
      <c r="H50538" s="12"/>
    </row>
    <row r="50539" spans="8:8">
      <c r="H50539" s="12"/>
    </row>
    <row r="50540" spans="8:8">
      <c r="H50540" s="12"/>
    </row>
    <row r="50541" spans="8:8">
      <c r="H50541" s="12"/>
    </row>
    <row r="50542" spans="8:8">
      <c r="H50542" s="12"/>
    </row>
    <row r="50543" spans="8:8">
      <c r="H50543" s="12"/>
    </row>
    <row r="50544" spans="8:8">
      <c r="H50544" s="12"/>
    </row>
    <row r="50545" spans="8:8">
      <c r="H50545" s="12"/>
    </row>
    <row r="50546" spans="8:8">
      <c r="H50546" s="12"/>
    </row>
    <row r="50547" spans="8:8">
      <c r="H50547" s="12"/>
    </row>
    <row r="50548" spans="8:8">
      <c r="H50548" s="12"/>
    </row>
    <row r="50549" spans="8:8">
      <c r="H50549" s="12"/>
    </row>
    <row r="50550" spans="8:8">
      <c r="H50550" s="12"/>
    </row>
    <row r="50551" spans="8:8">
      <c r="H50551" s="12"/>
    </row>
    <row r="50552" spans="8:8">
      <c r="H50552" s="12"/>
    </row>
    <row r="50553" spans="8:8">
      <c r="H50553" s="12"/>
    </row>
    <row r="50554" spans="8:8">
      <c r="H50554" s="12"/>
    </row>
    <row r="50555" spans="8:8">
      <c r="H50555" s="12"/>
    </row>
    <row r="50556" spans="8:8">
      <c r="H50556" s="12"/>
    </row>
    <row r="50557" spans="8:8">
      <c r="H50557" s="12"/>
    </row>
    <row r="50558" spans="8:8">
      <c r="H50558" s="12"/>
    </row>
    <row r="50559" spans="8:8">
      <c r="H50559" s="12"/>
    </row>
    <row r="50560" spans="8:8">
      <c r="H50560" s="12"/>
    </row>
    <row r="50561" spans="8:8">
      <c r="H50561" s="12"/>
    </row>
    <row r="50562" spans="8:8">
      <c r="H50562" s="12"/>
    </row>
    <row r="50563" spans="8:8">
      <c r="H50563" s="12"/>
    </row>
    <row r="50564" spans="8:8">
      <c r="H50564" s="12"/>
    </row>
    <row r="50565" spans="8:8">
      <c r="H50565" s="12"/>
    </row>
    <row r="50566" spans="8:8">
      <c r="H50566" s="12"/>
    </row>
    <row r="50567" spans="8:8">
      <c r="H50567" s="12"/>
    </row>
    <row r="50568" spans="8:8">
      <c r="H50568" s="12"/>
    </row>
    <row r="50569" spans="8:8">
      <c r="H50569" s="12"/>
    </row>
    <row r="50570" spans="8:8">
      <c r="H50570" s="12"/>
    </row>
    <row r="50571" spans="8:8">
      <c r="H50571" s="12"/>
    </row>
    <row r="50572" spans="8:8">
      <c r="H50572" s="12"/>
    </row>
    <row r="50573" spans="8:8">
      <c r="H50573" s="12"/>
    </row>
    <row r="50574" spans="8:8">
      <c r="H50574" s="12"/>
    </row>
    <row r="50575" spans="8:8">
      <c r="H50575" s="12"/>
    </row>
    <row r="50576" spans="8:8">
      <c r="H50576" s="12"/>
    </row>
    <row r="50577" spans="8:8">
      <c r="H50577" s="12"/>
    </row>
    <row r="50578" spans="8:8">
      <c r="H50578" s="12"/>
    </row>
    <row r="50579" spans="8:8">
      <c r="H50579" s="12"/>
    </row>
    <row r="50580" spans="8:8">
      <c r="H50580" s="12"/>
    </row>
    <row r="50581" spans="8:8">
      <c r="H50581" s="12"/>
    </row>
    <row r="50582" spans="8:8">
      <c r="H50582" s="12"/>
    </row>
    <row r="50583" spans="8:8">
      <c r="H50583" s="12"/>
    </row>
    <row r="50584" spans="8:8">
      <c r="H50584" s="12"/>
    </row>
    <row r="50585" spans="8:8">
      <c r="H50585" s="12"/>
    </row>
    <row r="50586" spans="8:8">
      <c r="H50586" s="12"/>
    </row>
    <row r="50587" spans="8:8">
      <c r="H50587" s="12"/>
    </row>
    <row r="50588" spans="8:8">
      <c r="H50588" s="12"/>
    </row>
    <row r="50589" spans="8:8">
      <c r="H50589" s="12"/>
    </row>
    <row r="50590" spans="8:8">
      <c r="H50590" s="12"/>
    </row>
    <row r="50591" spans="8:8">
      <c r="H50591" s="12"/>
    </row>
    <row r="50592" spans="8:8">
      <c r="H50592" s="12"/>
    </row>
    <row r="50593" spans="8:8">
      <c r="H50593" s="12"/>
    </row>
    <row r="50594" spans="8:8">
      <c r="H50594" s="12"/>
    </row>
    <row r="50595" spans="8:8">
      <c r="H50595" s="12"/>
    </row>
    <row r="50596" spans="8:8">
      <c r="H50596" s="12"/>
    </row>
    <row r="50597" spans="8:8">
      <c r="H50597" s="12"/>
    </row>
    <row r="50598" spans="8:8">
      <c r="H50598" s="12"/>
    </row>
    <row r="50599" spans="8:8">
      <c r="H50599" s="12"/>
    </row>
    <row r="50600" spans="8:8">
      <c r="H50600" s="12"/>
    </row>
    <row r="50601" spans="8:8">
      <c r="H50601" s="12"/>
    </row>
    <row r="50602" spans="8:8">
      <c r="H50602" s="12"/>
    </row>
    <row r="50603" spans="8:8">
      <c r="H50603" s="12"/>
    </row>
    <row r="50604" spans="8:8">
      <c r="H50604" s="12"/>
    </row>
    <row r="50605" spans="8:8">
      <c r="H50605" s="12"/>
    </row>
    <row r="50606" spans="8:8">
      <c r="H50606" s="12"/>
    </row>
    <row r="50607" spans="8:8">
      <c r="H50607" s="12"/>
    </row>
    <row r="50608" spans="8:8">
      <c r="H50608" s="12"/>
    </row>
    <row r="50609" spans="8:8">
      <c r="H50609" s="12"/>
    </row>
    <row r="50610" spans="8:8">
      <c r="H50610" s="12"/>
    </row>
    <row r="50611" spans="8:8">
      <c r="H50611" s="12"/>
    </row>
    <row r="50612" spans="8:8">
      <c r="H50612" s="12"/>
    </row>
    <row r="50613" spans="8:8">
      <c r="H50613" s="12"/>
    </row>
    <row r="50614" spans="8:8">
      <c r="H50614" s="12"/>
    </row>
    <row r="50615" spans="8:8">
      <c r="H50615" s="12"/>
    </row>
    <row r="50616" spans="8:8">
      <c r="H50616" s="12"/>
    </row>
    <row r="50617" spans="8:8">
      <c r="H50617" s="12"/>
    </row>
    <row r="50618" spans="8:8">
      <c r="H50618" s="12"/>
    </row>
    <row r="50619" spans="8:8">
      <c r="H50619" s="12"/>
    </row>
    <row r="50620" spans="8:8">
      <c r="H50620" s="12"/>
    </row>
    <row r="50621" spans="8:8">
      <c r="H50621" s="12"/>
    </row>
    <row r="50622" spans="8:8">
      <c r="H50622" s="12"/>
    </row>
    <row r="50623" spans="8:8">
      <c r="H50623" s="12"/>
    </row>
    <row r="50624" spans="8:8">
      <c r="H50624" s="12"/>
    </row>
    <row r="50625" spans="8:8">
      <c r="H50625" s="12"/>
    </row>
    <row r="50626" spans="8:8">
      <c r="H50626" s="12"/>
    </row>
    <row r="50627" spans="8:8">
      <c r="H50627" s="12"/>
    </row>
    <row r="50628" spans="8:8">
      <c r="H50628" s="12"/>
    </row>
    <row r="50629" spans="8:8">
      <c r="H50629" s="12"/>
    </row>
    <row r="50630" spans="8:8">
      <c r="H50630" s="12"/>
    </row>
    <row r="50631" spans="8:8">
      <c r="H50631" s="12"/>
    </row>
    <row r="50632" spans="8:8">
      <c r="H50632" s="12"/>
    </row>
    <row r="50633" spans="8:8">
      <c r="H50633" s="12"/>
    </row>
    <row r="50634" spans="8:8">
      <c r="H50634" s="12"/>
    </row>
    <row r="50635" spans="8:8">
      <c r="H50635" s="12"/>
    </row>
    <row r="50636" spans="8:8">
      <c r="H50636" s="12"/>
    </row>
    <row r="50637" spans="8:8">
      <c r="H50637" s="12"/>
    </row>
    <row r="50638" spans="8:8">
      <c r="H50638" s="12"/>
    </row>
    <row r="50639" spans="8:8">
      <c r="H50639" s="12"/>
    </row>
    <row r="50640" spans="8:8">
      <c r="H50640" s="12"/>
    </row>
    <row r="50641" spans="8:8">
      <c r="H50641" s="12"/>
    </row>
    <row r="50642" spans="8:8">
      <c r="H50642" s="12"/>
    </row>
    <row r="50643" spans="8:8">
      <c r="H50643" s="12"/>
    </row>
    <row r="50644" spans="8:8">
      <c r="H50644" s="12"/>
    </row>
    <row r="50645" spans="8:8">
      <c r="H50645" s="12"/>
    </row>
    <row r="50646" spans="8:8">
      <c r="H50646" s="12"/>
    </row>
    <row r="50647" spans="8:8">
      <c r="H50647" s="12"/>
    </row>
    <row r="50648" spans="8:8">
      <c r="H50648" s="12"/>
    </row>
    <row r="50649" spans="8:8">
      <c r="H50649" s="12"/>
    </row>
    <row r="50650" spans="8:8">
      <c r="H50650" s="12"/>
    </row>
    <row r="50651" spans="8:8">
      <c r="H50651" s="12"/>
    </row>
    <row r="50652" spans="8:8">
      <c r="H50652" s="12"/>
    </row>
    <row r="50653" spans="8:8">
      <c r="H50653" s="12"/>
    </row>
    <row r="50654" spans="8:8">
      <c r="H50654" s="12"/>
    </row>
    <row r="50655" spans="8:8">
      <c r="H50655" s="12"/>
    </row>
    <row r="50656" spans="8:8">
      <c r="H50656" s="12"/>
    </row>
    <row r="50657" spans="8:8">
      <c r="H50657" s="12"/>
    </row>
    <row r="50658" spans="8:8">
      <c r="H50658" s="12"/>
    </row>
    <row r="50659" spans="8:8">
      <c r="H50659" s="12"/>
    </row>
    <row r="50660" spans="8:8">
      <c r="H50660" s="12"/>
    </row>
    <row r="50661" spans="8:8">
      <c r="H50661" s="12"/>
    </row>
    <row r="50662" spans="8:8">
      <c r="H50662" s="12"/>
    </row>
    <row r="50663" spans="8:8">
      <c r="H50663" s="12"/>
    </row>
    <row r="50664" spans="8:8">
      <c r="H50664" s="12"/>
    </row>
    <row r="50665" spans="8:8">
      <c r="H50665" s="12"/>
    </row>
    <row r="50666" spans="8:8">
      <c r="H50666" s="12"/>
    </row>
    <row r="50667" spans="8:8">
      <c r="H50667" s="12"/>
    </row>
    <row r="50668" spans="8:8">
      <c r="H50668" s="12"/>
    </row>
    <row r="50669" spans="8:8">
      <c r="H50669" s="12"/>
    </row>
    <row r="50670" spans="8:8">
      <c r="H50670" s="12"/>
    </row>
    <row r="50671" spans="8:8">
      <c r="H50671" s="12"/>
    </row>
    <row r="50672" spans="8:8">
      <c r="H50672" s="12"/>
    </row>
    <row r="50673" spans="8:8">
      <c r="H50673" s="12"/>
    </row>
    <row r="50674" spans="8:8">
      <c r="H50674" s="12"/>
    </row>
    <row r="50675" spans="8:8">
      <c r="H50675" s="12"/>
    </row>
    <row r="50676" spans="8:8">
      <c r="H50676" s="12"/>
    </row>
    <row r="50677" spans="8:8">
      <c r="H50677" s="12"/>
    </row>
    <row r="50678" spans="8:8">
      <c r="H50678" s="12"/>
    </row>
    <row r="50679" spans="8:8">
      <c r="H50679" s="12"/>
    </row>
    <row r="50680" spans="8:8">
      <c r="H50680" s="12"/>
    </row>
    <row r="50681" spans="8:8">
      <c r="H50681" s="12"/>
    </row>
    <row r="50682" spans="8:8">
      <c r="H50682" s="12"/>
    </row>
    <row r="50683" spans="8:8">
      <c r="H50683" s="12"/>
    </row>
    <row r="50684" spans="8:8">
      <c r="H50684" s="12"/>
    </row>
    <row r="50685" spans="8:8">
      <c r="H50685" s="12"/>
    </row>
    <row r="50686" spans="8:8">
      <c r="H50686" s="12"/>
    </row>
    <row r="50687" spans="8:8">
      <c r="H50687" s="12"/>
    </row>
    <row r="50688" spans="8:8">
      <c r="H50688" s="12"/>
    </row>
    <row r="50689" spans="8:8">
      <c r="H50689" s="12"/>
    </row>
    <row r="50690" spans="8:8">
      <c r="H50690" s="12"/>
    </row>
    <row r="50691" spans="8:8">
      <c r="H50691" s="12"/>
    </row>
    <row r="50692" spans="8:8">
      <c r="H50692" s="12"/>
    </row>
    <row r="50693" spans="8:8">
      <c r="H50693" s="12"/>
    </row>
    <row r="50694" spans="8:8">
      <c r="H50694" s="12"/>
    </row>
    <row r="50695" spans="8:8">
      <c r="H50695" s="12"/>
    </row>
    <row r="50696" spans="8:8">
      <c r="H50696" s="12"/>
    </row>
    <row r="50697" spans="8:8">
      <c r="H50697" s="12"/>
    </row>
    <row r="50698" spans="8:8">
      <c r="H50698" s="12"/>
    </row>
    <row r="50699" spans="8:8">
      <c r="H50699" s="12"/>
    </row>
    <row r="50700" spans="8:8">
      <c r="H50700" s="12"/>
    </row>
    <row r="50701" spans="8:8">
      <c r="H50701" s="12"/>
    </row>
    <row r="50702" spans="8:8">
      <c r="H50702" s="12"/>
    </row>
    <row r="50703" spans="8:8">
      <c r="H50703" s="12"/>
    </row>
    <row r="50704" spans="8:8">
      <c r="H50704" s="12"/>
    </row>
    <row r="50705" spans="8:8">
      <c r="H50705" s="12"/>
    </row>
    <row r="50706" spans="8:8">
      <c r="H50706" s="12"/>
    </row>
    <row r="50707" spans="8:8">
      <c r="H50707" s="12"/>
    </row>
    <row r="50708" spans="8:8">
      <c r="H50708" s="12"/>
    </row>
    <row r="50709" spans="8:8">
      <c r="H50709" s="12"/>
    </row>
    <row r="50710" spans="8:8">
      <c r="H50710" s="12"/>
    </row>
    <row r="50711" spans="8:8">
      <c r="H50711" s="12"/>
    </row>
    <row r="50712" spans="8:8">
      <c r="H50712" s="12"/>
    </row>
    <row r="50713" spans="8:8">
      <c r="H50713" s="12"/>
    </row>
    <row r="50714" spans="8:8">
      <c r="H50714" s="12"/>
    </row>
    <row r="50715" spans="8:8">
      <c r="H50715" s="12"/>
    </row>
    <row r="50716" spans="8:8">
      <c r="H50716" s="12"/>
    </row>
    <row r="50717" spans="8:8">
      <c r="H50717" s="12"/>
    </row>
    <row r="50718" spans="8:8">
      <c r="H50718" s="12"/>
    </row>
    <row r="50719" spans="8:8">
      <c r="H50719" s="12"/>
    </row>
    <row r="50720" spans="8:8">
      <c r="H50720" s="12"/>
    </row>
    <row r="50721" spans="8:8">
      <c r="H50721" s="12"/>
    </row>
    <row r="50722" spans="8:8">
      <c r="H50722" s="12"/>
    </row>
    <row r="50723" spans="8:8">
      <c r="H50723" s="12"/>
    </row>
    <row r="50724" spans="8:8">
      <c r="H50724" s="12"/>
    </row>
    <row r="50725" spans="8:8">
      <c r="H50725" s="12"/>
    </row>
    <row r="50726" spans="8:8">
      <c r="H50726" s="12"/>
    </row>
    <row r="50727" spans="8:8">
      <c r="H50727" s="12"/>
    </row>
    <row r="50728" spans="8:8">
      <c r="H50728" s="12"/>
    </row>
    <row r="50729" spans="8:8">
      <c r="H50729" s="12"/>
    </row>
    <row r="50730" spans="8:8">
      <c r="H50730" s="12"/>
    </row>
    <row r="50731" spans="8:8">
      <c r="H50731" s="12"/>
    </row>
    <row r="50732" spans="8:8">
      <c r="H50732" s="12"/>
    </row>
    <row r="50733" spans="8:8">
      <c r="H50733" s="12"/>
    </row>
    <row r="50734" spans="8:8">
      <c r="H50734" s="12"/>
    </row>
    <row r="50735" spans="8:8">
      <c r="H50735" s="12"/>
    </row>
    <row r="50736" spans="8:8">
      <c r="H50736" s="12"/>
    </row>
    <row r="50737" spans="8:8">
      <c r="H50737" s="12"/>
    </row>
    <row r="50738" spans="8:8">
      <c r="H50738" s="12"/>
    </row>
    <row r="50739" spans="8:8">
      <c r="H50739" s="12"/>
    </row>
    <row r="50740" spans="8:8">
      <c r="H50740" s="12"/>
    </row>
    <row r="50741" spans="8:8">
      <c r="H50741" s="12"/>
    </row>
    <row r="50742" spans="8:8">
      <c r="H50742" s="12"/>
    </row>
    <row r="50743" spans="8:8">
      <c r="H50743" s="12"/>
    </row>
    <row r="50744" spans="8:8">
      <c r="H50744" s="12"/>
    </row>
    <row r="50745" spans="8:8">
      <c r="H50745" s="12"/>
    </row>
    <row r="50746" spans="8:8">
      <c r="H50746" s="12"/>
    </row>
    <row r="50747" spans="8:8">
      <c r="H50747" s="12"/>
    </row>
    <row r="50748" spans="8:8">
      <c r="H50748" s="12"/>
    </row>
    <row r="50749" spans="8:8">
      <c r="H50749" s="12"/>
    </row>
    <row r="50750" spans="8:8">
      <c r="H50750" s="12"/>
    </row>
    <row r="50751" spans="8:8">
      <c r="H50751" s="12"/>
    </row>
    <row r="50752" spans="8:8">
      <c r="H50752" s="12"/>
    </row>
    <row r="50753" spans="8:8">
      <c r="H50753" s="12"/>
    </row>
    <row r="50754" spans="8:8">
      <c r="H50754" s="12"/>
    </row>
    <row r="50755" spans="8:8">
      <c r="H50755" s="12"/>
    </row>
    <row r="50756" spans="8:8">
      <c r="H50756" s="12"/>
    </row>
    <row r="50757" spans="8:8">
      <c r="H50757" s="12"/>
    </row>
    <row r="50758" spans="8:8">
      <c r="H50758" s="12"/>
    </row>
    <row r="50759" spans="8:8">
      <c r="H50759" s="12"/>
    </row>
    <row r="50760" spans="8:8">
      <c r="H50760" s="12"/>
    </row>
    <row r="50761" spans="8:8">
      <c r="H50761" s="12"/>
    </row>
    <row r="50762" spans="8:8">
      <c r="H50762" s="12"/>
    </row>
    <row r="50763" spans="8:8">
      <c r="H50763" s="12"/>
    </row>
    <row r="50764" spans="8:8">
      <c r="H50764" s="12"/>
    </row>
    <row r="50765" spans="8:8">
      <c r="H50765" s="12"/>
    </row>
    <row r="50766" spans="8:8">
      <c r="H50766" s="12"/>
    </row>
    <row r="50767" spans="8:8">
      <c r="H50767" s="12"/>
    </row>
    <row r="50768" spans="8:8">
      <c r="H50768" s="12"/>
    </row>
    <row r="50769" spans="8:8">
      <c r="H50769" s="12"/>
    </row>
    <row r="50770" spans="8:8">
      <c r="H50770" s="12"/>
    </row>
    <row r="50771" spans="8:8">
      <c r="H50771" s="12"/>
    </row>
    <row r="50772" spans="8:8">
      <c r="H50772" s="12"/>
    </row>
    <row r="50773" spans="8:8">
      <c r="H50773" s="12"/>
    </row>
    <row r="50774" spans="8:8">
      <c r="H50774" s="12"/>
    </row>
    <row r="50775" spans="8:8">
      <c r="H50775" s="12"/>
    </row>
    <row r="50776" spans="8:8">
      <c r="H50776" s="12"/>
    </row>
    <row r="50777" spans="8:8">
      <c r="H50777" s="12"/>
    </row>
    <row r="50778" spans="8:8">
      <c r="H50778" s="12"/>
    </row>
    <row r="50779" spans="8:8">
      <c r="H50779" s="12"/>
    </row>
    <row r="50780" spans="8:8">
      <c r="H50780" s="12"/>
    </row>
    <row r="50781" spans="8:8">
      <c r="H50781" s="12"/>
    </row>
    <row r="50782" spans="8:8">
      <c r="H50782" s="12"/>
    </row>
    <row r="50783" spans="8:8">
      <c r="H50783" s="12"/>
    </row>
    <row r="50784" spans="8:8">
      <c r="H50784" s="12"/>
    </row>
    <row r="50785" spans="8:8">
      <c r="H50785" s="12"/>
    </row>
    <row r="50786" spans="8:8">
      <c r="H50786" s="12"/>
    </row>
    <row r="50787" spans="8:8">
      <c r="H50787" s="12"/>
    </row>
    <row r="50788" spans="8:8">
      <c r="H50788" s="12"/>
    </row>
    <row r="50789" spans="8:8">
      <c r="H50789" s="12"/>
    </row>
    <row r="50790" spans="8:8">
      <c r="H50790" s="12"/>
    </row>
    <row r="50791" spans="8:8">
      <c r="H50791" s="12"/>
    </row>
    <row r="50792" spans="8:8">
      <c r="H50792" s="12"/>
    </row>
    <row r="50793" spans="8:8">
      <c r="H50793" s="12"/>
    </row>
    <row r="50794" spans="8:8">
      <c r="H50794" s="12"/>
    </row>
    <row r="50795" spans="8:8">
      <c r="H50795" s="12"/>
    </row>
    <row r="50796" spans="8:8">
      <c r="H50796" s="12"/>
    </row>
    <row r="50797" spans="8:8">
      <c r="H50797" s="12"/>
    </row>
    <row r="50798" spans="8:8">
      <c r="H50798" s="12"/>
    </row>
    <row r="50799" spans="8:8">
      <c r="H50799" s="12"/>
    </row>
    <row r="50800" spans="8:8">
      <c r="H50800" s="12"/>
    </row>
    <row r="50801" spans="8:8">
      <c r="H50801" s="12"/>
    </row>
    <row r="50802" spans="8:8">
      <c r="H50802" s="12"/>
    </row>
    <row r="50803" spans="8:8">
      <c r="H50803" s="12"/>
    </row>
    <row r="50804" spans="8:8">
      <c r="H50804" s="12"/>
    </row>
    <row r="50805" spans="8:8">
      <c r="H50805" s="12"/>
    </row>
    <row r="50806" spans="8:8">
      <c r="H50806" s="12"/>
    </row>
    <row r="50807" spans="8:8">
      <c r="H50807" s="12"/>
    </row>
    <row r="50808" spans="8:8">
      <c r="H50808" s="12"/>
    </row>
    <row r="50809" spans="8:8">
      <c r="H50809" s="12"/>
    </row>
    <row r="50810" spans="8:8">
      <c r="H50810" s="12"/>
    </row>
    <row r="50811" spans="8:8">
      <c r="H50811" s="12"/>
    </row>
    <row r="50812" spans="8:8">
      <c r="H50812" s="12"/>
    </row>
    <row r="50813" spans="8:8">
      <c r="H50813" s="12"/>
    </row>
    <row r="50814" spans="8:8">
      <c r="H50814" s="12"/>
    </row>
    <row r="50815" spans="8:8">
      <c r="H50815" s="12"/>
    </row>
    <row r="50816" spans="8:8">
      <c r="H50816" s="12"/>
    </row>
    <row r="50817" spans="8:8">
      <c r="H50817" s="12"/>
    </row>
    <row r="50818" spans="8:8">
      <c r="H50818" s="12"/>
    </row>
    <row r="50819" spans="8:8">
      <c r="H50819" s="12"/>
    </row>
    <row r="50820" spans="8:8">
      <c r="H50820" s="12"/>
    </row>
    <row r="50821" spans="8:8">
      <c r="H50821" s="12"/>
    </row>
    <row r="50822" spans="8:8">
      <c r="H50822" s="12"/>
    </row>
    <row r="50823" spans="8:8">
      <c r="H50823" s="12"/>
    </row>
    <row r="50824" spans="8:8">
      <c r="H50824" s="12"/>
    </row>
    <row r="50825" spans="8:8">
      <c r="H50825" s="12"/>
    </row>
    <row r="50826" spans="8:8">
      <c r="H50826" s="12"/>
    </row>
    <row r="50827" spans="8:8">
      <c r="H50827" s="12"/>
    </row>
    <row r="50828" spans="8:8">
      <c r="H50828" s="12"/>
    </row>
    <row r="50829" spans="8:8">
      <c r="H50829" s="12"/>
    </row>
    <row r="50830" spans="8:8">
      <c r="H50830" s="12"/>
    </row>
    <row r="50831" spans="8:8">
      <c r="H50831" s="12"/>
    </row>
    <row r="50832" spans="8:8">
      <c r="H50832" s="12"/>
    </row>
    <row r="50833" spans="8:8">
      <c r="H50833" s="12"/>
    </row>
    <row r="50834" spans="8:8">
      <c r="H50834" s="12"/>
    </row>
    <row r="50835" spans="8:8">
      <c r="H50835" s="12"/>
    </row>
    <row r="50836" spans="8:8">
      <c r="H50836" s="12"/>
    </row>
    <row r="50837" spans="8:8">
      <c r="H50837" s="12"/>
    </row>
    <row r="50838" spans="8:8">
      <c r="H50838" s="12"/>
    </row>
    <row r="50839" spans="8:8">
      <c r="H50839" s="12"/>
    </row>
    <row r="50840" spans="8:8">
      <c r="H50840" s="12"/>
    </row>
    <row r="50841" spans="8:8">
      <c r="H50841" s="12"/>
    </row>
    <row r="50842" spans="8:8">
      <c r="H50842" s="12"/>
    </row>
    <row r="50843" spans="8:8">
      <c r="H50843" s="12"/>
    </row>
    <row r="50844" spans="8:8">
      <c r="H50844" s="12"/>
    </row>
    <row r="50845" spans="8:8">
      <c r="H50845" s="12"/>
    </row>
    <row r="50846" spans="8:8">
      <c r="H50846" s="12"/>
    </row>
    <row r="50847" spans="8:8">
      <c r="H50847" s="12"/>
    </row>
    <row r="50848" spans="8:8">
      <c r="H50848" s="12"/>
    </row>
    <row r="50849" spans="8:8">
      <c r="H50849" s="12"/>
    </row>
    <row r="50850" spans="8:8">
      <c r="H50850" s="12"/>
    </row>
    <row r="50851" spans="8:8">
      <c r="H50851" s="12"/>
    </row>
    <row r="50852" spans="8:8">
      <c r="H50852" s="12"/>
    </row>
    <row r="50853" spans="8:8">
      <c r="H50853" s="12"/>
    </row>
    <row r="50854" spans="8:8">
      <c r="H50854" s="12"/>
    </row>
    <row r="50855" spans="8:8">
      <c r="H50855" s="12"/>
    </row>
    <row r="50856" spans="8:8">
      <c r="H50856" s="12"/>
    </row>
    <row r="50857" spans="8:8">
      <c r="H50857" s="12"/>
    </row>
    <row r="50858" spans="8:8">
      <c r="H50858" s="12"/>
    </row>
    <row r="50859" spans="8:8">
      <c r="H50859" s="12"/>
    </row>
    <row r="50860" spans="8:8">
      <c r="H50860" s="12"/>
    </row>
    <row r="50861" spans="8:8">
      <c r="H50861" s="12"/>
    </row>
    <row r="50862" spans="8:8">
      <c r="H50862" s="12"/>
    </row>
    <row r="50863" spans="8:8">
      <c r="H50863" s="12"/>
    </row>
    <row r="50864" spans="8:8">
      <c r="H50864" s="12"/>
    </row>
    <row r="50865" spans="8:8">
      <c r="H50865" s="12"/>
    </row>
    <row r="50866" spans="8:8">
      <c r="H50866" s="12"/>
    </row>
    <row r="50867" spans="8:8">
      <c r="H50867" s="12"/>
    </row>
    <row r="50868" spans="8:8">
      <c r="H50868" s="12"/>
    </row>
    <row r="50869" spans="8:8">
      <c r="H50869" s="12"/>
    </row>
    <row r="50870" spans="8:8">
      <c r="H50870" s="12"/>
    </row>
    <row r="50871" spans="8:8">
      <c r="H50871" s="12"/>
    </row>
    <row r="50872" spans="8:8">
      <c r="H50872" s="12"/>
    </row>
    <row r="50873" spans="8:8">
      <c r="H50873" s="12"/>
    </row>
    <row r="50874" spans="8:8">
      <c r="H50874" s="12"/>
    </row>
    <row r="50875" spans="8:8">
      <c r="H50875" s="12"/>
    </row>
    <row r="50876" spans="8:8">
      <c r="H50876" s="12"/>
    </row>
    <row r="50877" spans="8:8">
      <c r="H50877" s="12"/>
    </row>
    <row r="50878" spans="8:8">
      <c r="H50878" s="12"/>
    </row>
    <row r="50879" spans="8:8">
      <c r="H50879" s="12"/>
    </row>
    <row r="50880" spans="8:8">
      <c r="H50880" s="12"/>
    </row>
    <row r="50881" spans="8:8">
      <c r="H50881" s="12"/>
    </row>
    <row r="50882" spans="8:8">
      <c r="H50882" s="12"/>
    </row>
    <row r="50883" spans="8:8">
      <c r="H50883" s="12"/>
    </row>
    <row r="50884" spans="8:8">
      <c r="H50884" s="12"/>
    </row>
    <row r="50885" spans="8:8">
      <c r="H50885" s="12"/>
    </row>
    <row r="50886" spans="8:8">
      <c r="H50886" s="12"/>
    </row>
    <row r="50887" spans="8:8">
      <c r="H50887" s="12"/>
    </row>
    <row r="50888" spans="8:8">
      <c r="H50888" s="12"/>
    </row>
    <row r="50889" spans="8:8">
      <c r="H50889" s="12"/>
    </row>
    <row r="50890" spans="8:8">
      <c r="H50890" s="12"/>
    </row>
    <row r="50891" spans="8:8">
      <c r="H50891" s="12"/>
    </row>
    <row r="50892" spans="8:8">
      <c r="H50892" s="12"/>
    </row>
    <row r="50893" spans="8:8">
      <c r="H50893" s="12"/>
    </row>
    <row r="50894" spans="8:8">
      <c r="H50894" s="12"/>
    </row>
    <row r="50895" spans="8:8">
      <c r="H50895" s="12"/>
    </row>
    <row r="50896" spans="8:8">
      <c r="H50896" s="12"/>
    </row>
    <row r="50897" spans="8:8">
      <c r="H50897" s="12"/>
    </row>
    <row r="50898" spans="8:8">
      <c r="H50898" s="12"/>
    </row>
    <row r="50899" spans="8:8">
      <c r="H50899" s="12"/>
    </row>
    <row r="50900" spans="8:8">
      <c r="H50900" s="12"/>
    </row>
    <row r="50901" spans="8:8">
      <c r="H50901" s="12"/>
    </row>
    <row r="50902" spans="8:8">
      <c r="H50902" s="12"/>
    </row>
    <row r="50903" spans="8:8">
      <c r="H50903" s="12"/>
    </row>
    <row r="50904" spans="8:8">
      <c r="H50904" s="12"/>
    </row>
    <row r="50905" spans="8:8">
      <c r="H50905" s="12"/>
    </row>
    <row r="50906" spans="8:8">
      <c r="H50906" s="12"/>
    </row>
    <row r="50907" spans="8:8">
      <c r="H50907" s="12"/>
    </row>
    <row r="50908" spans="8:8">
      <c r="H50908" s="12"/>
    </row>
    <row r="50909" spans="8:8">
      <c r="H50909" s="12"/>
    </row>
    <row r="50910" spans="8:8">
      <c r="H50910" s="12"/>
    </row>
    <row r="50911" spans="8:8">
      <c r="H50911" s="12"/>
    </row>
    <row r="50912" spans="8:8">
      <c r="H50912" s="12"/>
    </row>
    <row r="50913" spans="8:8">
      <c r="H50913" s="12"/>
    </row>
    <row r="50914" spans="8:8">
      <c r="H50914" s="12"/>
    </row>
    <row r="50915" spans="8:8">
      <c r="H50915" s="12"/>
    </row>
    <row r="50916" spans="8:8">
      <c r="H50916" s="12"/>
    </row>
    <row r="50917" spans="8:8">
      <c r="H50917" s="12"/>
    </row>
    <row r="50918" spans="8:8">
      <c r="H50918" s="12"/>
    </row>
    <row r="50919" spans="8:8">
      <c r="H50919" s="12"/>
    </row>
    <row r="50920" spans="8:8">
      <c r="H50920" s="12"/>
    </row>
    <row r="50921" spans="8:8">
      <c r="H50921" s="12"/>
    </row>
    <row r="50922" spans="8:8">
      <c r="H50922" s="12"/>
    </row>
    <row r="50923" spans="8:8">
      <c r="H50923" s="12"/>
    </row>
    <row r="50924" spans="8:8">
      <c r="H50924" s="12"/>
    </row>
    <row r="50925" spans="8:8">
      <c r="H50925" s="12"/>
    </row>
    <row r="50926" spans="8:8">
      <c r="H50926" s="12"/>
    </row>
    <row r="50927" spans="8:8">
      <c r="H50927" s="12"/>
    </row>
    <row r="50928" spans="8:8">
      <c r="H50928" s="12"/>
    </row>
    <row r="50929" spans="8:8">
      <c r="H50929" s="12"/>
    </row>
    <row r="50930" spans="8:8">
      <c r="H50930" s="12"/>
    </row>
    <row r="50931" spans="8:8">
      <c r="H50931" s="12"/>
    </row>
    <row r="50932" spans="8:8">
      <c r="H50932" s="12"/>
    </row>
    <row r="50933" spans="8:8">
      <c r="H50933" s="12"/>
    </row>
    <row r="50934" spans="8:8">
      <c r="H50934" s="12"/>
    </row>
    <row r="50935" spans="8:8">
      <c r="H50935" s="12"/>
    </row>
    <row r="50936" spans="8:8">
      <c r="H50936" s="12"/>
    </row>
    <row r="50937" spans="8:8">
      <c r="H50937" s="12"/>
    </row>
    <row r="50938" spans="8:8">
      <c r="H50938" s="12"/>
    </row>
    <row r="50939" spans="8:8">
      <c r="H50939" s="12"/>
    </row>
    <row r="50940" spans="8:8">
      <c r="H50940" s="12"/>
    </row>
    <row r="50941" spans="8:8">
      <c r="H50941" s="12"/>
    </row>
    <row r="50942" spans="8:8">
      <c r="H50942" s="12"/>
    </row>
    <row r="50943" spans="8:8">
      <c r="H50943" s="12"/>
    </row>
    <row r="50944" spans="8:8">
      <c r="H50944" s="12"/>
    </row>
    <row r="50945" spans="8:8">
      <c r="H50945" s="12"/>
    </row>
    <row r="50946" spans="8:8">
      <c r="H50946" s="12"/>
    </row>
    <row r="50947" spans="8:8">
      <c r="H50947" s="12"/>
    </row>
    <row r="50948" spans="8:8">
      <c r="H50948" s="12"/>
    </row>
    <row r="50949" spans="8:8">
      <c r="H50949" s="12"/>
    </row>
    <row r="50950" spans="8:8">
      <c r="H50950" s="12"/>
    </row>
    <row r="50951" spans="8:8">
      <c r="H50951" s="12"/>
    </row>
    <row r="50952" spans="8:8">
      <c r="H50952" s="12"/>
    </row>
    <row r="50953" spans="8:8">
      <c r="H50953" s="12"/>
    </row>
    <row r="50954" spans="8:8">
      <c r="H50954" s="12"/>
    </row>
    <row r="50955" spans="8:8">
      <c r="H50955" s="12"/>
    </row>
    <row r="50956" spans="8:8">
      <c r="H50956" s="12"/>
    </row>
    <row r="50957" spans="8:8">
      <c r="H50957" s="12"/>
    </row>
    <row r="50958" spans="8:8">
      <c r="H50958" s="12"/>
    </row>
    <row r="50959" spans="8:8">
      <c r="H50959" s="12"/>
    </row>
    <row r="50960" spans="8:8">
      <c r="H50960" s="12"/>
    </row>
    <row r="50961" spans="8:8">
      <c r="H50961" s="12"/>
    </row>
    <row r="50962" spans="8:8">
      <c r="H50962" s="12"/>
    </row>
    <row r="50963" spans="8:8">
      <c r="H50963" s="12"/>
    </row>
    <row r="50964" spans="8:8">
      <c r="H50964" s="12"/>
    </row>
    <row r="50965" spans="8:8">
      <c r="H50965" s="12"/>
    </row>
    <row r="50966" spans="8:8">
      <c r="H50966" s="12"/>
    </row>
    <row r="50967" spans="8:8">
      <c r="H50967" s="12"/>
    </row>
    <row r="50968" spans="8:8">
      <c r="H50968" s="12"/>
    </row>
    <row r="50969" spans="8:8">
      <c r="H50969" s="12"/>
    </row>
    <row r="50970" spans="8:8">
      <c r="H50970" s="12"/>
    </row>
    <row r="50971" spans="8:8">
      <c r="H50971" s="12"/>
    </row>
    <row r="50972" spans="8:8">
      <c r="H50972" s="12"/>
    </row>
    <row r="50973" spans="8:8">
      <c r="H50973" s="12"/>
    </row>
    <row r="50974" spans="8:8">
      <c r="H50974" s="12"/>
    </row>
    <row r="50975" spans="8:8">
      <c r="H50975" s="12"/>
    </row>
    <row r="50976" spans="8:8">
      <c r="H50976" s="12"/>
    </row>
    <row r="50977" spans="8:8">
      <c r="H50977" s="12"/>
    </row>
    <row r="50978" spans="8:8">
      <c r="H50978" s="12"/>
    </row>
    <row r="50979" spans="8:8">
      <c r="H50979" s="12"/>
    </row>
    <row r="50980" spans="8:8">
      <c r="H50980" s="12"/>
    </row>
    <row r="50981" spans="8:8">
      <c r="H50981" s="12"/>
    </row>
    <row r="50982" spans="8:8">
      <c r="H50982" s="12"/>
    </row>
    <row r="50983" spans="8:8">
      <c r="H50983" s="12"/>
    </row>
    <row r="50984" spans="8:8">
      <c r="H50984" s="12"/>
    </row>
    <row r="50985" spans="8:8">
      <c r="H50985" s="12"/>
    </row>
    <row r="50986" spans="8:8">
      <c r="H50986" s="12"/>
    </row>
    <row r="50987" spans="8:8">
      <c r="H50987" s="12"/>
    </row>
    <row r="50988" spans="8:8">
      <c r="H50988" s="12"/>
    </row>
    <row r="50989" spans="8:8">
      <c r="H50989" s="12"/>
    </row>
    <row r="50990" spans="8:8">
      <c r="H50990" s="12"/>
    </row>
    <row r="50991" spans="8:8">
      <c r="H50991" s="12"/>
    </row>
    <row r="50992" spans="8:8">
      <c r="H50992" s="12"/>
    </row>
    <row r="50993" spans="8:8">
      <c r="H50993" s="12"/>
    </row>
    <row r="50994" spans="8:8">
      <c r="H50994" s="12"/>
    </row>
    <row r="50995" spans="8:8">
      <c r="H50995" s="12"/>
    </row>
    <row r="50996" spans="8:8">
      <c r="H50996" s="12"/>
    </row>
    <row r="50997" spans="8:8">
      <c r="H50997" s="12"/>
    </row>
    <row r="50998" spans="8:8">
      <c r="H50998" s="12"/>
    </row>
    <row r="50999" spans="8:8">
      <c r="H50999" s="12"/>
    </row>
    <row r="51000" spans="8:8">
      <c r="H51000" s="12"/>
    </row>
    <row r="51001" spans="8:8">
      <c r="H51001" s="12"/>
    </row>
    <row r="51002" spans="8:8">
      <c r="H51002" s="12"/>
    </row>
    <row r="51003" spans="8:8">
      <c r="H51003" s="12"/>
    </row>
    <row r="51004" spans="8:8">
      <c r="H51004" s="12"/>
    </row>
    <row r="51005" spans="8:8">
      <c r="H51005" s="12"/>
    </row>
    <row r="51006" spans="8:8">
      <c r="H51006" s="12"/>
    </row>
    <row r="51007" spans="8:8">
      <c r="H51007" s="12"/>
    </row>
    <row r="51008" spans="8:8">
      <c r="H51008" s="12"/>
    </row>
    <row r="51009" spans="8:8">
      <c r="H51009" s="12"/>
    </row>
    <row r="51010" spans="8:8">
      <c r="H51010" s="12"/>
    </row>
    <row r="51011" spans="8:8">
      <c r="H51011" s="12"/>
    </row>
    <row r="51012" spans="8:8">
      <c r="H51012" s="12"/>
    </row>
    <row r="51013" spans="8:8">
      <c r="H51013" s="12"/>
    </row>
    <row r="51014" spans="8:8">
      <c r="H51014" s="12"/>
    </row>
    <row r="51015" spans="8:8">
      <c r="H51015" s="12"/>
    </row>
    <row r="51016" spans="8:8">
      <c r="H51016" s="12"/>
    </row>
    <row r="51017" spans="8:8">
      <c r="H51017" s="12"/>
    </row>
    <row r="51018" spans="8:8">
      <c r="H51018" s="12"/>
    </row>
    <row r="51019" spans="8:8">
      <c r="H51019" s="12"/>
    </row>
    <row r="51020" spans="8:8">
      <c r="H51020" s="12"/>
    </row>
    <row r="51021" spans="8:8">
      <c r="H51021" s="12"/>
    </row>
    <row r="51022" spans="8:8">
      <c r="H51022" s="12"/>
    </row>
    <row r="51023" spans="8:8">
      <c r="H51023" s="12"/>
    </row>
    <row r="51024" spans="8:8">
      <c r="H51024" s="12"/>
    </row>
    <row r="51025" spans="8:8">
      <c r="H51025" s="12"/>
    </row>
    <row r="51026" spans="8:8">
      <c r="H51026" s="12"/>
    </row>
    <row r="51027" spans="8:8">
      <c r="H51027" s="12"/>
    </row>
    <row r="51028" spans="8:8">
      <c r="H51028" s="12"/>
    </row>
    <row r="51029" spans="8:8">
      <c r="H51029" s="12"/>
    </row>
    <row r="51030" spans="8:8">
      <c r="H51030" s="12"/>
    </row>
    <row r="51031" spans="8:8">
      <c r="H51031" s="12"/>
    </row>
    <row r="51032" spans="8:8">
      <c r="H51032" s="12"/>
    </row>
    <row r="51033" spans="8:8">
      <c r="H51033" s="12"/>
    </row>
    <row r="51034" spans="8:8">
      <c r="H51034" s="12"/>
    </row>
    <row r="51035" spans="8:8">
      <c r="H51035" s="12"/>
    </row>
    <row r="51036" spans="8:8">
      <c r="H51036" s="12"/>
    </row>
    <row r="51037" spans="8:8">
      <c r="H51037" s="12"/>
    </row>
    <row r="51038" spans="8:8">
      <c r="H51038" s="12"/>
    </row>
    <row r="51039" spans="8:8">
      <c r="H51039" s="12"/>
    </row>
    <row r="51040" spans="8:8">
      <c r="H51040" s="12"/>
    </row>
    <row r="51041" spans="8:8">
      <c r="H51041" s="12"/>
    </row>
    <row r="51042" spans="8:8">
      <c r="H51042" s="12"/>
    </row>
    <row r="51043" spans="8:8">
      <c r="H51043" s="12"/>
    </row>
    <row r="51044" spans="8:8">
      <c r="H51044" s="12"/>
    </row>
    <row r="51045" spans="8:8">
      <c r="H51045" s="12"/>
    </row>
    <row r="51046" spans="8:8">
      <c r="H51046" s="12"/>
    </row>
    <row r="51047" spans="8:8">
      <c r="H51047" s="12"/>
    </row>
    <row r="51048" spans="8:8">
      <c r="H51048" s="12"/>
    </row>
    <row r="51049" spans="8:8">
      <c r="H51049" s="12"/>
    </row>
    <row r="51050" spans="8:8">
      <c r="H51050" s="12"/>
    </row>
    <row r="51051" spans="8:8">
      <c r="H51051" s="12"/>
    </row>
    <row r="51052" spans="8:8">
      <c r="H51052" s="12"/>
    </row>
    <row r="51053" spans="8:8">
      <c r="H51053" s="12"/>
    </row>
    <row r="51054" spans="8:8">
      <c r="H51054" s="12"/>
    </row>
    <row r="51055" spans="8:8">
      <c r="H51055" s="12"/>
    </row>
    <row r="51056" spans="8:8">
      <c r="H51056" s="12"/>
    </row>
    <row r="51057" spans="8:8">
      <c r="H51057" s="12"/>
    </row>
    <row r="51058" spans="8:8">
      <c r="H51058" s="12"/>
    </row>
    <row r="51059" spans="8:8">
      <c r="H51059" s="12"/>
    </row>
    <row r="51060" spans="8:8">
      <c r="H51060" s="12"/>
    </row>
    <row r="51061" spans="8:8">
      <c r="H51061" s="12"/>
    </row>
    <row r="51062" spans="8:8">
      <c r="H51062" s="12"/>
    </row>
    <row r="51063" spans="8:8">
      <c r="H51063" s="12"/>
    </row>
    <row r="51064" spans="8:8">
      <c r="H51064" s="12"/>
    </row>
    <row r="51065" spans="8:8">
      <c r="H51065" s="12"/>
    </row>
    <row r="51066" spans="8:8">
      <c r="H51066" s="12"/>
    </row>
    <row r="51067" spans="8:8">
      <c r="H51067" s="12"/>
    </row>
    <row r="51068" spans="8:8">
      <c r="H51068" s="12"/>
    </row>
    <row r="51069" spans="8:8">
      <c r="H51069" s="12"/>
    </row>
    <row r="51070" spans="8:8">
      <c r="H51070" s="12"/>
    </row>
    <row r="51071" spans="8:8">
      <c r="H51071" s="12"/>
    </row>
    <row r="51072" spans="8:8">
      <c r="H51072" s="12"/>
    </row>
    <row r="51073" spans="8:8">
      <c r="H51073" s="12"/>
    </row>
    <row r="51074" spans="8:8">
      <c r="H51074" s="12"/>
    </row>
    <row r="51075" spans="8:8">
      <c r="H51075" s="12"/>
    </row>
    <row r="51076" spans="8:8">
      <c r="H51076" s="12"/>
    </row>
    <row r="51077" spans="8:8">
      <c r="H51077" s="12"/>
    </row>
    <row r="51078" spans="8:8">
      <c r="H51078" s="12"/>
    </row>
    <row r="51079" spans="8:8">
      <c r="H51079" s="12"/>
    </row>
    <row r="51080" spans="8:8">
      <c r="H51080" s="12"/>
    </row>
    <row r="51081" spans="8:8">
      <c r="H51081" s="12"/>
    </row>
    <row r="51082" spans="8:8">
      <c r="H51082" s="12"/>
    </row>
    <row r="51083" spans="8:8">
      <c r="H51083" s="12"/>
    </row>
    <row r="51084" spans="8:8">
      <c r="H51084" s="12"/>
    </row>
    <row r="51085" spans="8:8">
      <c r="H51085" s="12"/>
    </row>
    <row r="51086" spans="8:8">
      <c r="H51086" s="12"/>
    </row>
    <row r="51087" spans="8:8">
      <c r="H51087" s="12"/>
    </row>
    <row r="51088" spans="8:8">
      <c r="H51088" s="12"/>
    </row>
    <row r="51089" spans="8:8">
      <c r="H51089" s="12"/>
    </row>
    <row r="51090" spans="8:8">
      <c r="H51090" s="12"/>
    </row>
    <row r="51091" spans="8:8">
      <c r="H51091" s="12"/>
    </row>
    <row r="51092" spans="8:8">
      <c r="H51092" s="12"/>
    </row>
    <row r="51093" spans="8:8">
      <c r="H51093" s="12"/>
    </row>
    <row r="51094" spans="8:8">
      <c r="H51094" s="12"/>
    </row>
    <row r="51095" spans="8:8">
      <c r="H51095" s="12"/>
    </row>
    <row r="51096" spans="8:8">
      <c r="H51096" s="12"/>
    </row>
    <row r="51097" spans="8:8">
      <c r="H51097" s="12"/>
    </row>
    <row r="51098" spans="8:8">
      <c r="H51098" s="12"/>
    </row>
    <row r="51099" spans="8:8">
      <c r="H51099" s="12"/>
    </row>
    <row r="51100" spans="8:8">
      <c r="H51100" s="12"/>
    </row>
    <row r="51101" spans="8:8">
      <c r="H51101" s="12"/>
    </row>
    <row r="51102" spans="8:8">
      <c r="H51102" s="12"/>
    </row>
    <row r="51103" spans="8:8">
      <c r="H51103" s="12"/>
    </row>
    <row r="51104" spans="8:8">
      <c r="H51104" s="12"/>
    </row>
    <row r="51105" spans="8:8">
      <c r="H51105" s="12"/>
    </row>
    <row r="51106" spans="8:8">
      <c r="H51106" s="12"/>
    </row>
    <row r="51107" spans="8:8">
      <c r="H51107" s="12"/>
    </row>
    <row r="51108" spans="8:8">
      <c r="H51108" s="12"/>
    </row>
    <row r="51109" spans="8:8">
      <c r="H51109" s="12"/>
    </row>
    <row r="51110" spans="8:8">
      <c r="H51110" s="12"/>
    </row>
    <row r="51111" spans="8:8">
      <c r="H51111" s="12"/>
    </row>
    <row r="51112" spans="8:8">
      <c r="H51112" s="12"/>
    </row>
    <row r="51113" spans="8:8">
      <c r="H51113" s="12"/>
    </row>
    <row r="51114" spans="8:8">
      <c r="H51114" s="12"/>
    </row>
    <row r="51115" spans="8:8">
      <c r="H51115" s="12"/>
    </row>
    <row r="51116" spans="8:8">
      <c r="H51116" s="12"/>
    </row>
    <row r="51117" spans="8:8">
      <c r="H51117" s="12"/>
    </row>
    <row r="51118" spans="8:8">
      <c r="H51118" s="12"/>
    </row>
    <row r="51119" spans="8:8">
      <c r="H51119" s="12"/>
    </row>
    <row r="51120" spans="8:8">
      <c r="H51120" s="12"/>
    </row>
    <row r="51121" spans="8:8">
      <c r="H51121" s="12"/>
    </row>
    <row r="51122" spans="8:8">
      <c r="H51122" s="12"/>
    </row>
    <row r="51123" spans="8:8">
      <c r="H51123" s="12"/>
    </row>
    <row r="51124" spans="8:8">
      <c r="H51124" s="12"/>
    </row>
    <row r="51125" spans="8:8">
      <c r="H51125" s="12"/>
    </row>
    <row r="51126" spans="8:8">
      <c r="H51126" s="12"/>
    </row>
    <row r="51127" spans="8:8">
      <c r="H51127" s="12"/>
    </row>
    <row r="51128" spans="8:8">
      <c r="H51128" s="12"/>
    </row>
    <row r="51129" spans="8:8">
      <c r="H51129" s="12"/>
    </row>
    <row r="51130" spans="8:8">
      <c r="H51130" s="12"/>
    </row>
    <row r="51131" spans="8:8">
      <c r="H51131" s="12"/>
    </row>
    <row r="51132" spans="8:8">
      <c r="H51132" s="12"/>
    </row>
    <row r="51133" spans="8:8">
      <c r="H51133" s="12"/>
    </row>
    <row r="51134" spans="8:8">
      <c r="H51134" s="12"/>
    </row>
    <row r="51135" spans="8:8">
      <c r="H51135" s="12"/>
    </row>
    <row r="51136" spans="8:8">
      <c r="H51136" s="12"/>
    </row>
    <row r="51137" spans="8:8">
      <c r="H51137" s="12"/>
    </row>
    <row r="51138" spans="8:8">
      <c r="H51138" s="12"/>
    </row>
    <row r="51139" spans="8:8">
      <c r="H51139" s="12"/>
    </row>
    <row r="51140" spans="8:8">
      <c r="H51140" s="12"/>
    </row>
    <row r="51141" spans="8:8">
      <c r="H51141" s="12"/>
    </row>
    <row r="51142" spans="8:8">
      <c r="H51142" s="12"/>
    </row>
    <row r="51143" spans="8:8">
      <c r="H51143" s="12"/>
    </row>
    <row r="51144" spans="8:8">
      <c r="H51144" s="12"/>
    </row>
    <row r="51145" spans="8:8">
      <c r="H51145" s="12"/>
    </row>
    <row r="51146" spans="8:8">
      <c r="H51146" s="12"/>
    </row>
    <row r="51147" spans="8:8">
      <c r="H51147" s="12"/>
    </row>
    <row r="51148" spans="8:8">
      <c r="H51148" s="12"/>
    </row>
    <row r="51149" spans="8:8">
      <c r="H51149" s="12"/>
    </row>
    <row r="51150" spans="8:8">
      <c r="H51150" s="12"/>
    </row>
    <row r="51151" spans="8:8">
      <c r="H51151" s="12"/>
    </row>
    <row r="51152" spans="8:8">
      <c r="H51152" s="12"/>
    </row>
    <row r="51153" spans="8:8">
      <c r="H51153" s="12"/>
    </row>
    <row r="51154" spans="8:8">
      <c r="H51154" s="12"/>
    </row>
    <row r="51155" spans="8:8">
      <c r="H51155" s="12"/>
    </row>
    <row r="51156" spans="8:8">
      <c r="H51156" s="12"/>
    </row>
    <row r="51157" spans="8:8">
      <c r="H51157" s="12"/>
    </row>
    <row r="51158" spans="8:8">
      <c r="H51158" s="12"/>
    </row>
    <row r="51159" spans="8:8">
      <c r="H51159" s="12"/>
    </row>
    <row r="51160" spans="8:8">
      <c r="H51160" s="12"/>
    </row>
    <row r="51161" spans="8:8">
      <c r="H51161" s="12"/>
    </row>
    <row r="51162" spans="8:8">
      <c r="H51162" s="12"/>
    </row>
    <row r="51163" spans="8:8">
      <c r="H51163" s="12"/>
    </row>
    <row r="51164" spans="8:8">
      <c r="H51164" s="12"/>
    </row>
    <row r="51165" spans="8:8">
      <c r="H51165" s="12"/>
    </row>
    <row r="51166" spans="8:8">
      <c r="H51166" s="12"/>
    </row>
    <row r="51167" spans="8:8">
      <c r="H51167" s="12"/>
    </row>
    <row r="51168" spans="8:8">
      <c r="H51168" s="12"/>
    </row>
    <row r="51169" spans="8:8">
      <c r="H51169" s="12"/>
    </row>
    <row r="51170" spans="8:8">
      <c r="H51170" s="12"/>
    </row>
    <row r="51171" spans="8:8">
      <c r="H51171" s="12"/>
    </row>
    <row r="51172" spans="8:8">
      <c r="H51172" s="12"/>
    </row>
    <row r="51173" spans="8:8">
      <c r="H51173" s="12"/>
    </row>
    <row r="51174" spans="8:8">
      <c r="H51174" s="12"/>
    </row>
    <row r="51175" spans="8:8">
      <c r="H51175" s="12"/>
    </row>
    <row r="51176" spans="8:8">
      <c r="H51176" s="12"/>
    </row>
    <row r="51177" spans="8:8">
      <c r="H51177" s="12"/>
    </row>
    <row r="51178" spans="8:8">
      <c r="H51178" s="12"/>
    </row>
    <row r="51179" spans="8:8">
      <c r="H51179" s="12"/>
    </row>
    <row r="51180" spans="8:8">
      <c r="H51180" s="12"/>
    </row>
    <row r="51181" spans="8:8">
      <c r="H51181" s="12"/>
    </row>
    <row r="51182" spans="8:8">
      <c r="H51182" s="12"/>
    </row>
    <row r="51183" spans="8:8">
      <c r="H51183" s="12"/>
    </row>
    <row r="51184" spans="8:8">
      <c r="H51184" s="12"/>
    </row>
    <row r="51185" spans="8:8">
      <c r="H51185" s="12"/>
    </row>
    <row r="51186" spans="8:8">
      <c r="H51186" s="12"/>
    </row>
    <row r="51187" spans="8:8">
      <c r="H51187" s="12"/>
    </row>
    <row r="51188" spans="8:8">
      <c r="H51188" s="12"/>
    </row>
    <row r="51189" spans="8:8">
      <c r="H51189" s="12"/>
    </row>
    <row r="51190" spans="8:8">
      <c r="H51190" s="12"/>
    </row>
    <row r="51191" spans="8:8">
      <c r="H51191" s="12"/>
    </row>
    <row r="51192" spans="8:8">
      <c r="H51192" s="12"/>
    </row>
    <row r="51193" spans="8:8">
      <c r="H51193" s="12"/>
    </row>
    <row r="51194" spans="8:8">
      <c r="H51194" s="12"/>
    </row>
    <row r="51195" spans="8:8">
      <c r="H51195" s="12"/>
    </row>
    <row r="51196" spans="8:8">
      <c r="H51196" s="12"/>
    </row>
    <row r="51197" spans="8:8">
      <c r="H51197" s="12"/>
    </row>
    <row r="51198" spans="8:8">
      <c r="H51198" s="12"/>
    </row>
    <row r="51199" spans="8:8">
      <c r="H51199" s="12"/>
    </row>
    <row r="51200" spans="8:8">
      <c r="H51200" s="12"/>
    </row>
    <row r="51201" spans="8:8">
      <c r="H51201" s="12"/>
    </row>
    <row r="51202" spans="8:8">
      <c r="H51202" s="12"/>
    </row>
    <row r="51203" spans="8:8">
      <c r="H51203" s="12"/>
    </row>
    <row r="51204" spans="8:8">
      <c r="H51204" s="12"/>
    </row>
    <row r="51205" spans="8:8">
      <c r="H51205" s="12"/>
    </row>
    <row r="51206" spans="8:8">
      <c r="H51206" s="12"/>
    </row>
    <row r="51207" spans="8:8">
      <c r="H51207" s="12"/>
    </row>
    <row r="51208" spans="8:8">
      <c r="H51208" s="12"/>
    </row>
    <row r="51209" spans="8:8">
      <c r="H51209" s="12"/>
    </row>
    <row r="51210" spans="8:8">
      <c r="H51210" s="12"/>
    </row>
    <row r="51211" spans="8:8">
      <c r="H51211" s="12"/>
    </row>
    <row r="51212" spans="8:8">
      <c r="H51212" s="12"/>
    </row>
    <row r="51213" spans="8:8">
      <c r="H51213" s="12"/>
    </row>
    <row r="51214" spans="8:8">
      <c r="H51214" s="12"/>
    </row>
    <row r="51215" spans="8:8">
      <c r="H51215" s="12"/>
    </row>
    <row r="51216" spans="8:8">
      <c r="H51216" s="12"/>
    </row>
    <row r="51217" spans="8:8">
      <c r="H51217" s="12"/>
    </row>
    <row r="51218" spans="8:8">
      <c r="H51218" s="12"/>
    </row>
    <row r="51219" spans="8:8">
      <c r="H51219" s="12"/>
    </row>
    <row r="51220" spans="8:8">
      <c r="H51220" s="12"/>
    </row>
    <row r="51221" spans="8:8">
      <c r="H51221" s="12"/>
    </row>
    <row r="51222" spans="8:8">
      <c r="H51222" s="12"/>
    </row>
    <row r="51223" spans="8:8">
      <c r="H51223" s="12"/>
    </row>
    <row r="51224" spans="8:8">
      <c r="H51224" s="12"/>
    </row>
    <row r="51225" spans="8:8">
      <c r="H51225" s="12"/>
    </row>
    <row r="51226" spans="8:8">
      <c r="H51226" s="12"/>
    </row>
    <row r="51227" spans="8:8">
      <c r="H51227" s="12"/>
    </row>
    <row r="51228" spans="8:8">
      <c r="H51228" s="12"/>
    </row>
    <row r="51229" spans="8:8">
      <c r="H51229" s="12"/>
    </row>
    <row r="51230" spans="8:8">
      <c r="H51230" s="12"/>
    </row>
    <row r="51231" spans="8:8">
      <c r="H51231" s="12"/>
    </row>
    <row r="51232" spans="8:8">
      <c r="H51232" s="12"/>
    </row>
    <row r="51233" spans="8:8">
      <c r="H51233" s="12"/>
    </row>
    <row r="51234" spans="8:8">
      <c r="H51234" s="12"/>
    </row>
    <row r="51235" spans="8:8">
      <c r="H51235" s="12"/>
    </row>
    <row r="51236" spans="8:8">
      <c r="H51236" s="12"/>
    </row>
    <row r="51237" spans="8:8">
      <c r="H51237" s="12"/>
    </row>
    <row r="51238" spans="8:8">
      <c r="H51238" s="12"/>
    </row>
    <row r="51239" spans="8:8">
      <c r="H51239" s="12"/>
    </row>
    <row r="51240" spans="8:8">
      <c r="H51240" s="12"/>
    </row>
    <row r="51241" spans="8:8">
      <c r="H51241" s="12"/>
    </row>
    <row r="51242" spans="8:8">
      <c r="H51242" s="12"/>
    </row>
    <row r="51243" spans="8:8">
      <c r="H51243" s="12"/>
    </row>
    <row r="51244" spans="8:8">
      <c r="H51244" s="12"/>
    </row>
    <row r="51245" spans="8:8">
      <c r="H51245" s="12"/>
    </row>
    <row r="51246" spans="8:8">
      <c r="H51246" s="12"/>
    </row>
    <row r="51247" spans="8:8">
      <c r="H51247" s="12"/>
    </row>
    <row r="51248" spans="8:8">
      <c r="H51248" s="12"/>
    </row>
    <row r="51249" spans="8:8">
      <c r="H51249" s="12"/>
    </row>
    <row r="51250" spans="8:8">
      <c r="H51250" s="12"/>
    </row>
    <row r="51251" spans="8:8">
      <c r="H51251" s="12"/>
    </row>
    <row r="51252" spans="8:8">
      <c r="H51252" s="12"/>
    </row>
    <row r="51253" spans="8:8">
      <c r="H51253" s="12"/>
    </row>
    <row r="51254" spans="8:8">
      <c r="H51254" s="12"/>
    </row>
    <row r="51255" spans="8:8">
      <c r="H51255" s="12"/>
    </row>
    <row r="51256" spans="8:8">
      <c r="H51256" s="12"/>
    </row>
    <row r="51257" spans="8:8">
      <c r="H51257" s="12"/>
    </row>
    <row r="51258" spans="8:8">
      <c r="H51258" s="12"/>
    </row>
    <row r="51259" spans="8:8">
      <c r="H51259" s="12"/>
    </row>
    <row r="51260" spans="8:8">
      <c r="H51260" s="12"/>
    </row>
    <row r="51261" spans="8:8">
      <c r="H51261" s="12"/>
    </row>
    <row r="51262" spans="8:8">
      <c r="H51262" s="12"/>
    </row>
    <row r="51263" spans="8:8">
      <c r="H51263" s="12"/>
    </row>
    <row r="51264" spans="8:8">
      <c r="H51264" s="12"/>
    </row>
    <row r="51265" spans="8:8">
      <c r="H51265" s="12"/>
    </row>
    <row r="51266" spans="8:8">
      <c r="H51266" s="12"/>
    </row>
    <row r="51267" spans="8:8">
      <c r="H51267" s="12"/>
    </row>
    <row r="51268" spans="8:8">
      <c r="H51268" s="12"/>
    </row>
    <row r="51269" spans="8:8">
      <c r="H51269" s="12"/>
    </row>
    <row r="51270" spans="8:8">
      <c r="H51270" s="12"/>
    </row>
    <row r="51271" spans="8:8">
      <c r="H51271" s="12"/>
    </row>
    <row r="51272" spans="8:8">
      <c r="H51272" s="12"/>
    </row>
    <row r="51273" spans="8:8">
      <c r="H51273" s="12"/>
    </row>
    <row r="51274" spans="8:8">
      <c r="H51274" s="12"/>
    </row>
    <row r="51275" spans="8:8">
      <c r="H51275" s="12"/>
    </row>
    <row r="51276" spans="8:8">
      <c r="H51276" s="12"/>
    </row>
    <row r="51277" spans="8:8">
      <c r="H51277" s="12"/>
    </row>
    <row r="51278" spans="8:8">
      <c r="H51278" s="12"/>
    </row>
    <row r="51279" spans="8:8">
      <c r="H51279" s="12"/>
    </row>
    <row r="51280" spans="8:8">
      <c r="H51280" s="12"/>
    </row>
    <row r="51281" spans="8:8">
      <c r="H51281" s="12"/>
    </row>
    <row r="51282" spans="8:8">
      <c r="H51282" s="12"/>
    </row>
    <row r="51283" spans="8:8">
      <c r="H51283" s="12"/>
    </row>
    <row r="51284" spans="8:8">
      <c r="H51284" s="12"/>
    </row>
    <row r="51285" spans="8:8">
      <c r="H51285" s="12"/>
    </row>
    <row r="51286" spans="8:8">
      <c r="H51286" s="12"/>
    </row>
    <row r="51287" spans="8:8">
      <c r="H51287" s="12"/>
    </row>
    <row r="51288" spans="8:8">
      <c r="H51288" s="12"/>
    </row>
    <row r="51289" spans="8:8">
      <c r="H51289" s="12"/>
    </row>
    <row r="51290" spans="8:8">
      <c r="H51290" s="12"/>
    </row>
    <row r="51291" spans="8:8">
      <c r="H51291" s="12"/>
    </row>
    <row r="51292" spans="8:8">
      <c r="H51292" s="12"/>
    </row>
    <row r="51293" spans="8:8">
      <c r="H51293" s="12"/>
    </row>
    <row r="51294" spans="8:8">
      <c r="H51294" s="12"/>
    </row>
    <row r="51295" spans="8:8">
      <c r="H51295" s="12"/>
    </row>
    <row r="51296" spans="8:8">
      <c r="H51296" s="12"/>
    </row>
    <row r="51297" spans="8:8">
      <c r="H51297" s="12"/>
    </row>
    <row r="51298" spans="8:8">
      <c r="H51298" s="12"/>
    </row>
    <row r="51299" spans="8:8">
      <c r="H51299" s="12"/>
    </row>
    <row r="51300" spans="8:8">
      <c r="H51300" s="12"/>
    </row>
    <row r="51301" spans="8:8">
      <c r="H51301" s="12"/>
    </row>
    <row r="51302" spans="8:8">
      <c r="H51302" s="12"/>
    </row>
    <row r="51303" spans="8:8">
      <c r="H51303" s="12"/>
    </row>
    <row r="51304" spans="8:8">
      <c r="H51304" s="12"/>
    </row>
    <row r="51305" spans="8:8">
      <c r="H51305" s="12"/>
    </row>
    <row r="51306" spans="8:8">
      <c r="H51306" s="12"/>
    </row>
    <row r="51307" spans="8:8">
      <c r="H51307" s="12"/>
    </row>
    <row r="51308" spans="8:8">
      <c r="H51308" s="12"/>
    </row>
    <row r="51309" spans="8:8">
      <c r="H51309" s="12"/>
    </row>
    <row r="51310" spans="8:8">
      <c r="H51310" s="12"/>
    </row>
    <row r="51311" spans="8:8">
      <c r="H51311" s="12"/>
    </row>
    <row r="51312" spans="8:8">
      <c r="H51312" s="12"/>
    </row>
    <row r="51313" spans="8:8">
      <c r="H51313" s="12"/>
    </row>
    <row r="51314" spans="8:8">
      <c r="H51314" s="12"/>
    </row>
    <row r="51315" spans="8:8">
      <c r="H51315" s="12"/>
    </row>
    <row r="51316" spans="8:8">
      <c r="H51316" s="12"/>
    </row>
    <row r="51317" spans="8:8">
      <c r="H51317" s="12"/>
    </row>
    <row r="51318" spans="8:8">
      <c r="H51318" s="12"/>
    </row>
    <row r="51319" spans="8:8">
      <c r="H51319" s="12"/>
    </row>
    <row r="51320" spans="8:8">
      <c r="H51320" s="12"/>
    </row>
    <row r="51321" spans="8:8">
      <c r="H51321" s="12"/>
    </row>
    <row r="51322" spans="8:8">
      <c r="H51322" s="12"/>
    </row>
    <row r="51323" spans="8:8">
      <c r="H51323" s="12"/>
    </row>
    <row r="51324" spans="8:8">
      <c r="H51324" s="12"/>
    </row>
    <row r="51325" spans="8:8">
      <c r="H51325" s="12"/>
    </row>
    <row r="51326" spans="8:8">
      <c r="H51326" s="12"/>
    </row>
    <row r="51327" spans="8:8">
      <c r="H51327" s="12"/>
    </row>
    <row r="51328" spans="8:8">
      <c r="H51328" s="12"/>
    </row>
    <row r="51329" spans="8:8">
      <c r="H51329" s="12"/>
    </row>
    <row r="51330" spans="8:8">
      <c r="H51330" s="12"/>
    </row>
    <row r="51331" spans="8:8">
      <c r="H51331" s="12"/>
    </row>
    <row r="51332" spans="8:8">
      <c r="H51332" s="12"/>
    </row>
    <row r="51333" spans="8:8">
      <c r="H51333" s="12"/>
    </row>
    <row r="51334" spans="8:8">
      <c r="H51334" s="12"/>
    </row>
    <row r="51335" spans="8:8">
      <c r="H51335" s="12"/>
    </row>
    <row r="51336" spans="8:8">
      <c r="H51336" s="12"/>
    </row>
    <row r="51337" spans="8:8">
      <c r="H51337" s="12"/>
    </row>
    <row r="51338" spans="8:8">
      <c r="H51338" s="12"/>
    </row>
    <row r="51339" spans="8:8">
      <c r="H51339" s="12"/>
    </row>
    <row r="51340" spans="8:8">
      <c r="H51340" s="12"/>
    </row>
    <row r="51341" spans="8:8">
      <c r="H51341" s="12"/>
    </row>
    <row r="51342" spans="8:8">
      <c r="H51342" s="12"/>
    </row>
    <row r="51343" spans="8:8">
      <c r="H51343" s="12"/>
    </row>
    <row r="51344" spans="8:8">
      <c r="H51344" s="12"/>
    </row>
    <row r="51345" spans="8:8">
      <c r="H51345" s="12"/>
    </row>
    <row r="51346" spans="8:8">
      <c r="H51346" s="12"/>
    </row>
    <row r="51347" spans="8:8">
      <c r="H51347" s="12"/>
    </row>
    <row r="51348" spans="8:8">
      <c r="H51348" s="12"/>
    </row>
    <row r="51349" spans="8:8">
      <c r="H51349" s="12"/>
    </row>
    <row r="51350" spans="8:8">
      <c r="H51350" s="12"/>
    </row>
    <row r="51351" spans="8:8">
      <c r="H51351" s="12"/>
    </row>
    <row r="51352" spans="8:8">
      <c r="H51352" s="12"/>
    </row>
    <row r="51353" spans="8:8">
      <c r="H51353" s="12"/>
    </row>
    <row r="51354" spans="8:8">
      <c r="H51354" s="12"/>
    </row>
    <row r="51355" spans="8:8">
      <c r="H51355" s="12"/>
    </row>
    <row r="51356" spans="8:8">
      <c r="H51356" s="12"/>
    </row>
    <row r="51357" spans="8:8">
      <c r="H51357" s="12"/>
    </row>
    <row r="51358" spans="8:8">
      <c r="H51358" s="12"/>
    </row>
    <row r="51359" spans="8:8">
      <c r="H51359" s="12"/>
    </row>
    <row r="51360" spans="8:8">
      <c r="H51360" s="12"/>
    </row>
    <row r="51361" spans="8:8">
      <c r="H51361" s="12"/>
    </row>
    <row r="51362" spans="8:8">
      <c r="H51362" s="12"/>
    </row>
    <row r="51363" spans="8:8">
      <c r="H51363" s="12"/>
    </row>
    <row r="51364" spans="8:8">
      <c r="H51364" s="12"/>
    </row>
    <row r="51365" spans="8:8">
      <c r="H51365" s="12"/>
    </row>
    <row r="51366" spans="8:8">
      <c r="H51366" s="12"/>
    </row>
    <row r="51367" spans="8:8">
      <c r="H51367" s="12"/>
    </row>
    <row r="51368" spans="8:8">
      <c r="H51368" s="12"/>
    </row>
    <row r="51369" spans="8:8">
      <c r="H51369" s="12"/>
    </row>
    <row r="51370" spans="8:8">
      <c r="H51370" s="12"/>
    </row>
    <row r="51371" spans="8:8">
      <c r="H51371" s="12"/>
    </row>
    <row r="51372" spans="8:8">
      <c r="H51372" s="12"/>
    </row>
    <row r="51373" spans="8:8">
      <c r="H51373" s="12"/>
    </row>
    <row r="51374" spans="8:8">
      <c r="H51374" s="12"/>
    </row>
    <row r="51375" spans="8:8">
      <c r="H51375" s="12"/>
    </row>
    <row r="51376" spans="8:8">
      <c r="H51376" s="12"/>
    </row>
    <row r="51377" spans="8:8">
      <c r="H51377" s="12"/>
    </row>
    <row r="51378" spans="8:8">
      <c r="H51378" s="12"/>
    </row>
    <row r="51379" spans="8:8">
      <c r="H51379" s="12"/>
    </row>
    <row r="51380" spans="8:8">
      <c r="H51380" s="12"/>
    </row>
    <row r="51381" spans="8:8">
      <c r="H51381" s="12"/>
    </row>
    <row r="51382" spans="8:8">
      <c r="H51382" s="12"/>
    </row>
    <row r="51383" spans="8:8">
      <c r="H51383" s="12"/>
    </row>
    <row r="51384" spans="8:8">
      <c r="H51384" s="12"/>
    </row>
    <row r="51385" spans="8:8">
      <c r="H51385" s="12"/>
    </row>
    <row r="51386" spans="8:8">
      <c r="H51386" s="12"/>
    </row>
    <row r="51387" spans="8:8">
      <c r="H51387" s="12"/>
    </row>
    <row r="51388" spans="8:8">
      <c r="H51388" s="12"/>
    </row>
    <row r="51389" spans="8:8">
      <c r="H51389" s="12"/>
    </row>
    <row r="51390" spans="8:8">
      <c r="H51390" s="12"/>
    </row>
    <row r="51391" spans="8:8">
      <c r="H51391" s="12"/>
    </row>
    <row r="51392" spans="8:8">
      <c r="H51392" s="12"/>
    </row>
    <row r="51393" spans="8:8">
      <c r="H51393" s="12"/>
    </row>
    <row r="51394" spans="8:8">
      <c r="H51394" s="12"/>
    </row>
    <row r="51395" spans="8:8">
      <c r="H51395" s="12"/>
    </row>
    <row r="51396" spans="8:8">
      <c r="H51396" s="12"/>
    </row>
    <row r="51397" spans="8:8">
      <c r="H51397" s="12"/>
    </row>
    <row r="51398" spans="8:8">
      <c r="H51398" s="12"/>
    </row>
    <row r="51399" spans="8:8">
      <c r="H51399" s="12"/>
    </row>
    <row r="51400" spans="8:8">
      <c r="H51400" s="12"/>
    </row>
    <row r="51401" spans="8:8">
      <c r="H51401" s="12"/>
    </row>
    <row r="51402" spans="8:8">
      <c r="H51402" s="12"/>
    </row>
    <row r="51403" spans="8:8">
      <c r="H51403" s="12"/>
    </row>
    <row r="51404" spans="8:8">
      <c r="H51404" s="12"/>
    </row>
    <row r="51405" spans="8:8">
      <c r="H51405" s="12"/>
    </row>
    <row r="51406" spans="8:8">
      <c r="H51406" s="12"/>
    </row>
    <row r="51407" spans="8:8">
      <c r="H51407" s="12"/>
    </row>
    <row r="51408" spans="8:8">
      <c r="H51408" s="12"/>
    </row>
    <row r="51409" spans="8:8">
      <c r="H51409" s="12"/>
    </row>
    <row r="51410" spans="8:8">
      <c r="H51410" s="12"/>
    </row>
    <row r="51411" spans="8:8">
      <c r="H51411" s="12"/>
    </row>
    <row r="51412" spans="8:8">
      <c r="H51412" s="12"/>
    </row>
    <row r="51413" spans="8:8">
      <c r="H51413" s="12"/>
    </row>
    <row r="51414" spans="8:8">
      <c r="H51414" s="12"/>
    </row>
    <row r="51415" spans="8:8">
      <c r="H51415" s="12"/>
    </row>
    <row r="51416" spans="8:8">
      <c r="H51416" s="12"/>
    </row>
    <row r="51417" spans="8:8">
      <c r="H51417" s="12"/>
    </row>
    <row r="51418" spans="8:8">
      <c r="H51418" s="12"/>
    </row>
    <row r="51419" spans="8:8">
      <c r="H51419" s="12"/>
    </row>
    <row r="51420" spans="8:8">
      <c r="H51420" s="12"/>
    </row>
    <row r="51421" spans="8:8">
      <c r="H51421" s="12"/>
    </row>
    <row r="51422" spans="8:8">
      <c r="H51422" s="12"/>
    </row>
    <row r="51423" spans="8:8">
      <c r="H51423" s="12"/>
    </row>
    <row r="51424" spans="8:8">
      <c r="H51424" s="12"/>
    </row>
    <row r="51425" spans="8:8">
      <c r="H51425" s="12"/>
    </row>
    <row r="51426" spans="8:8">
      <c r="H51426" s="12"/>
    </row>
    <row r="51427" spans="8:8">
      <c r="H51427" s="12"/>
    </row>
    <row r="51428" spans="8:8">
      <c r="H51428" s="12"/>
    </row>
    <row r="51429" spans="8:8">
      <c r="H51429" s="12"/>
    </row>
    <row r="51430" spans="8:8">
      <c r="H51430" s="12"/>
    </row>
    <row r="51431" spans="8:8">
      <c r="H51431" s="12"/>
    </row>
    <row r="51432" spans="8:8">
      <c r="H51432" s="12"/>
    </row>
    <row r="51433" spans="8:8">
      <c r="H51433" s="12"/>
    </row>
    <row r="51434" spans="8:8">
      <c r="H51434" s="12"/>
    </row>
    <row r="51435" spans="8:8">
      <c r="H51435" s="12"/>
    </row>
    <row r="51436" spans="8:8">
      <c r="H51436" s="12"/>
    </row>
    <row r="51437" spans="8:8">
      <c r="H51437" s="12"/>
    </row>
    <row r="51438" spans="8:8">
      <c r="H51438" s="12"/>
    </row>
    <row r="51439" spans="8:8">
      <c r="H51439" s="12"/>
    </row>
    <row r="51440" spans="8:8">
      <c r="H51440" s="12"/>
    </row>
    <row r="51441" spans="8:8">
      <c r="H51441" s="12"/>
    </row>
    <row r="51442" spans="8:8">
      <c r="H51442" s="12"/>
    </row>
    <row r="51443" spans="8:8">
      <c r="H51443" s="12"/>
    </row>
    <row r="51444" spans="8:8">
      <c r="H51444" s="12"/>
    </row>
    <row r="51445" spans="8:8">
      <c r="H51445" s="12"/>
    </row>
    <row r="51446" spans="8:8">
      <c r="H51446" s="12"/>
    </row>
    <row r="51447" spans="8:8">
      <c r="H51447" s="12"/>
    </row>
    <row r="51448" spans="8:8">
      <c r="H51448" s="12"/>
    </row>
    <row r="51449" spans="8:8">
      <c r="H51449" s="12"/>
    </row>
    <row r="51450" spans="8:8">
      <c r="H51450" s="12"/>
    </row>
    <row r="51451" spans="8:8">
      <c r="H51451" s="12"/>
    </row>
    <row r="51452" spans="8:8">
      <c r="H51452" s="12"/>
    </row>
    <row r="51453" spans="8:8">
      <c r="H51453" s="12"/>
    </row>
    <row r="51454" spans="8:8">
      <c r="H51454" s="12"/>
    </row>
    <row r="51455" spans="8:8">
      <c r="H51455" s="12"/>
    </row>
    <row r="51456" spans="8:8">
      <c r="H51456" s="12"/>
    </row>
    <row r="51457" spans="8:8">
      <c r="H51457" s="12"/>
    </row>
    <row r="51458" spans="8:8">
      <c r="H51458" s="12"/>
    </row>
    <row r="51459" spans="8:8">
      <c r="H51459" s="12"/>
    </row>
    <row r="51460" spans="8:8">
      <c r="H51460" s="12"/>
    </row>
    <row r="51461" spans="8:8">
      <c r="H51461" s="12"/>
    </row>
    <row r="51462" spans="8:8">
      <c r="H51462" s="12"/>
    </row>
    <row r="51463" spans="8:8">
      <c r="H51463" s="12"/>
    </row>
    <row r="51464" spans="8:8">
      <c r="H51464" s="12"/>
    </row>
    <row r="51465" spans="8:8">
      <c r="H51465" s="12"/>
    </row>
    <row r="51466" spans="8:8">
      <c r="H51466" s="12"/>
    </row>
    <row r="51467" spans="8:8">
      <c r="H51467" s="12"/>
    </row>
    <row r="51468" spans="8:8">
      <c r="H51468" s="12"/>
    </row>
    <row r="51469" spans="8:8">
      <c r="H51469" s="12"/>
    </row>
    <row r="51470" spans="8:8">
      <c r="H51470" s="12"/>
    </row>
    <row r="51471" spans="8:8">
      <c r="H51471" s="12"/>
    </row>
    <row r="51472" spans="8:8">
      <c r="H51472" s="12"/>
    </row>
    <row r="51473" spans="8:8">
      <c r="H51473" s="12"/>
    </row>
    <row r="51474" spans="8:8">
      <c r="H51474" s="12"/>
    </row>
    <row r="51475" spans="8:8">
      <c r="H51475" s="12"/>
    </row>
    <row r="51476" spans="8:8">
      <c r="H51476" s="12"/>
    </row>
    <row r="51477" spans="8:8">
      <c r="H51477" s="12"/>
    </row>
    <row r="51478" spans="8:8">
      <c r="H51478" s="12"/>
    </row>
    <row r="51479" spans="8:8">
      <c r="H51479" s="12"/>
    </row>
    <row r="51480" spans="8:8">
      <c r="H51480" s="12"/>
    </row>
    <row r="51481" spans="8:8">
      <c r="H51481" s="12"/>
    </row>
    <row r="51482" spans="8:8">
      <c r="H51482" s="12"/>
    </row>
    <row r="51483" spans="8:8">
      <c r="H51483" s="12"/>
    </row>
    <row r="51484" spans="8:8">
      <c r="H51484" s="12"/>
    </row>
    <row r="51485" spans="8:8">
      <c r="H51485" s="12"/>
    </row>
    <row r="51486" spans="8:8">
      <c r="H51486" s="12"/>
    </row>
    <row r="51487" spans="8:8">
      <c r="H51487" s="12"/>
    </row>
    <row r="51488" spans="8:8">
      <c r="H51488" s="12"/>
    </row>
    <row r="51489" spans="8:8">
      <c r="H51489" s="12"/>
    </row>
    <row r="51490" spans="8:8">
      <c r="H51490" s="12"/>
    </row>
    <row r="51491" spans="8:8">
      <c r="H51491" s="12"/>
    </row>
    <row r="51492" spans="8:8">
      <c r="H51492" s="12"/>
    </row>
    <row r="51493" spans="8:8">
      <c r="H51493" s="12"/>
    </row>
    <row r="51494" spans="8:8">
      <c r="H51494" s="12"/>
    </row>
    <row r="51495" spans="8:8">
      <c r="H51495" s="12"/>
    </row>
    <row r="51496" spans="8:8">
      <c r="H51496" s="12"/>
    </row>
    <row r="51497" spans="8:8">
      <c r="H51497" s="12"/>
    </row>
    <row r="51498" spans="8:8">
      <c r="H51498" s="12"/>
    </row>
    <row r="51499" spans="8:8">
      <c r="H51499" s="12"/>
    </row>
    <row r="51500" spans="8:8">
      <c r="H51500" s="12"/>
    </row>
    <row r="51501" spans="8:8">
      <c r="H51501" s="12"/>
    </row>
    <row r="51502" spans="8:8">
      <c r="H51502" s="12"/>
    </row>
    <row r="51503" spans="8:8">
      <c r="H51503" s="12"/>
    </row>
    <row r="51504" spans="8:8">
      <c r="H51504" s="12"/>
    </row>
    <row r="51505" spans="8:8">
      <c r="H51505" s="12"/>
    </row>
    <row r="51506" spans="8:8">
      <c r="H51506" s="12"/>
    </row>
    <row r="51507" spans="8:8">
      <c r="H51507" s="12"/>
    </row>
    <row r="51508" spans="8:8">
      <c r="H51508" s="12"/>
    </row>
    <row r="51509" spans="8:8">
      <c r="H51509" s="12"/>
    </row>
    <row r="51510" spans="8:8">
      <c r="H51510" s="12"/>
    </row>
    <row r="51511" spans="8:8">
      <c r="H51511" s="12"/>
    </row>
    <row r="51512" spans="8:8">
      <c r="H51512" s="12"/>
    </row>
    <row r="51513" spans="8:8">
      <c r="H51513" s="12"/>
    </row>
    <row r="51514" spans="8:8">
      <c r="H51514" s="12"/>
    </row>
    <row r="51515" spans="8:8">
      <c r="H51515" s="12"/>
    </row>
    <row r="51516" spans="8:8">
      <c r="H51516" s="12"/>
    </row>
    <row r="51517" spans="8:8">
      <c r="H51517" s="12"/>
    </row>
    <row r="51518" spans="8:8">
      <c r="H51518" s="12"/>
    </row>
    <row r="51519" spans="8:8">
      <c r="H51519" s="12"/>
    </row>
    <row r="51520" spans="8:8">
      <c r="H51520" s="12"/>
    </row>
    <row r="51521" spans="8:8">
      <c r="H51521" s="12"/>
    </row>
    <row r="51522" spans="8:8">
      <c r="H51522" s="12"/>
    </row>
    <row r="51523" spans="8:8">
      <c r="H51523" s="12"/>
    </row>
    <row r="51524" spans="8:8">
      <c r="H51524" s="12"/>
    </row>
    <row r="51525" spans="8:8">
      <c r="H51525" s="12"/>
    </row>
    <row r="51526" spans="8:8">
      <c r="H51526" s="12"/>
    </row>
    <row r="51527" spans="8:8">
      <c r="H51527" s="12"/>
    </row>
    <row r="51528" spans="8:8">
      <c r="H51528" s="12"/>
    </row>
    <row r="51529" spans="8:8">
      <c r="H51529" s="12"/>
    </row>
    <row r="51530" spans="8:8">
      <c r="H51530" s="12"/>
    </row>
    <row r="51531" spans="8:8">
      <c r="H51531" s="12"/>
    </row>
    <row r="51532" spans="8:8">
      <c r="H51532" s="12"/>
    </row>
    <row r="51533" spans="8:8">
      <c r="H51533" s="12"/>
    </row>
    <row r="51534" spans="8:8">
      <c r="H51534" s="12"/>
    </row>
    <row r="51535" spans="8:8">
      <c r="H51535" s="12"/>
    </row>
    <row r="51536" spans="8:8">
      <c r="H51536" s="12"/>
    </row>
    <row r="51537" spans="8:8">
      <c r="H51537" s="12"/>
    </row>
    <row r="51538" spans="8:8">
      <c r="H51538" s="12"/>
    </row>
    <row r="51539" spans="8:8">
      <c r="H51539" s="12"/>
    </row>
    <row r="51540" spans="8:8">
      <c r="H51540" s="12"/>
    </row>
    <row r="51541" spans="8:8">
      <c r="H51541" s="12"/>
    </row>
    <row r="51542" spans="8:8">
      <c r="H51542" s="12"/>
    </row>
    <row r="51543" spans="8:8">
      <c r="H51543" s="12"/>
    </row>
    <row r="51544" spans="8:8">
      <c r="H51544" s="12"/>
    </row>
    <row r="51545" spans="8:8">
      <c r="H51545" s="12"/>
    </row>
    <row r="51546" spans="8:8">
      <c r="H51546" s="12"/>
    </row>
    <row r="51547" spans="8:8">
      <c r="H51547" s="12"/>
    </row>
    <row r="51548" spans="8:8">
      <c r="H51548" s="12"/>
    </row>
    <row r="51549" spans="8:8">
      <c r="H51549" s="12"/>
    </row>
    <row r="51550" spans="8:8">
      <c r="H51550" s="12"/>
    </row>
    <row r="51551" spans="8:8">
      <c r="H51551" s="12"/>
    </row>
    <row r="51552" spans="8:8">
      <c r="H51552" s="12"/>
    </row>
    <row r="51553" spans="8:8">
      <c r="H51553" s="12"/>
    </row>
    <row r="51554" spans="8:8">
      <c r="H51554" s="12"/>
    </row>
    <row r="51555" spans="8:8">
      <c r="H51555" s="12"/>
    </row>
    <row r="51556" spans="8:8">
      <c r="H51556" s="12"/>
    </row>
    <row r="51557" spans="8:8">
      <c r="H51557" s="12"/>
    </row>
    <row r="51558" spans="8:8">
      <c r="H51558" s="12"/>
    </row>
    <row r="51559" spans="8:8">
      <c r="H51559" s="12"/>
    </row>
    <row r="51560" spans="8:8">
      <c r="H51560" s="12"/>
    </row>
    <row r="51561" spans="8:8">
      <c r="H51561" s="12"/>
    </row>
    <row r="51562" spans="8:8">
      <c r="H51562" s="12"/>
    </row>
    <row r="51563" spans="8:8">
      <c r="H51563" s="12"/>
    </row>
    <row r="51564" spans="8:8">
      <c r="H51564" s="12"/>
    </row>
    <row r="51565" spans="8:8">
      <c r="H51565" s="12"/>
    </row>
    <row r="51566" spans="8:8">
      <c r="H51566" s="12"/>
    </row>
    <row r="51567" spans="8:8">
      <c r="H51567" s="12"/>
    </row>
    <row r="51568" spans="8:8">
      <c r="H51568" s="12"/>
    </row>
    <row r="51569" spans="8:8">
      <c r="H51569" s="12"/>
    </row>
    <row r="51570" spans="8:8">
      <c r="H51570" s="12"/>
    </row>
    <row r="51571" spans="8:8">
      <c r="H51571" s="12"/>
    </row>
    <row r="51572" spans="8:8">
      <c r="H51572" s="12"/>
    </row>
    <row r="51573" spans="8:8">
      <c r="H51573" s="12"/>
    </row>
    <row r="51574" spans="8:8">
      <c r="H51574" s="12"/>
    </row>
    <row r="51575" spans="8:8">
      <c r="H51575" s="12"/>
    </row>
    <row r="51576" spans="8:8">
      <c r="H51576" s="12"/>
    </row>
    <row r="51577" spans="8:8">
      <c r="H51577" s="12"/>
    </row>
    <row r="51578" spans="8:8">
      <c r="H51578" s="12"/>
    </row>
    <row r="51579" spans="8:8">
      <c r="H51579" s="12"/>
    </row>
    <row r="51580" spans="8:8">
      <c r="H51580" s="12"/>
    </row>
    <row r="51581" spans="8:8">
      <c r="H51581" s="12"/>
    </row>
    <row r="51582" spans="8:8">
      <c r="H51582" s="12"/>
    </row>
    <row r="51583" spans="8:8">
      <c r="H51583" s="12"/>
    </row>
    <row r="51584" spans="8:8">
      <c r="H51584" s="12"/>
    </row>
    <row r="51585" spans="8:8">
      <c r="H51585" s="12"/>
    </row>
    <row r="51586" spans="8:8">
      <c r="H51586" s="12"/>
    </row>
    <row r="51587" spans="8:8">
      <c r="H51587" s="12"/>
    </row>
    <row r="51588" spans="8:8">
      <c r="H51588" s="12"/>
    </row>
    <row r="51589" spans="8:8">
      <c r="H51589" s="12"/>
    </row>
    <row r="51590" spans="8:8">
      <c r="H51590" s="12"/>
    </row>
    <row r="51591" spans="8:8">
      <c r="H51591" s="12"/>
    </row>
    <row r="51592" spans="8:8">
      <c r="H51592" s="12"/>
    </row>
    <row r="51593" spans="8:8">
      <c r="H51593" s="12"/>
    </row>
    <row r="51594" spans="8:8">
      <c r="H51594" s="12"/>
    </row>
    <row r="51595" spans="8:8">
      <c r="H51595" s="12"/>
    </row>
    <row r="51596" spans="8:8">
      <c r="H51596" s="12"/>
    </row>
    <row r="51597" spans="8:8">
      <c r="H51597" s="12"/>
    </row>
    <row r="51598" spans="8:8">
      <c r="H51598" s="12"/>
    </row>
    <row r="51599" spans="8:8">
      <c r="H51599" s="12"/>
    </row>
    <row r="51600" spans="8:8">
      <c r="H51600" s="12"/>
    </row>
    <row r="51601" spans="8:8">
      <c r="H51601" s="12"/>
    </row>
    <row r="51602" spans="8:8">
      <c r="H51602" s="12"/>
    </row>
    <row r="51603" spans="8:8">
      <c r="H51603" s="12"/>
    </row>
    <row r="51604" spans="8:8">
      <c r="H51604" s="12"/>
    </row>
    <row r="51605" spans="8:8">
      <c r="H51605" s="12"/>
    </row>
    <row r="51606" spans="8:8">
      <c r="H51606" s="12"/>
    </row>
    <row r="51607" spans="8:8">
      <c r="H51607" s="12"/>
    </row>
    <row r="51608" spans="8:8">
      <c r="H51608" s="12"/>
    </row>
    <row r="51609" spans="8:8">
      <c r="H51609" s="12"/>
    </row>
    <row r="51610" spans="8:8">
      <c r="H51610" s="12"/>
    </row>
    <row r="51611" spans="8:8">
      <c r="H51611" s="12"/>
    </row>
    <row r="51612" spans="8:8">
      <c r="H51612" s="12"/>
    </row>
    <row r="51613" spans="8:8">
      <c r="H51613" s="12"/>
    </row>
    <row r="51614" spans="8:8">
      <c r="H51614" s="12"/>
    </row>
    <row r="51615" spans="8:8">
      <c r="H51615" s="12"/>
    </row>
    <row r="51616" spans="8:8">
      <c r="H51616" s="12"/>
    </row>
    <row r="51617" spans="8:8">
      <c r="H51617" s="12"/>
    </row>
    <row r="51618" spans="8:8">
      <c r="H51618" s="12"/>
    </row>
    <row r="51619" spans="8:8">
      <c r="H51619" s="12"/>
    </row>
    <row r="51620" spans="8:8">
      <c r="H51620" s="12"/>
    </row>
    <row r="51621" spans="8:8">
      <c r="H51621" s="12"/>
    </row>
    <row r="51622" spans="8:8">
      <c r="H51622" s="12"/>
    </row>
    <row r="51623" spans="8:8">
      <c r="H51623" s="12"/>
    </row>
    <row r="51624" spans="8:8">
      <c r="H51624" s="12"/>
    </row>
    <row r="51625" spans="8:8">
      <c r="H51625" s="12"/>
    </row>
    <row r="51626" spans="8:8">
      <c r="H51626" s="12"/>
    </row>
    <row r="51627" spans="8:8">
      <c r="H51627" s="12"/>
    </row>
    <row r="51628" spans="8:8">
      <c r="H51628" s="12"/>
    </row>
    <row r="51629" spans="8:8">
      <c r="H51629" s="12"/>
    </row>
    <row r="51630" spans="8:8">
      <c r="H51630" s="12"/>
    </row>
    <row r="51631" spans="8:8">
      <c r="H51631" s="12"/>
    </row>
    <row r="51632" spans="8:8">
      <c r="H51632" s="12"/>
    </row>
    <row r="51633" spans="8:8">
      <c r="H51633" s="12"/>
    </row>
    <row r="51634" spans="8:8">
      <c r="H51634" s="12"/>
    </row>
    <row r="51635" spans="8:8">
      <c r="H51635" s="12"/>
    </row>
    <row r="51636" spans="8:8">
      <c r="H51636" s="12"/>
    </row>
    <row r="51637" spans="8:8">
      <c r="H51637" s="12"/>
    </row>
    <row r="51638" spans="8:8">
      <c r="H51638" s="12"/>
    </row>
    <row r="51639" spans="8:8">
      <c r="H51639" s="12"/>
    </row>
    <row r="51640" spans="8:8">
      <c r="H51640" s="12"/>
    </row>
    <row r="51641" spans="8:8">
      <c r="H51641" s="12"/>
    </row>
    <row r="51642" spans="8:8">
      <c r="H51642" s="12"/>
    </row>
    <row r="51643" spans="8:8">
      <c r="H51643" s="12"/>
    </row>
    <row r="51644" spans="8:8">
      <c r="H51644" s="12"/>
    </row>
    <row r="51645" spans="8:8">
      <c r="H51645" s="12"/>
    </row>
    <row r="51646" spans="8:8">
      <c r="H51646" s="12"/>
    </row>
    <row r="51647" spans="8:8">
      <c r="H51647" s="12"/>
    </row>
    <row r="51648" spans="8:8">
      <c r="H51648" s="12"/>
    </row>
    <row r="51649" spans="8:8">
      <c r="H51649" s="12"/>
    </row>
    <row r="51650" spans="8:8">
      <c r="H51650" s="12"/>
    </row>
    <row r="51651" spans="8:8">
      <c r="H51651" s="12"/>
    </row>
    <row r="51652" spans="8:8">
      <c r="H51652" s="12"/>
    </row>
    <row r="51653" spans="8:8">
      <c r="H51653" s="12"/>
    </row>
    <row r="51654" spans="8:8">
      <c r="H51654" s="12"/>
    </row>
    <row r="51655" spans="8:8">
      <c r="H51655" s="12"/>
    </row>
    <row r="51656" spans="8:8">
      <c r="H51656" s="12"/>
    </row>
    <row r="51657" spans="8:8">
      <c r="H51657" s="12"/>
    </row>
    <row r="51658" spans="8:8">
      <c r="H51658" s="12"/>
    </row>
    <row r="51659" spans="8:8">
      <c r="H51659" s="12"/>
    </row>
    <row r="51660" spans="8:8">
      <c r="H51660" s="12"/>
    </row>
    <row r="51661" spans="8:8">
      <c r="H51661" s="12"/>
    </row>
    <row r="51662" spans="8:8">
      <c r="H51662" s="12"/>
    </row>
    <row r="51663" spans="8:8">
      <c r="H51663" s="12"/>
    </row>
    <row r="51664" spans="8:8">
      <c r="H51664" s="12"/>
    </row>
    <row r="51665" spans="8:8">
      <c r="H51665" s="12"/>
    </row>
    <row r="51666" spans="8:8">
      <c r="H51666" s="12"/>
    </row>
    <row r="51667" spans="8:8">
      <c r="H51667" s="12"/>
    </row>
    <row r="51668" spans="8:8">
      <c r="H51668" s="12"/>
    </row>
    <row r="51669" spans="8:8">
      <c r="H51669" s="12"/>
    </row>
    <row r="51670" spans="8:8">
      <c r="H51670" s="12"/>
    </row>
    <row r="51671" spans="8:8">
      <c r="H51671" s="12"/>
    </row>
    <row r="51672" spans="8:8">
      <c r="H51672" s="12"/>
    </row>
    <row r="51673" spans="8:8">
      <c r="H51673" s="12"/>
    </row>
    <row r="51674" spans="8:8">
      <c r="H51674" s="12"/>
    </row>
    <row r="51675" spans="8:8">
      <c r="H51675" s="12"/>
    </row>
    <row r="51676" spans="8:8">
      <c r="H51676" s="12"/>
    </row>
    <row r="51677" spans="8:8">
      <c r="H51677" s="12"/>
    </row>
    <row r="51678" spans="8:8">
      <c r="H51678" s="12"/>
    </row>
    <row r="51679" spans="8:8">
      <c r="H51679" s="12"/>
    </row>
    <row r="51680" spans="8:8">
      <c r="H51680" s="12"/>
    </row>
    <row r="51681" spans="8:8">
      <c r="H51681" s="12"/>
    </row>
    <row r="51682" spans="8:8">
      <c r="H51682" s="12"/>
    </row>
    <row r="51683" spans="8:8">
      <c r="H51683" s="12"/>
    </row>
    <row r="51684" spans="8:8">
      <c r="H51684" s="12"/>
    </row>
    <row r="51685" spans="8:8">
      <c r="H51685" s="12"/>
    </row>
    <row r="51686" spans="8:8">
      <c r="H51686" s="12"/>
    </row>
    <row r="51687" spans="8:8">
      <c r="H51687" s="12"/>
    </row>
    <row r="51688" spans="8:8">
      <c r="H51688" s="12"/>
    </row>
    <row r="51689" spans="8:8">
      <c r="H51689" s="12"/>
    </row>
    <row r="51690" spans="8:8">
      <c r="H51690" s="12"/>
    </row>
    <row r="51691" spans="8:8">
      <c r="H51691" s="12"/>
    </row>
    <row r="51692" spans="8:8">
      <c r="H51692" s="12"/>
    </row>
    <row r="51693" spans="8:8">
      <c r="H51693" s="12"/>
    </row>
    <row r="51694" spans="8:8">
      <c r="H51694" s="12"/>
    </row>
    <row r="51695" spans="8:8">
      <c r="H51695" s="12"/>
    </row>
    <row r="51696" spans="8:8">
      <c r="H51696" s="12"/>
    </row>
    <row r="51697" spans="8:8">
      <c r="H51697" s="12"/>
    </row>
    <row r="51698" spans="8:8">
      <c r="H51698" s="12"/>
    </row>
    <row r="51699" spans="8:8">
      <c r="H51699" s="12"/>
    </row>
    <row r="51700" spans="8:8">
      <c r="H51700" s="12"/>
    </row>
    <row r="51701" spans="8:8">
      <c r="H51701" s="12"/>
    </row>
    <row r="51702" spans="8:8">
      <c r="H51702" s="12"/>
    </row>
    <row r="51703" spans="8:8">
      <c r="H51703" s="12"/>
    </row>
    <row r="51704" spans="8:8">
      <c r="H51704" s="12"/>
    </row>
    <row r="51705" spans="8:8">
      <c r="H51705" s="12"/>
    </row>
    <row r="51706" spans="8:8">
      <c r="H51706" s="12"/>
    </row>
    <row r="51707" spans="8:8">
      <c r="H51707" s="12"/>
    </row>
    <row r="51708" spans="8:8">
      <c r="H51708" s="12"/>
    </row>
    <row r="51709" spans="8:8">
      <c r="H51709" s="12"/>
    </row>
    <row r="51710" spans="8:8">
      <c r="H51710" s="12"/>
    </row>
    <row r="51711" spans="8:8">
      <c r="H51711" s="12"/>
    </row>
    <row r="51712" spans="8:8">
      <c r="H51712" s="12"/>
    </row>
    <row r="51713" spans="8:8">
      <c r="H51713" s="12"/>
    </row>
    <row r="51714" spans="8:8">
      <c r="H51714" s="12"/>
    </row>
    <row r="51715" spans="8:8">
      <c r="H51715" s="12"/>
    </row>
    <row r="51716" spans="8:8">
      <c r="H51716" s="12"/>
    </row>
    <row r="51717" spans="8:8">
      <c r="H51717" s="12"/>
    </row>
    <row r="51718" spans="8:8">
      <c r="H51718" s="12"/>
    </row>
    <row r="51719" spans="8:8">
      <c r="H51719" s="12"/>
    </row>
    <row r="51720" spans="8:8">
      <c r="H51720" s="12"/>
    </row>
    <row r="51721" spans="8:8">
      <c r="H51721" s="12"/>
    </row>
    <row r="51722" spans="8:8">
      <c r="H51722" s="12"/>
    </row>
    <row r="51723" spans="8:8">
      <c r="H51723" s="12"/>
    </row>
    <row r="51724" spans="8:8">
      <c r="H51724" s="12"/>
    </row>
    <row r="51725" spans="8:8">
      <c r="H51725" s="12"/>
    </row>
    <row r="51726" spans="8:8">
      <c r="H51726" s="12"/>
    </row>
    <row r="51727" spans="8:8">
      <c r="H51727" s="12"/>
    </row>
    <row r="51728" spans="8:8">
      <c r="H51728" s="12"/>
    </row>
    <row r="51729" spans="8:8">
      <c r="H51729" s="12"/>
    </row>
    <row r="51730" spans="8:8">
      <c r="H51730" s="12"/>
    </row>
    <row r="51731" spans="8:8">
      <c r="H51731" s="12"/>
    </row>
    <row r="51732" spans="8:8">
      <c r="H51732" s="12"/>
    </row>
    <row r="51733" spans="8:8">
      <c r="H51733" s="12"/>
    </row>
    <row r="51734" spans="8:8">
      <c r="H51734" s="12"/>
    </row>
    <row r="51735" spans="8:8">
      <c r="H51735" s="12"/>
    </row>
    <row r="51736" spans="8:8">
      <c r="H51736" s="12"/>
    </row>
    <row r="51737" spans="8:8">
      <c r="H51737" s="12"/>
    </row>
    <row r="51738" spans="8:8">
      <c r="H51738" s="12"/>
    </row>
    <row r="51739" spans="8:8">
      <c r="H51739" s="12"/>
    </row>
    <row r="51740" spans="8:8">
      <c r="H51740" s="12"/>
    </row>
    <row r="51741" spans="8:8">
      <c r="H51741" s="12"/>
    </row>
    <row r="51742" spans="8:8">
      <c r="H51742" s="12"/>
    </row>
    <row r="51743" spans="8:8">
      <c r="H51743" s="12"/>
    </row>
    <row r="51744" spans="8:8">
      <c r="H51744" s="12"/>
    </row>
    <row r="51745" spans="8:8">
      <c r="H51745" s="12"/>
    </row>
    <row r="51746" spans="8:8">
      <c r="H51746" s="12"/>
    </row>
    <row r="51747" spans="8:8">
      <c r="H51747" s="12"/>
    </row>
    <row r="51748" spans="8:8">
      <c r="H51748" s="12"/>
    </row>
    <row r="51749" spans="8:8">
      <c r="H51749" s="12"/>
    </row>
    <row r="51750" spans="8:8">
      <c r="H51750" s="12"/>
    </row>
    <row r="51751" spans="8:8">
      <c r="H51751" s="12"/>
    </row>
    <row r="51752" spans="8:8">
      <c r="H51752" s="12"/>
    </row>
    <row r="51753" spans="8:8">
      <c r="H51753" s="12"/>
    </row>
    <row r="51754" spans="8:8">
      <c r="H51754" s="12"/>
    </row>
    <row r="51755" spans="8:8">
      <c r="H51755" s="12"/>
    </row>
    <row r="51756" spans="8:8">
      <c r="H51756" s="12"/>
    </row>
    <row r="51757" spans="8:8">
      <c r="H51757" s="12"/>
    </row>
    <row r="51758" spans="8:8">
      <c r="H51758" s="12"/>
    </row>
    <row r="51759" spans="8:8">
      <c r="H51759" s="12"/>
    </row>
    <row r="51760" spans="8:8">
      <c r="H51760" s="12"/>
    </row>
    <row r="51761" spans="8:8">
      <c r="H51761" s="12"/>
    </row>
    <row r="51762" spans="8:8">
      <c r="H51762" s="12"/>
    </row>
    <row r="51763" spans="8:8">
      <c r="H51763" s="12"/>
    </row>
    <row r="51764" spans="8:8">
      <c r="H51764" s="12"/>
    </row>
    <row r="51765" spans="8:8">
      <c r="H51765" s="12"/>
    </row>
    <row r="51766" spans="8:8">
      <c r="H51766" s="12"/>
    </row>
    <row r="51767" spans="8:8">
      <c r="H51767" s="12"/>
    </row>
    <row r="51768" spans="8:8">
      <c r="H51768" s="12"/>
    </row>
    <row r="51769" spans="8:8">
      <c r="H51769" s="12"/>
    </row>
    <row r="51770" spans="8:8">
      <c r="H51770" s="12"/>
    </row>
    <row r="51771" spans="8:8">
      <c r="H51771" s="12"/>
    </row>
    <row r="51772" spans="8:8">
      <c r="H51772" s="12"/>
    </row>
    <row r="51773" spans="8:8">
      <c r="H51773" s="12"/>
    </row>
    <row r="51774" spans="8:8">
      <c r="H51774" s="12"/>
    </row>
    <row r="51775" spans="8:8">
      <c r="H51775" s="12"/>
    </row>
    <row r="51776" spans="8:8">
      <c r="H51776" s="12"/>
    </row>
    <row r="51777" spans="8:8">
      <c r="H51777" s="12"/>
    </row>
    <row r="51778" spans="8:8">
      <c r="H51778" s="12"/>
    </row>
    <row r="51779" spans="8:8">
      <c r="H51779" s="12"/>
    </row>
    <row r="51780" spans="8:8">
      <c r="H51780" s="12"/>
    </row>
    <row r="51781" spans="8:8">
      <c r="H51781" s="12"/>
    </row>
    <row r="51782" spans="8:8">
      <c r="H51782" s="12"/>
    </row>
    <row r="51783" spans="8:8">
      <c r="H51783" s="12"/>
    </row>
    <row r="51784" spans="8:8">
      <c r="H51784" s="12"/>
    </row>
    <row r="51785" spans="8:8">
      <c r="H51785" s="12"/>
    </row>
    <row r="51786" spans="8:8">
      <c r="H51786" s="12"/>
    </row>
    <row r="51787" spans="8:8">
      <c r="H51787" s="12"/>
    </row>
    <row r="51788" spans="8:8">
      <c r="H51788" s="12"/>
    </row>
    <row r="51789" spans="8:8">
      <c r="H51789" s="12"/>
    </row>
    <row r="51790" spans="8:8">
      <c r="H51790" s="12"/>
    </row>
    <row r="51791" spans="8:8">
      <c r="H51791" s="12"/>
    </row>
    <row r="51792" spans="8:8">
      <c r="H51792" s="12"/>
    </row>
    <row r="51793" spans="8:8">
      <c r="H51793" s="12"/>
    </row>
    <row r="51794" spans="8:8">
      <c r="H51794" s="12"/>
    </row>
    <row r="51795" spans="8:8">
      <c r="H51795" s="12"/>
    </row>
    <row r="51796" spans="8:8">
      <c r="H51796" s="12"/>
    </row>
    <row r="51797" spans="8:8">
      <c r="H51797" s="12"/>
    </row>
    <row r="51798" spans="8:8">
      <c r="H51798" s="12"/>
    </row>
    <row r="51799" spans="8:8">
      <c r="H51799" s="12"/>
    </row>
    <row r="51800" spans="8:8">
      <c r="H51800" s="12"/>
    </row>
    <row r="51801" spans="8:8">
      <c r="H51801" s="12"/>
    </row>
    <row r="51802" spans="8:8">
      <c r="H51802" s="12"/>
    </row>
    <row r="51803" spans="8:8">
      <c r="H51803" s="12"/>
    </row>
    <row r="51804" spans="8:8">
      <c r="H51804" s="12"/>
    </row>
    <row r="51805" spans="8:8">
      <c r="H51805" s="12"/>
    </row>
    <row r="51806" spans="8:8">
      <c r="H51806" s="12"/>
    </row>
    <row r="51807" spans="8:8">
      <c r="H51807" s="12"/>
    </row>
    <row r="51808" spans="8:8">
      <c r="H51808" s="12"/>
    </row>
    <row r="51809" spans="8:8">
      <c r="H51809" s="12"/>
    </row>
    <row r="51810" spans="8:8">
      <c r="H51810" s="12"/>
    </row>
    <row r="51811" spans="8:8">
      <c r="H51811" s="12"/>
    </row>
    <row r="51812" spans="8:8">
      <c r="H51812" s="12"/>
    </row>
    <row r="51813" spans="8:8">
      <c r="H51813" s="12"/>
    </row>
    <row r="51814" spans="8:8">
      <c r="H51814" s="12"/>
    </row>
    <row r="51815" spans="8:8">
      <c r="H51815" s="12"/>
    </row>
    <row r="51816" spans="8:8">
      <c r="H51816" s="12"/>
    </row>
    <row r="51817" spans="8:8">
      <c r="H51817" s="12"/>
    </row>
    <row r="51818" spans="8:8">
      <c r="H51818" s="12"/>
    </row>
    <row r="51819" spans="8:8">
      <c r="H51819" s="12"/>
    </row>
    <row r="51820" spans="8:8">
      <c r="H51820" s="12"/>
    </row>
    <row r="51821" spans="8:8">
      <c r="H51821" s="12"/>
    </row>
    <row r="51822" spans="8:8">
      <c r="H51822" s="12"/>
    </row>
    <row r="51823" spans="8:8">
      <c r="H51823" s="12"/>
    </row>
    <row r="51824" spans="8:8">
      <c r="H51824" s="12"/>
    </row>
    <row r="51825" spans="8:8">
      <c r="H51825" s="12"/>
    </row>
    <row r="51826" spans="8:8">
      <c r="H51826" s="12"/>
    </row>
    <row r="51827" spans="8:8">
      <c r="H51827" s="12"/>
    </row>
    <row r="51828" spans="8:8">
      <c r="H51828" s="12"/>
    </row>
    <row r="51829" spans="8:8">
      <c r="H51829" s="12"/>
    </row>
    <row r="51830" spans="8:8">
      <c r="H51830" s="12"/>
    </row>
    <row r="51831" spans="8:8">
      <c r="H51831" s="12"/>
    </row>
    <row r="51832" spans="8:8">
      <c r="H51832" s="12"/>
    </row>
    <row r="51833" spans="8:8">
      <c r="H51833" s="12"/>
    </row>
    <row r="51834" spans="8:8">
      <c r="H51834" s="12"/>
    </row>
    <row r="51835" spans="8:8">
      <c r="H51835" s="12"/>
    </row>
    <row r="51836" spans="8:8">
      <c r="H51836" s="12"/>
    </row>
    <row r="51837" spans="8:8">
      <c r="H51837" s="12"/>
    </row>
    <row r="51838" spans="8:8">
      <c r="H51838" s="12"/>
    </row>
    <row r="51839" spans="8:8">
      <c r="H51839" s="12"/>
    </row>
    <row r="51840" spans="8:8">
      <c r="H51840" s="12"/>
    </row>
    <row r="51841" spans="8:8">
      <c r="H51841" s="12"/>
    </row>
    <row r="51842" spans="8:8">
      <c r="H51842" s="12"/>
    </row>
    <row r="51843" spans="8:8">
      <c r="H51843" s="12"/>
    </row>
    <row r="51844" spans="8:8">
      <c r="H51844" s="12"/>
    </row>
    <row r="51845" spans="8:8">
      <c r="H51845" s="12"/>
    </row>
    <row r="51846" spans="8:8">
      <c r="H51846" s="12"/>
    </row>
    <row r="51847" spans="8:8">
      <c r="H51847" s="12"/>
    </row>
    <row r="51848" spans="8:8">
      <c r="H51848" s="12"/>
    </row>
    <row r="51849" spans="8:8">
      <c r="H51849" s="12"/>
    </row>
    <row r="51850" spans="8:8">
      <c r="H51850" s="12"/>
    </row>
    <row r="51851" spans="8:8">
      <c r="H51851" s="12"/>
    </row>
    <row r="51852" spans="8:8">
      <c r="H51852" s="12"/>
    </row>
    <row r="51853" spans="8:8">
      <c r="H51853" s="12"/>
    </row>
    <row r="51854" spans="8:8">
      <c r="H51854" s="12"/>
    </row>
    <row r="51855" spans="8:8">
      <c r="H51855" s="12"/>
    </row>
    <row r="51856" spans="8:8">
      <c r="H51856" s="12"/>
    </row>
    <row r="51857" spans="8:8">
      <c r="H51857" s="12"/>
    </row>
    <row r="51858" spans="8:8">
      <c r="H51858" s="12"/>
    </row>
    <row r="51859" spans="8:8">
      <c r="H51859" s="12"/>
    </row>
    <row r="51860" spans="8:8">
      <c r="H51860" s="12"/>
    </row>
    <row r="51861" spans="8:8">
      <c r="H51861" s="12"/>
    </row>
    <row r="51862" spans="8:8">
      <c r="H51862" s="12"/>
    </row>
    <row r="51863" spans="8:8">
      <c r="H51863" s="12"/>
    </row>
    <row r="51864" spans="8:8">
      <c r="H51864" s="12"/>
    </row>
    <row r="51865" spans="8:8">
      <c r="H51865" s="12"/>
    </row>
    <row r="51866" spans="8:8">
      <c r="H51866" s="12"/>
    </row>
    <row r="51867" spans="8:8">
      <c r="H51867" s="12"/>
    </row>
    <row r="51868" spans="8:8">
      <c r="H51868" s="12"/>
    </row>
    <row r="51869" spans="8:8">
      <c r="H51869" s="12"/>
    </row>
    <row r="51870" spans="8:8">
      <c r="H51870" s="12"/>
    </row>
    <row r="51871" spans="8:8">
      <c r="H51871" s="12"/>
    </row>
    <row r="51872" spans="8:8">
      <c r="H51872" s="12"/>
    </row>
    <row r="51873" spans="8:8">
      <c r="H51873" s="12"/>
    </row>
    <row r="51874" spans="8:8">
      <c r="H51874" s="12"/>
    </row>
    <row r="51875" spans="8:8">
      <c r="H51875" s="12"/>
    </row>
    <row r="51876" spans="8:8">
      <c r="H51876" s="12"/>
    </row>
    <row r="51877" spans="8:8">
      <c r="H51877" s="12"/>
    </row>
    <row r="51878" spans="8:8">
      <c r="H51878" s="12"/>
    </row>
    <row r="51879" spans="8:8">
      <c r="H51879" s="12"/>
    </row>
    <row r="51880" spans="8:8">
      <c r="H51880" s="12"/>
    </row>
    <row r="51881" spans="8:8">
      <c r="H51881" s="12"/>
    </row>
    <row r="51882" spans="8:8">
      <c r="H51882" s="12"/>
    </row>
    <row r="51883" spans="8:8">
      <c r="H51883" s="12"/>
    </row>
    <row r="51884" spans="8:8">
      <c r="H51884" s="12"/>
    </row>
    <row r="51885" spans="8:8">
      <c r="H51885" s="12"/>
    </row>
    <row r="51886" spans="8:8">
      <c r="H51886" s="12"/>
    </row>
    <row r="51887" spans="8:8">
      <c r="H51887" s="12"/>
    </row>
    <row r="51888" spans="8:8">
      <c r="H51888" s="12"/>
    </row>
    <row r="51889" spans="8:8">
      <c r="H51889" s="12"/>
    </row>
    <row r="51890" spans="8:8">
      <c r="H51890" s="12"/>
    </row>
    <row r="51891" spans="8:8">
      <c r="H51891" s="12"/>
    </row>
    <row r="51892" spans="8:8">
      <c r="H51892" s="12"/>
    </row>
    <row r="51893" spans="8:8">
      <c r="H51893" s="12"/>
    </row>
    <row r="51894" spans="8:8">
      <c r="H51894" s="12"/>
    </row>
    <row r="51895" spans="8:8">
      <c r="H51895" s="12"/>
    </row>
    <row r="51896" spans="8:8">
      <c r="H51896" s="12"/>
    </row>
    <row r="51897" spans="8:8">
      <c r="H51897" s="12"/>
    </row>
    <row r="51898" spans="8:8">
      <c r="H51898" s="12"/>
    </row>
    <row r="51899" spans="8:8">
      <c r="H51899" s="12"/>
    </row>
    <row r="51900" spans="8:8">
      <c r="H51900" s="12"/>
    </row>
    <row r="51901" spans="8:8">
      <c r="H51901" s="12"/>
    </row>
    <row r="51902" spans="8:8">
      <c r="H51902" s="12"/>
    </row>
    <row r="51903" spans="8:8">
      <c r="H51903" s="12"/>
    </row>
    <row r="51904" spans="8:8">
      <c r="H51904" s="12"/>
    </row>
    <row r="51905" spans="8:8">
      <c r="H51905" s="12"/>
    </row>
    <row r="51906" spans="8:8">
      <c r="H51906" s="12"/>
    </row>
    <row r="51907" spans="8:8">
      <c r="H51907" s="12"/>
    </row>
    <row r="51908" spans="8:8">
      <c r="H51908" s="12"/>
    </row>
    <row r="51909" spans="8:8">
      <c r="H51909" s="12"/>
    </row>
    <row r="51910" spans="8:8">
      <c r="H51910" s="12"/>
    </row>
    <row r="51911" spans="8:8">
      <c r="H51911" s="12"/>
    </row>
    <row r="51912" spans="8:8">
      <c r="H51912" s="12"/>
    </row>
    <row r="51913" spans="8:8">
      <c r="H51913" s="12"/>
    </row>
    <row r="51914" spans="8:8">
      <c r="H51914" s="12"/>
    </row>
    <row r="51915" spans="8:8">
      <c r="H51915" s="12"/>
    </row>
    <row r="51916" spans="8:8">
      <c r="H51916" s="12"/>
    </row>
    <row r="51917" spans="8:8">
      <c r="H51917" s="12"/>
    </row>
    <row r="51918" spans="8:8">
      <c r="H51918" s="12"/>
    </row>
    <row r="51919" spans="8:8">
      <c r="H51919" s="12"/>
    </row>
    <row r="51920" spans="8:8">
      <c r="H51920" s="12"/>
    </row>
    <row r="51921" spans="8:8">
      <c r="H51921" s="12"/>
    </row>
    <row r="51922" spans="8:8">
      <c r="H51922" s="12"/>
    </row>
    <row r="51923" spans="8:8">
      <c r="H51923" s="12"/>
    </row>
    <row r="51924" spans="8:8">
      <c r="H51924" s="12"/>
    </row>
    <row r="51925" spans="8:8">
      <c r="H51925" s="12"/>
    </row>
    <row r="51926" spans="8:8">
      <c r="H51926" s="12"/>
    </row>
    <row r="51927" spans="8:8">
      <c r="H51927" s="12"/>
    </row>
    <row r="51928" spans="8:8">
      <c r="H51928" s="12"/>
    </row>
    <row r="51929" spans="8:8">
      <c r="H51929" s="12"/>
    </row>
    <row r="51930" spans="8:8">
      <c r="H51930" s="12"/>
    </row>
    <row r="51931" spans="8:8">
      <c r="H51931" s="12"/>
    </row>
    <row r="51932" spans="8:8">
      <c r="H51932" s="12"/>
    </row>
    <row r="51933" spans="8:8">
      <c r="H51933" s="12"/>
    </row>
    <row r="51934" spans="8:8">
      <c r="H51934" s="12"/>
    </row>
    <row r="51935" spans="8:8">
      <c r="H51935" s="12"/>
    </row>
    <row r="51936" spans="8:8">
      <c r="H51936" s="12"/>
    </row>
    <row r="51937" spans="8:8">
      <c r="H51937" s="12"/>
    </row>
    <row r="51938" spans="8:8">
      <c r="H51938" s="12"/>
    </row>
    <row r="51939" spans="8:8">
      <c r="H51939" s="12"/>
    </row>
    <row r="51940" spans="8:8">
      <c r="H51940" s="12"/>
    </row>
    <row r="51941" spans="8:8">
      <c r="H51941" s="12"/>
    </row>
    <row r="51942" spans="8:8">
      <c r="H51942" s="12"/>
    </row>
    <row r="51943" spans="8:8">
      <c r="H51943" s="12"/>
    </row>
    <row r="51944" spans="8:8">
      <c r="H51944" s="12"/>
    </row>
    <row r="51945" spans="8:8">
      <c r="H51945" s="12"/>
    </row>
    <row r="51946" spans="8:8">
      <c r="H51946" s="12"/>
    </row>
    <row r="51947" spans="8:8">
      <c r="H51947" s="12"/>
    </row>
    <row r="51948" spans="8:8">
      <c r="H51948" s="12"/>
    </row>
    <row r="51949" spans="8:8">
      <c r="H51949" s="12"/>
    </row>
    <row r="51950" spans="8:8">
      <c r="H51950" s="12"/>
    </row>
    <row r="51951" spans="8:8">
      <c r="H51951" s="12"/>
    </row>
    <row r="51952" spans="8:8">
      <c r="H51952" s="12"/>
    </row>
    <row r="51953" spans="8:8">
      <c r="H51953" s="12"/>
    </row>
    <row r="51954" spans="8:8">
      <c r="H51954" s="12"/>
    </row>
    <row r="51955" spans="8:8">
      <c r="H51955" s="12"/>
    </row>
    <row r="51956" spans="8:8">
      <c r="H51956" s="12"/>
    </row>
    <row r="51957" spans="8:8">
      <c r="H51957" s="12"/>
    </row>
    <row r="51958" spans="8:8">
      <c r="H51958" s="12"/>
    </row>
    <row r="51959" spans="8:8">
      <c r="H51959" s="12"/>
    </row>
    <row r="51960" spans="8:8">
      <c r="H51960" s="12"/>
    </row>
    <row r="51961" spans="8:8">
      <c r="H51961" s="12"/>
    </row>
    <row r="51962" spans="8:8">
      <c r="H51962" s="12"/>
    </row>
    <row r="51963" spans="8:8">
      <c r="H51963" s="12"/>
    </row>
    <row r="51964" spans="8:8">
      <c r="H51964" s="12"/>
    </row>
    <row r="51965" spans="8:8">
      <c r="H51965" s="12"/>
    </row>
    <row r="51966" spans="8:8">
      <c r="H51966" s="12"/>
    </row>
    <row r="51967" spans="8:8">
      <c r="H51967" s="12"/>
    </row>
    <row r="51968" spans="8:8">
      <c r="H51968" s="12"/>
    </row>
    <row r="51969" spans="8:8">
      <c r="H51969" s="12"/>
    </row>
    <row r="51970" spans="8:8">
      <c r="H51970" s="12"/>
    </row>
    <row r="51971" spans="8:8">
      <c r="H51971" s="12"/>
    </row>
    <row r="51972" spans="8:8">
      <c r="H51972" s="12"/>
    </row>
    <row r="51973" spans="8:8">
      <c r="H51973" s="12"/>
    </row>
    <row r="51974" spans="8:8">
      <c r="H51974" s="12"/>
    </row>
    <row r="51975" spans="8:8">
      <c r="H51975" s="12"/>
    </row>
    <row r="51976" spans="8:8">
      <c r="H51976" s="12"/>
    </row>
    <row r="51977" spans="8:8">
      <c r="H51977" s="12"/>
    </row>
    <row r="51978" spans="8:8">
      <c r="H51978" s="12"/>
    </row>
    <row r="51979" spans="8:8">
      <c r="H51979" s="12"/>
    </row>
    <row r="51980" spans="8:8">
      <c r="H51980" s="12"/>
    </row>
    <row r="51981" spans="8:8">
      <c r="H51981" s="12"/>
    </row>
    <row r="51982" spans="8:8">
      <c r="H51982" s="12"/>
    </row>
    <row r="51983" spans="8:8">
      <c r="H51983" s="12"/>
    </row>
    <row r="51984" spans="8:8">
      <c r="H51984" s="12"/>
    </row>
    <row r="51985" spans="8:8">
      <c r="H51985" s="12"/>
    </row>
    <row r="51986" spans="8:8">
      <c r="H51986" s="12"/>
    </row>
    <row r="51987" spans="8:8">
      <c r="H51987" s="12"/>
    </row>
    <row r="51988" spans="8:8">
      <c r="H51988" s="12"/>
    </row>
    <row r="51989" spans="8:8">
      <c r="H51989" s="12"/>
    </row>
    <row r="51990" spans="8:8">
      <c r="H51990" s="12"/>
    </row>
    <row r="51991" spans="8:8">
      <c r="H51991" s="12"/>
    </row>
    <row r="51992" spans="8:8">
      <c r="H51992" s="12"/>
    </row>
    <row r="51993" spans="8:8">
      <c r="H51993" s="12"/>
    </row>
    <row r="51994" spans="8:8">
      <c r="H51994" s="12"/>
    </row>
    <row r="51995" spans="8:8">
      <c r="H51995" s="12"/>
    </row>
    <row r="51996" spans="8:8">
      <c r="H51996" s="12"/>
    </row>
    <row r="51997" spans="8:8">
      <c r="H51997" s="12"/>
    </row>
    <row r="51998" spans="8:8">
      <c r="H51998" s="12"/>
    </row>
    <row r="51999" spans="8:8">
      <c r="H51999" s="12"/>
    </row>
    <row r="52000" spans="8:8">
      <c r="H52000" s="12"/>
    </row>
    <row r="52001" spans="8:8">
      <c r="H52001" s="12"/>
    </row>
    <row r="52002" spans="8:8">
      <c r="H52002" s="12"/>
    </row>
    <row r="52003" spans="8:8">
      <c r="H52003" s="12"/>
    </row>
    <row r="52004" spans="8:8">
      <c r="H52004" s="12"/>
    </row>
    <row r="52005" spans="8:8">
      <c r="H52005" s="12"/>
    </row>
    <row r="52006" spans="8:8">
      <c r="H52006" s="12"/>
    </row>
    <row r="52007" spans="8:8">
      <c r="H52007" s="12"/>
    </row>
    <row r="52008" spans="8:8">
      <c r="H52008" s="12"/>
    </row>
    <row r="52009" spans="8:8">
      <c r="H52009" s="12"/>
    </row>
    <row r="52010" spans="8:8">
      <c r="H52010" s="12"/>
    </row>
    <row r="52011" spans="8:8">
      <c r="H52011" s="12"/>
    </row>
    <row r="52012" spans="8:8">
      <c r="H52012" s="12"/>
    </row>
    <row r="52013" spans="8:8">
      <c r="H52013" s="12"/>
    </row>
    <row r="52014" spans="8:8">
      <c r="H52014" s="12"/>
    </row>
    <row r="52015" spans="8:8">
      <c r="H52015" s="12"/>
    </row>
    <row r="52016" spans="8:8">
      <c r="H52016" s="12"/>
    </row>
    <row r="52017" spans="8:8">
      <c r="H52017" s="12"/>
    </row>
    <row r="52018" spans="8:8">
      <c r="H52018" s="12"/>
    </row>
    <row r="52019" spans="8:8">
      <c r="H52019" s="12"/>
    </row>
    <row r="52020" spans="8:8">
      <c r="H52020" s="12"/>
    </row>
    <row r="52021" spans="8:8">
      <c r="H52021" s="12"/>
    </row>
    <row r="52022" spans="8:8">
      <c r="H52022" s="12"/>
    </row>
    <row r="52023" spans="8:8">
      <c r="H52023" s="12"/>
    </row>
    <row r="52024" spans="8:8">
      <c r="H52024" s="12"/>
    </row>
    <row r="52025" spans="8:8">
      <c r="H52025" s="12"/>
    </row>
    <row r="52026" spans="8:8">
      <c r="H52026" s="12"/>
    </row>
    <row r="52027" spans="8:8">
      <c r="H52027" s="12"/>
    </row>
    <row r="52028" spans="8:8">
      <c r="H52028" s="12"/>
    </row>
    <row r="52029" spans="8:8">
      <c r="H52029" s="12"/>
    </row>
    <row r="52030" spans="8:8">
      <c r="H52030" s="12"/>
    </row>
    <row r="52031" spans="8:8">
      <c r="H52031" s="12"/>
    </row>
    <row r="52032" spans="8:8">
      <c r="H52032" s="12"/>
    </row>
    <row r="52033" spans="8:8">
      <c r="H52033" s="12"/>
    </row>
    <row r="52034" spans="8:8">
      <c r="H52034" s="12"/>
    </row>
    <row r="52035" spans="8:8">
      <c r="H52035" s="12"/>
    </row>
    <row r="52036" spans="8:8">
      <c r="H52036" s="12"/>
    </row>
    <row r="52037" spans="8:8">
      <c r="H52037" s="12"/>
    </row>
    <row r="52038" spans="8:8">
      <c r="H52038" s="12"/>
    </row>
    <row r="52039" spans="8:8">
      <c r="H52039" s="12"/>
    </row>
    <row r="52040" spans="8:8">
      <c r="H52040" s="12"/>
    </row>
    <row r="52041" spans="8:8">
      <c r="H52041" s="12"/>
    </row>
    <row r="52042" spans="8:8">
      <c r="H52042" s="12"/>
    </row>
    <row r="52043" spans="8:8">
      <c r="H52043" s="12"/>
    </row>
    <row r="52044" spans="8:8">
      <c r="H52044" s="12"/>
    </row>
    <row r="52045" spans="8:8">
      <c r="H52045" s="12"/>
    </row>
    <row r="52046" spans="8:8">
      <c r="H52046" s="12"/>
    </row>
    <row r="52047" spans="8:8">
      <c r="H52047" s="12"/>
    </row>
    <row r="52048" spans="8:8">
      <c r="H52048" s="12"/>
    </row>
    <row r="52049" spans="8:8">
      <c r="H52049" s="12"/>
    </row>
    <row r="52050" spans="8:8">
      <c r="H52050" s="12"/>
    </row>
    <row r="52051" spans="8:8">
      <c r="H52051" s="12"/>
    </row>
    <row r="52052" spans="8:8">
      <c r="H52052" s="12"/>
    </row>
    <row r="52053" spans="8:8">
      <c r="H52053" s="12"/>
    </row>
    <row r="52054" spans="8:8">
      <c r="H52054" s="12"/>
    </row>
    <row r="52055" spans="8:8">
      <c r="H52055" s="12"/>
    </row>
    <row r="52056" spans="8:8">
      <c r="H52056" s="12"/>
    </row>
    <row r="52057" spans="8:8">
      <c r="H52057" s="12"/>
    </row>
    <row r="52058" spans="8:8">
      <c r="H52058" s="12"/>
    </row>
    <row r="52059" spans="8:8">
      <c r="H52059" s="12"/>
    </row>
    <row r="52060" spans="8:8">
      <c r="H52060" s="12"/>
    </row>
    <row r="52061" spans="8:8">
      <c r="H52061" s="12"/>
    </row>
    <row r="52062" spans="8:8">
      <c r="H52062" s="12"/>
    </row>
    <row r="52063" spans="8:8">
      <c r="H52063" s="12"/>
    </row>
    <row r="52064" spans="8:8">
      <c r="H52064" s="12"/>
    </row>
    <row r="52065" spans="8:8">
      <c r="H52065" s="12"/>
    </row>
    <row r="52066" spans="8:8">
      <c r="H52066" s="12"/>
    </row>
    <row r="52067" spans="8:8">
      <c r="H52067" s="12"/>
    </row>
    <row r="52068" spans="8:8">
      <c r="H52068" s="12"/>
    </row>
    <row r="52069" spans="8:8">
      <c r="H52069" s="12"/>
    </row>
    <row r="52070" spans="8:8">
      <c r="H52070" s="12"/>
    </row>
    <row r="52071" spans="8:8">
      <c r="H52071" s="12"/>
    </row>
    <row r="52072" spans="8:8">
      <c r="H52072" s="12"/>
    </row>
    <row r="52073" spans="8:8">
      <c r="H52073" s="12"/>
    </row>
    <row r="52074" spans="8:8">
      <c r="H52074" s="12"/>
    </row>
    <row r="52075" spans="8:8">
      <c r="H52075" s="12"/>
    </row>
    <row r="52076" spans="8:8">
      <c r="H52076" s="12"/>
    </row>
    <row r="52077" spans="8:8">
      <c r="H52077" s="12"/>
    </row>
    <row r="52078" spans="8:8">
      <c r="H52078" s="12"/>
    </row>
    <row r="52079" spans="8:8">
      <c r="H52079" s="12"/>
    </row>
    <row r="52080" spans="8:8">
      <c r="H52080" s="12"/>
    </row>
    <row r="52081" spans="8:8">
      <c r="H52081" s="12"/>
    </row>
    <row r="52082" spans="8:8">
      <c r="H52082" s="12"/>
    </row>
    <row r="52083" spans="8:8">
      <c r="H52083" s="12"/>
    </row>
    <row r="52084" spans="8:8">
      <c r="H52084" s="12"/>
    </row>
    <row r="52085" spans="8:8">
      <c r="H52085" s="12"/>
    </row>
    <row r="52086" spans="8:8">
      <c r="H52086" s="12"/>
    </row>
    <row r="52087" spans="8:8">
      <c r="H52087" s="12"/>
    </row>
    <row r="52088" spans="8:8">
      <c r="H52088" s="12"/>
    </row>
    <row r="52089" spans="8:8">
      <c r="H52089" s="12"/>
    </row>
    <row r="52090" spans="8:8">
      <c r="H52090" s="12"/>
    </row>
    <row r="52091" spans="8:8">
      <c r="H52091" s="12"/>
    </row>
    <row r="52092" spans="8:8">
      <c r="H52092" s="12"/>
    </row>
    <row r="52093" spans="8:8">
      <c r="H52093" s="12"/>
    </row>
    <row r="52094" spans="8:8">
      <c r="H52094" s="12"/>
    </row>
    <row r="52095" spans="8:8">
      <c r="H52095" s="12"/>
    </row>
    <row r="52096" spans="8:8">
      <c r="H52096" s="12"/>
    </row>
    <row r="52097" spans="8:8">
      <c r="H52097" s="12"/>
    </row>
    <row r="52098" spans="8:8">
      <c r="H52098" s="12"/>
    </row>
    <row r="52099" spans="8:8">
      <c r="H52099" s="12"/>
    </row>
    <row r="52100" spans="8:8">
      <c r="H52100" s="12"/>
    </row>
    <row r="52101" spans="8:8">
      <c r="H52101" s="12"/>
    </row>
    <row r="52102" spans="8:8">
      <c r="H52102" s="12"/>
    </row>
    <row r="52103" spans="8:8">
      <c r="H52103" s="12"/>
    </row>
    <row r="52104" spans="8:8">
      <c r="H52104" s="12"/>
    </row>
    <row r="52105" spans="8:8">
      <c r="H52105" s="12"/>
    </row>
    <row r="52106" spans="8:8">
      <c r="H52106" s="12"/>
    </row>
    <row r="52107" spans="8:8">
      <c r="H52107" s="12"/>
    </row>
    <row r="52108" spans="8:8">
      <c r="H52108" s="12"/>
    </row>
    <row r="52109" spans="8:8">
      <c r="H52109" s="12"/>
    </row>
    <row r="52110" spans="8:8">
      <c r="H52110" s="12"/>
    </row>
    <row r="52111" spans="8:8">
      <c r="H52111" s="12"/>
    </row>
    <row r="52112" spans="8:8">
      <c r="H52112" s="12"/>
    </row>
    <row r="52113" spans="8:8">
      <c r="H52113" s="12"/>
    </row>
    <row r="52114" spans="8:8">
      <c r="H52114" s="12"/>
    </row>
    <row r="52115" spans="8:8">
      <c r="H52115" s="12"/>
    </row>
    <row r="52116" spans="8:8">
      <c r="H52116" s="12"/>
    </row>
    <row r="52117" spans="8:8">
      <c r="H52117" s="12"/>
    </row>
    <row r="52118" spans="8:8">
      <c r="H52118" s="12"/>
    </row>
    <row r="52119" spans="8:8">
      <c r="H52119" s="12"/>
    </row>
    <row r="52120" spans="8:8">
      <c r="H52120" s="12"/>
    </row>
    <row r="52121" spans="8:8">
      <c r="H52121" s="12"/>
    </row>
    <row r="52122" spans="8:8">
      <c r="H52122" s="12"/>
    </row>
    <row r="52123" spans="8:8">
      <c r="H52123" s="12"/>
    </row>
    <row r="52124" spans="8:8">
      <c r="H52124" s="12"/>
    </row>
    <row r="52125" spans="8:8">
      <c r="H52125" s="12"/>
    </row>
    <row r="52126" spans="8:8">
      <c r="H52126" s="12"/>
    </row>
    <row r="52127" spans="8:8">
      <c r="H52127" s="12"/>
    </row>
    <row r="52128" spans="8:8">
      <c r="H52128" s="12"/>
    </row>
    <row r="52129" spans="8:8">
      <c r="H52129" s="12"/>
    </row>
    <row r="52130" spans="8:8">
      <c r="H52130" s="12"/>
    </row>
    <row r="52131" spans="8:8">
      <c r="H52131" s="12"/>
    </row>
    <row r="52132" spans="8:8">
      <c r="H52132" s="12"/>
    </row>
    <row r="52133" spans="8:8">
      <c r="H52133" s="12"/>
    </row>
    <row r="52134" spans="8:8">
      <c r="H52134" s="12"/>
    </row>
    <row r="52135" spans="8:8">
      <c r="H52135" s="12"/>
    </row>
    <row r="52136" spans="8:8">
      <c r="H52136" s="12"/>
    </row>
    <row r="52137" spans="8:8">
      <c r="H52137" s="12"/>
    </row>
    <row r="52138" spans="8:8">
      <c r="H52138" s="12"/>
    </row>
    <row r="52139" spans="8:8">
      <c r="H52139" s="12"/>
    </row>
    <row r="52140" spans="8:8">
      <c r="H52140" s="12"/>
    </row>
    <row r="52141" spans="8:8">
      <c r="H52141" s="12"/>
    </row>
    <row r="52142" spans="8:8">
      <c r="H52142" s="12"/>
    </row>
    <row r="52143" spans="8:8">
      <c r="H52143" s="12"/>
    </row>
    <row r="52144" spans="8:8">
      <c r="H52144" s="12"/>
    </row>
    <row r="52145" spans="8:8">
      <c r="H52145" s="12"/>
    </row>
    <row r="52146" spans="8:8">
      <c r="H52146" s="12"/>
    </row>
    <row r="52147" spans="8:8">
      <c r="H52147" s="12"/>
    </row>
    <row r="52148" spans="8:8">
      <c r="H52148" s="12"/>
    </row>
    <row r="52149" spans="8:8">
      <c r="H52149" s="12"/>
    </row>
    <row r="52150" spans="8:8">
      <c r="H52150" s="12"/>
    </row>
    <row r="52151" spans="8:8">
      <c r="H52151" s="12"/>
    </row>
    <row r="52152" spans="8:8">
      <c r="H52152" s="12"/>
    </row>
    <row r="52153" spans="8:8">
      <c r="H52153" s="12"/>
    </row>
    <row r="52154" spans="8:8">
      <c r="H52154" s="12"/>
    </row>
    <row r="52155" spans="8:8">
      <c r="H52155" s="12"/>
    </row>
    <row r="52156" spans="8:8">
      <c r="H52156" s="12"/>
    </row>
    <row r="52157" spans="8:8">
      <c r="H52157" s="12"/>
    </row>
    <row r="52158" spans="8:8">
      <c r="H52158" s="12"/>
    </row>
    <row r="52159" spans="8:8">
      <c r="H52159" s="12"/>
    </row>
    <row r="52160" spans="8:8">
      <c r="H52160" s="12"/>
    </row>
    <row r="52161" spans="8:8">
      <c r="H52161" s="12"/>
    </row>
    <row r="52162" spans="8:8">
      <c r="H52162" s="12"/>
    </row>
    <row r="52163" spans="8:8">
      <c r="H52163" s="12"/>
    </row>
    <row r="52164" spans="8:8">
      <c r="H52164" s="12"/>
    </row>
    <row r="52165" spans="8:8">
      <c r="H52165" s="12"/>
    </row>
    <row r="52166" spans="8:8">
      <c r="H52166" s="12"/>
    </row>
    <row r="52167" spans="8:8">
      <c r="H52167" s="12"/>
    </row>
    <row r="52168" spans="8:8">
      <c r="H52168" s="12"/>
    </row>
    <row r="52169" spans="8:8">
      <c r="H52169" s="12"/>
    </row>
    <row r="52170" spans="8:8">
      <c r="H52170" s="12"/>
    </row>
    <row r="52171" spans="8:8">
      <c r="H52171" s="12"/>
    </row>
    <row r="52172" spans="8:8">
      <c r="H52172" s="12"/>
    </row>
    <row r="52173" spans="8:8">
      <c r="H52173" s="12"/>
    </row>
    <row r="52174" spans="8:8">
      <c r="H52174" s="12"/>
    </row>
    <row r="52175" spans="8:8">
      <c r="H52175" s="12"/>
    </row>
    <row r="52176" spans="8:8">
      <c r="H52176" s="12"/>
    </row>
    <row r="52177" spans="8:8">
      <c r="H52177" s="12"/>
    </row>
    <row r="52178" spans="8:8">
      <c r="H52178" s="12"/>
    </row>
    <row r="52179" spans="8:8">
      <c r="H52179" s="12"/>
    </row>
    <row r="52180" spans="8:8">
      <c r="H52180" s="12"/>
    </row>
    <row r="52181" spans="8:8">
      <c r="H52181" s="12"/>
    </row>
    <row r="52182" spans="8:8">
      <c r="H52182" s="12"/>
    </row>
    <row r="52183" spans="8:8">
      <c r="H52183" s="12"/>
    </row>
    <row r="52184" spans="8:8">
      <c r="H52184" s="12"/>
    </row>
    <row r="52185" spans="8:8">
      <c r="H52185" s="12"/>
    </row>
    <row r="52186" spans="8:8">
      <c r="H52186" s="12"/>
    </row>
    <row r="52187" spans="8:8">
      <c r="H52187" s="12"/>
    </row>
    <row r="52188" spans="8:8">
      <c r="H52188" s="12"/>
    </row>
    <row r="52189" spans="8:8">
      <c r="H52189" s="12"/>
    </row>
    <row r="52190" spans="8:8">
      <c r="H52190" s="12"/>
    </row>
    <row r="52191" spans="8:8">
      <c r="H52191" s="12"/>
    </row>
    <row r="52192" spans="8:8">
      <c r="H52192" s="12"/>
    </row>
    <row r="52193" spans="8:8">
      <c r="H52193" s="12"/>
    </row>
    <row r="52194" spans="8:8">
      <c r="H52194" s="12"/>
    </row>
    <row r="52195" spans="8:8">
      <c r="H52195" s="12"/>
    </row>
    <row r="52196" spans="8:8">
      <c r="H52196" s="12"/>
    </row>
    <row r="52197" spans="8:8">
      <c r="H52197" s="12"/>
    </row>
    <row r="52198" spans="8:8">
      <c r="H52198" s="12"/>
    </row>
    <row r="52199" spans="8:8">
      <c r="H52199" s="12"/>
    </row>
    <row r="52200" spans="8:8">
      <c r="H52200" s="12"/>
    </row>
    <row r="52201" spans="8:8">
      <c r="H52201" s="12"/>
    </row>
    <row r="52202" spans="8:8">
      <c r="H52202" s="12"/>
    </row>
    <row r="52203" spans="8:8">
      <c r="H52203" s="12"/>
    </row>
    <row r="52204" spans="8:8">
      <c r="H52204" s="12"/>
    </row>
    <row r="52205" spans="8:8">
      <c r="H52205" s="12"/>
    </row>
    <row r="52206" spans="8:8">
      <c r="H52206" s="12"/>
    </row>
    <row r="52207" spans="8:8">
      <c r="H52207" s="12"/>
    </row>
    <row r="52208" spans="8:8">
      <c r="H52208" s="12"/>
    </row>
    <row r="52209" spans="8:8">
      <c r="H52209" s="12"/>
    </row>
    <row r="52210" spans="8:8">
      <c r="H52210" s="12"/>
    </row>
    <row r="52211" spans="8:8">
      <c r="H52211" s="12"/>
    </row>
    <row r="52212" spans="8:8">
      <c r="H52212" s="12"/>
    </row>
    <row r="52213" spans="8:8">
      <c r="H52213" s="12"/>
    </row>
    <row r="52214" spans="8:8">
      <c r="H52214" s="12"/>
    </row>
    <row r="52215" spans="8:8">
      <c r="H52215" s="12"/>
    </row>
    <row r="52216" spans="8:8">
      <c r="H52216" s="12"/>
    </row>
    <row r="52217" spans="8:8">
      <c r="H52217" s="12"/>
    </row>
    <row r="52218" spans="8:8">
      <c r="H52218" s="12"/>
    </row>
    <row r="52219" spans="8:8">
      <c r="H52219" s="12"/>
    </row>
    <row r="52220" spans="8:8">
      <c r="H52220" s="12"/>
    </row>
    <row r="52221" spans="8:8">
      <c r="H52221" s="12"/>
    </row>
    <row r="52222" spans="8:8">
      <c r="H52222" s="12"/>
    </row>
    <row r="52223" spans="8:8">
      <c r="H52223" s="12"/>
    </row>
    <row r="52224" spans="8:8">
      <c r="H52224" s="12"/>
    </row>
    <row r="52225" spans="8:8">
      <c r="H52225" s="12"/>
    </row>
    <row r="52226" spans="8:8">
      <c r="H52226" s="12"/>
    </row>
    <row r="52227" spans="8:8">
      <c r="H52227" s="12"/>
    </row>
    <row r="52228" spans="8:8">
      <c r="H52228" s="12"/>
    </row>
    <row r="52229" spans="8:8">
      <c r="H52229" s="12"/>
    </row>
    <row r="52230" spans="8:8">
      <c r="H52230" s="12"/>
    </row>
    <row r="52231" spans="8:8">
      <c r="H52231" s="12"/>
    </row>
    <row r="52232" spans="8:8">
      <c r="H52232" s="12"/>
    </row>
    <row r="52233" spans="8:8">
      <c r="H52233" s="12"/>
    </row>
    <row r="52234" spans="8:8">
      <c r="H52234" s="12"/>
    </row>
    <row r="52235" spans="8:8">
      <c r="H52235" s="12"/>
    </row>
    <row r="52236" spans="8:8">
      <c r="H52236" s="12"/>
    </row>
    <row r="52237" spans="8:8">
      <c r="H52237" s="12"/>
    </row>
    <row r="52238" spans="8:8">
      <c r="H52238" s="12"/>
    </row>
    <row r="52239" spans="8:8">
      <c r="H52239" s="12"/>
    </row>
    <row r="52240" spans="8:8">
      <c r="H52240" s="12"/>
    </row>
    <row r="52241" spans="8:8">
      <c r="H52241" s="12"/>
    </row>
    <row r="52242" spans="8:8">
      <c r="H52242" s="12"/>
    </row>
    <row r="52243" spans="8:8">
      <c r="H52243" s="12"/>
    </row>
    <row r="52244" spans="8:8">
      <c r="H52244" s="12"/>
    </row>
    <row r="52245" spans="8:8">
      <c r="H52245" s="12"/>
    </row>
    <row r="52246" spans="8:8">
      <c r="H52246" s="12"/>
    </row>
    <row r="52247" spans="8:8">
      <c r="H52247" s="12"/>
    </row>
    <row r="52248" spans="8:8">
      <c r="H52248" s="12"/>
    </row>
    <row r="52249" spans="8:8">
      <c r="H52249" s="12"/>
    </row>
    <row r="52250" spans="8:8">
      <c r="H52250" s="12"/>
    </row>
    <row r="52251" spans="8:8">
      <c r="H52251" s="12"/>
    </row>
    <row r="52252" spans="8:8">
      <c r="H52252" s="12"/>
    </row>
    <row r="52253" spans="8:8">
      <c r="H52253" s="12"/>
    </row>
    <row r="52254" spans="8:8">
      <c r="H52254" s="12"/>
    </row>
    <row r="52255" spans="8:8">
      <c r="H52255" s="12"/>
    </row>
    <row r="52256" spans="8:8">
      <c r="H52256" s="12"/>
    </row>
    <row r="52257" spans="8:8">
      <c r="H52257" s="12"/>
    </row>
    <row r="52258" spans="8:8">
      <c r="H52258" s="12"/>
    </row>
    <row r="52259" spans="8:8">
      <c r="H52259" s="12"/>
    </row>
    <row r="52260" spans="8:8">
      <c r="H52260" s="12"/>
    </row>
    <row r="52261" spans="8:8">
      <c r="H52261" s="12"/>
    </row>
    <row r="52262" spans="8:8">
      <c r="H52262" s="12"/>
    </row>
    <row r="52263" spans="8:8">
      <c r="H52263" s="12"/>
    </row>
    <row r="52264" spans="8:8">
      <c r="H52264" s="12"/>
    </row>
    <row r="52265" spans="8:8">
      <c r="H52265" s="12"/>
    </row>
    <row r="52266" spans="8:8">
      <c r="H52266" s="12"/>
    </row>
    <row r="52267" spans="8:8">
      <c r="H52267" s="12"/>
    </row>
    <row r="52268" spans="8:8">
      <c r="H52268" s="12"/>
    </row>
    <row r="52269" spans="8:8">
      <c r="H52269" s="12"/>
    </row>
    <row r="52270" spans="8:8">
      <c r="H52270" s="12"/>
    </row>
    <row r="52271" spans="8:8">
      <c r="H52271" s="12"/>
    </row>
    <row r="52272" spans="8:8">
      <c r="H52272" s="12"/>
    </row>
    <row r="52273" spans="8:8">
      <c r="H52273" s="12"/>
    </row>
    <row r="52274" spans="8:8">
      <c r="H52274" s="12"/>
    </row>
    <row r="52275" spans="8:8">
      <c r="H52275" s="12"/>
    </row>
    <row r="52276" spans="8:8">
      <c r="H52276" s="12"/>
    </row>
    <row r="52277" spans="8:8">
      <c r="H52277" s="12"/>
    </row>
    <row r="52278" spans="8:8">
      <c r="H52278" s="12"/>
    </row>
    <row r="52279" spans="8:8">
      <c r="H52279" s="12"/>
    </row>
    <row r="52280" spans="8:8">
      <c r="H52280" s="12"/>
    </row>
    <row r="52281" spans="8:8">
      <c r="H52281" s="12"/>
    </row>
    <row r="52282" spans="8:8">
      <c r="H52282" s="12"/>
    </row>
    <row r="52283" spans="8:8">
      <c r="H52283" s="12"/>
    </row>
    <row r="52284" spans="8:8">
      <c r="H52284" s="12"/>
    </row>
    <row r="52285" spans="8:8">
      <c r="H52285" s="12"/>
    </row>
    <row r="52286" spans="8:8">
      <c r="H52286" s="12"/>
    </row>
    <row r="52287" spans="8:8">
      <c r="H52287" s="12"/>
    </row>
    <row r="52288" spans="8:8">
      <c r="H52288" s="12"/>
    </row>
    <row r="52289" spans="8:8">
      <c r="H52289" s="12"/>
    </row>
    <row r="52290" spans="8:8">
      <c r="H52290" s="12"/>
    </row>
    <row r="52291" spans="8:8">
      <c r="H52291" s="12"/>
    </row>
    <row r="52292" spans="8:8">
      <c r="H52292" s="12"/>
    </row>
    <row r="52293" spans="8:8">
      <c r="H52293" s="12"/>
    </row>
    <row r="52294" spans="8:8">
      <c r="H52294" s="12"/>
    </row>
    <row r="52295" spans="8:8">
      <c r="H52295" s="12"/>
    </row>
    <row r="52296" spans="8:8">
      <c r="H52296" s="12"/>
    </row>
    <row r="52297" spans="8:8">
      <c r="H52297" s="12"/>
    </row>
    <row r="52298" spans="8:8">
      <c r="H52298" s="12"/>
    </row>
    <row r="52299" spans="8:8">
      <c r="H52299" s="12"/>
    </row>
    <row r="52300" spans="8:8">
      <c r="H52300" s="12"/>
    </row>
    <row r="52301" spans="8:8">
      <c r="H52301" s="12"/>
    </row>
    <row r="52302" spans="8:8">
      <c r="H52302" s="12"/>
    </row>
    <row r="52303" spans="8:8">
      <c r="H52303" s="12"/>
    </row>
    <row r="52304" spans="8:8">
      <c r="H52304" s="12"/>
    </row>
    <row r="52305" spans="8:8">
      <c r="H52305" s="12"/>
    </row>
    <row r="52306" spans="8:8">
      <c r="H52306" s="12"/>
    </row>
    <row r="52307" spans="8:8">
      <c r="H52307" s="12"/>
    </row>
    <row r="52308" spans="8:8">
      <c r="H52308" s="12"/>
    </row>
    <row r="52309" spans="8:8">
      <c r="H52309" s="12"/>
    </row>
    <row r="52310" spans="8:8">
      <c r="H52310" s="12"/>
    </row>
    <row r="52311" spans="8:8">
      <c r="H52311" s="12"/>
    </row>
    <row r="52312" spans="8:8">
      <c r="H52312" s="12"/>
    </row>
    <row r="52313" spans="8:8">
      <c r="H52313" s="12"/>
    </row>
    <row r="52314" spans="8:8">
      <c r="H52314" s="12"/>
    </row>
    <row r="52315" spans="8:8">
      <c r="H52315" s="12"/>
    </row>
    <row r="52316" spans="8:8">
      <c r="H52316" s="12"/>
    </row>
    <row r="52317" spans="8:8">
      <c r="H52317" s="12"/>
    </row>
    <row r="52318" spans="8:8">
      <c r="H52318" s="12"/>
    </row>
    <row r="52319" spans="8:8">
      <c r="H52319" s="12"/>
    </row>
    <row r="52320" spans="8:8">
      <c r="H52320" s="12"/>
    </row>
    <row r="52321" spans="8:8">
      <c r="H52321" s="12"/>
    </row>
    <row r="52322" spans="8:8">
      <c r="H52322" s="12"/>
    </row>
    <row r="52323" spans="8:8">
      <c r="H52323" s="12"/>
    </row>
    <row r="52324" spans="8:8">
      <c r="H52324" s="12"/>
    </row>
    <row r="52325" spans="8:8">
      <c r="H52325" s="12"/>
    </row>
    <row r="52326" spans="8:8">
      <c r="H52326" s="12"/>
    </row>
    <row r="52327" spans="8:8">
      <c r="H52327" s="12"/>
    </row>
    <row r="52328" spans="8:8">
      <c r="H52328" s="12"/>
    </row>
    <row r="52329" spans="8:8">
      <c r="H52329" s="12"/>
    </row>
    <row r="52330" spans="8:8">
      <c r="H52330" s="12"/>
    </row>
    <row r="52331" spans="8:8">
      <c r="H52331" s="12"/>
    </row>
    <row r="52332" spans="8:8">
      <c r="H52332" s="12"/>
    </row>
    <row r="52333" spans="8:8">
      <c r="H52333" s="12"/>
    </row>
    <row r="52334" spans="8:8">
      <c r="H52334" s="12"/>
    </row>
    <row r="52335" spans="8:8">
      <c r="H52335" s="12"/>
    </row>
    <row r="52336" spans="8:8">
      <c r="H52336" s="12"/>
    </row>
    <row r="52337" spans="8:8">
      <c r="H52337" s="12"/>
    </row>
    <row r="52338" spans="8:8">
      <c r="H52338" s="12"/>
    </row>
    <row r="52339" spans="8:8">
      <c r="H52339" s="12"/>
    </row>
    <row r="52340" spans="8:8">
      <c r="H52340" s="12"/>
    </row>
    <row r="52341" spans="8:8">
      <c r="H52341" s="12"/>
    </row>
    <row r="52342" spans="8:8">
      <c r="H52342" s="12"/>
    </row>
    <row r="52343" spans="8:8">
      <c r="H52343" s="12"/>
    </row>
    <row r="52344" spans="8:8">
      <c r="H52344" s="12"/>
    </row>
    <row r="52345" spans="8:8">
      <c r="H52345" s="12"/>
    </row>
    <row r="52346" spans="8:8">
      <c r="H52346" s="12"/>
    </row>
    <row r="52347" spans="8:8">
      <c r="H52347" s="12"/>
    </row>
    <row r="52348" spans="8:8">
      <c r="H52348" s="12"/>
    </row>
    <row r="52349" spans="8:8">
      <c r="H52349" s="12"/>
    </row>
    <row r="52350" spans="8:8">
      <c r="H52350" s="12"/>
    </row>
    <row r="52351" spans="8:8">
      <c r="H52351" s="12"/>
    </row>
    <row r="52352" spans="8:8">
      <c r="H52352" s="12"/>
    </row>
    <row r="52353" spans="8:8">
      <c r="H52353" s="12"/>
    </row>
    <row r="52354" spans="8:8">
      <c r="H52354" s="12"/>
    </row>
    <row r="52355" spans="8:8">
      <c r="H52355" s="12"/>
    </row>
    <row r="52356" spans="8:8">
      <c r="H52356" s="12"/>
    </row>
    <row r="52357" spans="8:8">
      <c r="H52357" s="12"/>
    </row>
    <row r="52358" spans="8:8">
      <c r="H52358" s="12"/>
    </row>
    <row r="52359" spans="8:8">
      <c r="H52359" s="12"/>
    </row>
    <row r="52360" spans="8:8">
      <c r="H52360" s="12"/>
    </row>
    <row r="52361" spans="8:8">
      <c r="H52361" s="12"/>
    </row>
    <row r="52362" spans="8:8">
      <c r="H52362" s="12"/>
    </row>
    <row r="52363" spans="8:8">
      <c r="H52363" s="12"/>
    </row>
    <row r="52364" spans="8:8">
      <c r="H52364" s="12"/>
    </row>
    <row r="52365" spans="8:8">
      <c r="H52365" s="12"/>
    </row>
    <row r="52366" spans="8:8">
      <c r="H52366" s="12"/>
    </row>
    <row r="52367" spans="8:8">
      <c r="H52367" s="12"/>
    </row>
    <row r="52368" spans="8:8">
      <c r="H52368" s="12"/>
    </row>
    <row r="52369" spans="8:8">
      <c r="H52369" s="12"/>
    </row>
    <row r="52370" spans="8:8">
      <c r="H52370" s="12"/>
    </row>
    <row r="52371" spans="8:8">
      <c r="H52371" s="12"/>
    </row>
    <row r="52372" spans="8:8">
      <c r="H52372" s="12"/>
    </row>
    <row r="52373" spans="8:8">
      <c r="H52373" s="12"/>
    </row>
    <row r="52374" spans="8:8">
      <c r="H52374" s="12"/>
    </row>
    <row r="52375" spans="8:8">
      <c r="H52375" s="12"/>
    </row>
    <row r="52376" spans="8:8">
      <c r="H52376" s="12"/>
    </row>
    <row r="52377" spans="8:8">
      <c r="H52377" s="12"/>
    </row>
    <row r="52378" spans="8:8">
      <c r="H52378" s="12"/>
    </row>
    <row r="52379" spans="8:8">
      <c r="H52379" s="12"/>
    </row>
    <row r="52380" spans="8:8">
      <c r="H52380" s="12"/>
    </row>
    <row r="52381" spans="8:8">
      <c r="H52381" s="12"/>
    </row>
    <row r="52382" spans="8:8">
      <c r="H52382" s="12"/>
    </row>
    <row r="52383" spans="8:8">
      <c r="H52383" s="12"/>
    </row>
    <row r="52384" spans="8:8">
      <c r="H52384" s="12"/>
    </row>
    <row r="52385" spans="8:8">
      <c r="H52385" s="12"/>
    </row>
    <row r="52386" spans="8:8">
      <c r="H52386" s="12"/>
    </row>
    <row r="52387" spans="8:8">
      <c r="H52387" s="12"/>
    </row>
    <row r="52388" spans="8:8">
      <c r="H52388" s="12"/>
    </row>
    <row r="52389" spans="8:8">
      <c r="H52389" s="12"/>
    </row>
    <row r="52390" spans="8:8">
      <c r="H52390" s="12"/>
    </row>
    <row r="52391" spans="8:8">
      <c r="H52391" s="12"/>
    </row>
    <row r="52392" spans="8:8">
      <c r="H52392" s="12"/>
    </row>
    <row r="52393" spans="8:8">
      <c r="H52393" s="12"/>
    </row>
    <row r="52394" spans="8:8">
      <c r="H52394" s="12"/>
    </row>
    <row r="52395" spans="8:8">
      <c r="H52395" s="12"/>
    </row>
    <row r="52396" spans="8:8">
      <c r="H52396" s="12"/>
    </row>
    <row r="52397" spans="8:8">
      <c r="H52397" s="12"/>
    </row>
    <row r="52398" spans="8:8">
      <c r="H52398" s="12"/>
    </row>
    <row r="52399" spans="8:8">
      <c r="H52399" s="12"/>
    </row>
    <row r="52400" spans="8:8">
      <c r="H52400" s="12"/>
    </row>
    <row r="52401" spans="8:8">
      <c r="H52401" s="12"/>
    </row>
    <row r="52402" spans="8:8">
      <c r="H52402" s="12"/>
    </row>
    <row r="52403" spans="8:8">
      <c r="H52403" s="12"/>
    </row>
    <row r="52404" spans="8:8">
      <c r="H52404" s="12"/>
    </row>
    <row r="52405" spans="8:8">
      <c r="H52405" s="12"/>
    </row>
    <row r="52406" spans="8:8">
      <c r="H52406" s="12"/>
    </row>
    <row r="52407" spans="8:8">
      <c r="H52407" s="12"/>
    </row>
    <row r="52408" spans="8:8">
      <c r="H52408" s="12"/>
    </row>
    <row r="52409" spans="8:8">
      <c r="H52409" s="12"/>
    </row>
    <row r="52410" spans="8:8">
      <c r="H52410" s="12"/>
    </row>
    <row r="52411" spans="8:8">
      <c r="H52411" s="12"/>
    </row>
    <row r="52412" spans="8:8">
      <c r="H52412" s="12"/>
    </row>
    <row r="52413" spans="8:8">
      <c r="H52413" s="12"/>
    </row>
    <row r="52414" spans="8:8">
      <c r="H52414" s="12"/>
    </row>
    <row r="52415" spans="8:8">
      <c r="H52415" s="12"/>
    </row>
    <row r="52416" spans="8:8">
      <c r="H52416" s="12"/>
    </row>
    <row r="52417" spans="8:8">
      <c r="H52417" s="12"/>
    </row>
    <row r="52418" spans="8:8">
      <c r="H52418" s="12"/>
    </row>
    <row r="52419" spans="8:8">
      <c r="H52419" s="12"/>
    </row>
    <row r="52420" spans="8:8">
      <c r="H52420" s="12"/>
    </row>
    <row r="52421" spans="8:8">
      <c r="H52421" s="12"/>
    </row>
    <row r="52422" spans="8:8">
      <c r="H52422" s="12"/>
    </row>
    <row r="52423" spans="8:8">
      <c r="H52423" s="12"/>
    </row>
    <row r="52424" spans="8:8">
      <c r="H52424" s="12"/>
    </row>
    <row r="52425" spans="8:8">
      <c r="H52425" s="12"/>
    </row>
    <row r="52426" spans="8:8">
      <c r="H52426" s="12"/>
    </row>
    <row r="52427" spans="8:8">
      <c r="H52427" s="12"/>
    </row>
    <row r="52428" spans="8:8">
      <c r="H52428" s="12"/>
    </row>
    <row r="52429" spans="8:8">
      <c r="H52429" s="12"/>
    </row>
    <row r="52430" spans="8:8">
      <c r="H52430" s="12"/>
    </row>
    <row r="52431" spans="8:8">
      <c r="H52431" s="12"/>
    </row>
    <row r="52432" spans="8:8">
      <c r="H52432" s="12"/>
    </row>
    <row r="52433" spans="8:8">
      <c r="H52433" s="12"/>
    </row>
    <row r="52434" spans="8:8">
      <c r="H52434" s="12"/>
    </row>
    <row r="52435" spans="8:8">
      <c r="H52435" s="12"/>
    </row>
    <row r="52436" spans="8:8">
      <c r="H52436" s="12"/>
    </row>
    <row r="52437" spans="8:8">
      <c r="H52437" s="12"/>
    </row>
    <row r="52438" spans="8:8">
      <c r="H52438" s="12"/>
    </row>
    <row r="52439" spans="8:8">
      <c r="H52439" s="12"/>
    </row>
    <row r="52440" spans="8:8">
      <c r="H52440" s="12"/>
    </row>
    <row r="52441" spans="8:8">
      <c r="H52441" s="12"/>
    </row>
    <row r="52442" spans="8:8">
      <c r="H52442" s="12"/>
    </row>
    <row r="52443" spans="8:8">
      <c r="H52443" s="12"/>
    </row>
    <row r="52444" spans="8:8">
      <c r="H52444" s="12"/>
    </row>
    <row r="52445" spans="8:8">
      <c r="H52445" s="12"/>
    </row>
    <row r="52446" spans="8:8">
      <c r="H52446" s="12"/>
    </row>
    <row r="52447" spans="8:8">
      <c r="H52447" s="12"/>
    </row>
    <row r="52448" spans="8:8">
      <c r="H52448" s="12"/>
    </row>
    <row r="52449" spans="8:8">
      <c r="H52449" s="12"/>
    </row>
    <row r="52450" spans="8:8">
      <c r="H52450" s="12"/>
    </row>
    <row r="52451" spans="8:8">
      <c r="H52451" s="12"/>
    </row>
    <row r="52452" spans="8:8">
      <c r="H52452" s="12"/>
    </row>
    <row r="52453" spans="8:8">
      <c r="H52453" s="12"/>
    </row>
    <row r="52454" spans="8:8">
      <c r="H52454" s="12"/>
    </row>
    <row r="52455" spans="8:8">
      <c r="H52455" s="12"/>
    </row>
    <row r="52456" spans="8:8">
      <c r="H52456" s="12"/>
    </row>
    <row r="52457" spans="8:8">
      <c r="H52457" s="12"/>
    </row>
    <row r="52458" spans="8:8">
      <c r="H52458" s="12"/>
    </row>
    <row r="52459" spans="8:8">
      <c r="H52459" s="12"/>
    </row>
    <row r="52460" spans="8:8">
      <c r="H52460" s="12"/>
    </row>
    <row r="52461" spans="8:8">
      <c r="H52461" s="12"/>
    </row>
    <row r="52462" spans="8:8">
      <c r="H52462" s="12"/>
    </row>
    <row r="52463" spans="8:8">
      <c r="H52463" s="12"/>
    </row>
    <row r="52464" spans="8:8">
      <c r="H52464" s="12"/>
    </row>
    <row r="52465" spans="8:8">
      <c r="H52465" s="12"/>
    </row>
    <row r="52466" spans="8:8">
      <c r="H52466" s="12"/>
    </row>
    <row r="52467" spans="8:8">
      <c r="H52467" s="12"/>
    </row>
    <row r="52468" spans="8:8">
      <c r="H52468" s="12"/>
    </row>
    <row r="52469" spans="8:8">
      <c r="H52469" s="12"/>
    </row>
    <row r="52470" spans="8:8">
      <c r="H52470" s="12"/>
    </row>
    <row r="52471" spans="8:8">
      <c r="H52471" s="12"/>
    </row>
    <row r="52472" spans="8:8">
      <c r="H52472" s="12"/>
    </row>
    <row r="52473" spans="8:8">
      <c r="H52473" s="12"/>
    </row>
    <row r="52474" spans="8:8">
      <c r="H52474" s="12"/>
    </row>
    <row r="52475" spans="8:8">
      <c r="H52475" s="12"/>
    </row>
    <row r="52476" spans="8:8">
      <c r="H52476" s="12"/>
    </row>
    <row r="52477" spans="8:8">
      <c r="H52477" s="12"/>
    </row>
    <row r="52478" spans="8:8">
      <c r="H52478" s="12"/>
    </row>
    <row r="52479" spans="8:8">
      <c r="H52479" s="12"/>
    </row>
    <row r="52480" spans="8:8">
      <c r="H52480" s="12"/>
    </row>
    <row r="52481" spans="8:8">
      <c r="H52481" s="12"/>
    </row>
    <row r="52482" spans="8:8">
      <c r="H52482" s="12"/>
    </row>
    <row r="52483" spans="8:8">
      <c r="H52483" s="12"/>
    </row>
    <row r="52484" spans="8:8">
      <c r="H52484" s="12"/>
    </row>
    <row r="52485" spans="8:8">
      <c r="H52485" s="12"/>
    </row>
    <row r="52486" spans="8:8">
      <c r="H52486" s="12"/>
    </row>
    <row r="52487" spans="8:8">
      <c r="H52487" s="12"/>
    </row>
    <row r="52488" spans="8:8">
      <c r="H52488" s="12"/>
    </row>
    <row r="52489" spans="8:8">
      <c r="H52489" s="12"/>
    </row>
    <row r="52490" spans="8:8">
      <c r="H52490" s="12"/>
    </row>
    <row r="52491" spans="8:8">
      <c r="H52491" s="12"/>
    </row>
    <row r="52492" spans="8:8">
      <c r="H52492" s="12"/>
    </row>
    <row r="52493" spans="8:8">
      <c r="H52493" s="12"/>
    </row>
    <row r="52494" spans="8:8">
      <c r="H52494" s="12"/>
    </row>
    <row r="52495" spans="8:8">
      <c r="H52495" s="12"/>
    </row>
    <row r="52496" spans="8:8">
      <c r="H52496" s="12"/>
    </row>
    <row r="52497" spans="8:8">
      <c r="H52497" s="12"/>
    </row>
    <row r="52498" spans="8:8">
      <c r="H52498" s="12"/>
    </row>
    <row r="52499" spans="8:8">
      <c r="H52499" s="12"/>
    </row>
    <row r="52500" spans="8:8">
      <c r="H52500" s="12"/>
    </row>
    <row r="52501" spans="8:8">
      <c r="H52501" s="12"/>
    </row>
    <row r="52502" spans="8:8">
      <c r="H52502" s="12"/>
    </row>
    <row r="52503" spans="8:8">
      <c r="H52503" s="12"/>
    </row>
    <row r="52504" spans="8:8">
      <c r="H52504" s="12"/>
    </row>
    <row r="52505" spans="8:8">
      <c r="H52505" s="12"/>
    </row>
    <row r="52506" spans="8:8">
      <c r="H52506" s="12"/>
    </row>
    <row r="52507" spans="8:8">
      <c r="H52507" s="12"/>
    </row>
    <row r="52508" spans="8:8">
      <c r="H52508" s="12"/>
    </row>
    <row r="52509" spans="8:8">
      <c r="H52509" s="12"/>
    </row>
    <row r="52510" spans="8:8">
      <c r="H52510" s="12"/>
    </row>
    <row r="52511" spans="8:8">
      <c r="H52511" s="12"/>
    </row>
    <row r="52512" spans="8:8">
      <c r="H52512" s="12"/>
    </row>
    <row r="52513" spans="8:8">
      <c r="H52513" s="12"/>
    </row>
    <row r="52514" spans="8:8">
      <c r="H52514" s="12"/>
    </row>
    <row r="52515" spans="8:8">
      <c r="H52515" s="12"/>
    </row>
    <row r="52516" spans="8:8">
      <c r="H52516" s="12"/>
    </row>
    <row r="52517" spans="8:8">
      <c r="H52517" s="12"/>
    </row>
    <row r="52518" spans="8:8">
      <c r="H52518" s="12"/>
    </row>
    <row r="52519" spans="8:8">
      <c r="H52519" s="12"/>
    </row>
    <row r="52520" spans="8:8">
      <c r="H52520" s="12"/>
    </row>
    <row r="52521" spans="8:8">
      <c r="H52521" s="12"/>
    </row>
    <row r="52522" spans="8:8">
      <c r="H52522" s="12"/>
    </row>
    <row r="52523" spans="8:8">
      <c r="H52523" s="12"/>
    </row>
    <row r="52524" spans="8:8">
      <c r="H52524" s="12"/>
    </row>
    <row r="52525" spans="8:8">
      <c r="H52525" s="12"/>
    </row>
    <row r="52526" spans="8:8">
      <c r="H52526" s="12"/>
    </row>
    <row r="52527" spans="8:8">
      <c r="H52527" s="12"/>
    </row>
    <row r="52528" spans="8:8">
      <c r="H52528" s="12"/>
    </row>
    <row r="52529" spans="8:8">
      <c r="H52529" s="12"/>
    </row>
    <row r="52530" spans="8:8">
      <c r="H52530" s="12"/>
    </row>
    <row r="52531" spans="8:8">
      <c r="H52531" s="12"/>
    </row>
    <row r="52532" spans="8:8">
      <c r="H52532" s="12"/>
    </row>
    <row r="52533" spans="8:8">
      <c r="H52533" s="12"/>
    </row>
    <row r="52534" spans="8:8">
      <c r="H52534" s="12"/>
    </row>
    <row r="52535" spans="8:8">
      <c r="H52535" s="12"/>
    </row>
    <row r="52536" spans="8:8">
      <c r="H52536" s="12"/>
    </row>
    <row r="52537" spans="8:8">
      <c r="H52537" s="12"/>
    </row>
    <row r="52538" spans="8:8">
      <c r="H52538" s="12"/>
    </row>
    <row r="52539" spans="8:8">
      <c r="H52539" s="12"/>
    </row>
    <row r="52540" spans="8:8">
      <c r="H52540" s="12"/>
    </row>
    <row r="52541" spans="8:8">
      <c r="H52541" s="12"/>
    </row>
    <row r="52542" spans="8:8">
      <c r="H52542" s="12"/>
    </row>
    <row r="52543" spans="8:8">
      <c r="H52543" s="12"/>
    </row>
    <row r="52544" spans="8:8">
      <c r="H52544" s="12"/>
    </row>
    <row r="52545" spans="8:8">
      <c r="H52545" s="12"/>
    </row>
    <row r="52546" spans="8:8">
      <c r="H52546" s="12"/>
    </row>
    <row r="52547" spans="8:8">
      <c r="H52547" s="12"/>
    </row>
    <row r="52548" spans="8:8">
      <c r="H52548" s="12"/>
    </row>
    <row r="52549" spans="8:8">
      <c r="H52549" s="12"/>
    </row>
    <row r="52550" spans="8:8">
      <c r="H52550" s="12"/>
    </row>
    <row r="52551" spans="8:8">
      <c r="H52551" s="12"/>
    </row>
    <row r="52552" spans="8:8">
      <c r="H52552" s="12"/>
    </row>
    <row r="52553" spans="8:8">
      <c r="H52553" s="12"/>
    </row>
    <row r="52554" spans="8:8">
      <c r="H52554" s="12"/>
    </row>
    <row r="52555" spans="8:8">
      <c r="H52555" s="12"/>
    </row>
    <row r="52556" spans="8:8">
      <c r="H52556" s="12"/>
    </row>
    <row r="52557" spans="8:8">
      <c r="H52557" s="12"/>
    </row>
    <row r="52558" spans="8:8">
      <c r="H52558" s="12"/>
    </row>
    <row r="52559" spans="8:8">
      <c r="H52559" s="12"/>
    </row>
    <row r="52560" spans="8:8">
      <c r="H52560" s="12"/>
    </row>
    <row r="52561" spans="8:8">
      <c r="H52561" s="12"/>
    </row>
    <row r="52562" spans="8:8">
      <c r="H52562" s="12"/>
    </row>
    <row r="52563" spans="8:8">
      <c r="H52563" s="12"/>
    </row>
    <row r="52564" spans="8:8">
      <c r="H52564" s="12"/>
    </row>
    <row r="52565" spans="8:8">
      <c r="H52565" s="12"/>
    </row>
    <row r="52566" spans="8:8">
      <c r="H52566" s="12"/>
    </row>
    <row r="52567" spans="8:8">
      <c r="H52567" s="12"/>
    </row>
    <row r="52568" spans="8:8">
      <c r="H52568" s="12"/>
    </row>
    <row r="52569" spans="8:8">
      <c r="H52569" s="12"/>
    </row>
    <row r="52570" spans="8:8">
      <c r="H52570" s="12"/>
    </row>
    <row r="52571" spans="8:8">
      <c r="H52571" s="12"/>
    </row>
    <row r="52572" spans="8:8">
      <c r="H52572" s="12"/>
    </row>
    <row r="52573" spans="8:8">
      <c r="H52573" s="12"/>
    </row>
    <row r="52574" spans="8:8">
      <c r="H52574" s="12"/>
    </row>
    <row r="52575" spans="8:8">
      <c r="H52575" s="12"/>
    </row>
    <row r="52576" spans="8:8">
      <c r="H52576" s="12"/>
    </row>
    <row r="52577" spans="8:8">
      <c r="H52577" s="12"/>
    </row>
    <row r="52578" spans="8:8">
      <c r="H52578" s="12"/>
    </row>
    <row r="52579" spans="8:8">
      <c r="H52579" s="12"/>
    </row>
    <row r="52580" spans="8:8">
      <c r="H52580" s="12"/>
    </row>
    <row r="52581" spans="8:8">
      <c r="H52581" s="12"/>
    </row>
    <row r="52582" spans="8:8">
      <c r="H52582" s="12"/>
    </row>
    <row r="52583" spans="8:8">
      <c r="H52583" s="12"/>
    </row>
    <row r="52584" spans="8:8">
      <c r="H52584" s="12"/>
    </row>
    <row r="52585" spans="8:8">
      <c r="H52585" s="12"/>
    </row>
    <row r="52586" spans="8:8">
      <c r="H52586" s="12"/>
    </row>
    <row r="52587" spans="8:8">
      <c r="H52587" s="12"/>
    </row>
    <row r="52588" spans="8:8">
      <c r="H52588" s="12"/>
    </row>
    <row r="52589" spans="8:8">
      <c r="H52589" s="12"/>
    </row>
    <row r="52590" spans="8:8">
      <c r="H52590" s="12"/>
    </row>
    <row r="52591" spans="8:8">
      <c r="H52591" s="12"/>
    </row>
    <row r="52592" spans="8:8">
      <c r="H52592" s="12"/>
    </row>
    <row r="52593" spans="8:8">
      <c r="H52593" s="12"/>
    </row>
    <row r="52594" spans="8:8">
      <c r="H52594" s="12"/>
    </row>
    <row r="52595" spans="8:8">
      <c r="H52595" s="12"/>
    </row>
    <row r="52596" spans="8:8">
      <c r="H52596" s="12"/>
    </row>
    <row r="52597" spans="8:8">
      <c r="H52597" s="12"/>
    </row>
    <row r="52598" spans="8:8">
      <c r="H52598" s="12"/>
    </row>
    <row r="52599" spans="8:8">
      <c r="H52599" s="12"/>
    </row>
    <row r="52600" spans="8:8">
      <c r="H52600" s="12"/>
    </row>
    <row r="52601" spans="8:8">
      <c r="H52601" s="12"/>
    </row>
    <row r="52602" spans="8:8">
      <c r="H52602" s="12"/>
    </row>
    <row r="52603" spans="8:8">
      <c r="H52603" s="12"/>
    </row>
    <row r="52604" spans="8:8">
      <c r="H52604" s="12"/>
    </row>
    <row r="52605" spans="8:8">
      <c r="H52605" s="12"/>
    </row>
    <row r="52606" spans="8:8">
      <c r="H52606" s="12"/>
    </row>
    <row r="52607" spans="8:8">
      <c r="H52607" s="12"/>
    </row>
    <row r="52608" spans="8:8">
      <c r="H52608" s="12"/>
    </row>
    <row r="52609" spans="8:8">
      <c r="H52609" s="12"/>
    </row>
    <row r="52610" spans="8:8">
      <c r="H52610" s="12"/>
    </row>
    <row r="52611" spans="8:8">
      <c r="H52611" s="12"/>
    </row>
    <row r="52612" spans="8:8">
      <c r="H52612" s="12"/>
    </row>
    <row r="52613" spans="8:8">
      <c r="H52613" s="12"/>
    </row>
    <row r="52614" spans="8:8">
      <c r="H52614" s="12"/>
    </row>
    <row r="52615" spans="8:8">
      <c r="H52615" s="12"/>
    </row>
    <row r="52616" spans="8:8">
      <c r="H52616" s="12"/>
    </row>
    <row r="52617" spans="8:8">
      <c r="H52617" s="12"/>
    </row>
    <row r="52618" spans="8:8">
      <c r="H52618" s="12"/>
    </row>
    <row r="52619" spans="8:8">
      <c r="H52619" s="12"/>
    </row>
    <row r="52620" spans="8:8">
      <c r="H52620" s="12"/>
    </row>
    <row r="52621" spans="8:8">
      <c r="H52621" s="12"/>
    </row>
    <row r="52622" spans="8:8">
      <c r="H52622" s="12"/>
    </row>
    <row r="52623" spans="8:8">
      <c r="H52623" s="12"/>
    </row>
    <row r="52624" spans="8:8">
      <c r="H52624" s="12"/>
    </row>
    <row r="52625" spans="8:8">
      <c r="H52625" s="12"/>
    </row>
    <row r="52626" spans="8:8">
      <c r="H52626" s="12"/>
    </row>
    <row r="52627" spans="8:8">
      <c r="H52627" s="12"/>
    </row>
    <row r="52628" spans="8:8">
      <c r="H52628" s="12"/>
    </row>
    <row r="52629" spans="8:8">
      <c r="H52629" s="12"/>
    </row>
    <row r="52630" spans="8:8">
      <c r="H52630" s="12"/>
    </row>
    <row r="52631" spans="8:8">
      <c r="H52631" s="12"/>
    </row>
    <row r="52632" spans="8:8">
      <c r="H52632" s="12"/>
    </row>
    <row r="52633" spans="8:8">
      <c r="H52633" s="12"/>
    </row>
    <row r="52634" spans="8:8">
      <c r="H52634" s="12"/>
    </row>
    <row r="52635" spans="8:8">
      <c r="H52635" s="12"/>
    </row>
    <row r="52636" spans="8:8">
      <c r="H52636" s="12"/>
    </row>
    <row r="52637" spans="8:8">
      <c r="H52637" s="12"/>
    </row>
    <row r="52638" spans="8:8">
      <c r="H52638" s="12"/>
    </row>
    <row r="52639" spans="8:8">
      <c r="H52639" s="12"/>
    </row>
    <row r="52640" spans="8:8">
      <c r="H52640" s="12"/>
    </row>
    <row r="52641" spans="8:8">
      <c r="H52641" s="12"/>
    </row>
    <row r="52642" spans="8:8">
      <c r="H52642" s="12"/>
    </row>
    <row r="52643" spans="8:8">
      <c r="H52643" s="12"/>
    </row>
    <row r="52644" spans="8:8">
      <c r="H52644" s="12"/>
    </row>
    <row r="52645" spans="8:8">
      <c r="H52645" s="12"/>
    </row>
    <row r="52646" spans="8:8">
      <c r="H52646" s="12"/>
    </row>
    <row r="52647" spans="8:8">
      <c r="H52647" s="12"/>
    </row>
    <row r="52648" spans="8:8">
      <c r="H52648" s="12"/>
    </row>
    <row r="52649" spans="8:8">
      <c r="H52649" s="12"/>
    </row>
    <row r="52650" spans="8:8">
      <c r="H52650" s="12"/>
    </row>
    <row r="52651" spans="8:8">
      <c r="H52651" s="12"/>
    </row>
    <row r="52652" spans="8:8">
      <c r="H52652" s="12"/>
    </row>
    <row r="52653" spans="8:8">
      <c r="H52653" s="12"/>
    </row>
    <row r="52654" spans="8:8">
      <c r="H52654" s="12"/>
    </row>
    <row r="52655" spans="8:8">
      <c r="H52655" s="12"/>
    </row>
    <row r="52656" spans="8:8">
      <c r="H52656" s="12"/>
    </row>
    <row r="52657" spans="8:8">
      <c r="H52657" s="12"/>
    </row>
    <row r="52658" spans="8:8">
      <c r="H52658" s="12"/>
    </row>
    <row r="52659" spans="8:8">
      <c r="H52659" s="12"/>
    </row>
    <row r="52660" spans="8:8">
      <c r="H52660" s="12"/>
    </row>
    <row r="52661" spans="8:8">
      <c r="H52661" s="12"/>
    </row>
    <row r="52662" spans="8:8">
      <c r="H52662" s="12"/>
    </row>
    <row r="52663" spans="8:8">
      <c r="H52663" s="12"/>
    </row>
    <row r="52664" spans="8:8">
      <c r="H52664" s="12"/>
    </row>
    <row r="52665" spans="8:8">
      <c r="H52665" s="12"/>
    </row>
    <row r="52666" spans="8:8">
      <c r="H52666" s="12"/>
    </row>
    <row r="52667" spans="8:8">
      <c r="H52667" s="12"/>
    </row>
    <row r="52668" spans="8:8">
      <c r="H52668" s="12"/>
    </row>
    <row r="52669" spans="8:8">
      <c r="H52669" s="12"/>
    </row>
    <row r="52670" spans="8:8">
      <c r="H52670" s="12"/>
    </row>
    <row r="52671" spans="8:8">
      <c r="H52671" s="12"/>
    </row>
    <row r="52672" spans="8:8">
      <c r="H52672" s="12"/>
    </row>
    <row r="52673" spans="8:8">
      <c r="H52673" s="12"/>
    </row>
    <row r="52674" spans="8:8">
      <c r="H52674" s="12"/>
    </row>
    <row r="52675" spans="8:8">
      <c r="H52675" s="12"/>
    </row>
    <row r="52676" spans="8:8">
      <c r="H52676" s="12"/>
    </row>
    <row r="52677" spans="8:8">
      <c r="H52677" s="12"/>
    </row>
    <row r="52678" spans="8:8">
      <c r="H52678" s="12"/>
    </row>
    <row r="52679" spans="8:8">
      <c r="H52679" s="12"/>
    </row>
    <row r="52680" spans="8:8">
      <c r="H52680" s="12"/>
    </row>
    <row r="52681" spans="8:8">
      <c r="H52681" s="12"/>
    </row>
    <row r="52682" spans="8:8">
      <c r="H52682" s="12"/>
    </row>
    <row r="52683" spans="8:8">
      <c r="H52683" s="12"/>
    </row>
    <row r="52684" spans="8:8">
      <c r="H52684" s="12"/>
    </row>
    <row r="52685" spans="8:8">
      <c r="H52685" s="12"/>
    </row>
    <row r="52686" spans="8:8">
      <c r="H52686" s="12"/>
    </row>
    <row r="52687" spans="8:8">
      <c r="H52687" s="12"/>
    </row>
    <row r="52688" spans="8:8">
      <c r="H52688" s="12"/>
    </row>
    <row r="52689" spans="8:8">
      <c r="H52689" s="12"/>
    </row>
    <row r="52690" spans="8:8">
      <c r="H52690" s="12"/>
    </row>
    <row r="52691" spans="8:8">
      <c r="H52691" s="12"/>
    </row>
    <row r="52692" spans="8:8">
      <c r="H52692" s="12"/>
    </row>
    <row r="52693" spans="8:8">
      <c r="H52693" s="12"/>
    </row>
    <row r="52694" spans="8:8">
      <c r="H52694" s="12"/>
    </row>
    <row r="52695" spans="8:8">
      <c r="H52695" s="12"/>
    </row>
    <row r="52696" spans="8:8">
      <c r="H52696" s="12"/>
    </row>
    <row r="52697" spans="8:8">
      <c r="H52697" s="12"/>
    </row>
    <row r="52698" spans="8:8">
      <c r="H52698" s="12"/>
    </row>
    <row r="52699" spans="8:8">
      <c r="H52699" s="12"/>
    </row>
    <row r="52700" spans="8:8">
      <c r="H52700" s="12"/>
    </row>
    <row r="52701" spans="8:8">
      <c r="H52701" s="12"/>
    </row>
    <row r="52702" spans="8:8">
      <c r="H52702" s="12"/>
    </row>
    <row r="52703" spans="8:8">
      <c r="H52703" s="12"/>
    </row>
    <row r="52704" spans="8:8">
      <c r="H52704" s="12"/>
    </row>
    <row r="52705" spans="8:8">
      <c r="H52705" s="12"/>
    </row>
    <row r="52706" spans="8:8">
      <c r="H52706" s="12"/>
    </row>
    <row r="52707" spans="8:8">
      <c r="H52707" s="12"/>
    </row>
    <row r="52708" spans="8:8">
      <c r="H52708" s="12"/>
    </row>
    <row r="52709" spans="8:8">
      <c r="H52709" s="12"/>
    </row>
    <row r="52710" spans="8:8">
      <c r="H52710" s="12"/>
    </row>
    <row r="52711" spans="8:8">
      <c r="H52711" s="12"/>
    </row>
    <row r="52712" spans="8:8">
      <c r="H52712" s="12"/>
    </row>
    <row r="52713" spans="8:8">
      <c r="H52713" s="12"/>
    </row>
    <row r="52714" spans="8:8">
      <c r="H52714" s="12"/>
    </row>
    <row r="52715" spans="8:8">
      <c r="H52715" s="12"/>
    </row>
    <row r="52716" spans="8:8">
      <c r="H52716" s="12"/>
    </row>
    <row r="52717" spans="8:8">
      <c r="H52717" s="12"/>
    </row>
    <row r="52718" spans="8:8">
      <c r="H52718" s="12"/>
    </row>
    <row r="52719" spans="8:8">
      <c r="H52719" s="12"/>
    </row>
    <row r="52720" spans="8:8">
      <c r="H52720" s="12"/>
    </row>
    <row r="52721" spans="8:8">
      <c r="H52721" s="12"/>
    </row>
    <row r="52722" spans="8:8">
      <c r="H52722" s="12"/>
    </row>
    <row r="52723" spans="8:8">
      <c r="H52723" s="12"/>
    </row>
    <row r="52724" spans="8:8">
      <c r="H52724" s="12"/>
    </row>
    <row r="52725" spans="8:8">
      <c r="H52725" s="12"/>
    </row>
    <row r="52726" spans="8:8">
      <c r="H52726" s="12"/>
    </row>
    <row r="52727" spans="8:8">
      <c r="H52727" s="12"/>
    </row>
    <row r="52728" spans="8:8">
      <c r="H52728" s="12"/>
    </row>
    <row r="52729" spans="8:8">
      <c r="H52729" s="12"/>
    </row>
    <row r="52730" spans="8:8">
      <c r="H52730" s="12"/>
    </row>
    <row r="52731" spans="8:8">
      <c r="H52731" s="12"/>
    </row>
    <row r="52732" spans="8:8">
      <c r="H52732" s="12"/>
    </row>
    <row r="52733" spans="8:8">
      <c r="H52733" s="12"/>
    </row>
    <row r="52734" spans="8:8">
      <c r="H52734" s="12"/>
    </row>
    <row r="52735" spans="8:8">
      <c r="H52735" s="12"/>
    </row>
    <row r="52736" spans="8:8">
      <c r="H52736" s="12"/>
    </row>
    <row r="52737" spans="8:8">
      <c r="H52737" s="12"/>
    </row>
    <row r="52738" spans="8:8">
      <c r="H52738" s="12"/>
    </row>
    <row r="52739" spans="8:8">
      <c r="H52739" s="12"/>
    </row>
    <row r="52740" spans="8:8">
      <c r="H52740" s="12"/>
    </row>
    <row r="52741" spans="8:8">
      <c r="H52741" s="12"/>
    </row>
    <row r="52742" spans="8:8">
      <c r="H52742" s="12"/>
    </row>
    <row r="52743" spans="8:8">
      <c r="H52743" s="12"/>
    </row>
    <row r="52744" spans="8:8">
      <c r="H52744" s="12"/>
    </row>
    <row r="52745" spans="8:8">
      <c r="H52745" s="12"/>
    </row>
    <row r="52746" spans="8:8">
      <c r="H52746" s="12"/>
    </row>
    <row r="52747" spans="8:8">
      <c r="H52747" s="12"/>
    </row>
    <row r="52748" spans="8:8">
      <c r="H52748" s="12"/>
    </row>
    <row r="52749" spans="8:8">
      <c r="H52749" s="12"/>
    </row>
    <row r="52750" spans="8:8">
      <c r="H52750" s="12"/>
    </row>
    <row r="52751" spans="8:8">
      <c r="H52751" s="12"/>
    </row>
    <row r="52752" spans="8:8">
      <c r="H52752" s="12"/>
    </row>
    <row r="52753" spans="8:8">
      <c r="H52753" s="12"/>
    </row>
    <row r="52754" spans="8:8">
      <c r="H52754" s="12"/>
    </row>
    <row r="52755" spans="8:8">
      <c r="H52755" s="12"/>
    </row>
    <row r="52756" spans="8:8">
      <c r="H52756" s="12"/>
    </row>
    <row r="52757" spans="8:8">
      <c r="H52757" s="12"/>
    </row>
    <row r="52758" spans="8:8">
      <c r="H52758" s="12"/>
    </row>
    <row r="52759" spans="8:8">
      <c r="H52759" s="12"/>
    </row>
    <row r="52760" spans="8:8">
      <c r="H52760" s="12"/>
    </row>
    <row r="52761" spans="8:8">
      <c r="H52761" s="12"/>
    </row>
    <row r="52762" spans="8:8">
      <c r="H52762" s="12"/>
    </row>
    <row r="52763" spans="8:8">
      <c r="H52763" s="12"/>
    </row>
    <row r="52764" spans="8:8">
      <c r="H52764" s="12"/>
    </row>
    <row r="52765" spans="8:8">
      <c r="H52765" s="12"/>
    </row>
    <row r="52766" spans="8:8">
      <c r="H52766" s="12"/>
    </row>
    <row r="52767" spans="8:8">
      <c r="H52767" s="12"/>
    </row>
    <row r="52768" spans="8:8">
      <c r="H52768" s="12"/>
    </row>
    <row r="52769" spans="8:8">
      <c r="H52769" s="12"/>
    </row>
    <row r="52770" spans="8:8">
      <c r="H52770" s="12"/>
    </row>
    <row r="52771" spans="8:8">
      <c r="H52771" s="12"/>
    </row>
    <row r="52772" spans="8:8">
      <c r="H52772" s="12"/>
    </row>
    <row r="52773" spans="8:8">
      <c r="H52773" s="12"/>
    </row>
    <row r="52774" spans="8:8">
      <c r="H52774" s="12"/>
    </row>
    <row r="52775" spans="8:8">
      <c r="H52775" s="12"/>
    </row>
    <row r="52776" spans="8:8">
      <c r="H52776" s="12"/>
    </row>
    <row r="52777" spans="8:8">
      <c r="H52777" s="12"/>
    </row>
    <row r="52778" spans="8:8">
      <c r="H52778" s="12"/>
    </row>
    <row r="52779" spans="8:8">
      <c r="H52779" s="12"/>
    </row>
    <row r="52780" spans="8:8">
      <c r="H52780" s="12"/>
    </row>
    <row r="52781" spans="8:8">
      <c r="H52781" s="12"/>
    </row>
    <row r="52782" spans="8:8">
      <c r="H52782" s="12"/>
    </row>
    <row r="52783" spans="8:8">
      <c r="H52783" s="12"/>
    </row>
    <row r="52784" spans="8:8">
      <c r="H52784" s="12"/>
    </row>
    <row r="52785" spans="8:8">
      <c r="H52785" s="12"/>
    </row>
    <row r="52786" spans="8:8">
      <c r="H52786" s="12"/>
    </row>
    <row r="52787" spans="8:8">
      <c r="H52787" s="12"/>
    </row>
    <row r="52788" spans="8:8">
      <c r="H52788" s="12"/>
    </row>
    <row r="52789" spans="8:8">
      <c r="H52789" s="12"/>
    </row>
    <row r="52790" spans="8:8">
      <c r="H52790" s="12"/>
    </row>
    <row r="52791" spans="8:8">
      <c r="H52791" s="12"/>
    </row>
    <row r="52792" spans="8:8">
      <c r="H52792" s="12"/>
    </row>
    <row r="52793" spans="8:8">
      <c r="H52793" s="12"/>
    </row>
    <row r="52794" spans="8:8">
      <c r="H52794" s="12"/>
    </row>
    <row r="52795" spans="8:8">
      <c r="H52795" s="12"/>
    </row>
    <row r="52796" spans="8:8">
      <c r="H52796" s="12"/>
    </row>
    <row r="52797" spans="8:8">
      <c r="H52797" s="12"/>
    </row>
    <row r="52798" spans="8:8">
      <c r="H52798" s="12"/>
    </row>
    <row r="52799" spans="8:8">
      <c r="H52799" s="12"/>
    </row>
    <row r="52800" spans="8:8">
      <c r="H52800" s="12"/>
    </row>
    <row r="52801" spans="8:8">
      <c r="H52801" s="12"/>
    </row>
    <row r="52802" spans="8:8">
      <c r="H52802" s="12"/>
    </row>
    <row r="52803" spans="8:8">
      <c r="H52803" s="12"/>
    </row>
    <row r="52804" spans="8:8">
      <c r="H52804" s="12"/>
    </row>
    <row r="52805" spans="8:8">
      <c r="H52805" s="12"/>
    </row>
    <row r="52806" spans="8:8">
      <c r="H52806" s="12"/>
    </row>
    <row r="52807" spans="8:8">
      <c r="H52807" s="12"/>
    </row>
    <row r="52808" spans="8:8">
      <c r="H52808" s="12"/>
    </row>
    <row r="52809" spans="8:8">
      <c r="H52809" s="12"/>
    </row>
    <row r="52810" spans="8:8">
      <c r="H52810" s="12"/>
    </row>
    <row r="52811" spans="8:8">
      <c r="H52811" s="12"/>
    </row>
    <row r="52812" spans="8:8">
      <c r="H52812" s="12"/>
    </row>
    <row r="52813" spans="8:8">
      <c r="H52813" s="12"/>
    </row>
    <row r="52814" spans="8:8">
      <c r="H52814" s="12"/>
    </row>
    <row r="52815" spans="8:8">
      <c r="H52815" s="12"/>
    </row>
    <row r="52816" spans="8:8">
      <c r="H52816" s="12"/>
    </row>
    <row r="52817" spans="8:8">
      <c r="H52817" s="12"/>
    </row>
    <row r="52818" spans="8:8">
      <c r="H52818" s="12"/>
    </row>
    <row r="52819" spans="8:8">
      <c r="H52819" s="12"/>
    </row>
    <row r="52820" spans="8:8">
      <c r="H52820" s="12"/>
    </row>
    <row r="52821" spans="8:8">
      <c r="H52821" s="12"/>
    </row>
    <row r="52822" spans="8:8">
      <c r="H52822" s="12"/>
    </row>
    <row r="52823" spans="8:8">
      <c r="H52823" s="12"/>
    </row>
    <row r="52824" spans="8:8">
      <c r="H52824" s="12"/>
    </row>
    <row r="52825" spans="8:8">
      <c r="H52825" s="12"/>
    </row>
    <row r="52826" spans="8:8">
      <c r="H52826" s="12"/>
    </row>
    <row r="52827" spans="8:8">
      <c r="H52827" s="12"/>
    </row>
    <row r="52828" spans="8:8">
      <c r="H52828" s="12"/>
    </row>
    <row r="52829" spans="8:8">
      <c r="H52829" s="12"/>
    </row>
    <row r="52830" spans="8:8">
      <c r="H52830" s="12"/>
    </row>
    <row r="52831" spans="8:8">
      <c r="H52831" s="12"/>
    </row>
    <row r="52832" spans="8:8">
      <c r="H52832" s="12"/>
    </row>
    <row r="52833" spans="8:8">
      <c r="H52833" s="12"/>
    </row>
    <row r="52834" spans="8:8">
      <c r="H52834" s="12"/>
    </row>
    <row r="52835" spans="8:8">
      <c r="H52835" s="12"/>
    </row>
    <row r="52836" spans="8:8">
      <c r="H52836" s="12"/>
    </row>
    <row r="52837" spans="8:8">
      <c r="H52837" s="12"/>
    </row>
    <row r="52838" spans="8:8">
      <c r="H52838" s="12"/>
    </row>
    <row r="52839" spans="8:8">
      <c r="H52839" s="12"/>
    </row>
    <row r="52840" spans="8:8">
      <c r="H52840" s="12"/>
    </row>
    <row r="52841" spans="8:8">
      <c r="H52841" s="12"/>
    </row>
    <row r="52842" spans="8:8">
      <c r="H52842" s="12"/>
    </row>
    <row r="52843" spans="8:8">
      <c r="H52843" s="12"/>
    </row>
    <row r="52844" spans="8:8">
      <c r="H52844" s="12"/>
    </row>
    <row r="52845" spans="8:8">
      <c r="H52845" s="12"/>
    </row>
    <row r="52846" spans="8:8">
      <c r="H52846" s="12"/>
    </row>
    <row r="52847" spans="8:8">
      <c r="H52847" s="12"/>
    </row>
    <row r="52848" spans="8:8">
      <c r="H52848" s="12"/>
    </row>
    <row r="52849" spans="8:8">
      <c r="H52849" s="12"/>
    </row>
    <row r="52850" spans="8:8">
      <c r="H52850" s="12"/>
    </row>
    <row r="52851" spans="8:8">
      <c r="H52851" s="12"/>
    </row>
    <row r="52852" spans="8:8">
      <c r="H52852" s="12"/>
    </row>
    <row r="52853" spans="8:8">
      <c r="H52853" s="12"/>
    </row>
    <row r="52854" spans="8:8">
      <c r="H52854" s="12"/>
    </row>
    <row r="52855" spans="8:8">
      <c r="H52855" s="12"/>
    </row>
    <row r="52856" spans="8:8">
      <c r="H52856" s="12"/>
    </row>
    <row r="52857" spans="8:8">
      <c r="H52857" s="12"/>
    </row>
    <row r="52858" spans="8:8">
      <c r="H52858" s="12"/>
    </row>
    <row r="52859" spans="8:8">
      <c r="H52859" s="12"/>
    </row>
    <row r="52860" spans="8:8">
      <c r="H52860" s="12"/>
    </row>
    <row r="52861" spans="8:8">
      <c r="H52861" s="12"/>
    </row>
    <row r="52862" spans="8:8">
      <c r="H52862" s="12"/>
    </row>
    <row r="52863" spans="8:8">
      <c r="H52863" s="12"/>
    </row>
    <row r="52864" spans="8:8">
      <c r="H52864" s="12"/>
    </row>
    <row r="52865" spans="8:8">
      <c r="H52865" s="12"/>
    </row>
    <row r="52866" spans="8:8">
      <c r="H52866" s="12"/>
    </row>
    <row r="52867" spans="8:8">
      <c r="H52867" s="12"/>
    </row>
    <row r="52868" spans="8:8">
      <c r="H52868" s="12"/>
    </row>
    <row r="52869" spans="8:8">
      <c r="H52869" s="12"/>
    </row>
    <row r="52870" spans="8:8">
      <c r="H52870" s="12"/>
    </row>
    <row r="52871" spans="8:8">
      <c r="H52871" s="12"/>
    </row>
    <row r="52872" spans="8:8">
      <c r="H52872" s="12"/>
    </row>
    <row r="52873" spans="8:8">
      <c r="H52873" s="12"/>
    </row>
    <row r="52874" spans="8:8">
      <c r="H52874" s="12"/>
    </row>
    <row r="52875" spans="8:8">
      <c r="H52875" s="12"/>
    </row>
    <row r="52876" spans="8:8">
      <c r="H52876" s="12"/>
    </row>
    <row r="52877" spans="8:8">
      <c r="H52877" s="12"/>
    </row>
    <row r="52878" spans="8:8">
      <c r="H52878" s="12"/>
    </row>
    <row r="52879" spans="8:8">
      <c r="H52879" s="12"/>
    </row>
    <row r="52880" spans="8:8">
      <c r="H52880" s="12"/>
    </row>
    <row r="52881" spans="8:8">
      <c r="H52881" s="12"/>
    </row>
    <row r="52882" spans="8:8">
      <c r="H52882" s="12"/>
    </row>
    <row r="52883" spans="8:8">
      <c r="H52883" s="12"/>
    </row>
    <row r="52884" spans="8:8">
      <c r="H52884" s="12"/>
    </row>
    <row r="52885" spans="8:8">
      <c r="H52885" s="12"/>
    </row>
    <row r="52886" spans="8:8">
      <c r="H52886" s="12"/>
    </row>
    <row r="52887" spans="8:8">
      <c r="H52887" s="12"/>
    </row>
    <row r="52888" spans="8:8">
      <c r="H52888" s="12"/>
    </row>
    <row r="52889" spans="8:8">
      <c r="H52889" s="12"/>
    </row>
    <row r="52890" spans="8:8">
      <c r="H52890" s="12"/>
    </row>
    <row r="52891" spans="8:8">
      <c r="H52891" s="12"/>
    </row>
    <row r="52892" spans="8:8">
      <c r="H52892" s="12"/>
    </row>
    <row r="52893" spans="8:8">
      <c r="H52893" s="12"/>
    </row>
    <row r="52894" spans="8:8">
      <c r="H52894" s="12"/>
    </row>
    <row r="52895" spans="8:8">
      <c r="H52895" s="12"/>
    </row>
    <row r="52896" spans="8:8">
      <c r="H52896" s="12"/>
    </row>
    <row r="52897" spans="8:8">
      <c r="H52897" s="12"/>
    </row>
    <row r="52898" spans="8:8">
      <c r="H52898" s="12"/>
    </row>
    <row r="52899" spans="8:8">
      <c r="H52899" s="12"/>
    </row>
    <row r="52900" spans="8:8">
      <c r="H52900" s="12"/>
    </row>
    <row r="52901" spans="8:8">
      <c r="H52901" s="12"/>
    </row>
    <row r="52902" spans="8:8">
      <c r="H52902" s="12"/>
    </row>
    <row r="52903" spans="8:8">
      <c r="H52903" s="12"/>
    </row>
    <row r="52904" spans="8:8">
      <c r="H52904" s="12"/>
    </row>
    <row r="52905" spans="8:8">
      <c r="H52905" s="12"/>
    </row>
    <row r="52906" spans="8:8">
      <c r="H52906" s="12"/>
    </row>
    <row r="52907" spans="8:8">
      <c r="H52907" s="12"/>
    </row>
    <row r="52908" spans="8:8">
      <c r="H52908" s="12"/>
    </row>
    <row r="52909" spans="8:8">
      <c r="H52909" s="12"/>
    </row>
    <row r="52910" spans="8:8">
      <c r="H52910" s="12"/>
    </row>
    <row r="52911" spans="8:8">
      <c r="H52911" s="12"/>
    </row>
    <row r="52912" spans="8:8">
      <c r="H52912" s="12"/>
    </row>
    <row r="52913" spans="8:8">
      <c r="H52913" s="12"/>
    </row>
    <row r="52914" spans="8:8">
      <c r="H52914" s="12"/>
    </row>
    <row r="52915" spans="8:8">
      <c r="H52915" s="12"/>
    </row>
    <row r="52916" spans="8:8">
      <c r="H52916" s="12"/>
    </row>
    <row r="52917" spans="8:8">
      <c r="H52917" s="12"/>
    </row>
    <row r="52918" spans="8:8">
      <c r="H52918" s="12"/>
    </row>
    <row r="52919" spans="8:8">
      <c r="H52919" s="12"/>
    </row>
    <row r="52920" spans="8:8">
      <c r="H52920" s="12"/>
    </row>
    <row r="52921" spans="8:8">
      <c r="H52921" s="12"/>
    </row>
    <row r="52922" spans="8:8">
      <c r="H52922" s="12"/>
    </row>
    <row r="52923" spans="8:8">
      <c r="H52923" s="12"/>
    </row>
    <row r="52924" spans="8:8">
      <c r="H52924" s="12"/>
    </row>
    <row r="52925" spans="8:8">
      <c r="H52925" s="12"/>
    </row>
    <row r="52926" spans="8:8">
      <c r="H52926" s="12"/>
    </row>
    <row r="52927" spans="8:8">
      <c r="H52927" s="12"/>
    </row>
    <row r="52928" spans="8:8">
      <c r="H52928" s="12"/>
    </row>
    <row r="52929" spans="8:8">
      <c r="H52929" s="12"/>
    </row>
    <row r="52930" spans="8:8">
      <c r="H52930" s="12"/>
    </row>
    <row r="52931" spans="8:8">
      <c r="H52931" s="12"/>
    </row>
    <row r="52932" spans="8:8">
      <c r="H52932" s="12"/>
    </row>
    <row r="52933" spans="8:8">
      <c r="H52933" s="12"/>
    </row>
    <row r="52934" spans="8:8">
      <c r="H52934" s="12"/>
    </row>
    <row r="52935" spans="8:8">
      <c r="H52935" s="12"/>
    </row>
    <row r="52936" spans="8:8">
      <c r="H52936" s="12"/>
    </row>
    <row r="52937" spans="8:8">
      <c r="H52937" s="12"/>
    </row>
    <row r="52938" spans="8:8">
      <c r="H52938" s="12"/>
    </row>
    <row r="52939" spans="8:8">
      <c r="H52939" s="12"/>
    </row>
    <row r="52940" spans="8:8">
      <c r="H52940" s="12"/>
    </row>
    <row r="52941" spans="8:8">
      <c r="H52941" s="12"/>
    </row>
    <row r="52942" spans="8:8">
      <c r="H52942" s="12"/>
    </row>
    <row r="52943" spans="8:8">
      <c r="H52943" s="12"/>
    </row>
    <row r="52944" spans="8:8">
      <c r="H52944" s="12"/>
    </row>
    <row r="52945" spans="8:8">
      <c r="H52945" s="12"/>
    </row>
    <row r="52946" spans="8:8">
      <c r="H52946" s="12"/>
    </row>
    <row r="52947" spans="8:8">
      <c r="H52947" s="12"/>
    </row>
    <row r="52948" spans="8:8">
      <c r="H52948" s="12"/>
    </row>
    <row r="52949" spans="8:8">
      <c r="H52949" s="12"/>
    </row>
    <row r="52950" spans="8:8">
      <c r="H52950" s="12"/>
    </row>
    <row r="52951" spans="8:8">
      <c r="H52951" s="12"/>
    </row>
    <row r="52952" spans="8:8">
      <c r="H52952" s="12"/>
    </row>
    <row r="52953" spans="8:8">
      <c r="H52953" s="12"/>
    </row>
    <row r="52954" spans="8:8">
      <c r="H52954" s="12"/>
    </row>
    <row r="52955" spans="8:8">
      <c r="H52955" s="12"/>
    </row>
    <row r="52956" spans="8:8">
      <c r="H52956" s="12"/>
    </row>
    <row r="52957" spans="8:8">
      <c r="H52957" s="12"/>
    </row>
    <row r="52958" spans="8:8">
      <c r="H52958" s="12"/>
    </row>
    <row r="52959" spans="8:8">
      <c r="H52959" s="12"/>
    </row>
    <row r="52960" spans="8:8">
      <c r="H52960" s="12"/>
    </row>
    <row r="52961" spans="8:8">
      <c r="H52961" s="12"/>
    </row>
    <row r="52962" spans="8:8">
      <c r="H52962" s="12"/>
    </row>
    <row r="52963" spans="8:8">
      <c r="H52963" s="12"/>
    </row>
    <row r="52964" spans="8:8">
      <c r="H52964" s="12"/>
    </row>
    <row r="52965" spans="8:8">
      <c r="H52965" s="12"/>
    </row>
    <row r="52966" spans="8:8">
      <c r="H52966" s="12"/>
    </row>
    <row r="52967" spans="8:8">
      <c r="H52967" s="12"/>
    </row>
    <row r="52968" spans="8:8">
      <c r="H52968" s="12"/>
    </row>
    <row r="52969" spans="8:8">
      <c r="H52969" s="12"/>
    </row>
    <row r="52970" spans="8:8">
      <c r="H52970" s="12"/>
    </row>
    <row r="52971" spans="8:8">
      <c r="H52971" s="12"/>
    </row>
    <row r="52972" spans="8:8">
      <c r="H52972" s="12"/>
    </row>
    <row r="52973" spans="8:8">
      <c r="H52973" s="12"/>
    </row>
    <row r="52974" spans="8:8">
      <c r="H52974" s="12"/>
    </row>
    <row r="52975" spans="8:8">
      <c r="H52975" s="12"/>
    </row>
    <row r="52976" spans="8:8">
      <c r="H52976" s="12"/>
    </row>
    <row r="52977" spans="8:8">
      <c r="H52977" s="12"/>
    </row>
    <row r="52978" spans="8:8">
      <c r="H52978" s="12"/>
    </row>
    <row r="52979" spans="8:8">
      <c r="H52979" s="12"/>
    </row>
    <row r="52980" spans="8:8">
      <c r="H52980" s="12"/>
    </row>
    <row r="52981" spans="8:8">
      <c r="H52981" s="12"/>
    </row>
    <row r="52982" spans="8:8">
      <c r="H52982" s="12"/>
    </row>
    <row r="52983" spans="8:8">
      <c r="H52983" s="12"/>
    </row>
    <row r="52984" spans="8:8">
      <c r="H52984" s="12"/>
    </row>
    <row r="52985" spans="8:8">
      <c r="H52985" s="12"/>
    </row>
    <row r="52986" spans="8:8">
      <c r="H52986" s="12"/>
    </row>
    <row r="52987" spans="8:8">
      <c r="H52987" s="12"/>
    </row>
    <row r="52988" spans="8:8">
      <c r="H52988" s="12"/>
    </row>
    <row r="52989" spans="8:8">
      <c r="H52989" s="12"/>
    </row>
    <row r="52990" spans="8:8">
      <c r="H52990" s="12"/>
    </row>
    <row r="52991" spans="8:8">
      <c r="H52991" s="12"/>
    </row>
    <row r="52992" spans="8:8">
      <c r="H52992" s="12"/>
    </row>
    <row r="52993" spans="8:8">
      <c r="H52993" s="12"/>
    </row>
    <row r="52994" spans="8:8">
      <c r="H52994" s="12"/>
    </row>
    <row r="52995" spans="8:8">
      <c r="H52995" s="12"/>
    </row>
    <row r="52996" spans="8:8">
      <c r="H52996" s="12"/>
    </row>
    <row r="52997" spans="8:8">
      <c r="H52997" s="12"/>
    </row>
    <row r="52998" spans="8:8">
      <c r="H52998" s="12"/>
    </row>
    <row r="52999" spans="8:8">
      <c r="H52999" s="12"/>
    </row>
    <row r="53000" spans="8:8">
      <c r="H53000" s="12"/>
    </row>
    <row r="53001" spans="8:8">
      <c r="H53001" s="12"/>
    </row>
    <row r="53002" spans="8:8">
      <c r="H53002" s="12"/>
    </row>
    <row r="53003" spans="8:8">
      <c r="H53003" s="12"/>
    </row>
    <row r="53004" spans="8:8">
      <c r="H53004" s="12"/>
    </row>
    <row r="53005" spans="8:8">
      <c r="H53005" s="12"/>
    </row>
    <row r="53006" spans="8:8">
      <c r="H53006" s="12"/>
    </row>
    <row r="53007" spans="8:8">
      <c r="H53007" s="12"/>
    </row>
    <row r="53008" spans="8:8">
      <c r="H53008" s="12"/>
    </row>
    <row r="53009" spans="8:8">
      <c r="H53009" s="12"/>
    </row>
    <row r="53010" spans="8:8">
      <c r="H53010" s="12"/>
    </row>
    <row r="53011" spans="8:8">
      <c r="H53011" s="12"/>
    </row>
    <row r="53012" spans="8:8">
      <c r="H53012" s="12"/>
    </row>
    <row r="53013" spans="8:8">
      <c r="H53013" s="12"/>
    </row>
    <row r="53014" spans="8:8">
      <c r="H53014" s="12"/>
    </row>
    <row r="53015" spans="8:8">
      <c r="H53015" s="12"/>
    </row>
    <row r="53016" spans="8:8">
      <c r="H53016" s="12"/>
    </row>
    <row r="53017" spans="8:8">
      <c r="H53017" s="12"/>
    </row>
    <row r="53018" spans="8:8">
      <c r="H53018" s="12"/>
    </row>
    <row r="53019" spans="8:8">
      <c r="H53019" s="12"/>
    </row>
    <row r="53020" spans="8:8">
      <c r="H53020" s="12"/>
    </row>
    <row r="53021" spans="8:8">
      <c r="H53021" s="12"/>
    </row>
    <row r="53022" spans="8:8">
      <c r="H53022" s="12"/>
    </row>
    <row r="53023" spans="8:8">
      <c r="H53023" s="12"/>
    </row>
    <row r="53024" spans="8:8">
      <c r="H53024" s="12"/>
    </row>
    <row r="53025" spans="8:8">
      <c r="H53025" s="12"/>
    </row>
    <row r="53026" spans="8:8">
      <c r="H53026" s="12"/>
    </row>
    <row r="53027" spans="8:8">
      <c r="H53027" s="12"/>
    </row>
    <row r="53028" spans="8:8">
      <c r="H53028" s="12"/>
    </row>
    <row r="53029" spans="8:8">
      <c r="H53029" s="12"/>
    </row>
    <row r="53030" spans="8:8">
      <c r="H53030" s="12"/>
    </row>
    <row r="53031" spans="8:8">
      <c r="H53031" s="12"/>
    </row>
    <row r="53032" spans="8:8">
      <c r="H53032" s="12"/>
    </row>
    <row r="53033" spans="8:8">
      <c r="H53033" s="12"/>
    </row>
    <row r="53034" spans="8:8">
      <c r="H53034" s="12"/>
    </row>
    <row r="53035" spans="8:8">
      <c r="H53035" s="12"/>
    </row>
    <row r="53036" spans="8:8">
      <c r="H53036" s="12"/>
    </row>
    <row r="53037" spans="8:8">
      <c r="H53037" s="12"/>
    </row>
    <row r="53038" spans="8:8">
      <c r="H53038" s="12"/>
    </row>
    <row r="53039" spans="8:8">
      <c r="H53039" s="12"/>
    </row>
    <row r="53040" spans="8:8">
      <c r="H53040" s="12"/>
    </row>
    <row r="53041" spans="8:8">
      <c r="H53041" s="12"/>
    </row>
    <row r="53042" spans="8:8">
      <c r="H53042" s="12"/>
    </row>
    <row r="53043" spans="8:8">
      <c r="H53043" s="12"/>
    </row>
    <row r="53044" spans="8:8">
      <c r="H53044" s="12"/>
    </row>
    <row r="53045" spans="8:8">
      <c r="H53045" s="12"/>
    </row>
    <row r="53046" spans="8:8">
      <c r="H53046" s="12"/>
    </row>
    <row r="53047" spans="8:8">
      <c r="H53047" s="12"/>
    </row>
    <row r="53048" spans="8:8">
      <c r="H53048" s="12"/>
    </row>
    <row r="53049" spans="8:8">
      <c r="H53049" s="12"/>
    </row>
    <row r="53050" spans="8:8">
      <c r="H53050" s="12"/>
    </row>
    <row r="53051" spans="8:8">
      <c r="H53051" s="12"/>
    </row>
    <row r="53052" spans="8:8">
      <c r="H53052" s="12"/>
    </row>
    <row r="53053" spans="8:8">
      <c r="H53053" s="12"/>
    </row>
    <row r="53054" spans="8:8">
      <c r="H53054" s="12"/>
    </row>
    <row r="53055" spans="8:8">
      <c r="H53055" s="12"/>
    </row>
    <row r="53056" spans="8:8">
      <c r="H53056" s="12"/>
    </row>
    <row r="53057" spans="8:8">
      <c r="H53057" s="12"/>
    </row>
    <row r="53058" spans="8:8">
      <c r="H53058" s="12"/>
    </row>
    <row r="53059" spans="8:8">
      <c r="H53059" s="12"/>
    </row>
    <row r="53060" spans="8:8">
      <c r="H53060" s="12"/>
    </row>
    <row r="53061" spans="8:8">
      <c r="H53061" s="12"/>
    </row>
    <row r="53062" spans="8:8">
      <c r="H53062" s="12"/>
    </row>
    <row r="53063" spans="8:8">
      <c r="H53063" s="12"/>
    </row>
    <row r="53064" spans="8:8">
      <c r="H53064" s="12"/>
    </row>
    <row r="53065" spans="8:8">
      <c r="H53065" s="12"/>
    </row>
    <row r="53066" spans="8:8">
      <c r="H53066" s="12"/>
    </row>
    <row r="53067" spans="8:8">
      <c r="H53067" s="12"/>
    </row>
    <row r="53068" spans="8:8">
      <c r="H53068" s="12"/>
    </row>
    <row r="53069" spans="8:8">
      <c r="H53069" s="12"/>
    </row>
    <row r="53070" spans="8:8">
      <c r="H53070" s="12"/>
    </row>
    <row r="53071" spans="8:8">
      <c r="H53071" s="12"/>
    </row>
    <row r="53072" spans="8:8">
      <c r="H53072" s="12"/>
    </row>
    <row r="53073" spans="8:8">
      <c r="H53073" s="12"/>
    </row>
    <row r="53074" spans="8:8">
      <c r="H53074" s="12"/>
    </row>
    <row r="53075" spans="8:8">
      <c r="H53075" s="12"/>
    </row>
    <row r="53076" spans="8:8">
      <c r="H53076" s="12"/>
    </row>
    <row r="53077" spans="8:8">
      <c r="H53077" s="12"/>
    </row>
    <row r="53078" spans="8:8">
      <c r="H53078" s="12"/>
    </row>
    <row r="53079" spans="8:8">
      <c r="H53079" s="12"/>
    </row>
    <row r="53080" spans="8:8">
      <c r="H53080" s="12"/>
    </row>
    <row r="53081" spans="8:8">
      <c r="H53081" s="12"/>
    </row>
    <row r="53082" spans="8:8">
      <c r="H53082" s="12"/>
    </row>
    <row r="53083" spans="8:8">
      <c r="H53083" s="12"/>
    </row>
    <row r="53084" spans="8:8">
      <c r="H53084" s="12"/>
    </row>
    <row r="53085" spans="8:8">
      <c r="H53085" s="12"/>
    </row>
    <row r="53086" spans="8:8">
      <c r="H53086" s="12"/>
    </row>
    <row r="53087" spans="8:8">
      <c r="H53087" s="12"/>
    </row>
    <row r="53088" spans="8:8">
      <c r="H53088" s="12"/>
    </row>
    <row r="53089" spans="8:8">
      <c r="H53089" s="12"/>
    </row>
    <row r="53090" spans="8:8">
      <c r="H53090" s="12"/>
    </row>
    <row r="53091" spans="8:8">
      <c r="H53091" s="12"/>
    </row>
    <row r="53092" spans="8:8">
      <c r="H53092" s="12"/>
    </row>
    <row r="53093" spans="8:8">
      <c r="H53093" s="12"/>
    </row>
    <row r="53094" spans="8:8">
      <c r="H53094" s="12"/>
    </row>
    <row r="53095" spans="8:8">
      <c r="H53095" s="12"/>
    </row>
    <row r="53096" spans="8:8">
      <c r="H53096" s="12"/>
    </row>
    <row r="53097" spans="8:8">
      <c r="H53097" s="12"/>
    </row>
    <row r="53098" spans="8:8">
      <c r="H53098" s="12"/>
    </row>
    <row r="53099" spans="8:8">
      <c r="H53099" s="12"/>
    </row>
    <row r="53100" spans="8:8">
      <c r="H53100" s="12"/>
    </row>
    <row r="53101" spans="8:8">
      <c r="H53101" s="12"/>
    </row>
    <row r="53102" spans="8:8">
      <c r="H53102" s="12"/>
    </row>
    <row r="53103" spans="8:8">
      <c r="H53103" s="12"/>
    </row>
    <row r="53104" spans="8:8">
      <c r="H53104" s="12"/>
    </row>
    <row r="53105" spans="8:8">
      <c r="H53105" s="12"/>
    </row>
    <row r="53106" spans="8:8">
      <c r="H53106" s="12"/>
    </row>
    <row r="53107" spans="8:8">
      <c r="H53107" s="12"/>
    </row>
    <row r="53108" spans="8:8">
      <c r="H53108" s="12"/>
    </row>
    <row r="53109" spans="8:8">
      <c r="H53109" s="12"/>
    </row>
    <row r="53110" spans="8:8">
      <c r="H53110" s="12"/>
    </row>
    <row r="53111" spans="8:8">
      <c r="H53111" s="12"/>
    </row>
    <row r="53112" spans="8:8">
      <c r="H53112" s="12"/>
    </row>
    <row r="53113" spans="8:8">
      <c r="H53113" s="12"/>
    </row>
    <row r="53114" spans="8:8">
      <c r="H53114" s="12"/>
    </row>
    <row r="53115" spans="8:8">
      <c r="H53115" s="12"/>
    </row>
    <row r="53116" spans="8:8">
      <c r="H53116" s="12"/>
    </row>
    <row r="53117" spans="8:8">
      <c r="H53117" s="12"/>
    </row>
    <row r="53118" spans="8:8">
      <c r="H53118" s="12"/>
    </row>
    <row r="53119" spans="8:8">
      <c r="H53119" s="12"/>
    </row>
    <row r="53120" spans="8:8">
      <c r="H53120" s="12"/>
    </row>
    <row r="53121" spans="8:8">
      <c r="H53121" s="12"/>
    </row>
    <row r="53122" spans="8:8">
      <c r="H53122" s="12"/>
    </row>
    <row r="53123" spans="8:8">
      <c r="H53123" s="12"/>
    </row>
    <row r="53124" spans="8:8">
      <c r="H53124" s="12"/>
    </row>
    <row r="53125" spans="8:8">
      <c r="H53125" s="12"/>
    </row>
    <row r="53126" spans="8:8">
      <c r="H53126" s="12"/>
    </row>
    <row r="53127" spans="8:8">
      <c r="H53127" s="12"/>
    </row>
    <row r="53128" spans="8:8">
      <c r="H53128" s="12"/>
    </row>
    <row r="53129" spans="8:8">
      <c r="H53129" s="12"/>
    </row>
    <row r="53130" spans="8:8">
      <c r="H53130" s="12"/>
    </row>
    <row r="53131" spans="8:8">
      <c r="H53131" s="12"/>
    </row>
    <row r="53132" spans="8:8">
      <c r="H53132" s="12"/>
    </row>
    <row r="53133" spans="8:8">
      <c r="H53133" s="12"/>
    </row>
    <row r="53134" spans="8:8">
      <c r="H53134" s="12"/>
    </row>
    <row r="53135" spans="8:8">
      <c r="H53135" s="12"/>
    </row>
    <row r="53136" spans="8:8">
      <c r="H53136" s="12"/>
    </row>
    <row r="53137" spans="8:8">
      <c r="H53137" s="12"/>
    </row>
    <row r="53138" spans="8:8">
      <c r="H53138" s="12"/>
    </row>
    <row r="53139" spans="8:8">
      <c r="H53139" s="12"/>
    </row>
    <row r="53140" spans="8:8">
      <c r="H53140" s="12"/>
    </row>
    <row r="53141" spans="8:8">
      <c r="H53141" s="12"/>
    </row>
    <row r="53142" spans="8:8">
      <c r="H53142" s="12"/>
    </row>
    <row r="53143" spans="8:8">
      <c r="H53143" s="12"/>
    </row>
    <row r="53144" spans="8:8">
      <c r="H53144" s="12"/>
    </row>
    <row r="53145" spans="8:8">
      <c r="H53145" s="12"/>
    </row>
    <row r="53146" spans="8:8">
      <c r="H53146" s="12"/>
    </row>
    <row r="53147" spans="8:8">
      <c r="H53147" s="12"/>
    </row>
    <row r="53148" spans="8:8">
      <c r="H53148" s="12"/>
    </row>
    <row r="53149" spans="8:8">
      <c r="H53149" s="12"/>
    </row>
    <row r="53150" spans="8:8">
      <c r="H53150" s="12"/>
    </row>
    <row r="53151" spans="8:8">
      <c r="H53151" s="12"/>
    </row>
    <row r="53152" spans="8:8">
      <c r="H53152" s="12"/>
    </row>
    <row r="53153" spans="8:8">
      <c r="H53153" s="12"/>
    </row>
    <row r="53154" spans="8:8">
      <c r="H53154" s="12"/>
    </row>
    <row r="53155" spans="8:8">
      <c r="H53155" s="12"/>
    </row>
    <row r="53156" spans="8:8">
      <c r="H53156" s="12"/>
    </row>
    <row r="53157" spans="8:8">
      <c r="H53157" s="12"/>
    </row>
    <row r="53158" spans="8:8">
      <c r="H53158" s="12"/>
    </row>
    <row r="53159" spans="8:8">
      <c r="H53159" s="12"/>
    </row>
    <row r="53160" spans="8:8">
      <c r="H53160" s="12"/>
    </row>
    <row r="53161" spans="8:8">
      <c r="H53161" s="12"/>
    </row>
    <row r="53162" spans="8:8">
      <c r="H53162" s="12"/>
    </row>
    <row r="53163" spans="8:8">
      <c r="H53163" s="12"/>
    </row>
    <row r="53164" spans="8:8">
      <c r="H53164" s="12"/>
    </row>
    <row r="53165" spans="8:8">
      <c r="H53165" s="12"/>
    </row>
    <row r="53166" spans="8:8">
      <c r="H53166" s="12"/>
    </row>
    <row r="53167" spans="8:8">
      <c r="H53167" s="12"/>
    </row>
    <row r="53168" spans="8:8">
      <c r="H53168" s="12"/>
    </row>
    <row r="53169" spans="8:8">
      <c r="H53169" s="12"/>
    </row>
    <row r="53170" spans="8:8">
      <c r="H53170" s="12"/>
    </row>
    <row r="53171" spans="8:8">
      <c r="H53171" s="12"/>
    </row>
    <row r="53172" spans="8:8">
      <c r="H53172" s="12"/>
    </row>
    <row r="53173" spans="8:8">
      <c r="H53173" s="12"/>
    </row>
    <row r="53174" spans="8:8">
      <c r="H53174" s="12"/>
    </row>
    <row r="53175" spans="8:8">
      <c r="H53175" s="12"/>
    </row>
    <row r="53176" spans="8:8">
      <c r="H53176" s="12"/>
    </row>
    <row r="53177" spans="8:8">
      <c r="H53177" s="12"/>
    </row>
    <row r="53178" spans="8:8">
      <c r="H53178" s="12"/>
    </row>
    <row r="53179" spans="8:8">
      <c r="H53179" s="12"/>
    </row>
    <row r="53180" spans="8:8">
      <c r="H53180" s="12"/>
    </row>
    <row r="53181" spans="8:8">
      <c r="H53181" s="12"/>
    </row>
    <row r="53182" spans="8:8">
      <c r="H53182" s="12"/>
    </row>
    <row r="53183" spans="8:8">
      <c r="H53183" s="12"/>
    </row>
    <row r="53184" spans="8:8">
      <c r="H53184" s="12"/>
    </row>
    <row r="53185" spans="8:8">
      <c r="H53185" s="12"/>
    </row>
    <row r="53186" spans="8:8">
      <c r="H53186" s="12"/>
    </row>
    <row r="53187" spans="8:8">
      <c r="H53187" s="12"/>
    </row>
    <row r="53188" spans="8:8">
      <c r="H53188" s="12"/>
    </row>
    <row r="53189" spans="8:8">
      <c r="H53189" s="12"/>
    </row>
    <row r="53190" spans="8:8">
      <c r="H53190" s="12"/>
    </row>
    <row r="53191" spans="8:8">
      <c r="H53191" s="12"/>
    </row>
    <row r="53192" spans="8:8">
      <c r="H53192" s="12"/>
    </row>
    <row r="53193" spans="8:8">
      <c r="H53193" s="12"/>
    </row>
    <row r="53194" spans="8:8">
      <c r="H53194" s="12"/>
    </row>
    <row r="53195" spans="8:8">
      <c r="H53195" s="12"/>
    </row>
    <row r="53196" spans="8:8">
      <c r="H53196" s="12"/>
    </row>
    <row r="53197" spans="8:8">
      <c r="H53197" s="12"/>
    </row>
    <row r="53198" spans="8:8">
      <c r="H53198" s="12"/>
    </row>
    <row r="53199" spans="8:8">
      <c r="H53199" s="12"/>
    </row>
    <row r="53200" spans="8:8">
      <c r="H53200" s="12"/>
    </row>
    <row r="53201" spans="8:8">
      <c r="H53201" s="12"/>
    </row>
    <row r="53202" spans="8:8">
      <c r="H53202" s="12"/>
    </row>
    <row r="53203" spans="8:8">
      <c r="H53203" s="12"/>
    </row>
    <row r="53204" spans="8:8">
      <c r="H53204" s="12"/>
    </row>
    <row r="53205" spans="8:8">
      <c r="H53205" s="12"/>
    </row>
    <row r="53206" spans="8:8">
      <c r="H53206" s="12"/>
    </row>
    <row r="53207" spans="8:8">
      <c r="H53207" s="12"/>
    </row>
    <row r="53208" spans="8:8">
      <c r="H53208" s="12"/>
    </row>
    <row r="53209" spans="8:8">
      <c r="H53209" s="12"/>
    </row>
    <row r="53210" spans="8:8">
      <c r="H53210" s="12"/>
    </row>
    <row r="53211" spans="8:8">
      <c r="H53211" s="12"/>
    </row>
    <row r="53212" spans="8:8">
      <c r="H53212" s="12"/>
    </row>
    <row r="53213" spans="8:8">
      <c r="H53213" s="12"/>
    </row>
    <row r="53214" spans="8:8">
      <c r="H53214" s="12"/>
    </row>
    <row r="53215" spans="8:8">
      <c r="H53215" s="12"/>
    </row>
    <row r="53216" spans="8:8">
      <c r="H53216" s="12"/>
    </row>
    <row r="53217" spans="8:8">
      <c r="H53217" s="12"/>
    </row>
    <row r="53218" spans="8:8">
      <c r="H53218" s="12"/>
    </row>
    <row r="53219" spans="8:8">
      <c r="H53219" s="12"/>
    </row>
    <row r="53220" spans="8:8">
      <c r="H53220" s="12"/>
    </row>
    <row r="53221" spans="8:8">
      <c r="H53221" s="12"/>
    </row>
    <row r="53222" spans="8:8">
      <c r="H53222" s="12"/>
    </row>
    <row r="53223" spans="8:8">
      <c r="H53223" s="12"/>
    </row>
    <row r="53224" spans="8:8">
      <c r="H53224" s="12"/>
    </row>
    <row r="53225" spans="8:8">
      <c r="H53225" s="12"/>
    </row>
    <row r="53226" spans="8:8">
      <c r="H53226" s="12"/>
    </row>
    <row r="53227" spans="8:8">
      <c r="H53227" s="12"/>
    </row>
    <row r="53228" spans="8:8">
      <c r="H53228" s="12"/>
    </row>
    <row r="53229" spans="8:8">
      <c r="H53229" s="12"/>
    </row>
    <row r="53230" spans="8:8">
      <c r="H53230" s="12"/>
    </row>
    <row r="53231" spans="8:8">
      <c r="H53231" s="12"/>
    </row>
    <row r="53232" spans="8:8">
      <c r="H53232" s="12"/>
    </row>
    <row r="53233" spans="8:8">
      <c r="H53233" s="12"/>
    </row>
    <row r="53234" spans="8:8">
      <c r="H53234" s="12"/>
    </row>
    <row r="53235" spans="8:8">
      <c r="H53235" s="12"/>
    </row>
    <row r="53236" spans="8:8">
      <c r="H53236" s="12"/>
    </row>
    <row r="53237" spans="8:8">
      <c r="H53237" s="12"/>
    </row>
    <row r="53238" spans="8:8">
      <c r="H53238" s="12"/>
    </row>
    <row r="53239" spans="8:8">
      <c r="H53239" s="12"/>
    </row>
    <row r="53240" spans="8:8">
      <c r="H53240" s="12"/>
    </row>
    <row r="53241" spans="8:8">
      <c r="H53241" s="12"/>
    </row>
    <row r="53242" spans="8:8">
      <c r="H53242" s="12"/>
    </row>
    <row r="53243" spans="8:8">
      <c r="H53243" s="12"/>
    </row>
    <row r="53244" spans="8:8">
      <c r="H53244" s="12"/>
    </row>
    <row r="53245" spans="8:8">
      <c r="H53245" s="12"/>
    </row>
    <row r="53246" spans="8:8">
      <c r="H53246" s="12"/>
    </row>
    <row r="53247" spans="8:8">
      <c r="H53247" s="12"/>
    </row>
    <row r="53248" spans="8:8">
      <c r="H53248" s="12"/>
    </row>
    <row r="53249" spans="8:8">
      <c r="H53249" s="12"/>
    </row>
    <row r="53250" spans="8:8">
      <c r="H53250" s="12"/>
    </row>
    <row r="53251" spans="8:8">
      <c r="H53251" s="12"/>
    </row>
    <row r="53252" spans="8:8">
      <c r="H53252" s="12"/>
    </row>
    <row r="53253" spans="8:8">
      <c r="H53253" s="12"/>
    </row>
    <row r="53254" spans="8:8">
      <c r="H53254" s="12"/>
    </row>
    <row r="53255" spans="8:8">
      <c r="H53255" s="12"/>
    </row>
    <row r="53256" spans="8:8">
      <c r="H53256" s="12"/>
    </row>
    <row r="53257" spans="8:8">
      <c r="H53257" s="12"/>
    </row>
    <row r="53258" spans="8:8">
      <c r="H53258" s="12"/>
    </row>
    <row r="53259" spans="8:8">
      <c r="H53259" s="12"/>
    </row>
    <row r="53260" spans="8:8">
      <c r="H53260" s="12"/>
    </row>
    <row r="53261" spans="8:8">
      <c r="H53261" s="12"/>
    </row>
    <row r="53262" spans="8:8">
      <c r="H53262" s="12"/>
    </row>
    <row r="53263" spans="8:8">
      <c r="H53263" s="12"/>
    </row>
    <row r="53264" spans="8:8">
      <c r="H53264" s="12"/>
    </row>
    <row r="53265" spans="8:8">
      <c r="H53265" s="12"/>
    </row>
    <row r="53266" spans="8:8">
      <c r="H53266" s="12"/>
    </row>
    <row r="53267" spans="8:8">
      <c r="H53267" s="12"/>
    </row>
    <row r="53268" spans="8:8">
      <c r="H53268" s="12"/>
    </row>
    <row r="53269" spans="8:8">
      <c r="H53269" s="12"/>
    </row>
    <row r="53270" spans="8:8">
      <c r="H53270" s="12"/>
    </row>
    <row r="53271" spans="8:8">
      <c r="H53271" s="12"/>
    </row>
    <row r="53272" spans="8:8">
      <c r="H53272" s="12"/>
    </row>
    <row r="53273" spans="8:8">
      <c r="H53273" s="12"/>
    </row>
    <row r="53274" spans="8:8">
      <c r="H53274" s="12"/>
    </row>
    <row r="53275" spans="8:8">
      <c r="H53275" s="12"/>
    </row>
    <row r="53276" spans="8:8">
      <c r="H53276" s="12"/>
    </row>
    <row r="53277" spans="8:8">
      <c r="H53277" s="12"/>
    </row>
    <row r="53278" spans="8:8">
      <c r="H53278" s="12"/>
    </row>
    <row r="53279" spans="8:8">
      <c r="H53279" s="12"/>
    </row>
    <row r="53280" spans="8:8">
      <c r="H53280" s="12"/>
    </row>
    <row r="53281" spans="8:8">
      <c r="H53281" s="12"/>
    </row>
    <row r="53282" spans="8:8">
      <c r="H53282" s="12"/>
    </row>
    <row r="53283" spans="8:8">
      <c r="H53283" s="12"/>
    </row>
    <row r="53284" spans="8:8">
      <c r="H53284" s="12"/>
    </row>
    <row r="53285" spans="8:8">
      <c r="H53285" s="12"/>
    </row>
    <row r="53286" spans="8:8">
      <c r="H53286" s="12"/>
    </row>
    <row r="53287" spans="8:8">
      <c r="H53287" s="12"/>
    </row>
    <row r="53288" spans="8:8">
      <c r="H53288" s="12"/>
    </row>
    <row r="53289" spans="8:8">
      <c r="H53289" s="12"/>
    </row>
    <row r="53290" spans="8:8">
      <c r="H53290" s="12"/>
    </row>
    <row r="53291" spans="8:8">
      <c r="H53291" s="12"/>
    </row>
    <row r="53292" spans="8:8">
      <c r="H53292" s="12"/>
    </row>
    <row r="53293" spans="8:8">
      <c r="H53293" s="12"/>
    </row>
    <row r="53294" spans="8:8">
      <c r="H53294" s="12"/>
    </row>
    <row r="53295" spans="8:8">
      <c r="H53295" s="12"/>
    </row>
    <row r="53296" spans="8:8">
      <c r="H53296" s="12"/>
    </row>
    <row r="53297" spans="8:8">
      <c r="H53297" s="12"/>
    </row>
    <row r="53298" spans="8:8">
      <c r="H53298" s="12"/>
    </row>
    <row r="53299" spans="8:8">
      <c r="H53299" s="12"/>
    </row>
    <row r="53300" spans="8:8">
      <c r="H53300" s="12"/>
    </row>
    <row r="53301" spans="8:8">
      <c r="H53301" s="12"/>
    </row>
    <row r="53302" spans="8:8">
      <c r="H53302" s="12"/>
    </row>
    <row r="53303" spans="8:8">
      <c r="H53303" s="12"/>
    </row>
    <row r="53304" spans="8:8">
      <c r="H53304" s="12"/>
    </row>
    <row r="53305" spans="8:8">
      <c r="H53305" s="12"/>
    </row>
    <row r="53306" spans="8:8">
      <c r="H53306" s="12"/>
    </row>
    <row r="53307" spans="8:8">
      <c r="H53307" s="12"/>
    </row>
    <row r="53308" spans="8:8">
      <c r="H53308" s="12"/>
    </row>
    <row r="53309" spans="8:8">
      <c r="H53309" s="12"/>
    </row>
    <row r="53310" spans="8:8">
      <c r="H53310" s="12"/>
    </row>
    <row r="53311" spans="8:8">
      <c r="H53311" s="12"/>
    </row>
    <row r="53312" spans="8:8">
      <c r="H53312" s="12"/>
    </row>
    <row r="53313" spans="8:8">
      <c r="H53313" s="12"/>
    </row>
    <row r="53314" spans="8:8">
      <c r="H53314" s="12"/>
    </row>
    <row r="53315" spans="8:8">
      <c r="H53315" s="12"/>
    </row>
    <row r="53316" spans="8:8">
      <c r="H53316" s="12"/>
    </row>
    <row r="53317" spans="8:8">
      <c r="H53317" s="12"/>
    </row>
    <row r="53318" spans="8:8">
      <c r="H53318" s="12"/>
    </row>
    <row r="53319" spans="8:8">
      <c r="H53319" s="12"/>
    </row>
    <row r="53320" spans="8:8">
      <c r="H53320" s="12"/>
    </row>
    <row r="53321" spans="8:8">
      <c r="H53321" s="12"/>
    </row>
    <row r="53322" spans="8:8">
      <c r="H53322" s="12"/>
    </row>
    <row r="53323" spans="8:8">
      <c r="H53323" s="12"/>
    </row>
    <row r="53324" spans="8:8">
      <c r="H53324" s="12"/>
    </row>
    <row r="53325" spans="8:8">
      <c r="H53325" s="12"/>
    </row>
    <row r="53326" spans="8:8">
      <c r="H53326" s="12"/>
    </row>
    <row r="53327" spans="8:8">
      <c r="H53327" s="12"/>
    </row>
    <row r="53328" spans="8:8">
      <c r="H53328" s="12"/>
    </row>
    <row r="53329" spans="8:8">
      <c r="H53329" s="12"/>
    </row>
    <row r="53330" spans="8:8">
      <c r="H53330" s="12"/>
    </row>
    <row r="53331" spans="8:8">
      <c r="H53331" s="12"/>
    </row>
    <row r="53332" spans="8:8">
      <c r="H53332" s="12"/>
    </row>
    <row r="53333" spans="8:8">
      <c r="H53333" s="12"/>
    </row>
    <row r="53334" spans="8:8">
      <c r="H53334" s="12"/>
    </row>
    <row r="53335" spans="8:8">
      <c r="H53335" s="12"/>
    </row>
    <row r="53336" spans="8:8">
      <c r="H53336" s="12"/>
    </row>
    <row r="53337" spans="8:8">
      <c r="H53337" s="12"/>
    </row>
    <row r="53338" spans="8:8">
      <c r="H53338" s="12"/>
    </row>
    <row r="53339" spans="8:8">
      <c r="H53339" s="12"/>
    </row>
    <row r="53340" spans="8:8">
      <c r="H53340" s="12"/>
    </row>
    <row r="53341" spans="8:8">
      <c r="H53341" s="12"/>
    </row>
    <row r="53342" spans="8:8">
      <c r="H53342" s="12"/>
    </row>
    <row r="53343" spans="8:8">
      <c r="H53343" s="12"/>
    </row>
    <row r="53344" spans="8:8">
      <c r="H53344" s="12"/>
    </row>
    <row r="53345" spans="8:8">
      <c r="H53345" s="12"/>
    </row>
    <row r="53346" spans="8:8">
      <c r="H53346" s="12"/>
    </row>
    <row r="53347" spans="8:8">
      <c r="H53347" s="12"/>
    </row>
    <row r="53348" spans="8:8">
      <c r="H53348" s="12"/>
    </row>
    <row r="53349" spans="8:8">
      <c r="H53349" s="12"/>
    </row>
    <row r="53350" spans="8:8">
      <c r="H53350" s="12"/>
    </row>
    <row r="53351" spans="8:8">
      <c r="H53351" s="12"/>
    </row>
    <row r="53352" spans="8:8">
      <c r="H53352" s="12"/>
    </row>
    <row r="53353" spans="8:8">
      <c r="H53353" s="12"/>
    </row>
    <row r="53354" spans="8:8">
      <c r="H53354" s="12"/>
    </row>
    <row r="53355" spans="8:8">
      <c r="H53355" s="12"/>
    </row>
    <row r="53356" spans="8:8">
      <c r="H53356" s="12"/>
    </row>
    <row r="53357" spans="8:8">
      <c r="H53357" s="12"/>
    </row>
    <row r="53358" spans="8:8">
      <c r="H53358" s="12"/>
    </row>
    <row r="53359" spans="8:8">
      <c r="H53359" s="12"/>
    </row>
    <row r="53360" spans="8:8">
      <c r="H53360" s="12"/>
    </row>
    <row r="53361" spans="8:8">
      <c r="H53361" s="12"/>
    </row>
    <row r="53362" spans="8:8">
      <c r="H53362" s="12"/>
    </row>
    <row r="53363" spans="8:8">
      <c r="H53363" s="12"/>
    </row>
    <row r="53364" spans="8:8">
      <c r="H53364" s="12"/>
    </row>
    <row r="53365" spans="8:8">
      <c r="H53365" s="12"/>
    </row>
    <row r="53366" spans="8:8">
      <c r="H53366" s="12"/>
    </row>
    <row r="53367" spans="8:8">
      <c r="H53367" s="12"/>
    </row>
    <row r="53368" spans="8:8">
      <c r="H53368" s="12"/>
    </row>
    <row r="53369" spans="8:8">
      <c r="H53369" s="12"/>
    </row>
    <row r="53370" spans="8:8">
      <c r="H53370" s="12"/>
    </row>
    <row r="53371" spans="8:8">
      <c r="H53371" s="12"/>
    </row>
    <row r="53372" spans="8:8">
      <c r="H53372" s="12"/>
    </row>
    <row r="53373" spans="8:8">
      <c r="H53373" s="12"/>
    </row>
    <row r="53374" spans="8:8">
      <c r="H53374" s="12"/>
    </row>
    <row r="53375" spans="8:8">
      <c r="H53375" s="12"/>
    </row>
    <row r="53376" spans="8:8">
      <c r="H53376" s="12"/>
    </row>
    <row r="53377" spans="8:8">
      <c r="H53377" s="12"/>
    </row>
    <row r="53378" spans="8:8">
      <c r="H53378" s="12"/>
    </row>
    <row r="53379" spans="8:8">
      <c r="H53379" s="12"/>
    </row>
    <row r="53380" spans="8:8">
      <c r="H53380" s="12"/>
    </row>
    <row r="53381" spans="8:8">
      <c r="H53381" s="12"/>
    </row>
    <row r="53382" spans="8:8">
      <c r="H53382" s="12"/>
    </row>
    <row r="53383" spans="8:8">
      <c r="H53383" s="12"/>
    </row>
    <row r="53384" spans="8:8">
      <c r="H53384" s="12"/>
    </row>
    <row r="53385" spans="8:8">
      <c r="H53385" s="12"/>
    </row>
    <row r="53386" spans="8:8">
      <c r="H53386" s="12"/>
    </row>
    <row r="53387" spans="8:8">
      <c r="H53387" s="12"/>
    </row>
    <row r="53388" spans="8:8">
      <c r="H53388" s="12"/>
    </row>
    <row r="53389" spans="8:8">
      <c r="H53389" s="12"/>
    </row>
    <row r="53390" spans="8:8">
      <c r="H53390" s="12"/>
    </row>
    <row r="53391" spans="8:8">
      <c r="H53391" s="12"/>
    </row>
    <row r="53392" spans="8:8">
      <c r="H53392" s="12"/>
    </row>
    <row r="53393" spans="8:8">
      <c r="H53393" s="12"/>
    </row>
    <row r="53394" spans="8:8">
      <c r="H53394" s="12"/>
    </row>
    <row r="53395" spans="8:8">
      <c r="H53395" s="12"/>
    </row>
    <row r="53396" spans="8:8">
      <c r="H53396" s="12"/>
    </row>
    <row r="53397" spans="8:8">
      <c r="H53397" s="12"/>
    </row>
    <row r="53398" spans="8:8">
      <c r="H53398" s="12"/>
    </row>
    <row r="53399" spans="8:8">
      <c r="H53399" s="12"/>
    </row>
    <row r="53400" spans="8:8">
      <c r="H53400" s="12"/>
    </row>
    <row r="53401" spans="8:8">
      <c r="H53401" s="12"/>
    </row>
    <row r="53402" spans="8:8">
      <c r="H53402" s="12"/>
    </row>
    <row r="53403" spans="8:8">
      <c r="H53403" s="12"/>
    </row>
    <row r="53404" spans="8:8">
      <c r="H53404" s="12"/>
    </row>
    <row r="53405" spans="8:8">
      <c r="H53405" s="12"/>
    </row>
    <row r="53406" spans="8:8">
      <c r="H53406" s="12"/>
    </row>
    <row r="53407" spans="8:8">
      <c r="H53407" s="12"/>
    </row>
    <row r="53408" spans="8:8">
      <c r="H53408" s="12"/>
    </row>
    <row r="53409" spans="8:8">
      <c r="H53409" s="12"/>
    </row>
    <row r="53410" spans="8:8">
      <c r="H53410" s="12"/>
    </row>
    <row r="53411" spans="8:8">
      <c r="H53411" s="12"/>
    </row>
    <row r="53412" spans="8:8">
      <c r="H53412" s="12"/>
    </row>
    <row r="53413" spans="8:8">
      <c r="H53413" s="12"/>
    </row>
    <row r="53414" spans="8:8">
      <c r="H53414" s="12"/>
    </row>
    <row r="53415" spans="8:8">
      <c r="H53415" s="12"/>
    </row>
    <row r="53416" spans="8:8">
      <c r="H53416" s="12"/>
    </row>
    <row r="53417" spans="8:8">
      <c r="H53417" s="12"/>
    </row>
    <row r="53418" spans="8:8">
      <c r="H53418" s="12"/>
    </row>
    <row r="53419" spans="8:8">
      <c r="H53419" s="12"/>
    </row>
    <row r="53420" spans="8:8">
      <c r="H53420" s="12"/>
    </row>
    <row r="53421" spans="8:8">
      <c r="H53421" s="12"/>
    </row>
    <row r="53422" spans="8:8">
      <c r="H53422" s="12"/>
    </row>
    <row r="53423" spans="8:8">
      <c r="H53423" s="12"/>
    </row>
    <row r="53424" spans="8:8">
      <c r="H53424" s="12"/>
    </row>
    <row r="53425" spans="8:8">
      <c r="H53425" s="12"/>
    </row>
    <row r="53426" spans="8:8">
      <c r="H53426" s="12"/>
    </row>
    <row r="53427" spans="8:8">
      <c r="H53427" s="12"/>
    </row>
    <row r="53428" spans="8:8">
      <c r="H53428" s="12"/>
    </row>
    <row r="53429" spans="8:8">
      <c r="H53429" s="12"/>
    </row>
    <row r="53430" spans="8:8">
      <c r="H53430" s="12"/>
    </row>
    <row r="53431" spans="8:8">
      <c r="H53431" s="12"/>
    </row>
    <row r="53432" spans="8:8">
      <c r="H53432" s="12"/>
    </row>
    <row r="53433" spans="8:8">
      <c r="H53433" s="12"/>
    </row>
    <row r="53434" spans="8:8">
      <c r="H53434" s="12"/>
    </row>
    <row r="53435" spans="8:8">
      <c r="H53435" s="12"/>
    </row>
    <row r="53436" spans="8:8">
      <c r="H53436" s="12"/>
    </row>
    <row r="53437" spans="8:8">
      <c r="H53437" s="12"/>
    </row>
    <row r="53438" spans="8:8">
      <c r="H53438" s="12"/>
    </row>
    <row r="53439" spans="8:8">
      <c r="H53439" s="12"/>
    </row>
    <row r="53440" spans="8:8">
      <c r="H53440" s="12"/>
    </row>
    <row r="53441" spans="8:8">
      <c r="H53441" s="12"/>
    </row>
    <row r="53442" spans="8:8">
      <c r="H53442" s="12"/>
    </row>
    <row r="53443" spans="8:8">
      <c r="H53443" s="12"/>
    </row>
    <row r="53444" spans="8:8">
      <c r="H53444" s="12"/>
    </row>
    <row r="53445" spans="8:8">
      <c r="H53445" s="12"/>
    </row>
    <row r="53446" spans="8:8">
      <c r="H53446" s="12"/>
    </row>
    <row r="53447" spans="8:8">
      <c r="H53447" s="12"/>
    </row>
    <row r="53448" spans="8:8">
      <c r="H53448" s="12"/>
    </row>
    <row r="53449" spans="8:8">
      <c r="H53449" s="12"/>
    </row>
    <row r="53450" spans="8:8">
      <c r="H53450" s="12"/>
    </row>
    <row r="53451" spans="8:8">
      <c r="H53451" s="12"/>
    </row>
    <row r="53452" spans="8:8">
      <c r="H53452" s="12"/>
    </row>
    <row r="53453" spans="8:8">
      <c r="H53453" s="12"/>
    </row>
    <row r="53454" spans="8:8">
      <c r="H53454" s="12"/>
    </row>
    <row r="53455" spans="8:8">
      <c r="H53455" s="12"/>
    </row>
    <row r="53456" spans="8:8">
      <c r="H53456" s="12"/>
    </row>
    <row r="53457" spans="8:8">
      <c r="H53457" s="12"/>
    </row>
    <row r="53458" spans="8:8">
      <c r="H53458" s="12"/>
    </row>
    <row r="53459" spans="8:8">
      <c r="H53459" s="12"/>
    </row>
    <row r="53460" spans="8:8">
      <c r="H53460" s="12"/>
    </row>
    <row r="53461" spans="8:8">
      <c r="H53461" s="12"/>
    </row>
    <row r="53462" spans="8:8">
      <c r="H53462" s="12"/>
    </row>
    <row r="53463" spans="8:8">
      <c r="H53463" s="12"/>
    </row>
    <row r="53464" spans="8:8">
      <c r="H53464" s="12"/>
    </row>
    <row r="53465" spans="8:8">
      <c r="H53465" s="12"/>
    </row>
    <row r="53466" spans="8:8">
      <c r="H53466" s="12"/>
    </row>
    <row r="53467" spans="8:8">
      <c r="H53467" s="12"/>
    </row>
    <row r="53468" spans="8:8">
      <c r="H53468" s="12"/>
    </row>
    <row r="53469" spans="8:8">
      <c r="H53469" s="12"/>
    </row>
    <row r="53470" spans="8:8">
      <c r="H53470" s="12"/>
    </row>
    <row r="53471" spans="8:8">
      <c r="H53471" s="12"/>
    </row>
    <row r="53472" spans="8:8">
      <c r="H53472" s="12"/>
    </row>
    <row r="53473" spans="8:8">
      <c r="H53473" s="12"/>
    </row>
    <row r="53474" spans="8:8">
      <c r="H53474" s="12"/>
    </row>
    <row r="53475" spans="8:8">
      <c r="H53475" s="12"/>
    </row>
    <row r="53476" spans="8:8">
      <c r="H53476" s="12"/>
    </row>
    <row r="53477" spans="8:8">
      <c r="H53477" s="12"/>
    </row>
    <row r="53478" spans="8:8">
      <c r="H53478" s="12"/>
    </row>
    <row r="53479" spans="8:8">
      <c r="H53479" s="12"/>
    </row>
    <row r="53480" spans="8:8">
      <c r="H53480" s="12"/>
    </row>
    <row r="53481" spans="8:8">
      <c r="H53481" s="12"/>
    </row>
    <row r="53482" spans="8:8">
      <c r="H53482" s="12"/>
    </row>
    <row r="53483" spans="8:8">
      <c r="H53483" s="12"/>
    </row>
    <row r="53484" spans="8:8">
      <c r="H53484" s="12"/>
    </row>
    <row r="53485" spans="8:8">
      <c r="H53485" s="12"/>
    </row>
    <row r="53486" spans="8:8">
      <c r="H53486" s="12"/>
    </row>
    <row r="53487" spans="8:8">
      <c r="H53487" s="12"/>
    </row>
    <row r="53488" spans="8:8">
      <c r="H53488" s="12"/>
    </row>
    <row r="53489" spans="8:8">
      <c r="H53489" s="12"/>
    </row>
    <row r="53490" spans="8:8">
      <c r="H53490" s="12"/>
    </row>
    <row r="53491" spans="8:8">
      <c r="H53491" s="12"/>
    </row>
    <row r="53492" spans="8:8">
      <c r="H53492" s="12"/>
    </row>
    <row r="53493" spans="8:8">
      <c r="H53493" s="12"/>
    </row>
    <row r="53494" spans="8:8">
      <c r="H53494" s="12"/>
    </row>
    <row r="53495" spans="8:8">
      <c r="H53495" s="12"/>
    </row>
    <row r="53496" spans="8:8">
      <c r="H53496" s="12"/>
    </row>
    <row r="53497" spans="8:8">
      <c r="H53497" s="12"/>
    </row>
    <row r="53498" spans="8:8">
      <c r="H53498" s="12"/>
    </row>
    <row r="53499" spans="8:8">
      <c r="H53499" s="12"/>
    </row>
    <row r="53500" spans="8:8">
      <c r="H53500" s="12"/>
    </row>
    <row r="53501" spans="8:8">
      <c r="H53501" s="12"/>
    </row>
    <row r="53502" spans="8:8">
      <c r="H53502" s="12"/>
    </row>
    <row r="53503" spans="8:8">
      <c r="H53503" s="12"/>
    </row>
    <row r="53504" spans="8:8">
      <c r="H53504" s="12"/>
    </row>
    <row r="53505" spans="8:8">
      <c r="H53505" s="12"/>
    </row>
    <row r="53506" spans="8:8">
      <c r="H53506" s="12"/>
    </row>
    <row r="53507" spans="8:8">
      <c r="H53507" s="12"/>
    </row>
    <row r="53508" spans="8:8">
      <c r="H53508" s="12"/>
    </row>
    <row r="53509" spans="8:8">
      <c r="H53509" s="12"/>
    </row>
    <row r="53510" spans="8:8">
      <c r="H53510" s="12"/>
    </row>
    <row r="53511" spans="8:8">
      <c r="H53511" s="12"/>
    </row>
    <row r="53512" spans="8:8">
      <c r="H53512" s="12"/>
    </row>
    <row r="53513" spans="8:8">
      <c r="H53513" s="12"/>
    </row>
    <row r="53514" spans="8:8">
      <c r="H53514" s="12"/>
    </row>
    <row r="53515" spans="8:8">
      <c r="H53515" s="12"/>
    </row>
    <row r="53516" spans="8:8">
      <c r="H53516" s="12"/>
    </row>
    <row r="53517" spans="8:8">
      <c r="H53517" s="12"/>
    </row>
    <row r="53518" spans="8:8">
      <c r="H53518" s="12"/>
    </row>
    <row r="53519" spans="8:8">
      <c r="H53519" s="12"/>
    </row>
    <row r="53520" spans="8:8">
      <c r="H53520" s="12"/>
    </row>
    <row r="53521" spans="8:8">
      <c r="H53521" s="12"/>
    </row>
    <row r="53522" spans="8:8">
      <c r="H53522" s="12"/>
    </row>
    <row r="53523" spans="8:8">
      <c r="H53523" s="12"/>
    </row>
    <row r="53524" spans="8:8">
      <c r="H53524" s="12"/>
    </row>
    <row r="53525" spans="8:8">
      <c r="H53525" s="12"/>
    </row>
    <row r="53526" spans="8:8">
      <c r="H53526" s="12"/>
    </row>
    <row r="53527" spans="8:8">
      <c r="H53527" s="12"/>
    </row>
    <row r="53528" spans="8:8">
      <c r="H53528" s="12"/>
    </row>
    <row r="53529" spans="8:8">
      <c r="H53529" s="12"/>
    </row>
    <row r="53530" spans="8:8">
      <c r="H53530" s="12"/>
    </row>
    <row r="53531" spans="8:8">
      <c r="H53531" s="12"/>
    </row>
    <row r="53532" spans="8:8">
      <c r="H53532" s="12"/>
    </row>
    <row r="53533" spans="8:8">
      <c r="H53533" s="12"/>
    </row>
    <row r="53534" spans="8:8">
      <c r="H53534" s="12"/>
    </row>
    <row r="53535" spans="8:8">
      <c r="H53535" s="12"/>
    </row>
    <row r="53536" spans="8:8">
      <c r="H53536" s="12"/>
    </row>
    <row r="53537" spans="8:8">
      <c r="H53537" s="12"/>
    </row>
    <row r="53538" spans="8:8">
      <c r="H53538" s="12"/>
    </row>
    <row r="53539" spans="8:8">
      <c r="H53539" s="12"/>
    </row>
    <row r="53540" spans="8:8">
      <c r="H53540" s="12"/>
    </row>
    <row r="53541" spans="8:8">
      <c r="H53541" s="12"/>
    </row>
    <row r="53542" spans="8:8">
      <c r="H53542" s="12"/>
    </row>
    <row r="53543" spans="8:8">
      <c r="H53543" s="12"/>
    </row>
    <row r="53544" spans="8:8">
      <c r="H53544" s="12"/>
    </row>
    <row r="53545" spans="8:8">
      <c r="H53545" s="12"/>
    </row>
    <row r="53546" spans="8:8">
      <c r="H53546" s="12"/>
    </row>
    <row r="53547" spans="8:8">
      <c r="H53547" s="12"/>
    </row>
    <row r="53548" spans="8:8">
      <c r="H53548" s="12"/>
    </row>
    <row r="53549" spans="8:8">
      <c r="H53549" s="12"/>
    </row>
    <row r="53550" spans="8:8">
      <c r="H53550" s="12"/>
    </row>
    <row r="53551" spans="8:8">
      <c r="H53551" s="12"/>
    </row>
    <row r="53552" spans="8:8">
      <c r="H53552" s="12"/>
    </row>
    <row r="53553" spans="8:8">
      <c r="H53553" s="12"/>
    </row>
    <row r="53554" spans="8:8">
      <c r="H53554" s="12"/>
    </row>
    <row r="53555" spans="8:8">
      <c r="H53555" s="12"/>
    </row>
    <row r="53556" spans="8:8">
      <c r="H53556" s="12"/>
    </row>
    <row r="53557" spans="8:8">
      <c r="H53557" s="12"/>
    </row>
    <row r="53558" spans="8:8">
      <c r="H53558" s="12"/>
    </row>
    <row r="53559" spans="8:8">
      <c r="H53559" s="12"/>
    </row>
    <row r="53560" spans="8:8">
      <c r="H53560" s="12"/>
    </row>
    <row r="53561" spans="8:8">
      <c r="H53561" s="12"/>
    </row>
    <row r="53562" spans="8:8">
      <c r="H53562" s="12"/>
    </row>
    <row r="53563" spans="8:8">
      <c r="H53563" s="12"/>
    </row>
    <row r="53564" spans="8:8">
      <c r="H53564" s="12"/>
    </row>
    <row r="53565" spans="8:8">
      <c r="H53565" s="12"/>
    </row>
    <row r="53566" spans="8:8">
      <c r="H53566" s="12"/>
    </row>
    <row r="53567" spans="8:8">
      <c r="H53567" s="12"/>
    </row>
    <row r="53568" spans="8:8">
      <c r="H53568" s="12"/>
    </row>
    <row r="53569" spans="8:8">
      <c r="H53569" s="12"/>
    </row>
    <row r="53570" spans="8:8">
      <c r="H53570" s="12"/>
    </row>
    <row r="53571" spans="8:8">
      <c r="H53571" s="12"/>
    </row>
    <row r="53572" spans="8:8">
      <c r="H53572" s="12"/>
    </row>
    <row r="53573" spans="8:8">
      <c r="H53573" s="12"/>
    </row>
    <row r="53574" spans="8:8">
      <c r="H53574" s="12"/>
    </row>
    <row r="53575" spans="8:8">
      <c r="H53575" s="12"/>
    </row>
    <row r="53576" spans="8:8">
      <c r="H53576" s="12"/>
    </row>
    <row r="53577" spans="8:8">
      <c r="H53577" s="12"/>
    </row>
    <row r="53578" spans="8:8">
      <c r="H53578" s="12"/>
    </row>
    <row r="53579" spans="8:8">
      <c r="H53579" s="12"/>
    </row>
    <row r="53580" spans="8:8">
      <c r="H53580" s="12"/>
    </row>
    <row r="53581" spans="8:8">
      <c r="H53581" s="12"/>
    </row>
    <row r="53582" spans="8:8">
      <c r="H53582" s="12"/>
    </row>
    <row r="53583" spans="8:8">
      <c r="H53583" s="12"/>
    </row>
    <row r="53584" spans="8:8">
      <c r="H53584" s="12"/>
    </row>
    <row r="53585" spans="8:8">
      <c r="H53585" s="12"/>
    </row>
    <row r="53586" spans="8:8">
      <c r="H53586" s="12"/>
    </row>
    <row r="53587" spans="8:8">
      <c r="H53587" s="12"/>
    </row>
    <row r="53588" spans="8:8">
      <c r="H53588" s="12"/>
    </row>
    <row r="53589" spans="8:8">
      <c r="H53589" s="12"/>
    </row>
    <row r="53590" spans="8:8">
      <c r="H53590" s="12"/>
    </row>
    <row r="53591" spans="8:8">
      <c r="H53591" s="12"/>
    </row>
    <row r="53592" spans="8:8">
      <c r="H53592" s="12"/>
    </row>
    <row r="53593" spans="8:8">
      <c r="H53593" s="12"/>
    </row>
    <row r="53594" spans="8:8">
      <c r="H53594" s="12"/>
    </row>
    <row r="53595" spans="8:8">
      <c r="H53595" s="12"/>
    </row>
    <row r="53596" spans="8:8">
      <c r="H53596" s="12"/>
    </row>
    <row r="53597" spans="8:8">
      <c r="H53597" s="12"/>
    </row>
    <row r="53598" spans="8:8">
      <c r="H53598" s="12"/>
    </row>
    <row r="53599" spans="8:8">
      <c r="H53599" s="12"/>
    </row>
    <row r="53600" spans="8:8">
      <c r="H53600" s="12"/>
    </row>
    <row r="53601" spans="8:8">
      <c r="H53601" s="12"/>
    </row>
    <row r="53602" spans="8:8">
      <c r="H53602" s="12"/>
    </row>
    <row r="53603" spans="8:8">
      <c r="H53603" s="12"/>
    </row>
    <row r="53604" spans="8:8">
      <c r="H53604" s="12"/>
    </row>
    <row r="53605" spans="8:8">
      <c r="H53605" s="12"/>
    </row>
    <row r="53606" spans="8:8">
      <c r="H53606" s="12"/>
    </row>
    <row r="53607" spans="8:8">
      <c r="H53607" s="12"/>
    </row>
    <row r="53608" spans="8:8">
      <c r="H53608" s="12"/>
    </row>
    <row r="53609" spans="8:8">
      <c r="H53609" s="12"/>
    </row>
    <row r="53610" spans="8:8">
      <c r="H53610" s="12"/>
    </row>
    <row r="53611" spans="8:8">
      <c r="H53611" s="12"/>
    </row>
    <row r="53612" spans="8:8">
      <c r="H53612" s="12"/>
    </row>
    <row r="53613" spans="8:8">
      <c r="H53613" s="12"/>
    </row>
    <row r="53614" spans="8:8">
      <c r="H53614" s="12"/>
    </row>
    <row r="53615" spans="8:8">
      <c r="H53615" s="12"/>
    </row>
    <row r="53616" spans="8:8">
      <c r="H53616" s="12"/>
    </row>
    <row r="53617" spans="8:8">
      <c r="H53617" s="12"/>
    </row>
    <row r="53618" spans="8:8">
      <c r="H53618" s="12"/>
    </row>
    <row r="53619" spans="8:8">
      <c r="H53619" s="12"/>
    </row>
    <row r="53620" spans="8:8">
      <c r="H53620" s="12"/>
    </row>
    <row r="53621" spans="8:8">
      <c r="H53621" s="12"/>
    </row>
    <row r="53622" spans="8:8">
      <c r="H53622" s="12"/>
    </row>
    <row r="53623" spans="8:8">
      <c r="H53623" s="12"/>
    </row>
    <row r="53624" spans="8:8">
      <c r="H53624" s="12"/>
    </row>
    <row r="53625" spans="8:8">
      <c r="H53625" s="12"/>
    </row>
    <row r="53626" spans="8:8">
      <c r="H53626" s="12"/>
    </row>
    <row r="53627" spans="8:8">
      <c r="H53627" s="12"/>
    </row>
    <row r="53628" spans="8:8">
      <c r="H53628" s="12"/>
    </row>
    <row r="53629" spans="8:8">
      <c r="H53629" s="12"/>
    </row>
    <row r="53630" spans="8:8">
      <c r="H53630" s="12"/>
    </row>
    <row r="53631" spans="8:8">
      <c r="H53631" s="12"/>
    </row>
    <row r="53632" spans="8:8">
      <c r="H53632" s="12"/>
    </row>
    <row r="53633" spans="8:8">
      <c r="H53633" s="12"/>
    </row>
    <row r="53634" spans="8:8">
      <c r="H53634" s="12"/>
    </row>
    <row r="53635" spans="8:8">
      <c r="H53635" s="12"/>
    </row>
    <row r="53636" spans="8:8">
      <c r="H53636" s="12"/>
    </row>
    <row r="53637" spans="8:8">
      <c r="H53637" s="12"/>
    </row>
    <row r="53638" spans="8:8">
      <c r="H53638" s="12"/>
    </row>
    <row r="53639" spans="8:8">
      <c r="H53639" s="12"/>
    </row>
    <row r="53640" spans="8:8">
      <c r="H53640" s="12"/>
    </row>
    <row r="53641" spans="8:8">
      <c r="H53641" s="12"/>
    </row>
    <row r="53642" spans="8:8">
      <c r="H53642" s="12"/>
    </row>
    <row r="53643" spans="8:8">
      <c r="H53643" s="12"/>
    </row>
    <row r="53644" spans="8:8">
      <c r="H53644" s="12"/>
    </row>
    <row r="53645" spans="8:8">
      <c r="H53645" s="12"/>
    </row>
    <row r="53646" spans="8:8">
      <c r="H53646" s="12"/>
    </row>
    <row r="53647" spans="8:8">
      <c r="H53647" s="12"/>
    </row>
    <row r="53648" spans="8:8">
      <c r="H53648" s="12"/>
    </row>
    <row r="53649" spans="8:8">
      <c r="H53649" s="12"/>
    </row>
    <row r="53650" spans="8:8">
      <c r="H53650" s="12"/>
    </row>
    <row r="53651" spans="8:8">
      <c r="H53651" s="12"/>
    </row>
    <row r="53652" spans="8:8">
      <c r="H53652" s="12"/>
    </row>
    <row r="53653" spans="8:8">
      <c r="H53653" s="12"/>
    </row>
    <row r="53654" spans="8:8">
      <c r="H53654" s="12"/>
    </row>
    <row r="53655" spans="8:8">
      <c r="H53655" s="12"/>
    </row>
    <row r="53656" spans="8:8">
      <c r="H53656" s="12"/>
    </row>
    <row r="53657" spans="8:8">
      <c r="H53657" s="12"/>
    </row>
    <row r="53658" spans="8:8">
      <c r="H53658" s="12"/>
    </row>
    <row r="53659" spans="8:8">
      <c r="H53659" s="12"/>
    </row>
    <row r="53660" spans="8:8">
      <c r="H53660" s="12"/>
    </row>
    <row r="53661" spans="8:8">
      <c r="H53661" s="12"/>
    </row>
    <row r="53662" spans="8:8">
      <c r="H53662" s="12"/>
    </row>
    <row r="53663" spans="8:8">
      <c r="H53663" s="12"/>
    </row>
    <row r="53664" spans="8:8">
      <c r="H53664" s="12"/>
    </row>
    <row r="53665" spans="8:8">
      <c r="H53665" s="12"/>
    </row>
    <row r="53666" spans="8:8">
      <c r="H53666" s="12"/>
    </row>
    <row r="53667" spans="8:8">
      <c r="H53667" s="12"/>
    </row>
    <row r="53668" spans="8:8">
      <c r="H53668" s="12"/>
    </row>
    <row r="53669" spans="8:8">
      <c r="H53669" s="12"/>
    </row>
    <row r="53670" spans="8:8">
      <c r="H53670" s="12"/>
    </row>
    <row r="53671" spans="8:8">
      <c r="H53671" s="12"/>
    </row>
    <row r="53672" spans="8:8">
      <c r="H53672" s="12"/>
    </row>
    <row r="53673" spans="8:8">
      <c r="H53673" s="12"/>
    </row>
    <row r="53674" spans="8:8">
      <c r="H53674" s="12"/>
    </row>
    <row r="53675" spans="8:8">
      <c r="H53675" s="12"/>
    </row>
    <row r="53676" spans="8:8">
      <c r="H53676" s="12"/>
    </row>
    <row r="53677" spans="8:8">
      <c r="H53677" s="12"/>
    </row>
    <row r="53678" spans="8:8">
      <c r="H53678" s="12"/>
    </row>
    <row r="53679" spans="8:8">
      <c r="H53679" s="12"/>
    </row>
    <row r="53680" spans="8:8">
      <c r="H53680" s="12"/>
    </row>
    <row r="53681" spans="8:8">
      <c r="H53681" s="12"/>
    </row>
    <row r="53682" spans="8:8">
      <c r="H53682" s="12"/>
    </row>
    <row r="53683" spans="8:8">
      <c r="H53683" s="12"/>
    </row>
    <row r="53684" spans="8:8">
      <c r="H53684" s="12"/>
    </row>
    <row r="53685" spans="8:8">
      <c r="H53685" s="12"/>
    </row>
    <row r="53686" spans="8:8">
      <c r="H53686" s="12"/>
    </row>
    <row r="53687" spans="8:8">
      <c r="H53687" s="12"/>
    </row>
    <row r="53688" spans="8:8">
      <c r="H53688" s="12"/>
    </row>
    <row r="53689" spans="8:8">
      <c r="H53689" s="12"/>
    </row>
    <row r="53690" spans="8:8">
      <c r="H53690" s="12"/>
    </row>
    <row r="53691" spans="8:8">
      <c r="H53691" s="12"/>
    </row>
    <row r="53692" spans="8:8">
      <c r="H53692" s="12"/>
    </row>
    <row r="53693" spans="8:8">
      <c r="H53693" s="12"/>
    </row>
    <row r="53694" spans="8:8">
      <c r="H53694" s="12"/>
    </row>
    <row r="53695" spans="8:8">
      <c r="H53695" s="12"/>
    </row>
    <row r="53696" spans="8:8">
      <c r="H53696" s="12"/>
    </row>
    <row r="53697" spans="8:8">
      <c r="H53697" s="12"/>
    </row>
    <row r="53698" spans="8:8">
      <c r="H53698" s="12"/>
    </row>
    <row r="53699" spans="8:8">
      <c r="H53699" s="12"/>
    </row>
    <row r="53700" spans="8:8">
      <c r="H53700" s="12"/>
    </row>
    <row r="53701" spans="8:8">
      <c r="H53701" s="12"/>
    </row>
    <row r="53702" spans="8:8">
      <c r="H53702" s="12"/>
    </row>
    <row r="53703" spans="8:8">
      <c r="H53703" s="12"/>
    </row>
    <row r="53704" spans="8:8">
      <c r="H53704" s="12"/>
    </row>
    <row r="53705" spans="8:8">
      <c r="H53705" s="12"/>
    </row>
    <row r="53706" spans="8:8">
      <c r="H53706" s="12"/>
    </row>
    <row r="53707" spans="8:8">
      <c r="H53707" s="12"/>
    </row>
    <row r="53708" spans="8:8">
      <c r="H53708" s="12"/>
    </row>
    <row r="53709" spans="8:8">
      <c r="H53709" s="12"/>
    </row>
    <row r="53710" spans="8:8">
      <c r="H53710" s="12"/>
    </row>
    <row r="53711" spans="8:8">
      <c r="H53711" s="12"/>
    </row>
    <row r="53712" spans="8:8">
      <c r="H53712" s="12"/>
    </row>
    <row r="53713" spans="8:8">
      <c r="H53713" s="12"/>
    </row>
    <row r="53714" spans="8:8">
      <c r="H53714" s="12"/>
    </row>
    <row r="53715" spans="8:8">
      <c r="H53715" s="12"/>
    </row>
    <row r="53716" spans="8:8">
      <c r="H53716" s="12"/>
    </row>
    <row r="53717" spans="8:8">
      <c r="H53717" s="12"/>
    </row>
    <row r="53718" spans="8:8">
      <c r="H53718" s="12"/>
    </row>
    <row r="53719" spans="8:8">
      <c r="H53719" s="12"/>
    </row>
    <row r="53720" spans="8:8">
      <c r="H53720" s="12"/>
    </row>
    <row r="53721" spans="8:8">
      <c r="H53721" s="12"/>
    </row>
    <row r="53722" spans="8:8">
      <c r="H53722" s="12"/>
    </row>
    <row r="53723" spans="8:8">
      <c r="H53723" s="12"/>
    </row>
    <row r="53724" spans="8:8">
      <c r="H53724" s="12"/>
    </row>
    <row r="53725" spans="8:8">
      <c r="H53725" s="12"/>
    </row>
    <row r="53726" spans="8:8">
      <c r="H53726" s="12"/>
    </row>
    <row r="53727" spans="8:8">
      <c r="H53727" s="12"/>
    </row>
    <row r="53728" spans="8:8">
      <c r="H53728" s="12"/>
    </row>
    <row r="53729" spans="8:8">
      <c r="H53729" s="12"/>
    </row>
    <row r="53730" spans="8:8">
      <c r="H53730" s="12"/>
    </row>
    <row r="53731" spans="8:8">
      <c r="H53731" s="12"/>
    </row>
    <row r="53732" spans="8:8">
      <c r="H53732" s="12"/>
    </row>
    <row r="53733" spans="8:8">
      <c r="H53733" s="12"/>
    </row>
    <row r="53734" spans="8:8">
      <c r="H53734" s="12"/>
    </row>
    <row r="53735" spans="8:8">
      <c r="H53735" s="12"/>
    </row>
    <row r="53736" spans="8:8">
      <c r="H53736" s="12"/>
    </row>
    <row r="53737" spans="8:8">
      <c r="H53737" s="12"/>
    </row>
    <row r="53738" spans="8:8">
      <c r="H53738" s="12"/>
    </row>
    <row r="53739" spans="8:8">
      <c r="H53739" s="12"/>
    </row>
    <row r="53740" spans="8:8">
      <c r="H53740" s="12"/>
    </row>
    <row r="53741" spans="8:8">
      <c r="H53741" s="12"/>
    </row>
    <row r="53742" spans="8:8">
      <c r="H53742" s="12"/>
    </row>
    <row r="53743" spans="8:8">
      <c r="H53743" s="12"/>
    </row>
    <row r="53744" spans="8:8">
      <c r="H53744" s="12"/>
    </row>
    <row r="53745" spans="8:8">
      <c r="H53745" s="12"/>
    </row>
    <row r="53746" spans="8:8">
      <c r="H53746" s="12"/>
    </row>
    <row r="53747" spans="8:8">
      <c r="H53747" s="12"/>
    </row>
    <row r="53748" spans="8:8">
      <c r="H53748" s="12"/>
    </row>
    <row r="53749" spans="8:8">
      <c r="H53749" s="12"/>
    </row>
    <row r="53750" spans="8:8">
      <c r="H53750" s="12"/>
    </row>
    <row r="53751" spans="8:8">
      <c r="H53751" s="12"/>
    </row>
    <row r="53752" spans="8:8">
      <c r="H53752" s="12"/>
    </row>
    <row r="53753" spans="8:8">
      <c r="H53753" s="12"/>
    </row>
    <row r="53754" spans="8:8">
      <c r="H53754" s="12"/>
    </row>
    <row r="53755" spans="8:8">
      <c r="H53755" s="12"/>
    </row>
    <row r="53756" spans="8:8">
      <c r="H53756" s="12"/>
    </row>
    <row r="53757" spans="8:8">
      <c r="H53757" s="12"/>
    </row>
    <row r="53758" spans="8:8">
      <c r="H53758" s="12"/>
    </row>
    <row r="53759" spans="8:8">
      <c r="H53759" s="12"/>
    </row>
    <row r="53760" spans="8:8">
      <c r="H53760" s="12"/>
    </row>
    <row r="53761" spans="8:8">
      <c r="H53761" s="12"/>
    </row>
    <row r="53762" spans="8:8">
      <c r="H53762" s="12"/>
    </row>
    <row r="53763" spans="8:8">
      <c r="H53763" s="12"/>
    </row>
    <row r="53764" spans="8:8">
      <c r="H53764" s="12"/>
    </row>
    <row r="53765" spans="8:8">
      <c r="H53765" s="12"/>
    </row>
    <row r="53766" spans="8:8">
      <c r="H53766" s="12"/>
    </row>
    <row r="53767" spans="8:8">
      <c r="H53767" s="12"/>
    </row>
    <row r="53768" spans="8:8">
      <c r="H53768" s="12"/>
    </row>
    <row r="53769" spans="8:8">
      <c r="H53769" s="12"/>
    </row>
    <row r="53770" spans="8:8">
      <c r="H53770" s="12"/>
    </row>
    <row r="53771" spans="8:8">
      <c r="H53771" s="12"/>
    </row>
    <row r="53772" spans="8:8">
      <c r="H53772" s="12"/>
    </row>
    <row r="53773" spans="8:8">
      <c r="H53773" s="12"/>
    </row>
    <row r="53774" spans="8:8">
      <c r="H53774" s="12"/>
    </row>
    <row r="53775" spans="8:8">
      <c r="H53775" s="12"/>
    </row>
    <row r="53776" spans="8:8">
      <c r="H53776" s="12"/>
    </row>
    <row r="53777" spans="8:8">
      <c r="H53777" s="12"/>
    </row>
    <row r="53778" spans="8:8">
      <c r="H53778" s="12"/>
    </row>
    <row r="53779" spans="8:8">
      <c r="H53779" s="12"/>
    </row>
    <row r="53780" spans="8:8">
      <c r="H53780" s="12"/>
    </row>
    <row r="53781" spans="8:8">
      <c r="H53781" s="12"/>
    </row>
    <row r="53782" spans="8:8">
      <c r="H53782" s="12"/>
    </row>
    <row r="53783" spans="8:8">
      <c r="H53783" s="12"/>
    </row>
    <row r="53784" spans="8:8">
      <c r="H53784" s="12"/>
    </row>
    <row r="53785" spans="8:8">
      <c r="H53785" s="12"/>
    </row>
    <row r="53786" spans="8:8">
      <c r="H53786" s="12"/>
    </row>
    <row r="53787" spans="8:8">
      <c r="H53787" s="12"/>
    </row>
    <row r="53788" spans="8:8">
      <c r="H53788" s="12"/>
    </row>
    <row r="53789" spans="8:8">
      <c r="H53789" s="12"/>
    </row>
    <row r="53790" spans="8:8">
      <c r="H53790" s="12"/>
    </row>
    <row r="53791" spans="8:8">
      <c r="H53791" s="12"/>
    </row>
    <row r="53792" spans="8:8">
      <c r="H53792" s="12"/>
    </row>
    <row r="53793" spans="8:8">
      <c r="H53793" s="12"/>
    </row>
    <row r="53794" spans="8:8">
      <c r="H53794" s="12"/>
    </row>
    <row r="53795" spans="8:8">
      <c r="H53795" s="12"/>
    </row>
    <row r="53796" spans="8:8">
      <c r="H53796" s="12"/>
    </row>
    <row r="53797" spans="8:8">
      <c r="H53797" s="12"/>
    </row>
    <row r="53798" spans="8:8">
      <c r="H53798" s="12"/>
    </row>
    <row r="53799" spans="8:8">
      <c r="H53799" s="12"/>
    </row>
    <row r="53800" spans="8:8">
      <c r="H53800" s="12"/>
    </row>
    <row r="53801" spans="8:8">
      <c r="H53801" s="12"/>
    </row>
    <row r="53802" spans="8:8">
      <c r="H53802" s="12"/>
    </row>
    <row r="53803" spans="8:8">
      <c r="H53803" s="12"/>
    </row>
    <row r="53804" spans="8:8">
      <c r="H53804" s="12"/>
    </row>
    <row r="53805" spans="8:8">
      <c r="H53805" s="12"/>
    </row>
    <row r="53806" spans="8:8">
      <c r="H53806" s="12"/>
    </row>
    <row r="53807" spans="8:8">
      <c r="H53807" s="12"/>
    </row>
    <row r="53808" spans="8:8">
      <c r="H53808" s="12"/>
    </row>
    <row r="53809" spans="8:8">
      <c r="H53809" s="12"/>
    </row>
    <row r="53810" spans="8:8">
      <c r="H53810" s="12"/>
    </row>
    <row r="53811" spans="8:8">
      <c r="H53811" s="12"/>
    </row>
    <row r="53812" spans="8:8">
      <c r="H53812" s="12"/>
    </row>
    <row r="53813" spans="8:8">
      <c r="H53813" s="12"/>
    </row>
    <row r="53814" spans="8:8">
      <c r="H53814" s="12"/>
    </row>
    <row r="53815" spans="8:8">
      <c r="H53815" s="12"/>
    </row>
    <row r="53816" spans="8:8">
      <c r="H53816" s="12"/>
    </row>
    <row r="53817" spans="8:8">
      <c r="H53817" s="12"/>
    </row>
    <row r="53818" spans="8:8">
      <c r="H53818" s="12"/>
    </row>
    <row r="53819" spans="8:8">
      <c r="H53819" s="12"/>
    </row>
    <row r="53820" spans="8:8">
      <c r="H53820" s="12"/>
    </row>
    <row r="53821" spans="8:8">
      <c r="H53821" s="12"/>
    </row>
    <row r="53822" spans="8:8">
      <c r="H53822" s="12"/>
    </row>
    <row r="53823" spans="8:8">
      <c r="H53823" s="12"/>
    </row>
    <row r="53824" spans="8:8">
      <c r="H53824" s="12"/>
    </row>
    <row r="53825" spans="8:8">
      <c r="H53825" s="12"/>
    </row>
    <row r="53826" spans="8:8">
      <c r="H53826" s="12"/>
    </row>
    <row r="53827" spans="8:8">
      <c r="H53827" s="12"/>
    </row>
    <row r="53828" spans="8:8">
      <c r="H53828" s="12"/>
    </row>
    <row r="53829" spans="8:8">
      <c r="H53829" s="12"/>
    </row>
    <row r="53830" spans="8:8">
      <c r="H53830" s="12"/>
    </row>
    <row r="53831" spans="8:8">
      <c r="H53831" s="12"/>
    </row>
    <row r="53832" spans="8:8">
      <c r="H53832" s="12"/>
    </row>
    <row r="53833" spans="8:8">
      <c r="H53833" s="12"/>
    </row>
    <row r="53834" spans="8:8">
      <c r="H53834" s="12"/>
    </row>
    <row r="53835" spans="8:8">
      <c r="H53835" s="12"/>
    </row>
    <row r="53836" spans="8:8">
      <c r="H53836" s="12"/>
    </row>
    <row r="53837" spans="8:8">
      <c r="H53837" s="12"/>
    </row>
    <row r="53838" spans="8:8">
      <c r="H53838" s="12"/>
    </row>
    <row r="53839" spans="8:8">
      <c r="H53839" s="12"/>
    </row>
    <row r="53840" spans="8:8">
      <c r="H53840" s="12"/>
    </row>
    <row r="53841" spans="8:8">
      <c r="H53841" s="12"/>
    </row>
    <row r="53842" spans="8:8">
      <c r="H53842" s="12"/>
    </row>
    <row r="53843" spans="8:8">
      <c r="H53843" s="12"/>
    </row>
    <row r="53844" spans="8:8">
      <c r="H53844" s="12"/>
    </row>
    <row r="53845" spans="8:8">
      <c r="H53845" s="12"/>
    </row>
    <row r="53846" spans="8:8">
      <c r="H53846" s="12"/>
    </row>
    <row r="53847" spans="8:8">
      <c r="H53847" s="12"/>
    </row>
    <row r="53848" spans="8:8">
      <c r="H53848" s="12"/>
    </row>
    <row r="53849" spans="8:8">
      <c r="H53849" s="12"/>
    </row>
    <row r="53850" spans="8:8">
      <c r="H53850" s="12"/>
    </row>
    <row r="53851" spans="8:8">
      <c r="H53851" s="12"/>
    </row>
    <row r="53852" spans="8:8">
      <c r="H53852" s="12"/>
    </row>
    <row r="53853" spans="8:8">
      <c r="H53853" s="12"/>
    </row>
    <row r="53854" spans="8:8">
      <c r="H53854" s="12"/>
    </row>
    <row r="53855" spans="8:8">
      <c r="H53855" s="12"/>
    </row>
    <row r="53856" spans="8:8">
      <c r="H53856" s="12"/>
    </row>
    <row r="53857" spans="8:8">
      <c r="H53857" s="12"/>
    </row>
    <row r="53858" spans="8:8">
      <c r="H53858" s="12"/>
    </row>
    <row r="53859" spans="8:8">
      <c r="H53859" s="12"/>
    </row>
    <row r="53860" spans="8:8">
      <c r="H53860" s="12"/>
    </row>
    <row r="53861" spans="8:8">
      <c r="H53861" s="12"/>
    </row>
    <row r="53862" spans="8:8">
      <c r="H53862" s="12"/>
    </row>
    <row r="53863" spans="8:8">
      <c r="H53863" s="12"/>
    </row>
    <row r="53864" spans="8:8">
      <c r="H53864" s="12"/>
    </row>
    <row r="53865" spans="8:8">
      <c r="H53865" s="12"/>
    </row>
    <row r="53866" spans="8:8">
      <c r="H53866" s="12"/>
    </row>
    <row r="53867" spans="8:8">
      <c r="H53867" s="12"/>
    </row>
    <row r="53868" spans="8:8">
      <c r="H53868" s="12"/>
    </row>
    <row r="53869" spans="8:8">
      <c r="H53869" s="12"/>
    </row>
    <row r="53870" spans="8:8">
      <c r="H53870" s="12"/>
    </row>
    <row r="53871" spans="8:8">
      <c r="H53871" s="12"/>
    </row>
    <row r="53872" spans="8:8">
      <c r="H53872" s="12"/>
    </row>
    <row r="53873" spans="8:8">
      <c r="H53873" s="12"/>
    </row>
    <row r="53874" spans="8:8">
      <c r="H53874" s="12"/>
    </row>
    <row r="53875" spans="8:8">
      <c r="H53875" s="12"/>
    </row>
    <row r="53876" spans="8:8">
      <c r="H53876" s="12"/>
    </row>
    <row r="53877" spans="8:8">
      <c r="H53877" s="12"/>
    </row>
    <row r="53878" spans="8:8">
      <c r="H53878" s="12"/>
    </row>
    <row r="53879" spans="8:8">
      <c r="H53879" s="12"/>
    </row>
    <row r="53880" spans="8:8">
      <c r="H53880" s="12"/>
    </row>
    <row r="53881" spans="8:8">
      <c r="H53881" s="12"/>
    </row>
    <row r="53882" spans="8:8">
      <c r="H53882" s="12"/>
    </row>
    <row r="53883" spans="8:8">
      <c r="H53883" s="12"/>
    </row>
    <row r="53884" spans="8:8">
      <c r="H53884" s="12"/>
    </row>
    <row r="53885" spans="8:8">
      <c r="H53885" s="12"/>
    </row>
    <row r="53886" spans="8:8">
      <c r="H53886" s="12"/>
    </row>
    <row r="53887" spans="8:8">
      <c r="H53887" s="12"/>
    </row>
    <row r="53888" spans="8:8">
      <c r="H53888" s="12"/>
    </row>
    <row r="53889" spans="8:8">
      <c r="H53889" s="12"/>
    </row>
    <row r="53890" spans="8:8">
      <c r="H53890" s="12"/>
    </row>
    <row r="53891" spans="8:8">
      <c r="H53891" s="12"/>
    </row>
    <row r="53892" spans="8:8">
      <c r="H53892" s="12"/>
    </row>
    <row r="53893" spans="8:8">
      <c r="H53893" s="12"/>
    </row>
    <row r="53894" spans="8:8">
      <c r="H53894" s="12"/>
    </row>
    <row r="53895" spans="8:8">
      <c r="H53895" s="12"/>
    </row>
    <row r="53896" spans="8:8">
      <c r="H53896" s="12"/>
    </row>
    <row r="53897" spans="8:8">
      <c r="H53897" s="12"/>
    </row>
    <row r="53898" spans="8:8">
      <c r="H53898" s="12"/>
    </row>
    <row r="53899" spans="8:8">
      <c r="H53899" s="12"/>
    </row>
    <row r="53900" spans="8:8">
      <c r="H53900" s="12"/>
    </row>
    <row r="53901" spans="8:8">
      <c r="H53901" s="12"/>
    </row>
    <row r="53902" spans="8:8">
      <c r="H53902" s="12"/>
    </row>
    <row r="53903" spans="8:8">
      <c r="H53903" s="12"/>
    </row>
    <row r="53904" spans="8:8">
      <c r="H53904" s="12"/>
    </row>
    <row r="53905" spans="8:8">
      <c r="H53905" s="12"/>
    </row>
    <row r="53906" spans="8:8">
      <c r="H53906" s="12"/>
    </row>
    <row r="53907" spans="8:8">
      <c r="H53907" s="12"/>
    </row>
    <row r="53908" spans="8:8">
      <c r="H53908" s="12"/>
    </row>
    <row r="53909" spans="8:8">
      <c r="H53909" s="12"/>
    </row>
    <row r="53910" spans="8:8">
      <c r="H53910" s="12"/>
    </row>
    <row r="53911" spans="8:8">
      <c r="H53911" s="12"/>
    </row>
    <row r="53912" spans="8:8">
      <c r="H53912" s="12"/>
    </row>
    <row r="53913" spans="8:8">
      <c r="H53913" s="12"/>
    </row>
    <row r="53914" spans="8:8">
      <c r="H53914" s="12"/>
    </row>
    <row r="53915" spans="8:8">
      <c r="H53915" s="12"/>
    </row>
    <row r="53916" spans="8:8">
      <c r="H53916" s="12"/>
    </row>
    <row r="53917" spans="8:8">
      <c r="H53917" s="12"/>
    </row>
    <row r="53918" spans="8:8">
      <c r="H53918" s="12"/>
    </row>
    <row r="53919" spans="8:8">
      <c r="H53919" s="12"/>
    </row>
    <row r="53920" spans="8:8">
      <c r="H53920" s="12"/>
    </row>
    <row r="53921" spans="8:8">
      <c r="H53921" s="12"/>
    </row>
    <row r="53922" spans="8:8">
      <c r="H53922" s="12"/>
    </row>
    <row r="53923" spans="8:8">
      <c r="H53923" s="12"/>
    </row>
    <row r="53924" spans="8:8">
      <c r="H53924" s="12"/>
    </row>
    <row r="53925" spans="8:8">
      <c r="H53925" s="12"/>
    </row>
    <row r="53926" spans="8:8">
      <c r="H53926" s="12"/>
    </row>
    <row r="53927" spans="8:8">
      <c r="H53927" s="12"/>
    </row>
    <row r="53928" spans="8:8">
      <c r="H53928" s="12"/>
    </row>
    <row r="53929" spans="8:8">
      <c r="H53929" s="12"/>
    </row>
    <row r="53930" spans="8:8">
      <c r="H53930" s="12"/>
    </row>
    <row r="53931" spans="8:8">
      <c r="H53931" s="12"/>
    </row>
    <row r="53932" spans="8:8">
      <c r="H53932" s="12"/>
    </row>
    <row r="53933" spans="8:8">
      <c r="H53933" s="12"/>
    </row>
    <row r="53934" spans="8:8">
      <c r="H53934" s="12"/>
    </row>
    <row r="53935" spans="8:8">
      <c r="H53935" s="12"/>
    </row>
    <row r="53936" spans="8:8">
      <c r="H53936" s="12"/>
    </row>
    <row r="53937" spans="8:8">
      <c r="H53937" s="12"/>
    </row>
    <row r="53938" spans="8:8">
      <c r="H53938" s="12"/>
    </row>
    <row r="53939" spans="8:8">
      <c r="H53939" s="12"/>
    </row>
    <row r="53940" spans="8:8">
      <c r="H53940" s="12"/>
    </row>
    <row r="53941" spans="8:8">
      <c r="H53941" s="12"/>
    </row>
    <row r="53942" spans="8:8">
      <c r="H53942" s="12"/>
    </row>
    <row r="53943" spans="8:8">
      <c r="H53943" s="12"/>
    </row>
    <row r="53944" spans="8:8">
      <c r="H53944" s="12"/>
    </row>
    <row r="53945" spans="8:8">
      <c r="H53945" s="12"/>
    </row>
    <row r="53946" spans="8:8">
      <c r="H53946" s="12"/>
    </row>
    <row r="53947" spans="8:8">
      <c r="H53947" s="12"/>
    </row>
    <row r="53948" spans="8:8">
      <c r="H53948" s="12"/>
    </row>
    <row r="53949" spans="8:8">
      <c r="H53949" s="12"/>
    </row>
    <row r="53950" spans="8:8">
      <c r="H53950" s="12"/>
    </row>
    <row r="53951" spans="8:8">
      <c r="H53951" s="12"/>
    </row>
    <row r="53952" spans="8:8">
      <c r="H53952" s="12"/>
    </row>
    <row r="53953" spans="8:8">
      <c r="H53953" s="12"/>
    </row>
    <row r="53954" spans="8:8">
      <c r="H53954" s="12"/>
    </row>
    <row r="53955" spans="8:8">
      <c r="H53955" s="12"/>
    </row>
    <row r="53956" spans="8:8">
      <c r="H53956" s="12"/>
    </row>
    <row r="53957" spans="8:8">
      <c r="H53957" s="12"/>
    </row>
    <row r="53958" spans="8:8">
      <c r="H53958" s="12"/>
    </row>
    <row r="53959" spans="8:8">
      <c r="H53959" s="12"/>
    </row>
    <row r="53960" spans="8:8">
      <c r="H53960" s="12"/>
    </row>
    <row r="53961" spans="8:8">
      <c r="H53961" s="12"/>
    </row>
    <row r="53962" spans="8:8">
      <c r="H53962" s="12"/>
    </row>
    <row r="53963" spans="8:8">
      <c r="H53963" s="12"/>
    </row>
    <row r="53964" spans="8:8">
      <c r="H53964" s="12"/>
    </row>
    <row r="53965" spans="8:8">
      <c r="H53965" s="12"/>
    </row>
    <row r="53966" spans="8:8">
      <c r="H53966" s="12"/>
    </row>
    <row r="53967" spans="8:8">
      <c r="H53967" s="12"/>
    </row>
    <row r="53968" spans="8:8">
      <c r="H53968" s="12"/>
    </row>
    <row r="53969" spans="8:8">
      <c r="H53969" s="12"/>
    </row>
    <row r="53970" spans="8:8">
      <c r="H53970" s="12"/>
    </row>
    <row r="53971" spans="8:8">
      <c r="H53971" s="12"/>
    </row>
    <row r="53972" spans="8:8">
      <c r="H53972" s="12"/>
    </row>
    <row r="53973" spans="8:8">
      <c r="H53973" s="12"/>
    </row>
    <row r="53974" spans="8:8">
      <c r="H53974" s="12"/>
    </row>
    <row r="53975" spans="8:8">
      <c r="H53975" s="12"/>
    </row>
    <row r="53976" spans="8:8">
      <c r="H53976" s="12"/>
    </row>
    <row r="53977" spans="8:8">
      <c r="H53977" s="12"/>
    </row>
    <row r="53978" spans="8:8">
      <c r="H53978" s="12"/>
    </row>
    <row r="53979" spans="8:8">
      <c r="H53979" s="12"/>
    </row>
    <row r="53980" spans="8:8">
      <c r="H53980" s="12"/>
    </row>
    <row r="53981" spans="8:8">
      <c r="H53981" s="12"/>
    </row>
    <row r="53982" spans="8:8">
      <c r="H53982" s="12"/>
    </row>
    <row r="53983" spans="8:8">
      <c r="H53983" s="12"/>
    </row>
    <row r="53984" spans="8:8">
      <c r="H53984" s="12"/>
    </row>
    <row r="53985" spans="8:8">
      <c r="H53985" s="12"/>
    </row>
    <row r="53986" spans="8:8">
      <c r="H53986" s="12"/>
    </row>
    <row r="53987" spans="8:8">
      <c r="H53987" s="12"/>
    </row>
    <row r="53988" spans="8:8">
      <c r="H53988" s="12"/>
    </row>
    <row r="53989" spans="8:8">
      <c r="H53989" s="12"/>
    </row>
    <row r="53990" spans="8:8">
      <c r="H53990" s="12"/>
    </row>
    <row r="53991" spans="8:8">
      <c r="H53991" s="12"/>
    </row>
    <row r="53992" spans="8:8">
      <c r="H53992" s="12"/>
    </row>
    <row r="53993" spans="8:8">
      <c r="H53993" s="12"/>
    </row>
    <row r="53994" spans="8:8">
      <c r="H53994" s="12"/>
    </row>
    <row r="53995" spans="8:8">
      <c r="H53995" s="12"/>
    </row>
    <row r="53996" spans="8:8">
      <c r="H53996" s="12"/>
    </row>
    <row r="53997" spans="8:8">
      <c r="H53997" s="12"/>
    </row>
    <row r="53998" spans="8:8">
      <c r="H53998" s="12"/>
    </row>
    <row r="53999" spans="8:8">
      <c r="H53999" s="12"/>
    </row>
    <row r="54000" spans="8:8">
      <c r="H54000" s="12"/>
    </row>
    <row r="54001" spans="8:8">
      <c r="H54001" s="12"/>
    </row>
    <row r="54002" spans="8:8">
      <c r="H54002" s="12"/>
    </row>
    <row r="54003" spans="8:8">
      <c r="H54003" s="12"/>
    </row>
    <row r="54004" spans="8:8">
      <c r="H54004" s="12"/>
    </row>
    <row r="54005" spans="8:8">
      <c r="H54005" s="12"/>
    </row>
    <row r="54006" spans="8:8">
      <c r="H54006" s="12"/>
    </row>
    <row r="54007" spans="8:8">
      <c r="H54007" s="12"/>
    </row>
    <row r="54008" spans="8:8">
      <c r="H54008" s="12"/>
    </row>
    <row r="54009" spans="8:8">
      <c r="H54009" s="12"/>
    </row>
    <row r="54010" spans="8:8">
      <c r="H54010" s="12"/>
    </row>
    <row r="54011" spans="8:8">
      <c r="H54011" s="12"/>
    </row>
    <row r="54012" spans="8:8">
      <c r="H54012" s="12"/>
    </row>
    <row r="54013" spans="8:8">
      <c r="H54013" s="12"/>
    </row>
    <row r="54014" spans="8:8">
      <c r="H54014" s="12"/>
    </row>
    <row r="54015" spans="8:8">
      <c r="H54015" s="12"/>
    </row>
    <row r="54016" spans="8:8">
      <c r="H54016" s="12"/>
    </row>
    <row r="54017" spans="8:8">
      <c r="H54017" s="12"/>
    </row>
    <row r="54018" spans="8:8">
      <c r="H54018" s="12"/>
    </row>
    <row r="54019" spans="8:8">
      <c r="H54019" s="12"/>
    </row>
    <row r="54020" spans="8:8">
      <c r="H54020" s="12"/>
    </row>
    <row r="54021" spans="8:8">
      <c r="H54021" s="12"/>
    </row>
    <row r="54022" spans="8:8">
      <c r="H54022" s="12"/>
    </row>
    <row r="54023" spans="8:8">
      <c r="H54023" s="12"/>
    </row>
    <row r="54024" spans="8:8">
      <c r="H54024" s="12"/>
    </row>
    <row r="54025" spans="8:8">
      <c r="H54025" s="12"/>
    </row>
    <row r="54026" spans="8:8">
      <c r="H54026" s="12"/>
    </row>
    <row r="54027" spans="8:8">
      <c r="H54027" s="12"/>
    </row>
    <row r="54028" spans="8:8">
      <c r="H54028" s="12"/>
    </row>
    <row r="54029" spans="8:8">
      <c r="H54029" s="12"/>
    </row>
    <row r="54030" spans="8:8">
      <c r="H54030" s="12"/>
    </row>
    <row r="54031" spans="8:8">
      <c r="H54031" s="12"/>
    </row>
    <row r="54032" spans="8:8">
      <c r="H54032" s="12"/>
    </row>
    <row r="54033" spans="8:8">
      <c r="H54033" s="12"/>
    </row>
    <row r="54034" spans="8:8">
      <c r="H54034" s="12"/>
    </row>
    <row r="54035" spans="8:8">
      <c r="H54035" s="12"/>
    </row>
    <row r="54036" spans="8:8">
      <c r="H54036" s="12"/>
    </row>
    <row r="54037" spans="8:8">
      <c r="H54037" s="12"/>
    </row>
    <row r="54038" spans="8:8">
      <c r="H54038" s="12"/>
    </row>
    <row r="54039" spans="8:8">
      <c r="H54039" s="12"/>
    </row>
    <row r="54040" spans="8:8">
      <c r="H54040" s="12"/>
    </row>
    <row r="54041" spans="8:8">
      <c r="H54041" s="12"/>
    </row>
    <row r="54042" spans="8:8">
      <c r="H54042" s="12"/>
    </row>
    <row r="54043" spans="8:8">
      <c r="H54043" s="12"/>
    </row>
    <row r="54044" spans="8:8">
      <c r="H54044" s="12"/>
    </row>
    <row r="54045" spans="8:8">
      <c r="H54045" s="12"/>
    </row>
    <row r="54046" spans="8:8">
      <c r="H54046" s="12"/>
    </row>
    <row r="54047" spans="8:8">
      <c r="H54047" s="12"/>
    </row>
    <row r="54048" spans="8:8">
      <c r="H54048" s="12"/>
    </row>
    <row r="54049" spans="8:8">
      <c r="H54049" s="12"/>
    </row>
    <row r="54050" spans="8:8">
      <c r="H54050" s="12"/>
    </row>
    <row r="54051" spans="8:8">
      <c r="H54051" s="12"/>
    </row>
    <row r="54052" spans="8:8">
      <c r="H54052" s="12"/>
    </row>
    <row r="54053" spans="8:8">
      <c r="H54053" s="12"/>
    </row>
    <row r="54054" spans="8:8">
      <c r="H54054" s="12"/>
    </row>
    <row r="54055" spans="8:8">
      <c r="H54055" s="12"/>
    </row>
    <row r="54056" spans="8:8">
      <c r="H54056" s="12"/>
    </row>
    <row r="54057" spans="8:8">
      <c r="H54057" s="12"/>
    </row>
    <row r="54058" spans="8:8">
      <c r="H54058" s="12"/>
    </row>
    <row r="54059" spans="8:8">
      <c r="H54059" s="12"/>
    </row>
    <row r="54060" spans="8:8">
      <c r="H54060" s="12"/>
    </row>
    <row r="54061" spans="8:8">
      <c r="H54061" s="12"/>
    </row>
    <row r="54062" spans="8:8">
      <c r="H54062" s="12"/>
    </row>
    <row r="54063" spans="8:8">
      <c r="H54063" s="12"/>
    </row>
    <row r="54064" spans="8:8">
      <c r="H54064" s="12"/>
    </row>
    <row r="54065" spans="8:8">
      <c r="H54065" s="12"/>
    </row>
    <row r="54066" spans="8:8">
      <c r="H54066" s="12"/>
    </row>
    <row r="54067" spans="8:8">
      <c r="H54067" s="12"/>
    </row>
    <row r="54068" spans="8:8">
      <c r="H54068" s="12"/>
    </row>
    <row r="54069" spans="8:8">
      <c r="H54069" s="12"/>
    </row>
    <row r="54070" spans="8:8">
      <c r="H54070" s="12"/>
    </row>
    <row r="54071" spans="8:8">
      <c r="H54071" s="12"/>
    </row>
    <row r="54072" spans="8:8">
      <c r="H54072" s="12"/>
    </row>
    <row r="54073" spans="8:8">
      <c r="H54073" s="12"/>
    </row>
    <row r="54074" spans="8:8">
      <c r="H54074" s="12"/>
    </row>
    <row r="54075" spans="8:8">
      <c r="H54075" s="12"/>
    </row>
    <row r="54076" spans="8:8">
      <c r="H54076" s="12"/>
    </row>
    <row r="54077" spans="8:8">
      <c r="H54077" s="12"/>
    </row>
    <row r="54078" spans="8:8">
      <c r="H54078" s="12"/>
    </row>
    <row r="54079" spans="8:8">
      <c r="H54079" s="12"/>
    </row>
    <row r="54080" spans="8:8">
      <c r="H54080" s="12"/>
    </row>
    <row r="54081" spans="8:8">
      <c r="H54081" s="12"/>
    </row>
    <row r="54082" spans="8:8">
      <c r="H54082" s="12"/>
    </row>
    <row r="54083" spans="8:8">
      <c r="H54083" s="12"/>
    </row>
    <row r="54084" spans="8:8">
      <c r="H54084" s="12"/>
    </row>
    <row r="54085" spans="8:8">
      <c r="H54085" s="12"/>
    </row>
    <row r="54086" spans="8:8">
      <c r="H54086" s="12"/>
    </row>
    <row r="54087" spans="8:8">
      <c r="H54087" s="12"/>
    </row>
    <row r="54088" spans="8:8">
      <c r="H54088" s="12"/>
    </row>
    <row r="54089" spans="8:8">
      <c r="H54089" s="12"/>
    </row>
    <row r="54090" spans="8:8">
      <c r="H54090" s="12"/>
    </row>
    <row r="54091" spans="8:8">
      <c r="H54091" s="12"/>
    </row>
    <row r="54092" spans="8:8">
      <c r="H54092" s="12"/>
    </row>
    <row r="54093" spans="8:8">
      <c r="H54093" s="12"/>
    </row>
    <row r="54094" spans="8:8">
      <c r="H54094" s="12"/>
    </row>
    <row r="54095" spans="8:8">
      <c r="H54095" s="12"/>
    </row>
    <row r="54096" spans="8:8">
      <c r="H54096" s="12"/>
    </row>
    <row r="54097" spans="8:8">
      <c r="H54097" s="12"/>
    </row>
    <row r="54098" spans="8:8">
      <c r="H54098" s="12"/>
    </row>
    <row r="54099" spans="8:8">
      <c r="H54099" s="12"/>
    </row>
    <row r="54100" spans="8:8">
      <c r="H54100" s="12"/>
    </row>
    <row r="54101" spans="8:8">
      <c r="H54101" s="12"/>
    </row>
    <row r="54102" spans="8:8">
      <c r="H54102" s="12"/>
    </row>
    <row r="54103" spans="8:8">
      <c r="H54103" s="12"/>
    </row>
    <row r="54104" spans="8:8">
      <c r="H54104" s="12"/>
    </row>
    <row r="54105" spans="8:8">
      <c r="H54105" s="12"/>
    </row>
    <row r="54106" spans="8:8">
      <c r="H54106" s="12"/>
    </row>
    <row r="54107" spans="8:8">
      <c r="H54107" s="12"/>
    </row>
    <row r="54108" spans="8:8">
      <c r="H54108" s="12"/>
    </row>
    <row r="54109" spans="8:8">
      <c r="H54109" s="12"/>
    </row>
    <row r="54110" spans="8:8">
      <c r="H54110" s="12"/>
    </row>
    <row r="54111" spans="8:8">
      <c r="H54111" s="12"/>
    </row>
    <row r="54112" spans="8:8">
      <c r="H54112" s="12"/>
    </row>
    <row r="54113" spans="8:8">
      <c r="H54113" s="12"/>
    </row>
    <row r="54114" spans="8:8">
      <c r="H54114" s="12"/>
    </row>
    <row r="54115" spans="8:8">
      <c r="H54115" s="12"/>
    </row>
    <row r="54116" spans="8:8">
      <c r="H54116" s="12"/>
    </row>
    <row r="54117" spans="8:8">
      <c r="H54117" s="12"/>
    </row>
    <row r="54118" spans="8:8">
      <c r="H54118" s="12"/>
    </row>
    <row r="54119" spans="8:8">
      <c r="H54119" s="12"/>
    </row>
    <row r="54120" spans="8:8">
      <c r="H54120" s="12"/>
    </row>
    <row r="54121" spans="8:8">
      <c r="H54121" s="12"/>
    </row>
    <row r="54122" spans="8:8">
      <c r="H54122" s="12"/>
    </row>
    <row r="54123" spans="8:8">
      <c r="H54123" s="12"/>
    </row>
    <row r="54124" spans="8:8">
      <c r="H54124" s="12"/>
    </row>
    <row r="54125" spans="8:8">
      <c r="H54125" s="12"/>
    </row>
    <row r="54126" spans="8:8">
      <c r="H54126" s="12"/>
    </row>
    <row r="54127" spans="8:8">
      <c r="H54127" s="12"/>
    </row>
    <row r="54128" spans="8:8">
      <c r="H54128" s="12"/>
    </row>
    <row r="54129" spans="8:8">
      <c r="H54129" s="12"/>
    </row>
    <row r="54130" spans="8:8">
      <c r="H54130" s="12"/>
    </row>
    <row r="54131" spans="8:8">
      <c r="H54131" s="12"/>
    </row>
    <row r="54132" spans="8:8">
      <c r="H54132" s="12"/>
    </row>
    <row r="54133" spans="8:8">
      <c r="H54133" s="12"/>
    </row>
    <row r="54134" spans="8:8">
      <c r="H54134" s="12"/>
    </row>
    <row r="54135" spans="8:8">
      <c r="H54135" s="12"/>
    </row>
    <row r="54136" spans="8:8">
      <c r="H54136" s="12"/>
    </row>
    <row r="54137" spans="8:8">
      <c r="H54137" s="12"/>
    </row>
    <row r="54138" spans="8:8">
      <c r="H54138" s="12"/>
    </row>
    <row r="54139" spans="8:8">
      <c r="H54139" s="12"/>
    </row>
    <row r="54140" spans="8:8">
      <c r="H54140" s="12"/>
    </row>
    <row r="54141" spans="8:8">
      <c r="H54141" s="12"/>
    </row>
    <row r="54142" spans="8:8">
      <c r="H54142" s="12"/>
    </row>
    <row r="54143" spans="8:8">
      <c r="H54143" s="12"/>
    </row>
    <row r="54144" spans="8:8">
      <c r="H54144" s="12"/>
    </row>
    <row r="54145" spans="8:8">
      <c r="H54145" s="12"/>
    </row>
    <row r="54146" spans="8:8">
      <c r="H54146" s="12"/>
    </row>
    <row r="54147" spans="8:8">
      <c r="H54147" s="12"/>
    </row>
    <row r="54148" spans="8:8">
      <c r="H54148" s="12"/>
    </row>
    <row r="54149" spans="8:8">
      <c r="H54149" s="12"/>
    </row>
    <row r="54150" spans="8:8">
      <c r="H54150" s="12"/>
    </row>
    <row r="54151" spans="8:8">
      <c r="H54151" s="12"/>
    </row>
    <row r="54152" spans="8:8">
      <c r="H54152" s="12"/>
    </row>
    <row r="54153" spans="8:8">
      <c r="H54153" s="12"/>
    </row>
    <row r="54154" spans="8:8">
      <c r="H54154" s="12"/>
    </row>
    <row r="54155" spans="8:8">
      <c r="H54155" s="12"/>
    </row>
    <row r="54156" spans="8:8">
      <c r="H54156" s="12"/>
    </row>
    <row r="54157" spans="8:8">
      <c r="H54157" s="12"/>
    </row>
    <row r="54158" spans="8:8">
      <c r="H54158" s="12"/>
    </row>
    <row r="54159" spans="8:8">
      <c r="H54159" s="12"/>
    </row>
    <row r="54160" spans="8:8">
      <c r="H54160" s="12"/>
    </row>
    <row r="54161" spans="8:8">
      <c r="H54161" s="12"/>
    </row>
    <row r="54162" spans="8:8">
      <c r="H54162" s="12"/>
    </row>
    <row r="54163" spans="8:8">
      <c r="H54163" s="12"/>
    </row>
    <row r="54164" spans="8:8">
      <c r="H54164" s="12"/>
    </row>
    <row r="54165" spans="8:8">
      <c r="H54165" s="12"/>
    </row>
    <row r="54166" spans="8:8">
      <c r="H54166" s="12"/>
    </row>
    <row r="54167" spans="8:8">
      <c r="H54167" s="12"/>
    </row>
    <row r="54168" spans="8:8">
      <c r="H54168" s="12"/>
    </row>
    <row r="54169" spans="8:8">
      <c r="H54169" s="12"/>
    </row>
    <row r="54170" spans="8:8">
      <c r="H54170" s="12"/>
    </row>
    <row r="54171" spans="8:8">
      <c r="H54171" s="12"/>
    </row>
    <row r="54172" spans="8:8">
      <c r="H54172" s="12"/>
    </row>
    <row r="54173" spans="8:8">
      <c r="H54173" s="12"/>
    </row>
    <row r="54174" spans="8:8">
      <c r="H54174" s="12"/>
    </row>
    <row r="54175" spans="8:8">
      <c r="H54175" s="12"/>
    </row>
    <row r="54176" spans="8:8">
      <c r="H54176" s="12"/>
    </row>
    <row r="54177" spans="8:8">
      <c r="H54177" s="12"/>
    </row>
    <row r="54178" spans="8:8">
      <c r="H54178" s="12"/>
    </row>
    <row r="54179" spans="8:8">
      <c r="H54179" s="12"/>
    </row>
    <row r="54180" spans="8:8">
      <c r="H54180" s="12"/>
    </row>
    <row r="54181" spans="8:8">
      <c r="H54181" s="12"/>
    </row>
    <row r="54182" spans="8:8">
      <c r="H54182" s="12"/>
    </row>
    <row r="54183" spans="8:8">
      <c r="H54183" s="12"/>
    </row>
    <row r="54184" spans="8:8">
      <c r="H54184" s="12"/>
    </row>
    <row r="54185" spans="8:8">
      <c r="H54185" s="12"/>
    </row>
    <row r="54186" spans="8:8">
      <c r="H54186" s="12"/>
    </row>
    <row r="54187" spans="8:8">
      <c r="H54187" s="12"/>
    </row>
    <row r="54188" spans="8:8">
      <c r="H54188" s="12"/>
    </row>
    <row r="54189" spans="8:8">
      <c r="H54189" s="12"/>
    </row>
    <row r="54190" spans="8:8">
      <c r="H54190" s="12"/>
    </row>
    <row r="54191" spans="8:8">
      <c r="H54191" s="12"/>
    </row>
    <row r="54192" spans="8:8">
      <c r="H54192" s="12"/>
    </row>
    <row r="54193" spans="8:8">
      <c r="H54193" s="12"/>
    </row>
    <row r="54194" spans="8:8">
      <c r="H54194" s="12"/>
    </row>
    <row r="54195" spans="8:8">
      <c r="H54195" s="12"/>
    </row>
    <row r="54196" spans="8:8">
      <c r="H54196" s="12"/>
    </row>
    <row r="54197" spans="8:8">
      <c r="H54197" s="12"/>
    </row>
    <row r="54198" spans="8:8">
      <c r="H54198" s="12"/>
    </row>
    <row r="54199" spans="8:8">
      <c r="H54199" s="12"/>
    </row>
    <row r="54200" spans="8:8">
      <c r="H54200" s="12"/>
    </row>
    <row r="54201" spans="8:8">
      <c r="H54201" s="12"/>
    </row>
    <row r="54202" spans="8:8">
      <c r="H54202" s="12"/>
    </row>
    <row r="54203" spans="8:8">
      <c r="H54203" s="12"/>
    </row>
    <row r="54204" spans="8:8">
      <c r="H54204" s="12"/>
    </row>
    <row r="54205" spans="8:8">
      <c r="H54205" s="12"/>
    </row>
    <row r="54206" spans="8:8">
      <c r="H54206" s="12"/>
    </row>
    <row r="54207" spans="8:8">
      <c r="H54207" s="12"/>
    </row>
    <row r="54208" spans="8:8">
      <c r="H54208" s="12"/>
    </row>
    <row r="54209" spans="8:8">
      <c r="H54209" s="12"/>
    </row>
    <row r="54210" spans="8:8">
      <c r="H54210" s="12"/>
    </row>
    <row r="54211" spans="8:8">
      <c r="H54211" s="12"/>
    </row>
    <row r="54212" spans="8:8">
      <c r="H54212" s="12"/>
    </row>
    <row r="54213" spans="8:8">
      <c r="H54213" s="12"/>
    </row>
    <row r="54214" spans="8:8">
      <c r="H54214" s="12"/>
    </row>
    <row r="54215" spans="8:8">
      <c r="H54215" s="12"/>
    </row>
    <row r="54216" spans="8:8">
      <c r="H54216" s="12"/>
    </row>
    <row r="54217" spans="8:8">
      <c r="H54217" s="12"/>
    </row>
    <row r="54218" spans="8:8">
      <c r="H54218" s="12"/>
    </row>
    <row r="54219" spans="8:8">
      <c r="H54219" s="12"/>
    </row>
    <row r="54220" spans="8:8">
      <c r="H54220" s="12"/>
    </row>
    <row r="54221" spans="8:8">
      <c r="H54221" s="12"/>
    </row>
    <row r="54222" spans="8:8">
      <c r="H54222" s="12"/>
    </row>
    <row r="54223" spans="8:8">
      <c r="H54223" s="12"/>
    </row>
    <row r="54224" spans="8:8">
      <c r="H54224" s="12"/>
    </row>
    <row r="54225" spans="8:8">
      <c r="H54225" s="12"/>
    </row>
    <row r="54226" spans="8:8">
      <c r="H54226" s="12"/>
    </row>
    <row r="54227" spans="8:8">
      <c r="H54227" s="12"/>
    </row>
    <row r="54228" spans="8:8">
      <c r="H54228" s="12"/>
    </row>
    <row r="54229" spans="8:8">
      <c r="H54229" s="12"/>
    </row>
    <row r="54230" spans="8:8">
      <c r="H54230" s="12"/>
    </row>
    <row r="54231" spans="8:8">
      <c r="H54231" s="12"/>
    </row>
    <row r="54232" spans="8:8">
      <c r="H54232" s="12"/>
    </row>
    <row r="54233" spans="8:8">
      <c r="H54233" s="12"/>
    </row>
    <row r="54234" spans="8:8">
      <c r="H54234" s="12"/>
    </row>
    <row r="54235" spans="8:8">
      <c r="H54235" s="12"/>
    </row>
    <row r="54236" spans="8:8">
      <c r="H54236" s="12"/>
    </row>
    <row r="54237" spans="8:8">
      <c r="H54237" s="12"/>
    </row>
    <row r="54238" spans="8:8">
      <c r="H54238" s="12"/>
    </row>
    <row r="54239" spans="8:8">
      <c r="H54239" s="12"/>
    </row>
    <row r="54240" spans="8:8">
      <c r="H54240" s="12"/>
    </row>
    <row r="54241" spans="8:8">
      <c r="H54241" s="12"/>
    </row>
    <row r="54242" spans="8:8">
      <c r="H54242" s="12"/>
    </row>
    <row r="54243" spans="8:8">
      <c r="H54243" s="12"/>
    </row>
    <row r="54244" spans="8:8">
      <c r="H54244" s="12"/>
    </row>
    <row r="54245" spans="8:8">
      <c r="H54245" s="12"/>
    </row>
    <row r="54246" spans="8:8">
      <c r="H54246" s="12"/>
    </row>
    <row r="54247" spans="8:8">
      <c r="H54247" s="12"/>
    </row>
    <row r="54248" spans="8:8">
      <c r="H54248" s="12"/>
    </row>
    <row r="54249" spans="8:8">
      <c r="H54249" s="12"/>
    </row>
    <row r="54250" spans="8:8">
      <c r="H54250" s="12"/>
    </row>
    <row r="54251" spans="8:8">
      <c r="H54251" s="12"/>
    </row>
    <row r="54252" spans="8:8">
      <c r="H54252" s="12"/>
    </row>
    <row r="54253" spans="8:8">
      <c r="H54253" s="12"/>
    </row>
    <row r="54254" spans="8:8">
      <c r="H54254" s="12"/>
    </row>
    <row r="54255" spans="8:8">
      <c r="H54255" s="12"/>
    </row>
    <row r="54256" spans="8:8">
      <c r="H54256" s="12"/>
    </row>
    <row r="54257" spans="8:8">
      <c r="H54257" s="12"/>
    </row>
    <row r="54258" spans="8:8">
      <c r="H54258" s="12"/>
    </row>
    <row r="54259" spans="8:8">
      <c r="H54259" s="12"/>
    </row>
    <row r="54260" spans="8:8">
      <c r="H54260" s="12"/>
    </row>
    <row r="54261" spans="8:8">
      <c r="H54261" s="12"/>
    </row>
    <row r="54262" spans="8:8">
      <c r="H54262" s="12"/>
    </row>
    <row r="54263" spans="8:8">
      <c r="H54263" s="12"/>
    </row>
    <row r="54264" spans="8:8">
      <c r="H54264" s="12"/>
    </row>
    <row r="54265" spans="8:8">
      <c r="H54265" s="12"/>
    </row>
    <row r="54266" spans="8:8">
      <c r="H54266" s="12"/>
    </row>
    <row r="54267" spans="8:8">
      <c r="H54267" s="12"/>
    </row>
    <row r="54268" spans="8:8">
      <c r="H54268" s="12"/>
    </row>
    <row r="54269" spans="8:8">
      <c r="H54269" s="12"/>
    </row>
    <row r="54270" spans="8:8">
      <c r="H54270" s="12"/>
    </row>
    <row r="54271" spans="8:8">
      <c r="H54271" s="12"/>
    </row>
    <row r="54272" spans="8:8">
      <c r="H54272" s="12"/>
    </row>
    <row r="54273" spans="8:8">
      <c r="H54273" s="12"/>
    </row>
    <row r="54274" spans="8:8">
      <c r="H54274" s="12"/>
    </row>
    <row r="54275" spans="8:8">
      <c r="H54275" s="12"/>
    </row>
    <row r="54276" spans="8:8">
      <c r="H54276" s="12"/>
    </row>
    <row r="54277" spans="8:8">
      <c r="H54277" s="12"/>
    </row>
    <row r="54278" spans="8:8">
      <c r="H54278" s="12"/>
    </row>
    <row r="54279" spans="8:8">
      <c r="H54279" s="12"/>
    </row>
    <row r="54280" spans="8:8">
      <c r="H54280" s="12"/>
    </row>
    <row r="54281" spans="8:8">
      <c r="H54281" s="12"/>
    </row>
    <row r="54282" spans="8:8">
      <c r="H54282" s="12"/>
    </row>
    <row r="54283" spans="8:8">
      <c r="H54283" s="12"/>
    </row>
    <row r="54284" spans="8:8">
      <c r="H54284" s="12"/>
    </row>
    <row r="54285" spans="8:8">
      <c r="H54285" s="12"/>
    </row>
    <row r="54286" spans="8:8">
      <c r="H54286" s="12"/>
    </row>
    <row r="54287" spans="8:8">
      <c r="H54287" s="12"/>
    </row>
    <row r="54288" spans="8:8">
      <c r="H54288" s="12"/>
    </row>
    <row r="54289" spans="8:8">
      <c r="H54289" s="12"/>
    </row>
    <row r="54290" spans="8:8">
      <c r="H54290" s="12"/>
    </row>
    <row r="54291" spans="8:8">
      <c r="H54291" s="12"/>
    </row>
    <row r="54292" spans="8:8">
      <c r="H54292" s="12"/>
    </row>
    <row r="54293" spans="8:8">
      <c r="H54293" s="12"/>
    </row>
    <row r="54294" spans="8:8">
      <c r="H54294" s="12"/>
    </row>
    <row r="54295" spans="8:8">
      <c r="H54295" s="12"/>
    </row>
    <row r="54296" spans="8:8">
      <c r="H54296" s="12"/>
    </row>
    <row r="54297" spans="8:8">
      <c r="H54297" s="12"/>
    </row>
    <row r="54298" spans="8:8">
      <c r="H54298" s="12"/>
    </row>
    <row r="54299" spans="8:8">
      <c r="H54299" s="12"/>
    </row>
    <row r="54300" spans="8:8">
      <c r="H54300" s="12"/>
    </row>
    <row r="54301" spans="8:8">
      <c r="H54301" s="12"/>
    </row>
    <row r="54302" spans="8:8">
      <c r="H54302" s="12"/>
    </row>
    <row r="54303" spans="8:8">
      <c r="H54303" s="12"/>
    </row>
    <row r="54304" spans="8:8">
      <c r="H54304" s="12"/>
    </row>
    <row r="54305" spans="8:8">
      <c r="H54305" s="12"/>
    </row>
    <row r="54306" spans="8:8">
      <c r="H54306" s="12"/>
    </row>
    <row r="54307" spans="8:8">
      <c r="H54307" s="12"/>
    </row>
    <row r="54308" spans="8:8">
      <c r="H54308" s="12"/>
    </row>
    <row r="54309" spans="8:8">
      <c r="H54309" s="12"/>
    </row>
    <row r="54310" spans="8:8">
      <c r="H54310" s="12"/>
    </row>
    <row r="54311" spans="8:8">
      <c r="H54311" s="12"/>
    </row>
    <row r="54312" spans="8:8">
      <c r="H54312" s="12"/>
    </row>
    <row r="54313" spans="8:8">
      <c r="H54313" s="12"/>
    </row>
    <row r="54314" spans="8:8">
      <c r="H54314" s="12"/>
    </row>
    <row r="54315" spans="8:8">
      <c r="H54315" s="12"/>
    </row>
    <row r="54316" spans="8:8">
      <c r="H54316" s="12"/>
    </row>
    <row r="54317" spans="8:8">
      <c r="H54317" s="12"/>
    </row>
    <row r="54318" spans="8:8">
      <c r="H54318" s="12"/>
    </row>
    <row r="54319" spans="8:8">
      <c r="H54319" s="12"/>
    </row>
    <row r="54320" spans="8:8">
      <c r="H54320" s="12"/>
    </row>
    <row r="54321" spans="8:8">
      <c r="H54321" s="12"/>
    </row>
    <row r="54322" spans="8:8">
      <c r="H54322" s="12"/>
    </row>
    <row r="54323" spans="8:8">
      <c r="H54323" s="12"/>
    </row>
    <row r="54324" spans="8:8">
      <c r="H54324" s="12"/>
    </row>
    <row r="54325" spans="8:8">
      <c r="H54325" s="12"/>
    </row>
    <row r="54326" spans="8:8">
      <c r="H54326" s="12"/>
    </row>
    <row r="54327" spans="8:8">
      <c r="H54327" s="12"/>
    </row>
    <row r="54328" spans="8:8">
      <c r="H54328" s="12"/>
    </row>
    <row r="54329" spans="8:8">
      <c r="H54329" s="12"/>
    </row>
    <row r="54330" spans="8:8">
      <c r="H54330" s="12"/>
    </row>
    <row r="54331" spans="8:8">
      <c r="H54331" s="12"/>
    </row>
    <row r="54332" spans="8:8">
      <c r="H54332" s="12"/>
    </row>
    <row r="54333" spans="8:8">
      <c r="H54333" s="12"/>
    </row>
    <row r="54334" spans="8:8">
      <c r="H54334" s="12"/>
    </row>
    <row r="54335" spans="8:8">
      <c r="H54335" s="12"/>
    </row>
    <row r="54336" spans="8:8">
      <c r="H54336" s="12"/>
    </row>
    <row r="54337" spans="8:8">
      <c r="H54337" s="12"/>
    </row>
    <row r="54338" spans="8:8">
      <c r="H54338" s="12"/>
    </row>
    <row r="54339" spans="8:8">
      <c r="H54339" s="12"/>
    </row>
    <row r="54340" spans="8:8">
      <c r="H54340" s="12"/>
    </row>
    <row r="54341" spans="8:8">
      <c r="H54341" s="12"/>
    </row>
    <row r="54342" spans="8:8">
      <c r="H54342" s="12"/>
    </row>
    <row r="54343" spans="8:8">
      <c r="H54343" s="12"/>
    </row>
    <row r="54344" spans="8:8">
      <c r="H54344" s="12"/>
    </row>
    <row r="54345" spans="8:8">
      <c r="H54345" s="12"/>
    </row>
    <row r="54346" spans="8:8">
      <c r="H54346" s="12"/>
    </row>
    <row r="54347" spans="8:8">
      <c r="H54347" s="12"/>
    </row>
    <row r="54348" spans="8:8">
      <c r="H54348" s="12"/>
    </row>
    <row r="54349" spans="8:8">
      <c r="H54349" s="12"/>
    </row>
    <row r="54350" spans="8:8">
      <c r="H54350" s="12"/>
    </row>
    <row r="54351" spans="8:8">
      <c r="H54351" s="12"/>
    </row>
    <row r="54352" spans="8:8">
      <c r="H54352" s="12"/>
    </row>
    <row r="54353" spans="8:8">
      <c r="H54353" s="12"/>
    </row>
    <row r="54354" spans="8:8">
      <c r="H54354" s="12"/>
    </row>
    <row r="54355" spans="8:8">
      <c r="H54355" s="12"/>
    </row>
    <row r="54356" spans="8:8">
      <c r="H54356" s="12"/>
    </row>
    <row r="54357" spans="8:8">
      <c r="H54357" s="12"/>
    </row>
    <row r="54358" spans="8:8">
      <c r="H54358" s="12"/>
    </row>
    <row r="54359" spans="8:8">
      <c r="H54359" s="12"/>
    </row>
    <row r="54360" spans="8:8">
      <c r="H54360" s="12"/>
    </row>
    <row r="54361" spans="8:8">
      <c r="H54361" s="12"/>
    </row>
    <row r="54362" spans="8:8">
      <c r="H54362" s="12"/>
    </row>
    <row r="54363" spans="8:8">
      <c r="H54363" s="12"/>
    </row>
    <row r="54364" spans="8:8">
      <c r="H54364" s="12"/>
    </row>
    <row r="54365" spans="8:8">
      <c r="H54365" s="12"/>
    </row>
    <row r="54366" spans="8:8">
      <c r="H54366" s="12"/>
    </row>
    <row r="54367" spans="8:8">
      <c r="H54367" s="12"/>
    </row>
    <row r="54368" spans="8:8">
      <c r="H54368" s="12"/>
    </row>
    <row r="54369" spans="8:8">
      <c r="H54369" s="12"/>
    </row>
    <row r="54370" spans="8:8">
      <c r="H54370" s="12"/>
    </row>
    <row r="54371" spans="8:8">
      <c r="H54371" s="12"/>
    </row>
    <row r="54372" spans="8:8">
      <c r="H54372" s="12"/>
    </row>
    <row r="54373" spans="8:8">
      <c r="H54373" s="12"/>
    </row>
    <row r="54374" spans="8:8">
      <c r="H54374" s="12"/>
    </row>
    <row r="54375" spans="8:8">
      <c r="H54375" s="12"/>
    </row>
    <row r="54376" spans="8:8">
      <c r="H54376" s="12"/>
    </row>
    <row r="54377" spans="8:8">
      <c r="H54377" s="12"/>
    </row>
    <row r="54378" spans="8:8">
      <c r="H54378" s="12"/>
    </row>
    <row r="54379" spans="8:8">
      <c r="H54379" s="12"/>
    </row>
    <row r="54380" spans="8:8">
      <c r="H54380" s="12"/>
    </row>
    <row r="54381" spans="8:8">
      <c r="H54381" s="12"/>
    </row>
    <row r="54382" spans="8:8">
      <c r="H54382" s="12"/>
    </row>
    <row r="54383" spans="8:8">
      <c r="H54383" s="12"/>
    </row>
    <row r="54384" spans="8:8">
      <c r="H54384" s="12"/>
    </row>
    <row r="54385" spans="8:8">
      <c r="H54385" s="12"/>
    </row>
    <row r="54386" spans="8:8">
      <c r="H54386" s="12"/>
    </row>
    <row r="54387" spans="8:8">
      <c r="H54387" s="12"/>
    </row>
    <row r="54388" spans="8:8">
      <c r="H54388" s="12"/>
    </row>
    <row r="54389" spans="8:8">
      <c r="H54389" s="12"/>
    </row>
    <row r="54390" spans="8:8">
      <c r="H54390" s="12"/>
    </row>
    <row r="54391" spans="8:8">
      <c r="H54391" s="12"/>
    </row>
    <row r="54392" spans="8:8">
      <c r="H54392" s="12"/>
    </row>
    <row r="54393" spans="8:8">
      <c r="H54393" s="12"/>
    </row>
    <row r="54394" spans="8:8">
      <c r="H54394" s="12"/>
    </row>
    <row r="54395" spans="8:8">
      <c r="H54395" s="12"/>
    </row>
    <row r="54396" spans="8:8">
      <c r="H54396" s="12"/>
    </row>
    <row r="54397" spans="8:8">
      <c r="H54397" s="12"/>
    </row>
    <row r="54398" spans="8:8">
      <c r="H54398" s="12"/>
    </row>
    <row r="54399" spans="8:8">
      <c r="H54399" s="12"/>
    </row>
    <row r="54400" spans="8:8">
      <c r="H54400" s="12"/>
    </row>
    <row r="54401" spans="8:8">
      <c r="H54401" s="12"/>
    </row>
    <row r="54402" spans="8:8">
      <c r="H54402" s="12"/>
    </row>
    <row r="54403" spans="8:8">
      <c r="H54403" s="12"/>
    </row>
    <row r="54404" spans="8:8">
      <c r="H54404" s="12"/>
    </row>
    <row r="54405" spans="8:8">
      <c r="H54405" s="12"/>
    </row>
    <row r="54406" spans="8:8">
      <c r="H54406" s="12"/>
    </row>
    <row r="54407" spans="8:8">
      <c r="H54407" s="12"/>
    </row>
    <row r="54408" spans="8:8">
      <c r="H54408" s="12"/>
    </row>
    <row r="54409" spans="8:8">
      <c r="H54409" s="12"/>
    </row>
    <row r="54410" spans="8:8">
      <c r="H54410" s="12"/>
    </row>
    <row r="54411" spans="8:8">
      <c r="H54411" s="12"/>
    </row>
    <row r="54412" spans="8:8">
      <c r="H54412" s="12"/>
    </row>
    <row r="54413" spans="8:8">
      <c r="H54413" s="12"/>
    </row>
    <row r="54414" spans="8:8">
      <c r="H54414" s="12"/>
    </row>
    <row r="54415" spans="8:8">
      <c r="H54415" s="12"/>
    </row>
    <row r="54416" spans="8:8">
      <c r="H54416" s="12"/>
    </row>
    <row r="54417" spans="8:8">
      <c r="H54417" s="12"/>
    </row>
    <row r="54418" spans="8:8">
      <c r="H54418" s="12"/>
    </row>
    <row r="54419" spans="8:8">
      <c r="H54419" s="12"/>
    </row>
    <row r="54420" spans="8:8">
      <c r="H54420" s="12"/>
    </row>
    <row r="54421" spans="8:8">
      <c r="H54421" s="12"/>
    </row>
    <row r="54422" spans="8:8">
      <c r="H54422" s="12"/>
    </row>
    <row r="54423" spans="8:8">
      <c r="H54423" s="12"/>
    </row>
    <row r="54424" spans="8:8">
      <c r="H54424" s="12"/>
    </row>
    <row r="54425" spans="8:8">
      <c r="H54425" s="12"/>
    </row>
    <row r="54426" spans="8:8">
      <c r="H54426" s="12"/>
    </row>
    <row r="54427" spans="8:8">
      <c r="H54427" s="12"/>
    </row>
    <row r="54428" spans="8:8">
      <c r="H54428" s="12"/>
    </row>
    <row r="54429" spans="8:8">
      <c r="H54429" s="12"/>
    </row>
    <row r="54430" spans="8:8">
      <c r="H54430" s="12"/>
    </row>
    <row r="54431" spans="8:8">
      <c r="H54431" s="12"/>
    </row>
    <row r="54432" spans="8:8">
      <c r="H54432" s="12"/>
    </row>
    <row r="54433" spans="8:8">
      <c r="H54433" s="12"/>
    </row>
    <row r="54434" spans="8:8">
      <c r="H54434" s="12"/>
    </row>
    <row r="54435" spans="8:8">
      <c r="H54435" s="12"/>
    </row>
    <row r="54436" spans="8:8">
      <c r="H54436" s="12"/>
    </row>
    <row r="54437" spans="8:8">
      <c r="H54437" s="12"/>
    </row>
    <row r="54438" spans="8:8">
      <c r="H54438" s="12"/>
    </row>
    <row r="54439" spans="8:8">
      <c r="H54439" s="12"/>
    </row>
    <row r="54440" spans="8:8">
      <c r="H54440" s="12"/>
    </row>
    <row r="54441" spans="8:8">
      <c r="H54441" s="12"/>
    </row>
    <row r="54442" spans="8:8">
      <c r="H54442" s="12"/>
    </row>
    <row r="54443" spans="8:8">
      <c r="H54443" s="12"/>
    </row>
    <row r="54444" spans="8:8">
      <c r="H54444" s="12"/>
    </row>
    <row r="54445" spans="8:8">
      <c r="H54445" s="12"/>
    </row>
    <row r="54446" spans="8:8">
      <c r="H54446" s="12"/>
    </row>
    <row r="54447" spans="8:8">
      <c r="H54447" s="12"/>
    </row>
    <row r="54448" spans="8:8">
      <c r="H54448" s="12"/>
    </row>
    <row r="54449" spans="8:8">
      <c r="H54449" s="12"/>
    </row>
    <row r="54450" spans="8:8">
      <c r="H54450" s="12"/>
    </row>
    <row r="54451" spans="8:8">
      <c r="H54451" s="12"/>
    </row>
    <row r="54452" spans="8:8">
      <c r="H54452" s="12"/>
    </row>
    <row r="54453" spans="8:8">
      <c r="H54453" s="12"/>
    </row>
    <row r="54454" spans="8:8">
      <c r="H54454" s="12"/>
    </row>
    <row r="54455" spans="8:8">
      <c r="H54455" s="12"/>
    </row>
    <row r="54456" spans="8:8">
      <c r="H54456" s="12"/>
    </row>
    <row r="54457" spans="8:8">
      <c r="H54457" s="12"/>
    </row>
    <row r="54458" spans="8:8">
      <c r="H54458" s="12"/>
    </row>
    <row r="54459" spans="8:8">
      <c r="H54459" s="12"/>
    </row>
    <row r="54460" spans="8:8">
      <c r="H54460" s="12"/>
    </row>
    <row r="54461" spans="8:8">
      <c r="H54461" s="12"/>
    </row>
    <row r="54462" spans="8:8">
      <c r="H54462" s="12"/>
    </row>
    <row r="54463" spans="8:8">
      <c r="H54463" s="12"/>
    </row>
    <row r="54464" spans="8:8">
      <c r="H54464" s="12"/>
    </row>
    <row r="54465" spans="8:8">
      <c r="H54465" s="12"/>
    </row>
    <row r="54466" spans="8:8">
      <c r="H54466" s="12"/>
    </row>
    <row r="54467" spans="8:8">
      <c r="H54467" s="12"/>
    </row>
    <row r="54468" spans="8:8">
      <c r="H54468" s="12"/>
    </row>
    <row r="54469" spans="8:8">
      <c r="H54469" s="12"/>
    </row>
    <row r="54470" spans="8:8">
      <c r="H54470" s="12"/>
    </row>
    <row r="54471" spans="8:8">
      <c r="H54471" s="12"/>
    </row>
    <row r="54472" spans="8:8">
      <c r="H54472" s="12"/>
    </row>
    <row r="54473" spans="8:8">
      <c r="H54473" s="12"/>
    </row>
    <row r="54474" spans="8:8">
      <c r="H54474" s="12"/>
    </row>
    <row r="54475" spans="8:8">
      <c r="H54475" s="12"/>
    </row>
    <row r="54476" spans="8:8">
      <c r="H54476" s="12"/>
    </row>
    <row r="54477" spans="8:8">
      <c r="H54477" s="12"/>
    </row>
    <row r="54478" spans="8:8">
      <c r="H54478" s="12"/>
    </row>
    <row r="54479" spans="8:8">
      <c r="H54479" s="12"/>
    </row>
    <row r="54480" spans="8:8">
      <c r="H54480" s="12"/>
    </row>
    <row r="54481" spans="8:8">
      <c r="H54481" s="12"/>
    </row>
    <row r="54482" spans="8:8">
      <c r="H54482" s="12"/>
    </row>
    <row r="54483" spans="8:8">
      <c r="H54483" s="12"/>
    </row>
    <row r="54484" spans="8:8">
      <c r="H54484" s="12"/>
    </row>
    <row r="54485" spans="8:8">
      <c r="H54485" s="12"/>
    </row>
    <row r="54486" spans="8:8">
      <c r="H54486" s="12"/>
    </row>
    <row r="54487" spans="8:8">
      <c r="H54487" s="12"/>
    </row>
    <row r="54488" spans="8:8">
      <c r="H54488" s="12"/>
    </row>
    <row r="54489" spans="8:8">
      <c r="H54489" s="12"/>
    </row>
    <row r="54490" spans="8:8">
      <c r="H54490" s="12"/>
    </row>
    <row r="54491" spans="8:8">
      <c r="H54491" s="12"/>
    </row>
    <row r="54492" spans="8:8">
      <c r="H54492" s="12"/>
    </row>
    <row r="54493" spans="8:8">
      <c r="H54493" s="12"/>
    </row>
    <row r="54494" spans="8:8">
      <c r="H54494" s="12"/>
    </row>
    <row r="54495" spans="8:8">
      <c r="H54495" s="12"/>
    </row>
    <row r="54496" spans="8:8">
      <c r="H54496" s="12"/>
    </row>
    <row r="54497" spans="8:8">
      <c r="H54497" s="12"/>
    </row>
    <row r="54498" spans="8:8">
      <c r="H54498" s="12"/>
    </row>
    <row r="54499" spans="8:8">
      <c r="H54499" s="12"/>
    </row>
    <row r="54500" spans="8:8">
      <c r="H54500" s="12"/>
    </row>
    <row r="54501" spans="8:8">
      <c r="H54501" s="12"/>
    </row>
    <row r="54502" spans="8:8">
      <c r="H54502" s="12"/>
    </row>
    <row r="54503" spans="8:8">
      <c r="H54503" s="12"/>
    </row>
    <row r="54504" spans="8:8">
      <c r="H54504" s="12"/>
    </row>
    <row r="54505" spans="8:8">
      <c r="H54505" s="12"/>
    </row>
    <row r="54506" spans="8:8">
      <c r="H54506" s="12"/>
    </row>
    <row r="54507" spans="8:8">
      <c r="H54507" s="12"/>
    </row>
    <row r="54508" spans="8:8">
      <c r="H54508" s="12"/>
    </row>
    <row r="54509" spans="8:8">
      <c r="H54509" s="12"/>
    </row>
    <row r="54510" spans="8:8">
      <c r="H54510" s="12"/>
    </row>
    <row r="54511" spans="8:8">
      <c r="H54511" s="12"/>
    </row>
    <row r="54512" spans="8:8">
      <c r="H54512" s="12"/>
    </row>
    <row r="54513" spans="8:8">
      <c r="H54513" s="12"/>
    </row>
    <row r="54514" spans="8:8">
      <c r="H54514" s="12"/>
    </row>
    <row r="54515" spans="8:8">
      <c r="H54515" s="12"/>
    </row>
    <row r="54516" spans="8:8">
      <c r="H54516" s="12"/>
    </row>
    <row r="54517" spans="8:8">
      <c r="H54517" s="12"/>
    </row>
    <row r="54518" spans="8:8">
      <c r="H54518" s="12"/>
    </row>
    <row r="54519" spans="8:8">
      <c r="H54519" s="12"/>
    </row>
    <row r="54520" spans="8:8">
      <c r="H54520" s="12"/>
    </row>
    <row r="54521" spans="8:8">
      <c r="H54521" s="12"/>
    </row>
    <row r="54522" spans="8:8">
      <c r="H54522" s="12"/>
    </row>
    <row r="54523" spans="8:8">
      <c r="H54523" s="12"/>
    </row>
    <row r="54524" spans="8:8">
      <c r="H54524" s="12"/>
    </row>
    <row r="54525" spans="8:8">
      <c r="H54525" s="12"/>
    </row>
    <row r="54526" spans="8:8">
      <c r="H54526" s="12"/>
    </row>
    <row r="54527" spans="8:8">
      <c r="H54527" s="12"/>
    </row>
    <row r="54528" spans="8:8">
      <c r="H54528" s="12"/>
    </row>
    <row r="54529" spans="8:8">
      <c r="H54529" s="12"/>
    </row>
    <row r="54530" spans="8:8">
      <c r="H54530" s="12"/>
    </row>
    <row r="54531" spans="8:8">
      <c r="H54531" s="12"/>
    </row>
    <row r="54532" spans="8:8">
      <c r="H54532" s="12"/>
    </row>
    <row r="54533" spans="8:8">
      <c r="H54533" s="12"/>
    </row>
    <row r="54534" spans="8:8">
      <c r="H54534" s="12"/>
    </row>
    <row r="54535" spans="8:8">
      <c r="H54535" s="12"/>
    </row>
    <row r="54536" spans="8:8">
      <c r="H54536" s="12"/>
    </row>
    <row r="54537" spans="8:8">
      <c r="H54537" s="12"/>
    </row>
    <row r="54538" spans="8:8">
      <c r="H54538" s="12"/>
    </row>
    <row r="54539" spans="8:8">
      <c r="H54539" s="12"/>
    </row>
    <row r="54540" spans="8:8">
      <c r="H54540" s="12"/>
    </row>
    <row r="54541" spans="8:8">
      <c r="H54541" s="12"/>
    </row>
    <row r="54542" spans="8:8">
      <c r="H54542" s="12"/>
    </row>
    <row r="54543" spans="8:8">
      <c r="H54543" s="12"/>
    </row>
    <row r="54544" spans="8:8">
      <c r="H54544" s="12"/>
    </row>
    <row r="54545" spans="8:8">
      <c r="H54545" s="12"/>
    </row>
    <row r="54546" spans="8:8">
      <c r="H54546" s="12"/>
    </row>
    <row r="54547" spans="8:8">
      <c r="H54547" s="12"/>
    </row>
    <row r="54548" spans="8:8">
      <c r="H54548" s="12"/>
    </row>
    <row r="54549" spans="8:8">
      <c r="H54549" s="12"/>
    </row>
    <row r="54550" spans="8:8">
      <c r="H54550" s="12"/>
    </row>
    <row r="54551" spans="8:8">
      <c r="H54551" s="12"/>
    </row>
    <row r="54552" spans="8:8">
      <c r="H54552" s="12"/>
    </row>
    <row r="54553" spans="8:8">
      <c r="H54553" s="12"/>
    </row>
    <row r="54554" spans="8:8">
      <c r="H54554" s="12"/>
    </row>
    <row r="54555" spans="8:8">
      <c r="H54555" s="12"/>
    </row>
    <row r="54556" spans="8:8">
      <c r="H54556" s="12"/>
    </row>
    <row r="54557" spans="8:8">
      <c r="H54557" s="12"/>
    </row>
    <row r="54558" spans="8:8">
      <c r="H54558" s="12"/>
    </row>
    <row r="54559" spans="8:8">
      <c r="H54559" s="12"/>
    </row>
    <row r="54560" spans="8:8">
      <c r="H54560" s="12"/>
    </row>
    <row r="54561" spans="8:8">
      <c r="H54561" s="12"/>
    </row>
    <row r="54562" spans="8:8">
      <c r="H54562" s="12"/>
    </row>
    <row r="54563" spans="8:8">
      <c r="H54563" s="12"/>
    </row>
    <row r="54564" spans="8:8">
      <c r="H54564" s="12"/>
    </row>
    <row r="54565" spans="8:8">
      <c r="H54565" s="12"/>
    </row>
    <row r="54566" spans="8:8">
      <c r="H54566" s="12"/>
    </row>
    <row r="54567" spans="8:8">
      <c r="H54567" s="12"/>
    </row>
    <row r="54568" spans="8:8">
      <c r="H54568" s="12"/>
    </row>
    <row r="54569" spans="8:8">
      <c r="H54569" s="12"/>
    </row>
    <row r="54570" spans="8:8">
      <c r="H54570" s="12"/>
    </row>
    <row r="54571" spans="8:8">
      <c r="H54571" s="12"/>
    </row>
    <row r="54572" spans="8:8">
      <c r="H54572" s="12"/>
    </row>
    <row r="54573" spans="8:8">
      <c r="H54573" s="12"/>
    </row>
    <row r="54574" spans="8:8">
      <c r="H54574" s="12"/>
    </row>
    <row r="54575" spans="8:8">
      <c r="H54575" s="12"/>
    </row>
    <row r="54576" spans="8:8">
      <c r="H54576" s="12"/>
    </row>
    <row r="54577" spans="8:8">
      <c r="H54577" s="12"/>
    </row>
    <row r="54578" spans="8:8">
      <c r="H54578" s="12"/>
    </row>
    <row r="54579" spans="8:8">
      <c r="H54579" s="12"/>
    </row>
    <row r="54580" spans="8:8">
      <c r="H54580" s="12"/>
    </row>
    <row r="54581" spans="8:8">
      <c r="H54581" s="12"/>
    </row>
    <row r="54582" spans="8:8">
      <c r="H54582" s="12"/>
    </row>
    <row r="54583" spans="8:8">
      <c r="H54583" s="12"/>
    </row>
    <row r="54584" spans="8:8">
      <c r="H54584" s="12"/>
    </row>
    <row r="54585" spans="8:8">
      <c r="H54585" s="12"/>
    </row>
    <row r="54586" spans="8:8">
      <c r="H54586" s="12"/>
    </row>
    <row r="54587" spans="8:8">
      <c r="H54587" s="12"/>
    </row>
    <row r="54588" spans="8:8">
      <c r="H54588" s="12"/>
    </row>
    <row r="54589" spans="8:8">
      <c r="H54589" s="12"/>
    </row>
    <row r="54590" spans="8:8">
      <c r="H54590" s="12"/>
    </row>
    <row r="54591" spans="8:8">
      <c r="H54591" s="12"/>
    </row>
    <row r="54592" spans="8:8">
      <c r="H54592" s="12"/>
    </row>
    <row r="54593" spans="8:8">
      <c r="H54593" s="12"/>
    </row>
    <row r="54594" spans="8:8">
      <c r="H54594" s="12"/>
    </row>
    <row r="54595" spans="8:8">
      <c r="H54595" s="12"/>
    </row>
    <row r="54596" spans="8:8">
      <c r="H54596" s="12"/>
    </row>
    <row r="54597" spans="8:8">
      <c r="H54597" s="12"/>
    </row>
    <row r="54598" spans="8:8">
      <c r="H54598" s="12"/>
    </row>
    <row r="54599" spans="8:8">
      <c r="H54599" s="12"/>
    </row>
    <row r="54600" spans="8:8">
      <c r="H54600" s="12"/>
    </row>
    <row r="54601" spans="8:8">
      <c r="H54601" s="12"/>
    </row>
    <row r="54602" spans="8:8">
      <c r="H54602" s="12"/>
    </row>
    <row r="54603" spans="8:8">
      <c r="H54603" s="12"/>
    </row>
    <row r="54604" spans="8:8">
      <c r="H54604" s="12"/>
    </row>
    <row r="54605" spans="8:8">
      <c r="H54605" s="12"/>
    </row>
    <row r="54606" spans="8:8">
      <c r="H54606" s="12"/>
    </row>
    <row r="54607" spans="8:8">
      <c r="H54607" s="12"/>
    </row>
    <row r="54608" spans="8:8">
      <c r="H54608" s="12"/>
    </row>
    <row r="54609" spans="8:8">
      <c r="H54609" s="12"/>
    </row>
    <row r="54610" spans="8:8">
      <c r="H54610" s="12"/>
    </row>
    <row r="54611" spans="8:8">
      <c r="H54611" s="12"/>
    </row>
    <row r="54612" spans="8:8">
      <c r="H54612" s="12"/>
    </row>
    <row r="54613" spans="8:8">
      <c r="H54613" s="12"/>
    </row>
    <row r="54614" spans="8:8">
      <c r="H54614" s="12"/>
    </row>
    <row r="54615" spans="8:8">
      <c r="H54615" s="12"/>
    </row>
    <row r="54616" spans="8:8">
      <c r="H54616" s="12"/>
    </row>
    <row r="54617" spans="8:8">
      <c r="H54617" s="12"/>
    </row>
    <row r="54618" spans="8:8">
      <c r="H54618" s="12"/>
    </row>
    <row r="54619" spans="8:8">
      <c r="H54619" s="12"/>
    </row>
    <row r="54620" spans="8:8">
      <c r="H54620" s="12"/>
    </row>
    <row r="54621" spans="8:8">
      <c r="H54621" s="12"/>
    </row>
    <row r="54622" spans="8:8">
      <c r="H54622" s="12"/>
    </row>
    <row r="54623" spans="8:8">
      <c r="H54623" s="12"/>
    </row>
    <row r="54624" spans="8:8">
      <c r="H54624" s="12"/>
    </row>
    <row r="54625" spans="8:8">
      <c r="H54625" s="12"/>
    </row>
    <row r="54626" spans="8:8">
      <c r="H54626" s="12"/>
    </row>
    <row r="54627" spans="8:8">
      <c r="H54627" s="12"/>
    </row>
    <row r="54628" spans="8:8">
      <c r="H54628" s="12"/>
    </row>
    <row r="54629" spans="8:8">
      <c r="H54629" s="12"/>
    </row>
    <row r="54630" spans="8:8">
      <c r="H54630" s="12"/>
    </row>
    <row r="54631" spans="8:8">
      <c r="H54631" s="12"/>
    </row>
    <row r="54632" spans="8:8">
      <c r="H54632" s="12"/>
    </row>
    <row r="54633" spans="8:8">
      <c r="H54633" s="12"/>
    </row>
    <row r="54634" spans="8:8">
      <c r="H54634" s="12"/>
    </row>
    <row r="54635" spans="8:8">
      <c r="H54635" s="12"/>
    </row>
    <row r="54636" spans="8:8">
      <c r="H54636" s="12"/>
    </row>
    <row r="54637" spans="8:8">
      <c r="H54637" s="12"/>
    </row>
    <row r="54638" spans="8:8">
      <c r="H54638" s="12"/>
    </row>
    <row r="54639" spans="8:8">
      <c r="H54639" s="12"/>
    </row>
    <row r="54640" spans="8:8">
      <c r="H54640" s="12"/>
    </row>
    <row r="54641" spans="8:8">
      <c r="H54641" s="12"/>
    </row>
    <row r="54642" spans="8:8">
      <c r="H54642" s="12"/>
    </row>
    <row r="54643" spans="8:8">
      <c r="H54643" s="12"/>
    </row>
    <row r="54644" spans="8:8">
      <c r="H54644" s="12"/>
    </row>
    <row r="54645" spans="8:8">
      <c r="H54645" s="12"/>
    </row>
    <row r="54646" spans="8:8">
      <c r="H54646" s="12"/>
    </row>
    <row r="54647" spans="8:8">
      <c r="H54647" s="12"/>
    </row>
    <row r="54648" spans="8:8">
      <c r="H54648" s="12"/>
    </row>
    <row r="54649" spans="8:8">
      <c r="H54649" s="12"/>
    </row>
    <row r="54650" spans="8:8">
      <c r="H54650" s="12"/>
    </row>
    <row r="54651" spans="8:8">
      <c r="H54651" s="12"/>
    </row>
    <row r="54652" spans="8:8">
      <c r="H54652" s="12"/>
    </row>
    <row r="54653" spans="8:8">
      <c r="H54653" s="12"/>
    </row>
    <row r="54654" spans="8:8">
      <c r="H54654" s="12"/>
    </row>
    <row r="54655" spans="8:8">
      <c r="H54655" s="12"/>
    </row>
    <row r="54656" spans="8:8">
      <c r="H54656" s="12"/>
    </row>
    <row r="54657" spans="8:8">
      <c r="H54657" s="12"/>
    </row>
    <row r="54658" spans="8:8">
      <c r="H54658" s="12"/>
    </row>
    <row r="54659" spans="8:8">
      <c r="H54659" s="12"/>
    </row>
    <row r="54660" spans="8:8">
      <c r="H54660" s="12"/>
    </row>
    <row r="54661" spans="8:8">
      <c r="H54661" s="12"/>
    </row>
    <row r="54662" spans="8:8">
      <c r="H54662" s="12"/>
    </row>
    <row r="54663" spans="8:8">
      <c r="H54663" s="12"/>
    </row>
    <row r="54664" spans="8:8">
      <c r="H54664" s="12"/>
    </row>
    <row r="54665" spans="8:8">
      <c r="H54665" s="12"/>
    </row>
    <row r="54666" spans="8:8">
      <c r="H54666" s="12"/>
    </row>
    <row r="54667" spans="8:8">
      <c r="H54667" s="12"/>
    </row>
    <row r="54668" spans="8:8">
      <c r="H54668" s="12"/>
    </row>
    <row r="54669" spans="8:8">
      <c r="H54669" s="12"/>
    </row>
    <row r="54670" spans="8:8">
      <c r="H54670" s="12"/>
    </row>
    <row r="54671" spans="8:8">
      <c r="H54671" s="12"/>
    </row>
    <row r="54672" spans="8:8">
      <c r="H54672" s="12"/>
    </row>
    <row r="54673" spans="8:8">
      <c r="H54673" s="12"/>
    </row>
    <row r="54674" spans="8:8">
      <c r="H54674" s="12"/>
    </row>
    <row r="54675" spans="8:8">
      <c r="H54675" s="12"/>
    </row>
    <row r="54676" spans="8:8">
      <c r="H54676" s="12"/>
    </row>
    <row r="54677" spans="8:8">
      <c r="H54677" s="12"/>
    </row>
    <row r="54678" spans="8:8">
      <c r="H54678" s="12"/>
    </row>
    <row r="54679" spans="8:8">
      <c r="H54679" s="12"/>
    </row>
    <row r="54680" spans="8:8">
      <c r="H54680" s="12"/>
    </row>
    <row r="54681" spans="8:8">
      <c r="H54681" s="12"/>
    </row>
    <row r="54682" spans="8:8">
      <c r="H54682" s="12"/>
    </row>
    <row r="54683" spans="8:8">
      <c r="H54683" s="12"/>
    </row>
    <row r="54684" spans="8:8">
      <c r="H54684" s="12"/>
    </row>
    <row r="54685" spans="8:8">
      <c r="H54685" s="12"/>
    </row>
    <row r="54686" spans="8:8">
      <c r="H54686" s="12"/>
    </row>
    <row r="54687" spans="8:8">
      <c r="H54687" s="12"/>
    </row>
    <row r="54688" spans="8:8">
      <c r="H54688" s="12"/>
    </row>
    <row r="54689" spans="8:8">
      <c r="H54689" s="12"/>
    </row>
    <row r="54690" spans="8:8">
      <c r="H54690" s="12"/>
    </row>
    <row r="54691" spans="8:8">
      <c r="H54691" s="12"/>
    </row>
    <row r="54692" spans="8:8">
      <c r="H54692" s="12"/>
    </row>
    <row r="54693" spans="8:8">
      <c r="H54693" s="12"/>
    </row>
    <row r="54694" spans="8:8">
      <c r="H54694" s="12"/>
    </row>
    <row r="54695" spans="8:8">
      <c r="H54695" s="12"/>
    </row>
    <row r="54696" spans="8:8">
      <c r="H54696" s="12"/>
    </row>
    <row r="54697" spans="8:8">
      <c r="H54697" s="12"/>
    </row>
    <row r="54698" spans="8:8">
      <c r="H54698" s="12"/>
    </row>
    <row r="54699" spans="8:8">
      <c r="H54699" s="12"/>
    </row>
    <row r="54700" spans="8:8">
      <c r="H54700" s="12"/>
    </row>
    <row r="54701" spans="8:8">
      <c r="H54701" s="12"/>
    </row>
    <row r="54702" spans="8:8">
      <c r="H54702" s="12"/>
    </row>
    <row r="54703" spans="8:8">
      <c r="H54703" s="12"/>
    </row>
    <row r="54704" spans="8:8">
      <c r="H54704" s="12"/>
    </row>
    <row r="54705" spans="8:8">
      <c r="H54705" s="12"/>
    </row>
    <row r="54706" spans="8:8">
      <c r="H54706" s="12"/>
    </row>
    <row r="54707" spans="8:8">
      <c r="H54707" s="12"/>
    </row>
    <row r="54708" spans="8:8">
      <c r="H54708" s="12"/>
    </row>
    <row r="54709" spans="8:8">
      <c r="H54709" s="12"/>
    </row>
    <row r="54710" spans="8:8">
      <c r="H54710" s="12"/>
    </row>
    <row r="54711" spans="8:8">
      <c r="H54711" s="12"/>
    </row>
    <row r="54712" spans="8:8">
      <c r="H54712" s="12"/>
    </row>
    <row r="54713" spans="8:8">
      <c r="H54713" s="12"/>
    </row>
    <row r="54714" spans="8:8">
      <c r="H54714" s="12"/>
    </row>
    <row r="54715" spans="8:8">
      <c r="H54715" s="12"/>
    </row>
    <row r="54716" spans="8:8">
      <c r="H54716" s="12"/>
    </row>
    <row r="54717" spans="8:8">
      <c r="H54717" s="12"/>
    </row>
    <row r="54718" spans="8:8">
      <c r="H54718" s="12"/>
    </row>
    <row r="54719" spans="8:8">
      <c r="H54719" s="12"/>
    </row>
    <row r="54720" spans="8:8">
      <c r="H54720" s="12"/>
    </row>
    <row r="54721" spans="8:8">
      <c r="H54721" s="12"/>
    </row>
    <row r="54722" spans="8:8">
      <c r="H54722" s="12"/>
    </row>
    <row r="54723" spans="8:8">
      <c r="H54723" s="12"/>
    </row>
    <row r="54724" spans="8:8">
      <c r="H54724" s="12"/>
    </row>
    <row r="54725" spans="8:8">
      <c r="H54725" s="12"/>
    </row>
    <row r="54726" spans="8:8">
      <c r="H54726" s="12"/>
    </row>
    <row r="54727" spans="8:8">
      <c r="H54727" s="12"/>
    </row>
    <row r="54728" spans="8:8">
      <c r="H54728" s="12"/>
    </row>
    <row r="54729" spans="8:8">
      <c r="H54729" s="12"/>
    </row>
    <row r="54730" spans="8:8">
      <c r="H54730" s="12"/>
    </row>
    <row r="54731" spans="8:8">
      <c r="H54731" s="12"/>
    </row>
    <row r="54732" spans="8:8">
      <c r="H54732" s="12"/>
    </row>
    <row r="54733" spans="8:8">
      <c r="H54733" s="12"/>
    </row>
    <row r="54734" spans="8:8">
      <c r="H54734" s="12"/>
    </row>
    <row r="54735" spans="8:8">
      <c r="H54735" s="12"/>
    </row>
    <row r="54736" spans="8:8">
      <c r="H54736" s="12"/>
    </row>
    <row r="54737" spans="8:8">
      <c r="H54737" s="12"/>
    </row>
    <row r="54738" spans="8:8">
      <c r="H54738" s="12"/>
    </row>
    <row r="54739" spans="8:8">
      <c r="H54739" s="12"/>
    </row>
    <row r="54740" spans="8:8">
      <c r="H54740" s="12"/>
    </row>
    <row r="54741" spans="8:8">
      <c r="H54741" s="12"/>
    </row>
    <row r="54742" spans="8:8">
      <c r="H54742" s="12"/>
    </row>
    <row r="54743" spans="8:8">
      <c r="H54743" s="12"/>
    </row>
    <row r="54744" spans="8:8">
      <c r="H54744" s="12"/>
    </row>
    <row r="54745" spans="8:8">
      <c r="H54745" s="12"/>
    </row>
    <row r="54746" spans="8:8">
      <c r="H54746" s="12"/>
    </row>
    <row r="54747" spans="8:8">
      <c r="H54747" s="12"/>
    </row>
    <row r="54748" spans="8:8">
      <c r="H54748" s="12"/>
    </row>
    <row r="54749" spans="8:8">
      <c r="H54749" s="12"/>
    </row>
    <row r="54750" spans="8:8">
      <c r="H54750" s="12"/>
    </row>
    <row r="54751" spans="8:8">
      <c r="H54751" s="12"/>
    </row>
    <row r="54752" spans="8:8">
      <c r="H54752" s="12"/>
    </row>
    <row r="54753" spans="8:8">
      <c r="H54753" s="12"/>
    </row>
    <row r="54754" spans="8:8">
      <c r="H54754" s="12"/>
    </row>
    <row r="54755" spans="8:8">
      <c r="H54755" s="12"/>
    </row>
    <row r="54756" spans="8:8">
      <c r="H54756" s="12"/>
    </row>
    <row r="54757" spans="8:8">
      <c r="H54757" s="12"/>
    </row>
    <row r="54758" spans="8:8">
      <c r="H54758" s="12"/>
    </row>
    <row r="54759" spans="8:8">
      <c r="H54759" s="12"/>
    </row>
    <row r="54760" spans="8:8">
      <c r="H54760" s="12"/>
    </row>
    <row r="54761" spans="8:8">
      <c r="H54761" s="12"/>
    </row>
    <row r="54762" spans="8:8">
      <c r="H54762" s="12"/>
    </row>
    <row r="54763" spans="8:8">
      <c r="H54763" s="12"/>
    </row>
    <row r="54764" spans="8:8">
      <c r="H54764" s="12"/>
    </row>
    <row r="54765" spans="8:8">
      <c r="H54765" s="12"/>
    </row>
    <row r="54766" spans="8:8">
      <c r="H54766" s="12"/>
    </row>
    <row r="54767" spans="8:8">
      <c r="H54767" s="12"/>
    </row>
    <row r="54768" spans="8:8">
      <c r="H54768" s="12"/>
    </row>
    <row r="54769" spans="8:8">
      <c r="H54769" s="12"/>
    </row>
    <row r="54770" spans="8:8">
      <c r="H54770" s="12"/>
    </row>
    <row r="54771" spans="8:8">
      <c r="H54771" s="12"/>
    </row>
    <row r="54772" spans="8:8">
      <c r="H54772" s="12"/>
    </row>
    <row r="54773" spans="8:8">
      <c r="H54773" s="12"/>
    </row>
    <row r="54774" spans="8:8">
      <c r="H54774" s="12"/>
    </row>
    <row r="54775" spans="8:8">
      <c r="H54775" s="12"/>
    </row>
    <row r="54776" spans="8:8">
      <c r="H54776" s="12"/>
    </row>
    <row r="54777" spans="8:8">
      <c r="H54777" s="12"/>
    </row>
    <row r="54778" spans="8:8">
      <c r="H54778" s="12"/>
    </row>
    <row r="54779" spans="8:8">
      <c r="H54779" s="12"/>
    </row>
    <row r="54780" spans="8:8">
      <c r="H54780" s="12"/>
    </row>
    <row r="54781" spans="8:8">
      <c r="H54781" s="12"/>
    </row>
    <row r="54782" spans="8:8">
      <c r="H54782" s="12"/>
    </row>
    <row r="54783" spans="8:8">
      <c r="H54783" s="12"/>
    </row>
    <row r="54784" spans="8:8">
      <c r="H54784" s="12"/>
    </row>
    <row r="54785" spans="8:8">
      <c r="H54785" s="12"/>
    </row>
    <row r="54786" spans="8:8">
      <c r="H54786" s="12"/>
    </row>
    <row r="54787" spans="8:8">
      <c r="H54787" s="12"/>
    </row>
    <row r="54788" spans="8:8">
      <c r="H54788" s="12"/>
    </row>
    <row r="54789" spans="8:8">
      <c r="H54789" s="12"/>
    </row>
    <row r="54790" spans="8:8">
      <c r="H54790" s="12"/>
    </row>
    <row r="54791" spans="8:8">
      <c r="H54791" s="12"/>
    </row>
    <row r="54792" spans="8:8">
      <c r="H54792" s="12"/>
    </row>
    <row r="54793" spans="8:8">
      <c r="H54793" s="12"/>
    </row>
    <row r="54794" spans="8:8">
      <c r="H54794" s="12"/>
    </row>
    <row r="54795" spans="8:8">
      <c r="H54795" s="12"/>
    </row>
    <row r="54796" spans="8:8">
      <c r="H54796" s="12"/>
    </row>
    <row r="54797" spans="8:8">
      <c r="H54797" s="12"/>
    </row>
    <row r="54798" spans="8:8">
      <c r="H54798" s="12"/>
    </row>
    <row r="54799" spans="8:8">
      <c r="H54799" s="12"/>
    </row>
    <row r="54800" spans="8:8">
      <c r="H54800" s="12"/>
    </row>
    <row r="54801" spans="8:8">
      <c r="H54801" s="12"/>
    </row>
    <row r="54802" spans="8:8">
      <c r="H54802" s="12"/>
    </row>
    <row r="54803" spans="8:8">
      <c r="H54803" s="12"/>
    </row>
    <row r="54804" spans="8:8">
      <c r="H54804" s="12"/>
    </row>
    <row r="54805" spans="8:8">
      <c r="H54805" s="12"/>
    </row>
    <row r="54806" spans="8:8">
      <c r="H54806" s="12"/>
    </row>
    <row r="54807" spans="8:8">
      <c r="H54807" s="12"/>
    </row>
    <row r="54808" spans="8:8">
      <c r="H54808" s="12"/>
    </row>
    <row r="54809" spans="8:8">
      <c r="H54809" s="12"/>
    </row>
    <row r="54810" spans="8:8">
      <c r="H54810" s="12"/>
    </row>
    <row r="54811" spans="8:8">
      <c r="H54811" s="12"/>
    </row>
    <row r="54812" spans="8:8">
      <c r="H54812" s="12"/>
    </row>
    <row r="54813" spans="8:8">
      <c r="H54813" s="12"/>
    </row>
    <row r="54814" spans="8:8">
      <c r="H54814" s="12"/>
    </row>
    <row r="54815" spans="8:8">
      <c r="H54815" s="12"/>
    </row>
    <row r="54816" spans="8:8">
      <c r="H54816" s="12"/>
    </row>
    <row r="54817" spans="8:8">
      <c r="H54817" s="12"/>
    </row>
    <row r="54818" spans="8:8">
      <c r="H54818" s="12"/>
    </row>
    <row r="54819" spans="8:8">
      <c r="H54819" s="12"/>
    </row>
    <row r="54820" spans="8:8">
      <c r="H54820" s="12"/>
    </row>
    <row r="54821" spans="8:8">
      <c r="H54821" s="12"/>
    </row>
    <row r="54822" spans="8:8">
      <c r="H54822" s="12"/>
    </row>
    <row r="54823" spans="8:8">
      <c r="H54823" s="12"/>
    </row>
    <row r="54824" spans="8:8">
      <c r="H54824" s="12"/>
    </row>
    <row r="54825" spans="8:8">
      <c r="H54825" s="12"/>
    </row>
    <row r="54826" spans="8:8">
      <c r="H54826" s="12"/>
    </row>
    <row r="54827" spans="8:8">
      <c r="H54827" s="12"/>
    </row>
    <row r="54828" spans="8:8">
      <c r="H54828" s="12"/>
    </row>
    <row r="54829" spans="8:8">
      <c r="H54829" s="12"/>
    </row>
    <row r="54830" spans="8:8">
      <c r="H54830" s="12"/>
    </row>
    <row r="54831" spans="8:8">
      <c r="H54831" s="12"/>
    </row>
    <row r="54832" spans="8:8">
      <c r="H54832" s="12"/>
    </row>
    <row r="54833" spans="8:8">
      <c r="H54833" s="12"/>
    </row>
    <row r="54834" spans="8:8">
      <c r="H54834" s="12"/>
    </row>
    <row r="54835" spans="8:8">
      <c r="H54835" s="12"/>
    </row>
    <row r="54836" spans="8:8">
      <c r="H54836" s="12"/>
    </row>
    <row r="54837" spans="8:8">
      <c r="H54837" s="12"/>
    </row>
    <row r="54838" spans="8:8">
      <c r="H54838" s="12"/>
    </row>
    <row r="54839" spans="8:8">
      <c r="H54839" s="12"/>
    </row>
    <row r="54840" spans="8:8">
      <c r="H54840" s="12"/>
    </row>
    <row r="54841" spans="8:8">
      <c r="H54841" s="12"/>
    </row>
    <row r="54842" spans="8:8">
      <c r="H54842" s="12"/>
    </row>
    <row r="54843" spans="8:8">
      <c r="H54843" s="12"/>
    </row>
    <row r="54844" spans="8:8">
      <c r="H54844" s="12"/>
    </row>
    <row r="54845" spans="8:8">
      <c r="H54845" s="12"/>
    </row>
    <row r="54846" spans="8:8">
      <c r="H54846" s="12"/>
    </row>
    <row r="54847" spans="8:8">
      <c r="H54847" s="12"/>
    </row>
    <row r="54848" spans="8:8">
      <c r="H54848" s="12"/>
    </row>
    <row r="54849" spans="8:8">
      <c r="H54849" s="12"/>
    </row>
    <row r="54850" spans="8:8">
      <c r="H54850" s="12"/>
    </row>
    <row r="54851" spans="8:8">
      <c r="H54851" s="12"/>
    </row>
    <row r="54852" spans="8:8">
      <c r="H54852" s="12"/>
    </row>
    <row r="54853" spans="8:8">
      <c r="H54853" s="12"/>
    </row>
    <row r="54854" spans="8:8">
      <c r="H54854" s="12"/>
    </row>
    <row r="54855" spans="8:8">
      <c r="H54855" s="12"/>
    </row>
    <row r="54856" spans="8:8">
      <c r="H54856" s="12"/>
    </row>
    <row r="54857" spans="8:8">
      <c r="H54857" s="12"/>
    </row>
    <row r="54858" spans="8:8">
      <c r="H54858" s="12"/>
    </row>
    <row r="54859" spans="8:8">
      <c r="H54859" s="12"/>
    </row>
    <row r="54860" spans="8:8">
      <c r="H54860" s="12"/>
    </row>
    <row r="54861" spans="8:8">
      <c r="H54861" s="12"/>
    </row>
    <row r="54862" spans="8:8">
      <c r="H54862" s="12"/>
    </row>
    <row r="54863" spans="8:8">
      <c r="H54863" s="12"/>
    </row>
    <row r="54864" spans="8:8">
      <c r="H54864" s="12"/>
    </row>
    <row r="54865" spans="8:8">
      <c r="H54865" s="12"/>
    </row>
    <row r="54866" spans="8:8">
      <c r="H54866" s="12"/>
    </row>
    <row r="54867" spans="8:8">
      <c r="H54867" s="12"/>
    </row>
    <row r="54868" spans="8:8">
      <c r="H54868" s="12"/>
    </row>
    <row r="54869" spans="8:8">
      <c r="H54869" s="12"/>
    </row>
    <row r="54870" spans="8:8">
      <c r="H54870" s="12"/>
    </row>
    <row r="54871" spans="8:8">
      <c r="H54871" s="12"/>
    </row>
    <row r="54872" spans="8:8">
      <c r="H54872" s="12"/>
    </row>
    <row r="54873" spans="8:8">
      <c r="H54873" s="12"/>
    </row>
    <row r="54874" spans="8:8">
      <c r="H54874" s="12"/>
    </row>
    <row r="54875" spans="8:8">
      <c r="H54875" s="12"/>
    </row>
    <row r="54876" spans="8:8">
      <c r="H54876" s="12"/>
    </row>
    <row r="54877" spans="8:8">
      <c r="H54877" s="12"/>
    </row>
    <row r="54878" spans="8:8">
      <c r="H54878" s="12"/>
    </row>
    <row r="54879" spans="8:8">
      <c r="H54879" s="12"/>
    </row>
    <row r="54880" spans="8:8">
      <c r="H54880" s="12"/>
    </row>
    <row r="54881" spans="8:8">
      <c r="H54881" s="12"/>
    </row>
    <row r="54882" spans="8:8">
      <c r="H54882" s="12"/>
    </row>
    <row r="54883" spans="8:8">
      <c r="H54883" s="12"/>
    </row>
    <row r="54884" spans="8:8">
      <c r="H54884" s="12"/>
    </row>
    <row r="54885" spans="8:8">
      <c r="H54885" s="12"/>
    </row>
    <row r="54886" spans="8:8">
      <c r="H54886" s="12"/>
    </row>
    <row r="54887" spans="8:8">
      <c r="H54887" s="12"/>
    </row>
    <row r="54888" spans="8:8">
      <c r="H54888" s="12"/>
    </row>
    <row r="54889" spans="8:8">
      <c r="H54889" s="12"/>
    </row>
    <row r="54890" spans="8:8">
      <c r="H54890" s="12"/>
    </row>
    <row r="54891" spans="8:8">
      <c r="H54891" s="12"/>
    </row>
    <row r="54892" spans="8:8">
      <c r="H54892" s="12"/>
    </row>
    <row r="54893" spans="8:8">
      <c r="H54893" s="12"/>
    </row>
    <row r="54894" spans="8:8">
      <c r="H54894" s="12"/>
    </row>
    <row r="54895" spans="8:8">
      <c r="H54895" s="12"/>
    </row>
    <row r="54896" spans="8:8">
      <c r="H54896" s="12"/>
    </row>
    <row r="54897" spans="8:8">
      <c r="H54897" s="12"/>
    </row>
    <row r="54898" spans="8:8">
      <c r="H54898" s="12"/>
    </row>
    <row r="54899" spans="8:8">
      <c r="H54899" s="12"/>
    </row>
    <row r="54900" spans="8:8">
      <c r="H54900" s="12"/>
    </row>
    <row r="54901" spans="8:8">
      <c r="H54901" s="12"/>
    </row>
    <row r="54902" spans="8:8">
      <c r="H54902" s="12"/>
    </row>
    <row r="54903" spans="8:8">
      <c r="H54903" s="12"/>
    </row>
    <row r="54904" spans="8:8">
      <c r="H54904" s="12"/>
    </row>
    <row r="54905" spans="8:8">
      <c r="H54905" s="12"/>
    </row>
    <row r="54906" spans="8:8">
      <c r="H54906" s="12"/>
    </row>
    <row r="54907" spans="8:8">
      <c r="H54907" s="12"/>
    </row>
    <row r="54908" spans="8:8">
      <c r="H54908" s="12"/>
    </row>
    <row r="54909" spans="8:8">
      <c r="H54909" s="12"/>
    </row>
    <row r="54910" spans="8:8">
      <c r="H54910" s="12"/>
    </row>
    <row r="54911" spans="8:8">
      <c r="H54911" s="12"/>
    </row>
    <row r="54912" spans="8:8">
      <c r="H54912" s="12"/>
    </row>
    <row r="54913" spans="8:8">
      <c r="H54913" s="12"/>
    </row>
    <row r="54914" spans="8:8">
      <c r="H54914" s="12"/>
    </row>
    <row r="54915" spans="8:8">
      <c r="H54915" s="12"/>
    </row>
    <row r="54916" spans="8:8">
      <c r="H54916" s="12"/>
    </row>
    <row r="54917" spans="8:8">
      <c r="H54917" s="12"/>
    </row>
    <row r="54918" spans="8:8">
      <c r="H54918" s="12"/>
    </row>
    <row r="54919" spans="8:8">
      <c r="H54919" s="12"/>
    </row>
    <row r="54920" spans="8:8">
      <c r="H54920" s="12"/>
    </row>
    <row r="54921" spans="8:8">
      <c r="H54921" s="12"/>
    </row>
    <row r="54922" spans="8:8">
      <c r="H54922" s="12"/>
    </row>
    <row r="54923" spans="8:8">
      <c r="H54923" s="12"/>
    </row>
    <row r="54924" spans="8:8">
      <c r="H54924" s="12"/>
    </row>
    <row r="54925" spans="8:8">
      <c r="H54925" s="12"/>
    </row>
    <row r="54926" spans="8:8">
      <c r="H54926" s="12"/>
    </row>
    <row r="54927" spans="8:8">
      <c r="H54927" s="12"/>
    </row>
    <row r="54928" spans="8:8">
      <c r="H54928" s="12"/>
    </row>
    <row r="54929" spans="8:8">
      <c r="H54929" s="12"/>
    </row>
    <row r="54930" spans="8:8">
      <c r="H54930" s="12"/>
    </row>
    <row r="54931" spans="8:8">
      <c r="H54931" s="12"/>
    </row>
    <row r="54932" spans="8:8">
      <c r="H54932" s="12"/>
    </row>
    <row r="54933" spans="8:8">
      <c r="H54933" s="12"/>
    </row>
    <row r="54934" spans="8:8">
      <c r="H54934" s="12"/>
    </row>
    <row r="54935" spans="8:8">
      <c r="H54935" s="12"/>
    </row>
    <row r="54936" spans="8:8">
      <c r="H54936" s="12"/>
    </row>
    <row r="54937" spans="8:8">
      <c r="H54937" s="12"/>
    </row>
    <row r="54938" spans="8:8">
      <c r="H54938" s="12"/>
    </row>
    <row r="54939" spans="8:8">
      <c r="H54939" s="12"/>
    </row>
    <row r="54940" spans="8:8">
      <c r="H54940" s="12"/>
    </row>
    <row r="54941" spans="8:8">
      <c r="H54941" s="12"/>
    </row>
    <row r="54942" spans="8:8">
      <c r="H54942" s="12"/>
    </row>
    <row r="54943" spans="8:8">
      <c r="H54943" s="12"/>
    </row>
    <row r="54944" spans="8:8">
      <c r="H54944" s="12"/>
    </row>
    <row r="54945" spans="8:8">
      <c r="H54945" s="12"/>
    </row>
    <row r="54946" spans="8:8">
      <c r="H54946" s="12"/>
    </row>
    <row r="54947" spans="8:8">
      <c r="H54947" s="12"/>
    </row>
    <row r="54948" spans="8:8">
      <c r="H54948" s="12"/>
    </row>
    <row r="54949" spans="8:8">
      <c r="H54949" s="12"/>
    </row>
    <row r="54950" spans="8:8">
      <c r="H54950" s="12"/>
    </row>
    <row r="54951" spans="8:8">
      <c r="H54951" s="12"/>
    </row>
    <row r="54952" spans="8:8">
      <c r="H54952" s="12"/>
    </row>
    <row r="54953" spans="8:8">
      <c r="H54953" s="12"/>
    </row>
    <row r="54954" spans="8:8">
      <c r="H54954" s="12"/>
    </row>
    <row r="54955" spans="8:8">
      <c r="H54955" s="12"/>
    </row>
    <row r="54956" spans="8:8">
      <c r="H54956" s="12"/>
    </row>
    <row r="54957" spans="8:8">
      <c r="H54957" s="12"/>
    </row>
    <row r="54958" spans="8:8">
      <c r="H54958" s="12"/>
    </row>
    <row r="54959" spans="8:8">
      <c r="H54959" s="12"/>
    </row>
    <row r="54960" spans="8:8">
      <c r="H54960" s="12"/>
    </row>
    <row r="54961" spans="8:8">
      <c r="H54961" s="12"/>
    </row>
    <row r="54962" spans="8:8">
      <c r="H54962" s="12"/>
    </row>
    <row r="54963" spans="8:8">
      <c r="H54963" s="12"/>
    </row>
    <row r="54964" spans="8:8">
      <c r="H54964" s="12"/>
    </row>
    <row r="54965" spans="8:8">
      <c r="H54965" s="12"/>
    </row>
    <row r="54966" spans="8:8">
      <c r="H54966" s="12"/>
    </row>
    <row r="54967" spans="8:8">
      <c r="H54967" s="12"/>
    </row>
    <row r="54968" spans="8:8">
      <c r="H54968" s="12"/>
    </row>
    <row r="54969" spans="8:8">
      <c r="H54969" s="12"/>
    </row>
    <row r="54970" spans="8:8">
      <c r="H54970" s="12"/>
    </row>
    <row r="54971" spans="8:8">
      <c r="H54971" s="12"/>
    </row>
    <row r="54972" spans="8:8">
      <c r="H54972" s="12"/>
    </row>
    <row r="54973" spans="8:8">
      <c r="H54973" s="12"/>
    </row>
    <row r="54974" spans="8:8">
      <c r="H54974" s="12"/>
    </row>
    <row r="54975" spans="8:8">
      <c r="H54975" s="12"/>
    </row>
    <row r="54976" spans="8:8">
      <c r="H54976" s="12"/>
    </row>
    <row r="54977" spans="8:8">
      <c r="H54977" s="12"/>
    </row>
    <row r="54978" spans="8:8">
      <c r="H54978" s="12"/>
    </row>
    <row r="54979" spans="8:8">
      <c r="H54979" s="12"/>
    </row>
    <row r="54980" spans="8:8">
      <c r="H54980" s="12"/>
    </row>
    <row r="54981" spans="8:8">
      <c r="H54981" s="12"/>
    </row>
    <row r="54982" spans="8:8">
      <c r="H54982" s="12"/>
    </row>
    <row r="54983" spans="8:8">
      <c r="H54983" s="12"/>
    </row>
    <row r="54984" spans="8:8">
      <c r="H54984" s="12"/>
    </row>
    <row r="54985" spans="8:8">
      <c r="H54985" s="12"/>
    </row>
    <row r="54986" spans="8:8">
      <c r="H54986" s="12"/>
    </row>
    <row r="54987" spans="8:8">
      <c r="H54987" s="12"/>
    </row>
    <row r="54988" spans="8:8">
      <c r="H54988" s="12"/>
    </row>
    <row r="54989" spans="8:8">
      <c r="H54989" s="12"/>
    </row>
    <row r="54990" spans="8:8">
      <c r="H54990" s="12"/>
    </row>
    <row r="54991" spans="8:8">
      <c r="H54991" s="12"/>
    </row>
    <row r="54992" spans="8:8">
      <c r="H54992" s="12"/>
    </row>
    <row r="54993" spans="8:8">
      <c r="H54993" s="12"/>
    </row>
    <row r="54994" spans="8:8">
      <c r="H54994" s="12"/>
    </row>
    <row r="54995" spans="8:8">
      <c r="H54995" s="12"/>
    </row>
    <row r="54996" spans="8:8">
      <c r="H54996" s="12"/>
    </row>
    <row r="54997" spans="8:8">
      <c r="H54997" s="12"/>
    </row>
    <row r="54998" spans="8:8">
      <c r="H54998" s="12"/>
    </row>
    <row r="54999" spans="8:8">
      <c r="H54999" s="12"/>
    </row>
    <row r="55000" spans="8:8">
      <c r="H55000" s="12"/>
    </row>
    <row r="55001" spans="8:8">
      <c r="H55001" s="12"/>
    </row>
    <row r="55002" spans="8:8">
      <c r="H55002" s="12"/>
    </row>
    <row r="55003" spans="8:8">
      <c r="H55003" s="12"/>
    </row>
    <row r="55004" spans="8:8">
      <c r="H55004" s="12"/>
    </row>
    <row r="55005" spans="8:8">
      <c r="H55005" s="12"/>
    </row>
    <row r="55006" spans="8:8">
      <c r="H55006" s="12"/>
    </row>
    <row r="55007" spans="8:8">
      <c r="H55007" s="12"/>
    </row>
    <row r="55008" spans="8:8">
      <c r="H55008" s="12"/>
    </row>
    <row r="55009" spans="8:8">
      <c r="H55009" s="12"/>
    </row>
    <row r="55010" spans="8:8">
      <c r="H55010" s="12"/>
    </row>
    <row r="55011" spans="8:8">
      <c r="H55011" s="12"/>
    </row>
    <row r="55012" spans="8:8">
      <c r="H55012" s="12"/>
    </row>
    <row r="55013" spans="8:8">
      <c r="H55013" s="12"/>
    </row>
    <row r="55014" spans="8:8">
      <c r="H55014" s="12"/>
    </row>
    <row r="55015" spans="8:8">
      <c r="H55015" s="12"/>
    </row>
    <row r="55016" spans="8:8">
      <c r="H55016" s="12"/>
    </row>
    <row r="55017" spans="8:8">
      <c r="H55017" s="12"/>
    </row>
    <row r="55018" spans="8:8">
      <c r="H55018" s="12"/>
    </row>
    <row r="55019" spans="8:8">
      <c r="H55019" s="12"/>
    </row>
    <row r="55020" spans="8:8">
      <c r="H55020" s="12"/>
    </row>
    <row r="55021" spans="8:8">
      <c r="H55021" s="12"/>
    </row>
    <row r="55022" spans="8:8">
      <c r="H55022" s="12"/>
    </row>
    <row r="55023" spans="8:8">
      <c r="H55023" s="12"/>
    </row>
    <row r="55024" spans="8:8">
      <c r="H55024" s="12"/>
    </row>
    <row r="55025" spans="8:8">
      <c r="H55025" s="12"/>
    </row>
    <row r="55026" spans="8:8">
      <c r="H55026" s="12"/>
    </row>
    <row r="55027" spans="8:8">
      <c r="H55027" s="12"/>
    </row>
    <row r="55028" spans="8:8">
      <c r="H55028" s="12"/>
    </row>
    <row r="55029" spans="8:8">
      <c r="H55029" s="12"/>
    </row>
    <row r="55030" spans="8:8">
      <c r="H55030" s="12"/>
    </row>
    <row r="55031" spans="8:8">
      <c r="H55031" s="12"/>
    </row>
    <row r="55032" spans="8:8">
      <c r="H55032" s="12"/>
    </row>
    <row r="55033" spans="8:8">
      <c r="H55033" s="12"/>
    </row>
    <row r="55034" spans="8:8">
      <c r="H55034" s="12"/>
    </row>
    <row r="55035" spans="8:8">
      <c r="H55035" s="12"/>
    </row>
    <row r="55036" spans="8:8">
      <c r="H55036" s="12"/>
    </row>
    <row r="55037" spans="8:8">
      <c r="H55037" s="12"/>
    </row>
    <row r="55038" spans="8:8">
      <c r="H55038" s="12"/>
    </row>
    <row r="55039" spans="8:8">
      <c r="H55039" s="12"/>
    </row>
    <row r="55040" spans="8:8">
      <c r="H55040" s="12"/>
    </row>
    <row r="55041" spans="8:8">
      <c r="H55041" s="12"/>
    </row>
    <row r="55042" spans="8:8">
      <c r="H55042" s="12"/>
    </row>
    <row r="55043" spans="8:8">
      <c r="H55043" s="12"/>
    </row>
    <row r="55044" spans="8:8">
      <c r="H55044" s="12"/>
    </row>
    <row r="55045" spans="8:8">
      <c r="H55045" s="12"/>
    </row>
    <row r="55046" spans="8:8">
      <c r="H55046" s="12"/>
    </row>
    <row r="55047" spans="8:8">
      <c r="H55047" s="12"/>
    </row>
    <row r="55048" spans="8:8">
      <c r="H55048" s="12"/>
    </row>
    <row r="55049" spans="8:8">
      <c r="H55049" s="12"/>
    </row>
    <row r="55050" spans="8:8">
      <c r="H55050" s="12"/>
    </row>
    <row r="55051" spans="8:8">
      <c r="H55051" s="12"/>
    </row>
    <row r="55052" spans="8:8">
      <c r="H55052" s="12"/>
    </row>
    <row r="55053" spans="8:8">
      <c r="H55053" s="12"/>
    </row>
    <row r="55054" spans="8:8">
      <c r="H55054" s="12"/>
    </row>
    <row r="55055" spans="8:8">
      <c r="H55055" s="12"/>
    </row>
    <row r="55056" spans="8:8">
      <c r="H55056" s="12"/>
    </row>
    <row r="55057" spans="8:8">
      <c r="H55057" s="12"/>
    </row>
    <row r="55058" spans="8:8">
      <c r="H55058" s="12"/>
    </row>
    <row r="55059" spans="8:8">
      <c r="H55059" s="12"/>
    </row>
    <row r="55060" spans="8:8">
      <c r="H55060" s="12"/>
    </row>
    <row r="55061" spans="8:8">
      <c r="H55061" s="12"/>
    </row>
    <row r="55062" spans="8:8">
      <c r="H55062" s="12"/>
    </row>
    <row r="55063" spans="8:8">
      <c r="H55063" s="12"/>
    </row>
    <row r="55064" spans="8:8">
      <c r="H55064" s="12"/>
    </row>
    <row r="55065" spans="8:8">
      <c r="H55065" s="12"/>
    </row>
    <row r="55066" spans="8:8">
      <c r="H55066" s="12"/>
    </row>
    <row r="55067" spans="8:8">
      <c r="H55067" s="12"/>
    </row>
    <row r="55068" spans="8:8">
      <c r="H55068" s="12"/>
    </row>
    <row r="55069" spans="8:8">
      <c r="H55069" s="12"/>
    </row>
    <row r="55070" spans="8:8">
      <c r="H55070" s="12"/>
    </row>
    <row r="55071" spans="8:8">
      <c r="H55071" s="12"/>
    </row>
    <row r="55072" spans="8:8">
      <c r="H55072" s="12"/>
    </row>
    <row r="55073" spans="8:8">
      <c r="H55073" s="12"/>
    </row>
    <row r="55074" spans="8:8">
      <c r="H55074" s="12"/>
    </row>
    <row r="55075" spans="8:8">
      <c r="H55075" s="12"/>
    </row>
    <row r="55076" spans="8:8">
      <c r="H55076" s="12"/>
    </row>
    <row r="55077" spans="8:8">
      <c r="H55077" s="12"/>
    </row>
    <row r="55078" spans="8:8">
      <c r="H55078" s="12"/>
    </row>
    <row r="55079" spans="8:8">
      <c r="H55079" s="12"/>
    </row>
    <row r="55080" spans="8:8">
      <c r="H55080" s="12"/>
    </row>
    <row r="55081" spans="8:8">
      <c r="H55081" s="12"/>
    </row>
    <row r="55082" spans="8:8">
      <c r="H55082" s="12"/>
    </row>
    <row r="55083" spans="8:8">
      <c r="H55083" s="12"/>
    </row>
    <row r="55084" spans="8:8">
      <c r="H55084" s="12"/>
    </row>
    <row r="55085" spans="8:8">
      <c r="H55085" s="12"/>
    </row>
    <row r="55086" spans="8:8">
      <c r="H55086" s="12"/>
    </row>
    <row r="55087" spans="8:8">
      <c r="H55087" s="12"/>
    </row>
    <row r="55088" spans="8:8">
      <c r="H55088" s="12"/>
    </row>
    <row r="55089" spans="8:8">
      <c r="H55089" s="12"/>
    </row>
    <row r="55090" spans="8:8">
      <c r="H55090" s="12"/>
    </row>
    <row r="55091" spans="8:8">
      <c r="H55091" s="12"/>
    </row>
    <row r="55092" spans="8:8">
      <c r="H55092" s="12"/>
    </row>
    <row r="55093" spans="8:8">
      <c r="H55093" s="12"/>
    </row>
    <row r="55094" spans="8:8">
      <c r="H55094" s="12"/>
    </row>
    <row r="55095" spans="8:8">
      <c r="H55095" s="12"/>
    </row>
    <row r="55096" spans="8:8">
      <c r="H55096" s="12"/>
    </row>
    <row r="55097" spans="8:8">
      <c r="H55097" s="12"/>
    </row>
    <row r="55098" spans="8:8">
      <c r="H55098" s="12"/>
    </row>
    <row r="55099" spans="8:8">
      <c r="H55099" s="12"/>
    </row>
    <row r="55100" spans="8:8">
      <c r="H55100" s="12"/>
    </row>
    <row r="55101" spans="8:8">
      <c r="H55101" s="12"/>
    </row>
    <row r="55102" spans="8:8">
      <c r="H55102" s="12"/>
    </row>
    <row r="55103" spans="8:8">
      <c r="H55103" s="12"/>
    </row>
    <row r="55104" spans="8:8">
      <c r="H55104" s="12"/>
    </row>
    <row r="55105" spans="8:8">
      <c r="H55105" s="12"/>
    </row>
    <row r="55106" spans="8:8">
      <c r="H55106" s="12"/>
    </row>
    <row r="55107" spans="8:8">
      <c r="H55107" s="12"/>
    </row>
    <row r="55108" spans="8:8">
      <c r="H55108" s="12"/>
    </row>
    <row r="55109" spans="8:8">
      <c r="H55109" s="12"/>
    </row>
    <row r="55110" spans="8:8">
      <c r="H55110" s="12"/>
    </row>
    <row r="55111" spans="8:8">
      <c r="H55111" s="12"/>
    </row>
    <row r="55112" spans="8:8">
      <c r="H55112" s="12"/>
    </row>
    <row r="55113" spans="8:8">
      <c r="H55113" s="12"/>
    </row>
    <row r="55114" spans="8:8">
      <c r="H55114" s="12"/>
    </row>
    <row r="55115" spans="8:8">
      <c r="H55115" s="12"/>
    </row>
    <row r="55116" spans="8:8">
      <c r="H55116" s="12"/>
    </row>
    <row r="55117" spans="8:8">
      <c r="H55117" s="12"/>
    </row>
    <row r="55118" spans="8:8">
      <c r="H55118" s="12"/>
    </row>
    <row r="55119" spans="8:8">
      <c r="H55119" s="12"/>
    </row>
    <row r="55120" spans="8:8">
      <c r="H55120" s="12"/>
    </row>
    <row r="55121" spans="8:8">
      <c r="H55121" s="12"/>
    </row>
    <row r="55122" spans="8:8">
      <c r="H55122" s="12"/>
    </row>
    <row r="55123" spans="8:8">
      <c r="H55123" s="12"/>
    </row>
    <row r="55124" spans="8:8">
      <c r="H55124" s="12"/>
    </row>
    <row r="55125" spans="8:8">
      <c r="H55125" s="12"/>
    </row>
    <row r="55126" spans="8:8">
      <c r="H55126" s="12"/>
    </row>
    <row r="55127" spans="8:8">
      <c r="H55127" s="12"/>
    </row>
    <row r="55128" spans="8:8">
      <c r="H55128" s="12"/>
    </row>
    <row r="55129" spans="8:8">
      <c r="H55129" s="12"/>
    </row>
    <row r="55130" spans="8:8">
      <c r="H55130" s="12"/>
    </row>
    <row r="55131" spans="8:8">
      <c r="H55131" s="12"/>
    </row>
    <row r="55132" spans="8:8">
      <c r="H55132" s="12"/>
    </row>
    <row r="55133" spans="8:8">
      <c r="H55133" s="12"/>
    </row>
    <row r="55134" spans="8:8">
      <c r="H55134" s="12"/>
    </row>
    <row r="55135" spans="8:8">
      <c r="H55135" s="12"/>
    </row>
    <row r="55136" spans="8:8">
      <c r="H55136" s="12"/>
    </row>
    <row r="55137" spans="8:8">
      <c r="H55137" s="12"/>
    </row>
    <row r="55138" spans="8:8">
      <c r="H55138" s="12"/>
    </row>
    <row r="55139" spans="8:8">
      <c r="H55139" s="12"/>
    </row>
    <row r="55140" spans="8:8">
      <c r="H55140" s="12"/>
    </row>
    <row r="55141" spans="8:8">
      <c r="H55141" s="12"/>
    </row>
    <row r="55142" spans="8:8">
      <c r="H55142" s="12"/>
    </row>
    <row r="55143" spans="8:8">
      <c r="H55143" s="12"/>
    </row>
    <row r="55144" spans="8:8">
      <c r="H55144" s="12"/>
    </row>
    <row r="55145" spans="8:8">
      <c r="H55145" s="12"/>
    </row>
    <row r="55146" spans="8:8">
      <c r="H55146" s="12"/>
    </row>
    <row r="55147" spans="8:8">
      <c r="H55147" s="12"/>
    </row>
    <row r="55148" spans="8:8">
      <c r="H55148" s="12"/>
    </row>
    <row r="55149" spans="8:8">
      <c r="H55149" s="12"/>
    </row>
    <row r="55150" spans="8:8">
      <c r="H55150" s="12"/>
    </row>
    <row r="55151" spans="8:8">
      <c r="H55151" s="12"/>
    </row>
    <row r="55152" spans="8:8">
      <c r="H55152" s="12"/>
    </row>
    <row r="55153" spans="8:8">
      <c r="H55153" s="12"/>
    </row>
    <row r="55154" spans="8:8">
      <c r="H55154" s="12"/>
    </row>
    <row r="55155" spans="8:8">
      <c r="H55155" s="12"/>
    </row>
    <row r="55156" spans="8:8">
      <c r="H55156" s="12"/>
    </row>
    <row r="55157" spans="8:8">
      <c r="H55157" s="12"/>
    </row>
    <row r="55158" spans="8:8">
      <c r="H55158" s="12"/>
    </row>
    <row r="55159" spans="8:8">
      <c r="H55159" s="12"/>
    </row>
    <row r="55160" spans="8:8">
      <c r="H55160" s="12"/>
    </row>
    <row r="55161" spans="8:8">
      <c r="H55161" s="12"/>
    </row>
    <row r="55162" spans="8:8">
      <c r="H55162" s="12"/>
    </row>
    <row r="55163" spans="8:8">
      <c r="H55163" s="12"/>
    </row>
    <row r="55164" spans="8:8">
      <c r="H55164" s="12"/>
    </row>
    <row r="55165" spans="8:8">
      <c r="H55165" s="12"/>
    </row>
    <row r="55166" spans="8:8">
      <c r="H55166" s="12"/>
    </row>
    <row r="55167" spans="8:8">
      <c r="H55167" s="12"/>
    </row>
    <row r="55168" spans="8:8">
      <c r="H55168" s="12"/>
    </row>
    <row r="55169" spans="8:8">
      <c r="H55169" s="12"/>
    </row>
    <row r="55170" spans="8:8">
      <c r="H55170" s="12"/>
    </row>
    <row r="55171" spans="8:8">
      <c r="H55171" s="12"/>
    </row>
    <row r="55172" spans="8:8">
      <c r="H55172" s="12"/>
    </row>
    <row r="55173" spans="8:8">
      <c r="H55173" s="12"/>
    </row>
    <row r="55174" spans="8:8">
      <c r="H55174" s="12"/>
    </row>
    <row r="55175" spans="8:8">
      <c r="H55175" s="12"/>
    </row>
    <row r="55176" spans="8:8">
      <c r="H55176" s="12"/>
    </row>
    <row r="55177" spans="8:8">
      <c r="H55177" s="12"/>
    </row>
    <row r="55178" spans="8:8">
      <c r="H55178" s="12"/>
    </row>
    <row r="55179" spans="8:8">
      <c r="H55179" s="12"/>
    </row>
    <row r="55180" spans="8:8">
      <c r="H55180" s="12"/>
    </row>
    <row r="55181" spans="8:8">
      <c r="H55181" s="12"/>
    </row>
    <row r="55182" spans="8:8">
      <c r="H55182" s="12"/>
    </row>
    <row r="55183" spans="8:8">
      <c r="H55183" s="12"/>
    </row>
    <row r="55184" spans="8:8">
      <c r="H55184" s="12"/>
    </row>
    <row r="55185" spans="8:8">
      <c r="H55185" s="12"/>
    </row>
    <row r="55186" spans="8:8">
      <c r="H55186" s="12"/>
    </row>
    <row r="55187" spans="8:8">
      <c r="H55187" s="12"/>
    </row>
    <row r="55188" spans="8:8">
      <c r="H55188" s="12"/>
    </row>
    <row r="55189" spans="8:8">
      <c r="H55189" s="12"/>
    </row>
    <row r="55190" spans="8:8">
      <c r="H55190" s="12"/>
    </row>
    <row r="55191" spans="8:8">
      <c r="H55191" s="12"/>
    </row>
    <row r="55192" spans="8:8">
      <c r="H55192" s="12"/>
    </row>
    <row r="55193" spans="8:8">
      <c r="H55193" s="12"/>
    </row>
    <row r="55194" spans="8:8">
      <c r="H55194" s="12"/>
    </row>
    <row r="55195" spans="8:8">
      <c r="H55195" s="12"/>
    </row>
    <row r="55196" spans="8:8">
      <c r="H55196" s="12"/>
    </row>
    <row r="55197" spans="8:8">
      <c r="H55197" s="12"/>
    </row>
    <row r="55198" spans="8:8">
      <c r="H55198" s="12"/>
    </row>
    <row r="55199" spans="8:8">
      <c r="H55199" s="12"/>
    </row>
    <row r="55200" spans="8:8">
      <c r="H55200" s="12"/>
    </row>
    <row r="55201" spans="8:8">
      <c r="H55201" s="12"/>
    </row>
    <row r="55202" spans="8:8">
      <c r="H55202" s="12"/>
    </row>
    <row r="55203" spans="8:8">
      <c r="H55203" s="12"/>
    </row>
    <row r="55204" spans="8:8">
      <c r="H55204" s="12"/>
    </row>
    <row r="55205" spans="8:8">
      <c r="H55205" s="12"/>
    </row>
    <row r="55206" spans="8:8">
      <c r="H55206" s="12"/>
    </row>
    <row r="55207" spans="8:8">
      <c r="H55207" s="12"/>
    </row>
    <row r="55208" spans="8:8">
      <c r="H55208" s="12"/>
    </row>
    <row r="55209" spans="8:8">
      <c r="H55209" s="12"/>
    </row>
    <row r="55210" spans="8:8">
      <c r="H55210" s="12"/>
    </row>
    <row r="55211" spans="8:8">
      <c r="H55211" s="12"/>
    </row>
    <row r="55212" spans="8:8">
      <c r="H55212" s="12"/>
    </row>
    <row r="55213" spans="8:8">
      <c r="H55213" s="12"/>
    </row>
    <row r="55214" spans="8:8">
      <c r="H55214" s="12"/>
    </row>
    <row r="55215" spans="8:8">
      <c r="H55215" s="12"/>
    </row>
    <row r="55216" spans="8:8">
      <c r="H55216" s="12"/>
    </row>
    <row r="55217" spans="8:8">
      <c r="H55217" s="12"/>
    </row>
    <row r="55218" spans="8:8">
      <c r="H55218" s="12"/>
    </row>
    <row r="55219" spans="8:8">
      <c r="H55219" s="12"/>
    </row>
    <row r="55220" spans="8:8">
      <c r="H55220" s="12"/>
    </row>
    <row r="55221" spans="8:8">
      <c r="H55221" s="12"/>
    </row>
    <row r="55222" spans="8:8">
      <c r="H55222" s="12"/>
    </row>
    <row r="55223" spans="8:8">
      <c r="H55223" s="12"/>
    </row>
    <row r="55224" spans="8:8">
      <c r="H55224" s="12"/>
    </row>
    <row r="55225" spans="8:8">
      <c r="H55225" s="12"/>
    </row>
    <row r="55226" spans="8:8">
      <c r="H55226" s="12"/>
    </row>
    <row r="55227" spans="8:8">
      <c r="H55227" s="12"/>
    </row>
    <row r="55228" spans="8:8">
      <c r="H55228" s="12"/>
    </row>
    <row r="55229" spans="8:8">
      <c r="H55229" s="12"/>
    </row>
    <row r="55230" spans="8:8">
      <c r="H55230" s="12"/>
    </row>
    <row r="55231" spans="8:8">
      <c r="H55231" s="12"/>
    </row>
    <row r="55232" spans="8:8">
      <c r="H55232" s="12"/>
    </row>
    <row r="55233" spans="8:8">
      <c r="H55233" s="12"/>
    </row>
    <row r="55234" spans="8:8">
      <c r="H55234" s="12"/>
    </row>
    <row r="55235" spans="8:8">
      <c r="H55235" s="12"/>
    </row>
    <row r="55236" spans="8:8">
      <c r="H55236" s="12"/>
    </row>
    <row r="55237" spans="8:8">
      <c r="H55237" s="12"/>
    </row>
    <row r="55238" spans="8:8">
      <c r="H55238" s="12"/>
    </row>
    <row r="55239" spans="8:8">
      <c r="H55239" s="12"/>
    </row>
    <row r="55240" spans="8:8">
      <c r="H55240" s="12"/>
    </row>
    <row r="55241" spans="8:8">
      <c r="H55241" s="12"/>
    </row>
    <row r="55242" spans="8:8">
      <c r="H55242" s="12"/>
    </row>
    <row r="55243" spans="8:8">
      <c r="H55243" s="12"/>
    </row>
    <row r="55244" spans="8:8">
      <c r="H55244" s="12"/>
    </row>
    <row r="55245" spans="8:8">
      <c r="H55245" s="12"/>
    </row>
    <row r="55246" spans="8:8">
      <c r="H55246" s="12"/>
    </row>
    <row r="55247" spans="8:8">
      <c r="H55247" s="12"/>
    </row>
    <row r="55248" spans="8:8">
      <c r="H55248" s="12"/>
    </row>
    <row r="55249" spans="8:8">
      <c r="H55249" s="12"/>
    </row>
    <row r="55250" spans="8:8">
      <c r="H55250" s="12"/>
    </row>
    <row r="55251" spans="8:8">
      <c r="H55251" s="12"/>
    </row>
    <row r="55252" spans="8:8">
      <c r="H55252" s="12"/>
    </row>
    <row r="55253" spans="8:8">
      <c r="H55253" s="12"/>
    </row>
    <row r="55254" spans="8:8">
      <c r="H55254" s="12"/>
    </row>
    <row r="55255" spans="8:8">
      <c r="H55255" s="12"/>
    </row>
    <row r="55256" spans="8:8">
      <c r="H55256" s="12"/>
    </row>
    <row r="55257" spans="8:8">
      <c r="H55257" s="12"/>
    </row>
    <row r="55258" spans="8:8">
      <c r="H55258" s="12"/>
    </row>
    <row r="55259" spans="8:8">
      <c r="H55259" s="12"/>
    </row>
    <row r="55260" spans="8:8">
      <c r="H55260" s="12"/>
    </row>
    <row r="55261" spans="8:8">
      <c r="H55261" s="12"/>
    </row>
    <row r="55262" spans="8:8">
      <c r="H55262" s="12"/>
    </row>
    <row r="55263" spans="8:8">
      <c r="H55263" s="12"/>
    </row>
    <row r="55264" spans="8:8">
      <c r="H55264" s="12"/>
    </row>
    <row r="55265" spans="8:8">
      <c r="H55265" s="12"/>
    </row>
    <row r="55266" spans="8:8">
      <c r="H55266" s="12"/>
    </row>
    <row r="55267" spans="8:8">
      <c r="H55267" s="12"/>
    </row>
    <row r="55268" spans="8:8">
      <c r="H55268" s="12"/>
    </row>
    <row r="55269" spans="8:8">
      <c r="H55269" s="12"/>
    </row>
    <row r="55270" spans="8:8">
      <c r="H55270" s="12"/>
    </row>
    <row r="55271" spans="8:8">
      <c r="H55271" s="12"/>
    </row>
    <row r="55272" spans="8:8">
      <c r="H55272" s="12"/>
    </row>
    <row r="55273" spans="8:8">
      <c r="H55273" s="12"/>
    </row>
    <row r="55274" spans="8:8">
      <c r="H55274" s="12"/>
    </row>
    <row r="55275" spans="8:8">
      <c r="H55275" s="12"/>
    </row>
    <row r="55276" spans="8:8">
      <c r="H55276" s="12"/>
    </row>
    <row r="55277" spans="8:8">
      <c r="H55277" s="12"/>
    </row>
    <row r="55278" spans="8:8">
      <c r="H55278" s="12"/>
    </row>
    <row r="55279" spans="8:8">
      <c r="H55279" s="12"/>
    </row>
    <row r="55280" spans="8:8">
      <c r="H55280" s="12"/>
    </row>
    <row r="55281" spans="8:8">
      <c r="H55281" s="12"/>
    </row>
    <row r="55282" spans="8:8">
      <c r="H55282" s="12"/>
    </row>
    <row r="55283" spans="8:8">
      <c r="H55283" s="12"/>
    </row>
    <row r="55284" spans="8:8">
      <c r="H55284" s="12"/>
    </row>
    <row r="55285" spans="8:8">
      <c r="H55285" s="12"/>
    </row>
    <row r="55286" spans="8:8">
      <c r="H55286" s="12"/>
    </row>
    <row r="55287" spans="8:8">
      <c r="H55287" s="12"/>
    </row>
    <row r="55288" spans="8:8">
      <c r="H55288" s="12"/>
    </row>
    <row r="55289" spans="8:8">
      <c r="H55289" s="12"/>
    </row>
    <row r="55290" spans="8:8">
      <c r="H55290" s="12"/>
    </row>
    <row r="55291" spans="8:8">
      <c r="H55291" s="12"/>
    </row>
    <row r="55292" spans="8:8">
      <c r="H55292" s="12"/>
    </row>
    <row r="55293" spans="8:8">
      <c r="H55293" s="12"/>
    </row>
    <row r="55294" spans="8:8">
      <c r="H55294" s="12"/>
    </row>
    <row r="55295" spans="8:8">
      <c r="H55295" s="12"/>
    </row>
    <row r="55296" spans="8:8">
      <c r="H55296" s="12"/>
    </row>
    <row r="55297" spans="8:8">
      <c r="H55297" s="12"/>
    </row>
    <row r="55298" spans="8:8">
      <c r="H55298" s="12"/>
    </row>
    <row r="55299" spans="8:8">
      <c r="H55299" s="12"/>
    </row>
    <row r="55300" spans="8:8">
      <c r="H55300" s="12"/>
    </row>
    <row r="55301" spans="8:8">
      <c r="H55301" s="12"/>
    </row>
    <row r="55302" spans="8:8">
      <c r="H55302" s="12"/>
    </row>
    <row r="55303" spans="8:8">
      <c r="H55303" s="12"/>
    </row>
    <row r="55304" spans="8:8">
      <c r="H55304" s="12"/>
    </row>
    <row r="55305" spans="8:8">
      <c r="H55305" s="12"/>
    </row>
    <row r="55306" spans="8:8">
      <c r="H55306" s="12"/>
    </row>
    <row r="55307" spans="8:8">
      <c r="H55307" s="12"/>
    </row>
    <row r="55308" spans="8:8">
      <c r="H55308" s="12"/>
    </row>
    <row r="55309" spans="8:8">
      <c r="H55309" s="12"/>
    </row>
    <row r="55310" spans="8:8">
      <c r="H55310" s="12"/>
    </row>
    <row r="55311" spans="8:8">
      <c r="H55311" s="12"/>
    </row>
    <row r="55312" spans="8:8">
      <c r="H55312" s="12"/>
    </row>
    <row r="55313" spans="8:8">
      <c r="H55313" s="12"/>
    </row>
    <row r="55314" spans="8:8">
      <c r="H55314" s="12"/>
    </row>
    <row r="55315" spans="8:8">
      <c r="H55315" s="12"/>
    </row>
    <row r="55316" spans="8:8">
      <c r="H55316" s="12"/>
    </row>
    <row r="55317" spans="8:8">
      <c r="H55317" s="12"/>
    </row>
    <row r="55318" spans="8:8">
      <c r="H55318" s="12"/>
    </row>
    <row r="55319" spans="8:8">
      <c r="H55319" s="12"/>
    </row>
    <row r="55320" spans="8:8">
      <c r="H55320" s="12"/>
    </row>
    <row r="55321" spans="8:8">
      <c r="H55321" s="12"/>
    </row>
    <row r="55322" spans="8:8">
      <c r="H55322" s="12"/>
    </row>
    <row r="55323" spans="8:8">
      <c r="H55323" s="12"/>
    </row>
    <row r="55324" spans="8:8">
      <c r="H55324" s="12"/>
    </row>
    <row r="55325" spans="8:8">
      <c r="H55325" s="12"/>
    </row>
    <row r="55326" spans="8:8">
      <c r="H55326" s="12"/>
    </row>
    <row r="55327" spans="8:8">
      <c r="H55327" s="12"/>
    </row>
    <row r="55328" spans="8:8">
      <c r="H55328" s="12"/>
    </row>
    <row r="55329" spans="8:8">
      <c r="H55329" s="12"/>
    </row>
    <row r="55330" spans="8:8">
      <c r="H55330" s="12"/>
    </row>
    <row r="55331" spans="8:8">
      <c r="H55331" s="12"/>
    </row>
    <row r="55332" spans="8:8">
      <c r="H55332" s="12"/>
    </row>
    <row r="55333" spans="8:8">
      <c r="H55333" s="12"/>
    </row>
    <row r="55334" spans="8:8">
      <c r="H55334" s="12"/>
    </row>
    <row r="55335" spans="8:8">
      <c r="H55335" s="12"/>
    </row>
    <row r="55336" spans="8:8">
      <c r="H55336" s="12"/>
    </row>
    <row r="55337" spans="8:8">
      <c r="H55337" s="12"/>
    </row>
    <row r="55338" spans="8:8">
      <c r="H55338" s="12"/>
    </row>
    <row r="55339" spans="8:8">
      <c r="H55339" s="12"/>
    </row>
    <row r="55340" spans="8:8">
      <c r="H55340" s="12"/>
    </row>
    <row r="55341" spans="8:8">
      <c r="H55341" s="12"/>
    </row>
    <row r="55342" spans="8:8">
      <c r="H55342" s="12"/>
    </row>
    <row r="55343" spans="8:8">
      <c r="H55343" s="12"/>
    </row>
    <row r="55344" spans="8:8">
      <c r="H55344" s="12"/>
    </row>
    <row r="55345" spans="8:8">
      <c r="H55345" s="12"/>
    </row>
    <row r="55346" spans="8:8">
      <c r="H55346" s="12"/>
    </row>
    <row r="55347" spans="8:8">
      <c r="H55347" s="12"/>
    </row>
    <row r="55348" spans="8:8">
      <c r="H55348" s="12"/>
    </row>
    <row r="55349" spans="8:8">
      <c r="H55349" s="12"/>
    </row>
    <row r="55350" spans="8:8">
      <c r="H55350" s="12"/>
    </row>
    <row r="55351" spans="8:8">
      <c r="H55351" s="12"/>
    </row>
    <row r="55352" spans="8:8">
      <c r="H55352" s="12"/>
    </row>
    <row r="55353" spans="8:8">
      <c r="H55353" s="12"/>
    </row>
    <row r="55354" spans="8:8">
      <c r="H55354" s="12"/>
    </row>
    <row r="55355" spans="8:8">
      <c r="H55355" s="12"/>
    </row>
    <row r="55356" spans="8:8">
      <c r="H55356" s="12"/>
    </row>
    <row r="55357" spans="8:8">
      <c r="H55357" s="12"/>
    </row>
    <row r="55358" spans="8:8">
      <c r="H55358" s="12"/>
    </row>
    <row r="55359" spans="8:8">
      <c r="H55359" s="12"/>
    </row>
    <row r="55360" spans="8:8">
      <c r="H55360" s="12"/>
    </row>
    <row r="55361" spans="8:8">
      <c r="H55361" s="12"/>
    </row>
    <row r="55362" spans="8:8">
      <c r="H55362" s="12"/>
    </row>
    <row r="55363" spans="8:8">
      <c r="H55363" s="12"/>
    </row>
    <row r="55364" spans="8:8">
      <c r="H55364" s="12"/>
    </row>
    <row r="55365" spans="8:8">
      <c r="H55365" s="12"/>
    </row>
    <row r="55366" spans="8:8">
      <c r="H55366" s="12"/>
    </row>
    <row r="55367" spans="8:8">
      <c r="H55367" s="12"/>
    </row>
    <row r="55368" spans="8:8">
      <c r="H55368" s="12"/>
    </row>
    <row r="55369" spans="8:8">
      <c r="H55369" s="12"/>
    </row>
    <row r="55370" spans="8:8">
      <c r="H55370" s="12"/>
    </row>
    <row r="55371" spans="8:8">
      <c r="H55371" s="12"/>
    </row>
    <row r="55372" spans="8:8">
      <c r="H55372" s="12"/>
    </row>
    <row r="55373" spans="8:8">
      <c r="H55373" s="12"/>
    </row>
    <row r="55374" spans="8:8">
      <c r="H55374" s="12"/>
    </row>
    <row r="55375" spans="8:8">
      <c r="H55375" s="12"/>
    </row>
    <row r="55376" spans="8:8">
      <c r="H55376" s="12"/>
    </row>
    <row r="55377" spans="8:8">
      <c r="H55377" s="12"/>
    </row>
    <row r="55378" spans="8:8">
      <c r="H55378" s="12"/>
    </row>
    <row r="55379" spans="8:8">
      <c r="H55379" s="12"/>
    </row>
    <row r="55380" spans="8:8">
      <c r="H55380" s="12"/>
    </row>
    <row r="55381" spans="8:8">
      <c r="H55381" s="12"/>
    </row>
    <row r="55382" spans="8:8">
      <c r="H55382" s="12"/>
    </row>
    <row r="55383" spans="8:8">
      <c r="H55383" s="12"/>
    </row>
    <row r="55384" spans="8:8">
      <c r="H55384" s="12"/>
    </row>
    <row r="55385" spans="8:8">
      <c r="H55385" s="12"/>
    </row>
    <row r="55386" spans="8:8">
      <c r="H55386" s="12"/>
    </row>
    <row r="55387" spans="8:8">
      <c r="H55387" s="12"/>
    </row>
    <row r="55388" spans="8:8">
      <c r="H55388" s="12"/>
    </row>
    <row r="55389" spans="8:8">
      <c r="H55389" s="12"/>
    </row>
    <row r="55390" spans="8:8">
      <c r="H55390" s="12"/>
    </row>
    <row r="55391" spans="8:8">
      <c r="H55391" s="12"/>
    </row>
    <row r="55392" spans="8:8">
      <c r="H55392" s="12"/>
    </row>
    <row r="55393" spans="8:8">
      <c r="H55393" s="12"/>
    </row>
    <row r="55394" spans="8:8">
      <c r="H55394" s="12"/>
    </row>
    <row r="55395" spans="8:8">
      <c r="H55395" s="12"/>
    </row>
    <row r="55396" spans="8:8">
      <c r="H55396" s="12"/>
    </row>
    <row r="55397" spans="8:8">
      <c r="H55397" s="12"/>
    </row>
    <row r="55398" spans="8:8">
      <c r="H55398" s="12"/>
    </row>
    <row r="55399" spans="8:8">
      <c r="H55399" s="12"/>
    </row>
    <row r="55400" spans="8:8">
      <c r="H55400" s="12"/>
    </row>
    <row r="55401" spans="8:8">
      <c r="H55401" s="12"/>
    </row>
    <row r="55402" spans="8:8">
      <c r="H55402" s="12"/>
    </row>
    <row r="55403" spans="8:8">
      <c r="H55403" s="12"/>
    </row>
    <row r="55404" spans="8:8">
      <c r="H55404" s="12"/>
    </row>
    <row r="55405" spans="8:8">
      <c r="H55405" s="12"/>
    </row>
    <row r="55406" spans="8:8">
      <c r="H55406" s="12"/>
    </row>
    <row r="55407" spans="8:8">
      <c r="H55407" s="12"/>
    </row>
    <row r="55408" spans="8:8">
      <c r="H55408" s="12"/>
    </row>
    <row r="55409" spans="8:8">
      <c r="H55409" s="12"/>
    </row>
    <row r="55410" spans="8:8">
      <c r="H55410" s="12"/>
    </row>
    <row r="55411" spans="8:8">
      <c r="H55411" s="12"/>
    </row>
    <row r="55412" spans="8:8">
      <c r="H55412" s="12"/>
    </row>
    <row r="55413" spans="8:8">
      <c r="H55413" s="12"/>
    </row>
    <row r="55414" spans="8:8">
      <c r="H55414" s="12"/>
    </row>
    <row r="55415" spans="8:8">
      <c r="H55415" s="12"/>
    </row>
    <row r="55416" spans="8:8">
      <c r="H55416" s="12"/>
    </row>
    <row r="55417" spans="8:8">
      <c r="H55417" s="12"/>
    </row>
    <row r="55418" spans="8:8">
      <c r="H55418" s="12"/>
    </row>
    <row r="55419" spans="8:8">
      <c r="H55419" s="12"/>
    </row>
    <row r="55420" spans="8:8">
      <c r="H55420" s="12"/>
    </row>
    <row r="55421" spans="8:8">
      <c r="H55421" s="12"/>
    </row>
    <row r="55422" spans="8:8">
      <c r="H55422" s="12"/>
    </row>
    <row r="55423" spans="8:8">
      <c r="H55423" s="12"/>
    </row>
    <row r="55424" spans="8:8">
      <c r="H55424" s="12"/>
    </row>
    <row r="55425" spans="8:8">
      <c r="H55425" s="12"/>
    </row>
    <row r="55426" spans="8:8">
      <c r="H55426" s="12"/>
    </row>
    <row r="55427" spans="8:8">
      <c r="H55427" s="12"/>
    </row>
    <row r="55428" spans="8:8">
      <c r="H55428" s="12"/>
    </row>
    <row r="55429" spans="8:8">
      <c r="H55429" s="12"/>
    </row>
    <row r="55430" spans="8:8">
      <c r="H55430" s="12"/>
    </row>
    <row r="55431" spans="8:8">
      <c r="H55431" s="12"/>
    </row>
    <row r="55432" spans="8:8">
      <c r="H55432" s="12"/>
    </row>
    <row r="55433" spans="8:8">
      <c r="H55433" s="12"/>
    </row>
    <row r="55434" spans="8:8">
      <c r="H55434" s="12"/>
    </row>
    <row r="55435" spans="8:8">
      <c r="H55435" s="12"/>
    </row>
    <row r="55436" spans="8:8">
      <c r="H55436" s="12"/>
    </row>
    <row r="55437" spans="8:8">
      <c r="H55437" s="12"/>
    </row>
    <row r="55438" spans="8:8">
      <c r="H55438" s="12"/>
    </row>
    <row r="55439" spans="8:8">
      <c r="H55439" s="12"/>
    </row>
    <row r="55440" spans="8:8">
      <c r="H55440" s="12"/>
    </row>
    <row r="55441" spans="8:8">
      <c r="H55441" s="12"/>
    </row>
    <row r="55442" spans="8:8">
      <c r="H55442" s="12"/>
    </row>
    <row r="55443" spans="8:8">
      <c r="H55443" s="12"/>
    </row>
    <row r="55444" spans="8:8">
      <c r="H55444" s="12"/>
    </row>
    <row r="55445" spans="8:8">
      <c r="H55445" s="12"/>
    </row>
    <row r="55446" spans="8:8">
      <c r="H55446" s="12"/>
    </row>
    <row r="55447" spans="8:8">
      <c r="H55447" s="12"/>
    </row>
    <row r="55448" spans="8:8">
      <c r="H55448" s="12"/>
    </row>
    <row r="55449" spans="8:8">
      <c r="H55449" s="12"/>
    </row>
    <row r="55450" spans="8:8">
      <c r="H55450" s="12"/>
    </row>
    <row r="55451" spans="8:8">
      <c r="H55451" s="12"/>
    </row>
    <row r="55452" spans="8:8">
      <c r="H55452" s="12"/>
    </row>
    <row r="55453" spans="8:8">
      <c r="H55453" s="12"/>
    </row>
    <row r="55454" spans="8:8">
      <c r="H55454" s="12"/>
    </row>
    <row r="55455" spans="8:8">
      <c r="H55455" s="12"/>
    </row>
    <row r="55456" spans="8:8">
      <c r="H55456" s="12"/>
    </row>
    <row r="55457" spans="8:8">
      <c r="H55457" s="12"/>
    </row>
    <row r="55458" spans="8:8">
      <c r="H55458" s="12"/>
    </row>
    <row r="55459" spans="8:8">
      <c r="H55459" s="12"/>
    </row>
    <row r="55460" spans="8:8">
      <c r="H55460" s="12"/>
    </row>
    <row r="55461" spans="8:8">
      <c r="H55461" s="12"/>
    </row>
    <row r="55462" spans="8:8">
      <c r="H55462" s="12"/>
    </row>
    <row r="55463" spans="8:8">
      <c r="H55463" s="12"/>
    </row>
    <row r="55464" spans="8:8">
      <c r="H55464" s="12"/>
    </row>
    <row r="55465" spans="8:8">
      <c r="H55465" s="12"/>
    </row>
    <row r="55466" spans="8:8">
      <c r="H55466" s="12"/>
    </row>
    <row r="55467" spans="8:8">
      <c r="H55467" s="12"/>
    </row>
    <row r="55468" spans="8:8">
      <c r="H55468" s="12"/>
    </row>
    <row r="55469" spans="8:8">
      <c r="H55469" s="12"/>
    </row>
    <row r="55470" spans="8:8">
      <c r="H55470" s="12"/>
    </row>
    <row r="55471" spans="8:8">
      <c r="H55471" s="12"/>
    </row>
    <row r="55472" spans="8:8">
      <c r="H55472" s="12"/>
    </row>
    <row r="55473" spans="8:8">
      <c r="H55473" s="12"/>
    </row>
    <row r="55474" spans="8:8">
      <c r="H55474" s="12"/>
    </row>
    <row r="55475" spans="8:8">
      <c r="H55475" s="12"/>
    </row>
    <row r="55476" spans="8:8">
      <c r="H55476" s="12"/>
    </row>
    <row r="55477" spans="8:8">
      <c r="H55477" s="12"/>
    </row>
    <row r="55478" spans="8:8">
      <c r="H55478" s="12"/>
    </row>
    <row r="55479" spans="8:8">
      <c r="H55479" s="12"/>
    </row>
    <row r="55480" spans="8:8">
      <c r="H55480" s="12"/>
    </row>
    <row r="55481" spans="8:8">
      <c r="H55481" s="12"/>
    </row>
    <row r="55482" spans="8:8">
      <c r="H55482" s="12"/>
    </row>
    <row r="55483" spans="8:8">
      <c r="H55483" s="12"/>
    </row>
    <row r="55484" spans="8:8">
      <c r="H55484" s="12"/>
    </row>
    <row r="55485" spans="8:8">
      <c r="H55485" s="12"/>
    </row>
    <row r="55486" spans="8:8">
      <c r="H55486" s="12"/>
    </row>
    <row r="55487" spans="8:8">
      <c r="H55487" s="12"/>
    </row>
    <row r="55488" spans="8:8">
      <c r="H55488" s="12"/>
    </row>
    <row r="55489" spans="8:8">
      <c r="H55489" s="12"/>
    </row>
    <row r="55490" spans="8:8">
      <c r="H55490" s="12"/>
    </row>
    <row r="55491" spans="8:8">
      <c r="H55491" s="12"/>
    </row>
    <row r="55492" spans="8:8">
      <c r="H55492" s="12"/>
    </row>
    <row r="55493" spans="8:8">
      <c r="H55493" s="12"/>
    </row>
    <row r="55494" spans="8:8">
      <c r="H55494" s="12"/>
    </row>
    <row r="55495" spans="8:8">
      <c r="H55495" s="12"/>
    </row>
    <row r="55496" spans="8:8">
      <c r="H55496" s="12"/>
    </row>
    <row r="55497" spans="8:8">
      <c r="H55497" s="12"/>
    </row>
    <row r="55498" spans="8:8">
      <c r="H55498" s="12"/>
    </row>
    <row r="55499" spans="8:8">
      <c r="H55499" s="12"/>
    </row>
    <row r="55500" spans="8:8">
      <c r="H55500" s="12"/>
    </row>
    <row r="55501" spans="8:8">
      <c r="H55501" s="12"/>
    </row>
    <row r="55502" spans="8:8">
      <c r="H55502" s="12"/>
    </row>
    <row r="55503" spans="8:8">
      <c r="H55503" s="12"/>
    </row>
    <row r="55504" spans="8:8">
      <c r="H55504" s="12"/>
    </row>
    <row r="55505" spans="8:8">
      <c r="H55505" s="12"/>
    </row>
    <row r="55506" spans="8:8">
      <c r="H55506" s="12"/>
    </row>
    <row r="55507" spans="8:8">
      <c r="H55507" s="12"/>
    </row>
    <row r="55508" spans="8:8">
      <c r="H55508" s="12"/>
    </row>
    <row r="55509" spans="8:8">
      <c r="H55509" s="12"/>
    </row>
    <row r="55510" spans="8:8">
      <c r="H55510" s="12"/>
    </row>
    <row r="55511" spans="8:8">
      <c r="H55511" s="12"/>
    </row>
    <row r="55512" spans="8:8">
      <c r="H55512" s="12"/>
    </row>
    <row r="55513" spans="8:8">
      <c r="H55513" s="12"/>
    </row>
    <row r="55514" spans="8:8">
      <c r="H55514" s="12"/>
    </row>
    <row r="55515" spans="8:8">
      <c r="H55515" s="12"/>
    </row>
    <row r="55516" spans="8:8">
      <c r="H55516" s="12"/>
    </row>
    <row r="55517" spans="8:8">
      <c r="H55517" s="12"/>
    </row>
    <row r="55518" spans="8:8">
      <c r="H55518" s="12"/>
    </row>
    <row r="55519" spans="8:8">
      <c r="H55519" s="12"/>
    </row>
    <row r="55520" spans="8:8">
      <c r="H55520" s="12"/>
    </row>
    <row r="55521" spans="8:8">
      <c r="H55521" s="12"/>
    </row>
    <row r="55522" spans="8:8">
      <c r="H55522" s="12"/>
    </row>
    <row r="55523" spans="8:8">
      <c r="H55523" s="12"/>
    </row>
    <row r="55524" spans="8:8">
      <c r="H55524" s="12"/>
    </row>
    <row r="55525" spans="8:8">
      <c r="H55525" s="12"/>
    </row>
    <row r="55526" spans="8:8">
      <c r="H55526" s="12"/>
    </row>
    <row r="55527" spans="8:8">
      <c r="H55527" s="12"/>
    </row>
    <row r="55528" spans="8:8">
      <c r="H55528" s="12"/>
    </row>
    <row r="55529" spans="8:8">
      <c r="H55529" s="12"/>
    </row>
    <row r="55530" spans="8:8">
      <c r="H55530" s="12"/>
    </row>
    <row r="55531" spans="8:8">
      <c r="H55531" s="12"/>
    </row>
    <row r="55532" spans="8:8">
      <c r="H55532" s="12"/>
    </row>
    <row r="55533" spans="8:8">
      <c r="H55533" s="12"/>
    </row>
    <row r="55534" spans="8:8">
      <c r="H55534" s="12"/>
    </row>
    <row r="55535" spans="8:8">
      <c r="H55535" s="12"/>
    </row>
    <row r="55536" spans="8:8">
      <c r="H55536" s="12"/>
    </row>
    <row r="55537" spans="8:8">
      <c r="H55537" s="12"/>
    </row>
    <row r="55538" spans="8:8">
      <c r="H55538" s="12"/>
    </row>
    <row r="55539" spans="8:8">
      <c r="H55539" s="12"/>
    </row>
    <row r="55540" spans="8:8">
      <c r="H55540" s="12"/>
    </row>
    <row r="55541" spans="8:8">
      <c r="H55541" s="12"/>
    </row>
    <row r="55542" spans="8:8">
      <c r="H55542" s="12"/>
    </row>
    <row r="55543" spans="8:8">
      <c r="H55543" s="12"/>
    </row>
    <row r="55544" spans="8:8">
      <c r="H55544" s="12"/>
    </row>
    <row r="55545" spans="8:8">
      <c r="H55545" s="12"/>
    </row>
    <row r="55546" spans="8:8">
      <c r="H55546" s="12"/>
    </row>
    <row r="55547" spans="8:8">
      <c r="H55547" s="12"/>
    </row>
    <row r="55548" spans="8:8">
      <c r="H55548" s="12"/>
    </row>
    <row r="55549" spans="8:8">
      <c r="H55549" s="12"/>
    </row>
    <row r="55550" spans="8:8">
      <c r="H55550" s="12"/>
    </row>
    <row r="55551" spans="8:8">
      <c r="H55551" s="12"/>
    </row>
    <row r="55552" spans="8:8">
      <c r="H55552" s="12"/>
    </row>
    <row r="55553" spans="8:8">
      <c r="H55553" s="12"/>
    </row>
    <row r="55554" spans="8:8">
      <c r="H55554" s="12"/>
    </row>
    <row r="55555" spans="8:8">
      <c r="H55555" s="12"/>
    </row>
    <row r="55556" spans="8:8">
      <c r="H55556" s="12"/>
    </row>
    <row r="55557" spans="8:8">
      <c r="H55557" s="12"/>
    </row>
    <row r="55558" spans="8:8">
      <c r="H55558" s="12"/>
    </row>
    <row r="55559" spans="8:8">
      <c r="H55559" s="12"/>
    </row>
    <row r="55560" spans="8:8">
      <c r="H55560" s="12"/>
    </row>
    <row r="55561" spans="8:8">
      <c r="H55561" s="12"/>
    </row>
    <row r="55562" spans="8:8">
      <c r="H55562" s="12"/>
    </row>
    <row r="55563" spans="8:8">
      <c r="H55563" s="12"/>
    </row>
    <row r="55564" spans="8:8">
      <c r="H55564" s="12"/>
    </row>
    <row r="55565" spans="8:8">
      <c r="H55565" s="12"/>
    </row>
    <row r="55566" spans="8:8">
      <c r="H55566" s="12"/>
    </row>
    <row r="55567" spans="8:8">
      <c r="H55567" s="12"/>
    </row>
    <row r="55568" spans="8:8">
      <c r="H55568" s="12"/>
    </row>
    <row r="55569" spans="8:8">
      <c r="H55569" s="12"/>
    </row>
    <row r="55570" spans="8:8">
      <c r="H55570" s="12"/>
    </row>
    <row r="55571" spans="8:8">
      <c r="H55571" s="12"/>
    </row>
    <row r="55572" spans="8:8">
      <c r="H55572" s="12"/>
    </row>
    <row r="55573" spans="8:8">
      <c r="H55573" s="12"/>
    </row>
    <row r="55574" spans="8:8">
      <c r="H55574" s="12"/>
    </row>
    <row r="55575" spans="8:8">
      <c r="H55575" s="12"/>
    </row>
    <row r="55576" spans="8:8">
      <c r="H55576" s="12"/>
    </row>
    <row r="55577" spans="8:8">
      <c r="H55577" s="12"/>
    </row>
    <row r="55578" spans="8:8">
      <c r="H55578" s="12"/>
    </row>
    <row r="55579" spans="8:8">
      <c r="H55579" s="12"/>
    </row>
    <row r="55580" spans="8:8">
      <c r="H55580" s="12"/>
    </row>
    <row r="55581" spans="8:8">
      <c r="H55581" s="12"/>
    </row>
    <row r="55582" spans="8:8">
      <c r="H55582" s="12"/>
    </row>
    <row r="55583" spans="8:8">
      <c r="H55583" s="12"/>
    </row>
    <row r="55584" spans="8:8">
      <c r="H55584" s="12"/>
    </row>
    <row r="55585" spans="8:8">
      <c r="H55585" s="12"/>
    </row>
    <row r="55586" spans="8:8">
      <c r="H55586" s="12"/>
    </row>
    <row r="55587" spans="8:8">
      <c r="H55587" s="12"/>
    </row>
    <row r="55588" spans="8:8">
      <c r="H55588" s="12"/>
    </row>
    <row r="55589" spans="8:8">
      <c r="H55589" s="12"/>
    </row>
    <row r="55590" spans="8:8">
      <c r="H55590" s="12"/>
    </row>
    <row r="55591" spans="8:8">
      <c r="H55591" s="12"/>
    </row>
    <row r="55592" spans="8:8">
      <c r="H55592" s="12"/>
    </row>
    <row r="55593" spans="8:8">
      <c r="H55593" s="12"/>
    </row>
    <row r="55594" spans="8:8">
      <c r="H55594" s="12"/>
    </row>
    <row r="55595" spans="8:8">
      <c r="H55595" s="12"/>
    </row>
    <row r="55596" spans="8:8">
      <c r="H55596" s="12"/>
    </row>
    <row r="55597" spans="8:8">
      <c r="H55597" s="12"/>
    </row>
    <row r="55598" spans="8:8">
      <c r="H55598" s="12"/>
    </row>
    <row r="55599" spans="8:8">
      <c r="H55599" s="12"/>
    </row>
    <row r="55600" spans="8:8">
      <c r="H55600" s="12"/>
    </row>
    <row r="55601" spans="8:8">
      <c r="H55601" s="12"/>
    </row>
    <row r="55602" spans="8:8">
      <c r="H55602" s="12"/>
    </row>
    <row r="55603" spans="8:8">
      <c r="H55603" s="12"/>
    </row>
    <row r="55604" spans="8:8">
      <c r="H55604" s="12"/>
    </row>
    <row r="55605" spans="8:8">
      <c r="H55605" s="12"/>
    </row>
    <row r="55606" spans="8:8">
      <c r="H55606" s="12"/>
    </row>
    <row r="55607" spans="8:8">
      <c r="H55607" s="12"/>
    </row>
    <row r="55608" spans="8:8">
      <c r="H55608" s="12"/>
    </row>
    <row r="55609" spans="8:8">
      <c r="H55609" s="12"/>
    </row>
    <row r="55610" spans="8:8">
      <c r="H55610" s="12"/>
    </row>
    <row r="55611" spans="8:8">
      <c r="H55611" s="12"/>
    </row>
    <row r="55612" spans="8:8">
      <c r="H55612" s="12"/>
    </row>
    <row r="55613" spans="8:8">
      <c r="H55613" s="12"/>
    </row>
    <row r="55614" spans="8:8">
      <c r="H55614" s="12"/>
    </row>
    <row r="55615" spans="8:8">
      <c r="H55615" s="12"/>
    </row>
    <row r="55616" spans="8:8">
      <c r="H55616" s="12"/>
    </row>
    <row r="55617" spans="8:8">
      <c r="H55617" s="12"/>
    </row>
    <row r="55618" spans="8:8">
      <c r="H55618" s="12"/>
    </row>
    <row r="55619" spans="8:8">
      <c r="H55619" s="12"/>
    </row>
    <row r="55620" spans="8:8">
      <c r="H55620" s="12"/>
    </row>
    <row r="55621" spans="8:8">
      <c r="H55621" s="12"/>
    </row>
    <row r="55622" spans="8:8">
      <c r="H55622" s="12"/>
    </row>
    <row r="55623" spans="8:8">
      <c r="H55623" s="12"/>
    </row>
    <row r="55624" spans="8:8">
      <c r="H55624" s="12"/>
    </row>
    <row r="55625" spans="8:8">
      <c r="H55625" s="12"/>
    </row>
    <row r="55626" spans="8:8">
      <c r="H55626" s="12"/>
    </row>
    <row r="55627" spans="8:8">
      <c r="H55627" s="12"/>
    </row>
    <row r="55628" spans="8:8">
      <c r="H55628" s="12"/>
    </row>
    <row r="55629" spans="8:8">
      <c r="H55629" s="12"/>
    </row>
    <row r="55630" spans="8:8">
      <c r="H55630" s="12"/>
    </row>
    <row r="55631" spans="8:8">
      <c r="H55631" s="12"/>
    </row>
    <row r="55632" spans="8:8">
      <c r="H55632" s="12"/>
    </row>
    <row r="55633" spans="8:8">
      <c r="H55633" s="12"/>
    </row>
    <row r="55634" spans="8:8">
      <c r="H55634" s="12"/>
    </row>
    <row r="55635" spans="8:8">
      <c r="H55635" s="12"/>
    </row>
    <row r="55636" spans="8:8">
      <c r="H55636" s="12"/>
    </row>
    <row r="55637" spans="8:8">
      <c r="H55637" s="12"/>
    </row>
    <row r="55638" spans="8:8">
      <c r="H55638" s="12"/>
    </row>
    <row r="55639" spans="8:8">
      <c r="H55639" s="12"/>
    </row>
    <row r="55640" spans="8:8">
      <c r="H55640" s="12"/>
    </row>
    <row r="55641" spans="8:8">
      <c r="H55641" s="12"/>
    </row>
    <row r="55642" spans="8:8">
      <c r="H55642" s="12"/>
    </row>
    <row r="55643" spans="8:8">
      <c r="H55643" s="12"/>
    </row>
    <row r="55644" spans="8:8">
      <c r="H55644" s="12"/>
    </row>
    <row r="55645" spans="8:8">
      <c r="H55645" s="12"/>
    </row>
    <row r="55646" spans="8:8">
      <c r="H55646" s="12"/>
    </row>
    <row r="55647" spans="8:8">
      <c r="H55647" s="12"/>
    </row>
    <row r="55648" spans="8:8">
      <c r="H55648" s="12"/>
    </row>
    <row r="55649" spans="8:8">
      <c r="H55649" s="12"/>
    </row>
    <row r="55650" spans="8:8">
      <c r="H55650" s="12"/>
    </row>
    <row r="55651" spans="8:8">
      <c r="H55651" s="12"/>
    </row>
    <row r="55652" spans="8:8">
      <c r="H55652" s="12"/>
    </row>
    <row r="55653" spans="8:8">
      <c r="H55653" s="12"/>
    </row>
    <row r="55654" spans="8:8">
      <c r="H55654" s="12"/>
    </row>
    <row r="55655" spans="8:8">
      <c r="H55655" s="12"/>
    </row>
    <row r="55656" spans="8:8">
      <c r="H55656" s="12"/>
    </row>
    <row r="55657" spans="8:8">
      <c r="H55657" s="12"/>
    </row>
    <row r="55658" spans="8:8">
      <c r="H55658" s="12"/>
    </row>
    <row r="55659" spans="8:8">
      <c r="H55659" s="12"/>
    </row>
    <row r="55660" spans="8:8">
      <c r="H55660" s="12"/>
    </row>
    <row r="55661" spans="8:8">
      <c r="H55661" s="12"/>
    </row>
    <row r="55662" spans="8:8">
      <c r="H55662" s="12"/>
    </row>
    <row r="55663" spans="8:8">
      <c r="H55663" s="12"/>
    </row>
    <row r="55664" spans="8:8">
      <c r="H55664" s="12"/>
    </row>
    <row r="55665" spans="8:8">
      <c r="H55665" s="12"/>
    </row>
    <row r="55666" spans="8:8">
      <c r="H55666" s="12"/>
    </row>
    <row r="55667" spans="8:8">
      <c r="H55667" s="12"/>
    </row>
    <row r="55668" spans="8:8">
      <c r="H55668" s="12"/>
    </row>
    <row r="55669" spans="8:8">
      <c r="H55669" s="12"/>
    </row>
    <row r="55670" spans="8:8">
      <c r="H55670" s="12"/>
    </row>
    <row r="55671" spans="8:8">
      <c r="H55671" s="12"/>
    </row>
    <row r="55672" spans="8:8">
      <c r="H55672" s="12"/>
    </row>
    <row r="55673" spans="8:8">
      <c r="H55673" s="12"/>
    </row>
    <row r="55674" spans="8:8">
      <c r="H55674" s="12"/>
    </row>
    <row r="55675" spans="8:8">
      <c r="H55675" s="12"/>
    </row>
    <row r="55676" spans="8:8">
      <c r="H55676" s="12"/>
    </row>
    <row r="55677" spans="8:8">
      <c r="H55677" s="12"/>
    </row>
    <row r="55678" spans="8:8">
      <c r="H55678" s="12"/>
    </row>
    <row r="55679" spans="8:8">
      <c r="H55679" s="12"/>
    </row>
    <row r="55680" spans="8:8">
      <c r="H55680" s="12"/>
    </row>
    <row r="55681" spans="8:8">
      <c r="H55681" s="12"/>
    </row>
    <row r="55682" spans="8:8">
      <c r="H55682" s="12"/>
    </row>
    <row r="55683" spans="8:8">
      <c r="H55683" s="12"/>
    </row>
    <row r="55684" spans="8:8">
      <c r="H55684" s="12"/>
    </row>
    <row r="55685" spans="8:8">
      <c r="H55685" s="12"/>
    </row>
    <row r="55686" spans="8:8">
      <c r="H55686" s="12"/>
    </row>
    <row r="55687" spans="8:8">
      <c r="H55687" s="12"/>
    </row>
    <row r="55688" spans="8:8">
      <c r="H55688" s="12"/>
    </row>
    <row r="55689" spans="8:8">
      <c r="H55689" s="12"/>
    </row>
    <row r="55690" spans="8:8">
      <c r="H55690" s="12"/>
    </row>
    <row r="55691" spans="8:8">
      <c r="H55691" s="12"/>
    </row>
    <row r="55692" spans="8:8">
      <c r="H55692" s="12"/>
    </row>
    <row r="55693" spans="8:8">
      <c r="H55693" s="12"/>
    </row>
    <row r="55694" spans="8:8">
      <c r="H55694" s="12"/>
    </row>
    <row r="55695" spans="8:8">
      <c r="H55695" s="12"/>
    </row>
    <row r="55696" spans="8:8">
      <c r="H55696" s="12"/>
    </row>
    <row r="55697" spans="8:8">
      <c r="H55697" s="12"/>
    </row>
    <row r="55698" spans="8:8">
      <c r="H55698" s="12"/>
    </row>
    <row r="55699" spans="8:8">
      <c r="H55699" s="12"/>
    </row>
    <row r="55700" spans="8:8">
      <c r="H55700" s="12"/>
    </row>
    <row r="55701" spans="8:8">
      <c r="H55701" s="12"/>
    </row>
    <row r="55702" spans="8:8">
      <c r="H55702" s="12"/>
    </row>
    <row r="55703" spans="8:8">
      <c r="H55703" s="12"/>
    </row>
    <row r="55704" spans="8:8">
      <c r="H55704" s="12"/>
    </row>
    <row r="55705" spans="8:8">
      <c r="H55705" s="12"/>
    </row>
    <row r="55706" spans="8:8">
      <c r="H55706" s="12"/>
    </row>
    <row r="55707" spans="8:8">
      <c r="H55707" s="12"/>
    </row>
    <row r="55708" spans="8:8">
      <c r="H55708" s="12"/>
    </row>
    <row r="55709" spans="8:8">
      <c r="H55709" s="12"/>
    </row>
    <row r="55710" spans="8:8">
      <c r="H55710" s="12"/>
    </row>
    <row r="55711" spans="8:8">
      <c r="H55711" s="12"/>
    </row>
    <row r="55712" spans="8:8">
      <c r="H55712" s="12"/>
    </row>
    <row r="55713" spans="8:8">
      <c r="H55713" s="12"/>
    </row>
    <row r="55714" spans="8:8">
      <c r="H55714" s="12"/>
    </row>
    <row r="55715" spans="8:8">
      <c r="H55715" s="12"/>
    </row>
    <row r="55716" spans="8:8">
      <c r="H55716" s="12"/>
    </row>
    <row r="55717" spans="8:8">
      <c r="H55717" s="12"/>
    </row>
    <row r="55718" spans="8:8">
      <c r="H55718" s="12"/>
    </row>
    <row r="55719" spans="8:8">
      <c r="H55719" s="12"/>
    </row>
    <row r="55720" spans="8:8">
      <c r="H55720" s="12"/>
    </row>
    <row r="55721" spans="8:8">
      <c r="H55721" s="12"/>
    </row>
    <row r="55722" spans="8:8">
      <c r="H55722" s="12"/>
    </row>
    <row r="55723" spans="8:8">
      <c r="H55723" s="12"/>
    </row>
    <row r="55724" spans="8:8">
      <c r="H55724" s="12"/>
    </row>
    <row r="55725" spans="8:8">
      <c r="H55725" s="12"/>
    </row>
    <row r="55726" spans="8:8">
      <c r="H55726" s="12"/>
    </row>
    <row r="55727" spans="8:8">
      <c r="H55727" s="12"/>
    </row>
    <row r="55728" spans="8:8">
      <c r="H55728" s="12"/>
    </row>
    <row r="55729" spans="8:8">
      <c r="H55729" s="12"/>
    </row>
    <row r="55730" spans="8:8">
      <c r="H55730" s="12"/>
    </row>
    <row r="55731" spans="8:8">
      <c r="H55731" s="12"/>
    </row>
    <row r="55732" spans="8:8">
      <c r="H55732" s="12"/>
    </row>
    <row r="55733" spans="8:8">
      <c r="H55733" s="12"/>
    </row>
    <row r="55734" spans="8:8">
      <c r="H55734" s="12"/>
    </row>
    <row r="55735" spans="8:8">
      <c r="H55735" s="12"/>
    </row>
    <row r="55736" spans="8:8">
      <c r="H55736" s="12"/>
    </row>
    <row r="55737" spans="8:8">
      <c r="H55737" s="12"/>
    </row>
    <row r="55738" spans="8:8">
      <c r="H55738" s="12"/>
    </row>
    <row r="55739" spans="8:8">
      <c r="H55739" s="12"/>
    </row>
    <row r="55740" spans="8:8">
      <c r="H55740" s="12"/>
    </row>
    <row r="55741" spans="8:8">
      <c r="H55741" s="12"/>
    </row>
    <row r="55742" spans="8:8">
      <c r="H55742" s="12"/>
    </row>
    <row r="55743" spans="8:8">
      <c r="H55743" s="12"/>
    </row>
    <row r="55744" spans="8:8">
      <c r="H55744" s="12"/>
    </row>
    <row r="55745" spans="8:8">
      <c r="H55745" s="12"/>
    </row>
    <row r="55746" spans="8:8">
      <c r="H55746" s="12"/>
    </row>
    <row r="55747" spans="8:8">
      <c r="H55747" s="12"/>
    </row>
    <row r="55748" spans="8:8">
      <c r="H55748" s="12"/>
    </row>
    <row r="55749" spans="8:8">
      <c r="H55749" s="12"/>
    </row>
    <row r="55750" spans="8:8">
      <c r="H55750" s="12"/>
    </row>
    <row r="55751" spans="8:8">
      <c r="H55751" s="12"/>
    </row>
    <row r="55752" spans="8:8">
      <c r="H55752" s="12"/>
    </row>
    <row r="55753" spans="8:8">
      <c r="H55753" s="12"/>
    </row>
    <row r="55754" spans="8:8">
      <c r="H55754" s="12"/>
    </row>
    <row r="55755" spans="8:8">
      <c r="H55755" s="12"/>
    </row>
    <row r="55756" spans="8:8">
      <c r="H55756" s="12"/>
    </row>
    <row r="55757" spans="8:8">
      <c r="H55757" s="12"/>
    </row>
    <row r="55758" spans="8:8">
      <c r="H55758" s="12"/>
    </row>
    <row r="55759" spans="8:8">
      <c r="H55759" s="12"/>
    </row>
    <row r="55760" spans="8:8">
      <c r="H55760" s="12"/>
    </row>
    <row r="55761" spans="8:8">
      <c r="H55761" s="12"/>
    </row>
    <row r="55762" spans="8:8">
      <c r="H55762" s="12"/>
    </row>
    <row r="55763" spans="8:8">
      <c r="H55763" s="12"/>
    </row>
    <row r="55764" spans="8:8">
      <c r="H55764" s="12"/>
    </row>
    <row r="55765" spans="8:8">
      <c r="H55765" s="12"/>
    </row>
    <row r="55766" spans="8:8">
      <c r="H55766" s="12"/>
    </row>
    <row r="55767" spans="8:8">
      <c r="H55767" s="12"/>
    </row>
    <row r="55768" spans="8:8">
      <c r="H55768" s="12"/>
    </row>
    <row r="55769" spans="8:8">
      <c r="H55769" s="12"/>
    </row>
    <row r="55770" spans="8:8">
      <c r="H55770" s="12"/>
    </row>
    <row r="55771" spans="8:8">
      <c r="H55771" s="12"/>
    </row>
    <row r="55772" spans="8:8">
      <c r="H55772" s="12"/>
    </row>
    <row r="55773" spans="8:8">
      <c r="H55773" s="12"/>
    </row>
    <row r="55774" spans="8:8">
      <c r="H55774" s="12"/>
    </row>
    <row r="55775" spans="8:8">
      <c r="H55775" s="12"/>
    </row>
    <row r="55776" spans="8:8">
      <c r="H55776" s="12"/>
    </row>
    <row r="55777" spans="8:8">
      <c r="H55777" s="12"/>
    </row>
    <row r="55778" spans="8:8">
      <c r="H55778" s="12"/>
    </row>
    <row r="55779" spans="8:8">
      <c r="H55779" s="12"/>
    </row>
    <row r="55780" spans="8:8">
      <c r="H55780" s="12"/>
    </row>
    <row r="55781" spans="8:8">
      <c r="H55781" s="12"/>
    </row>
    <row r="55782" spans="8:8">
      <c r="H55782" s="12"/>
    </row>
    <row r="55783" spans="8:8">
      <c r="H55783" s="12"/>
    </row>
    <row r="55784" spans="8:8">
      <c r="H55784" s="12"/>
    </row>
    <row r="55785" spans="8:8">
      <c r="H55785" s="12"/>
    </row>
    <row r="55786" spans="8:8">
      <c r="H55786" s="12"/>
    </row>
    <row r="55787" spans="8:8">
      <c r="H55787" s="12"/>
    </row>
    <row r="55788" spans="8:8">
      <c r="H55788" s="12"/>
    </row>
    <row r="55789" spans="8:8">
      <c r="H55789" s="12"/>
    </row>
    <row r="55790" spans="8:8">
      <c r="H55790" s="12"/>
    </row>
    <row r="55791" spans="8:8">
      <c r="H55791" s="12"/>
    </row>
    <row r="55792" spans="8:8">
      <c r="H55792" s="12"/>
    </row>
    <row r="55793" spans="8:8">
      <c r="H55793" s="12"/>
    </row>
    <row r="55794" spans="8:8">
      <c r="H55794" s="12"/>
    </row>
    <row r="55795" spans="8:8">
      <c r="H55795" s="12"/>
    </row>
    <row r="55796" spans="8:8">
      <c r="H55796" s="12"/>
    </row>
    <row r="55797" spans="8:8">
      <c r="H55797" s="12"/>
    </row>
    <row r="55798" spans="8:8">
      <c r="H55798" s="12"/>
    </row>
    <row r="55799" spans="8:8">
      <c r="H55799" s="12"/>
    </row>
    <row r="55800" spans="8:8">
      <c r="H55800" s="12"/>
    </row>
    <row r="55801" spans="8:8">
      <c r="H55801" s="12"/>
    </row>
    <row r="55802" spans="8:8">
      <c r="H55802" s="12"/>
    </row>
    <row r="55803" spans="8:8">
      <c r="H55803" s="12"/>
    </row>
    <row r="55804" spans="8:8">
      <c r="H55804" s="12"/>
    </row>
    <row r="55805" spans="8:8">
      <c r="H55805" s="12"/>
    </row>
    <row r="55806" spans="8:8">
      <c r="H55806" s="12"/>
    </row>
    <row r="55807" spans="8:8">
      <c r="H55807" s="12"/>
    </row>
    <row r="55808" spans="8:8">
      <c r="H55808" s="12"/>
    </row>
    <row r="55809" spans="8:8">
      <c r="H55809" s="12"/>
    </row>
    <row r="55810" spans="8:8">
      <c r="H55810" s="12"/>
    </row>
    <row r="55811" spans="8:8">
      <c r="H55811" s="12"/>
    </row>
    <row r="55812" spans="8:8">
      <c r="H55812" s="12"/>
    </row>
    <row r="55813" spans="8:8">
      <c r="H55813" s="12"/>
    </row>
    <row r="55814" spans="8:8">
      <c r="H55814" s="12"/>
    </row>
    <row r="55815" spans="8:8">
      <c r="H55815" s="12"/>
    </row>
    <row r="55816" spans="8:8">
      <c r="H55816" s="12"/>
    </row>
    <row r="55817" spans="8:8">
      <c r="H55817" s="12"/>
    </row>
    <row r="55818" spans="8:8">
      <c r="H55818" s="12"/>
    </row>
    <row r="55819" spans="8:8">
      <c r="H55819" s="12"/>
    </row>
    <row r="55820" spans="8:8">
      <c r="H55820" s="12"/>
    </row>
    <row r="55821" spans="8:8">
      <c r="H55821" s="12"/>
    </row>
    <row r="55822" spans="8:8">
      <c r="H55822" s="12"/>
    </row>
    <row r="55823" spans="8:8">
      <c r="H55823" s="12"/>
    </row>
    <row r="55824" spans="8:8">
      <c r="H55824" s="12"/>
    </row>
    <row r="55825" spans="8:8">
      <c r="H55825" s="12"/>
    </row>
    <row r="55826" spans="8:8">
      <c r="H55826" s="12"/>
    </row>
    <row r="55827" spans="8:8">
      <c r="H55827" s="12"/>
    </row>
    <row r="55828" spans="8:8">
      <c r="H55828" s="12"/>
    </row>
    <row r="55829" spans="8:8">
      <c r="H55829" s="12"/>
    </row>
    <row r="55830" spans="8:8">
      <c r="H55830" s="12"/>
    </row>
    <row r="55831" spans="8:8">
      <c r="H55831" s="12"/>
    </row>
    <row r="55832" spans="8:8">
      <c r="H55832" s="12"/>
    </row>
    <row r="55833" spans="8:8">
      <c r="H55833" s="12"/>
    </row>
    <row r="55834" spans="8:8">
      <c r="H55834" s="12"/>
    </row>
    <row r="55835" spans="8:8">
      <c r="H55835" s="12"/>
    </row>
    <row r="55836" spans="8:8">
      <c r="H55836" s="12"/>
    </row>
    <row r="55837" spans="8:8">
      <c r="H55837" s="12"/>
    </row>
    <row r="55838" spans="8:8">
      <c r="H55838" s="12"/>
    </row>
    <row r="55839" spans="8:8">
      <c r="H55839" s="12"/>
    </row>
    <row r="55840" spans="8:8">
      <c r="H55840" s="12"/>
    </row>
    <row r="55841" spans="8:8">
      <c r="H55841" s="12"/>
    </row>
    <row r="55842" spans="8:8">
      <c r="H55842" s="12"/>
    </row>
    <row r="55843" spans="8:8">
      <c r="H55843" s="12"/>
    </row>
    <row r="55844" spans="8:8">
      <c r="H55844" s="12"/>
    </row>
    <row r="55845" spans="8:8">
      <c r="H55845" s="12"/>
    </row>
    <row r="55846" spans="8:8">
      <c r="H55846" s="12"/>
    </row>
    <row r="55847" spans="8:8">
      <c r="H55847" s="12"/>
    </row>
    <row r="55848" spans="8:8">
      <c r="H55848" s="12"/>
    </row>
    <row r="55849" spans="8:8">
      <c r="H55849" s="12"/>
    </row>
    <row r="55850" spans="8:8">
      <c r="H55850" s="12"/>
    </row>
    <row r="55851" spans="8:8">
      <c r="H55851" s="12"/>
    </row>
    <row r="55852" spans="8:8">
      <c r="H55852" s="12"/>
    </row>
    <row r="55853" spans="8:8">
      <c r="H55853" s="12"/>
    </row>
    <row r="55854" spans="8:8">
      <c r="H55854" s="12"/>
    </row>
    <row r="55855" spans="8:8">
      <c r="H55855" s="12"/>
    </row>
    <row r="55856" spans="8:8">
      <c r="H55856" s="12"/>
    </row>
    <row r="55857" spans="8:8">
      <c r="H55857" s="12"/>
    </row>
    <row r="55858" spans="8:8">
      <c r="H55858" s="12"/>
    </row>
    <row r="55859" spans="8:8">
      <c r="H55859" s="12"/>
    </row>
    <row r="55860" spans="8:8">
      <c r="H55860" s="12"/>
    </row>
    <row r="55861" spans="8:8">
      <c r="H55861" s="12"/>
    </row>
    <row r="55862" spans="8:8">
      <c r="H55862" s="12"/>
    </row>
    <row r="55863" spans="8:8">
      <c r="H55863" s="12"/>
    </row>
    <row r="55864" spans="8:8">
      <c r="H55864" s="12"/>
    </row>
    <row r="55865" spans="8:8">
      <c r="H55865" s="12"/>
    </row>
    <row r="55866" spans="8:8">
      <c r="H55866" s="12"/>
    </row>
    <row r="55867" spans="8:8">
      <c r="H55867" s="12"/>
    </row>
    <row r="55868" spans="8:8">
      <c r="H55868" s="12"/>
    </row>
    <row r="55869" spans="8:8">
      <c r="H55869" s="12"/>
    </row>
    <row r="55870" spans="8:8">
      <c r="H55870" s="12"/>
    </row>
    <row r="55871" spans="8:8">
      <c r="H55871" s="12"/>
    </row>
    <row r="55872" spans="8:8">
      <c r="H55872" s="12"/>
    </row>
    <row r="55873" spans="8:8">
      <c r="H55873" s="12"/>
    </row>
    <row r="55874" spans="8:8">
      <c r="H55874" s="12"/>
    </row>
    <row r="55875" spans="8:8">
      <c r="H55875" s="12"/>
    </row>
    <row r="55876" spans="8:8">
      <c r="H55876" s="12"/>
    </row>
    <row r="55877" spans="8:8">
      <c r="H55877" s="12"/>
    </row>
    <row r="55878" spans="8:8">
      <c r="H55878" s="12"/>
    </row>
    <row r="55879" spans="8:8">
      <c r="H55879" s="12"/>
    </row>
    <row r="55880" spans="8:8">
      <c r="H55880" s="12"/>
    </row>
    <row r="55881" spans="8:8">
      <c r="H55881" s="12"/>
    </row>
    <row r="55882" spans="8:8">
      <c r="H55882" s="12"/>
    </row>
    <row r="55883" spans="8:8">
      <c r="H55883" s="12"/>
    </row>
    <row r="55884" spans="8:8">
      <c r="H55884" s="12"/>
    </row>
    <row r="55885" spans="8:8">
      <c r="H55885" s="12"/>
    </row>
    <row r="55886" spans="8:8">
      <c r="H55886" s="12"/>
    </row>
    <row r="55887" spans="8:8">
      <c r="H55887" s="12"/>
    </row>
    <row r="55888" spans="8:8">
      <c r="H55888" s="12"/>
    </row>
    <row r="55889" spans="8:8">
      <c r="H55889" s="12"/>
    </row>
    <row r="55890" spans="8:8">
      <c r="H55890" s="12"/>
    </row>
    <row r="55891" spans="8:8">
      <c r="H55891" s="12"/>
    </row>
    <row r="55892" spans="8:8">
      <c r="H55892" s="12"/>
    </row>
    <row r="55893" spans="8:8">
      <c r="H55893" s="12"/>
    </row>
    <row r="55894" spans="8:8">
      <c r="H55894" s="12"/>
    </row>
    <row r="55895" spans="8:8">
      <c r="H55895" s="12"/>
    </row>
    <row r="55896" spans="8:8">
      <c r="H55896" s="12"/>
    </row>
    <row r="55897" spans="8:8">
      <c r="H55897" s="12"/>
    </row>
    <row r="55898" spans="8:8">
      <c r="H55898" s="12"/>
    </row>
    <row r="55899" spans="8:8">
      <c r="H55899" s="12"/>
    </row>
    <row r="55900" spans="8:8">
      <c r="H55900" s="12"/>
    </row>
    <row r="55901" spans="8:8">
      <c r="H55901" s="12"/>
    </row>
    <row r="55902" spans="8:8">
      <c r="H55902" s="12"/>
    </row>
    <row r="55903" spans="8:8">
      <c r="H55903" s="12"/>
    </row>
    <row r="55904" spans="8:8">
      <c r="H55904" s="12"/>
    </row>
    <row r="55905" spans="8:8">
      <c r="H55905" s="12"/>
    </row>
    <row r="55906" spans="8:8">
      <c r="H55906" s="12"/>
    </row>
    <row r="55907" spans="8:8">
      <c r="H55907" s="12"/>
    </row>
    <row r="55908" spans="8:8">
      <c r="H55908" s="12"/>
    </row>
    <row r="55909" spans="8:8">
      <c r="H55909" s="12"/>
    </row>
    <row r="55910" spans="8:8">
      <c r="H55910" s="12"/>
    </row>
    <row r="55911" spans="8:8">
      <c r="H55911" s="12"/>
    </row>
    <row r="55912" spans="8:8">
      <c r="H55912" s="12"/>
    </row>
    <row r="55913" spans="8:8">
      <c r="H55913" s="12"/>
    </row>
    <row r="55914" spans="8:8">
      <c r="H55914" s="12"/>
    </row>
    <row r="55915" spans="8:8">
      <c r="H55915" s="12"/>
    </row>
    <row r="55916" spans="8:8">
      <c r="H55916" s="12"/>
    </row>
    <row r="55917" spans="8:8">
      <c r="H55917" s="12"/>
    </row>
    <row r="55918" spans="8:8">
      <c r="H55918" s="12"/>
    </row>
    <row r="55919" spans="8:8">
      <c r="H55919" s="12"/>
    </row>
    <row r="55920" spans="8:8">
      <c r="H55920" s="12"/>
    </row>
    <row r="55921" spans="8:8">
      <c r="H55921" s="12"/>
    </row>
    <row r="55922" spans="8:8">
      <c r="H55922" s="12"/>
    </row>
    <row r="55923" spans="8:8">
      <c r="H55923" s="12"/>
    </row>
    <row r="55924" spans="8:8">
      <c r="H55924" s="12"/>
    </row>
    <row r="55925" spans="8:8">
      <c r="H55925" s="12"/>
    </row>
    <row r="55926" spans="8:8">
      <c r="H55926" s="12"/>
    </row>
    <row r="55927" spans="8:8">
      <c r="H55927" s="12"/>
    </row>
    <row r="55928" spans="8:8">
      <c r="H55928" s="12"/>
    </row>
    <row r="55929" spans="8:8">
      <c r="H55929" s="12"/>
    </row>
    <row r="55930" spans="8:8">
      <c r="H55930" s="12"/>
    </row>
    <row r="55931" spans="8:8">
      <c r="H55931" s="12"/>
    </row>
    <row r="55932" spans="8:8">
      <c r="H55932" s="12"/>
    </row>
    <row r="55933" spans="8:8">
      <c r="H55933" s="12"/>
    </row>
    <row r="55934" spans="8:8">
      <c r="H55934" s="12"/>
    </row>
    <row r="55935" spans="8:8">
      <c r="H55935" s="12"/>
    </row>
    <row r="55936" spans="8:8">
      <c r="H55936" s="12"/>
    </row>
    <row r="55937" spans="8:8">
      <c r="H55937" s="12"/>
    </row>
    <row r="55938" spans="8:8">
      <c r="H55938" s="12"/>
    </row>
    <row r="55939" spans="8:8">
      <c r="H55939" s="12"/>
    </row>
    <row r="55940" spans="8:8">
      <c r="H55940" s="12"/>
    </row>
    <row r="55941" spans="8:8">
      <c r="H55941" s="12"/>
    </row>
    <row r="55942" spans="8:8">
      <c r="H55942" s="12"/>
    </row>
    <row r="55943" spans="8:8">
      <c r="H55943" s="12"/>
    </row>
    <row r="55944" spans="8:8">
      <c r="H55944" s="12"/>
    </row>
    <row r="55945" spans="8:8">
      <c r="H55945" s="12"/>
    </row>
    <row r="55946" spans="8:8">
      <c r="H55946" s="12"/>
    </row>
    <row r="55947" spans="8:8">
      <c r="H55947" s="12"/>
    </row>
    <row r="55948" spans="8:8">
      <c r="H55948" s="12"/>
    </row>
    <row r="55949" spans="8:8">
      <c r="H55949" s="12"/>
    </row>
    <row r="55950" spans="8:8">
      <c r="H55950" s="12"/>
    </row>
    <row r="55951" spans="8:8">
      <c r="H55951" s="12"/>
    </row>
    <row r="55952" spans="8:8">
      <c r="H55952" s="12"/>
    </row>
    <row r="55953" spans="8:8">
      <c r="H55953" s="12"/>
    </row>
    <row r="55954" spans="8:8">
      <c r="H55954" s="12"/>
    </row>
    <row r="55955" spans="8:8">
      <c r="H55955" s="12"/>
    </row>
    <row r="55956" spans="8:8">
      <c r="H55956" s="12"/>
    </row>
    <row r="55957" spans="8:8">
      <c r="H55957" s="12"/>
    </row>
    <row r="55958" spans="8:8">
      <c r="H55958" s="12"/>
    </row>
    <row r="55959" spans="8:8">
      <c r="H55959" s="12"/>
    </row>
    <row r="55960" spans="8:8">
      <c r="H55960" s="12"/>
    </row>
    <row r="55961" spans="8:8">
      <c r="H55961" s="12"/>
    </row>
    <row r="55962" spans="8:8">
      <c r="H55962" s="12"/>
    </row>
    <row r="55963" spans="8:8">
      <c r="H55963" s="12"/>
    </row>
    <row r="55964" spans="8:8">
      <c r="H55964" s="12"/>
    </row>
    <row r="55965" spans="8:8">
      <c r="H55965" s="12"/>
    </row>
    <row r="55966" spans="8:8">
      <c r="H55966" s="12"/>
    </row>
    <row r="55967" spans="8:8">
      <c r="H55967" s="12"/>
    </row>
    <row r="55968" spans="8:8">
      <c r="H55968" s="12"/>
    </row>
    <row r="55969" spans="8:8">
      <c r="H55969" s="12"/>
    </row>
    <row r="55970" spans="8:8">
      <c r="H55970" s="12"/>
    </row>
    <row r="55971" spans="8:8">
      <c r="H55971" s="12"/>
    </row>
    <row r="55972" spans="8:8">
      <c r="H55972" s="12"/>
    </row>
    <row r="55973" spans="8:8">
      <c r="H55973" s="12"/>
    </row>
    <row r="55974" spans="8:8">
      <c r="H55974" s="12"/>
    </row>
    <row r="55975" spans="8:8">
      <c r="H55975" s="12"/>
    </row>
    <row r="55976" spans="8:8">
      <c r="H55976" s="12"/>
    </row>
    <row r="55977" spans="8:8">
      <c r="H55977" s="12"/>
    </row>
    <row r="55978" spans="8:8">
      <c r="H55978" s="12"/>
    </row>
    <row r="55979" spans="8:8">
      <c r="H55979" s="12"/>
    </row>
    <row r="55980" spans="8:8">
      <c r="H55980" s="12"/>
    </row>
    <row r="55981" spans="8:8">
      <c r="H55981" s="12"/>
    </row>
    <row r="55982" spans="8:8">
      <c r="H55982" s="12"/>
    </row>
    <row r="55983" spans="8:8">
      <c r="H55983" s="12"/>
    </row>
    <row r="55984" spans="8:8">
      <c r="H55984" s="12"/>
    </row>
    <row r="55985" spans="8:8">
      <c r="H55985" s="12"/>
    </row>
    <row r="55986" spans="8:8">
      <c r="H55986" s="12"/>
    </row>
    <row r="55987" spans="8:8">
      <c r="H55987" s="12"/>
    </row>
    <row r="55988" spans="8:8">
      <c r="H55988" s="12"/>
    </row>
    <row r="55989" spans="8:8">
      <c r="H55989" s="12"/>
    </row>
    <row r="55990" spans="8:8">
      <c r="H55990" s="12"/>
    </row>
    <row r="55991" spans="8:8">
      <c r="H55991" s="12"/>
    </row>
    <row r="55992" spans="8:8">
      <c r="H55992" s="12"/>
    </row>
    <row r="55993" spans="8:8">
      <c r="H55993" s="12"/>
    </row>
    <row r="55994" spans="8:8">
      <c r="H55994" s="12"/>
    </row>
    <row r="55995" spans="8:8">
      <c r="H55995" s="12"/>
    </row>
    <row r="55996" spans="8:8">
      <c r="H55996" s="12"/>
    </row>
    <row r="55997" spans="8:8">
      <c r="H55997" s="12"/>
    </row>
    <row r="55998" spans="8:8">
      <c r="H55998" s="12"/>
    </row>
    <row r="55999" spans="8:8">
      <c r="H55999" s="12"/>
    </row>
    <row r="56000" spans="8:8">
      <c r="H56000" s="12"/>
    </row>
    <row r="56001" spans="8:8">
      <c r="H56001" s="12"/>
    </row>
    <row r="56002" spans="8:8">
      <c r="H56002" s="12"/>
    </row>
    <row r="56003" spans="8:8">
      <c r="H56003" s="12"/>
    </row>
    <row r="56004" spans="8:8">
      <c r="H56004" s="12"/>
    </row>
    <row r="56005" spans="8:8">
      <c r="H56005" s="12"/>
    </row>
    <row r="56006" spans="8:8">
      <c r="H56006" s="12"/>
    </row>
    <row r="56007" spans="8:8">
      <c r="H56007" s="12"/>
    </row>
    <row r="56008" spans="8:8">
      <c r="H56008" s="12"/>
    </row>
    <row r="56009" spans="8:8">
      <c r="H56009" s="12"/>
    </row>
    <row r="56010" spans="8:8">
      <c r="H56010" s="12"/>
    </row>
    <row r="56011" spans="8:8">
      <c r="H56011" s="12"/>
    </row>
    <row r="56012" spans="8:8">
      <c r="H56012" s="12"/>
    </row>
    <row r="56013" spans="8:8">
      <c r="H56013" s="12"/>
    </row>
    <row r="56014" spans="8:8">
      <c r="H56014" s="12"/>
    </row>
    <row r="56015" spans="8:8">
      <c r="H56015" s="12"/>
    </row>
    <row r="56016" spans="8:8">
      <c r="H56016" s="12"/>
    </row>
    <row r="56017" spans="8:8">
      <c r="H56017" s="12"/>
    </row>
    <row r="56018" spans="8:8">
      <c r="H56018" s="12"/>
    </row>
    <row r="56019" spans="8:8">
      <c r="H56019" s="12"/>
    </row>
    <row r="56020" spans="8:8">
      <c r="H56020" s="12"/>
    </row>
    <row r="56021" spans="8:8">
      <c r="H56021" s="12"/>
    </row>
    <row r="56022" spans="8:8">
      <c r="H56022" s="12"/>
    </row>
    <row r="56023" spans="8:8">
      <c r="H56023" s="12"/>
    </row>
    <row r="56024" spans="8:8">
      <c r="H56024" s="12"/>
    </row>
    <row r="56025" spans="8:8">
      <c r="H56025" s="12"/>
    </row>
    <row r="56026" spans="8:8">
      <c r="H56026" s="12"/>
    </row>
    <row r="56027" spans="8:8">
      <c r="H56027" s="12"/>
    </row>
    <row r="56028" spans="8:8">
      <c r="H56028" s="12"/>
    </row>
    <row r="56029" spans="8:8">
      <c r="H56029" s="12"/>
    </row>
    <row r="56030" spans="8:8">
      <c r="H56030" s="12"/>
    </row>
    <row r="56031" spans="8:8">
      <c r="H56031" s="12"/>
    </row>
    <row r="56032" spans="8:8">
      <c r="H56032" s="12"/>
    </row>
    <row r="56033" spans="8:8">
      <c r="H56033" s="12"/>
    </row>
    <row r="56034" spans="8:8">
      <c r="H56034" s="12"/>
    </row>
    <row r="56035" spans="8:8">
      <c r="H56035" s="12"/>
    </row>
    <row r="56036" spans="8:8">
      <c r="H56036" s="12"/>
    </row>
    <row r="56037" spans="8:8">
      <c r="H56037" s="12"/>
    </row>
    <row r="56038" spans="8:8">
      <c r="H56038" s="12"/>
    </row>
    <row r="56039" spans="8:8">
      <c r="H56039" s="12"/>
    </row>
    <row r="56040" spans="8:8">
      <c r="H56040" s="12"/>
    </row>
    <row r="56041" spans="8:8">
      <c r="H56041" s="12"/>
    </row>
    <row r="56042" spans="8:8">
      <c r="H56042" s="12"/>
    </row>
    <row r="56043" spans="8:8">
      <c r="H56043" s="12"/>
    </row>
    <row r="56044" spans="8:8">
      <c r="H56044" s="12"/>
    </row>
    <row r="56045" spans="8:8">
      <c r="H56045" s="12"/>
    </row>
    <row r="56046" spans="8:8">
      <c r="H56046" s="12"/>
    </row>
    <row r="56047" spans="8:8">
      <c r="H56047" s="12"/>
    </row>
    <row r="56048" spans="8:8">
      <c r="H56048" s="12"/>
    </row>
    <row r="56049" spans="8:8">
      <c r="H56049" s="12"/>
    </row>
    <row r="56050" spans="8:8">
      <c r="H56050" s="12"/>
    </row>
    <row r="56051" spans="8:8">
      <c r="H56051" s="12"/>
    </row>
    <row r="56052" spans="8:8">
      <c r="H56052" s="12"/>
    </row>
    <row r="56053" spans="8:8">
      <c r="H56053" s="12"/>
    </row>
    <row r="56054" spans="8:8">
      <c r="H56054" s="12"/>
    </row>
    <row r="56055" spans="8:8">
      <c r="H56055" s="12"/>
    </row>
    <row r="56056" spans="8:8">
      <c r="H56056" s="12"/>
    </row>
    <row r="56057" spans="8:8">
      <c r="H56057" s="12"/>
    </row>
    <row r="56058" spans="8:8">
      <c r="H56058" s="12"/>
    </row>
    <row r="56059" spans="8:8">
      <c r="H56059" s="12"/>
    </row>
    <row r="56060" spans="8:8">
      <c r="H56060" s="12"/>
    </row>
    <row r="56061" spans="8:8">
      <c r="H56061" s="12"/>
    </row>
    <row r="56062" spans="8:8">
      <c r="H56062" s="12"/>
    </row>
    <row r="56063" spans="8:8">
      <c r="H56063" s="12"/>
    </row>
    <row r="56064" spans="8:8">
      <c r="H56064" s="12"/>
    </row>
    <row r="56065" spans="8:8">
      <c r="H56065" s="12"/>
    </row>
    <row r="56066" spans="8:8">
      <c r="H56066" s="12"/>
    </row>
    <row r="56067" spans="8:8">
      <c r="H56067" s="12"/>
    </row>
    <row r="56068" spans="8:8">
      <c r="H56068" s="12"/>
    </row>
    <row r="56069" spans="8:8">
      <c r="H56069" s="12"/>
    </row>
    <row r="56070" spans="8:8">
      <c r="H56070" s="12"/>
    </row>
    <row r="56071" spans="8:8">
      <c r="H56071" s="12"/>
    </row>
    <row r="56072" spans="8:8">
      <c r="H56072" s="12"/>
    </row>
    <row r="56073" spans="8:8">
      <c r="H56073" s="12"/>
    </row>
    <row r="56074" spans="8:8">
      <c r="H56074" s="12"/>
    </row>
    <row r="56075" spans="8:8">
      <c r="H56075" s="12"/>
    </row>
    <row r="56076" spans="8:8">
      <c r="H56076" s="12"/>
    </row>
    <row r="56077" spans="8:8">
      <c r="H56077" s="12"/>
    </row>
    <row r="56078" spans="8:8">
      <c r="H56078" s="12"/>
    </row>
    <row r="56079" spans="8:8">
      <c r="H56079" s="12"/>
    </row>
    <row r="56080" spans="8:8">
      <c r="H56080" s="12"/>
    </row>
    <row r="56081" spans="8:8">
      <c r="H56081" s="12"/>
    </row>
    <row r="56082" spans="8:8">
      <c r="H56082" s="12"/>
    </row>
    <row r="56083" spans="8:8">
      <c r="H56083" s="12"/>
    </row>
    <row r="56084" spans="8:8">
      <c r="H56084" s="12"/>
    </row>
    <row r="56085" spans="8:8">
      <c r="H56085" s="12"/>
    </row>
    <row r="56086" spans="8:8">
      <c r="H56086" s="12"/>
    </row>
    <row r="56087" spans="8:8">
      <c r="H56087" s="12"/>
    </row>
    <row r="56088" spans="8:8">
      <c r="H56088" s="12"/>
    </row>
    <row r="56089" spans="8:8">
      <c r="H56089" s="12"/>
    </row>
    <row r="56090" spans="8:8">
      <c r="H56090" s="12"/>
    </row>
    <row r="56091" spans="8:8">
      <c r="H56091" s="12"/>
    </row>
    <row r="56092" spans="8:8">
      <c r="H56092" s="12"/>
    </row>
    <row r="56093" spans="8:8">
      <c r="H56093" s="12"/>
    </row>
    <row r="56094" spans="8:8">
      <c r="H56094" s="12"/>
    </row>
    <row r="56095" spans="8:8">
      <c r="H56095" s="12"/>
    </row>
    <row r="56096" spans="8:8">
      <c r="H56096" s="12"/>
    </row>
    <row r="56097" spans="8:8">
      <c r="H56097" s="12"/>
    </row>
    <row r="56098" spans="8:8">
      <c r="H56098" s="12"/>
    </row>
    <row r="56099" spans="8:8">
      <c r="H56099" s="12"/>
    </row>
    <row r="56100" spans="8:8">
      <c r="H56100" s="12"/>
    </row>
    <row r="56101" spans="8:8">
      <c r="H56101" s="12"/>
    </row>
    <row r="56102" spans="8:8">
      <c r="H56102" s="12"/>
    </row>
    <row r="56103" spans="8:8">
      <c r="H56103" s="12"/>
    </row>
    <row r="56104" spans="8:8">
      <c r="H56104" s="12"/>
    </row>
    <row r="56105" spans="8:8">
      <c r="H56105" s="12"/>
    </row>
    <row r="56106" spans="8:8">
      <c r="H56106" s="12"/>
    </row>
    <row r="56107" spans="8:8">
      <c r="H56107" s="12"/>
    </row>
    <row r="56108" spans="8:8">
      <c r="H56108" s="12"/>
    </row>
    <row r="56109" spans="8:8">
      <c r="H56109" s="12"/>
    </row>
    <row r="56110" spans="8:8">
      <c r="H56110" s="12"/>
    </row>
    <row r="56111" spans="8:8">
      <c r="H56111" s="12"/>
    </row>
    <row r="56112" spans="8:8">
      <c r="H56112" s="12"/>
    </row>
    <row r="56113" spans="8:8">
      <c r="H56113" s="12"/>
    </row>
    <row r="56114" spans="8:8">
      <c r="H56114" s="12"/>
    </row>
    <row r="56115" spans="8:8">
      <c r="H56115" s="12"/>
    </row>
    <row r="56116" spans="8:8">
      <c r="H56116" s="12"/>
    </row>
    <row r="56117" spans="8:8">
      <c r="H56117" s="12"/>
    </row>
    <row r="56118" spans="8:8">
      <c r="H56118" s="12"/>
    </row>
    <row r="56119" spans="8:8">
      <c r="H56119" s="12"/>
    </row>
    <row r="56120" spans="8:8">
      <c r="H56120" s="12"/>
    </row>
    <row r="56121" spans="8:8">
      <c r="H56121" s="12"/>
    </row>
    <row r="56122" spans="8:8">
      <c r="H56122" s="12"/>
    </row>
    <row r="56123" spans="8:8">
      <c r="H56123" s="12"/>
    </row>
    <row r="56124" spans="8:8">
      <c r="H56124" s="12"/>
    </row>
    <row r="56125" spans="8:8">
      <c r="H56125" s="12"/>
    </row>
    <row r="56126" spans="8:8">
      <c r="H56126" s="12"/>
    </row>
    <row r="56127" spans="8:8">
      <c r="H56127" s="12"/>
    </row>
    <row r="56128" spans="8:8">
      <c r="H56128" s="12"/>
    </row>
    <row r="56129" spans="8:8">
      <c r="H56129" s="12"/>
    </row>
    <row r="56130" spans="8:8">
      <c r="H56130" s="12"/>
    </row>
    <row r="56131" spans="8:8">
      <c r="H56131" s="12"/>
    </row>
    <row r="56132" spans="8:8">
      <c r="H56132" s="12"/>
    </row>
    <row r="56133" spans="8:8">
      <c r="H56133" s="12"/>
    </row>
    <row r="56134" spans="8:8">
      <c r="H56134" s="12"/>
    </row>
    <row r="56135" spans="8:8">
      <c r="H56135" s="12"/>
    </row>
    <row r="56136" spans="8:8">
      <c r="H56136" s="12"/>
    </row>
    <row r="56137" spans="8:8">
      <c r="H56137" s="12"/>
    </row>
    <row r="56138" spans="8:8">
      <c r="H56138" s="12"/>
    </row>
    <row r="56139" spans="8:8">
      <c r="H56139" s="12"/>
    </row>
    <row r="56140" spans="8:8">
      <c r="H56140" s="12"/>
    </row>
    <row r="56141" spans="8:8">
      <c r="H56141" s="12"/>
    </row>
    <row r="56142" spans="8:8">
      <c r="H56142" s="12"/>
    </row>
    <row r="56143" spans="8:8">
      <c r="H56143" s="12"/>
    </row>
    <row r="56144" spans="8:8">
      <c r="H56144" s="12"/>
    </row>
    <row r="56145" spans="8:8">
      <c r="H56145" s="12"/>
    </row>
    <row r="56146" spans="8:8">
      <c r="H56146" s="12"/>
    </row>
    <row r="56147" spans="8:8">
      <c r="H56147" s="12"/>
    </row>
    <row r="56148" spans="8:8">
      <c r="H56148" s="12"/>
    </row>
    <row r="56149" spans="8:8">
      <c r="H56149" s="12"/>
    </row>
    <row r="56150" spans="8:8">
      <c r="H56150" s="12"/>
    </row>
    <row r="56151" spans="8:8">
      <c r="H56151" s="12"/>
    </row>
    <row r="56152" spans="8:8">
      <c r="H56152" s="12"/>
    </row>
    <row r="56153" spans="8:8">
      <c r="H56153" s="12"/>
    </row>
    <row r="56154" spans="8:8">
      <c r="H56154" s="12"/>
    </row>
    <row r="56155" spans="8:8">
      <c r="H56155" s="12"/>
    </row>
    <row r="56156" spans="8:8">
      <c r="H56156" s="12"/>
    </row>
    <row r="56157" spans="8:8">
      <c r="H56157" s="12"/>
    </row>
    <row r="56158" spans="8:8">
      <c r="H56158" s="12"/>
    </row>
    <row r="56159" spans="8:8">
      <c r="H56159" s="12"/>
    </row>
    <row r="56160" spans="8:8">
      <c r="H56160" s="12"/>
    </row>
    <row r="56161" spans="8:8">
      <c r="H56161" s="12"/>
    </row>
    <row r="56162" spans="8:8">
      <c r="H56162" s="12"/>
    </row>
    <row r="56163" spans="8:8">
      <c r="H56163" s="12"/>
    </row>
    <row r="56164" spans="8:8">
      <c r="H56164" s="12"/>
    </row>
    <row r="56165" spans="8:8">
      <c r="H56165" s="12"/>
    </row>
    <row r="56166" spans="8:8">
      <c r="H56166" s="12"/>
    </row>
    <row r="56167" spans="8:8">
      <c r="H56167" s="12"/>
    </row>
    <row r="56168" spans="8:8">
      <c r="H56168" s="12"/>
    </row>
    <row r="56169" spans="8:8">
      <c r="H56169" s="12"/>
    </row>
    <row r="56170" spans="8:8">
      <c r="H56170" s="12"/>
    </row>
    <row r="56171" spans="8:8">
      <c r="H56171" s="12"/>
    </row>
    <row r="56172" spans="8:8">
      <c r="H56172" s="12"/>
    </row>
    <row r="56173" spans="8:8">
      <c r="H56173" s="12"/>
    </row>
    <row r="56174" spans="8:8">
      <c r="H56174" s="12"/>
    </row>
    <row r="56175" spans="8:8">
      <c r="H56175" s="12"/>
    </row>
    <row r="56176" spans="8:8">
      <c r="H56176" s="12"/>
    </row>
    <row r="56177" spans="8:8">
      <c r="H56177" s="12"/>
    </row>
    <row r="56178" spans="8:8">
      <c r="H56178" s="12"/>
    </row>
    <row r="56179" spans="8:8">
      <c r="H56179" s="12"/>
    </row>
    <row r="56180" spans="8:8">
      <c r="H56180" s="12"/>
    </row>
    <row r="56181" spans="8:8">
      <c r="H56181" s="12"/>
    </row>
    <row r="56182" spans="8:8">
      <c r="H56182" s="12"/>
    </row>
    <row r="56183" spans="8:8">
      <c r="H56183" s="12"/>
    </row>
    <row r="56184" spans="8:8">
      <c r="H56184" s="12"/>
    </row>
    <row r="56185" spans="8:8">
      <c r="H56185" s="12"/>
    </row>
    <row r="56186" spans="8:8">
      <c r="H56186" s="12"/>
    </row>
    <row r="56187" spans="8:8">
      <c r="H56187" s="12"/>
    </row>
    <row r="56188" spans="8:8">
      <c r="H56188" s="12"/>
    </row>
    <row r="56189" spans="8:8">
      <c r="H56189" s="12"/>
    </row>
    <row r="56190" spans="8:8">
      <c r="H56190" s="12"/>
    </row>
    <row r="56191" spans="8:8">
      <c r="H56191" s="12"/>
    </row>
    <row r="56192" spans="8:8">
      <c r="H56192" s="12"/>
    </row>
    <row r="56193" spans="8:8">
      <c r="H56193" s="12"/>
    </row>
    <row r="56194" spans="8:8">
      <c r="H56194" s="12"/>
    </row>
    <row r="56195" spans="8:8">
      <c r="H56195" s="12"/>
    </row>
    <row r="56196" spans="8:8">
      <c r="H56196" s="12"/>
    </row>
    <row r="56197" spans="8:8">
      <c r="H56197" s="12"/>
    </row>
    <row r="56198" spans="8:8">
      <c r="H56198" s="12"/>
    </row>
    <row r="56199" spans="8:8">
      <c r="H56199" s="12"/>
    </row>
    <row r="56200" spans="8:8">
      <c r="H56200" s="12"/>
    </row>
    <row r="56201" spans="8:8">
      <c r="H56201" s="12"/>
    </row>
    <row r="56202" spans="8:8">
      <c r="H56202" s="12"/>
    </row>
    <row r="56203" spans="8:8">
      <c r="H56203" s="12"/>
    </row>
    <row r="56204" spans="8:8">
      <c r="H56204" s="12"/>
    </row>
    <row r="56205" spans="8:8">
      <c r="H56205" s="12"/>
    </row>
    <row r="56206" spans="8:8">
      <c r="H56206" s="12"/>
    </row>
    <row r="56207" spans="8:8">
      <c r="H56207" s="12"/>
    </row>
    <row r="56208" spans="8:8">
      <c r="H56208" s="12"/>
    </row>
    <row r="56209" spans="8:8">
      <c r="H56209" s="12"/>
    </row>
    <row r="56210" spans="8:8">
      <c r="H56210" s="12"/>
    </row>
    <row r="56211" spans="8:8">
      <c r="H56211" s="12"/>
    </row>
    <row r="56212" spans="8:8">
      <c r="H56212" s="12"/>
    </row>
    <row r="56213" spans="8:8">
      <c r="H56213" s="12"/>
    </row>
    <row r="56214" spans="8:8">
      <c r="H56214" s="12"/>
    </row>
    <row r="56215" spans="8:8">
      <c r="H56215" s="12"/>
    </row>
    <row r="56216" spans="8:8">
      <c r="H56216" s="12"/>
    </row>
    <row r="56217" spans="8:8">
      <c r="H56217" s="12"/>
    </row>
    <row r="56218" spans="8:8">
      <c r="H56218" s="12"/>
    </row>
    <row r="56219" spans="8:8">
      <c r="H56219" s="12"/>
    </row>
    <row r="56220" spans="8:8">
      <c r="H56220" s="12"/>
    </row>
    <row r="56221" spans="8:8">
      <c r="H56221" s="12"/>
    </row>
    <row r="56222" spans="8:8">
      <c r="H56222" s="12"/>
    </row>
    <row r="56223" spans="8:8">
      <c r="H56223" s="12"/>
    </row>
    <row r="56224" spans="8:8">
      <c r="H56224" s="12"/>
    </row>
    <row r="56225" spans="8:8">
      <c r="H56225" s="12"/>
    </row>
    <row r="56226" spans="8:8">
      <c r="H56226" s="12"/>
    </row>
    <row r="56227" spans="8:8">
      <c r="H56227" s="12"/>
    </row>
    <row r="56228" spans="8:8">
      <c r="H56228" s="12"/>
    </row>
    <row r="56229" spans="8:8">
      <c r="H56229" s="12"/>
    </row>
    <row r="56230" spans="8:8">
      <c r="H56230" s="12"/>
    </row>
    <row r="56231" spans="8:8">
      <c r="H56231" s="12"/>
    </row>
    <row r="56232" spans="8:8">
      <c r="H56232" s="12"/>
    </row>
    <row r="56233" spans="8:8">
      <c r="H56233" s="12"/>
    </row>
    <row r="56234" spans="8:8">
      <c r="H56234" s="12"/>
    </row>
    <row r="56235" spans="8:8">
      <c r="H56235" s="12"/>
    </row>
    <row r="56236" spans="8:8">
      <c r="H56236" s="12"/>
    </row>
    <row r="56237" spans="8:8">
      <c r="H56237" s="12"/>
    </row>
    <row r="56238" spans="8:8">
      <c r="H56238" s="12"/>
    </row>
    <row r="56239" spans="8:8">
      <c r="H56239" s="12"/>
    </row>
    <row r="56240" spans="8:8">
      <c r="H56240" s="12"/>
    </row>
    <row r="56241" spans="8:8">
      <c r="H56241" s="12"/>
    </row>
    <row r="56242" spans="8:8">
      <c r="H56242" s="12"/>
    </row>
    <row r="56243" spans="8:8">
      <c r="H56243" s="12"/>
    </row>
    <row r="56244" spans="8:8">
      <c r="H56244" s="12"/>
    </row>
    <row r="56245" spans="8:8">
      <c r="H56245" s="12"/>
    </row>
    <row r="56246" spans="8:8">
      <c r="H56246" s="12"/>
    </row>
    <row r="56247" spans="8:8">
      <c r="H56247" s="12"/>
    </row>
    <row r="56248" spans="8:8">
      <c r="H56248" s="12"/>
    </row>
    <row r="56249" spans="8:8">
      <c r="H56249" s="12"/>
    </row>
    <row r="56250" spans="8:8">
      <c r="H56250" s="12"/>
    </row>
    <row r="56251" spans="8:8">
      <c r="H56251" s="12"/>
    </row>
    <row r="56252" spans="8:8">
      <c r="H56252" s="12"/>
    </row>
    <row r="56253" spans="8:8">
      <c r="H56253" s="12"/>
    </row>
    <row r="56254" spans="8:8">
      <c r="H56254" s="12"/>
    </row>
    <row r="56255" spans="8:8">
      <c r="H56255" s="12"/>
    </row>
    <row r="56256" spans="8:8">
      <c r="H56256" s="12"/>
    </row>
    <row r="56257" spans="8:8">
      <c r="H56257" s="12"/>
    </row>
    <row r="56258" spans="8:8">
      <c r="H56258" s="12"/>
    </row>
    <row r="56259" spans="8:8">
      <c r="H56259" s="12"/>
    </row>
    <row r="56260" spans="8:8">
      <c r="H56260" s="12"/>
    </row>
    <row r="56261" spans="8:8">
      <c r="H56261" s="12"/>
    </row>
    <row r="56262" spans="8:8">
      <c r="H56262" s="12"/>
    </row>
    <row r="56263" spans="8:8">
      <c r="H56263" s="12"/>
    </row>
    <row r="56264" spans="8:8">
      <c r="H56264" s="12"/>
    </row>
    <row r="56265" spans="8:8">
      <c r="H56265" s="12"/>
    </row>
    <row r="56266" spans="8:8">
      <c r="H56266" s="12"/>
    </row>
    <row r="56267" spans="8:8">
      <c r="H56267" s="12"/>
    </row>
    <row r="56268" spans="8:8">
      <c r="H56268" s="12"/>
    </row>
    <row r="56269" spans="8:8">
      <c r="H56269" s="12"/>
    </row>
    <row r="56270" spans="8:8">
      <c r="H56270" s="12"/>
    </row>
    <row r="56271" spans="8:8">
      <c r="H56271" s="12"/>
    </row>
    <row r="56272" spans="8:8">
      <c r="H56272" s="12"/>
    </row>
    <row r="56273" spans="8:8">
      <c r="H56273" s="12"/>
    </row>
    <row r="56274" spans="8:8">
      <c r="H56274" s="12"/>
    </row>
    <row r="56275" spans="8:8">
      <c r="H56275" s="12"/>
    </row>
    <row r="56276" spans="8:8">
      <c r="H56276" s="12"/>
    </row>
    <row r="56277" spans="8:8">
      <c r="H56277" s="12"/>
    </row>
    <row r="56278" spans="8:8">
      <c r="H56278" s="12"/>
    </row>
    <row r="56279" spans="8:8">
      <c r="H56279" s="12"/>
    </row>
    <row r="56280" spans="8:8">
      <c r="H56280" s="12"/>
    </row>
    <row r="56281" spans="8:8">
      <c r="H56281" s="12"/>
    </row>
    <row r="56282" spans="8:8">
      <c r="H56282" s="12"/>
    </row>
    <row r="56283" spans="8:8">
      <c r="H56283" s="12"/>
    </row>
    <row r="56284" spans="8:8">
      <c r="H56284" s="12"/>
    </row>
    <row r="56285" spans="8:8">
      <c r="H56285" s="12"/>
    </row>
    <row r="56286" spans="8:8">
      <c r="H56286" s="12"/>
    </row>
    <row r="56287" spans="8:8">
      <c r="H56287" s="12"/>
    </row>
    <row r="56288" spans="8:8">
      <c r="H56288" s="12"/>
    </row>
    <row r="56289" spans="8:8">
      <c r="H56289" s="12"/>
    </row>
    <row r="56290" spans="8:8">
      <c r="H56290" s="12"/>
    </row>
    <row r="56291" spans="8:8">
      <c r="H56291" s="12"/>
    </row>
    <row r="56292" spans="8:8">
      <c r="H56292" s="12"/>
    </row>
    <row r="56293" spans="8:8">
      <c r="H56293" s="12"/>
    </row>
    <row r="56294" spans="8:8">
      <c r="H56294" s="12"/>
    </row>
    <row r="56295" spans="8:8">
      <c r="H56295" s="12"/>
    </row>
    <row r="56296" spans="8:8">
      <c r="H56296" s="12"/>
    </row>
    <row r="56297" spans="8:8">
      <c r="H56297" s="12"/>
    </row>
    <row r="56298" spans="8:8">
      <c r="H56298" s="12"/>
    </row>
    <row r="56299" spans="8:8">
      <c r="H56299" s="12"/>
    </row>
    <row r="56300" spans="8:8">
      <c r="H56300" s="12"/>
    </row>
    <row r="56301" spans="8:8">
      <c r="H56301" s="12"/>
    </row>
    <row r="56302" spans="8:8">
      <c r="H56302" s="12"/>
    </row>
    <row r="56303" spans="8:8">
      <c r="H56303" s="12"/>
    </row>
    <row r="56304" spans="8:8">
      <c r="H56304" s="12"/>
    </row>
    <row r="56305" spans="8:8">
      <c r="H56305" s="12"/>
    </row>
    <row r="56306" spans="8:8">
      <c r="H56306" s="12"/>
    </row>
    <row r="56307" spans="8:8">
      <c r="H56307" s="12"/>
    </row>
    <row r="56308" spans="8:8">
      <c r="H56308" s="12"/>
    </row>
    <row r="56309" spans="8:8">
      <c r="H56309" s="12"/>
    </row>
    <row r="56310" spans="8:8">
      <c r="H56310" s="12"/>
    </row>
    <row r="56311" spans="8:8">
      <c r="H56311" s="12"/>
    </row>
    <row r="56312" spans="8:8">
      <c r="H56312" s="12"/>
    </row>
    <row r="56313" spans="8:8">
      <c r="H56313" s="12"/>
    </row>
    <row r="56314" spans="8:8">
      <c r="H56314" s="12"/>
    </row>
    <row r="56315" spans="8:8">
      <c r="H56315" s="12"/>
    </row>
    <row r="56316" spans="8:8">
      <c r="H56316" s="12"/>
    </row>
    <row r="56317" spans="8:8">
      <c r="H56317" s="12"/>
    </row>
    <row r="56318" spans="8:8">
      <c r="H56318" s="12"/>
    </row>
    <row r="56319" spans="8:8">
      <c r="H56319" s="12"/>
    </row>
    <row r="56320" spans="8:8">
      <c r="H56320" s="12"/>
    </row>
    <row r="56321" spans="8:8">
      <c r="H56321" s="12"/>
    </row>
    <row r="56322" spans="8:8">
      <c r="H56322" s="12"/>
    </row>
    <row r="56323" spans="8:8">
      <c r="H56323" s="12"/>
    </row>
    <row r="56324" spans="8:8">
      <c r="H56324" s="12"/>
    </row>
    <row r="56325" spans="8:8">
      <c r="H56325" s="12"/>
    </row>
    <row r="56326" spans="8:8">
      <c r="H56326" s="12"/>
    </row>
    <row r="56327" spans="8:8">
      <c r="H56327" s="12"/>
    </row>
    <row r="56328" spans="8:8">
      <c r="H56328" s="12"/>
    </row>
    <row r="56329" spans="8:8">
      <c r="H56329" s="12"/>
    </row>
    <row r="56330" spans="8:8">
      <c r="H56330" s="12"/>
    </row>
    <row r="56331" spans="8:8">
      <c r="H56331" s="12"/>
    </row>
    <row r="56332" spans="8:8">
      <c r="H56332" s="12"/>
    </row>
    <row r="56333" spans="8:8">
      <c r="H56333" s="12"/>
    </row>
    <row r="56334" spans="8:8">
      <c r="H56334" s="12"/>
    </row>
    <row r="56335" spans="8:8">
      <c r="H56335" s="12"/>
    </row>
    <row r="56336" spans="8:8">
      <c r="H56336" s="12"/>
    </row>
    <row r="56337" spans="8:8">
      <c r="H56337" s="12"/>
    </row>
    <row r="56338" spans="8:8">
      <c r="H56338" s="12"/>
    </row>
    <row r="56339" spans="8:8">
      <c r="H56339" s="12"/>
    </row>
    <row r="56340" spans="8:8">
      <c r="H56340" s="12"/>
    </row>
    <row r="56341" spans="8:8">
      <c r="H56341" s="12"/>
    </row>
    <row r="56342" spans="8:8">
      <c r="H56342" s="12"/>
    </row>
    <row r="56343" spans="8:8">
      <c r="H56343" s="12"/>
    </row>
    <row r="56344" spans="8:8">
      <c r="H56344" s="12"/>
    </row>
    <row r="56345" spans="8:8">
      <c r="H56345" s="12"/>
    </row>
    <row r="56346" spans="8:8">
      <c r="H56346" s="12"/>
    </row>
    <row r="56347" spans="8:8">
      <c r="H56347" s="12"/>
    </row>
    <row r="56348" spans="8:8">
      <c r="H56348" s="12"/>
    </row>
    <row r="56349" spans="8:8">
      <c r="H56349" s="12"/>
    </row>
    <row r="56350" spans="8:8">
      <c r="H56350" s="12"/>
    </row>
    <row r="56351" spans="8:8">
      <c r="H56351" s="12"/>
    </row>
    <row r="56352" spans="8:8">
      <c r="H56352" s="12"/>
    </row>
    <row r="56353" spans="8:8">
      <c r="H56353" s="12"/>
    </row>
    <row r="56354" spans="8:8">
      <c r="H56354" s="12"/>
    </row>
    <row r="56355" spans="8:8">
      <c r="H56355" s="12"/>
    </row>
    <row r="56356" spans="8:8">
      <c r="H56356" s="12"/>
    </row>
    <row r="56357" spans="8:8">
      <c r="H56357" s="12"/>
    </row>
    <row r="56358" spans="8:8">
      <c r="H56358" s="12"/>
    </row>
    <row r="56359" spans="8:8">
      <c r="H56359" s="12"/>
    </row>
    <row r="56360" spans="8:8">
      <c r="H56360" s="12"/>
    </row>
    <row r="56361" spans="8:8">
      <c r="H56361" s="12"/>
    </row>
    <row r="56362" spans="8:8">
      <c r="H56362" s="12"/>
    </row>
    <row r="56363" spans="8:8">
      <c r="H56363" s="12"/>
    </row>
    <row r="56364" spans="8:8">
      <c r="H56364" s="12"/>
    </row>
    <row r="56365" spans="8:8">
      <c r="H56365" s="12"/>
    </row>
    <row r="56366" spans="8:8">
      <c r="H56366" s="12"/>
    </row>
    <row r="56367" spans="8:8">
      <c r="H56367" s="12"/>
    </row>
    <row r="56368" spans="8:8">
      <c r="H56368" s="12"/>
    </row>
    <row r="56369" spans="8:8">
      <c r="H56369" s="12"/>
    </row>
    <row r="56370" spans="8:8">
      <c r="H56370" s="12"/>
    </row>
    <row r="56371" spans="8:8">
      <c r="H56371" s="12"/>
    </row>
    <row r="56372" spans="8:8">
      <c r="H56372" s="12"/>
    </row>
    <row r="56373" spans="8:8">
      <c r="H56373" s="12"/>
    </row>
    <row r="56374" spans="8:8">
      <c r="H56374" s="12"/>
    </row>
    <row r="56375" spans="8:8">
      <c r="H56375" s="12"/>
    </row>
    <row r="56376" spans="8:8">
      <c r="H56376" s="12"/>
    </row>
    <row r="56377" spans="8:8">
      <c r="H56377" s="12"/>
    </row>
    <row r="56378" spans="8:8">
      <c r="H56378" s="12"/>
    </row>
    <row r="56379" spans="8:8">
      <c r="H56379" s="12"/>
    </row>
    <row r="56380" spans="8:8">
      <c r="H56380" s="12"/>
    </row>
    <row r="56381" spans="8:8">
      <c r="H56381" s="12"/>
    </row>
    <row r="56382" spans="8:8">
      <c r="H56382" s="12"/>
    </row>
    <row r="56383" spans="8:8">
      <c r="H56383" s="12"/>
    </row>
    <row r="56384" spans="8:8">
      <c r="H56384" s="12"/>
    </row>
    <row r="56385" spans="8:8">
      <c r="H56385" s="12"/>
    </row>
    <row r="56386" spans="8:8">
      <c r="H56386" s="12"/>
    </row>
    <row r="56387" spans="8:8">
      <c r="H56387" s="12"/>
    </row>
    <row r="56388" spans="8:8">
      <c r="H56388" s="12"/>
    </row>
    <row r="56389" spans="8:8">
      <c r="H56389" s="12"/>
    </row>
    <row r="56390" spans="8:8">
      <c r="H56390" s="12"/>
    </row>
    <row r="56391" spans="8:8">
      <c r="H56391" s="12"/>
    </row>
    <row r="56392" spans="8:8">
      <c r="H56392" s="12"/>
    </row>
    <row r="56393" spans="8:8">
      <c r="H56393" s="12"/>
    </row>
    <row r="56394" spans="8:8">
      <c r="H56394" s="12"/>
    </row>
    <row r="56395" spans="8:8">
      <c r="H56395" s="12"/>
    </row>
    <row r="56396" spans="8:8">
      <c r="H56396" s="12"/>
    </row>
    <row r="56397" spans="8:8">
      <c r="H56397" s="12"/>
    </row>
    <row r="56398" spans="8:8">
      <c r="H56398" s="12"/>
    </row>
    <row r="56399" spans="8:8">
      <c r="H56399" s="12"/>
    </row>
    <row r="56400" spans="8:8">
      <c r="H56400" s="12"/>
    </row>
    <row r="56401" spans="8:8">
      <c r="H56401" s="12"/>
    </row>
    <row r="56402" spans="8:8">
      <c r="H56402" s="12"/>
    </row>
    <row r="56403" spans="8:8">
      <c r="H56403" s="12"/>
    </row>
    <row r="56404" spans="8:8">
      <c r="H56404" s="12"/>
    </row>
    <row r="56405" spans="8:8">
      <c r="H56405" s="12"/>
    </row>
    <row r="56406" spans="8:8">
      <c r="H56406" s="12"/>
    </row>
    <row r="56407" spans="8:8">
      <c r="H56407" s="12"/>
    </row>
    <row r="56408" spans="8:8">
      <c r="H56408" s="12"/>
    </row>
    <row r="56409" spans="8:8">
      <c r="H56409" s="12"/>
    </row>
    <row r="56410" spans="8:8">
      <c r="H56410" s="12"/>
    </row>
    <row r="56411" spans="8:8">
      <c r="H56411" s="12"/>
    </row>
    <row r="56412" spans="8:8">
      <c r="H56412" s="12"/>
    </row>
    <row r="56413" spans="8:8">
      <c r="H56413" s="12"/>
    </row>
    <row r="56414" spans="8:8">
      <c r="H56414" s="12"/>
    </row>
    <row r="56415" spans="8:8">
      <c r="H56415" s="12"/>
    </row>
    <row r="56416" spans="8:8">
      <c r="H56416" s="12"/>
    </row>
    <row r="56417" spans="8:8">
      <c r="H56417" s="12"/>
    </row>
    <row r="56418" spans="8:8">
      <c r="H56418" s="12"/>
    </row>
    <row r="56419" spans="8:8">
      <c r="H56419" s="12"/>
    </row>
    <row r="56420" spans="8:8">
      <c r="H56420" s="12"/>
    </row>
    <row r="56421" spans="8:8">
      <c r="H56421" s="12"/>
    </row>
    <row r="56422" spans="8:8">
      <c r="H56422" s="12"/>
    </row>
    <row r="56423" spans="8:8">
      <c r="H56423" s="12"/>
    </row>
    <row r="56424" spans="8:8">
      <c r="H56424" s="12"/>
    </row>
    <row r="56425" spans="8:8">
      <c r="H56425" s="12"/>
    </row>
    <row r="56426" spans="8:8">
      <c r="H56426" s="12"/>
    </row>
    <row r="56427" spans="8:8">
      <c r="H56427" s="12"/>
    </row>
    <row r="56428" spans="8:8">
      <c r="H56428" s="12"/>
    </row>
    <row r="56429" spans="8:8">
      <c r="H56429" s="12"/>
    </row>
    <row r="56430" spans="8:8">
      <c r="H56430" s="12"/>
    </row>
    <row r="56431" spans="8:8">
      <c r="H56431" s="12"/>
    </row>
    <row r="56432" spans="8:8">
      <c r="H56432" s="12"/>
    </row>
    <row r="56433" spans="8:8">
      <c r="H56433" s="12"/>
    </row>
    <row r="56434" spans="8:8">
      <c r="H56434" s="12"/>
    </row>
    <row r="56435" spans="8:8">
      <c r="H56435" s="12"/>
    </row>
    <row r="56436" spans="8:8">
      <c r="H56436" s="12"/>
    </row>
    <row r="56437" spans="8:8">
      <c r="H56437" s="12"/>
    </row>
    <row r="56438" spans="8:8">
      <c r="H56438" s="12"/>
    </row>
    <row r="56439" spans="8:8">
      <c r="H56439" s="12"/>
    </row>
    <row r="56440" spans="8:8">
      <c r="H56440" s="12"/>
    </row>
    <row r="56441" spans="8:8">
      <c r="H56441" s="12"/>
    </row>
    <row r="56442" spans="8:8">
      <c r="H56442" s="12"/>
    </row>
    <row r="56443" spans="8:8">
      <c r="H56443" s="12"/>
    </row>
    <row r="56444" spans="8:8">
      <c r="H56444" s="12"/>
    </row>
    <row r="56445" spans="8:8">
      <c r="H56445" s="12"/>
    </row>
    <row r="56446" spans="8:8">
      <c r="H56446" s="12"/>
    </row>
    <row r="56447" spans="8:8">
      <c r="H56447" s="12"/>
    </row>
    <row r="56448" spans="8:8">
      <c r="H56448" s="12"/>
    </row>
    <row r="56449" spans="8:8">
      <c r="H56449" s="12"/>
    </row>
    <row r="56450" spans="8:8">
      <c r="H56450" s="12"/>
    </row>
    <row r="56451" spans="8:8">
      <c r="H56451" s="12"/>
    </row>
    <row r="56452" spans="8:8">
      <c r="H56452" s="12"/>
    </row>
    <row r="56453" spans="8:8">
      <c r="H56453" s="12"/>
    </row>
    <row r="56454" spans="8:8">
      <c r="H56454" s="12"/>
    </row>
    <row r="56455" spans="8:8">
      <c r="H56455" s="12"/>
    </row>
    <row r="56456" spans="8:8">
      <c r="H56456" s="12"/>
    </row>
    <row r="56457" spans="8:8">
      <c r="H56457" s="12"/>
    </row>
    <row r="56458" spans="8:8">
      <c r="H56458" s="12"/>
    </row>
    <row r="56459" spans="8:8">
      <c r="H56459" s="12"/>
    </row>
    <row r="56460" spans="8:8">
      <c r="H56460" s="12"/>
    </row>
    <row r="56461" spans="8:8">
      <c r="H56461" s="12"/>
    </row>
    <row r="56462" spans="8:8">
      <c r="H56462" s="12"/>
    </row>
    <row r="56463" spans="8:8">
      <c r="H56463" s="12"/>
    </row>
    <row r="56464" spans="8:8">
      <c r="H56464" s="12"/>
    </row>
    <row r="56465" spans="8:8">
      <c r="H56465" s="12"/>
    </row>
    <row r="56466" spans="8:8">
      <c r="H56466" s="12"/>
    </row>
    <row r="56467" spans="8:8">
      <c r="H56467" s="12"/>
    </row>
    <row r="56468" spans="8:8">
      <c r="H56468" s="12"/>
    </row>
    <row r="56469" spans="8:8">
      <c r="H56469" s="12"/>
    </row>
    <row r="56470" spans="8:8">
      <c r="H56470" s="12"/>
    </row>
    <row r="56471" spans="8:8">
      <c r="H56471" s="12"/>
    </row>
    <row r="56472" spans="8:8">
      <c r="H56472" s="12"/>
    </row>
    <row r="56473" spans="8:8">
      <c r="H56473" s="12"/>
    </row>
    <row r="56474" spans="8:8">
      <c r="H56474" s="12"/>
    </row>
    <row r="56475" spans="8:8">
      <c r="H56475" s="12"/>
    </row>
    <row r="56476" spans="8:8">
      <c r="H56476" s="12"/>
    </row>
    <row r="56477" spans="8:8">
      <c r="H56477" s="12"/>
    </row>
    <row r="56478" spans="8:8">
      <c r="H56478" s="12"/>
    </row>
    <row r="56479" spans="8:8">
      <c r="H56479" s="12"/>
    </row>
    <row r="56480" spans="8:8">
      <c r="H56480" s="12"/>
    </row>
    <row r="56481" spans="8:8">
      <c r="H56481" s="12"/>
    </row>
    <row r="56482" spans="8:8">
      <c r="H56482" s="12"/>
    </row>
    <row r="56483" spans="8:8">
      <c r="H56483" s="12"/>
    </row>
    <row r="56484" spans="8:8">
      <c r="H56484" s="12"/>
    </row>
    <row r="56485" spans="8:8">
      <c r="H56485" s="12"/>
    </row>
    <row r="56486" spans="8:8">
      <c r="H56486" s="12"/>
    </row>
    <row r="56487" spans="8:8">
      <c r="H56487" s="12"/>
    </row>
    <row r="56488" spans="8:8">
      <c r="H56488" s="12"/>
    </row>
    <row r="56489" spans="8:8">
      <c r="H56489" s="12"/>
    </row>
    <row r="56490" spans="8:8">
      <c r="H56490" s="12"/>
    </row>
    <row r="56491" spans="8:8">
      <c r="H56491" s="12"/>
    </row>
    <row r="56492" spans="8:8">
      <c r="H56492" s="12"/>
    </row>
    <row r="56493" spans="8:8">
      <c r="H56493" s="12"/>
    </row>
    <row r="56494" spans="8:8">
      <c r="H56494" s="12"/>
    </row>
    <row r="56495" spans="8:8">
      <c r="H56495" s="12"/>
    </row>
    <row r="56496" spans="8:8">
      <c r="H56496" s="12"/>
    </row>
    <row r="56497" spans="8:8">
      <c r="H56497" s="12"/>
    </row>
    <row r="56498" spans="8:8">
      <c r="H56498" s="12"/>
    </row>
    <row r="56499" spans="8:8">
      <c r="H56499" s="12"/>
    </row>
    <row r="56500" spans="8:8">
      <c r="H56500" s="12"/>
    </row>
    <row r="56501" spans="8:8">
      <c r="H56501" s="12"/>
    </row>
    <row r="56502" spans="8:8">
      <c r="H56502" s="12"/>
    </row>
    <row r="56503" spans="8:8">
      <c r="H56503" s="12"/>
    </row>
    <row r="56504" spans="8:8">
      <c r="H56504" s="12"/>
    </row>
    <row r="56505" spans="8:8">
      <c r="H56505" s="12"/>
    </row>
    <row r="56506" spans="8:8">
      <c r="H56506" s="12"/>
    </row>
    <row r="56507" spans="8:8">
      <c r="H56507" s="12"/>
    </row>
    <row r="56508" spans="8:8">
      <c r="H56508" s="12"/>
    </row>
    <row r="56509" spans="8:8">
      <c r="H56509" s="12"/>
    </row>
    <row r="56510" spans="8:8">
      <c r="H56510" s="12"/>
    </row>
    <row r="56511" spans="8:8">
      <c r="H56511" s="12"/>
    </row>
    <row r="56512" spans="8:8">
      <c r="H56512" s="12"/>
    </row>
    <row r="56513" spans="8:8">
      <c r="H56513" s="12"/>
    </row>
    <row r="56514" spans="8:8">
      <c r="H56514" s="12"/>
    </row>
    <row r="56515" spans="8:8">
      <c r="H56515" s="12"/>
    </row>
    <row r="56516" spans="8:8">
      <c r="H56516" s="12"/>
    </row>
    <row r="56517" spans="8:8">
      <c r="H56517" s="12"/>
    </row>
    <row r="56518" spans="8:8">
      <c r="H56518" s="12"/>
    </row>
    <row r="56519" spans="8:8">
      <c r="H56519" s="12"/>
    </row>
    <row r="56520" spans="8:8">
      <c r="H56520" s="12"/>
    </row>
    <row r="56521" spans="8:8">
      <c r="H56521" s="12"/>
    </row>
    <row r="56522" spans="8:8">
      <c r="H56522" s="12"/>
    </row>
    <row r="56523" spans="8:8">
      <c r="H56523" s="12"/>
    </row>
    <row r="56524" spans="8:8">
      <c r="H56524" s="12"/>
    </row>
    <row r="56525" spans="8:8">
      <c r="H56525" s="12"/>
    </row>
    <row r="56526" spans="8:8">
      <c r="H56526" s="12"/>
    </row>
    <row r="56527" spans="8:8">
      <c r="H56527" s="12"/>
    </row>
    <row r="56528" spans="8:8">
      <c r="H56528" s="12"/>
    </row>
    <row r="56529" spans="8:8">
      <c r="H56529" s="12"/>
    </row>
    <row r="56530" spans="8:8">
      <c r="H56530" s="12"/>
    </row>
    <row r="56531" spans="8:8">
      <c r="H56531" s="12"/>
    </row>
    <row r="56532" spans="8:8">
      <c r="H56532" s="12"/>
    </row>
    <row r="56533" spans="8:8">
      <c r="H56533" s="12"/>
    </row>
    <row r="56534" spans="8:8">
      <c r="H56534" s="12"/>
    </row>
    <row r="56535" spans="8:8">
      <c r="H56535" s="12"/>
    </row>
    <row r="56536" spans="8:8">
      <c r="H56536" s="12"/>
    </row>
    <row r="56537" spans="8:8">
      <c r="H56537" s="12"/>
    </row>
    <row r="56538" spans="8:8">
      <c r="H56538" s="12"/>
    </row>
    <row r="56539" spans="8:8">
      <c r="H56539" s="12"/>
    </row>
    <row r="56540" spans="8:8">
      <c r="H56540" s="12"/>
    </row>
    <row r="56541" spans="8:8">
      <c r="H56541" s="12"/>
    </row>
    <row r="56542" spans="8:8">
      <c r="H56542" s="12"/>
    </row>
    <row r="56543" spans="8:8">
      <c r="H56543" s="12"/>
    </row>
    <row r="56544" spans="8:8">
      <c r="H56544" s="12"/>
    </row>
    <row r="56545" spans="8:8">
      <c r="H56545" s="12"/>
    </row>
    <row r="56546" spans="8:8">
      <c r="H56546" s="12"/>
    </row>
    <row r="56547" spans="8:8">
      <c r="H56547" s="12"/>
    </row>
    <row r="56548" spans="8:8">
      <c r="H56548" s="12"/>
    </row>
    <row r="56549" spans="8:8">
      <c r="H56549" s="12"/>
    </row>
    <row r="56550" spans="8:8">
      <c r="H56550" s="12"/>
    </row>
    <row r="56551" spans="8:8">
      <c r="H56551" s="12"/>
    </row>
    <row r="56552" spans="8:8">
      <c r="H56552" s="12"/>
    </row>
    <row r="56553" spans="8:8">
      <c r="H56553" s="12"/>
    </row>
    <row r="56554" spans="8:8">
      <c r="H56554" s="12"/>
    </row>
    <row r="56555" spans="8:8">
      <c r="H56555" s="12"/>
    </row>
    <row r="56556" spans="8:8">
      <c r="H56556" s="12"/>
    </row>
    <row r="56557" spans="8:8">
      <c r="H56557" s="12"/>
    </row>
    <row r="56558" spans="8:8">
      <c r="H56558" s="12"/>
    </row>
    <row r="56559" spans="8:8">
      <c r="H56559" s="12"/>
    </row>
    <row r="56560" spans="8:8">
      <c r="H56560" s="12"/>
    </row>
    <row r="56561" spans="8:8">
      <c r="H56561" s="12"/>
    </row>
    <row r="56562" spans="8:8">
      <c r="H56562" s="12"/>
    </row>
    <row r="56563" spans="8:8">
      <c r="H56563" s="12"/>
    </row>
    <row r="56564" spans="8:8">
      <c r="H56564" s="12"/>
    </row>
    <row r="56565" spans="8:8">
      <c r="H56565" s="12"/>
    </row>
    <row r="56566" spans="8:8">
      <c r="H56566" s="12"/>
    </row>
    <row r="56567" spans="8:8">
      <c r="H56567" s="12"/>
    </row>
    <row r="56568" spans="8:8">
      <c r="H56568" s="12"/>
    </row>
    <row r="56569" spans="8:8">
      <c r="H56569" s="12"/>
    </row>
    <row r="56570" spans="8:8">
      <c r="H56570" s="12"/>
    </row>
    <row r="56571" spans="8:8">
      <c r="H56571" s="12"/>
    </row>
    <row r="56572" spans="8:8">
      <c r="H56572" s="12"/>
    </row>
    <row r="56573" spans="8:8">
      <c r="H56573" s="12"/>
    </row>
    <row r="56574" spans="8:8">
      <c r="H56574" s="12"/>
    </row>
    <row r="56575" spans="8:8">
      <c r="H56575" s="12"/>
    </row>
    <row r="56576" spans="8:8">
      <c r="H56576" s="12"/>
    </row>
    <row r="56577" spans="8:8">
      <c r="H56577" s="12"/>
    </row>
    <row r="56578" spans="8:8">
      <c r="H56578" s="12"/>
    </row>
    <row r="56579" spans="8:8">
      <c r="H56579" s="12"/>
    </row>
    <row r="56580" spans="8:8">
      <c r="H56580" s="12"/>
    </row>
    <row r="56581" spans="8:8">
      <c r="H56581" s="12"/>
    </row>
    <row r="56582" spans="8:8">
      <c r="H56582" s="12"/>
    </row>
    <row r="56583" spans="8:8">
      <c r="H56583" s="12"/>
    </row>
    <row r="56584" spans="8:8">
      <c r="H56584" s="12"/>
    </row>
    <row r="56585" spans="8:8">
      <c r="H56585" s="12"/>
    </row>
    <row r="56586" spans="8:8">
      <c r="H56586" s="12"/>
    </row>
    <row r="56587" spans="8:8">
      <c r="H56587" s="12"/>
    </row>
    <row r="56588" spans="8:8">
      <c r="H56588" s="12"/>
    </row>
    <row r="56589" spans="8:8">
      <c r="H56589" s="12"/>
    </row>
    <row r="56590" spans="8:8">
      <c r="H56590" s="12"/>
    </row>
    <row r="56591" spans="8:8">
      <c r="H56591" s="12"/>
    </row>
    <row r="56592" spans="8:8">
      <c r="H56592" s="12"/>
    </row>
    <row r="56593" spans="8:8">
      <c r="H56593" s="12"/>
    </row>
    <row r="56594" spans="8:8">
      <c r="H56594" s="12"/>
    </row>
    <row r="56595" spans="8:8">
      <c r="H56595" s="12"/>
    </row>
    <row r="56596" spans="8:8">
      <c r="H56596" s="12"/>
    </row>
    <row r="56597" spans="8:8">
      <c r="H56597" s="12"/>
    </row>
    <row r="56598" spans="8:8">
      <c r="H56598" s="12"/>
    </row>
    <row r="56599" spans="8:8">
      <c r="H56599" s="12"/>
    </row>
    <row r="56600" spans="8:8">
      <c r="H56600" s="12"/>
    </row>
    <row r="56601" spans="8:8">
      <c r="H56601" s="12"/>
    </row>
    <row r="56602" spans="8:8">
      <c r="H56602" s="12"/>
    </row>
    <row r="56603" spans="8:8">
      <c r="H56603" s="12"/>
    </row>
    <row r="56604" spans="8:8">
      <c r="H56604" s="12"/>
    </row>
    <row r="56605" spans="8:8">
      <c r="H56605" s="12"/>
    </row>
    <row r="56606" spans="8:8">
      <c r="H56606" s="12"/>
    </row>
    <row r="56607" spans="8:8">
      <c r="H56607" s="12"/>
    </row>
    <row r="56608" spans="8:8">
      <c r="H56608" s="12"/>
    </row>
    <row r="56609" spans="8:8">
      <c r="H56609" s="12"/>
    </row>
    <row r="56610" spans="8:8">
      <c r="H56610" s="12"/>
    </row>
    <row r="56611" spans="8:8">
      <c r="H56611" s="12"/>
    </row>
    <row r="56612" spans="8:8">
      <c r="H56612" s="12"/>
    </row>
    <row r="56613" spans="8:8">
      <c r="H56613" s="12"/>
    </row>
    <row r="56614" spans="8:8">
      <c r="H56614" s="12"/>
    </row>
    <row r="56615" spans="8:8">
      <c r="H56615" s="12"/>
    </row>
    <row r="56616" spans="8:8">
      <c r="H56616" s="12"/>
    </row>
    <row r="56617" spans="8:8">
      <c r="H56617" s="12"/>
    </row>
    <row r="56618" spans="8:8">
      <c r="H56618" s="12"/>
    </row>
    <row r="56619" spans="8:8">
      <c r="H56619" s="12"/>
    </row>
    <row r="56620" spans="8:8">
      <c r="H56620" s="12"/>
    </row>
    <row r="56621" spans="8:8">
      <c r="H56621" s="12"/>
    </row>
    <row r="56622" spans="8:8">
      <c r="H56622" s="12"/>
    </row>
    <row r="56623" spans="8:8">
      <c r="H56623" s="12"/>
    </row>
    <row r="56624" spans="8:8">
      <c r="H56624" s="12"/>
    </row>
    <row r="56625" spans="8:8">
      <c r="H56625" s="12"/>
    </row>
    <row r="56626" spans="8:8">
      <c r="H56626" s="12"/>
    </row>
    <row r="56627" spans="8:8">
      <c r="H56627" s="12"/>
    </row>
    <row r="56628" spans="8:8">
      <c r="H56628" s="12"/>
    </row>
    <row r="56629" spans="8:8">
      <c r="H56629" s="12"/>
    </row>
    <row r="56630" spans="8:8">
      <c r="H56630" s="12"/>
    </row>
    <row r="56631" spans="8:8">
      <c r="H56631" s="12"/>
    </row>
    <row r="56632" spans="8:8">
      <c r="H56632" s="12"/>
    </row>
    <row r="56633" spans="8:8">
      <c r="H56633" s="12"/>
    </row>
    <row r="56634" spans="8:8">
      <c r="H56634" s="12"/>
    </row>
    <row r="56635" spans="8:8">
      <c r="H56635" s="12"/>
    </row>
    <row r="56636" spans="8:8">
      <c r="H56636" s="12"/>
    </row>
    <row r="56637" spans="8:8">
      <c r="H56637" s="12"/>
    </row>
    <row r="56638" spans="8:8">
      <c r="H56638" s="12"/>
    </row>
    <row r="56639" spans="8:8">
      <c r="H56639" s="12"/>
    </row>
    <row r="56640" spans="8:8">
      <c r="H56640" s="12"/>
    </row>
    <row r="56641" spans="8:8">
      <c r="H56641" s="12"/>
    </row>
    <row r="56642" spans="8:8">
      <c r="H56642" s="12"/>
    </row>
    <row r="56643" spans="8:8">
      <c r="H56643" s="12"/>
    </row>
    <row r="56644" spans="8:8">
      <c r="H56644" s="12"/>
    </row>
    <row r="56645" spans="8:8">
      <c r="H56645" s="12"/>
    </row>
    <row r="56646" spans="8:8">
      <c r="H56646" s="12"/>
    </row>
    <row r="56647" spans="8:8">
      <c r="H56647" s="12"/>
    </row>
    <row r="56648" spans="8:8">
      <c r="H56648" s="12"/>
    </row>
    <row r="56649" spans="8:8">
      <c r="H56649" s="12"/>
    </row>
    <row r="56650" spans="8:8">
      <c r="H56650" s="12"/>
    </row>
    <row r="56651" spans="8:8">
      <c r="H56651" s="12"/>
    </row>
    <row r="56652" spans="8:8">
      <c r="H56652" s="12"/>
    </row>
    <row r="56653" spans="8:8">
      <c r="H56653" s="12"/>
    </row>
    <row r="56654" spans="8:8">
      <c r="H56654" s="12"/>
    </row>
    <row r="56655" spans="8:8">
      <c r="H56655" s="12"/>
    </row>
    <row r="56656" spans="8:8">
      <c r="H56656" s="12"/>
    </row>
    <row r="56657" spans="8:8">
      <c r="H56657" s="12"/>
    </row>
    <row r="56658" spans="8:8">
      <c r="H56658" s="12"/>
    </row>
    <row r="56659" spans="8:8">
      <c r="H56659" s="12"/>
    </row>
    <row r="56660" spans="8:8">
      <c r="H56660" s="12"/>
    </row>
    <row r="56661" spans="8:8">
      <c r="H56661" s="12"/>
    </row>
    <row r="56662" spans="8:8">
      <c r="H56662" s="12"/>
    </row>
    <row r="56663" spans="8:8">
      <c r="H56663" s="12"/>
    </row>
    <row r="56664" spans="8:8">
      <c r="H56664" s="12"/>
    </row>
    <row r="56665" spans="8:8">
      <c r="H56665" s="12"/>
    </row>
    <row r="56666" spans="8:8">
      <c r="H56666" s="12"/>
    </row>
    <row r="56667" spans="8:8">
      <c r="H56667" s="12"/>
    </row>
    <row r="56668" spans="8:8">
      <c r="H56668" s="12"/>
    </row>
    <row r="56669" spans="8:8">
      <c r="H56669" s="12"/>
    </row>
    <row r="56670" spans="8:8">
      <c r="H56670" s="12"/>
    </row>
    <row r="56671" spans="8:8">
      <c r="H56671" s="12"/>
    </row>
    <row r="56672" spans="8:8">
      <c r="H56672" s="12"/>
    </row>
    <row r="56673" spans="8:8">
      <c r="H56673" s="12"/>
    </row>
    <row r="56674" spans="8:8">
      <c r="H56674" s="12"/>
    </row>
    <row r="56675" spans="8:8">
      <c r="H56675" s="12"/>
    </row>
    <row r="56676" spans="8:8">
      <c r="H56676" s="12"/>
    </row>
    <row r="56677" spans="8:8">
      <c r="H56677" s="12"/>
    </row>
    <row r="56678" spans="8:8">
      <c r="H56678" s="12"/>
    </row>
    <row r="56679" spans="8:8">
      <c r="H56679" s="12"/>
    </row>
    <row r="56680" spans="8:8">
      <c r="H56680" s="12"/>
    </row>
    <row r="56681" spans="8:8">
      <c r="H56681" s="12"/>
    </row>
    <row r="56682" spans="8:8">
      <c r="H56682" s="12"/>
    </row>
    <row r="56683" spans="8:8">
      <c r="H56683" s="12"/>
    </row>
    <row r="56684" spans="8:8">
      <c r="H56684" s="12"/>
    </row>
    <row r="56685" spans="8:8">
      <c r="H56685" s="12"/>
    </row>
    <row r="56686" spans="8:8">
      <c r="H56686" s="12"/>
    </row>
    <row r="56687" spans="8:8">
      <c r="H56687" s="12"/>
    </row>
    <row r="56688" spans="8:8">
      <c r="H56688" s="12"/>
    </row>
    <row r="56689" spans="8:8">
      <c r="H56689" s="12"/>
    </row>
    <row r="56690" spans="8:8">
      <c r="H56690" s="12"/>
    </row>
    <row r="56691" spans="8:8">
      <c r="H56691" s="12"/>
    </row>
    <row r="56692" spans="8:8">
      <c r="H56692" s="12"/>
    </row>
    <row r="56693" spans="8:8">
      <c r="H56693" s="12"/>
    </row>
    <row r="56694" spans="8:8">
      <c r="H56694" s="12"/>
    </row>
    <row r="56695" spans="8:8">
      <c r="H56695" s="12"/>
    </row>
    <row r="56696" spans="8:8">
      <c r="H56696" s="12"/>
    </row>
    <row r="56697" spans="8:8">
      <c r="H56697" s="12"/>
    </row>
    <row r="56698" spans="8:8">
      <c r="H56698" s="12"/>
    </row>
    <row r="56699" spans="8:8">
      <c r="H56699" s="12"/>
    </row>
    <row r="56700" spans="8:8">
      <c r="H56700" s="12"/>
    </row>
    <row r="56701" spans="8:8">
      <c r="H56701" s="12"/>
    </row>
    <row r="56702" spans="8:8">
      <c r="H56702" s="12"/>
    </row>
    <row r="56703" spans="8:8">
      <c r="H56703" s="12"/>
    </row>
    <row r="56704" spans="8:8">
      <c r="H56704" s="12"/>
    </row>
    <row r="56705" spans="8:8">
      <c r="H56705" s="12"/>
    </row>
    <row r="56706" spans="8:8">
      <c r="H56706" s="12"/>
    </row>
    <row r="56707" spans="8:8">
      <c r="H56707" s="12"/>
    </row>
    <row r="56708" spans="8:8">
      <c r="H56708" s="12"/>
    </row>
    <row r="56709" spans="8:8">
      <c r="H56709" s="12"/>
    </row>
    <row r="56710" spans="8:8">
      <c r="H56710" s="12"/>
    </row>
    <row r="56711" spans="8:8">
      <c r="H56711" s="12"/>
    </row>
    <row r="56712" spans="8:8">
      <c r="H56712" s="12"/>
    </row>
    <row r="56713" spans="8:8">
      <c r="H56713" s="12"/>
    </row>
    <row r="56714" spans="8:8">
      <c r="H56714" s="12"/>
    </row>
    <row r="56715" spans="8:8">
      <c r="H56715" s="12"/>
    </row>
    <row r="56716" spans="8:8">
      <c r="H56716" s="12"/>
    </row>
    <row r="56717" spans="8:8">
      <c r="H56717" s="12"/>
    </row>
    <row r="56718" spans="8:8">
      <c r="H56718" s="12"/>
    </row>
    <row r="56719" spans="8:8">
      <c r="H56719" s="12"/>
    </row>
    <row r="56720" spans="8:8">
      <c r="H56720" s="12"/>
    </row>
    <row r="56721" spans="8:8">
      <c r="H56721" s="12"/>
    </row>
    <row r="56722" spans="8:8">
      <c r="H56722" s="12"/>
    </row>
    <row r="56723" spans="8:8">
      <c r="H56723" s="12"/>
    </row>
    <row r="56724" spans="8:8">
      <c r="H56724" s="12"/>
    </row>
    <row r="56725" spans="8:8">
      <c r="H56725" s="12"/>
    </row>
    <row r="56726" spans="8:8">
      <c r="H56726" s="12"/>
    </row>
    <row r="56727" spans="8:8">
      <c r="H56727" s="12"/>
    </row>
    <row r="56728" spans="8:8">
      <c r="H56728" s="12"/>
    </row>
    <row r="56729" spans="8:8">
      <c r="H56729" s="12"/>
    </row>
    <row r="56730" spans="8:8">
      <c r="H56730" s="12"/>
    </row>
    <row r="56731" spans="8:8">
      <c r="H56731" s="12"/>
    </row>
    <row r="56732" spans="8:8">
      <c r="H56732" s="12"/>
    </row>
    <row r="56733" spans="8:8">
      <c r="H56733" s="12"/>
    </row>
    <row r="56734" spans="8:8">
      <c r="H56734" s="12"/>
    </row>
    <row r="56735" spans="8:8">
      <c r="H56735" s="12"/>
    </row>
    <row r="56736" spans="8:8">
      <c r="H56736" s="12"/>
    </row>
    <row r="56737" spans="8:8">
      <c r="H56737" s="12"/>
    </row>
    <row r="56738" spans="8:8">
      <c r="H56738" s="12"/>
    </row>
    <row r="56739" spans="8:8">
      <c r="H56739" s="12"/>
    </row>
    <row r="56740" spans="8:8">
      <c r="H56740" s="12"/>
    </row>
    <row r="56741" spans="8:8">
      <c r="H56741" s="12"/>
    </row>
    <row r="56742" spans="8:8">
      <c r="H56742" s="12"/>
    </row>
    <row r="56743" spans="8:8">
      <c r="H56743" s="12"/>
    </row>
    <row r="56744" spans="8:8">
      <c r="H56744" s="12"/>
    </row>
    <row r="56745" spans="8:8">
      <c r="H56745" s="12"/>
    </row>
    <row r="56746" spans="8:8">
      <c r="H56746" s="12"/>
    </row>
    <row r="56747" spans="8:8">
      <c r="H56747" s="12"/>
    </row>
    <row r="56748" spans="8:8">
      <c r="H56748" s="12"/>
    </row>
    <row r="56749" spans="8:8">
      <c r="H56749" s="12"/>
    </row>
    <row r="56750" spans="8:8">
      <c r="H56750" s="12"/>
    </row>
    <row r="56751" spans="8:8">
      <c r="H56751" s="12"/>
    </row>
    <row r="56752" spans="8:8">
      <c r="H56752" s="12"/>
    </row>
    <row r="56753" spans="8:8">
      <c r="H56753" s="12"/>
    </row>
    <row r="56754" spans="8:8">
      <c r="H56754" s="12"/>
    </row>
    <row r="56755" spans="8:8">
      <c r="H56755" s="12"/>
    </row>
    <row r="56756" spans="8:8">
      <c r="H56756" s="12"/>
    </row>
    <row r="56757" spans="8:8">
      <c r="H56757" s="12"/>
    </row>
    <row r="56758" spans="8:8">
      <c r="H56758" s="12"/>
    </row>
    <row r="56759" spans="8:8">
      <c r="H56759" s="12"/>
    </row>
    <row r="56760" spans="8:8">
      <c r="H56760" s="12"/>
    </row>
    <row r="56761" spans="8:8">
      <c r="H56761" s="12"/>
    </row>
    <row r="56762" spans="8:8">
      <c r="H56762" s="12"/>
    </row>
    <row r="56763" spans="8:8">
      <c r="H56763" s="12"/>
    </row>
    <row r="56764" spans="8:8">
      <c r="H56764" s="12"/>
    </row>
    <row r="56765" spans="8:8">
      <c r="H56765" s="12"/>
    </row>
    <row r="56766" spans="8:8">
      <c r="H56766" s="12"/>
    </row>
    <row r="56767" spans="8:8">
      <c r="H56767" s="12"/>
    </row>
    <row r="56768" spans="8:8">
      <c r="H56768" s="12"/>
    </row>
    <row r="56769" spans="8:8">
      <c r="H56769" s="12"/>
    </row>
    <row r="56770" spans="8:8">
      <c r="H56770" s="12"/>
    </row>
    <row r="56771" spans="8:8">
      <c r="H56771" s="12"/>
    </row>
    <row r="56772" spans="8:8">
      <c r="H56772" s="12"/>
    </row>
    <row r="56773" spans="8:8">
      <c r="H56773" s="12"/>
    </row>
    <row r="56774" spans="8:8">
      <c r="H56774" s="12"/>
    </row>
    <row r="56775" spans="8:8">
      <c r="H56775" s="12"/>
    </row>
    <row r="56776" spans="8:8">
      <c r="H56776" s="12"/>
    </row>
    <row r="56777" spans="8:8">
      <c r="H56777" s="12"/>
    </row>
    <row r="56778" spans="8:8">
      <c r="H56778" s="12"/>
    </row>
    <row r="56779" spans="8:8">
      <c r="H56779" s="12"/>
    </row>
    <row r="56780" spans="8:8">
      <c r="H56780" s="12"/>
    </row>
    <row r="56781" spans="8:8">
      <c r="H56781" s="12"/>
    </row>
    <row r="56782" spans="8:8">
      <c r="H56782" s="12"/>
    </row>
    <row r="56783" spans="8:8">
      <c r="H56783" s="12"/>
    </row>
    <row r="56784" spans="8:8">
      <c r="H56784" s="12"/>
    </row>
    <row r="56785" spans="8:8">
      <c r="H56785" s="12"/>
    </row>
    <row r="56786" spans="8:8">
      <c r="H56786" s="12"/>
    </row>
    <row r="56787" spans="8:8">
      <c r="H56787" s="12"/>
    </row>
    <row r="56788" spans="8:8">
      <c r="H56788" s="12"/>
    </row>
    <row r="56789" spans="8:8">
      <c r="H56789" s="12"/>
    </row>
    <row r="56790" spans="8:8">
      <c r="H56790" s="12"/>
    </row>
    <row r="56791" spans="8:8">
      <c r="H56791" s="12"/>
    </row>
    <row r="56792" spans="8:8">
      <c r="H56792" s="12"/>
    </row>
    <row r="56793" spans="8:8">
      <c r="H56793" s="12"/>
    </row>
    <row r="56794" spans="8:8">
      <c r="H56794" s="12"/>
    </row>
    <row r="56795" spans="8:8">
      <c r="H56795" s="12"/>
    </row>
    <row r="56796" spans="8:8">
      <c r="H56796" s="12"/>
    </row>
    <row r="56797" spans="8:8">
      <c r="H56797" s="12"/>
    </row>
    <row r="56798" spans="8:8">
      <c r="H56798" s="12"/>
    </row>
    <row r="56799" spans="8:8">
      <c r="H56799" s="12"/>
    </row>
    <row r="56800" spans="8:8">
      <c r="H56800" s="12"/>
    </row>
    <row r="56801" spans="8:8">
      <c r="H56801" s="12"/>
    </row>
    <row r="56802" spans="8:8">
      <c r="H56802" s="12"/>
    </row>
    <row r="56803" spans="8:8">
      <c r="H56803" s="12"/>
    </row>
    <row r="56804" spans="8:8">
      <c r="H56804" s="12"/>
    </row>
    <row r="56805" spans="8:8">
      <c r="H56805" s="12"/>
    </row>
    <row r="56806" spans="8:8">
      <c r="H56806" s="12"/>
    </row>
    <row r="56807" spans="8:8">
      <c r="H56807" s="12"/>
    </row>
    <row r="56808" spans="8:8">
      <c r="H56808" s="12"/>
    </row>
    <row r="56809" spans="8:8">
      <c r="H56809" s="12"/>
    </row>
    <row r="56810" spans="8:8">
      <c r="H56810" s="12"/>
    </row>
    <row r="56811" spans="8:8">
      <c r="H56811" s="12"/>
    </row>
    <row r="56812" spans="8:8">
      <c r="H56812" s="12"/>
    </row>
    <row r="56813" spans="8:8">
      <c r="H56813" s="12"/>
    </row>
    <row r="56814" spans="8:8">
      <c r="H56814" s="12"/>
    </row>
    <row r="56815" spans="8:8">
      <c r="H56815" s="12"/>
    </row>
    <row r="56816" spans="8:8">
      <c r="H56816" s="12"/>
    </row>
    <row r="56817" spans="8:8">
      <c r="H56817" s="12"/>
    </row>
    <row r="56818" spans="8:8">
      <c r="H56818" s="12"/>
    </row>
    <row r="56819" spans="8:8">
      <c r="H56819" s="12"/>
    </row>
    <row r="56820" spans="8:8">
      <c r="H56820" s="12"/>
    </row>
    <row r="56821" spans="8:8">
      <c r="H56821" s="12"/>
    </row>
    <row r="56822" spans="8:8">
      <c r="H56822" s="12"/>
    </row>
    <row r="56823" spans="8:8">
      <c r="H56823" s="12"/>
    </row>
    <row r="56824" spans="8:8">
      <c r="H56824" s="12"/>
    </row>
    <row r="56825" spans="8:8">
      <c r="H56825" s="12"/>
    </row>
    <row r="56826" spans="8:8">
      <c r="H56826" s="12"/>
    </row>
    <row r="56827" spans="8:8">
      <c r="H56827" s="12"/>
    </row>
    <row r="56828" spans="8:8">
      <c r="H56828" s="12"/>
    </row>
    <row r="56829" spans="8:8">
      <c r="H56829" s="12"/>
    </row>
    <row r="56830" spans="8:8">
      <c r="H56830" s="12"/>
    </row>
    <row r="56831" spans="8:8">
      <c r="H56831" s="12"/>
    </row>
    <row r="56832" spans="8:8">
      <c r="H56832" s="12"/>
    </row>
    <row r="56833" spans="8:8">
      <c r="H56833" s="12"/>
    </row>
    <row r="56834" spans="8:8">
      <c r="H56834" s="12"/>
    </row>
    <row r="56835" spans="8:8">
      <c r="H56835" s="12"/>
    </row>
    <row r="56836" spans="8:8">
      <c r="H56836" s="12"/>
    </row>
    <row r="56837" spans="8:8">
      <c r="H56837" s="12"/>
    </row>
    <row r="56838" spans="8:8">
      <c r="H56838" s="12"/>
    </row>
    <row r="56839" spans="8:8">
      <c r="H56839" s="12"/>
    </row>
    <row r="56840" spans="8:8">
      <c r="H56840" s="12"/>
    </row>
    <row r="56841" spans="8:8">
      <c r="H56841" s="12"/>
    </row>
    <row r="56842" spans="8:8">
      <c r="H56842" s="12"/>
    </row>
    <row r="56843" spans="8:8">
      <c r="H56843" s="12"/>
    </row>
    <row r="56844" spans="8:8">
      <c r="H56844" s="12"/>
    </row>
    <row r="56845" spans="8:8">
      <c r="H56845" s="12"/>
    </row>
    <row r="56846" spans="8:8">
      <c r="H56846" s="12"/>
    </row>
    <row r="56847" spans="8:8">
      <c r="H56847" s="12"/>
    </row>
    <row r="56848" spans="8:8">
      <c r="H56848" s="12"/>
    </row>
    <row r="56849" spans="8:8">
      <c r="H56849" s="12"/>
    </row>
    <row r="56850" spans="8:8">
      <c r="H56850" s="12"/>
    </row>
    <row r="56851" spans="8:8">
      <c r="H56851" s="12"/>
    </row>
    <row r="56852" spans="8:8">
      <c r="H56852" s="12"/>
    </row>
    <row r="56853" spans="8:8">
      <c r="H56853" s="12"/>
    </row>
    <row r="56854" spans="8:8">
      <c r="H56854" s="12"/>
    </row>
    <row r="56855" spans="8:8">
      <c r="H56855" s="12"/>
    </row>
    <row r="56856" spans="8:8">
      <c r="H56856" s="12"/>
    </row>
    <row r="56857" spans="8:8">
      <c r="H56857" s="12"/>
    </row>
    <row r="56858" spans="8:8">
      <c r="H56858" s="12"/>
    </row>
    <row r="56859" spans="8:8">
      <c r="H56859" s="12"/>
    </row>
    <row r="56860" spans="8:8">
      <c r="H56860" s="12"/>
    </row>
    <row r="56861" spans="8:8">
      <c r="H56861" s="12"/>
    </row>
    <row r="56862" spans="8:8">
      <c r="H56862" s="12"/>
    </row>
    <row r="56863" spans="8:8">
      <c r="H56863" s="12"/>
    </row>
    <row r="56864" spans="8:8">
      <c r="H56864" s="12"/>
    </row>
    <row r="56865" spans="8:8">
      <c r="H56865" s="12"/>
    </row>
    <row r="56866" spans="8:8">
      <c r="H56866" s="12"/>
    </row>
    <row r="56867" spans="8:8">
      <c r="H56867" s="12"/>
    </row>
    <row r="56868" spans="8:8">
      <c r="H56868" s="12"/>
    </row>
    <row r="56869" spans="8:8">
      <c r="H56869" s="12"/>
    </row>
    <row r="56870" spans="8:8">
      <c r="H56870" s="12"/>
    </row>
    <row r="56871" spans="8:8">
      <c r="H56871" s="12"/>
    </row>
    <row r="56872" spans="8:8">
      <c r="H56872" s="12"/>
    </row>
    <row r="56873" spans="8:8">
      <c r="H56873" s="12"/>
    </row>
    <row r="56874" spans="8:8">
      <c r="H56874" s="12"/>
    </row>
    <row r="56875" spans="8:8">
      <c r="H56875" s="12"/>
    </row>
    <row r="56876" spans="8:8">
      <c r="H56876" s="12"/>
    </row>
    <row r="56877" spans="8:8">
      <c r="H56877" s="12"/>
    </row>
    <row r="56878" spans="8:8">
      <c r="H56878" s="12"/>
    </row>
    <row r="56879" spans="8:8">
      <c r="H56879" s="12"/>
    </row>
    <row r="56880" spans="8:8">
      <c r="H56880" s="12"/>
    </row>
    <row r="56881" spans="8:8">
      <c r="H56881" s="12"/>
    </row>
    <row r="56882" spans="8:8">
      <c r="H56882" s="12"/>
    </row>
    <row r="56883" spans="8:8">
      <c r="H56883" s="12"/>
    </row>
    <row r="56884" spans="8:8">
      <c r="H56884" s="12"/>
    </row>
    <row r="56885" spans="8:8">
      <c r="H56885" s="12"/>
    </row>
    <row r="56886" spans="8:8">
      <c r="H56886" s="12"/>
    </row>
    <row r="56887" spans="8:8">
      <c r="H56887" s="12"/>
    </row>
    <row r="56888" spans="8:8">
      <c r="H56888" s="12"/>
    </row>
    <row r="56889" spans="8:8">
      <c r="H56889" s="12"/>
    </row>
    <row r="56890" spans="8:8">
      <c r="H56890" s="12"/>
    </row>
    <row r="56891" spans="8:8">
      <c r="H56891" s="12"/>
    </row>
    <row r="56892" spans="8:8">
      <c r="H56892" s="12"/>
    </row>
    <row r="56893" spans="8:8">
      <c r="H56893" s="12"/>
    </row>
    <row r="56894" spans="8:8">
      <c r="H56894" s="12"/>
    </row>
    <row r="56895" spans="8:8">
      <c r="H56895" s="12"/>
    </row>
    <row r="56896" spans="8:8">
      <c r="H56896" s="12"/>
    </row>
    <row r="56897" spans="8:8">
      <c r="H56897" s="12"/>
    </row>
    <row r="56898" spans="8:8">
      <c r="H56898" s="12"/>
    </row>
    <row r="56899" spans="8:8">
      <c r="H56899" s="12"/>
    </row>
    <row r="56900" spans="8:8">
      <c r="H56900" s="12"/>
    </row>
    <row r="56901" spans="8:8">
      <c r="H56901" s="12"/>
    </row>
    <row r="56902" spans="8:8">
      <c r="H56902" s="12"/>
    </row>
    <row r="56903" spans="8:8">
      <c r="H56903" s="12"/>
    </row>
    <row r="56904" spans="8:8">
      <c r="H56904" s="12"/>
    </row>
    <row r="56905" spans="8:8">
      <c r="H56905" s="12"/>
    </row>
    <row r="56906" spans="8:8">
      <c r="H56906" s="12"/>
    </row>
    <row r="56907" spans="8:8">
      <c r="H56907" s="12"/>
    </row>
    <row r="56908" spans="8:8">
      <c r="H56908" s="12"/>
    </row>
    <row r="56909" spans="8:8">
      <c r="H56909" s="12"/>
    </row>
    <row r="56910" spans="8:8">
      <c r="H56910" s="12"/>
    </row>
    <row r="56911" spans="8:8">
      <c r="H56911" s="12"/>
    </row>
    <row r="56912" spans="8:8">
      <c r="H56912" s="12"/>
    </row>
    <row r="56913" spans="8:8">
      <c r="H56913" s="12"/>
    </row>
    <row r="56914" spans="8:8">
      <c r="H56914" s="12"/>
    </row>
    <row r="56915" spans="8:8">
      <c r="H56915" s="12"/>
    </row>
    <row r="56916" spans="8:8">
      <c r="H56916" s="12"/>
    </row>
    <row r="56917" spans="8:8">
      <c r="H56917" s="12"/>
    </row>
    <row r="56918" spans="8:8">
      <c r="H56918" s="12"/>
    </row>
    <row r="56919" spans="8:8">
      <c r="H56919" s="12"/>
    </row>
    <row r="56920" spans="8:8">
      <c r="H56920" s="12"/>
    </row>
    <row r="56921" spans="8:8">
      <c r="H56921" s="12"/>
    </row>
    <row r="56922" spans="8:8">
      <c r="H56922" s="12"/>
    </row>
    <row r="56923" spans="8:8">
      <c r="H56923" s="12"/>
    </row>
    <row r="56924" spans="8:8">
      <c r="H56924" s="12"/>
    </row>
    <row r="56925" spans="8:8">
      <c r="H56925" s="12"/>
    </row>
    <row r="56926" spans="8:8">
      <c r="H56926" s="12"/>
    </row>
    <row r="56927" spans="8:8">
      <c r="H56927" s="12"/>
    </row>
    <row r="56928" spans="8:8">
      <c r="H56928" s="12"/>
    </row>
    <row r="56929" spans="8:8">
      <c r="H56929" s="12"/>
    </row>
    <row r="56930" spans="8:8">
      <c r="H56930" s="12"/>
    </row>
    <row r="56931" spans="8:8">
      <c r="H56931" s="12"/>
    </row>
    <row r="56932" spans="8:8">
      <c r="H56932" s="12"/>
    </row>
    <row r="56933" spans="8:8">
      <c r="H56933" s="12"/>
    </row>
    <row r="56934" spans="8:8">
      <c r="H56934" s="12"/>
    </row>
    <row r="56935" spans="8:8">
      <c r="H56935" s="12"/>
    </row>
    <row r="56936" spans="8:8">
      <c r="H56936" s="12"/>
    </row>
    <row r="56937" spans="8:8">
      <c r="H56937" s="12"/>
    </row>
    <row r="56938" spans="8:8">
      <c r="H56938" s="12"/>
    </row>
    <row r="56939" spans="8:8">
      <c r="H56939" s="12"/>
    </row>
    <row r="56940" spans="8:8">
      <c r="H56940" s="12"/>
    </row>
    <row r="56941" spans="8:8">
      <c r="H56941" s="12"/>
    </row>
    <row r="56942" spans="8:8">
      <c r="H56942" s="12"/>
    </row>
    <row r="56943" spans="8:8">
      <c r="H56943" s="12"/>
    </row>
    <row r="56944" spans="8:8">
      <c r="H56944" s="12"/>
    </row>
    <row r="56945" spans="8:8">
      <c r="H56945" s="12"/>
    </row>
    <row r="56946" spans="8:8">
      <c r="H56946" s="12"/>
    </row>
    <row r="56947" spans="8:8">
      <c r="H56947" s="12"/>
    </row>
    <row r="56948" spans="8:8">
      <c r="H56948" s="12"/>
    </row>
    <row r="56949" spans="8:8">
      <c r="H56949" s="12"/>
    </row>
    <row r="56950" spans="8:8">
      <c r="H56950" s="12"/>
    </row>
    <row r="56951" spans="8:8">
      <c r="H56951" s="12"/>
    </row>
    <row r="56952" spans="8:8">
      <c r="H56952" s="12"/>
    </row>
    <row r="56953" spans="8:8">
      <c r="H56953" s="12"/>
    </row>
    <row r="56954" spans="8:8">
      <c r="H56954" s="12"/>
    </row>
    <row r="56955" spans="8:8">
      <c r="H56955" s="12"/>
    </row>
    <row r="56956" spans="8:8">
      <c r="H56956" s="12"/>
    </row>
    <row r="56957" spans="8:8">
      <c r="H56957" s="12"/>
    </row>
    <row r="56958" spans="8:8">
      <c r="H56958" s="12"/>
    </row>
    <row r="56959" spans="8:8">
      <c r="H56959" s="12"/>
    </row>
    <row r="56960" spans="8:8">
      <c r="H56960" s="12"/>
    </row>
    <row r="56961" spans="8:8">
      <c r="H56961" s="12"/>
    </row>
    <row r="56962" spans="8:8">
      <c r="H56962" s="12"/>
    </row>
    <row r="56963" spans="8:8">
      <c r="H56963" s="12"/>
    </row>
    <row r="56964" spans="8:8">
      <c r="H56964" s="12"/>
    </row>
    <row r="56965" spans="8:8">
      <c r="H56965" s="12"/>
    </row>
    <row r="56966" spans="8:8">
      <c r="H56966" s="12"/>
    </row>
    <row r="56967" spans="8:8">
      <c r="H56967" s="12"/>
    </row>
    <row r="56968" spans="8:8">
      <c r="H56968" s="12"/>
    </row>
    <row r="56969" spans="8:8">
      <c r="H56969" s="12"/>
    </row>
    <row r="56970" spans="8:8">
      <c r="H56970" s="12"/>
    </row>
    <row r="56971" spans="8:8">
      <c r="H56971" s="12"/>
    </row>
    <row r="56972" spans="8:8">
      <c r="H56972" s="12"/>
    </row>
    <row r="56973" spans="8:8">
      <c r="H56973" s="12"/>
    </row>
    <row r="56974" spans="8:8">
      <c r="H56974" s="12"/>
    </row>
    <row r="56975" spans="8:8">
      <c r="H56975" s="12"/>
    </row>
    <row r="56976" spans="8:8">
      <c r="H56976" s="12"/>
    </row>
    <row r="56977" spans="8:8">
      <c r="H56977" s="12"/>
    </row>
    <row r="56978" spans="8:8">
      <c r="H56978" s="12"/>
    </row>
    <row r="56979" spans="8:8">
      <c r="H56979" s="12"/>
    </row>
    <row r="56980" spans="8:8">
      <c r="H56980" s="12"/>
    </row>
    <row r="56981" spans="8:8">
      <c r="H56981" s="12"/>
    </row>
    <row r="56982" spans="8:8">
      <c r="H56982" s="12"/>
    </row>
    <row r="56983" spans="8:8">
      <c r="H56983" s="12"/>
    </row>
    <row r="56984" spans="8:8">
      <c r="H56984" s="12"/>
    </row>
    <row r="56985" spans="8:8">
      <c r="H56985" s="12"/>
    </row>
    <row r="56986" spans="8:8">
      <c r="H56986" s="12"/>
    </row>
    <row r="56987" spans="8:8">
      <c r="H56987" s="12"/>
    </row>
    <row r="56988" spans="8:8">
      <c r="H56988" s="12"/>
    </row>
    <row r="56989" spans="8:8">
      <c r="H56989" s="12"/>
    </row>
    <row r="56990" spans="8:8">
      <c r="H56990" s="12"/>
    </row>
    <row r="56991" spans="8:8">
      <c r="H56991" s="12"/>
    </row>
    <row r="56992" spans="8:8">
      <c r="H56992" s="12"/>
    </row>
    <row r="56993" spans="8:8">
      <c r="H56993" s="12"/>
    </row>
    <row r="56994" spans="8:8">
      <c r="H56994" s="12"/>
    </row>
    <row r="56995" spans="8:8">
      <c r="H56995" s="12"/>
    </row>
    <row r="56996" spans="8:8">
      <c r="H56996" s="12"/>
    </row>
    <row r="56997" spans="8:8">
      <c r="H56997" s="12"/>
    </row>
    <row r="56998" spans="8:8">
      <c r="H56998" s="12"/>
    </row>
    <row r="56999" spans="8:8">
      <c r="H56999" s="12"/>
    </row>
    <row r="57000" spans="8:8">
      <c r="H57000" s="12"/>
    </row>
    <row r="57001" spans="8:8">
      <c r="H57001" s="12"/>
    </row>
    <row r="57002" spans="8:8">
      <c r="H57002" s="12"/>
    </row>
    <row r="57003" spans="8:8">
      <c r="H57003" s="12"/>
    </row>
    <row r="57004" spans="8:8">
      <c r="H57004" s="12"/>
    </row>
    <row r="57005" spans="8:8">
      <c r="H57005" s="12"/>
    </row>
    <row r="57006" spans="8:8">
      <c r="H57006" s="12"/>
    </row>
    <row r="57007" spans="8:8">
      <c r="H57007" s="12"/>
    </row>
    <row r="57008" spans="8:8">
      <c r="H57008" s="12"/>
    </row>
    <row r="57009" spans="8:8">
      <c r="H57009" s="12"/>
    </row>
    <row r="57010" spans="8:8">
      <c r="H57010" s="12"/>
    </row>
    <row r="57011" spans="8:8">
      <c r="H57011" s="12"/>
    </row>
    <row r="57012" spans="8:8">
      <c r="H57012" s="12"/>
    </row>
    <row r="57013" spans="8:8">
      <c r="H57013" s="12"/>
    </row>
    <row r="57014" spans="8:8">
      <c r="H57014" s="12"/>
    </row>
    <row r="57015" spans="8:8">
      <c r="H57015" s="12"/>
    </row>
    <row r="57016" spans="8:8">
      <c r="H57016" s="12"/>
    </row>
    <row r="57017" spans="8:8">
      <c r="H57017" s="12"/>
    </row>
    <row r="57018" spans="8:8">
      <c r="H57018" s="12"/>
    </row>
    <row r="57019" spans="8:8">
      <c r="H57019" s="12"/>
    </row>
    <row r="57020" spans="8:8">
      <c r="H57020" s="12"/>
    </row>
    <row r="57021" spans="8:8">
      <c r="H57021" s="12"/>
    </row>
    <row r="57022" spans="8:8">
      <c r="H57022" s="12"/>
    </row>
    <row r="57023" spans="8:8">
      <c r="H57023" s="12"/>
    </row>
    <row r="57024" spans="8:8">
      <c r="H57024" s="12"/>
    </row>
    <row r="57025" spans="8:8">
      <c r="H57025" s="12"/>
    </row>
    <row r="57026" spans="8:8">
      <c r="H57026" s="12"/>
    </row>
    <row r="57027" spans="8:8">
      <c r="H57027" s="12"/>
    </row>
    <row r="57028" spans="8:8">
      <c r="H57028" s="12"/>
    </row>
    <row r="57029" spans="8:8">
      <c r="H57029" s="12"/>
    </row>
    <row r="57030" spans="8:8">
      <c r="H57030" s="12"/>
    </row>
    <row r="57031" spans="8:8">
      <c r="H57031" s="12"/>
    </row>
    <row r="57032" spans="8:8">
      <c r="H57032" s="12"/>
    </row>
    <row r="57033" spans="8:8">
      <c r="H57033" s="12"/>
    </row>
    <row r="57034" spans="8:8">
      <c r="H57034" s="12"/>
    </row>
    <row r="57035" spans="8:8">
      <c r="H57035" s="12"/>
    </row>
    <row r="57036" spans="8:8">
      <c r="H57036" s="12"/>
    </row>
    <row r="57037" spans="8:8">
      <c r="H57037" s="12"/>
    </row>
    <row r="57038" spans="8:8">
      <c r="H57038" s="12"/>
    </row>
    <row r="57039" spans="8:8">
      <c r="H57039" s="12"/>
    </row>
    <row r="57040" spans="8:8">
      <c r="H57040" s="12"/>
    </row>
    <row r="57041" spans="8:8">
      <c r="H57041" s="12"/>
    </row>
    <row r="57042" spans="8:8">
      <c r="H57042" s="12"/>
    </row>
    <row r="57043" spans="8:8">
      <c r="H57043" s="12"/>
    </row>
    <row r="57044" spans="8:8">
      <c r="H57044" s="12"/>
    </row>
    <row r="57045" spans="8:8">
      <c r="H57045" s="12"/>
    </row>
    <row r="57046" spans="8:8">
      <c r="H57046" s="12"/>
    </row>
    <row r="57047" spans="8:8">
      <c r="H57047" s="12"/>
    </row>
    <row r="57048" spans="8:8">
      <c r="H57048" s="12"/>
    </row>
    <row r="57049" spans="8:8">
      <c r="H57049" s="12"/>
    </row>
    <row r="57050" spans="8:8">
      <c r="H57050" s="12"/>
    </row>
    <row r="57051" spans="8:8">
      <c r="H57051" s="12"/>
    </row>
    <row r="57052" spans="8:8">
      <c r="H57052" s="12"/>
    </row>
    <row r="57053" spans="8:8">
      <c r="H57053" s="12"/>
    </row>
    <row r="57054" spans="8:8">
      <c r="H57054" s="12"/>
    </row>
    <row r="57055" spans="8:8">
      <c r="H57055" s="12"/>
    </row>
    <row r="57056" spans="8:8">
      <c r="H57056" s="12"/>
    </row>
    <row r="57057" spans="8:8">
      <c r="H57057" s="12"/>
    </row>
    <row r="57058" spans="8:8">
      <c r="H57058" s="12"/>
    </row>
    <row r="57059" spans="8:8">
      <c r="H57059" s="12"/>
    </row>
    <row r="57060" spans="8:8">
      <c r="H57060" s="12"/>
    </row>
    <row r="57061" spans="8:8">
      <c r="H57061" s="12"/>
    </row>
    <row r="57062" spans="8:8">
      <c r="H57062" s="12"/>
    </row>
    <row r="57063" spans="8:8">
      <c r="H57063" s="12"/>
    </row>
    <row r="57064" spans="8:8">
      <c r="H57064" s="12"/>
    </row>
    <row r="57065" spans="8:8">
      <c r="H57065" s="12"/>
    </row>
    <row r="57066" spans="8:8">
      <c r="H57066" s="12"/>
    </row>
    <row r="57067" spans="8:8">
      <c r="H57067" s="12"/>
    </row>
    <row r="57068" spans="8:8">
      <c r="H57068" s="12"/>
    </row>
    <row r="57069" spans="8:8">
      <c r="H57069" s="12"/>
    </row>
    <row r="57070" spans="8:8">
      <c r="H57070" s="12"/>
    </row>
    <row r="57071" spans="8:8">
      <c r="H57071" s="12"/>
    </row>
    <row r="57072" spans="8:8">
      <c r="H57072" s="12"/>
    </row>
    <row r="57073" spans="8:8">
      <c r="H57073" s="12"/>
    </row>
    <row r="57074" spans="8:8">
      <c r="H57074" s="12"/>
    </row>
    <row r="57075" spans="8:8">
      <c r="H57075" s="12"/>
    </row>
    <row r="57076" spans="8:8">
      <c r="H57076" s="12"/>
    </row>
    <row r="57077" spans="8:8">
      <c r="H57077" s="12"/>
    </row>
    <row r="57078" spans="8:8">
      <c r="H57078" s="12"/>
    </row>
    <row r="57079" spans="8:8">
      <c r="H57079" s="12"/>
    </row>
    <row r="57080" spans="8:8">
      <c r="H57080" s="12"/>
    </row>
    <row r="57081" spans="8:8">
      <c r="H57081" s="12"/>
    </row>
    <row r="57082" spans="8:8">
      <c r="H57082" s="12"/>
    </row>
    <row r="57083" spans="8:8">
      <c r="H57083" s="12"/>
    </row>
    <row r="57084" spans="8:8">
      <c r="H57084" s="12"/>
    </row>
    <row r="57085" spans="8:8">
      <c r="H57085" s="12"/>
    </row>
    <row r="57086" spans="8:8">
      <c r="H57086" s="12"/>
    </row>
    <row r="57087" spans="8:8">
      <c r="H57087" s="12"/>
    </row>
    <row r="57088" spans="8:8">
      <c r="H57088" s="12"/>
    </row>
    <row r="57089" spans="8:8">
      <c r="H57089" s="12"/>
    </row>
    <row r="57090" spans="8:8">
      <c r="H57090" s="12"/>
    </row>
    <row r="57091" spans="8:8">
      <c r="H57091" s="12"/>
    </row>
    <row r="57092" spans="8:8">
      <c r="H57092" s="12"/>
    </row>
    <row r="57093" spans="8:8">
      <c r="H57093" s="12"/>
    </row>
    <row r="57094" spans="8:8">
      <c r="H57094" s="12"/>
    </row>
    <row r="57095" spans="8:8">
      <c r="H57095" s="12"/>
    </row>
    <row r="57096" spans="8:8">
      <c r="H57096" s="12"/>
    </row>
    <row r="57097" spans="8:8">
      <c r="H57097" s="12"/>
    </row>
    <row r="57098" spans="8:8">
      <c r="H57098" s="12"/>
    </row>
    <row r="57099" spans="8:8">
      <c r="H57099" s="12"/>
    </row>
    <row r="57100" spans="8:8">
      <c r="H57100" s="12"/>
    </row>
    <row r="57101" spans="8:8">
      <c r="H57101" s="12"/>
    </row>
    <row r="57102" spans="8:8">
      <c r="H57102" s="12"/>
    </row>
    <row r="57103" spans="8:8">
      <c r="H57103" s="12"/>
    </row>
    <row r="57104" spans="8:8">
      <c r="H57104" s="12"/>
    </row>
    <row r="57105" spans="8:8">
      <c r="H57105" s="12"/>
    </row>
    <row r="57106" spans="8:8">
      <c r="H57106" s="12"/>
    </row>
    <row r="57107" spans="8:8">
      <c r="H57107" s="12"/>
    </row>
    <row r="57108" spans="8:8">
      <c r="H57108" s="12"/>
    </row>
    <row r="57109" spans="8:8">
      <c r="H57109" s="12"/>
    </row>
    <row r="57110" spans="8:8">
      <c r="H57110" s="12"/>
    </row>
    <row r="57111" spans="8:8">
      <c r="H57111" s="12"/>
    </row>
    <row r="57112" spans="8:8">
      <c r="H57112" s="12"/>
    </row>
    <row r="57113" spans="8:8">
      <c r="H57113" s="12"/>
    </row>
    <row r="57114" spans="8:8">
      <c r="H57114" s="12"/>
    </row>
    <row r="57115" spans="8:8">
      <c r="H57115" s="12"/>
    </row>
    <row r="57116" spans="8:8">
      <c r="H57116" s="12"/>
    </row>
    <row r="57117" spans="8:8">
      <c r="H57117" s="12"/>
    </row>
    <row r="57118" spans="8:8">
      <c r="H57118" s="12"/>
    </row>
    <row r="57119" spans="8:8">
      <c r="H57119" s="12"/>
    </row>
    <row r="57120" spans="8:8">
      <c r="H57120" s="12"/>
    </row>
    <row r="57121" spans="8:8">
      <c r="H57121" s="12"/>
    </row>
    <row r="57122" spans="8:8">
      <c r="H57122" s="12"/>
    </row>
    <row r="57123" spans="8:8">
      <c r="H57123" s="12"/>
    </row>
    <row r="57124" spans="8:8">
      <c r="H57124" s="12"/>
    </row>
    <row r="57125" spans="8:8">
      <c r="H57125" s="12"/>
    </row>
    <row r="57126" spans="8:8">
      <c r="H57126" s="12"/>
    </row>
    <row r="57127" spans="8:8">
      <c r="H57127" s="12"/>
    </row>
    <row r="57128" spans="8:8">
      <c r="H57128" s="12"/>
    </row>
    <row r="57129" spans="8:8">
      <c r="H57129" s="12"/>
    </row>
    <row r="57130" spans="8:8">
      <c r="H57130" s="12"/>
    </row>
    <row r="57131" spans="8:8">
      <c r="H57131" s="12"/>
    </row>
    <row r="57132" spans="8:8">
      <c r="H57132" s="12"/>
    </row>
    <row r="57133" spans="8:8">
      <c r="H57133" s="12"/>
    </row>
    <row r="57134" spans="8:8">
      <c r="H57134" s="12"/>
    </row>
    <row r="57135" spans="8:8">
      <c r="H57135" s="12"/>
    </row>
    <row r="57136" spans="8:8">
      <c r="H57136" s="12"/>
    </row>
    <row r="57137" spans="8:8">
      <c r="H57137" s="12"/>
    </row>
    <row r="57138" spans="8:8">
      <c r="H57138" s="12"/>
    </row>
    <row r="57139" spans="8:8">
      <c r="H57139" s="12"/>
    </row>
    <row r="57140" spans="8:8">
      <c r="H57140" s="12"/>
    </row>
    <row r="57141" spans="8:8">
      <c r="H57141" s="12"/>
    </row>
    <row r="57142" spans="8:8">
      <c r="H57142" s="12"/>
    </row>
    <row r="57143" spans="8:8">
      <c r="H57143" s="12"/>
    </row>
    <row r="57144" spans="8:8">
      <c r="H57144" s="12"/>
    </row>
    <row r="57145" spans="8:8">
      <c r="H57145" s="12"/>
    </row>
    <row r="57146" spans="8:8">
      <c r="H57146" s="12"/>
    </row>
    <row r="57147" spans="8:8">
      <c r="H57147" s="12"/>
    </row>
    <row r="57148" spans="8:8">
      <c r="H57148" s="12"/>
    </row>
    <row r="57149" spans="8:8">
      <c r="H57149" s="12"/>
    </row>
    <row r="57150" spans="8:8">
      <c r="H57150" s="12"/>
    </row>
    <row r="57151" spans="8:8">
      <c r="H57151" s="12"/>
    </row>
    <row r="57152" spans="8:8">
      <c r="H57152" s="12"/>
    </row>
    <row r="57153" spans="8:8">
      <c r="H57153" s="12"/>
    </row>
    <row r="57154" spans="8:8">
      <c r="H57154" s="12"/>
    </row>
    <row r="57155" spans="8:8">
      <c r="H57155" s="12"/>
    </row>
    <row r="57156" spans="8:8">
      <c r="H57156" s="12"/>
    </row>
    <row r="57157" spans="8:8">
      <c r="H57157" s="12"/>
    </row>
    <row r="57158" spans="8:8">
      <c r="H57158" s="12"/>
    </row>
    <row r="57159" spans="8:8">
      <c r="H57159" s="12"/>
    </row>
    <row r="57160" spans="8:8">
      <c r="H57160" s="12"/>
    </row>
    <row r="57161" spans="8:8">
      <c r="H57161" s="12"/>
    </row>
    <row r="57162" spans="8:8">
      <c r="H57162" s="12"/>
    </row>
    <row r="57163" spans="8:8">
      <c r="H57163" s="12"/>
    </row>
    <row r="57164" spans="8:8">
      <c r="H57164" s="12"/>
    </row>
    <row r="57165" spans="8:8">
      <c r="H57165" s="12"/>
    </row>
    <row r="57166" spans="8:8">
      <c r="H57166" s="12"/>
    </row>
    <row r="57167" spans="8:8">
      <c r="H57167" s="12"/>
    </row>
    <row r="57168" spans="8:8">
      <c r="H57168" s="12"/>
    </row>
    <row r="57169" spans="8:8">
      <c r="H57169" s="12"/>
    </row>
    <row r="57170" spans="8:8">
      <c r="H57170" s="12"/>
    </row>
    <row r="57171" spans="8:8">
      <c r="H57171" s="12"/>
    </row>
    <row r="57172" spans="8:8">
      <c r="H57172" s="12"/>
    </row>
    <row r="57173" spans="8:8">
      <c r="H57173" s="12"/>
    </row>
    <row r="57174" spans="8:8">
      <c r="H57174" s="12"/>
    </row>
    <row r="57175" spans="8:8">
      <c r="H57175" s="12"/>
    </row>
    <row r="57176" spans="8:8">
      <c r="H57176" s="12"/>
    </row>
    <row r="57177" spans="8:8">
      <c r="H57177" s="12"/>
    </row>
    <row r="57178" spans="8:8">
      <c r="H57178" s="12"/>
    </row>
    <row r="57179" spans="8:8">
      <c r="H57179" s="12"/>
    </row>
    <row r="57180" spans="8:8">
      <c r="H57180" s="12"/>
    </row>
    <row r="57181" spans="8:8">
      <c r="H57181" s="12"/>
    </row>
    <row r="57182" spans="8:8">
      <c r="H57182" s="12"/>
    </row>
    <row r="57183" spans="8:8">
      <c r="H57183" s="12"/>
    </row>
    <row r="57184" spans="8:8">
      <c r="H57184" s="12"/>
    </row>
    <row r="57185" spans="8:8">
      <c r="H57185" s="12"/>
    </row>
    <row r="57186" spans="8:8">
      <c r="H57186" s="12"/>
    </row>
    <row r="57187" spans="8:8">
      <c r="H57187" s="12"/>
    </row>
    <row r="57188" spans="8:8">
      <c r="H57188" s="12"/>
    </row>
    <row r="57189" spans="8:8">
      <c r="H57189" s="12"/>
    </row>
    <row r="57190" spans="8:8">
      <c r="H57190" s="12"/>
    </row>
    <row r="57191" spans="8:8">
      <c r="H57191" s="12"/>
    </row>
    <row r="57192" spans="8:8">
      <c r="H57192" s="12"/>
    </row>
    <row r="57193" spans="8:8">
      <c r="H57193" s="12"/>
    </row>
    <row r="57194" spans="8:8">
      <c r="H57194" s="12"/>
    </row>
    <row r="57195" spans="8:8">
      <c r="H57195" s="12"/>
    </row>
    <row r="57196" spans="8:8">
      <c r="H57196" s="12"/>
    </row>
    <row r="57197" spans="8:8">
      <c r="H57197" s="12"/>
    </row>
    <row r="57198" spans="8:8">
      <c r="H57198" s="12"/>
    </row>
    <row r="57199" spans="8:8">
      <c r="H57199" s="12"/>
    </row>
    <row r="57200" spans="8:8">
      <c r="H57200" s="12"/>
    </row>
    <row r="57201" spans="8:8">
      <c r="H57201" s="12"/>
    </row>
    <row r="57202" spans="8:8">
      <c r="H57202" s="12"/>
    </row>
    <row r="57203" spans="8:8">
      <c r="H57203" s="12"/>
    </row>
    <row r="57204" spans="8:8">
      <c r="H57204" s="12"/>
    </row>
    <row r="57205" spans="8:8">
      <c r="H57205" s="12"/>
    </row>
    <row r="57206" spans="8:8">
      <c r="H57206" s="12"/>
    </row>
    <row r="57207" spans="8:8">
      <c r="H57207" s="12"/>
    </row>
    <row r="57208" spans="8:8">
      <c r="H57208" s="12"/>
    </row>
    <row r="57209" spans="8:8">
      <c r="H57209" s="12"/>
    </row>
    <row r="57210" spans="8:8">
      <c r="H57210" s="12"/>
    </row>
    <row r="57211" spans="8:8">
      <c r="H57211" s="12"/>
    </row>
    <row r="57212" spans="8:8">
      <c r="H57212" s="12"/>
    </row>
    <row r="57213" spans="8:8">
      <c r="H57213" s="12"/>
    </row>
    <row r="57214" spans="8:8">
      <c r="H57214" s="12"/>
    </row>
    <row r="57215" spans="8:8">
      <c r="H57215" s="12"/>
    </row>
    <row r="57216" spans="8:8">
      <c r="H57216" s="12"/>
    </row>
    <row r="57217" spans="8:8">
      <c r="H57217" s="12"/>
    </row>
    <row r="57218" spans="8:8">
      <c r="H57218" s="12"/>
    </row>
    <row r="57219" spans="8:8">
      <c r="H57219" s="12"/>
    </row>
    <row r="57220" spans="8:8">
      <c r="H57220" s="12"/>
    </row>
    <row r="57221" spans="8:8">
      <c r="H57221" s="12"/>
    </row>
    <row r="57222" spans="8:8">
      <c r="H57222" s="12"/>
    </row>
    <row r="57223" spans="8:8">
      <c r="H57223" s="12"/>
    </row>
    <row r="57224" spans="8:8">
      <c r="H57224" s="12"/>
    </row>
    <row r="57225" spans="8:8">
      <c r="H57225" s="12"/>
    </row>
    <row r="57226" spans="8:8">
      <c r="H57226" s="12"/>
    </row>
    <row r="57227" spans="8:8">
      <c r="H57227" s="12"/>
    </row>
    <row r="57228" spans="8:8">
      <c r="H57228" s="12"/>
    </row>
    <row r="57229" spans="8:8">
      <c r="H57229" s="12"/>
    </row>
    <row r="57230" spans="8:8">
      <c r="H57230" s="12"/>
    </row>
    <row r="57231" spans="8:8">
      <c r="H57231" s="12"/>
    </row>
    <row r="57232" spans="8:8">
      <c r="H57232" s="12"/>
    </row>
    <row r="57233" spans="8:8">
      <c r="H57233" s="12"/>
    </row>
    <row r="57234" spans="8:8">
      <c r="H57234" s="12"/>
    </row>
    <row r="57235" spans="8:8">
      <c r="H57235" s="12"/>
    </row>
    <row r="57236" spans="8:8">
      <c r="H57236" s="12"/>
    </row>
    <row r="57237" spans="8:8">
      <c r="H57237" s="12"/>
    </row>
    <row r="57238" spans="8:8">
      <c r="H57238" s="12"/>
    </row>
    <row r="57239" spans="8:8">
      <c r="H57239" s="12"/>
    </row>
    <row r="57240" spans="8:8">
      <c r="H57240" s="12"/>
    </row>
    <row r="57241" spans="8:8">
      <c r="H57241" s="12"/>
    </row>
    <row r="57242" spans="8:8">
      <c r="H57242" s="12"/>
    </row>
    <row r="57243" spans="8:8">
      <c r="H57243" s="12"/>
    </row>
    <row r="57244" spans="8:8">
      <c r="H57244" s="12"/>
    </row>
    <row r="57245" spans="8:8">
      <c r="H57245" s="12"/>
    </row>
    <row r="57246" spans="8:8">
      <c r="H57246" s="12"/>
    </row>
    <row r="57247" spans="8:8">
      <c r="H57247" s="12"/>
    </row>
    <row r="57248" spans="8:8">
      <c r="H57248" s="12"/>
    </row>
    <row r="57249" spans="8:8">
      <c r="H57249" s="12"/>
    </row>
    <row r="57250" spans="8:8">
      <c r="H57250" s="12"/>
    </row>
    <row r="57251" spans="8:8">
      <c r="H57251" s="12"/>
    </row>
    <row r="57252" spans="8:8">
      <c r="H57252" s="12"/>
    </row>
    <row r="57253" spans="8:8">
      <c r="H57253" s="12"/>
    </row>
    <row r="57254" spans="8:8">
      <c r="H57254" s="12"/>
    </row>
    <row r="57255" spans="8:8">
      <c r="H57255" s="12"/>
    </row>
    <row r="57256" spans="8:8">
      <c r="H57256" s="12"/>
    </row>
    <row r="57257" spans="8:8">
      <c r="H57257" s="12"/>
    </row>
    <row r="57258" spans="8:8">
      <c r="H57258" s="12"/>
    </row>
    <row r="57259" spans="8:8">
      <c r="H57259" s="12"/>
    </row>
    <row r="57260" spans="8:8">
      <c r="H57260" s="12"/>
    </row>
    <row r="57261" spans="8:8">
      <c r="H57261" s="12"/>
    </row>
    <row r="57262" spans="8:8">
      <c r="H57262" s="12"/>
    </row>
    <row r="57263" spans="8:8">
      <c r="H57263" s="12"/>
    </row>
    <row r="57264" spans="8:8">
      <c r="H57264" s="12"/>
    </row>
    <row r="57265" spans="8:8">
      <c r="H57265" s="12"/>
    </row>
    <row r="57266" spans="8:8">
      <c r="H57266" s="12"/>
    </row>
    <row r="57267" spans="8:8">
      <c r="H57267" s="12"/>
    </row>
    <row r="57268" spans="8:8">
      <c r="H57268" s="12"/>
    </row>
    <row r="57269" spans="8:8">
      <c r="H57269" s="12"/>
    </row>
    <row r="57270" spans="8:8">
      <c r="H57270" s="12"/>
    </row>
    <row r="57271" spans="8:8">
      <c r="H57271" s="12"/>
    </row>
    <row r="57272" spans="8:8">
      <c r="H57272" s="12"/>
    </row>
    <row r="57273" spans="8:8">
      <c r="H57273" s="12"/>
    </row>
    <row r="57274" spans="8:8">
      <c r="H57274" s="12"/>
    </row>
    <row r="57275" spans="8:8">
      <c r="H57275" s="12"/>
    </row>
    <row r="57276" spans="8:8">
      <c r="H57276" s="12"/>
    </row>
    <row r="57277" spans="8:8">
      <c r="H57277" s="12"/>
    </row>
    <row r="57278" spans="8:8">
      <c r="H57278" s="12"/>
    </row>
    <row r="57279" spans="8:8">
      <c r="H57279" s="12"/>
    </row>
    <row r="57280" spans="8:8">
      <c r="H57280" s="12"/>
    </row>
    <row r="57281" spans="8:8">
      <c r="H57281" s="12"/>
    </row>
    <row r="57282" spans="8:8">
      <c r="H57282" s="12"/>
    </row>
    <row r="57283" spans="8:8">
      <c r="H57283" s="12"/>
    </row>
    <row r="57284" spans="8:8">
      <c r="H57284" s="12"/>
    </row>
    <row r="57285" spans="8:8">
      <c r="H57285" s="12"/>
    </row>
    <row r="57286" spans="8:8">
      <c r="H57286" s="12"/>
    </row>
    <row r="57287" spans="8:8">
      <c r="H57287" s="12"/>
    </row>
    <row r="57288" spans="8:8">
      <c r="H57288" s="12"/>
    </row>
    <row r="57289" spans="8:8">
      <c r="H57289" s="12"/>
    </row>
    <row r="57290" spans="8:8">
      <c r="H57290" s="12"/>
    </row>
    <row r="57291" spans="8:8">
      <c r="H57291" s="12"/>
    </row>
    <row r="57292" spans="8:8">
      <c r="H57292" s="12"/>
    </row>
    <row r="57293" spans="8:8">
      <c r="H57293" s="12"/>
    </row>
    <row r="57294" spans="8:8">
      <c r="H57294" s="12"/>
    </row>
    <row r="57295" spans="8:8">
      <c r="H57295" s="12"/>
    </row>
    <row r="57296" spans="8:8">
      <c r="H57296" s="12"/>
    </row>
    <row r="57297" spans="8:8">
      <c r="H57297" s="12"/>
    </row>
    <row r="57298" spans="8:8">
      <c r="H57298" s="12"/>
    </row>
    <row r="57299" spans="8:8">
      <c r="H57299" s="12"/>
    </row>
    <row r="57300" spans="8:8">
      <c r="H57300" s="12"/>
    </row>
    <row r="57301" spans="8:8">
      <c r="H57301" s="12"/>
    </row>
    <row r="57302" spans="8:8">
      <c r="H57302" s="12"/>
    </row>
    <row r="57303" spans="8:8">
      <c r="H57303" s="12"/>
    </row>
    <row r="57304" spans="8:8">
      <c r="H57304" s="12"/>
    </row>
    <row r="57305" spans="8:8">
      <c r="H57305" s="12"/>
    </row>
    <row r="57306" spans="8:8">
      <c r="H57306" s="12"/>
    </row>
    <row r="57307" spans="8:8">
      <c r="H57307" s="12"/>
    </row>
    <row r="57308" spans="8:8">
      <c r="H57308" s="12"/>
    </row>
    <row r="57309" spans="8:8">
      <c r="H57309" s="12"/>
    </row>
    <row r="57310" spans="8:8">
      <c r="H57310" s="12"/>
    </row>
    <row r="57311" spans="8:8">
      <c r="H57311" s="12"/>
    </row>
    <row r="57312" spans="8:8">
      <c r="H57312" s="12"/>
    </row>
    <row r="57313" spans="8:8">
      <c r="H57313" s="12"/>
    </row>
    <row r="57314" spans="8:8">
      <c r="H57314" s="12"/>
    </row>
    <row r="57315" spans="8:8">
      <c r="H57315" s="12"/>
    </row>
    <row r="57316" spans="8:8">
      <c r="H57316" s="12"/>
    </row>
    <row r="57317" spans="8:8">
      <c r="H57317" s="12"/>
    </row>
    <row r="57318" spans="8:8">
      <c r="H57318" s="12"/>
    </row>
    <row r="57319" spans="8:8">
      <c r="H57319" s="12"/>
    </row>
    <row r="57320" spans="8:8">
      <c r="H57320" s="12"/>
    </row>
    <row r="57321" spans="8:8">
      <c r="H57321" s="12"/>
    </row>
    <row r="57322" spans="8:8">
      <c r="H57322" s="12"/>
    </row>
    <row r="57323" spans="8:8">
      <c r="H57323" s="12"/>
    </row>
    <row r="57324" spans="8:8">
      <c r="H57324" s="12"/>
    </row>
    <row r="57325" spans="8:8">
      <c r="H57325" s="12"/>
    </row>
    <row r="57326" spans="8:8">
      <c r="H57326" s="12"/>
    </row>
    <row r="57327" spans="8:8">
      <c r="H57327" s="12"/>
    </row>
    <row r="57328" spans="8:8">
      <c r="H57328" s="12"/>
    </row>
    <row r="57329" spans="8:8">
      <c r="H57329" s="12"/>
    </row>
    <row r="57330" spans="8:8">
      <c r="H57330" s="12"/>
    </row>
    <row r="57331" spans="8:8">
      <c r="H57331" s="12"/>
    </row>
    <row r="57332" spans="8:8">
      <c r="H57332" s="12"/>
    </row>
    <row r="57333" spans="8:8">
      <c r="H57333" s="12"/>
    </row>
    <row r="57334" spans="8:8">
      <c r="H57334" s="12"/>
    </row>
    <row r="57335" spans="8:8">
      <c r="H57335" s="12"/>
    </row>
    <row r="57336" spans="8:8">
      <c r="H57336" s="12"/>
    </row>
    <row r="57337" spans="8:8">
      <c r="H57337" s="12"/>
    </row>
    <row r="57338" spans="8:8">
      <c r="H57338" s="12"/>
    </row>
    <row r="57339" spans="8:8">
      <c r="H57339" s="12"/>
    </row>
    <row r="57340" spans="8:8">
      <c r="H57340" s="12"/>
    </row>
    <row r="57341" spans="8:8">
      <c r="H57341" s="12"/>
    </row>
    <row r="57342" spans="8:8">
      <c r="H57342" s="12"/>
    </row>
    <row r="57343" spans="8:8">
      <c r="H57343" s="12"/>
    </row>
    <row r="57344" spans="8:8">
      <c r="H57344" s="12"/>
    </row>
    <row r="57345" spans="8:8">
      <c r="H57345" s="12"/>
    </row>
    <row r="57346" spans="8:8">
      <c r="H57346" s="12"/>
    </row>
    <row r="57347" spans="8:8">
      <c r="H57347" s="12"/>
    </row>
    <row r="57348" spans="8:8">
      <c r="H57348" s="12"/>
    </row>
    <row r="57349" spans="8:8">
      <c r="H57349" s="12"/>
    </row>
    <row r="57350" spans="8:8">
      <c r="H57350" s="12"/>
    </row>
    <row r="57351" spans="8:8">
      <c r="H57351" s="12"/>
    </row>
    <row r="57352" spans="8:8">
      <c r="H57352" s="12"/>
    </row>
    <row r="57353" spans="8:8">
      <c r="H57353" s="12"/>
    </row>
    <row r="57354" spans="8:8">
      <c r="H57354" s="12"/>
    </row>
    <row r="57355" spans="8:8">
      <c r="H57355" s="12"/>
    </row>
    <row r="57356" spans="8:8">
      <c r="H57356" s="12"/>
    </row>
    <row r="57357" spans="8:8">
      <c r="H57357" s="12"/>
    </row>
    <row r="57358" spans="8:8">
      <c r="H57358" s="12"/>
    </row>
    <row r="57359" spans="8:8">
      <c r="H57359" s="12"/>
    </row>
    <row r="57360" spans="8:8">
      <c r="H57360" s="12"/>
    </row>
    <row r="57361" spans="8:8">
      <c r="H57361" s="12"/>
    </row>
    <row r="57362" spans="8:8">
      <c r="H57362" s="12"/>
    </row>
    <row r="57363" spans="8:8">
      <c r="H57363" s="12"/>
    </row>
    <row r="57364" spans="8:8">
      <c r="H57364" s="12"/>
    </row>
    <row r="57365" spans="8:8">
      <c r="H57365" s="12"/>
    </row>
    <row r="57366" spans="8:8">
      <c r="H57366" s="12"/>
    </row>
    <row r="57367" spans="8:8">
      <c r="H57367" s="12"/>
    </row>
    <row r="57368" spans="8:8">
      <c r="H57368" s="12"/>
    </row>
    <row r="57369" spans="8:8">
      <c r="H57369" s="12"/>
    </row>
    <row r="57370" spans="8:8">
      <c r="H57370" s="12"/>
    </row>
    <row r="57371" spans="8:8">
      <c r="H57371" s="12"/>
    </row>
    <row r="57372" spans="8:8">
      <c r="H57372" s="12"/>
    </row>
    <row r="57373" spans="8:8">
      <c r="H57373" s="12"/>
    </row>
    <row r="57374" spans="8:8">
      <c r="H57374" s="12"/>
    </row>
    <row r="57375" spans="8:8">
      <c r="H57375" s="12"/>
    </row>
    <row r="57376" spans="8:8">
      <c r="H57376" s="12"/>
    </row>
    <row r="57377" spans="8:8">
      <c r="H57377" s="12"/>
    </row>
    <row r="57378" spans="8:8">
      <c r="H57378" s="12"/>
    </row>
    <row r="57379" spans="8:8">
      <c r="H57379" s="12"/>
    </row>
    <row r="57380" spans="8:8">
      <c r="H57380" s="12"/>
    </row>
    <row r="57381" spans="8:8">
      <c r="H57381" s="12"/>
    </row>
    <row r="57382" spans="8:8">
      <c r="H57382" s="12"/>
    </row>
    <row r="57383" spans="8:8">
      <c r="H57383" s="12"/>
    </row>
    <row r="57384" spans="8:8">
      <c r="H57384" s="12"/>
    </row>
    <row r="57385" spans="8:8">
      <c r="H57385" s="12"/>
    </row>
    <row r="57386" spans="8:8">
      <c r="H57386" s="12"/>
    </row>
    <row r="57387" spans="8:8">
      <c r="H57387" s="12"/>
    </row>
    <row r="57388" spans="8:8">
      <c r="H57388" s="12"/>
    </row>
    <row r="57389" spans="8:8">
      <c r="H57389" s="12"/>
    </row>
    <row r="57390" spans="8:8">
      <c r="H57390" s="12"/>
    </row>
    <row r="57391" spans="8:8">
      <c r="H57391" s="12"/>
    </row>
    <row r="57392" spans="8:8">
      <c r="H57392" s="12"/>
    </row>
    <row r="57393" spans="8:8">
      <c r="H57393" s="12"/>
    </row>
    <row r="57394" spans="8:8">
      <c r="H57394" s="12"/>
    </row>
    <row r="57395" spans="8:8">
      <c r="H57395" s="12"/>
    </row>
    <row r="57396" spans="8:8">
      <c r="H57396" s="12"/>
    </row>
    <row r="57397" spans="8:8">
      <c r="H57397" s="12"/>
    </row>
    <row r="57398" spans="8:8">
      <c r="H57398" s="12"/>
    </row>
    <row r="57399" spans="8:8">
      <c r="H57399" s="12"/>
    </row>
    <row r="57400" spans="8:8">
      <c r="H57400" s="12"/>
    </row>
    <row r="57401" spans="8:8">
      <c r="H57401" s="12"/>
    </row>
    <row r="57402" spans="8:8">
      <c r="H57402" s="12"/>
    </row>
    <row r="57403" spans="8:8">
      <c r="H57403" s="12"/>
    </row>
    <row r="57404" spans="8:8">
      <c r="H57404" s="12"/>
    </row>
    <row r="57405" spans="8:8">
      <c r="H57405" s="12"/>
    </row>
    <row r="57406" spans="8:8">
      <c r="H57406" s="12"/>
    </row>
    <row r="57407" spans="8:8">
      <c r="H57407" s="12"/>
    </row>
    <row r="57408" spans="8:8">
      <c r="H57408" s="12"/>
    </row>
    <row r="57409" spans="8:8">
      <c r="H57409" s="12"/>
    </row>
    <row r="57410" spans="8:8">
      <c r="H57410" s="12"/>
    </row>
    <row r="57411" spans="8:8">
      <c r="H57411" s="12"/>
    </row>
    <row r="57412" spans="8:8">
      <c r="H57412" s="12"/>
    </row>
    <row r="57413" spans="8:8">
      <c r="H57413" s="12"/>
    </row>
    <row r="57414" spans="8:8">
      <c r="H57414" s="12"/>
    </row>
    <row r="57415" spans="8:8">
      <c r="H57415" s="12"/>
    </row>
    <row r="57416" spans="8:8">
      <c r="H57416" s="12"/>
    </row>
    <row r="57417" spans="8:8">
      <c r="H57417" s="12"/>
    </row>
    <row r="57418" spans="8:8">
      <c r="H57418" s="12"/>
    </row>
    <row r="57419" spans="8:8">
      <c r="H57419" s="12"/>
    </row>
    <row r="57420" spans="8:8">
      <c r="H57420" s="12"/>
    </row>
    <row r="57421" spans="8:8">
      <c r="H57421" s="12"/>
    </row>
    <row r="57422" spans="8:8">
      <c r="H57422" s="12"/>
    </row>
    <row r="57423" spans="8:8">
      <c r="H57423" s="12"/>
    </row>
    <row r="57424" spans="8:8">
      <c r="H57424" s="12"/>
    </row>
    <row r="57425" spans="8:8">
      <c r="H57425" s="12"/>
    </row>
    <row r="57426" spans="8:8">
      <c r="H57426" s="12"/>
    </row>
    <row r="57427" spans="8:8">
      <c r="H57427" s="12"/>
    </row>
    <row r="57428" spans="8:8">
      <c r="H57428" s="12"/>
    </row>
    <row r="57429" spans="8:8">
      <c r="H57429" s="12"/>
    </row>
    <row r="57430" spans="8:8">
      <c r="H57430" s="12"/>
    </row>
    <row r="57431" spans="8:8">
      <c r="H57431" s="12"/>
    </row>
    <row r="57432" spans="8:8">
      <c r="H57432" s="12"/>
    </row>
    <row r="57433" spans="8:8">
      <c r="H57433" s="12"/>
    </row>
    <row r="57434" spans="8:8">
      <c r="H57434" s="12"/>
    </row>
    <row r="57435" spans="8:8">
      <c r="H57435" s="12"/>
    </row>
    <row r="57436" spans="8:8">
      <c r="H57436" s="12"/>
    </row>
    <row r="57437" spans="8:8">
      <c r="H57437" s="12"/>
    </row>
    <row r="57438" spans="8:8">
      <c r="H57438" s="12"/>
    </row>
    <row r="57439" spans="8:8">
      <c r="H57439" s="12"/>
    </row>
    <row r="57440" spans="8:8">
      <c r="H57440" s="12"/>
    </row>
    <row r="57441" spans="8:8">
      <c r="H57441" s="12"/>
    </row>
    <row r="57442" spans="8:8">
      <c r="H57442" s="12"/>
    </row>
    <row r="57443" spans="8:8">
      <c r="H57443" s="12"/>
    </row>
    <row r="57444" spans="8:8">
      <c r="H57444" s="12"/>
    </row>
    <row r="57445" spans="8:8">
      <c r="H57445" s="12"/>
    </row>
    <row r="57446" spans="8:8">
      <c r="H57446" s="12"/>
    </row>
    <row r="57447" spans="8:8">
      <c r="H57447" s="12"/>
    </row>
    <row r="57448" spans="8:8">
      <c r="H57448" s="12"/>
    </row>
    <row r="57449" spans="8:8">
      <c r="H57449" s="12"/>
    </row>
    <row r="57450" spans="8:8">
      <c r="H57450" s="12"/>
    </row>
    <row r="57451" spans="8:8">
      <c r="H57451" s="12"/>
    </row>
    <row r="57452" spans="8:8">
      <c r="H57452" s="12"/>
    </row>
    <row r="57453" spans="8:8">
      <c r="H57453" s="12"/>
    </row>
    <row r="57454" spans="8:8">
      <c r="H57454" s="12"/>
    </row>
    <row r="57455" spans="8:8">
      <c r="H57455" s="12"/>
    </row>
    <row r="57456" spans="8:8">
      <c r="H57456" s="12"/>
    </row>
    <row r="57457" spans="8:8">
      <c r="H57457" s="12"/>
    </row>
    <row r="57458" spans="8:8">
      <c r="H57458" s="12"/>
    </row>
    <row r="57459" spans="8:8">
      <c r="H57459" s="12"/>
    </row>
    <row r="57460" spans="8:8">
      <c r="H57460" s="12"/>
    </row>
    <row r="57461" spans="8:8">
      <c r="H57461" s="12"/>
    </row>
    <row r="57462" spans="8:8">
      <c r="H57462" s="12"/>
    </row>
    <row r="57463" spans="8:8">
      <c r="H57463" s="12"/>
    </row>
    <row r="57464" spans="8:8">
      <c r="H57464" s="12"/>
    </row>
    <row r="57465" spans="8:8">
      <c r="H57465" s="12"/>
    </row>
    <row r="57466" spans="8:8">
      <c r="H57466" s="12"/>
    </row>
    <row r="57467" spans="8:8">
      <c r="H57467" s="12"/>
    </row>
    <row r="57468" spans="8:8">
      <c r="H57468" s="12"/>
    </row>
    <row r="57469" spans="8:8">
      <c r="H57469" s="12"/>
    </row>
    <row r="57470" spans="8:8">
      <c r="H57470" s="12"/>
    </row>
    <row r="57471" spans="8:8">
      <c r="H57471" s="12"/>
    </row>
    <row r="57472" spans="8:8">
      <c r="H57472" s="12"/>
    </row>
    <row r="57473" spans="8:8">
      <c r="H57473" s="12"/>
    </row>
    <row r="57474" spans="8:8">
      <c r="H57474" s="12"/>
    </row>
    <row r="57475" spans="8:8">
      <c r="H57475" s="12"/>
    </row>
    <row r="57476" spans="8:8">
      <c r="H57476" s="12"/>
    </row>
    <row r="57477" spans="8:8">
      <c r="H57477" s="12"/>
    </row>
    <row r="57478" spans="8:8">
      <c r="H57478" s="12"/>
    </row>
    <row r="57479" spans="8:8">
      <c r="H57479" s="12"/>
    </row>
    <row r="57480" spans="8:8">
      <c r="H57480" s="12"/>
    </row>
    <row r="57481" spans="8:8">
      <c r="H57481" s="12"/>
    </row>
    <row r="57482" spans="8:8">
      <c r="H57482" s="12"/>
    </row>
    <row r="57483" spans="8:8">
      <c r="H57483" s="12"/>
    </row>
    <row r="57484" spans="8:8">
      <c r="H57484" s="12"/>
    </row>
    <row r="57485" spans="8:8">
      <c r="H57485" s="12"/>
    </row>
    <row r="57486" spans="8:8">
      <c r="H57486" s="12"/>
    </row>
    <row r="57487" spans="8:8">
      <c r="H57487" s="12"/>
    </row>
    <row r="57488" spans="8:8">
      <c r="H57488" s="12"/>
    </row>
    <row r="57489" spans="8:8">
      <c r="H57489" s="12"/>
    </row>
    <row r="57490" spans="8:8">
      <c r="H57490" s="12"/>
    </row>
    <row r="57491" spans="8:8">
      <c r="H57491" s="12"/>
    </row>
    <row r="57492" spans="8:8">
      <c r="H57492" s="12"/>
    </row>
    <row r="57493" spans="8:8">
      <c r="H57493" s="12"/>
    </row>
    <row r="57494" spans="8:8">
      <c r="H57494" s="12"/>
    </row>
    <row r="57495" spans="8:8">
      <c r="H57495" s="12"/>
    </row>
    <row r="57496" spans="8:8">
      <c r="H57496" s="12"/>
    </row>
    <row r="57497" spans="8:8">
      <c r="H57497" s="12"/>
    </row>
    <row r="57498" spans="8:8">
      <c r="H57498" s="12"/>
    </row>
    <row r="57499" spans="8:8">
      <c r="H57499" s="12"/>
    </row>
    <row r="57500" spans="8:8">
      <c r="H57500" s="12"/>
    </row>
    <row r="57501" spans="8:8">
      <c r="H57501" s="12"/>
    </row>
    <row r="57502" spans="8:8">
      <c r="H57502" s="12"/>
    </row>
    <row r="57503" spans="8:8">
      <c r="H57503" s="12"/>
    </row>
    <row r="57504" spans="8:8">
      <c r="H57504" s="12"/>
    </row>
    <row r="57505" spans="8:8">
      <c r="H57505" s="12"/>
    </row>
    <row r="57506" spans="8:8">
      <c r="H57506" s="12"/>
    </row>
    <row r="57507" spans="8:8">
      <c r="H57507" s="12"/>
    </row>
    <row r="57508" spans="8:8">
      <c r="H57508" s="12"/>
    </row>
    <row r="57509" spans="8:8">
      <c r="H57509" s="12"/>
    </row>
    <row r="57510" spans="8:8">
      <c r="H57510" s="12"/>
    </row>
    <row r="57511" spans="8:8">
      <c r="H57511" s="12"/>
    </row>
    <row r="57512" spans="8:8">
      <c r="H57512" s="12"/>
    </row>
    <row r="57513" spans="8:8">
      <c r="H57513" s="12"/>
    </row>
    <row r="57514" spans="8:8">
      <c r="H57514" s="12"/>
    </row>
    <row r="57515" spans="8:8">
      <c r="H57515" s="12"/>
    </row>
    <row r="57516" spans="8:8">
      <c r="H57516" s="12"/>
    </row>
    <row r="57517" spans="8:8">
      <c r="H57517" s="12"/>
    </row>
    <row r="57518" spans="8:8">
      <c r="H57518" s="12"/>
    </row>
    <row r="57519" spans="8:8">
      <c r="H57519" s="12"/>
    </row>
    <row r="57520" spans="8:8">
      <c r="H57520" s="12"/>
    </row>
    <row r="57521" spans="8:8">
      <c r="H57521" s="12"/>
    </row>
    <row r="57522" spans="8:8">
      <c r="H57522" s="12"/>
    </row>
    <row r="57523" spans="8:8">
      <c r="H57523" s="12"/>
    </row>
    <row r="57524" spans="8:8">
      <c r="H57524" s="12"/>
    </row>
    <row r="57525" spans="8:8">
      <c r="H57525" s="12"/>
    </row>
    <row r="57526" spans="8:8">
      <c r="H57526" s="12"/>
    </row>
    <row r="57527" spans="8:8">
      <c r="H57527" s="12"/>
    </row>
    <row r="57528" spans="8:8">
      <c r="H57528" s="12"/>
    </row>
    <row r="57529" spans="8:8">
      <c r="H57529" s="12"/>
    </row>
    <row r="57530" spans="8:8">
      <c r="H57530" s="12"/>
    </row>
    <row r="57531" spans="8:8">
      <c r="H57531" s="12"/>
    </row>
    <row r="57532" spans="8:8">
      <c r="H57532" s="12"/>
    </row>
    <row r="57533" spans="8:8">
      <c r="H57533" s="12"/>
    </row>
    <row r="57534" spans="8:8">
      <c r="H57534" s="12"/>
    </row>
    <row r="57535" spans="8:8">
      <c r="H57535" s="12"/>
    </row>
    <row r="57536" spans="8:8">
      <c r="H57536" s="12"/>
    </row>
    <row r="57537" spans="8:8">
      <c r="H57537" s="12"/>
    </row>
    <row r="57538" spans="8:8">
      <c r="H57538" s="12"/>
    </row>
    <row r="57539" spans="8:8">
      <c r="H57539" s="12"/>
    </row>
    <row r="57540" spans="8:8">
      <c r="H57540" s="12"/>
    </row>
    <row r="57541" spans="8:8">
      <c r="H57541" s="12"/>
    </row>
    <row r="57542" spans="8:8">
      <c r="H57542" s="12"/>
    </row>
    <row r="57543" spans="8:8">
      <c r="H57543" s="12"/>
    </row>
    <row r="57544" spans="8:8">
      <c r="H57544" s="12"/>
    </row>
    <row r="57545" spans="8:8">
      <c r="H57545" s="12"/>
    </row>
    <row r="57546" spans="8:8">
      <c r="H57546" s="12"/>
    </row>
    <row r="57547" spans="8:8">
      <c r="H57547" s="12"/>
    </row>
    <row r="57548" spans="8:8">
      <c r="H57548" s="12"/>
    </row>
    <row r="57549" spans="8:8">
      <c r="H57549" s="12"/>
    </row>
    <row r="57550" spans="8:8">
      <c r="H57550" s="12"/>
    </row>
    <row r="57551" spans="8:8">
      <c r="H57551" s="12"/>
    </row>
    <row r="57552" spans="8:8">
      <c r="H57552" s="12"/>
    </row>
    <row r="57553" spans="8:8">
      <c r="H57553" s="12"/>
    </row>
    <row r="57554" spans="8:8">
      <c r="H57554" s="12"/>
    </row>
    <row r="57555" spans="8:8">
      <c r="H57555" s="12"/>
    </row>
    <row r="57556" spans="8:8">
      <c r="H57556" s="12"/>
    </row>
    <row r="57557" spans="8:8">
      <c r="H57557" s="12"/>
    </row>
    <row r="57558" spans="8:8">
      <c r="H57558" s="12"/>
    </row>
    <row r="57559" spans="8:8">
      <c r="H57559" s="12"/>
    </row>
    <row r="57560" spans="8:8">
      <c r="H57560" s="12"/>
    </row>
    <row r="57561" spans="8:8">
      <c r="H57561" s="12"/>
    </row>
    <row r="57562" spans="8:8">
      <c r="H57562" s="12"/>
    </row>
    <row r="57563" spans="8:8">
      <c r="H57563" s="12"/>
    </row>
    <row r="57564" spans="8:8">
      <c r="H57564" s="12"/>
    </row>
    <row r="57565" spans="8:8">
      <c r="H57565" s="12"/>
    </row>
    <row r="57566" spans="8:8">
      <c r="H57566" s="12"/>
    </row>
    <row r="57567" spans="8:8">
      <c r="H57567" s="12"/>
    </row>
    <row r="57568" spans="8:8">
      <c r="H57568" s="12"/>
    </row>
    <row r="57569" spans="8:8">
      <c r="H57569" s="12"/>
    </row>
    <row r="57570" spans="8:8">
      <c r="H57570" s="12"/>
    </row>
    <row r="57571" spans="8:8">
      <c r="H57571" s="12"/>
    </row>
    <row r="57572" spans="8:8">
      <c r="H57572" s="12"/>
    </row>
    <row r="57573" spans="8:8">
      <c r="H57573" s="12"/>
    </row>
    <row r="57574" spans="8:8">
      <c r="H57574" s="12"/>
    </row>
    <row r="57575" spans="8:8">
      <c r="H57575" s="12"/>
    </row>
    <row r="57576" spans="8:8">
      <c r="H57576" s="12"/>
    </row>
    <row r="57577" spans="8:8">
      <c r="H57577" s="12"/>
    </row>
    <row r="57578" spans="8:8">
      <c r="H57578" s="12"/>
    </row>
    <row r="57579" spans="8:8">
      <c r="H57579" s="12"/>
    </row>
    <row r="57580" spans="8:8">
      <c r="H57580" s="12"/>
    </row>
    <row r="57581" spans="8:8">
      <c r="H57581" s="12"/>
    </row>
    <row r="57582" spans="8:8">
      <c r="H57582" s="12"/>
    </row>
    <row r="57583" spans="8:8">
      <c r="H57583" s="12"/>
    </row>
    <row r="57584" spans="8:8">
      <c r="H57584" s="12"/>
    </row>
    <row r="57585" spans="8:8">
      <c r="H57585" s="12"/>
    </row>
    <row r="57586" spans="8:8">
      <c r="H57586" s="12"/>
    </row>
    <row r="57587" spans="8:8">
      <c r="H57587" s="12"/>
    </row>
    <row r="57588" spans="8:8">
      <c r="H57588" s="12"/>
    </row>
    <row r="57589" spans="8:8">
      <c r="H57589" s="12"/>
    </row>
    <row r="57590" spans="8:8">
      <c r="H57590" s="12"/>
    </row>
    <row r="57591" spans="8:8">
      <c r="H57591" s="12"/>
    </row>
    <row r="57592" spans="8:8">
      <c r="H57592" s="12"/>
    </row>
    <row r="57593" spans="8:8">
      <c r="H57593" s="12"/>
    </row>
    <row r="57594" spans="8:8">
      <c r="H57594" s="12"/>
    </row>
    <row r="57595" spans="8:8">
      <c r="H57595" s="12"/>
    </row>
    <row r="57596" spans="8:8">
      <c r="H57596" s="12"/>
    </row>
    <row r="57597" spans="8:8">
      <c r="H57597" s="12"/>
    </row>
    <row r="57598" spans="8:8">
      <c r="H57598" s="12"/>
    </row>
    <row r="57599" spans="8:8">
      <c r="H57599" s="12"/>
    </row>
    <row r="57600" spans="8:8">
      <c r="H57600" s="12"/>
    </row>
    <row r="57601" spans="8:8">
      <c r="H57601" s="12"/>
    </row>
    <row r="57602" spans="8:8">
      <c r="H57602" s="12"/>
    </row>
    <row r="57603" spans="8:8">
      <c r="H57603" s="12"/>
    </row>
    <row r="57604" spans="8:8">
      <c r="H57604" s="12"/>
    </row>
    <row r="57605" spans="8:8">
      <c r="H57605" s="12"/>
    </row>
    <row r="57606" spans="8:8">
      <c r="H57606" s="12"/>
    </row>
    <row r="57607" spans="8:8">
      <c r="H57607" s="12"/>
    </row>
    <row r="57608" spans="8:8">
      <c r="H57608" s="12"/>
    </row>
    <row r="57609" spans="8:8">
      <c r="H57609" s="12"/>
    </row>
    <row r="57610" spans="8:8">
      <c r="H57610" s="12"/>
    </row>
    <row r="57611" spans="8:8">
      <c r="H57611" s="12"/>
    </row>
    <row r="57612" spans="8:8">
      <c r="H57612" s="12"/>
    </row>
    <row r="57613" spans="8:8">
      <c r="H57613" s="12"/>
    </row>
    <row r="57614" spans="8:8">
      <c r="H57614" s="12"/>
    </row>
    <row r="57615" spans="8:8">
      <c r="H57615" s="12"/>
    </row>
    <row r="57616" spans="8:8">
      <c r="H57616" s="12"/>
    </row>
    <row r="57617" spans="8:8">
      <c r="H57617" s="12"/>
    </row>
    <row r="57618" spans="8:8">
      <c r="H57618" s="12"/>
    </row>
    <row r="57619" spans="8:8">
      <c r="H57619" s="12"/>
    </row>
    <row r="57620" spans="8:8">
      <c r="H57620" s="12"/>
    </row>
    <row r="57621" spans="8:8">
      <c r="H57621" s="12"/>
    </row>
    <row r="57622" spans="8:8">
      <c r="H57622" s="12"/>
    </row>
    <row r="57623" spans="8:8">
      <c r="H57623" s="12"/>
    </row>
    <row r="57624" spans="8:8">
      <c r="H57624" s="12"/>
    </row>
    <row r="57625" spans="8:8">
      <c r="H57625" s="12"/>
    </row>
    <row r="57626" spans="8:8">
      <c r="H57626" s="12"/>
    </row>
    <row r="57627" spans="8:8">
      <c r="H57627" s="12"/>
    </row>
    <row r="57628" spans="8:8">
      <c r="H57628" s="12"/>
    </row>
    <row r="57629" spans="8:8">
      <c r="H57629" s="12"/>
    </row>
    <row r="57630" spans="8:8">
      <c r="H57630" s="12"/>
    </row>
    <row r="57631" spans="8:8">
      <c r="H57631" s="12"/>
    </row>
    <row r="57632" spans="8:8">
      <c r="H57632" s="12"/>
    </row>
    <row r="57633" spans="8:8">
      <c r="H57633" s="12"/>
    </row>
    <row r="57634" spans="8:8">
      <c r="H57634" s="12"/>
    </row>
    <row r="57635" spans="8:8">
      <c r="H57635" s="12"/>
    </row>
    <row r="57636" spans="8:8">
      <c r="H57636" s="12"/>
    </row>
    <row r="57637" spans="8:8">
      <c r="H57637" s="12"/>
    </row>
    <row r="57638" spans="8:8">
      <c r="H57638" s="12"/>
    </row>
    <row r="57639" spans="8:8">
      <c r="H57639" s="12"/>
    </row>
    <row r="57640" spans="8:8">
      <c r="H57640" s="12"/>
    </row>
    <row r="57641" spans="8:8">
      <c r="H57641" s="12"/>
    </row>
    <row r="57642" spans="8:8">
      <c r="H57642" s="12"/>
    </row>
    <row r="57643" spans="8:8">
      <c r="H57643" s="12"/>
    </row>
    <row r="57644" spans="8:8">
      <c r="H57644" s="12"/>
    </row>
    <row r="57645" spans="8:8">
      <c r="H57645" s="12"/>
    </row>
    <row r="57646" spans="8:8">
      <c r="H57646" s="12"/>
    </row>
    <row r="57647" spans="8:8">
      <c r="H57647" s="12"/>
    </row>
    <row r="57648" spans="8:8">
      <c r="H57648" s="12"/>
    </row>
    <row r="57649" spans="8:8">
      <c r="H57649" s="12"/>
    </row>
    <row r="57650" spans="8:8">
      <c r="H57650" s="12"/>
    </row>
    <row r="57651" spans="8:8">
      <c r="H57651" s="12"/>
    </row>
    <row r="57652" spans="8:8">
      <c r="H57652" s="12"/>
    </row>
    <row r="57653" spans="8:8">
      <c r="H57653" s="12"/>
    </row>
    <row r="57654" spans="8:8">
      <c r="H57654" s="12"/>
    </row>
    <row r="57655" spans="8:8">
      <c r="H57655" s="12"/>
    </row>
    <row r="57656" spans="8:8">
      <c r="H57656" s="12"/>
    </row>
    <row r="57657" spans="8:8">
      <c r="H57657" s="12"/>
    </row>
    <row r="57658" spans="8:8">
      <c r="H57658" s="12"/>
    </row>
    <row r="57659" spans="8:8">
      <c r="H57659" s="12"/>
    </row>
    <row r="57660" spans="8:8">
      <c r="H57660" s="12"/>
    </row>
    <row r="57661" spans="8:8">
      <c r="H57661" s="12"/>
    </row>
    <row r="57662" spans="8:8">
      <c r="H57662" s="12"/>
    </row>
    <row r="57663" spans="8:8">
      <c r="H57663" s="12"/>
    </row>
    <row r="57664" spans="8:8">
      <c r="H57664" s="12"/>
    </row>
    <row r="57665" spans="8:8">
      <c r="H57665" s="12"/>
    </row>
    <row r="57666" spans="8:8">
      <c r="H57666" s="12"/>
    </row>
    <row r="57667" spans="8:8">
      <c r="H57667" s="12"/>
    </row>
    <row r="57668" spans="8:8">
      <c r="H57668" s="12"/>
    </row>
    <row r="57669" spans="8:8">
      <c r="H57669" s="12"/>
    </row>
    <row r="57670" spans="8:8">
      <c r="H57670" s="12"/>
    </row>
    <row r="57671" spans="8:8">
      <c r="H57671" s="12"/>
    </row>
    <row r="57672" spans="8:8">
      <c r="H57672" s="12"/>
    </row>
    <row r="57673" spans="8:8">
      <c r="H57673" s="12"/>
    </row>
    <row r="57674" spans="8:8">
      <c r="H57674" s="12"/>
    </row>
    <row r="57675" spans="8:8">
      <c r="H57675" s="12"/>
    </row>
    <row r="57676" spans="8:8">
      <c r="H57676" s="12"/>
    </row>
    <row r="57677" spans="8:8">
      <c r="H57677" s="12"/>
    </row>
    <row r="57678" spans="8:8">
      <c r="H57678" s="12"/>
    </row>
    <row r="57679" spans="8:8">
      <c r="H57679" s="12"/>
    </row>
    <row r="57680" spans="8:8">
      <c r="H57680" s="12"/>
    </row>
    <row r="57681" spans="8:8">
      <c r="H57681" s="12"/>
    </row>
    <row r="57682" spans="8:8">
      <c r="H57682" s="12"/>
    </row>
    <row r="57683" spans="8:8">
      <c r="H57683" s="12"/>
    </row>
    <row r="57684" spans="8:8">
      <c r="H57684" s="12"/>
    </row>
    <row r="57685" spans="8:8">
      <c r="H57685" s="12"/>
    </row>
    <row r="57686" spans="8:8">
      <c r="H57686" s="12"/>
    </row>
    <row r="57687" spans="8:8">
      <c r="H57687" s="12"/>
    </row>
    <row r="57688" spans="8:8">
      <c r="H57688" s="12"/>
    </row>
    <row r="57689" spans="8:8">
      <c r="H57689" s="12"/>
    </row>
    <row r="57690" spans="8:8">
      <c r="H57690" s="12"/>
    </row>
    <row r="57691" spans="8:8">
      <c r="H57691" s="12"/>
    </row>
    <row r="57692" spans="8:8">
      <c r="H57692" s="12"/>
    </row>
    <row r="57693" spans="8:8">
      <c r="H57693" s="12"/>
    </row>
    <row r="57694" spans="8:8">
      <c r="H57694" s="12"/>
    </row>
    <row r="57695" spans="8:8">
      <c r="H57695" s="12"/>
    </row>
    <row r="57696" spans="8:8">
      <c r="H57696" s="12"/>
    </row>
    <row r="57697" spans="8:8">
      <c r="H57697" s="12"/>
    </row>
    <row r="57698" spans="8:8">
      <c r="H57698" s="12"/>
    </row>
    <row r="57699" spans="8:8">
      <c r="H57699" s="12"/>
    </row>
    <row r="57700" spans="8:8">
      <c r="H57700" s="12"/>
    </row>
    <row r="57701" spans="8:8">
      <c r="H57701" s="12"/>
    </row>
    <row r="57702" spans="8:8">
      <c r="H57702" s="12"/>
    </row>
    <row r="57703" spans="8:8">
      <c r="H57703" s="12"/>
    </row>
    <row r="57704" spans="8:8">
      <c r="H57704" s="12"/>
    </row>
    <row r="57705" spans="8:8">
      <c r="H57705" s="12"/>
    </row>
    <row r="57706" spans="8:8">
      <c r="H57706" s="12"/>
    </row>
    <row r="57707" spans="8:8">
      <c r="H57707" s="12"/>
    </row>
    <row r="57708" spans="8:8">
      <c r="H57708" s="12"/>
    </row>
    <row r="57709" spans="8:8">
      <c r="H57709" s="12"/>
    </row>
    <row r="57710" spans="8:8">
      <c r="H57710" s="12"/>
    </row>
    <row r="57711" spans="8:8">
      <c r="H57711" s="12"/>
    </row>
    <row r="57712" spans="8:8">
      <c r="H57712" s="12"/>
    </row>
    <row r="57713" spans="8:8">
      <c r="H57713" s="12"/>
    </row>
    <row r="57714" spans="8:8">
      <c r="H57714" s="12"/>
    </row>
    <row r="57715" spans="8:8">
      <c r="H57715" s="12"/>
    </row>
    <row r="57716" spans="8:8">
      <c r="H57716" s="12"/>
    </row>
    <row r="57717" spans="8:8">
      <c r="H57717" s="12"/>
    </row>
    <row r="57718" spans="8:8">
      <c r="H57718" s="12"/>
    </row>
    <row r="57719" spans="8:8">
      <c r="H57719" s="12"/>
    </row>
    <row r="57720" spans="8:8">
      <c r="H57720" s="12"/>
    </row>
    <row r="57721" spans="8:8">
      <c r="H57721" s="12"/>
    </row>
    <row r="57722" spans="8:8">
      <c r="H57722" s="12"/>
    </row>
    <row r="57723" spans="8:8">
      <c r="H57723" s="12"/>
    </row>
    <row r="57724" spans="8:8">
      <c r="H57724" s="12"/>
    </row>
    <row r="57725" spans="8:8">
      <c r="H57725" s="12"/>
    </row>
    <row r="57726" spans="8:8">
      <c r="H57726" s="12"/>
    </row>
    <row r="57727" spans="8:8">
      <c r="H57727" s="12"/>
    </row>
    <row r="57728" spans="8:8">
      <c r="H57728" s="12"/>
    </row>
    <row r="57729" spans="8:8">
      <c r="H57729" s="12"/>
    </row>
    <row r="57730" spans="8:8">
      <c r="H57730" s="12"/>
    </row>
    <row r="57731" spans="8:8">
      <c r="H57731" s="12"/>
    </row>
    <row r="57732" spans="8:8">
      <c r="H57732" s="12"/>
    </row>
    <row r="57733" spans="8:8">
      <c r="H57733" s="12"/>
    </row>
    <row r="57734" spans="8:8">
      <c r="H57734" s="12"/>
    </row>
    <row r="57735" spans="8:8">
      <c r="H57735" s="12"/>
    </row>
    <row r="57736" spans="8:8">
      <c r="H57736" s="12"/>
    </row>
    <row r="57737" spans="8:8">
      <c r="H57737" s="12"/>
    </row>
    <row r="57738" spans="8:8">
      <c r="H57738" s="12"/>
    </row>
    <row r="57739" spans="8:8">
      <c r="H57739" s="12"/>
    </row>
    <row r="57740" spans="8:8">
      <c r="H57740" s="12"/>
    </row>
    <row r="57741" spans="8:8">
      <c r="H57741" s="12"/>
    </row>
    <row r="57742" spans="8:8">
      <c r="H57742" s="12"/>
    </row>
    <row r="57743" spans="8:8">
      <c r="H57743" s="12"/>
    </row>
    <row r="57744" spans="8:8">
      <c r="H57744" s="12"/>
    </row>
    <row r="57745" spans="8:8">
      <c r="H57745" s="12"/>
    </row>
    <row r="57746" spans="8:8">
      <c r="H57746" s="12"/>
    </row>
    <row r="57747" spans="8:8">
      <c r="H57747" s="12"/>
    </row>
    <row r="57748" spans="8:8">
      <c r="H57748" s="12"/>
    </row>
    <row r="57749" spans="8:8">
      <c r="H57749" s="12"/>
    </row>
    <row r="57750" spans="8:8">
      <c r="H57750" s="12"/>
    </row>
    <row r="57751" spans="8:8">
      <c r="H57751" s="12"/>
    </row>
    <row r="57752" spans="8:8">
      <c r="H57752" s="12"/>
    </row>
    <row r="57753" spans="8:8">
      <c r="H57753" s="12"/>
    </row>
    <row r="57754" spans="8:8">
      <c r="H57754" s="12"/>
    </row>
    <row r="57755" spans="8:8">
      <c r="H57755" s="12"/>
    </row>
    <row r="57756" spans="8:8">
      <c r="H57756" s="12"/>
    </row>
    <row r="57757" spans="8:8">
      <c r="H57757" s="12"/>
    </row>
    <row r="57758" spans="8:8">
      <c r="H57758" s="12"/>
    </row>
    <row r="57759" spans="8:8">
      <c r="H57759" s="12"/>
    </row>
    <row r="57760" spans="8:8">
      <c r="H57760" s="12"/>
    </row>
    <row r="57761" spans="8:8">
      <c r="H57761" s="12"/>
    </row>
    <row r="57762" spans="8:8">
      <c r="H57762" s="12"/>
    </row>
    <row r="57763" spans="8:8">
      <c r="H57763" s="12"/>
    </row>
    <row r="57764" spans="8:8">
      <c r="H57764" s="12"/>
    </row>
    <row r="57765" spans="8:8">
      <c r="H57765" s="12"/>
    </row>
    <row r="57766" spans="8:8">
      <c r="H57766" s="12"/>
    </row>
    <row r="57767" spans="8:8">
      <c r="H57767" s="12"/>
    </row>
    <row r="57768" spans="8:8">
      <c r="H57768" s="12"/>
    </row>
    <row r="57769" spans="8:8">
      <c r="H57769" s="12"/>
    </row>
    <row r="57770" spans="8:8">
      <c r="H57770" s="12"/>
    </row>
    <row r="57771" spans="8:8">
      <c r="H57771" s="12"/>
    </row>
    <row r="57772" spans="8:8">
      <c r="H57772" s="12"/>
    </row>
    <row r="57773" spans="8:8">
      <c r="H57773" s="12"/>
    </row>
    <row r="57774" spans="8:8">
      <c r="H57774" s="12"/>
    </row>
    <row r="57775" spans="8:8">
      <c r="H57775" s="12"/>
    </row>
    <row r="57776" spans="8:8">
      <c r="H57776" s="12"/>
    </row>
    <row r="57777" spans="8:8">
      <c r="H57777" s="12"/>
    </row>
    <row r="57778" spans="8:8">
      <c r="H57778" s="12"/>
    </row>
    <row r="57779" spans="8:8">
      <c r="H57779" s="12"/>
    </row>
    <row r="57780" spans="8:8">
      <c r="H57780" s="12"/>
    </row>
    <row r="57781" spans="8:8">
      <c r="H57781" s="12"/>
    </row>
    <row r="57782" spans="8:8">
      <c r="H57782" s="12"/>
    </row>
    <row r="57783" spans="8:8">
      <c r="H57783" s="12"/>
    </row>
    <row r="57784" spans="8:8">
      <c r="H57784" s="12"/>
    </row>
    <row r="57785" spans="8:8">
      <c r="H57785" s="12"/>
    </row>
    <row r="57786" spans="8:8">
      <c r="H57786" s="12"/>
    </row>
    <row r="57787" spans="8:8">
      <c r="H57787" s="12"/>
    </row>
    <row r="57788" spans="8:8">
      <c r="H57788" s="12"/>
    </row>
    <row r="57789" spans="8:8">
      <c r="H57789" s="12"/>
    </row>
    <row r="57790" spans="8:8">
      <c r="H57790" s="12"/>
    </row>
    <row r="57791" spans="8:8">
      <c r="H57791" s="12"/>
    </row>
    <row r="57792" spans="8:8">
      <c r="H57792" s="12"/>
    </row>
    <row r="57793" spans="8:8">
      <c r="H57793" s="12"/>
    </row>
    <row r="57794" spans="8:8">
      <c r="H57794" s="12"/>
    </row>
    <row r="57795" spans="8:8">
      <c r="H57795" s="12"/>
    </row>
    <row r="57796" spans="8:8">
      <c r="H57796" s="12"/>
    </row>
    <row r="57797" spans="8:8">
      <c r="H57797" s="12"/>
    </row>
    <row r="57798" spans="8:8">
      <c r="H57798" s="12"/>
    </row>
    <row r="57799" spans="8:8">
      <c r="H57799" s="12"/>
    </row>
    <row r="57800" spans="8:8">
      <c r="H57800" s="12"/>
    </row>
    <row r="57801" spans="8:8">
      <c r="H57801" s="12"/>
    </row>
    <row r="57802" spans="8:8">
      <c r="H57802" s="12"/>
    </row>
    <row r="57803" spans="8:8">
      <c r="H57803" s="12"/>
    </row>
    <row r="57804" spans="8:8">
      <c r="H57804" s="12"/>
    </row>
    <row r="57805" spans="8:8">
      <c r="H57805" s="12"/>
    </row>
    <row r="57806" spans="8:8">
      <c r="H57806" s="12"/>
    </row>
    <row r="57807" spans="8:8">
      <c r="H57807" s="12"/>
    </row>
    <row r="57808" spans="8:8">
      <c r="H57808" s="12"/>
    </row>
    <row r="57809" spans="8:8">
      <c r="H57809" s="12"/>
    </row>
    <row r="57810" spans="8:8">
      <c r="H57810" s="12"/>
    </row>
    <row r="57811" spans="8:8">
      <c r="H57811" s="12"/>
    </row>
    <row r="57812" spans="8:8">
      <c r="H57812" s="12"/>
    </row>
    <row r="57813" spans="8:8">
      <c r="H57813" s="12"/>
    </row>
    <row r="57814" spans="8:8">
      <c r="H57814" s="12"/>
    </row>
    <row r="57815" spans="8:8">
      <c r="H57815" s="12"/>
    </row>
    <row r="57816" spans="8:8">
      <c r="H57816" s="12"/>
    </row>
    <row r="57817" spans="8:8">
      <c r="H57817" s="12"/>
    </row>
    <row r="57818" spans="8:8">
      <c r="H57818" s="12"/>
    </row>
    <row r="57819" spans="8:8">
      <c r="H57819" s="12"/>
    </row>
    <row r="57820" spans="8:8">
      <c r="H57820" s="12"/>
    </row>
    <row r="57821" spans="8:8">
      <c r="H57821" s="12"/>
    </row>
    <row r="57822" spans="8:8">
      <c r="H57822" s="12"/>
    </row>
    <row r="57823" spans="8:8">
      <c r="H57823" s="12"/>
    </row>
    <row r="57824" spans="8:8">
      <c r="H57824" s="12"/>
    </row>
    <row r="57825" spans="8:8">
      <c r="H57825" s="12"/>
    </row>
    <row r="57826" spans="8:8">
      <c r="H57826" s="12"/>
    </row>
    <row r="57827" spans="8:8">
      <c r="H57827" s="12"/>
    </row>
    <row r="57828" spans="8:8">
      <c r="H57828" s="12"/>
    </row>
    <row r="57829" spans="8:8">
      <c r="H57829" s="12"/>
    </row>
    <row r="57830" spans="8:8">
      <c r="H57830" s="12"/>
    </row>
    <row r="57831" spans="8:8">
      <c r="H57831" s="12"/>
    </row>
    <row r="57832" spans="8:8">
      <c r="H57832" s="12"/>
    </row>
    <row r="57833" spans="8:8">
      <c r="H57833" s="12"/>
    </row>
    <row r="57834" spans="8:8">
      <c r="H57834" s="12"/>
    </row>
    <row r="57835" spans="8:8">
      <c r="H57835" s="12"/>
    </row>
    <row r="57836" spans="8:8">
      <c r="H57836" s="12"/>
    </row>
    <row r="57837" spans="8:8">
      <c r="H57837" s="12"/>
    </row>
    <row r="57838" spans="8:8">
      <c r="H57838" s="12"/>
    </row>
    <row r="57839" spans="8:8">
      <c r="H57839" s="12"/>
    </row>
    <row r="57840" spans="8:8">
      <c r="H57840" s="12"/>
    </row>
    <row r="57841" spans="8:8">
      <c r="H57841" s="12"/>
    </row>
    <row r="57842" spans="8:8">
      <c r="H57842" s="12"/>
    </row>
    <row r="57843" spans="8:8">
      <c r="H57843" s="12"/>
    </row>
    <row r="57844" spans="8:8">
      <c r="H57844" s="12"/>
    </row>
    <row r="57845" spans="8:8">
      <c r="H57845" s="12"/>
    </row>
    <row r="57846" spans="8:8">
      <c r="H57846" s="12"/>
    </row>
    <row r="57847" spans="8:8">
      <c r="H57847" s="12"/>
    </row>
    <row r="57848" spans="8:8">
      <c r="H57848" s="12"/>
    </row>
    <row r="57849" spans="8:8">
      <c r="H57849" s="12"/>
    </row>
    <row r="57850" spans="8:8">
      <c r="H57850" s="12"/>
    </row>
    <row r="57851" spans="8:8">
      <c r="H57851" s="12"/>
    </row>
    <row r="57852" spans="8:8">
      <c r="H57852" s="12"/>
    </row>
    <row r="57853" spans="8:8">
      <c r="H57853" s="12"/>
    </row>
    <row r="57854" spans="8:8">
      <c r="H57854" s="12"/>
    </row>
    <row r="57855" spans="8:8">
      <c r="H57855" s="12"/>
    </row>
    <row r="57856" spans="8:8">
      <c r="H57856" s="12"/>
    </row>
    <row r="57857" spans="8:8">
      <c r="H57857" s="12"/>
    </row>
    <row r="57858" spans="8:8">
      <c r="H57858" s="12"/>
    </row>
    <row r="57859" spans="8:8">
      <c r="H57859" s="12"/>
    </row>
    <row r="57860" spans="8:8">
      <c r="H57860" s="12"/>
    </row>
    <row r="57861" spans="8:8">
      <c r="H57861" s="12"/>
    </row>
    <row r="57862" spans="8:8">
      <c r="H57862" s="12"/>
    </row>
    <row r="57863" spans="8:8">
      <c r="H57863" s="12"/>
    </row>
    <row r="57864" spans="8:8">
      <c r="H57864" s="12"/>
    </row>
    <row r="57865" spans="8:8">
      <c r="H57865" s="12"/>
    </row>
    <row r="57866" spans="8:8">
      <c r="H57866" s="12"/>
    </row>
    <row r="57867" spans="8:8">
      <c r="H57867" s="12"/>
    </row>
    <row r="57868" spans="8:8">
      <c r="H57868" s="12"/>
    </row>
    <row r="57869" spans="8:8">
      <c r="H57869" s="12"/>
    </row>
    <row r="57870" spans="8:8">
      <c r="H57870" s="12"/>
    </row>
    <row r="57871" spans="8:8">
      <c r="H57871" s="12"/>
    </row>
    <row r="57872" spans="8:8">
      <c r="H57872" s="12"/>
    </row>
    <row r="57873" spans="8:8">
      <c r="H57873" s="12"/>
    </row>
    <row r="57874" spans="8:8">
      <c r="H57874" s="12"/>
    </row>
    <row r="57875" spans="8:8">
      <c r="H57875" s="12"/>
    </row>
    <row r="57876" spans="8:8">
      <c r="H57876" s="12"/>
    </row>
    <row r="57877" spans="8:8">
      <c r="H57877" s="12"/>
    </row>
    <row r="57878" spans="8:8">
      <c r="H57878" s="12"/>
    </row>
    <row r="57879" spans="8:8">
      <c r="H57879" s="12"/>
    </row>
    <row r="57880" spans="8:8">
      <c r="H57880" s="12"/>
    </row>
    <row r="57881" spans="8:8">
      <c r="H57881" s="12"/>
    </row>
    <row r="57882" spans="8:8">
      <c r="H57882" s="12"/>
    </row>
    <row r="57883" spans="8:8">
      <c r="H57883" s="12"/>
    </row>
    <row r="57884" spans="8:8">
      <c r="H57884" s="12"/>
    </row>
    <row r="57885" spans="8:8">
      <c r="H57885" s="12"/>
    </row>
    <row r="57886" spans="8:8">
      <c r="H57886" s="12"/>
    </row>
    <row r="57887" spans="8:8">
      <c r="H57887" s="12"/>
    </row>
    <row r="57888" spans="8:8">
      <c r="H57888" s="12"/>
    </row>
    <row r="57889" spans="8:8">
      <c r="H57889" s="12"/>
    </row>
    <row r="57890" spans="8:8">
      <c r="H57890" s="12"/>
    </row>
    <row r="57891" spans="8:8">
      <c r="H57891" s="12"/>
    </row>
    <row r="57892" spans="8:8">
      <c r="H57892" s="12"/>
    </row>
    <row r="57893" spans="8:8">
      <c r="H57893" s="12"/>
    </row>
    <row r="57894" spans="8:8">
      <c r="H57894" s="12"/>
    </row>
    <row r="57895" spans="8:8">
      <c r="H57895" s="12"/>
    </row>
    <row r="57896" spans="8:8">
      <c r="H57896" s="12"/>
    </row>
    <row r="57897" spans="8:8">
      <c r="H57897" s="12"/>
    </row>
    <row r="57898" spans="8:8">
      <c r="H57898" s="12"/>
    </row>
    <row r="57899" spans="8:8">
      <c r="H57899" s="12"/>
    </row>
    <row r="57900" spans="8:8">
      <c r="H57900" s="12"/>
    </row>
    <row r="57901" spans="8:8">
      <c r="H57901" s="12"/>
    </row>
    <row r="57902" spans="8:8">
      <c r="H57902" s="12"/>
    </row>
    <row r="57903" spans="8:8">
      <c r="H57903" s="12"/>
    </row>
    <row r="57904" spans="8:8">
      <c r="H57904" s="12"/>
    </row>
    <row r="57905" spans="8:8">
      <c r="H57905" s="12"/>
    </row>
    <row r="57906" spans="8:8">
      <c r="H57906" s="12"/>
    </row>
    <row r="57907" spans="8:8">
      <c r="H57907" s="12"/>
    </row>
    <row r="57908" spans="8:8">
      <c r="H57908" s="12"/>
    </row>
    <row r="57909" spans="8:8">
      <c r="H57909" s="12"/>
    </row>
    <row r="57910" spans="8:8">
      <c r="H57910" s="12"/>
    </row>
    <row r="57911" spans="8:8">
      <c r="H57911" s="12"/>
    </row>
    <row r="57912" spans="8:8">
      <c r="H57912" s="12"/>
    </row>
    <row r="57913" spans="8:8">
      <c r="H57913" s="12"/>
    </row>
    <row r="57914" spans="8:8">
      <c r="H57914" s="12"/>
    </row>
    <row r="57915" spans="8:8">
      <c r="H57915" s="12"/>
    </row>
    <row r="57916" spans="8:8">
      <c r="H57916" s="12"/>
    </row>
    <row r="57917" spans="8:8">
      <c r="H57917" s="12"/>
    </row>
    <row r="57918" spans="8:8">
      <c r="H57918" s="12"/>
    </row>
    <row r="57919" spans="8:8">
      <c r="H57919" s="12"/>
    </row>
    <row r="57920" spans="8:8">
      <c r="H57920" s="12"/>
    </row>
    <row r="57921" spans="8:8">
      <c r="H57921" s="12"/>
    </row>
    <row r="57922" spans="8:8">
      <c r="H57922" s="12"/>
    </row>
    <row r="57923" spans="8:8">
      <c r="H57923" s="12"/>
    </row>
    <row r="57924" spans="8:8">
      <c r="H57924" s="12"/>
    </row>
    <row r="57925" spans="8:8">
      <c r="H57925" s="12"/>
    </row>
    <row r="57926" spans="8:8">
      <c r="H57926" s="12"/>
    </row>
    <row r="57927" spans="8:8">
      <c r="H57927" s="12"/>
    </row>
    <row r="57928" spans="8:8">
      <c r="H57928" s="12"/>
    </row>
    <row r="57929" spans="8:8">
      <c r="H57929" s="12"/>
    </row>
    <row r="57930" spans="8:8">
      <c r="H57930" s="12"/>
    </row>
    <row r="57931" spans="8:8">
      <c r="H57931" s="12"/>
    </row>
    <row r="57932" spans="8:8">
      <c r="H57932" s="12"/>
    </row>
    <row r="57933" spans="8:8">
      <c r="H57933" s="12"/>
    </row>
    <row r="57934" spans="8:8">
      <c r="H57934" s="12"/>
    </row>
    <row r="57935" spans="8:8">
      <c r="H57935" s="12"/>
    </row>
    <row r="57936" spans="8:8">
      <c r="H57936" s="12"/>
    </row>
    <row r="57937" spans="8:8">
      <c r="H57937" s="12"/>
    </row>
    <row r="57938" spans="8:8">
      <c r="H57938" s="12"/>
    </row>
    <row r="57939" spans="8:8">
      <c r="H57939" s="12"/>
    </row>
    <row r="57940" spans="8:8">
      <c r="H57940" s="12"/>
    </row>
    <row r="57941" spans="8:8">
      <c r="H57941" s="12"/>
    </row>
    <row r="57942" spans="8:8">
      <c r="H57942" s="12"/>
    </row>
    <row r="57943" spans="8:8">
      <c r="H57943" s="12"/>
    </row>
    <row r="57944" spans="8:8">
      <c r="H57944" s="12"/>
    </row>
    <row r="57945" spans="8:8">
      <c r="H57945" s="12"/>
    </row>
    <row r="57946" spans="8:8">
      <c r="H57946" s="12"/>
    </row>
    <row r="57947" spans="8:8">
      <c r="H57947" s="12"/>
    </row>
    <row r="57948" spans="8:8">
      <c r="H57948" s="12"/>
    </row>
    <row r="57949" spans="8:8">
      <c r="H57949" s="12"/>
    </row>
    <row r="57950" spans="8:8">
      <c r="H57950" s="12"/>
    </row>
    <row r="57951" spans="8:8">
      <c r="H57951" s="12"/>
    </row>
    <row r="57952" spans="8:8">
      <c r="H57952" s="12"/>
    </row>
    <row r="57953" spans="8:8">
      <c r="H57953" s="12"/>
    </row>
    <row r="57954" spans="8:8">
      <c r="H57954" s="12"/>
    </row>
    <row r="57955" spans="8:8">
      <c r="H57955" s="12"/>
    </row>
    <row r="57956" spans="8:8">
      <c r="H57956" s="12"/>
    </row>
    <row r="57957" spans="8:8">
      <c r="H57957" s="12"/>
    </row>
    <row r="57958" spans="8:8">
      <c r="H57958" s="12"/>
    </row>
    <row r="57959" spans="8:8">
      <c r="H57959" s="12"/>
    </row>
    <row r="57960" spans="8:8">
      <c r="H57960" s="12"/>
    </row>
    <row r="57961" spans="8:8">
      <c r="H57961" s="12"/>
    </row>
    <row r="57962" spans="8:8">
      <c r="H57962" s="12"/>
    </row>
    <row r="57963" spans="8:8">
      <c r="H57963" s="12"/>
    </row>
    <row r="57964" spans="8:8">
      <c r="H57964" s="12"/>
    </row>
    <row r="57965" spans="8:8">
      <c r="H57965" s="12"/>
    </row>
    <row r="57966" spans="8:8">
      <c r="H57966" s="12"/>
    </row>
    <row r="57967" spans="8:8">
      <c r="H57967" s="12"/>
    </row>
    <row r="57968" spans="8:8">
      <c r="H57968" s="12"/>
    </row>
    <row r="57969" spans="8:8">
      <c r="H57969" s="12"/>
    </row>
    <row r="57970" spans="8:8">
      <c r="H57970" s="12"/>
    </row>
    <row r="57971" spans="8:8">
      <c r="H57971" s="12"/>
    </row>
    <row r="57972" spans="8:8">
      <c r="H57972" s="12"/>
    </row>
    <row r="57973" spans="8:8">
      <c r="H57973" s="12"/>
    </row>
    <row r="57974" spans="8:8">
      <c r="H57974" s="12"/>
    </row>
    <row r="57975" spans="8:8">
      <c r="H57975" s="12"/>
    </row>
    <row r="57976" spans="8:8">
      <c r="H57976" s="12"/>
    </row>
    <row r="57977" spans="8:8">
      <c r="H57977" s="12"/>
    </row>
    <row r="57978" spans="8:8">
      <c r="H57978" s="12"/>
    </row>
    <row r="57979" spans="8:8">
      <c r="H57979" s="12"/>
    </row>
    <row r="57980" spans="8:8">
      <c r="H57980" s="12"/>
    </row>
    <row r="57981" spans="8:8">
      <c r="H57981" s="12"/>
    </row>
    <row r="57982" spans="8:8">
      <c r="H57982" s="12"/>
    </row>
    <row r="57983" spans="8:8">
      <c r="H57983" s="12"/>
    </row>
    <row r="57984" spans="8:8">
      <c r="H57984" s="12"/>
    </row>
    <row r="57985" spans="8:8">
      <c r="H57985" s="12"/>
    </row>
    <row r="57986" spans="8:8">
      <c r="H57986" s="12"/>
    </row>
    <row r="57987" spans="8:8">
      <c r="H57987" s="12"/>
    </row>
    <row r="57988" spans="8:8">
      <c r="H57988" s="12"/>
    </row>
    <row r="57989" spans="8:8">
      <c r="H57989" s="12"/>
    </row>
    <row r="57990" spans="8:8">
      <c r="H57990" s="12"/>
    </row>
    <row r="57991" spans="8:8">
      <c r="H57991" s="12"/>
    </row>
    <row r="57992" spans="8:8">
      <c r="H57992" s="12"/>
    </row>
    <row r="57993" spans="8:8">
      <c r="H57993" s="12"/>
    </row>
    <row r="57994" spans="8:8">
      <c r="H57994" s="12"/>
    </row>
    <row r="57995" spans="8:8">
      <c r="H57995" s="12"/>
    </row>
    <row r="57996" spans="8:8">
      <c r="H57996" s="12"/>
    </row>
    <row r="57997" spans="8:8">
      <c r="H57997" s="12"/>
    </row>
    <row r="57998" spans="8:8">
      <c r="H57998" s="12"/>
    </row>
    <row r="57999" spans="8:8">
      <c r="H57999" s="12"/>
    </row>
    <row r="58000" spans="8:8">
      <c r="H58000" s="12"/>
    </row>
    <row r="58001" spans="8:8">
      <c r="H58001" s="12"/>
    </row>
    <row r="58002" spans="8:8">
      <c r="H58002" s="12"/>
    </row>
    <row r="58003" spans="8:8">
      <c r="H58003" s="12"/>
    </row>
    <row r="58004" spans="8:8">
      <c r="H58004" s="12"/>
    </row>
    <row r="58005" spans="8:8">
      <c r="H58005" s="12"/>
    </row>
    <row r="58006" spans="8:8">
      <c r="H58006" s="12"/>
    </row>
    <row r="58007" spans="8:8">
      <c r="H58007" s="12"/>
    </row>
    <row r="58008" spans="8:8">
      <c r="H58008" s="12"/>
    </row>
    <row r="58009" spans="8:8">
      <c r="H58009" s="12"/>
    </row>
    <row r="58010" spans="8:8">
      <c r="H58010" s="12"/>
    </row>
    <row r="58011" spans="8:8">
      <c r="H58011" s="12"/>
    </row>
    <row r="58012" spans="8:8">
      <c r="H58012" s="12"/>
    </row>
    <row r="58013" spans="8:8">
      <c r="H58013" s="12"/>
    </row>
    <row r="58014" spans="8:8">
      <c r="H58014" s="12"/>
    </row>
    <row r="58015" spans="8:8">
      <c r="H58015" s="12"/>
    </row>
    <row r="58016" spans="8:8">
      <c r="H58016" s="12"/>
    </row>
    <row r="58017" spans="8:8">
      <c r="H58017" s="12"/>
    </row>
    <row r="58018" spans="8:8">
      <c r="H58018" s="12"/>
    </row>
    <row r="58019" spans="8:8">
      <c r="H58019" s="12"/>
    </row>
    <row r="58020" spans="8:8">
      <c r="H58020" s="12"/>
    </row>
    <row r="58021" spans="8:8">
      <c r="H58021" s="12"/>
    </row>
    <row r="58022" spans="8:8">
      <c r="H58022" s="12"/>
    </row>
    <row r="58023" spans="8:8">
      <c r="H58023" s="12"/>
    </row>
    <row r="58024" spans="8:8">
      <c r="H58024" s="12"/>
    </row>
    <row r="58025" spans="8:8">
      <c r="H58025" s="12"/>
    </row>
    <row r="58026" spans="8:8">
      <c r="H58026" s="12"/>
    </row>
    <row r="58027" spans="8:8">
      <c r="H58027" s="12"/>
    </row>
    <row r="58028" spans="8:8">
      <c r="H58028" s="12"/>
    </row>
    <row r="58029" spans="8:8">
      <c r="H58029" s="12"/>
    </row>
    <row r="58030" spans="8:8">
      <c r="H58030" s="12"/>
    </row>
    <row r="58031" spans="8:8">
      <c r="H58031" s="12"/>
    </row>
    <row r="58032" spans="8:8">
      <c r="H58032" s="12"/>
    </row>
    <row r="58033" spans="8:8">
      <c r="H58033" s="12"/>
    </row>
    <row r="58034" spans="8:8">
      <c r="H58034" s="12"/>
    </row>
    <row r="58035" spans="8:8">
      <c r="H58035" s="12"/>
    </row>
    <row r="58036" spans="8:8">
      <c r="H58036" s="12"/>
    </row>
    <row r="58037" spans="8:8">
      <c r="H58037" s="12"/>
    </row>
    <row r="58038" spans="8:8">
      <c r="H58038" s="12"/>
    </row>
    <row r="58039" spans="8:8">
      <c r="H58039" s="12"/>
    </row>
    <row r="58040" spans="8:8">
      <c r="H58040" s="12"/>
    </row>
    <row r="58041" spans="8:8">
      <c r="H58041" s="12"/>
    </row>
    <row r="58042" spans="8:8">
      <c r="H58042" s="12"/>
    </row>
    <row r="58043" spans="8:8">
      <c r="H58043" s="12"/>
    </row>
    <row r="58044" spans="8:8">
      <c r="H58044" s="12"/>
    </row>
    <row r="58045" spans="8:8">
      <c r="H58045" s="12"/>
    </row>
    <row r="58046" spans="8:8">
      <c r="H58046" s="12"/>
    </row>
    <row r="58047" spans="8:8">
      <c r="H58047" s="12"/>
    </row>
    <row r="58048" spans="8:8">
      <c r="H58048" s="12"/>
    </row>
    <row r="58049" spans="8:8">
      <c r="H58049" s="12"/>
    </row>
    <row r="58050" spans="8:8">
      <c r="H58050" s="12"/>
    </row>
    <row r="58051" spans="8:8">
      <c r="H58051" s="12"/>
    </row>
    <row r="58052" spans="8:8">
      <c r="H58052" s="12"/>
    </row>
    <row r="58053" spans="8:8">
      <c r="H58053" s="12"/>
    </row>
    <row r="58054" spans="8:8">
      <c r="H58054" s="12"/>
    </row>
    <row r="58055" spans="8:8">
      <c r="H58055" s="12"/>
    </row>
    <row r="58056" spans="8:8">
      <c r="H58056" s="12"/>
    </row>
    <row r="58057" spans="8:8">
      <c r="H58057" s="12"/>
    </row>
    <row r="58058" spans="8:8">
      <c r="H58058" s="12"/>
    </row>
    <row r="58059" spans="8:8">
      <c r="H58059" s="12"/>
    </row>
    <row r="58060" spans="8:8">
      <c r="H58060" s="12"/>
    </row>
    <row r="58061" spans="8:8">
      <c r="H58061" s="12"/>
    </row>
    <row r="58062" spans="8:8">
      <c r="H58062" s="12"/>
    </row>
    <row r="58063" spans="8:8">
      <c r="H58063" s="12"/>
    </row>
    <row r="58064" spans="8:8">
      <c r="H58064" s="12"/>
    </row>
    <row r="58065" spans="8:8">
      <c r="H58065" s="12"/>
    </row>
    <row r="58066" spans="8:8">
      <c r="H58066" s="12"/>
    </row>
    <row r="58067" spans="8:8">
      <c r="H58067" s="12"/>
    </row>
    <row r="58068" spans="8:8">
      <c r="H58068" s="12"/>
    </row>
    <row r="58069" spans="8:8">
      <c r="H58069" s="12"/>
    </row>
    <row r="58070" spans="8:8">
      <c r="H58070" s="12"/>
    </row>
    <row r="58071" spans="8:8">
      <c r="H58071" s="12"/>
    </row>
    <row r="58072" spans="8:8">
      <c r="H58072" s="12"/>
    </row>
    <row r="58073" spans="8:8">
      <c r="H58073" s="12"/>
    </row>
    <row r="58074" spans="8:8">
      <c r="H58074" s="12"/>
    </row>
    <row r="58075" spans="8:8">
      <c r="H58075" s="12"/>
    </row>
    <row r="58076" spans="8:8">
      <c r="H58076" s="12"/>
    </row>
    <row r="58077" spans="8:8">
      <c r="H58077" s="12"/>
    </row>
    <row r="58078" spans="8:8">
      <c r="H58078" s="12"/>
    </row>
    <row r="58079" spans="8:8">
      <c r="H58079" s="12"/>
    </row>
    <row r="58080" spans="8:8">
      <c r="H58080" s="12"/>
    </row>
    <row r="58081" spans="8:8">
      <c r="H58081" s="12"/>
    </row>
    <row r="58082" spans="8:8">
      <c r="H58082" s="12"/>
    </row>
    <row r="58083" spans="8:8">
      <c r="H58083" s="12"/>
    </row>
    <row r="58084" spans="8:8">
      <c r="H58084" s="12"/>
    </row>
    <row r="58085" spans="8:8">
      <c r="H58085" s="12"/>
    </row>
    <row r="58086" spans="8:8">
      <c r="H58086" s="12"/>
    </row>
    <row r="58087" spans="8:8">
      <c r="H58087" s="12"/>
    </row>
    <row r="58088" spans="8:8">
      <c r="H58088" s="12"/>
    </row>
    <row r="58089" spans="8:8">
      <c r="H58089" s="12"/>
    </row>
    <row r="58090" spans="8:8">
      <c r="H58090" s="12"/>
    </row>
    <row r="58091" spans="8:8">
      <c r="H58091" s="12"/>
    </row>
    <row r="58092" spans="8:8">
      <c r="H58092" s="12"/>
    </row>
    <row r="58093" spans="8:8">
      <c r="H58093" s="12"/>
    </row>
    <row r="58094" spans="8:8">
      <c r="H58094" s="12"/>
    </row>
    <row r="58095" spans="8:8">
      <c r="H58095" s="12"/>
    </row>
    <row r="58096" spans="8:8">
      <c r="H58096" s="12"/>
    </row>
    <row r="58097" spans="8:8">
      <c r="H58097" s="12"/>
    </row>
    <row r="58098" spans="8:8">
      <c r="H58098" s="12"/>
    </row>
    <row r="58099" spans="8:8">
      <c r="H58099" s="12"/>
    </row>
    <row r="58100" spans="8:8">
      <c r="H58100" s="12"/>
    </row>
    <row r="58101" spans="8:8">
      <c r="H58101" s="12"/>
    </row>
    <row r="58102" spans="8:8">
      <c r="H58102" s="12"/>
    </row>
    <row r="58103" spans="8:8">
      <c r="H58103" s="12"/>
    </row>
    <row r="58104" spans="8:8">
      <c r="H58104" s="12"/>
    </row>
    <row r="58105" spans="8:8">
      <c r="H58105" s="12"/>
    </row>
    <row r="58106" spans="8:8">
      <c r="H58106" s="12"/>
    </row>
    <row r="58107" spans="8:8">
      <c r="H58107" s="12"/>
    </row>
    <row r="58108" spans="8:8">
      <c r="H58108" s="12"/>
    </row>
    <row r="58109" spans="8:8">
      <c r="H58109" s="12"/>
    </row>
    <row r="58110" spans="8:8">
      <c r="H58110" s="12"/>
    </row>
    <row r="58111" spans="8:8">
      <c r="H58111" s="12"/>
    </row>
    <row r="58112" spans="8:8">
      <c r="H58112" s="12"/>
    </row>
    <row r="58113" spans="8:8">
      <c r="H58113" s="12"/>
    </row>
    <row r="58114" spans="8:8">
      <c r="H58114" s="12"/>
    </row>
    <row r="58115" spans="8:8">
      <c r="H58115" s="12"/>
    </row>
    <row r="58116" spans="8:8">
      <c r="H58116" s="12"/>
    </row>
    <row r="58117" spans="8:8">
      <c r="H58117" s="12"/>
    </row>
    <row r="58118" spans="8:8">
      <c r="H58118" s="12"/>
    </row>
    <row r="58119" spans="8:8">
      <c r="H58119" s="12"/>
    </row>
    <row r="58120" spans="8:8">
      <c r="H58120" s="12"/>
    </row>
    <row r="58121" spans="8:8">
      <c r="H58121" s="12"/>
    </row>
    <row r="58122" spans="8:8">
      <c r="H58122" s="12"/>
    </row>
    <row r="58123" spans="8:8">
      <c r="H58123" s="12"/>
    </row>
    <row r="58124" spans="8:8">
      <c r="H58124" s="12"/>
    </row>
    <row r="58125" spans="8:8">
      <c r="H58125" s="12"/>
    </row>
    <row r="58126" spans="8:8">
      <c r="H58126" s="12"/>
    </row>
    <row r="58127" spans="8:8">
      <c r="H58127" s="12"/>
    </row>
    <row r="58128" spans="8:8">
      <c r="H58128" s="12"/>
    </row>
    <row r="58129" spans="8:8">
      <c r="H58129" s="12"/>
    </row>
    <row r="58130" spans="8:8">
      <c r="H58130" s="12"/>
    </row>
    <row r="58131" spans="8:8">
      <c r="H58131" s="12"/>
    </row>
    <row r="58132" spans="8:8">
      <c r="H58132" s="12"/>
    </row>
    <row r="58133" spans="8:8">
      <c r="H58133" s="12"/>
    </row>
    <row r="58134" spans="8:8">
      <c r="H58134" s="12"/>
    </row>
    <row r="58135" spans="8:8">
      <c r="H58135" s="12"/>
    </row>
    <row r="58136" spans="8:8">
      <c r="H58136" s="12"/>
    </row>
    <row r="58137" spans="8:8">
      <c r="H58137" s="12"/>
    </row>
    <row r="58138" spans="8:8">
      <c r="H58138" s="12"/>
    </row>
    <row r="58139" spans="8:8">
      <c r="H58139" s="12"/>
    </row>
    <row r="58140" spans="8:8">
      <c r="H58140" s="12"/>
    </row>
    <row r="58141" spans="8:8">
      <c r="H58141" s="12"/>
    </row>
    <row r="58142" spans="8:8">
      <c r="H58142" s="12"/>
    </row>
    <row r="58143" spans="8:8">
      <c r="H58143" s="12"/>
    </row>
    <row r="58144" spans="8:8">
      <c r="H58144" s="12"/>
    </row>
    <row r="58145" spans="8:8">
      <c r="H58145" s="12"/>
    </row>
    <row r="58146" spans="8:8">
      <c r="H58146" s="12"/>
    </row>
    <row r="58147" spans="8:8">
      <c r="H58147" s="12"/>
    </row>
    <row r="58148" spans="8:8">
      <c r="H58148" s="12"/>
    </row>
    <row r="58149" spans="8:8">
      <c r="H58149" s="12"/>
    </row>
    <row r="58150" spans="8:8">
      <c r="H58150" s="12"/>
    </row>
    <row r="58151" spans="8:8">
      <c r="H58151" s="12"/>
    </row>
    <row r="58152" spans="8:8">
      <c r="H58152" s="12"/>
    </row>
    <row r="58153" spans="8:8">
      <c r="H58153" s="12"/>
    </row>
    <row r="58154" spans="8:8">
      <c r="H58154" s="12"/>
    </row>
    <row r="58155" spans="8:8">
      <c r="H58155" s="12"/>
    </row>
    <row r="58156" spans="8:8">
      <c r="H58156" s="12"/>
    </row>
    <row r="58157" spans="8:8">
      <c r="H58157" s="12"/>
    </row>
    <row r="58158" spans="8:8">
      <c r="H58158" s="12"/>
    </row>
    <row r="58159" spans="8:8">
      <c r="H58159" s="12"/>
    </row>
    <row r="58160" spans="8:8">
      <c r="H58160" s="12"/>
    </row>
    <row r="58161" spans="8:8">
      <c r="H58161" s="12"/>
    </row>
    <row r="58162" spans="8:8">
      <c r="H58162" s="12"/>
    </row>
    <row r="58163" spans="8:8">
      <c r="H58163" s="12"/>
    </row>
    <row r="58164" spans="8:8">
      <c r="H58164" s="12"/>
    </row>
    <row r="58165" spans="8:8">
      <c r="H58165" s="12"/>
    </row>
    <row r="58166" spans="8:8">
      <c r="H58166" s="12"/>
    </row>
    <row r="58167" spans="8:8">
      <c r="H58167" s="12"/>
    </row>
    <row r="58168" spans="8:8">
      <c r="H58168" s="12"/>
    </row>
    <row r="58169" spans="8:8">
      <c r="H58169" s="12"/>
    </row>
    <row r="58170" spans="8:8">
      <c r="H58170" s="12"/>
    </row>
    <row r="58171" spans="8:8">
      <c r="H58171" s="12"/>
    </row>
    <row r="58172" spans="8:8">
      <c r="H58172" s="12"/>
    </row>
    <row r="58173" spans="8:8">
      <c r="H58173" s="12"/>
    </row>
    <row r="58174" spans="8:8">
      <c r="H58174" s="12"/>
    </row>
    <row r="58175" spans="8:8">
      <c r="H58175" s="12"/>
    </row>
    <row r="58176" spans="8:8">
      <c r="H58176" s="12"/>
    </row>
    <row r="58177" spans="8:8">
      <c r="H58177" s="12"/>
    </row>
    <row r="58178" spans="8:8">
      <c r="H58178" s="12"/>
    </row>
    <row r="58179" spans="8:8">
      <c r="H58179" s="12"/>
    </row>
    <row r="58180" spans="8:8">
      <c r="H58180" s="12"/>
    </row>
    <row r="58181" spans="8:8">
      <c r="H58181" s="12"/>
    </row>
    <row r="58182" spans="8:8">
      <c r="H58182" s="12"/>
    </row>
    <row r="58183" spans="8:8">
      <c r="H58183" s="12"/>
    </row>
    <row r="58184" spans="8:8">
      <c r="H58184" s="12"/>
    </row>
    <row r="58185" spans="8:8">
      <c r="H58185" s="12"/>
    </row>
    <row r="58186" spans="8:8">
      <c r="H58186" s="12"/>
    </row>
    <row r="58187" spans="8:8">
      <c r="H58187" s="12"/>
    </row>
    <row r="58188" spans="8:8">
      <c r="H58188" s="12"/>
    </row>
    <row r="58189" spans="8:8">
      <c r="H58189" s="12"/>
    </row>
    <row r="58190" spans="8:8">
      <c r="H58190" s="12"/>
    </row>
    <row r="58191" spans="8:8">
      <c r="H58191" s="12"/>
    </row>
    <row r="58192" spans="8:8">
      <c r="H58192" s="12"/>
    </row>
    <row r="58193" spans="8:8">
      <c r="H58193" s="12"/>
    </row>
    <row r="58194" spans="8:8">
      <c r="H58194" s="12"/>
    </row>
    <row r="58195" spans="8:8">
      <c r="H58195" s="12"/>
    </row>
    <row r="58196" spans="8:8">
      <c r="H58196" s="12"/>
    </row>
    <row r="58197" spans="8:8">
      <c r="H58197" s="12"/>
    </row>
    <row r="58198" spans="8:8">
      <c r="H58198" s="12"/>
    </row>
    <row r="58199" spans="8:8">
      <c r="H58199" s="12"/>
    </row>
    <row r="58200" spans="8:8">
      <c r="H58200" s="12"/>
    </row>
    <row r="58201" spans="8:8">
      <c r="H58201" s="12"/>
    </row>
    <row r="58202" spans="8:8">
      <c r="H58202" s="12"/>
    </row>
    <row r="58203" spans="8:8">
      <c r="H58203" s="12"/>
    </row>
    <row r="58204" spans="8:8">
      <c r="H58204" s="12"/>
    </row>
    <row r="58205" spans="8:8">
      <c r="H58205" s="12"/>
    </row>
    <row r="58206" spans="8:8">
      <c r="H58206" s="12"/>
    </row>
    <row r="58207" spans="8:8">
      <c r="H58207" s="12"/>
    </row>
    <row r="58208" spans="8:8">
      <c r="H58208" s="12"/>
    </row>
    <row r="58209" spans="8:8">
      <c r="H58209" s="12"/>
    </row>
    <row r="58210" spans="8:8">
      <c r="H58210" s="12"/>
    </row>
    <row r="58211" spans="8:8">
      <c r="H58211" s="12"/>
    </row>
    <row r="58212" spans="8:8">
      <c r="H58212" s="12"/>
    </row>
    <row r="58213" spans="8:8">
      <c r="H58213" s="12"/>
    </row>
    <row r="58214" spans="8:8">
      <c r="H58214" s="12"/>
    </row>
    <row r="58215" spans="8:8">
      <c r="H58215" s="12"/>
    </row>
    <row r="58216" spans="8:8">
      <c r="H58216" s="12"/>
    </row>
    <row r="58217" spans="8:8">
      <c r="H58217" s="12"/>
    </row>
    <row r="58218" spans="8:8">
      <c r="H58218" s="12"/>
    </row>
    <row r="58219" spans="8:8">
      <c r="H58219" s="12"/>
    </row>
    <row r="58220" spans="8:8">
      <c r="H58220" s="12"/>
    </row>
    <row r="58221" spans="8:8">
      <c r="H58221" s="12"/>
    </row>
    <row r="58222" spans="8:8">
      <c r="H58222" s="12"/>
    </row>
    <row r="58223" spans="8:8">
      <c r="H58223" s="12"/>
    </row>
    <row r="58224" spans="8:8">
      <c r="H58224" s="12"/>
    </row>
    <row r="58225" spans="8:8">
      <c r="H58225" s="12"/>
    </row>
    <row r="58226" spans="8:8">
      <c r="H58226" s="12"/>
    </row>
    <row r="58227" spans="8:8">
      <c r="H58227" s="12"/>
    </row>
    <row r="58228" spans="8:8">
      <c r="H58228" s="12"/>
    </row>
    <row r="58229" spans="8:8">
      <c r="H58229" s="12"/>
    </row>
    <row r="58230" spans="8:8">
      <c r="H58230" s="12"/>
    </row>
    <row r="58231" spans="8:8">
      <c r="H58231" s="12"/>
    </row>
    <row r="58232" spans="8:8">
      <c r="H58232" s="12"/>
    </row>
    <row r="58233" spans="8:8">
      <c r="H58233" s="12"/>
    </row>
    <row r="58234" spans="8:8">
      <c r="H58234" s="12"/>
    </row>
    <row r="58235" spans="8:8">
      <c r="H58235" s="12"/>
    </row>
    <row r="58236" spans="8:8">
      <c r="H58236" s="12"/>
    </row>
    <row r="58237" spans="8:8">
      <c r="H58237" s="12"/>
    </row>
    <row r="58238" spans="8:8">
      <c r="H58238" s="12"/>
    </row>
    <row r="58239" spans="8:8">
      <c r="H58239" s="12"/>
    </row>
    <row r="58240" spans="8:8">
      <c r="H58240" s="12"/>
    </row>
    <row r="58241" spans="8:8">
      <c r="H58241" s="12"/>
    </row>
    <row r="58242" spans="8:8">
      <c r="H58242" s="12"/>
    </row>
    <row r="58243" spans="8:8">
      <c r="H58243" s="12"/>
    </row>
    <row r="58244" spans="8:8">
      <c r="H58244" s="12"/>
    </row>
    <row r="58245" spans="8:8">
      <c r="H58245" s="12"/>
    </row>
    <row r="58246" spans="8:8">
      <c r="H58246" s="12"/>
    </row>
    <row r="58247" spans="8:8">
      <c r="H58247" s="12"/>
    </row>
    <row r="58248" spans="8:8">
      <c r="H58248" s="12"/>
    </row>
    <row r="58249" spans="8:8">
      <c r="H58249" s="12"/>
    </row>
    <row r="58250" spans="8:8">
      <c r="H58250" s="12"/>
    </row>
    <row r="58251" spans="8:8">
      <c r="H58251" s="12"/>
    </row>
    <row r="58252" spans="8:8">
      <c r="H58252" s="12"/>
    </row>
    <row r="58253" spans="8:8">
      <c r="H58253" s="12"/>
    </row>
    <row r="58254" spans="8:8">
      <c r="H58254" s="12"/>
    </row>
    <row r="58255" spans="8:8">
      <c r="H58255" s="12"/>
    </row>
    <row r="58256" spans="8:8">
      <c r="H58256" s="12"/>
    </row>
    <row r="58257" spans="8:8">
      <c r="H58257" s="12"/>
    </row>
    <row r="58258" spans="8:8">
      <c r="H58258" s="12"/>
    </row>
    <row r="58259" spans="8:8">
      <c r="H58259" s="12"/>
    </row>
    <row r="58260" spans="8:8">
      <c r="H58260" s="12"/>
    </row>
    <row r="58261" spans="8:8">
      <c r="H58261" s="12"/>
    </row>
    <row r="58262" spans="8:8">
      <c r="H58262" s="12"/>
    </row>
    <row r="58263" spans="8:8">
      <c r="H58263" s="12"/>
    </row>
    <row r="58264" spans="8:8">
      <c r="H58264" s="12"/>
    </row>
    <row r="58265" spans="8:8">
      <c r="H58265" s="12"/>
    </row>
    <row r="58266" spans="8:8">
      <c r="H58266" s="12"/>
    </row>
    <row r="58267" spans="8:8">
      <c r="H58267" s="12"/>
    </row>
    <row r="58268" spans="8:8">
      <c r="H58268" s="12"/>
    </row>
    <row r="58269" spans="8:8">
      <c r="H58269" s="12"/>
    </row>
    <row r="58270" spans="8:8">
      <c r="H58270" s="12"/>
    </row>
    <row r="58271" spans="8:8">
      <c r="H58271" s="12"/>
    </row>
    <row r="58272" spans="8:8">
      <c r="H58272" s="12"/>
    </row>
    <row r="58273" spans="8:8">
      <c r="H58273" s="12"/>
    </row>
    <row r="58274" spans="8:8">
      <c r="H58274" s="12"/>
    </row>
    <row r="58275" spans="8:8">
      <c r="H58275" s="12"/>
    </row>
    <row r="58276" spans="8:8">
      <c r="H58276" s="12"/>
    </row>
    <row r="58277" spans="8:8">
      <c r="H58277" s="12"/>
    </row>
    <row r="58278" spans="8:8">
      <c r="H58278" s="12"/>
    </row>
    <row r="58279" spans="8:8">
      <c r="H58279" s="12"/>
    </row>
    <row r="58280" spans="8:8">
      <c r="H58280" s="12"/>
    </row>
    <row r="58281" spans="8:8">
      <c r="H58281" s="12"/>
    </row>
    <row r="58282" spans="8:8">
      <c r="H58282" s="12"/>
    </row>
    <row r="58283" spans="8:8">
      <c r="H58283" s="12"/>
    </row>
    <row r="58284" spans="8:8">
      <c r="H58284" s="12"/>
    </row>
    <row r="58285" spans="8:8">
      <c r="H58285" s="12"/>
    </row>
    <row r="58286" spans="8:8">
      <c r="H58286" s="12"/>
    </row>
    <row r="58287" spans="8:8">
      <c r="H58287" s="12"/>
    </row>
    <row r="58288" spans="8:8">
      <c r="H58288" s="12"/>
    </row>
    <row r="58289" spans="8:8">
      <c r="H58289" s="12"/>
    </row>
    <row r="58290" spans="8:8">
      <c r="H58290" s="12"/>
    </row>
    <row r="58291" spans="8:8">
      <c r="H58291" s="12"/>
    </row>
    <row r="58292" spans="8:8">
      <c r="H58292" s="12"/>
    </row>
    <row r="58293" spans="8:8">
      <c r="H58293" s="12"/>
    </row>
    <row r="58294" spans="8:8">
      <c r="H58294" s="12"/>
    </row>
    <row r="58295" spans="8:8">
      <c r="H58295" s="12"/>
    </row>
    <row r="58296" spans="8:8">
      <c r="H58296" s="12"/>
    </row>
    <row r="58297" spans="8:8">
      <c r="H58297" s="12"/>
    </row>
    <row r="58298" spans="8:8">
      <c r="H58298" s="12"/>
    </row>
    <row r="58299" spans="8:8">
      <c r="H58299" s="12"/>
    </row>
    <row r="58300" spans="8:8">
      <c r="H58300" s="12"/>
    </row>
    <row r="58301" spans="8:8">
      <c r="H58301" s="12"/>
    </row>
    <row r="58302" spans="8:8">
      <c r="H58302" s="12"/>
    </row>
    <row r="58303" spans="8:8">
      <c r="H58303" s="12"/>
    </row>
    <row r="58304" spans="8:8">
      <c r="H58304" s="12"/>
    </row>
    <row r="58305" spans="8:8">
      <c r="H58305" s="12"/>
    </row>
    <row r="58306" spans="8:8">
      <c r="H58306" s="12"/>
    </row>
    <row r="58307" spans="8:8">
      <c r="H58307" s="12"/>
    </row>
    <row r="58308" spans="8:8">
      <c r="H58308" s="12"/>
    </row>
    <row r="58309" spans="8:8">
      <c r="H58309" s="12"/>
    </row>
    <row r="58310" spans="8:8">
      <c r="H58310" s="12"/>
    </row>
    <row r="58311" spans="8:8">
      <c r="H58311" s="12"/>
    </row>
    <row r="58312" spans="8:8">
      <c r="H58312" s="12"/>
    </row>
    <row r="58313" spans="8:8">
      <c r="H58313" s="12"/>
    </row>
    <row r="58314" spans="8:8">
      <c r="H58314" s="12"/>
    </row>
    <row r="58315" spans="8:8">
      <c r="H58315" s="12"/>
    </row>
    <row r="58316" spans="8:8">
      <c r="H58316" s="12"/>
    </row>
    <row r="58317" spans="8:8">
      <c r="H58317" s="12"/>
    </row>
    <row r="58318" spans="8:8">
      <c r="H58318" s="12"/>
    </row>
    <row r="58319" spans="8:8">
      <c r="H58319" s="12"/>
    </row>
    <row r="58320" spans="8:8">
      <c r="H58320" s="12"/>
    </row>
    <row r="58321" spans="8:8">
      <c r="H58321" s="12"/>
    </row>
    <row r="58322" spans="8:8">
      <c r="H58322" s="12"/>
    </row>
    <row r="58323" spans="8:8">
      <c r="H58323" s="12"/>
    </row>
    <row r="58324" spans="8:8">
      <c r="H58324" s="12"/>
    </row>
    <row r="58325" spans="8:8">
      <c r="H58325" s="12"/>
    </row>
    <row r="58326" spans="8:8">
      <c r="H58326" s="12"/>
    </row>
    <row r="58327" spans="8:8">
      <c r="H58327" s="12"/>
    </row>
    <row r="58328" spans="8:8">
      <c r="H58328" s="12"/>
    </row>
    <row r="58329" spans="8:8">
      <c r="H58329" s="12"/>
    </row>
    <row r="58330" spans="8:8">
      <c r="H58330" s="12"/>
    </row>
    <row r="58331" spans="8:8">
      <c r="H58331" s="12"/>
    </row>
    <row r="58332" spans="8:8">
      <c r="H58332" s="12"/>
    </row>
    <row r="58333" spans="8:8">
      <c r="H58333" s="12"/>
    </row>
    <row r="58334" spans="8:8">
      <c r="H58334" s="12"/>
    </row>
    <row r="58335" spans="8:8">
      <c r="H58335" s="12"/>
    </row>
    <row r="58336" spans="8:8">
      <c r="H58336" s="12"/>
    </row>
    <row r="58337" spans="8:8">
      <c r="H58337" s="12"/>
    </row>
    <row r="58338" spans="8:8">
      <c r="H58338" s="12"/>
    </row>
    <row r="58339" spans="8:8">
      <c r="H58339" s="12"/>
    </row>
    <row r="58340" spans="8:8">
      <c r="H58340" s="12"/>
    </row>
    <row r="58341" spans="8:8">
      <c r="H58341" s="12"/>
    </row>
    <row r="58342" spans="8:8">
      <c r="H58342" s="12"/>
    </row>
    <row r="58343" spans="8:8">
      <c r="H58343" s="12"/>
    </row>
    <row r="58344" spans="8:8">
      <c r="H58344" s="12"/>
    </row>
    <row r="58345" spans="8:8">
      <c r="H58345" s="12"/>
    </row>
    <row r="58346" spans="8:8">
      <c r="H58346" s="12"/>
    </row>
    <row r="58347" spans="8:8">
      <c r="H58347" s="12"/>
    </row>
    <row r="58348" spans="8:8">
      <c r="H58348" s="12"/>
    </row>
    <row r="58349" spans="8:8">
      <c r="H58349" s="12"/>
    </row>
    <row r="58350" spans="8:8">
      <c r="H58350" s="12"/>
    </row>
    <row r="58351" spans="8:8">
      <c r="H58351" s="12"/>
    </row>
    <row r="58352" spans="8:8">
      <c r="H58352" s="12"/>
    </row>
    <row r="58353" spans="8:8">
      <c r="H58353" s="12"/>
    </row>
    <row r="58354" spans="8:8">
      <c r="H58354" s="12"/>
    </row>
    <row r="58355" spans="8:8">
      <c r="H58355" s="12"/>
    </row>
    <row r="58356" spans="8:8">
      <c r="H58356" s="12"/>
    </row>
    <row r="58357" spans="8:8">
      <c r="H58357" s="12"/>
    </row>
    <row r="58358" spans="8:8">
      <c r="H58358" s="12"/>
    </row>
    <row r="58359" spans="8:8">
      <c r="H58359" s="12"/>
    </row>
    <row r="58360" spans="8:8">
      <c r="H58360" s="12"/>
    </row>
    <row r="58361" spans="8:8">
      <c r="H58361" s="12"/>
    </row>
    <row r="58362" spans="8:8">
      <c r="H58362" s="12"/>
    </row>
    <row r="58363" spans="8:8">
      <c r="H58363" s="12"/>
    </row>
    <row r="58364" spans="8:8">
      <c r="H58364" s="12"/>
    </row>
    <row r="58365" spans="8:8">
      <c r="H58365" s="12"/>
    </row>
    <row r="58366" spans="8:8">
      <c r="H58366" s="12"/>
    </row>
    <row r="58367" spans="8:8">
      <c r="H58367" s="12"/>
    </row>
    <row r="58368" spans="8:8">
      <c r="H58368" s="12"/>
    </row>
    <row r="58369" spans="8:8">
      <c r="H58369" s="12"/>
    </row>
    <row r="58370" spans="8:8">
      <c r="H58370" s="12"/>
    </row>
    <row r="58371" spans="8:8">
      <c r="H58371" s="12"/>
    </row>
    <row r="58372" spans="8:8">
      <c r="H58372" s="12"/>
    </row>
    <row r="58373" spans="8:8">
      <c r="H58373" s="12"/>
    </row>
    <row r="58374" spans="8:8">
      <c r="H58374" s="12"/>
    </row>
    <row r="58375" spans="8:8">
      <c r="H58375" s="12"/>
    </row>
    <row r="58376" spans="8:8">
      <c r="H58376" s="12"/>
    </row>
    <row r="58377" spans="8:8">
      <c r="H58377" s="12"/>
    </row>
    <row r="58378" spans="8:8">
      <c r="H58378" s="12"/>
    </row>
    <row r="58379" spans="8:8">
      <c r="H58379" s="12"/>
    </row>
    <row r="58380" spans="8:8">
      <c r="H58380" s="12"/>
    </row>
    <row r="58381" spans="8:8">
      <c r="H58381" s="12"/>
    </row>
    <row r="58382" spans="8:8">
      <c r="H58382" s="12"/>
    </row>
    <row r="58383" spans="8:8">
      <c r="H58383" s="12"/>
    </row>
    <row r="58384" spans="8:8">
      <c r="H58384" s="12"/>
    </row>
    <row r="58385" spans="8:8">
      <c r="H58385" s="12"/>
    </row>
    <row r="58386" spans="8:8">
      <c r="H58386" s="12"/>
    </row>
    <row r="58387" spans="8:8">
      <c r="H58387" s="12"/>
    </row>
    <row r="58388" spans="8:8">
      <c r="H58388" s="12"/>
    </row>
    <row r="58389" spans="8:8">
      <c r="H58389" s="12"/>
    </row>
    <row r="58390" spans="8:8">
      <c r="H58390" s="12"/>
    </row>
    <row r="58391" spans="8:8">
      <c r="H58391" s="12"/>
    </row>
    <row r="58392" spans="8:8">
      <c r="H58392" s="12"/>
    </row>
    <row r="58393" spans="8:8">
      <c r="H58393" s="12"/>
    </row>
    <row r="58394" spans="8:8">
      <c r="H58394" s="12"/>
    </row>
    <row r="58395" spans="8:8">
      <c r="H58395" s="12"/>
    </row>
    <row r="58396" spans="8:8">
      <c r="H58396" s="12"/>
    </row>
    <row r="58397" spans="8:8">
      <c r="H58397" s="12"/>
    </row>
    <row r="58398" spans="8:8">
      <c r="H58398" s="12"/>
    </row>
    <row r="58399" spans="8:8">
      <c r="H58399" s="12"/>
    </row>
    <row r="58400" spans="8:8">
      <c r="H58400" s="12"/>
    </row>
    <row r="58401" spans="8:8">
      <c r="H58401" s="12"/>
    </row>
    <row r="58402" spans="8:8">
      <c r="H58402" s="12"/>
    </row>
    <row r="58403" spans="8:8">
      <c r="H58403" s="12"/>
    </row>
    <row r="58404" spans="8:8">
      <c r="H58404" s="12"/>
    </row>
    <row r="58405" spans="8:8">
      <c r="H58405" s="12"/>
    </row>
    <row r="58406" spans="8:8">
      <c r="H58406" s="12"/>
    </row>
    <row r="58407" spans="8:8">
      <c r="H58407" s="12"/>
    </row>
    <row r="58408" spans="8:8">
      <c r="H58408" s="12"/>
    </row>
    <row r="58409" spans="8:8">
      <c r="H58409" s="12"/>
    </row>
    <row r="58410" spans="8:8">
      <c r="H58410" s="12"/>
    </row>
    <row r="58411" spans="8:8">
      <c r="H58411" s="12"/>
    </row>
    <row r="58412" spans="8:8">
      <c r="H58412" s="12"/>
    </row>
    <row r="58413" spans="8:8">
      <c r="H58413" s="12"/>
    </row>
    <row r="58414" spans="8:8">
      <c r="H58414" s="12"/>
    </row>
    <row r="58415" spans="8:8">
      <c r="H58415" s="12"/>
    </row>
    <row r="58416" spans="8:8">
      <c r="H58416" s="12"/>
    </row>
    <row r="58417" spans="8:8">
      <c r="H58417" s="12"/>
    </row>
    <row r="58418" spans="8:8">
      <c r="H58418" s="12"/>
    </row>
    <row r="58419" spans="8:8">
      <c r="H58419" s="12"/>
    </row>
    <row r="58420" spans="8:8">
      <c r="H58420" s="12"/>
    </row>
    <row r="58421" spans="8:8">
      <c r="H58421" s="12"/>
    </row>
    <row r="58422" spans="8:8">
      <c r="H58422" s="12"/>
    </row>
    <row r="58423" spans="8:8">
      <c r="H58423" s="12"/>
    </row>
    <row r="58424" spans="8:8">
      <c r="H58424" s="12"/>
    </row>
    <row r="58425" spans="8:8">
      <c r="H58425" s="12"/>
    </row>
    <row r="58426" spans="8:8">
      <c r="H58426" s="12"/>
    </row>
    <row r="58427" spans="8:8">
      <c r="H58427" s="12"/>
    </row>
    <row r="58428" spans="8:8">
      <c r="H58428" s="12"/>
    </row>
    <row r="58429" spans="8:8">
      <c r="H58429" s="12"/>
    </row>
    <row r="58430" spans="8:8">
      <c r="H58430" s="12"/>
    </row>
    <row r="58431" spans="8:8">
      <c r="H58431" s="12"/>
    </row>
    <row r="58432" spans="8:8">
      <c r="H58432" s="12"/>
    </row>
    <row r="58433" spans="8:8">
      <c r="H58433" s="12"/>
    </row>
    <row r="58434" spans="8:8">
      <c r="H58434" s="12"/>
    </row>
    <row r="58435" spans="8:8">
      <c r="H58435" s="12"/>
    </row>
    <row r="58436" spans="8:8">
      <c r="H58436" s="12"/>
    </row>
    <row r="58437" spans="8:8">
      <c r="H58437" s="12"/>
    </row>
    <row r="58438" spans="8:8">
      <c r="H58438" s="12"/>
    </row>
    <row r="58439" spans="8:8">
      <c r="H58439" s="12"/>
    </row>
    <row r="58440" spans="8:8">
      <c r="H58440" s="12"/>
    </row>
    <row r="58441" spans="8:8">
      <c r="H58441" s="12"/>
    </row>
    <row r="58442" spans="8:8">
      <c r="H58442" s="12"/>
    </row>
    <row r="58443" spans="8:8">
      <c r="H58443" s="12"/>
    </row>
    <row r="58444" spans="8:8">
      <c r="H58444" s="12"/>
    </row>
    <row r="58445" spans="8:8">
      <c r="H58445" s="12"/>
    </row>
    <row r="58446" spans="8:8">
      <c r="H58446" s="12"/>
    </row>
    <row r="58447" spans="8:8">
      <c r="H58447" s="12"/>
    </row>
    <row r="58448" spans="8:8">
      <c r="H58448" s="12"/>
    </row>
    <row r="58449" spans="8:8">
      <c r="H58449" s="12"/>
    </row>
    <row r="58450" spans="8:8">
      <c r="H58450" s="12"/>
    </row>
    <row r="58451" spans="8:8">
      <c r="H58451" s="12"/>
    </row>
    <row r="58452" spans="8:8">
      <c r="H58452" s="12"/>
    </row>
    <row r="58453" spans="8:8">
      <c r="H58453" s="12"/>
    </row>
    <row r="58454" spans="8:8">
      <c r="H58454" s="12"/>
    </row>
    <row r="58455" spans="8:8">
      <c r="H58455" s="12"/>
    </row>
    <row r="58456" spans="8:8">
      <c r="H58456" s="12"/>
    </row>
    <row r="58457" spans="8:8">
      <c r="H58457" s="12"/>
    </row>
    <row r="58458" spans="8:8">
      <c r="H58458" s="12"/>
    </row>
    <row r="58459" spans="8:8">
      <c r="H58459" s="12"/>
    </row>
    <row r="58460" spans="8:8">
      <c r="H58460" s="12"/>
    </row>
    <row r="58461" spans="8:8">
      <c r="H58461" s="12"/>
    </row>
    <row r="58462" spans="8:8">
      <c r="H58462" s="12"/>
    </row>
    <row r="58463" spans="8:8">
      <c r="H58463" s="12"/>
    </row>
    <row r="58464" spans="8:8">
      <c r="H58464" s="12"/>
    </row>
    <row r="58465" spans="8:8">
      <c r="H58465" s="12"/>
    </row>
    <row r="58466" spans="8:8">
      <c r="H58466" s="12"/>
    </row>
    <row r="58467" spans="8:8">
      <c r="H58467" s="12"/>
    </row>
    <row r="58468" spans="8:8">
      <c r="H58468" s="12"/>
    </row>
    <row r="58469" spans="8:8">
      <c r="H58469" s="12"/>
    </row>
    <row r="58470" spans="8:8">
      <c r="H58470" s="12"/>
    </row>
    <row r="58471" spans="8:8">
      <c r="H58471" s="12"/>
    </row>
    <row r="58472" spans="8:8">
      <c r="H58472" s="12"/>
    </row>
    <row r="58473" spans="8:8">
      <c r="H58473" s="12"/>
    </row>
    <row r="58474" spans="8:8">
      <c r="H58474" s="12"/>
    </row>
    <row r="58475" spans="8:8">
      <c r="H58475" s="12"/>
    </row>
    <row r="58476" spans="8:8">
      <c r="H58476" s="12"/>
    </row>
    <row r="58477" spans="8:8">
      <c r="H58477" s="12"/>
    </row>
    <row r="58478" spans="8:8">
      <c r="H58478" s="12"/>
    </row>
    <row r="58479" spans="8:8">
      <c r="H58479" s="12"/>
    </row>
    <row r="58480" spans="8:8">
      <c r="H58480" s="12"/>
    </row>
    <row r="58481" spans="8:8">
      <c r="H58481" s="12"/>
    </row>
    <row r="58482" spans="8:8">
      <c r="H58482" s="12"/>
    </row>
    <row r="58483" spans="8:8">
      <c r="H58483" s="12"/>
    </row>
    <row r="58484" spans="8:8">
      <c r="H58484" s="12"/>
    </row>
    <row r="58485" spans="8:8">
      <c r="H58485" s="12"/>
    </row>
    <row r="58486" spans="8:8">
      <c r="H58486" s="12"/>
    </row>
    <row r="58487" spans="8:8">
      <c r="H58487" s="12"/>
    </row>
    <row r="58488" spans="8:8">
      <c r="H58488" s="12"/>
    </row>
    <row r="58489" spans="8:8">
      <c r="H58489" s="12"/>
    </row>
    <row r="58490" spans="8:8">
      <c r="H58490" s="12"/>
    </row>
    <row r="58491" spans="8:8">
      <c r="H58491" s="12"/>
    </row>
    <row r="58492" spans="8:8">
      <c r="H58492" s="12"/>
    </row>
    <row r="58493" spans="8:8">
      <c r="H58493" s="12"/>
    </row>
    <row r="58494" spans="8:8">
      <c r="H58494" s="12"/>
    </row>
    <row r="58495" spans="8:8">
      <c r="H58495" s="12"/>
    </row>
    <row r="58496" spans="8:8">
      <c r="H58496" s="12"/>
    </row>
    <row r="58497" spans="8:8">
      <c r="H58497" s="12"/>
    </row>
    <row r="58498" spans="8:8">
      <c r="H58498" s="12"/>
    </row>
    <row r="58499" spans="8:8">
      <c r="H58499" s="12"/>
    </row>
    <row r="58500" spans="8:8">
      <c r="H58500" s="12"/>
    </row>
    <row r="58501" spans="8:8">
      <c r="H58501" s="12"/>
    </row>
    <row r="58502" spans="8:8">
      <c r="H58502" s="12"/>
    </row>
    <row r="58503" spans="8:8">
      <c r="H58503" s="12"/>
    </row>
    <row r="58504" spans="8:8">
      <c r="H58504" s="12"/>
    </row>
    <row r="58505" spans="8:8">
      <c r="H58505" s="12"/>
    </row>
    <row r="58506" spans="8:8">
      <c r="H58506" s="12"/>
    </row>
    <row r="58507" spans="8:8">
      <c r="H58507" s="12"/>
    </row>
    <row r="58508" spans="8:8">
      <c r="H58508" s="12"/>
    </row>
    <row r="58509" spans="8:8">
      <c r="H58509" s="12"/>
    </row>
    <row r="58510" spans="8:8">
      <c r="H58510" s="12"/>
    </row>
    <row r="58511" spans="8:8">
      <c r="H58511" s="12"/>
    </row>
    <row r="58512" spans="8:8">
      <c r="H58512" s="12"/>
    </row>
    <row r="58513" spans="8:8">
      <c r="H58513" s="12"/>
    </row>
    <row r="58514" spans="8:8">
      <c r="H58514" s="12"/>
    </row>
    <row r="58515" spans="8:8">
      <c r="H58515" s="12"/>
    </row>
    <row r="58516" spans="8:8">
      <c r="H58516" s="12"/>
    </row>
    <row r="58517" spans="8:8">
      <c r="H58517" s="12"/>
    </row>
    <row r="58518" spans="8:8">
      <c r="H58518" s="12"/>
    </row>
    <row r="58519" spans="8:8">
      <c r="H58519" s="12"/>
    </row>
    <row r="58520" spans="8:8">
      <c r="H58520" s="12"/>
    </row>
    <row r="58521" spans="8:8">
      <c r="H58521" s="12"/>
    </row>
    <row r="58522" spans="8:8">
      <c r="H58522" s="12"/>
    </row>
    <row r="58523" spans="8:8">
      <c r="H58523" s="12"/>
    </row>
    <row r="58524" spans="8:8">
      <c r="H58524" s="12"/>
    </row>
    <row r="58525" spans="8:8">
      <c r="H58525" s="12"/>
    </row>
    <row r="58526" spans="8:8">
      <c r="H58526" s="12"/>
    </row>
    <row r="58527" spans="8:8">
      <c r="H58527" s="12"/>
    </row>
    <row r="58528" spans="8:8">
      <c r="H58528" s="12"/>
    </row>
    <row r="58529" spans="8:8">
      <c r="H58529" s="12"/>
    </row>
    <row r="58530" spans="8:8">
      <c r="H58530" s="12"/>
    </row>
    <row r="58531" spans="8:8">
      <c r="H58531" s="12"/>
    </row>
    <row r="58532" spans="8:8">
      <c r="H58532" s="12"/>
    </row>
    <row r="58533" spans="8:8">
      <c r="H58533" s="12"/>
    </row>
    <row r="58534" spans="8:8">
      <c r="H58534" s="12"/>
    </row>
    <row r="58535" spans="8:8">
      <c r="H58535" s="12"/>
    </row>
    <row r="58536" spans="8:8">
      <c r="H58536" s="12"/>
    </row>
    <row r="58537" spans="8:8">
      <c r="H58537" s="12"/>
    </row>
    <row r="58538" spans="8:8">
      <c r="H58538" s="12"/>
    </row>
    <row r="58539" spans="8:8">
      <c r="H58539" s="12"/>
    </row>
    <row r="58540" spans="8:8">
      <c r="H58540" s="12"/>
    </row>
    <row r="58541" spans="8:8">
      <c r="H58541" s="12"/>
    </row>
    <row r="58542" spans="8:8">
      <c r="H58542" s="12"/>
    </row>
    <row r="58543" spans="8:8">
      <c r="H58543" s="12"/>
    </row>
    <row r="58544" spans="8:8">
      <c r="H58544" s="12"/>
    </row>
    <row r="58545" spans="8:8">
      <c r="H58545" s="12"/>
    </row>
    <row r="58546" spans="8:8">
      <c r="H58546" s="12"/>
    </row>
    <row r="58547" spans="8:8">
      <c r="H58547" s="12"/>
    </row>
    <row r="58548" spans="8:8">
      <c r="H58548" s="12"/>
    </row>
    <row r="58549" spans="8:8">
      <c r="H58549" s="12"/>
    </row>
    <row r="58550" spans="8:8">
      <c r="H58550" s="12"/>
    </row>
    <row r="58551" spans="8:8">
      <c r="H58551" s="12"/>
    </row>
    <row r="58552" spans="8:8">
      <c r="H58552" s="12"/>
    </row>
    <row r="58553" spans="8:8">
      <c r="H58553" s="12"/>
    </row>
    <row r="58554" spans="8:8">
      <c r="H58554" s="12"/>
    </row>
    <row r="58555" spans="8:8">
      <c r="H58555" s="12"/>
    </row>
    <row r="58556" spans="8:8">
      <c r="H58556" s="12"/>
    </row>
    <row r="58557" spans="8:8">
      <c r="H58557" s="12"/>
    </row>
    <row r="58558" spans="8:8">
      <c r="H58558" s="12"/>
    </row>
    <row r="58559" spans="8:8">
      <c r="H58559" s="12"/>
    </row>
    <row r="58560" spans="8:8">
      <c r="H58560" s="12"/>
    </row>
    <row r="58561" spans="8:8">
      <c r="H58561" s="12"/>
    </row>
    <row r="58562" spans="8:8">
      <c r="H58562" s="12"/>
    </row>
    <row r="58563" spans="8:8">
      <c r="H58563" s="12"/>
    </row>
    <row r="58564" spans="8:8">
      <c r="H58564" s="12"/>
    </row>
    <row r="58565" spans="8:8">
      <c r="H58565" s="12"/>
    </row>
    <row r="58566" spans="8:8">
      <c r="H58566" s="12"/>
    </row>
    <row r="58567" spans="8:8">
      <c r="H58567" s="12"/>
    </row>
    <row r="58568" spans="8:8">
      <c r="H58568" s="12"/>
    </row>
    <row r="58569" spans="8:8">
      <c r="H58569" s="12"/>
    </row>
    <row r="58570" spans="8:8">
      <c r="H58570" s="12"/>
    </row>
    <row r="58571" spans="8:8">
      <c r="H58571" s="12"/>
    </row>
    <row r="58572" spans="8:8">
      <c r="H58572" s="12"/>
    </row>
    <row r="58573" spans="8:8">
      <c r="H58573" s="12"/>
    </row>
    <row r="58574" spans="8:8">
      <c r="H58574" s="12"/>
    </row>
    <row r="58575" spans="8:8">
      <c r="H58575" s="12"/>
    </row>
    <row r="58576" spans="8:8">
      <c r="H58576" s="12"/>
    </row>
    <row r="58577" spans="8:8">
      <c r="H58577" s="12"/>
    </row>
    <row r="58578" spans="8:8">
      <c r="H58578" s="12"/>
    </row>
    <row r="58579" spans="8:8">
      <c r="H58579" s="12"/>
    </row>
    <row r="58580" spans="8:8">
      <c r="H58580" s="12"/>
    </row>
    <row r="58581" spans="8:8">
      <c r="H58581" s="12"/>
    </row>
    <row r="58582" spans="8:8">
      <c r="H58582" s="12"/>
    </row>
    <row r="58583" spans="8:8">
      <c r="H58583" s="12"/>
    </row>
    <row r="58584" spans="8:8">
      <c r="H58584" s="12"/>
    </row>
    <row r="58585" spans="8:8">
      <c r="H58585" s="12"/>
    </row>
    <row r="58586" spans="8:8">
      <c r="H58586" s="12"/>
    </row>
    <row r="58587" spans="8:8">
      <c r="H58587" s="12"/>
    </row>
    <row r="58588" spans="8:8">
      <c r="H58588" s="12"/>
    </row>
    <row r="58589" spans="8:8">
      <c r="H58589" s="12"/>
    </row>
    <row r="58590" spans="8:8">
      <c r="H58590" s="12"/>
    </row>
    <row r="58591" spans="8:8">
      <c r="H58591" s="12"/>
    </row>
    <row r="58592" spans="8:8">
      <c r="H58592" s="12"/>
    </row>
    <row r="58593" spans="8:8">
      <c r="H58593" s="12"/>
    </row>
    <row r="58594" spans="8:8">
      <c r="H58594" s="12"/>
    </row>
    <row r="58595" spans="8:8">
      <c r="H58595" s="12"/>
    </row>
    <row r="58596" spans="8:8">
      <c r="H58596" s="12"/>
    </row>
    <row r="58597" spans="8:8">
      <c r="H58597" s="12"/>
    </row>
    <row r="58598" spans="8:8">
      <c r="H58598" s="12"/>
    </row>
    <row r="58599" spans="8:8">
      <c r="H58599" s="12"/>
    </row>
    <row r="58600" spans="8:8">
      <c r="H58600" s="12"/>
    </row>
    <row r="58601" spans="8:8">
      <c r="H58601" s="12"/>
    </row>
    <row r="58602" spans="8:8">
      <c r="H58602" s="12"/>
    </row>
    <row r="58603" spans="8:8">
      <c r="H58603" s="12"/>
    </row>
    <row r="58604" spans="8:8">
      <c r="H58604" s="12"/>
    </row>
    <row r="58605" spans="8:8">
      <c r="H58605" s="12"/>
    </row>
    <row r="58606" spans="8:8">
      <c r="H58606" s="12"/>
    </row>
    <row r="58607" spans="8:8">
      <c r="H58607" s="12"/>
    </row>
    <row r="58608" spans="8:8">
      <c r="H58608" s="12"/>
    </row>
    <row r="58609" spans="8:8">
      <c r="H58609" s="12"/>
    </row>
    <row r="58610" spans="8:8">
      <c r="H58610" s="12"/>
    </row>
    <row r="58611" spans="8:8">
      <c r="H58611" s="12"/>
    </row>
    <row r="58612" spans="8:8">
      <c r="H58612" s="12"/>
    </row>
    <row r="58613" spans="8:8">
      <c r="H58613" s="12"/>
    </row>
    <row r="58614" spans="8:8">
      <c r="H58614" s="12"/>
    </row>
    <row r="58615" spans="8:8">
      <c r="H58615" s="12"/>
    </row>
    <row r="58616" spans="8:8">
      <c r="H58616" s="12"/>
    </row>
    <row r="58617" spans="8:8">
      <c r="H58617" s="12"/>
    </row>
    <row r="58618" spans="8:8">
      <c r="H58618" s="12"/>
    </row>
    <row r="58619" spans="8:8">
      <c r="H58619" s="12"/>
    </row>
    <row r="58620" spans="8:8">
      <c r="H58620" s="12"/>
    </row>
    <row r="58621" spans="8:8">
      <c r="H58621" s="12"/>
    </row>
    <row r="58622" spans="8:8">
      <c r="H58622" s="12"/>
    </row>
    <row r="58623" spans="8:8">
      <c r="H58623" s="12"/>
    </row>
    <row r="58624" spans="8:8">
      <c r="H58624" s="12"/>
    </row>
    <row r="58625" spans="8:8">
      <c r="H58625" s="12"/>
    </row>
    <row r="58626" spans="8:8">
      <c r="H58626" s="12"/>
    </row>
    <row r="58627" spans="8:8">
      <c r="H58627" s="12"/>
    </row>
    <row r="58628" spans="8:8">
      <c r="H58628" s="12"/>
    </row>
    <row r="58629" spans="8:8">
      <c r="H58629" s="12"/>
    </row>
    <row r="58630" spans="8:8">
      <c r="H58630" s="12"/>
    </row>
    <row r="58631" spans="8:8">
      <c r="H58631" s="12"/>
    </row>
    <row r="58632" spans="8:8">
      <c r="H58632" s="12"/>
    </row>
    <row r="58633" spans="8:8">
      <c r="H58633" s="12"/>
    </row>
    <row r="58634" spans="8:8">
      <c r="H58634" s="12"/>
    </row>
    <row r="58635" spans="8:8">
      <c r="H58635" s="12"/>
    </row>
    <row r="58636" spans="8:8">
      <c r="H58636" s="12"/>
    </row>
    <row r="58637" spans="8:8">
      <c r="H58637" s="12"/>
    </row>
    <row r="58638" spans="8:8">
      <c r="H58638" s="12"/>
    </row>
    <row r="58639" spans="8:8">
      <c r="H58639" s="12"/>
    </row>
    <row r="58640" spans="8:8">
      <c r="H58640" s="12"/>
    </row>
    <row r="58641" spans="8:8">
      <c r="H58641" s="12"/>
    </row>
    <row r="58642" spans="8:8">
      <c r="H58642" s="12"/>
    </row>
    <row r="58643" spans="8:8">
      <c r="H58643" s="12"/>
    </row>
    <row r="58644" spans="8:8">
      <c r="H58644" s="12"/>
    </row>
    <row r="58645" spans="8:8">
      <c r="H58645" s="12"/>
    </row>
    <row r="58646" spans="8:8">
      <c r="H58646" s="12"/>
    </row>
    <row r="58647" spans="8:8">
      <c r="H58647" s="12"/>
    </row>
    <row r="58648" spans="8:8">
      <c r="H58648" s="12"/>
    </row>
    <row r="58649" spans="8:8">
      <c r="H58649" s="12"/>
    </row>
    <row r="58650" spans="8:8">
      <c r="H58650" s="12"/>
    </row>
    <row r="58651" spans="8:8">
      <c r="H58651" s="12"/>
    </row>
    <row r="58652" spans="8:8">
      <c r="H58652" s="12"/>
    </row>
    <row r="58653" spans="8:8">
      <c r="H58653" s="12"/>
    </row>
    <row r="58654" spans="8:8">
      <c r="H58654" s="12"/>
    </row>
    <row r="58655" spans="8:8">
      <c r="H58655" s="12"/>
    </row>
    <row r="58656" spans="8:8">
      <c r="H58656" s="12"/>
    </row>
    <row r="58657" spans="8:8">
      <c r="H58657" s="12"/>
    </row>
    <row r="58658" spans="8:8">
      <c r="H58658" s="12"/>
    </row>
    <row r="58659" spans="8:8">
      <c r="H58659" s="12"/>
    </row>
    <row r="58660" spans="8:8">
      <c r="H58660" s="12"/>
    </row>
    <row r="58661" spans="8:8">
      <c r="H58661" s="12"/>
    </row>
    <row r="58662" spans="8:8">
      <c r="H58662" s="12"/>
    </row>
    <row r="58663" spans="8:8">
      <c r="H58663" s="12"/>
    </row>
    <row r="58664" spans="8:8">
      <c r="H58664" s="12"/>
    </row>
    <row r="58665" spans="8:8">
      <c r="H58665" s="12"/>
    </row>
    <row r="58666" spans="8:8">
      <c r="H58666" s="12"/>
    </row>
    <row r="58667" spans="8:8">
      <c r="H58667" s="12"/>
    </row>
    <row r="58668" spans="8:8">
      <c r="H58668" s="12"/>
    </row>
    <row r="58669" spans="8:8">
      <c r="H58669" s="12"/>
    </row>
    <row r="58670" spans="8:8">
      <c r="H58670" s="12"/>
    </row>
    <row r="58671" spans="8:8">
      <c r="H58671" s="12"/>
    </row>
    <row r="58672" spans="8:8">
      <c r="H58672" s="12"/>
    </row>
    <row r="58673" spans="8:8">
      <c r="H58673" s="12"/>
    </row>
    <row r="58674" spans="8:8">
      <c r="H58674" s="12"/>
    </row>
    <row r="58675" spans="8:8">
      <c r="H58675" s="12"/>
    </row>
    <row r="58676" spans="8:8">
      <c r="H58676" s="12"/>
    </row>
    <row r="58677" spans="8:8">
      <c r="H58677" s="12"/>
    </row>
    <row r="58678" spans="8:8">
      <c r="H58678" s="12"/>
    </row>
    <row r="58679" spans="8:8">
      <c r="H58679" s="12"/>
    </row>
    <row r="58680" spans="8:8">
      <c r="H58680" s="12"/>
    </row>
    <row r="58681" spans="8:8">
      <c r="H58681" s="12"/>
    </row>
    <row r="58682" spans="8:8">
      <c r="H58682" s="12"/>
    </row>
    <row r="58683" spans="8:8">
      <c r="H58683" s="12"/>
    </row>
    <row r="58684" spans="8:8">
      <c r="H58684" s="12"/>
    </row>
    <row r="58685" spans="8:8">
      <c r="H58685" s="12"/>
    </row>
    <row r="58686" spans="8:8">
      <c r="H58686" s="12"/>
    </row>
    <row r="58687" spans="8:8">
      <c r="H58687" s="12"/>
    </row>
    <row r="58688" spans="8:8">
      <c r="H58688" s="12"/>
    </row>
    <row r="58689" spans="8:8">
      <c r="H58689" s="12"/>
    </row>
    <row r="58690" spans="8:8">
      <c r="H58690" s="12"/>
    </row>
    <row r="58691" spans="8:8">
      <c r="H58691" s="12"/>
    </row>
    <row r="58692" spans="8:8">
      <c r="H58692" s="12"/>
    </row>
    <row r="58693" spans="8:8">
      <c r="H58693" s="12"/>
    </row>
    <row r="58694" spans="8:8">
      <c r="H58694" s="12"/>
    </row>
    <row r="58695" spans="8:8">
      <c r="H58695" s="12"/>
    </row>
    <row r="58696" spans="8:8">
      <c r="H58696" s="12"/>
    </row>
    <row r="58697" spans="8:8">
      <c r="H58697" s="12"/>
    </row>
    <row r="58698" spans="8:8">
      <c r="H58698" s="12"/>
    </row>
    <row r="58699" spans="8:8">
      <c r="H58699" s="12"/>
    </row>
    <row r="58700" spans="8:8">
      <c r="H58700" s="12"/>
    </row>
    <row r="58701" spans="8:8">
      <c r="H58701" s="12"/>
    </row>
    <row r="58702" spans="8:8">
      <c r="H58702" s="12"/>
    </row>
    <row r="58703" spans="8:8">
      <c r="H58703" s="12"/>
    </row>
    <row r="58704" spans="8:8">
      <c r="H58704" s="12"/>
    </row>
    <row r="58705" spans="8:8">
      <c r="H58705" s="12"/>
    </row>
    <row r="58706" spans="8:8">
      <c r="H58706" s="12"/>
    </row>
    <row r="58707" spans="8:8">
      <c r="H58707" s="12"/>
    </row>
    <row r="58708" spans="8:8">
      <c r="H58708" s="12"/>
    </row>
    <row r="58709" spans="8:8">
      <c r="H58709" s="12"/>
    </row>
    <row r="58710" spans="8:8">
      <c r="H58710" s="12"/>
    </row>
    <row r="58711" spans="8:8">
      <c r="H58711" s="12"/>
    </row>
    <row r="58712" spans="8:8">
      <c r="H58712" s="12"/>
    </row>
    <row r="58713" spans="8:8">
      <c r="H58713" s="12"/>
    </row>
    <row r="58714" spans="8:8">
      <c r="H58714" s="12"/>
    </row>
    <row r="58715" spans="8:8">
      <c r="H58715" s="12"/>
    </row>
    <row r="58716" spans="8:8">
      <c r="H58716" s="12"/>
    </row>
    <row r="58717" spans="8:8">
      <c r="H58717" s="12"/>
    </row>
    <row r="58718" spans="8:8">
      <c r="H58718" s="12"/>
    </row>
    <row r="58719" spans="8:8">
      <c r="H58719" s="12"/>
    </row>
    <row r="58720" spans="8:8">
      <c r="H58720" s="12"/>
    </row>
    <row r="58721" spans="8:8">
      <c r="H58721" s="12"/>
    </row>
    <row r="58722" spans="8:8">
      <c r="H58722" s="12"/>
    </row>
    <row r="58723" spans="8:8">
      <c r="H58723" s="12"/>
    </row>
    <row r="58724" spans="8:8">
      <c r="H58724" s="12"/>
    </row>
    <row r="58725" spans="8:8">
      <c r="H58725" s="12"/>
    </row>
    <row r="58726" spans="8:8">
      <c r="H58726" s="12"/>
    </row>
    <row r="58727" spans="8:8">
      <c r="H58727" s="12"/>
    </row>
    <row r="58728" spans="8:8">
      <c r="H58728" s="12"/>
    </row>
    <row r="58729" spans="8:8">
      <c r="H58729" s="12"/>
    </row>
    <row r="58730" spans="8:8">
      <c r="H58730" s="12"/>
    </row>
    <row r="58731" spans="8:8">
      <c r="H58731" s="12"/>
    </row>
    <row r="58732" spans="8:8">
      <c r="H58732" s="12"/>
    </row>
    <row r="58733" spans="8:8">
      <c r="H58733" s="12"/>
    </row>
    <row r="58734" spans="8:8">
      <c r="H58734" s="12"/>
    </row>
    <row r="58735" spans="8:8">
      <c r="H58735" s="12"/>
    </row>
    <row r="58736" spans="8:8">
      <c r="H58736" s="12"/>
    </row>
    <row r="58737" spans="8:8">
      <c r="H58737" s="12"/>
    </row>
    <row r="58738" spans="8:8">
      <c r="H58738" s="12"/>
    </row>
    <row r="58739" spans="8:8">
      <c r="H58739" s="12"/>
    </row>
    <row r="58740" spans="8:8">
      <c r="H58740" s="12"/>
    </row>
    <row r="58741" spans="8:8">
      <c r="H58741" s="12"/>
    </row>
    <row r="58742" spans="8:8">
      <c r="H58742" s="12"/>
    </row>
    <row r="58743" spans="8:8">
      <c r="H58743" s="12"/>
    </row>
    <row r="58744" spans="8:8">
      <c r="H58744" s="12"/>
    </row>
    <row r="58745" spans="8:8">
      <c r="H58745" s="12"/>
    </row>
    <row r="58746" spans="8:8">
      <c r="H58746" s="12"/>
    </row>
    <row r="58747" spans="8:8">
      <c r="H58747" s="12"/>
    </row>
    <row r="58748" spans="8:8">
      <c r="H58748" s="12"/>
    </row>
    <row r="58749" spans="8:8">
      <c r="H58749" s="12"/>
    </row>
    <row r="58750" spans="8:8">
      <c r="H58750" s="12"/>
    </row>
    <row r="58751" spans="8:8">
      <c r="H58751" s="12"/>
    </row>
    <row r="58752" spans="8:8">
      <c r="H58752" s="12"/>
    </row>
    <row r="58753" spans="8:8">
      <c r="H58753" s="12"/>
    </row>
    <row r="58754" spans="8:8">
      <c r="H58754" s="12"/>
    </row>
    <row r="58755" spans="8:8">
      <c r="H58755" s="12"/>
    </row>
    <row r="58756" spans="8:8">
      <c r="H58756" s="12"/>
    </row>
    <row r="58757" spans="8:8">
      <c r="H58757" s="12"/>
    </row>
    <row r="58758" spans="8:8">
      <c r="H58758" s="12"/>
    </row>
    <row r="58759" spans="8:8">
      <c r="H58759" s="12"/>
    </row>
    <row r="58760" spans="8:8">
      <c r="H58760" s="12"/>
    </row>
    <row r="58761" spans="8:8">
      <c r="H58761" s="12"/>
    </row>
    <row r="58762" spans="8:8">
      <c r="H58762" s="12"/>
    </row>
    <row r="58763" spans="8:8">
      <c r="H58763" s="12"/>
    </row>
    <row r="58764" spans="8:8">
      <c r="H58764" s="12"/>
    </row>
    <row r="58765" spans="8:8">
      <c r="H58765" s="12"/>
    </row>
    <row r="58766" spans="8:8">
      <c r="H58766" s="12"/>
    </row>
    <row r="58767" spans="8:8">
      <c r="H58767" s="12"/>
    </row>
    <row r="58768" spans="8:8">
      <c r="H58768" s="12"/>
    </row>
    <row r="58769" spans="8:8">
      <c r="H58769" s="12"/>
    </row>
    <row r="58770" spans="8:8">
      <c r="H58770" s="12"/>
    </row>
    <row r="58771" spans="8:8">
      <c r="H58771" s="12"/>
    </row>
    <row r="58772" spans="8:8">
      <c r="H58772" s="12"/>
    </row>
    <row r="58773" spans="8:8">
      <c r="H58773" s="12"/>
    </row>
    <row r="58774" spans="8:8">
      <c r="H58774" s="12"/>
    </row>
    <row r="58775" spans="8:8">
      <c r="H58775" s="12"/>
    </row>
    <row r="58776" spans="8:8">
      <c r="H58776" s="12"/>
    </row>
    <row r="58777" spans="8:8">
      <c r="H58777" s="12"/>
    </row>
    <row r="58778" spans="8:8">
      <c r="H58778" s="12"/>
    </row>
    <row r="58779" spans="8:8">
      <c r="H58779" s="12"/>
    </row>
    <row r="58780" spans="8:8">
      <c r="H58780" s="12"/>
    </row>
    <row r="58781" spans="8:8">
      <c r="H58781" s="12"/>
    </row>
    <row r="58782" spans="8:8">
      <c r="H58782" s="12"/>
    </row>
    <row r="58783" spans="8:8">
      <c r="H58783" s="12"/>
    </row>
    <row r="58784" spans="8:8">
      <c r="H58784" s="12"/>
    </row>
    <row r="58785" spans="8:8">
      <c r="H58785" s="12"/>
    </row>
    <row r="58786" spans="8:8">
      <c r="H58786" s="12"/>
    </row>
    <row r="58787" spans="8:8">
      <c r="H58787" s="12"/>
    </row>
    <row r="58788" spans="8:8">
      <c r="H58788" s="12"/>
    </row>
    <row r="58789" spans="8:8">
      <c r="H58789" s="12"/>
    </row>
    <row r="58790" spans="8:8">
      <c r="H58790" s="12"/>
    </row>
    <row r="58791" spans="8:8">
      <c r="H58791" s="12"/>
    </row>
    <row r="58792" spans="8:8">
      <c r="H58792" s="12"/>
    </row>
    <row r="58793" spans="8:8">
      <c r="H58793" s="12"/>
    </row>
    <row r="58794" spans="8:8">
      <c r="H58794" s="12"/>
    </row>
    <row r="58795" spans="8:8">
      <c r="H58795" s="12"/>
    </row>
    <row r="58796" spans="8:8">
      <c r="H58796" s="12"/>
    </row>
    <row r="58797" spans="8:8">
      <c r="H58797" s="12"/>
    </row>
    <row r="58798" spans="8:8">
      <c r="H58798" s="12"/>
    </row>
    <row r="58799" spans="8:8">
      <c r="H58799" s="12"/>
    </row>
    <row r="58800" spans="8:8">
      <c r="H58800" s="12"/>
    </row>
    <row r="58801" spans="8:8">
      <c r="H58801" s="12"/>
    </row>
    <row r="58802" spans="8:8">
      <c r="H58802" s="12"/>
    </row>
    <row r="58803" spans="8:8">
      <c r="H58803" s="12"/>
    </row>
    <row r="58804" spans="8:8">
      <c r="H58804" s="12"/>
    </row>
    <row r="58805" spans="8:8">
      <c r="H58805" s="12"/>
    </row>
    <row r="58806" spans="8:8">
      <c r="H58806" s="12"/>
    </row>
    <row r="58807" spans="8:8">
      <c r="H58807" s="12"/>
    </row>
    <row r="58808" spans="8:8">
      <c r="H58808" s="12"/>
    </row>
    <row r="58809" spans="8:8">
      <c r="H58809" s="12"/>
    </row>
    <row r="58810" spans="8:8">
      <c r="H58810" s="12"/>
    </row>
    <row r="58811" spans="8:8">
      <c r="H58811" s="12"/>
    </row>
    <row r="58812" spans="8:8">
      <c r="H58812" s="12"/>
    </row>
    <row r="58813" spans="8:8">
      <c r="H58813" s="12"/>
    </row>
    <row r="58814" spans="8:8">
      <c r="H58814" s="12"/>
    </row>
    <row r="58815" spans="8:8">
      <c r="H58815" s="12"/>
    </row>
    <row r="58816" spans="8:8">
      <c r="H58816" s="12"/>
    </row>
    <row r="58817" spans="8:8">
      <c r="H58817" s="12"/>
    </row>
    <row r="58818" spans="8:8">
      <c r="H58818" s="12"/>
    </row>
    <row r="58819" spans="8:8">
      <c r="H58819" s="12"/>
    </row>
    <row r="58820" spans="8:8">
      <c r="H58820" s="12"/>
    </row>
    <row r="58821" spans="8:8">
      <c r="H58821" s="12"/>
    </row>
    <row r="58822" spans="8:8">
      <c r="H58822" s="12"/>
    </row>
    <row r="58823" spans="8:8">
      <c r="H58823" s="12"/>
    </row>
    <row r="58824" spans="8:8">
      <c r="H58824" s="12"/>
    </row>
    <row r="58825" spans="8:8">
      <c r="H58825" s="12"/>
    </row>
    <row r="58826" spans="8:8">
      <c r="H58826" s="12"/>
    </row>
    <row r="58827" spans="8:8">
      <c r="H58827" s="12"/>
    </row>
    <row r="58828" spans="8:8">
      <c r="H58828" s="12"/>
    </row>
    <row r="58829" spans="8:8">
      <c r="H58829" s="12"/>
    </row>
    <row r="58830" spans="8:8">
      <c r="H58830" s="12"/>
    </row>
    <row r="58831" spans="8:8">
      <c r="H58831" s="12"/>
    </row>
    <row r="58832" spans="8:8">
      <c r="H58832" s="12"/>
    </row>
    <row r="58833" spans="8:8">
      <c r="H58833" s="12"/>
    </row>
    <row r="58834" spans="8:8">
      <c r="H58834" s="12"/>
    </row>
    <row r="58835" spans="8:8">
      <c r="H58835" s="12"/>
    </row>
    <row r="58836" spans="8:8">
      <c r="H58836" s="12"/>
    </row>
    <row r="58837" spans="8:8">
      <c r="H58837" s="12"/>
    </row>
    <row r="58838" spans="8:8">
      <c r="H58838" s="12"/>
    </row>
    <row r="58839" spans="8:8">
      <c r="H58839" s="12"/>
    </row>
    <row r="58840" spans="8:8">
      <c r="H58840" s="12"/>
    </row>
    <row r="58841" spans="8:8">
      <c r="H58841" s="12"/>
    </row>
    <row r="58842" spans="8:8">
      <c r="H58842" s="12"/>
    </row>
    <row r="58843" spans="8:8">
      <c r="H58843" s="12"/>
    </row>
    <row r="58844" spans="8:8">
      <c r="H58844" s="12"/>
    </row>
    <row r="58845" spans="8:8">
      <c r="H58845" s="12"/>
    </row>
    <row r="58846" spans="8:8">
      <c r="H58846" s="12"/>
    </row>
    <row r="58847" spans="8:8">
      <c r="H58847" s="12"/>
    </row>
    <row r="58848" spans="8:8">
      <c r="H58848" s="12"/>
    </row>
    <row r="58849" spans="8:8">
      <c r="H58849" s="12"/>
    </row>
    <row r="58850" spans="8:8">
      <c r="H58850" s="12"/>
    </row>
    <row r="58851" spans="8:8">
      <c r="H58851" s="12"/>
    </row>
    <row r="58852" spans="8:8">
      <c r="H58852" s="12"/>
    </row>
    <row r="58853" spans="8:8">
      <c r="H58853" s="12"/>
    </row>
    <row r="58854" spans="8:8">
      <c r="H58854" s="12"/>
    </row>
    <row r="58855" spans="8:8">
      <c r="H58855" s="12"/>
    </row>
    <row r="58856" spans="8:8">
      <c r="H58856" s="12"/>
    </row>
    <row r="58857" spans="8:8">
      <c r="H58857" s="12"/>
    </row>
    <row r="58858" spans="8:8">
      <c r="H58858" s="12"/>
    </row>
    <row r="58859" spans="8:8">
      <c r="H58859" s="12"/>
    </row>
    <row r="58860" spans="8:8">
      <c r="H58860" s="12"/>
    </row>
    <row r="58861" spans="8:8">
      <c r="H58861" s="12"/>
    </row>
    <row r="58862" spans="8:8">
      <c r="H58862" s="12"/>
    </row>
    <row r="58863" spans="8:8">
      <c r="H58863" s="12"/>
    </row>
    <row r="58864" spans="8:8">
      <c r="H58864" s="12"/>
    </row>
    <row r="58865" spans="8:8">
      <c r="H58865" s="12"/>
    </row>
    <row r="58866" spans="8:8">
      <c r="H58866" s="12"/>
    </row>
    <row r="58867" spans="8:8">
      <c r="H58867" s="12"/>
    </row>
    <row r="58868" spans="8:8">
      <c r="H58868" s="12"/>
    </row>
    <row r="58869" spans="8:8">
      <c r="H58869" s="12"/>
    </row>
    <row r="58870" spans="8:8">
      <c r="H58870" s="12"/>
    </row>
    <row r="58871" spans="8:8">
      <c r="H58871" s="12"/>
    </row>
    <row r="58872" spans="8:8">
      <c r="H58872" s="12"/>
    </row>
    <row r="58873" spans="8:8">
      <c r="H58873" s="12"/>
    </row>
    <row r="58874" spans="8:8">
      <c r="H58874" s="12"/>
    </row>
    <row r="58875" spans="8:8">
      <c r="H58875" s="12"/>
    </row>
    <row r="58876" spans="8:8">
      <c r="H58876" s="12"/>
    </row>
    <row r="58877" spans="8:8">
      <c r="H58877" s="12"/>
    </row>
    <row r="58878" spans="8:8">
      <c r="H58878" s="12"/>
    </row>
    <row r="58879" spans="8:8">
      <c r="H58879" s="12"/>
    </row>
    <row r="58880" spans="8:8">
      <c r="H58880" s="12"/>
    </row>
    <row r="58881" spans="8:8">
      <c r="H58881" s="12"/>
    </row>
    <row r="58882" spans="8:8">
      <c r="H58882" s="12"/>
    </row>
    <row r="58883" spans="8:8">
      <c r="H58883" s="12"/>
    </row>
    <row r="58884" spans="8:8">
      <c r="H58884" s="12"/>
    </row>
    <row r="58885" spans="8:8">
      <c r="H58885" s="12"/>
    </row>
    <row r="58886" spans="8:8">
      <c r="H58886" s="12"/>
    </row>
    <row r="58887" spans="8:8">
      <c r="H58887" s="12"/>
    </row>
    <row r="58888" spans="8:8">
      <c r="H58888" s="12"/>
    </row>
    <row r="58889" spans="8:8">
      <c r="H58889" s="12"/>
    </row>
    <row r="58890" spans="8:8">
      <c r="H58890" s="12"/>
    </row>
    <row r="58891" spans="8:8">
      <c r="H58891" s="12"/>
    </row>
    <row r="58892" spans="8:8">
      <c r="H58892" s="12"/>
    </row>
    <row r="58893" spans="8:8">
      <c r="H58893" s="12"/>
    </row>
    <row r="58894" spans="8:8">
      <c r="H58894" s="12"/>
    </row>
    <row r="58895" spans="8:8">
      <c r="H58895" s="12"/>
    </row>
    <row r="58896" spans="8:8">
      <c r="H58896" s="12"/>
    </row>
    <row r="58897" spans="8:8">
      <c r="H58897" s="12"/>
    </row>
    <row r="58898" spans="8:8">
      <c r="H58898" s="12"/>
    </row>
    <row r="58899" spans="8:8">
      <c r="H58899" s="12"/>
    </row>
    <row r="58900" spans="8:8">
      <c r="H58900" s="12"/>
    </row>
    <row r="58901" spans="8:8">
      <c r="H58901" s="12"/>
    </row>
    <row r="58902" spans="8:8">
      <c r="H58902" s="12"/>
    </row>
    <row r="58903" spans="8:8">
      <c r="H58903" s="12"/>
    </row>
    <row r="58904" spans="8:8">
      <c r="H58904" s="12"/>
    </row>
    <row r="58905" spans="8:8">
      <c r="H58905" s="12"/>
    </row>
    <row r="58906" spans="8:8">
      <c r="H58906" s="12"/>
    </row>
    <row r="58907" spans="8:8">
      <c r="H58907" s="12"/>
    </row>
    <row r="58908" spans="8:8">
      <c r="H58908" s="12"/>
    </row>
    <row r="58909" spans="8:8">
      <c r="H58909" s="12"/>
    </row>
    <row r="58910" spans="8:8">
      <c r="H58910" s="12"/>
    </row>
    <row r="58911" spans="8:8">
      <c r="H58911" s="12"/>
    </row>
    <row r="58912" spans="8:8">
      <c r="H58912" s="12"/>
    </row>
    <row r="58913" spans="8:8">
      <c r="H58913" s="12"/>
    </row>
    <row r="58914" spans="8:8">
      <c r="H58914" s="12"/>
    </row>
    <row r="58915" spans="8:8">
      <c r="H58915" s="12"/>
    </row>
    <row r="58916" spans="8:8">
      <c r="H58916" s="12"/>
    </row>
    <row r="58917" spans="8:8">
      <c r="H58917" s="12"/>
    </row>
    <row r="58918" spans="8:8">
      <c r="H58918" s="12"/>
    </row>
    <row r="58919" spans="8:8">
      <c r="H58919" s="12"/>
    </row>
    <row r="58920" spans="8:8">
      <c r="H58920" s="12"/>
    </row>
    <row r="58921" spans="8:8">
      <c r="H58921" s="12"/>
    </row>
    <row r="58922" spans="8:8">
      <c r="H58922" s="12"/>
    </row>
    <row r="58923" spans="8:8">
      <c r="H58923" s="12"/>
    </row>
    <row r="58924" spans="8:8">
      <c r="H58924" s="12"/>
    </row>
    <row r="58925" spans="8:8">
      <c r="H58925" s="12"/>
    </row>
    <row r="58926" spans="8:8">
      <c r="H58926" s="12"/>
    </row>
    <row r="58927" spans="8:8">
      <c r="H58927" s="12"/>
    </row>
    <row r="58928" spans="8:8">
      <c r="H58928" s="12"/>
    </row>
    <row r="58929" spans="8:8">
      <c r="H58929" s="12"/>
    </row>
    <row r="58930" spans="8:8">
      <c r="H58930" s="12"/>
    </row>
    <row r="58931" spans="8:8">
      <c r="H58931" s="12"/>
    </row>
    <row r="58932" spans="8:8">
      <c r="H58932" s="12"/>
    </row>
    <row r="58933" spans="8:8">
      <c r="H58933" s="12"/>
    </row>
    <row r="58934" spans="8:8">
      <c r="H58934" s="12"/>
    </row>
    <row r="58935" spans="8:8">
      <c r="H58935" s="12"/>
    </row>
    <row r="58936" spans="8:8">
      <c r="H58936" s="12"/>
    </row>
    <row r="58937" spans="8:8">
      <c r="H58937" s="12"/>
    </row>
    <row r="58938" spans="8:8">
      <c r="H58938" s="12"/>
    </row>
    <row r="58939" spans="8:8">
      <c r="H58939" s="12"/>
    </row>
    <row r="58940" spans="8:8">
      <c r="H58940" s="12"/>
    </row>
    <row r="58941" spans="8:8">
      <c r="H58941" s="12"/>
    </row>
    <row r="58942" spans="8:8">
      <c r="H58942" s="12"/>
    </row>
    <row r="58943" spans="8:8">
      <c r="H58943" s="12"/>
    </row>
    <row r="58944" spans="8:8">
      <c r="H58944" s="12"/>
    </row>
    <row r="58945" spans="8:8">
      <c r="H58945" s="12"/>
    </row>
    <row r="58946" spans="8:8">
      <c r="H58946" s="12"/>
    </row>
    <row r="58947" spans="8:8">
      <c r="H58947" s="12"/>
    </row>
    <row r="58948" spans="8:8">
      <c r="H58948" s="12"/>
    </row>
    <row r="58949" spans="8:8">
      <c r="H58949" s="12"/>
    </row>
    <row r="58950" spans="8:8">
      <c r="H58950" s="12"/>
    </row>
    <row r="58951" spans="8:8">
      <c r="H58951" s="12"/>
    </row>
    <row r="58952" spans="8:8">
      <c r="H58952" s="12"/>
    </row>
    <row r="58953" spans="8:8">
      <c r="H58953" s="12"/>
    </row>
    <row r="58954" spans="8:8">
      <c r="H58954" s="12"/>
    </row>
    <row r="58955" spans="8:8">
      <c r="H58955" s="12"/>
    </row>
    <row r="58956" spans="8:8">
      <c r="H58956" s="12"/>
    </row>
    <row r="58957" spans="8:8">
      <c r="H58957" s="12"/>
    </row>
    <row r="58958" spans="8:8">
      <c r="H58958" s="12"/>
    </row>
    <row r="58959" spans="8:8">
      <c r="H58959" s="12"/>
    </row>
    <row r="58960" spans="8:8">
      <c r="H58960" s="12"/>
    </row>
    <row r="58961" spans="8:8">
      <c r="H58961" s="12"/>
    </row>
    <row r="58962" spans="8:8">
      <c r="H58962" s="12"/>
    </row>
    <row r="58963" spans="8:8">
      <c r="H58963" s="12"/>
    </row>
    <row r="58964" spans="8:8">
      <c r="H58964" s="12"/>
    </row>
    <row r="58965" spans="8:8">
      <c r="H58965" s="12"/>
    </row>
    <row r="58966" spans="8:8">
      <c r="H58966" s="12"/>
    </row>
    <row r="58967" spans="8:8">
      <c r="H58967" s="12"/>
    </row>
    <row r="58968" spans="8:8">
      <c r="H58968" s="12"/>
    </row>
    <row r="58969" spans="8:8">
      <c r="H58969" s="12"/>
    </row>
    <row r="58970" spans="8:8">
      <c r="H58970" s="12"/>
    </row>
    <row r="58971" spans="8:8">
      <c r="H58971" s="12"/>
    </row>
    <row r="58972" spans="8:8">
      <c r="H58972" s="12"/>
    </row>
    <row r="58973" spans="8:8">
      <c r="H58973" s="12"/>
    </row>
    <row r="58974" spans="8:8">
      <c r="H58974" s="12"/>
    </row>
    <row r="58975" spans="8:8">
      <c r="H58975" s="12"/>
    </row>
    <row r="58976" spans="8:8">
      <c r="H58976" s="12"/>
    </row>
    <row r="58977" spans="8:8">
      <c r="H58977" s="12"/>
    </row>
    <row r="58978" spans="8:8">
      <c r="H58978" s="12"/>
    </row>
    <row r="58979" spans="8:8">
      <c r="H58979" s="12"/>
    </row>
    <row r="58980" spans="8:8">
      <c r="H58980" s="12"/>
    </row>
    <row r="58981" spans="8:8">
      <c r="H58981" s="12"/>
    </row>
    <row r="58982" spans="8:8">
      <c r="H58982" s="12"/>
    </row>
    <row r="58983" spans="8:8">
      <c r="H58983" s="12"/>
    </row>
    <row r="58984" spans="8:8">
      <c r="H58984" s="12"/>
    </row>
    <row r="58985" spans="8:8">
      <c r="H58985" s="12"/>
    </row>
    <row r="58986" spans="8:8">
      <c r="H58986" s="12"/>
    </row>
    <row r="58987" spans="8:8">
      <c r="H58987" s="12"/>
    </row>
    <row r="58988" spans="8:8">
      <c r="H58988" s="12"/>
    </row>
    <row r="58989" spans="8:8">
      <c r="H58989" s="12"/>
    </row>
    <row r="58990" spans="8:8">
      <c r="H58990" s="12"/>
    </row>
    <row r="58991" spans="8:8">
      <c r="H58991" s="12"/>
    </row>
    <row r="58992" spans="8:8">
      <c r="H58992" s="12"/>
    </row>
    <row r="58993" spans="8:8">
      <c r="H58993" s="12"/>
    </row>
    <row r="58994" spans="8:8">
      <c r="H58994" s="12"/>
    </row>
    <row r="58995" spans="8:8">
      <c r="H58995" s="12"/>
    </row>
    <row r="58996" spans="8:8">
      <c r="H58996" s="12"/>
    </row>
    <row r="58997" spans="8:8">
      <c r="H58997" s="12"/>
    </row>
    <row r="58998" spans="8:8">
      <c r="H58998" s="12"/>
    </row>
    <row r="58999" spans="8:8">
      <c r="H58999" s="12"/>
    </row>
    <row r="59000" spans="8:8">
      <c r="H59000" s="12"/>
    </row>
    <row r="59001" spans="8:8">
      <c r="H59001" s="12"/>
    </row>
    <row r="59002" spans="8:8">
      <c r="H59002" s="12"/>
    </row>
    <row r="59003" spans="8:8">
      <c r="H59003" s="12"/>
    </row>
    <row r="59004" spans="8:8">
      <c r="H59004" s="12"/>
    </row>
    <row r="59005" spans="8:8">
      <c r="H59005" s="12"/>
    </row>
    <row r="59006" spans="8:8">
      <c r="H59006" s="12"/>
    </row>
    <row r="59007" spans="8:8">
      <c r="H59007" s="12"/>
    </row>
    <row r="59008" spans="8:8">
      <c r="H59008" s="12"/>
    </row>
    <row r="59009" spans="8:8">
      <c r="H59009" s="12"/>
    </row>
    <row r="59010" spans="8:8">
      <c r="H59010" s="12"/>
    </row>
    <row r="59011" spans="8:8">
      <c r="H59011" s="12"/>
    </row>
    <row r="59012" spans="8:8">
      <c r="H59012" s="12"/>
    </row>
    <row r="59013" spans="8:8">
      <c r="H59013" s="12"/>
    </row>
    <row r="59014" spans="8:8">
      <c r="H59014" s="12"/>
    </row>
    <row r="59015" spans="8:8">
      <c r="H59015" s="12"/>
    </row>
    <row r="59016" spans="8:8">
      <c r="H59016" s="12"/>
    </row>
    <row r="59017" spans="8:8">
      <c r="H59017" s="12"/>
    </row>
    <row r="59018" spans="8:8">
      <c r="H59018" s="12"/>
    </row>
    <row r="59019" spans="8:8">
      <c r="H59019" s="12"/>
    </row>
    <row r="59020" spans="8:8">
      <c r="H59020" s="12"/>
    </row>
    <row r="59021" spans="8:8">
      <c r="H59021" s="12"/>
    </row>
    <row r="59022" spans="8:8">
      <c r="H59022" s="12"/>
    </row>
    <row r="59023" spans="8:8">
      <c r="H59023" s="12"/>
    </row>
    <row r="59024" spans="8:8">
      <c r="H59024" s="12"/>
    </row>
    <row r="59025" spans="8:8">
      <c r="H59025" s="12"/>
    </row>
    <row r="59026" spans="8:8">
      <c r="H59026" s="12"/>
    </row>
    <row r="59027" spans="8:8">
      <c r="H59027" s="12"/>
    </row>
    <row r="59028" spans="8:8">
      <c r="H59028" s="12"/>
    </row>
    <row r="59029" spans="8:8">
      <c r="H59029" s="12"/>
    </row>
    <row r="59030" spans="8:8">
      <c r="H59030" s="12"/>
    </row>
    <row r="59031" spans="8:8">
      <c r="H59031" s="12"/>
    </row>
    <row r="59032" spans="8:8">
      <c r="H59032" s="12"/>
    </row>
    <row r="59033" spans="8:8">
      <c r="H59033" s="12"/>
    </row>
    <row r="59034" spans="8:8">
      <c r="H59034" s="12"/>
    </row>
    <row r="59035" spans="8:8">
      <c r="H59035" s="12"/>
    </row>
    <row r="59036" spans="8:8">
      <c r="H59036" s="12"/>
    </row>
    <row r="59037" spans="8:8">
      <c r="H59037" s="12"/>
    </row>
    <row r="59038" spans="8:8">
      <c r="H59038" s="12"/>
    </row>
    <row r="59039" spans="8:8">
      <c r="H59039" s="12"/>
    </row>
    <row r="59040" spans="8:8">
      <c r="H59040" s="12"/>
    </row>
    <row r="59041" spans="8:8">
      <c r="H59041" s="12"/>
    </row>
    <row r="59042" spans="8:8">
      <c r="H59042" s="12"/>
    </row>
    <row r="59043" spans="8:8">
      <c r="H59043" s="12"/>
    </row>
    <row r="59044" spans="8:8">
      <c r="H59044" s="12"/>
    </row>
    <row r="59045" spans="8:8">
      <c r="H59045" s="12"/>
    </row>
    <row r="59046" spans="8:8">
      <c r="H59046" s="12"/>
    </row>
    <row r="59047" spans="8:8">
      <c r="H59047" s="12"/>
    </row>
    <row r="59048" spans="8:8">
      <c r="H59048" s="12"/>
    </row>
    <row r="59049" spans="8:8">
      <c r="H59049" s="12"/>
    </row>
    <row r="59050" spans="8:8">
      <c r="H59050" s="12"/>
    </row>
    <row r="59051" spans="8:8">
      <c r="H59051" s="12"/>
    </row>
    <row r="59052" spans="8:8">
      <c r="H59052" s="12"/>
    </row>
    <row r="59053" spans="8:8">
      <c r="H59053" s="12"/>
    </row>
    <row r="59054" spans="8:8">
      <c r="H59054" s="12"/>
    </row>
    <row r="59055" spans="8:8">
      <c r="H59055" s="12"/>
    </row>
    <row r="59056" spans="8:8">
      <c r="H59056" s="12"/>
    </row>
    <row r="59057" spans="8:8">
      <c r="H59057" s="12"/>
    </row>
    <row r="59058" spans="8:8">
      <c r="H59058" s="12"/>
    </row>
    <row r="59059" spans="8:8">
      <c r="H59059" s="12"/>
    </row>
    <row r="59060" spans="8:8">
      <c r="H59060" s="12"/>
    </row>
    <row r="59061" spans="8:8">
      <c r="H59061" s="12"/>
    </row>
    <row r="59062" spans="8:8">
      <c r="H59062" s="12"/>
    </row>
    <row r="59063" spans="8:8">
      <c r="H59063" s="12"/>
    </row>
    <row r="59064" spans="8:8">
      <c r="H59064" s="12"/>
    </row>
    <row r="59065" spans="8:8">
      <c r="H59065" s="12"/>
    </row>
    <row r="59066" spans="8:8">
      <c r="H59066" s="12"/>
    </row>
    <row r="59067" spans="8:8">
      <c r="H59067" s="12"/>
    </row>
    <row r="59068" spans="8:8">
      <c r="H59068" s="12"/>
    </row>
    <row r="59069" spans="8:8">
      <c r="H59069" s="12"/>
    </row>
    <row r="59070" spans="8:8">
      <c r="H59070" s="12"/>
    </row>
    <row r="59071" spans="8:8">
      <c r="H59071" s="12"/>
    </row>
    <row r="59072" spans="8:8">
      <c r="H59072" s="12"/>
    </row>
    <row r="59073" spans="8:8">
      <c r="H59073" s="12"/>
    </row>
    <row r="59074" spans="8:8">
      <c r="H59074" s="12"/>
    </row>
    <row r="59075" spans="8:8">
      <c r="H59075" s="12"/>
    </row>
    <row r="59076" spans="8:8">
      <c r="H59076" s="12"/>
    </row>
    <row r="59077" spans="8:8">
      <c r="H59077" s="12"/>
    </row>
    <row r="59078" spans="8:8">
      <c r="H59078" s="12"/>
    </row>
    <row r="59079" spans="8:8">
      <c r="H59079" s="12"/>
    </row>
    <row r="59080" spans="8:8">
      <c r="H59080" s="12"/>
    </row>
    <row r="59081" spans="8:8">
      <c r="H59081" s="12"/>
    </row>
    <row r="59082" spans="8:8">
      <c r="H59082" s="12"/>
    </row>
    <row r="59083" spans="8:8">
      <c r="H59083" s="12"/>
    </row>
    <row r="59084" spans="8:8">
      <c r="H59084" s="12"/>
    </row>
    <row r="59085" spans="8:8">
      <c r="H59085" s="12"/>
    </row>
    <row r="59086" spans="8:8">
      <c r="H59086" s="12"/>
    </row>
    <row r="59087" spans="8:8">
      <c r="H59087" s="12"/>
    </row>
    <row r="59088" spans="8:8">
      <c r="H59088" s="12"/>
    </row>
    <row r="59089" spans="8:8">
      <c r="H59089" s="12"/>
    </row>
    <row r="59090" spans="8:8">
      <c r="H59090" s="12"/>
    </row>
    <row r="59091" spans="8:8">
      <c r="H59091" s="12"/>
    </row>
    <row r="59092" spans="8:8">
      <c r="H59092" s="12"/>
    </row>
    <row r="59093" spans="8:8">
      <c r="H59093" s="12"/>
    </row>
    <row r="59094" spans="8:8">
      <c r="H59094" s="12"/>
    </row>
    <row r="59095" spans="8:8">
      <c r="H59095" s="12"/>
    </row>
    <row r="59096" spans="8:8">
      <c r="H59096" s="12"/>
    </row>
    <row r="59097" spans="8:8">
      <c r="H59097" s="12"/>
    </row>
    <row r="59098" spans="8:8">
      <c r="H59098" s="12"/>
    </row>
    <row r="59099" spans="8:8">
      <c r="H59099" s="12"/>
    </row>
    <row r="59100" spans="8:8">
      <c r="H59100" s="12"/>
    </row>
    <row r="59101" spans="8:8">
      <c r="H59101" s="12"/>
    </row>
    <row r="59102" spans="8:8">
      <c r="H59102" s="12"/>
    </row>
    <row r="59103" spans="8:8">
      <c r="H59103" s="12"/>
    </row>
    <row r="59104" spans="8:8">
      <c r="H59104" s="12"/>
    </row>
    <row r="59105" spans="8:8">
      <c r="H59105" s="12"/>
    </row>
    <row r="59106" spans="8:8">
      <c r="H59106" s="12"/>
    </row>
    <row r="59107" spans="8:8">
      <c r="H59107" s="12"/>
    </row>
    <row r="59108" spans="8:8">
      <c r="H59108" s="12"/>
    </row>
    <row r="59109" spans="8:8">
      <c r="H59109" s="12"/>
    </row>
    <row r="59110" spans="8:8">
      <c r="H59110" s="12"/>
    </row>
    <row r="59111" spans="8:8">
      <c r="H59111" s="12"/>
    </row>
    <row r="59112" spans="8:8">
      <c r="H59112" s="12"/>
    </row>
    <row r="59113" spans="8:8">
      <c r="H59113" s="12"/>
    </row>
    <row r="59114" spans="8:8">
      <c r="H59114" s="12"/>
    </row>
    <row r="59115" spans="8:8">
      <c r="H59115" s="12"/>
    </row>
    <row r="59116" spans="8:8">
      <c r="H59116" s="12"/>
    </row>
    <row r="59117" spans="8:8">
      <c r="H59117" s="12"/>
    </row>
    <row r="59118" spans="8:8">
      <c r="H59118" s="12"/>
    </row>
    <row r="59119" spans="8:8">
      <c r="H59119" s="12"/>
    </row>
    <row r="59120" spans="8:8">
      <c r="H59120" s="12"/>
    </row>
    <row r="59121" spans="8:8">
      <c r="H59121" s="12"/>
    </row>
    <row r="59122" spans="8:8">
      <c r="H59122" s="12"/>
    </row>
    <row r="59123" spans="8:8">
      <c r="H59123" s="12"/>
    </row>
    <row r="59124" spans="8:8">
      <c r="H59124" s="12"/>
    </row>
    <row r="59125" spans="8:8">
      <c r="H59125" s="12"/>
    </row>
    <row r="59126" spans="8:8">
      <c r="H59126" s="12"/>
    </row>
    <row r="59127" spans="8:8">
      <c r="H59127" s="12"/>
    </row>
    <row r="59128" spans="8:8">
      <c r="H59128" s="12"/>
    </row>
    <row r="59129" spans="8:8">
      <c r="H59129" s="12"/>
    </row>
    <row r="59130" spans="8:8">
      <c r="H59130" s="12"/>
    </row>
    <row r="59131" spans="8:8">
      <c r="H59131" s="12"/>
    </row>
    <row r="59132" spans="8:8">
      <c r="H59132" s="12"/>
    </row>
    <row r="59133" spans="8:8">
      <c r="H59133" s="12"/>
    </row>
    <row r="59134" spans="8:8">
      <c r="H59134" s="12"/>
    </row>
    <row r="59135" spans="8:8">
      <c r="H59135" s="12"/>
    </row>
    <row r="59136" spans="8:8">
      <c r="H59136" s="12"/>
    </row>
    <row r="59137" spans="8:8">
      <c r="H59137" s="12"/>
    </row>
    <row r="59138" spans="8:8">
      <c r="H59138" s="12"/>
    </row>
    <row r="59139" spans="8:8">
      <c r="H59139" s="12"/>
    </row>
    <row r="59140" spans="8:8">
      <c r="H59140" s="12"/>
    </row>
    <row r="59141" spans="8:8">
      <c r="H59141" s="12"/>
    </row>
    <row r="59142" spans="8:8">
      <c r="H59142" s="12"/>
    </row>
    <row r="59143" spans="8:8">
      <c r="H59143" s="12"/>
    </row>
    <row r="59144" spans="8:8">
      <c r="H59144" s="12"/>
    </row>
    <row r="59145" spans="8:8">
      <c r="H59145" s="12"/>
    </row>
    <row r="59146" spans="8:8">
      <c r="H59146" s="12"/>
    </row>
    <row r="59147" spans="8:8">
      <c r="H59147" s="12"/>
    </row>
    <row r="59148" spans="8:8">
      <c r="H59148" s="12"/>
    </row>
    <row r="59149" spans="8:8">
      <c r="H59149" s="12"/>
    </row>
    <row r="59150" spans="8:8">
      <c r="H59150" s="12"/>
    </row>
    <row r="59151" spans="8:8">
      <c r="H59151" s="12"/>
    </row>
    <row r="59152" spans="8:8">
      <c r="H59152" s="12"/>
    </row>
    <row r="59153" spans="8:8">
      <c r="H59153" s="12"/>
    </row>
    <row r="59154" spans="8:8">
      <c r="H59154" s="12"/>
    </row>
    <row r="59155" spans="8:8">
      <c r="H59155" s="12"/>
    </row>
    <row r="59156" spans="8:8">
      <c r="H59156" s="12"/>
    </row>
    <row r="59157" spans="8:8">
      <c r="H59157" s="12"/>
    </row>
    <row r="59158" spans="8:8">
      <c r="H59158" s="12"/>
    </row>
    <row r="59159" spans="8:8">
      <c r="H59159" s="12"/>
    </row>
    <row r="59160" spans="8:8">
      <c r="H59160" s="12"/>
    </row>
    <row r="59161" spans="8:8">
      <c r="H59161" s="12"/>
    </row>
    <row r="59162" spans="8:8">
      <c r="H59162" s="12"/>
    </row>
    <row r="59163" spans="8:8">
      <c r="H59163" s="12"/>
    </row>
    <row r="59164" spans="8:8">
      <c r="H59164" s="12"/>
    </row>
    <row r="59165" spans="8:8">
      <c r="H59165" s="12"/>
    </row>
    <row r="59166" spans="8:8">
      <c r="H59166" s="12"/>
    </row>
    <row r="59167" spans="8:8">
      <c r="H59167" s="12"/>
    </row>
    <row r="59168" spans="8:8">
      <c r="H59168" s="12"/>
    </row>
    <row r="59169" spans="8:8">
      <c r="H59169" s="12"/>
    </row>
    <row r="59170" spans="8:8">
      <c r="H59170" s="12"/>
    </row>
    <row r="59171" spans="8:8">
      <c r="H59171" s="12"/>
    </row>
    <row r="59172" spans="8:8">
      <c r="H59172" s="12"/>
    </row>
    <row r="59173" spans="8:8">
      <c r="H59173" s="12"/>
    </row>
    <row r="59174" spans="8:8">
      <c r="H59174" s="12"/>
    </row>
    <row r="59175" spans="8:8">
      <c r="H59175" s="12"/>
    </row>
    <row r="59176" spans="8:8">
      <c r="H59176" s="12"/>
    </row>
    <row r="59177" spans="8:8">
      <c r="H59177" s="12"/>
    </row>
    <row r="59178" spans="8:8">
      <c r="H59178" s="12"/>
    </row>
    <row r="59179" spans="8:8">
      <c r="H59179" s="12"/>
    </row>
    <row r="59180" spans="8:8">
      <c r="H59180" s="12"/>
    </row>
    <row r="59181" spans="8:8">
      <c r="H59181" s="12"/>
    </row>
    <row r="59182" spans="8:8">
      <c r="H59182" s="12"/>
    </row>
    <row r="59183" spans="8:8">
      <c r="H59183" s="12"/>
    </row>
    <row r="59184" spans="8:8">
      <c r="H59184" s="12"/>
    </row>
    <row r="59185" spans="8:8">
      <c r="H59185" s="12"/>
    </row>
    <row r="59186" spans="8:8">
      <c r="H59186" s="12"/>
    </row>
    <row r="59187" spans="8:8">
      <c r="H59187" s="12"/>
    </row>
    <row r="59188" spans="8:8">
      <c r="H59188" s="12"/>
    </row>
    <row r="59189" spans="8:8">
      <c r="H59189" s="12"/>
    </row>
    <row r="59190" spans="8:8">
      <c r="H59190" s="12"/>
    </row>
    <row r="59191" spans="8:8">
      <c r="H59191" s="12"/>
    </row>
    <row r="59192" spans="8:8">
      <c r="H59192" s="12"/>
    </row>
    <row r="59193" spans="8:8">
      <c r="H59193" s="12"/>
    </row>
    <row r="59194" spans="8:8">
      <c r="H59194" s="12"/>
    </row>
    <row r="59195" spans="8:8">
      <c r="H59195" s="12"/>
    </row>
    <row r="59196" spans="8:8">
      <c r="H59196" s="12"/>
    </row>
    <row r="59197" spans="8:8">
      <c r="H59197" s="12"/>
    </row>
    <row r="59198" spans="8:8">
      <c r="H59198" s="12"/>
    </row>
    <row r="59199" spans="8:8">
      <c r="H59199" s="12"/>
    </row>
    <row r="59200" spans="8:8">
      <c r="H59200" s="12"/>
    </row>
    <row r="59201" spans="8:8">
      <c r="H59201" s="12"/>
    </row>
    <row r="59202" spans="8:8">
      <c r="H59202" s="12"/>
    </row>
    <row r="59203" spans="8:8">
      <c r="H59203" s="12"/>
    </row>
    <row r="59204" spans="8:8">
      <c r="H59204" s="12"/>
    </row>
    <row r="59205" spans="8:8">
      <c r="H59205" s="12"/>
    </row>
    <row r="59206" spans="8:8">
      <c r="H59206" s="12"/>
    </row>
    <row r="59207" spans="8:8">
      <c r="H59207" s="12"/>
    </row>
    <row r="59208" spans="8:8">
      <c r="H59208" s="12"/>
    </row>
    <row r="59209" spans="8:8">
      <c r="H59209" s="12"/>
    </row>
    <row r="59210" spans="8:8">
      <c r="H59210" s="12"/>
    </row>
    <row r="59211" spans="8:8">
      <c r="H59211" s="12"/>
    </row>
    <row r="59212" spans="8:8">
      <c r="H59212" s="12"/>
    </row>
    <row r="59213" spans="8:8">
      <c r="H59213" s="12"/>
    </row>
    <row r="59214" spans="8:8">
      <c r="H59214" s="12"/>
    </row>
    <row r="59215" spans="8:8">
      <c r="H59215" s="12"/>
    </row>
    <row r="59216" spans="8:8">
      <c r="H59216" s="12"/>
    </row>
    <row r="59217" spans="8:8">
      <c r="H59217" s="12"/>
    </row>
    <row r="59218" spans="8:8">
      <c r="H59218" s="12"/>
    </row>
    <row r="59219" spans="8:8">
      <c r="H59219" s="12"/>
    </row>
    <row r="59220" spans="8:8">
      <c r="H59220" s="12"/>
    </row>
    <row r="59221" spans="8:8">
      <c r="H59221" s="12"/>
    </row>
    <row r="59222" spans="8:8">
      <c r="H59222" s="12"/>
    </row>
    <row r="59223" spans="8:8">
      <c r="H59223" s="12"/>
    </row>
    <row r="59224" spans="8:8">
      <c r="H59224" s="12"/>
    </row>
    <row r="59225" spans="8:8">
      <c r="H59225" s="12"/>
    </row>
    <row r="59226" spans="8:8">
      <c r="H59226" s="12"/>
    </row>
    <row r="59227" spans="8:8">
      <c r="H59227" s="12"/>
    </row>
    <row r="59228" spans="8:8">
      <c r="H59228" s="12"/>
    </row>
    <row r="59229" spans="8:8">
      <c r="H59229" s="12"/>
    </row>
    <row r="59230" spans="8:8">
      <c r="H59230" s="12"/>
    </row>
    <row r="59231" spans="8:8">
      <c r="H59231" s="12"/>
    </row>
    <row r="59232" spans="8:8">
      <c r="H59232" s="12"/>
    </row>
    <row r="59233" spans="8:8">
      <c r="H59233" s="12"/>
    </row>
    <row r="59234" spans="8:8">
      <c r="H59234" s="12"/>
    </row>
    <row r="59235" spans="8:8">
      <c r="H59235" s="12"/>
    </row>
    <row r="59236" spans="8:8">
      <c r="H59236" s="12"/>
    </row>
    <row r="59237" spans="8:8">
      <c r="H59237" s="12"/>
    </row>
    <row r="59238" spans="8:8">
      <c r="H59238" s="12"/>
    </row>
    <row r="59239" spans="8:8">
      <c r="H59239" s="12"/>
    </row>
    <row r="59240" spans="8:8">
      <c r="H59240" s="12"/>
    </row>
    <row r="59241" spans="8:8">
      <c r="H59241" s="12"/>
    </row>
    <row r="59242" spans="8:8">
      <c r="H59242" s="12"/>
    </row>
    <row r="59243" spans="8:8">
      <c r="H59243" s="12"/>
    </row>
    <row r="59244" spans="8:8">
      <c r="H59244" s="12"/>
    </row>
    <row r="59245" spans="8:8">
      <c r="H59245" s="12"/>
    </row>
    <row r="59246" spans="8:8">
      <c r="H59246" s="12"/>
    </row>
    <row r="59247" spans="8:8">
      <c r="H59247" s="12"/>
    </row>
    <row r="59248" spans="8:8">
      <c r="H59248" s="12"/>
    </row>
    <row r="59249" spans="8:8">
      <c r="H59249" s="12"/>
    </row>
    <row r="59250" spans="8:8">
      <c r="H59250" s="12"/>
    </row>
    <row r="59251" spans="8:8">
      <c r="H59251" s="12"/>
    </row>
    <row r="59252" spans="8:8">
      <c r="H59252" s="12"/>
    </row>
    <row r="59253" spans="8:8">
      <c r="H59253" s="12"/>
    </row>
    <row r="59254" spans="8:8">
      <c r="H59254" s="12"/>
    </row>
    <row r="59255" spans="8:8">
      <c r="H59255" s="12"/>
    </row>
    <row r="59256" spans="8:8">
      <c r="H59256" s="12"/>
    </row>
    <row r="59257" spans="8:8">
      <c r="H59257" s="12"/>
    </row>
    <row r="59258" spans="8:8">
      <c r="H59258" s="12"/>
    </row>
    <row r="59259" spans="8:8">
      <c r="H59259" s="12"/>
    </row>
    <row r="59260" spans="8:8">
      <c r="H59260" s="12"/>
    </row>
    <row r="59261" spans="8:8">
      <c r="H59261" s="12"/>
    </row>
    <row r="59262" spans="8:8">
      <c r="H59262" s="12"/>
    </row>
    <row r="59263" spans="8:8">
      <c r="H59263" s="12"/>
    </row>
    <row r="59264" spans="8:8">
      <c r="H59264" s="12"/>
    </row>
    <row r="59265" spans="8:8">
      <c r="H59265" s="12"/>
    </row>
    <row r="59266" spans="8:8">
      <c r="H59266" s="12"/>
    </row>
    <row r="59267" spans="8:8">
      <c r="H59267" s="12"/>
    </row>
    <row r="59268" spans="8:8">
      <c r="H59268" s="12"/>
    </row>
    <row r="59269" spans="8:8">
      <c r="H59269" s="12"/>
    </row>
    <row r="59270" spans="8:8">
      <c r="H59270" s="12"/>
    </row>
    <row r="59271" spans="8:8">
      <c r="H59271" s="12"/>
    </row>
    <row r="59272" spans="8:8">
      <c r="H59272" s="12"/>
    </row>
    <row r="59273" spans="8:8">
      <c r="H59273" s="12"/>
    </row>
    <row r="59274" spans="8:8">
      <c r="H59274" s="12"/>
    </row>
    <row r="59275" spans="8:8">
      <c r="H59275" s="12"/>
    </row>
    <row r="59276" spans="8:8">
      <c r="H59276" s="12"/>
    </row>
    <row r="59277" spans="8:8">
      <c r="H59277" s="12"/>
    </row>
    <row r="59278" spans="8:8">
      <c r="H59278" s="12"/>
    </row>
    <row r="59279" spans="8:8">
      <c r="H59279" s="12"/>
    </row>
    <row r="59280" spans="8:8">
      <c r="H59280" s="12"/>
    </row>
    <row r="59281" spans="8:8">
      <c r="H59281" s="12"/>
    </row>
    <row r="59282" spans="8:8">
      <c r="H59282" s="12"/>
    </row>
    <row r="59283" spans="8:8">
      <c r="H59283" s="12"/>
    </row>
    <row r="59284" spans="8:8">
      <c r="H59284" s="12"/>
    </row>
    <row r="59285" spans="8:8">
      <c r="H59285" s="12"/>
    </row>
    <row r="59286" spans="8:8">
      <c r="H59286" s="12"/>
    </row>
    <row r="59287" spans="8:8">
      <c r="H59287" s="12"/>
    </row>
    <row r="59288" spans="8:8">
      <c r="H59288" s="12"/>
    </row>
    <row r="59289" spans="8:8">
      <c r="H59289" s="12"/>
    </row>
    <row r="59290" spans="8:8">
      <c r="H59290" s="12"/>
    </row>
    <row r="59291" spans="8:8">
      <c r="H59291" s="12"/>
    </row>
    <row r="59292" spans="8:8">
      <c r="H59292" s="12"/>
    </row>
    <row r="59293" spans="8:8">
      <c r="H59293" s="12"/>
    </row>
    <row r="59294" spans="8:8">
      <c r="H59294" s="12"/>
    </row>
    <row r="59295" spans="8:8">
      <c r="H59295" s="12"/>
    </row>
    <row r="59296" spans="8:8">
      <c r="H59296" s="12"/>
    </row>
    <row r="59297" spans="8:8">
      <c r="H59297" s="12"/>
    </row>
    <row r="59298" spans="8:8">
      <c r="H59298" s="12"/>
    </row>
    <row r="59299" spans="8:8">
      <c r="H59299" s="12"/>
    </row>
    <row r="59300" spans="8:8">
      <c r="H59300" s="12"/>
    </row>
    <row r="59301" spans="8:8">
      <c r="H59301" s="12"/>
    </row>
    <row r="59302" spans="8:8">
      <c r="H59302" s="12"/>
    </row>
    <row r="59303" spans="8:8">
      <c r="H59303" s="12"/>
    </row>
    <row r="59304" spans="8:8">
      <c r="H59304" s="12"/>
    </row>
    <row r="59305" spans="8:8">
      <c r="H59305" s="12"/>
    </row>
    <row r="59306" spans="8:8">
      <c r="H59306" s="12"/>
    </row>
    <row r="59307" spans="8:8">
      <c r="H59307" s="12"/>
    </row>
    <row r="59308" spans="8:8">
      <c r="H59308" s="12"/>
    </row>
    <row r="59309" spans="8:8">
      <c r="H59309" s="12"/>
    </row>
    <row r="59310" spans="8:8">
      <c r="H59310" s="12"/>
    </row>
    <row r="59311" spans="8:8">
      <c r="H59311" s="12"/>
    </row>
    <row r="59312" spans="8:8">
      <c r="H59312" s="12"/>
    </row>
    <row r="59313" spans="8:8">
      <c r="H59313" s="12"/>
    </row>
    <row r="59314" spans="8:8">
      <c r="H59314" s="12"/>
    </row>
    <row r="59315" spans="8:8">
      <c r="H59315" s="12"/>
    </row>
    <row r="59316" spans="8:8">
      <c r="H59316" s="12"/>
    </row>
    <row r="59317" spans="8:8">
      <c r="H59317" s="12"/>
    </row>
    <row r="59318" spans="8:8">
      <c r="H59318" s="12"/>
    </row>
    <row r="59319" spans="8:8">
      <c r="H59319" s="12"/>
    </row>
    <row r="59320" spans="8:8">
      <c r="H59320" s="12"/>
    </row>
    <row r="59321" spans="8:8">
      <c r="H59321" s="12"/>
    </row>
    <row r="59322" spans="8:8">
      <c r="H59322" s="12"/>
    </row>
    <row r="59323" spans="8:8">
      <c r="H59323" s="12"/>
    </row>
    <row r="59324" spans="8:8">
      <c r="H59324" s="12"/>
    </row>
    <row r="59325" spans="8:8">
      <c r="H59325" s="12"/>
    </row>
    <row r="59326" spans="8:8">
      <c r="H59326" s="12"/>
    </row>
    <row r="59327" spans="8:8">
      <c r="H59327" s="12"/>
    </row>
    <row r="59328" spans="8:8">
      <c r="H59328" s="12"/>
    </row>
    <row r="59329" spans="8:8">
      <c r="H59329" s="12"/>
    </row>
    <row r="59330" spans="8:8">
      <c r="H59330" s="12"/>
    </row>
    <row r="59331" spans="8:8">
      <c r="H59331" s="12"/>
    </row>
    <row r="59332" spans="8:8">
      <c r="H59332" s="12"/>
    </row>
    <row r="59333" spans="8:8">
      <c r="H59333" s="12"/>
    </row>
    <row r="59334" spans="8:8">
      <c r="H59334" s="12"/>
    </row>
    <row r="59335" spans="8:8">
      <c r="H59335" s="12"/>
    </row>
    <row r="59336" spans="8:8">
      <c r="H59336" s="12"/>
    </row>
    <row r="59337" spans="8:8">
      <c r="H59337" s="12"/>
    </row>
    <row r="59338" spans="8:8">
      <c r="H59338" s="12"/>
    </row>
    <row r="59339" spans="8:8">
      <c r="H59339" s="12"/>
    </row>
    <row r="59340" spans="8:8">
      <c r="H59340" s="12"/>
    </row>
    <row r="59341" spans="8:8">
      <c r="H59341" s="12"/>
    </row>
    <row r="59342" spans="8:8">
      <c r="H59342" s="12"/>
    </row>
    <row r="59343" spans="8:8">
      <c r="H59343" s="12"/>
    </row>
    <row r="59344" spans="8:8">
      <c r="H59344" s="12"/>
    </row>
    <row r="59345" spans="8:8">
      <c r="H59345" s="12"/>
    </row>
    <row r="59346" spans="8:8">
      <c r="H59346" s="12"/>
    </row>
    <row r="59347" spans="8:8">
      <c r="H59347" s="12"/>
    </row>
    <row r="59348" spans="8:8">
      <c r="H59348" s="12"/>
    </row>
    <row r="59349" spans="8:8">
      <c r="H59349" s="12"/>
    </row>
    <row r="59350" spans="8:8">
      <c r="H59350" s="12"/>
    </row>
    <row r="59351" spans="8:8">
      <c r="H59351" s="12"/>
    </row>
    <row r="59352" spans="8:8">
      <c r="H59352" s="12"/>
    </row>
    <row r="59353" spans="8:8">
      <c r="H59353" s="12"/>
    </row>
    <row r="59354" spans="8:8">
      <c r="H59354" s="12"/>
    </row>
    <row r="59355" spans="8:8">
      <c r="H59355" s="12"/>
    </row>
    <row r="59356" spans="8:8">
      <c r="H59356" s="12"/>
    </row>
    <row r="59357" spans="8:8">
      <c r="H59357" s="12"/>
    </row>
    <row r="59358" spans="8:8">
      <c r="H59358" s="12"/>
    </row>
    <row r="59359" spans="8:8">
      <c r="H59359" s="12"/>
    </row>
    <row r="59360" spans="8:8">
      <c r="H59360" s="12"/>
    </row>
    <row r="59361" spans="8:8">
      <c r="H59361" s="12"/>
    </row>
    <row r="59362" spans="8:8">
      <c r="H59362" s="12"/>
    </row>
    <row r="59363" spans="8:8">
      <c r="H59363" s="12"/>
    </row>
    <row r="59364" spans="8:8">
      <c r="H59364" s="12"/>
    </row>
    <row r="59365" spans="8:8">
      <c r="H59365" s="12"/>
    </row>
    <row r="59366" spans="8:8">
      <c r="H59366" s="12"/>
    </row>
    <row r="59367" spans="8:8">
      <c r="H59367" s="12"/>
    </row>
    <row r="59368" spans="8:8">
      <c r="H59368" s="12"/>
    </row>
    <row r="59369" spans="8:8">
      <c r="H59369" s="12"/>
    </row>
    <row r="59370" spans="8:8">
      <c r="H59370" s="12"/>
    </row>
    <row r="59371" spans="8:8">
      <c r="H59371" s="12"/>
    </row>
    <row r="59372" spans="8:8">
      <c r="H59372" s="12"/>
    </row>
    <row r="59373" spans="8:8">
      <c r="H59373" s="12"/>
    </row>
    <row r="59374" spans="8:8">
      <c r="H59374" s="12"/>
    </row>
    <row r="59375" spans="8:8">
      <c r="H59375" s="12"/>
    </row>
    <row r="59376" spans="8:8">
      <c r="H59376" s="12"/>
    </row>
    <row r="59377" spans="8:8">
      <c r="H59377" s="12"/>
    </row>
    <row r="59378" spans="8:8">
      <c r="H59378" s="12"/>
    </row>
    <row r="59379" spans="8:8">
      <c r="H59379" s="12"/>
    </row>
    <row r="59380" spans="8:8">
      <c r="H59380" s="12"/>
    </row>
    <row r="59381" spans="8:8">
      <c r="H59381" s="12"/>
    </row>
    <row r="59382" spans="8:8">
      <c r="H59382" s="12"/>
    </row>
    <row r="59383" spans="8:8">
      <c r="H59383" s="12"/>
    </row>
    <row r="59384" spans="8:8">
      <c r="H59384" s="12"/>
    </row>
    <row r="59385" spans="8:8">
      <c r="H59385" s="12"/>
    </row>
    <row r="59386" spans="8:8">
      <c r="H59386" s="12"/>
    </row>
    <row r="59387" spans="8:8">
      <c r="H59387" s="12"/>
    </row>
    <row r="59388" spans="8:8">
      <c r="H59388" s="12"/>
    </row>
    <row r="59389" spans="8:8">
      <c r="H59389" s="12"/>
    </row>
    <row r="59390" spans="8:8">
      <c r="H59390" s="12"/>
    </row>
    <row r="59391" spans="8:8">
      <c r="H59391" s="12"/>
    </row>
    <row r="59392" spans="8:8">
      <c r="H59392" s="12"/>
    </row>
    <row r="59393" spans="8:8">
      <c r="H59393" s="12"/>
    </row>
    <row r="59394" spans="8:8">
      <c r="H59394" s="12"/>
    </row>
    <row r="59395" spans="8:8">
      <c r="H59395" s="12"/>
    </row>
    <row r="59396" spans="8:8">
      <c r="H59396" s="12"/>
    </row>
    <row r="59397" spans="8:8">
      <c r="H59397" s="12"/>
    </row>
    <row r="59398" spans="8:8">
      <c r="H59398" s="12"/>
    </row>
    <row r="59399" spans="8:8">
      <c r="H59399" s="12"/>
    </row>
    <row r="59400" spans="8:8">
      <c r="H59400" s="12"/>
    </row>
    <row r="59401" spans="8:8">
      <c r="H59401" s="12"/>
    </row>
    <row r="59402" spans="8:8">
      <c r="H59402" s="12"/>
    </row>
    <row r="59403" spans="8:8">
      <c r="H59403" s="12"/>
    </row>
    <row r="59404" spans="8:8">
      <c r="H59404" s="12"/>
    </row>
    <row r="59405" spans="8:8">
      <c r="H59405" s="12"/>
    </row>
    <row r="59406" spans="8:8">
      <c r="H59406" s="12"/>
    </row>
    <row r="59407" spans="8:8">
      <c r="H59407" s="12"/>
    </row>
    <row r="59408" spans="8:8">
      <c r="H59408" s="12"/>
    </row>
    <row r="59409" spans="8:8">
      <c r="H59409" s="12"/>
    </row>
    <row r="59410" spans="8:8">
      <c r="H59410" s="12"/>
    </row>
    <row r="59411" spans="8:8">
      <c r="H59411" s="12"/>
    </row>
    <row r="59412" spans="8:8">
      <c r="H59412" s="12"/>
    </row>
    <row r="59413" spans="8:8">
      <c r="H59413" s="12"/>
    </row>
    <row r="59414" spans="8:8">
      <c r="H59414" s="12"/>
    </row>
    <row r="59415" spans="8:8">
      <c r="H59415" s="12"/>
    </row>
    <row r="59416" spans="8:8">
      <c r="H59416" s="12"/>
    </row>
    <row r="59417" spans="8:8">
      <c r="H59417" s="12"/>
    </row>
    <row r="59418" spans="8:8">
      <c r="H59418" s="12"/>
    </row>
    <row r="59419" spans="8:8">
      <c r="H59419" s="12"/>
    </row>
    <row r="59420" spans="8:8">
      <c r="H59420" s="12"/>
    </row>
    <row r="59421" spans="8:8">
      <c r="H59421" s="12"/>
    </row>
    <row r="59422" spans="8:8">
      <c r="H59422" s="12"/>
    </row>
    <row r="59423" spans="8:8">
      <c r="H59423" s="12"/>
    </row>
    <row r="59424" spans="8:8">
      <c r="H59424" s="12"/>
    </row>
    <row r="59425" spans="8:8">
      <c r="H59425" s="12"/>
    </row>
    <row r="59426" spans="8:8">
      <c r="H59426" s="12"/>
    </row>
    <row r="59427" spans="8:8">
      <c r="H59427" s="12"/>
    </row>
    <row r="59428" spans="8:8">
      <c r="H59428" s="12"/>
    </row>
    <row r="59429" spans="8:8">
      <c r="H59429" s="12"/>
    </row>
    <row r="59430" spans="8:8">
      <c r="H59430" s="12"/>
    </row>
    <row r="59431" spans="8:8">
      <c r="H59431" s="12"/>
    </row>
    <row r="59432" spans="8:8">
      <c r="H59432" s="12"/>
    </row>
    <row r="59433" spans="8:8">
      <c r="H59433" s="12"/>
    </row>
    <row r="59434" spans="8:8">
      <c r="H59434" s="12"/>
    </row>
    <row r="59435" spans="8:8">
      <c r="H59435" s="12"/>
    </row>
    <row r="59436" spans="8:8">
      <c r="H59436" s="12"/>
    </row>
    <row r="59437" spans="8:8">
      <c r="H59437" s="12"/>
    </row>
    <row r="59438" spans="8:8">
      <c r="H59438" s="12"/>
    </row>
    <row r="59439" spans="8:8">
      <c r="H59439" s="12"/>
    </row>
    <row r="59440" spans="8:8">
      <c r="H59440" s="12"/>
    </row>
    <row r="59441" spans="8:8">
      <c r="H59441" s="12"/>
    </row>
    <row r="59442" spans="8:8">
      <c r="H59442" s="12"/>
    </row>
    <row r="59443" spans="8:8">
      <c r="H59443" s="12"/>
    </row>
    <row r="59444" spans="8:8">
      <c r="H59444" s="12"/>
    </row>
    <row r="59445" spans="8:8">
      <c r="H59445" s="12"/>
    </row>
    <row r="59446" spans="8:8">
      <c r="H59446" s="12"/>
    </row>
    <row r="59447" spans="8:8">
      <c r="H59447" s="12"/>
    </row>
    <row r="59448" spans="8:8">
      <c r="H59448" s="12"/>
    </row>
    <row r="59449" spans="8:8">
      <c r="H59449" s="12"/>
    </row>
    <row r="59450" spans="8:8">
      <c r="H59450" s="12"/>
    </row>
    <row r="59451" spans="8:8">
      <c r="H59451" s="12"/>
    </row>
    <row r="59452" spans="8:8">
      <c r="H59452" s="12"/>
    </row>
    <row r="59453" spans="8:8">
      <c r="H59453" s="12"/>
    </row>
    <row r="59454" spans="8:8">
      <c r="H59454" s="12"/>
    </row>
    <row r="59455" spans="8:8">
      <c r="H59455" s="12"/>
    </row>
    <row r="59456" spans="8:8">
      <c r="H59456" s="12"/>
    </row>
    <row r="59457" spans="8:8">
      <c r="H59457" s="12"/>
    </row>
    <row r="59458" spans="8:8">
      <c r="H59458" s="12"/>
    </row>
    <row r="59459" spans="8:8">
      <c r="H59459" s="12"/>
    </row>
    <row r="59460" spans="8:8">
      <c r="H59460" s="12"/>
    </row>
    <row r="59461" spans="8:8">
      <c r="H59461" s="12"/>
    </row>
    <row r="59462" spans="8:8">
      <c r="H59462" s="12"/>
    </row>
    <row r="59463" spans="8:8">
      <c r="H59463" s="12"/>
    </row>
    <row r="59464" spans="8:8">
      <c r="H59464" s="12"/>
    </row>
    <row r="59465" spans="8:8">
      <c r="H59465" s="12"/>
    </row>
    <row r="59466" spans="8:8">
      <c r="H59466" s="12"/>
    </row>
    <row r="59467" spans="8:8">
      <c r="H59467" s="12"/>
    </row>
    <row r="59468" spans="8:8">
      <c r="H59468" s="12"/>
    </row>
    <row r="59469" spans="8:8">
      <c r="H59469" s="12"/>
    </row>
    <row r="59470" spans="8:8">
      <c r="H59470" s="12"/>
    </row>
    <row r="59471" spans="8:8">
      <c r="H59471" s="12"/>
    </row>
    <row r="59472" spans="8:8">
      <c r="H59472" s="12"/>
    </row>
    <row r="59473" spans="8:8">
      <c r="H59473" s="12"/>
    </row>
    <row r="59474" spans="8:8">
      <c r="H59474" s="12"/>
    </row>
    <row r="59475" spans="8:8">
      <c r="H59475" s="12"/>
    </row>
    <row r="59476" spans="8:8">
      <c r="H59476" s="12"/>
    </row>
    <row r="59477" spans="8:8">
      <c r="H59477" s="12"/>
    </row>
    <row r="59478" spans="8:8">
      <c r="H59478" s="12"/>
    </row>
    <row r="59479" spans="8:8">
      <c r="H59479" s="12"/>
    </row>
    <row r="59480" spans="8:8">
      <c r="H59480" s="12"/>
    </row>
    <row r="59481" spans="8:8">
      <c r="H59481" s="12"/>
    </row>
    <row r="59482" spans="8:8">
      <c r="H59482" s="12"/>
    </row>
    <row r="59483" spans="8:8">
      <c r="H59483" s="12"/>
    </row>
    <row r="59484" spans="8:8">
      <c r="H59484" s="12"/>
    </row>
    <row r="59485" spans="8:8">
      <c r="H59485" s="12"/>
    </row>
    <row r="59486" spans="8:8">
      <c r="H59486" s="12"/>
    </row>
    <row r="59487" spans="8:8">
      <c r="H59487" s="12"/>
    </row>
    <row r="59488" spans="8:8">
      <c r="H59488" s="12"/>
    </row>
    <row r="59489" spans="8:8">
      <c r="H59489" s="12"/>
    </row>
    <row r="59490" spans="8:8">
      <c r="H59490" s="12"/>
    </row>
    <row r="59491" spans="8:8">
      <c r="H59491" s="12"/>
    </row>
    <row r="59492" spans="8:8">
      <c r="H59492" s="12"/>
    </row>
    <row r="59493" spans="8:8">
      <c r="H59493" s="12"/>
    </row>
    <row r="59494" spans="8:8">
      <c r="H59494" s="12"/>
    </row>
    <row r="59495" spans="8:8">
      <c r="H59495" s="12"/>
    </row>
    <row r="59496" spans="8:8">
      <c r="H59496" s="12"/>
    </row>
    <row r="59497" spans="8:8">
      <c r="H59497" s="12"/>
    </row>
    <row r="59498" spans="8:8">
      <c r="H59498" s="12"/>
    </row>
    <row r="59499" spans="8:8">
      <c r="H59499" s="12"/>
    </row>
    <row r="59500" spans="8:8">
      <c r="H59500" s="12"/>
    </row>
    <row r="59501" spans="8:8">
      <c r="H59501" s="12"/>
    </row>
    <row r="59502" spans="8:8">
      <c r="H59502" s="12"/>
    </row>
    <row r="59503" spans="8:8">
      <c r="H59503" s="12"/>
    </row>
    <row r="59504" spans="8:8">
      <c r="H59504" s="12"/>
    </row>
    <row r="59505" spans="8:8">
      <c r="H59505" s="12"/>
    </row>
    <row r="59506" spans="8:8">
      <c r="H59506" s="12"/>
    </row>
    <row r="59507" spans="8:8">
      <c r="H59507" s="12"/>
    </row>
    <row r="59508" spans="8:8">
      <c r="H59508" s="12"/>
    </row>
    <row r="59509" spans="8:8">
      <c r="H59509" s="12"/>
    </row>
    <row r="59510" spans="8:8">
      <c r="H59510" s="12"/>
    </row>
    <row r="59511" spans="8:8">
      <c r="H59511" s="12"/>
    </row>
    <row r="59512" spans="8:8">
      <c r="H59512" s="12"/>
    </row>
    <row r="59513" spans="8:8">
      <c r="H59513" s="12"/>
    </row>
    <row r="59514" spans="8:8">
      <c r="H59514" s="12"/>
    </row>
    <row r="59515" spans="8:8">
      <c r="H59515" s="12"/>
    </row>
    <row r="59516" spans="8:8">
      <c r="H59516" s="12"/>
    </row>
    <row r="59517" spans="8:8">
      <c r="H59517" s="12"/>
    </row>
    <row r="59518" spans="8:8">
      <c r="H59518" s="12"/>
    </row>
    <row r="59519" spans="8:8">
      <c r="H59519" s="12"/>
    </row>
    <row r="59520" spans="8:8">
      <c r="H59520" s="12"/>
    </row>
    <row r="59521" spans="8:8">
      <c r="H59521" s="12"/>
    </row>
    <row r="59522" spans="8:8">
      <c r="H59522" s="12"/>
    </row>
    <row r="59523" spans="8:8">
      <c r="H59523" s="12"/>
    </row>
    <row r="59524" spans="8:8">
      <c r="H59524" s="12"/>
    </row>
    <row r="59525" spans="8:8">
      <c r="H59525" s="12"/>
    </row>
    <row r="59526" spans="8:8">
      <c r="H59526" s="12"/>
    </row>
    <row r="59527" spans="8:8">
      <c r="H59527" s="12"/>
    </row>
    <row r="59528" spans="8:8">
      <c r="H59528" s="12"/>
    </row>
    <row r="59529" spans="8:8">
      <c r="H59529" s="12"/>
    </row>
    <row r="59530" spans="8:8">
      <c r="H59530" s="12"/>
    </row>
    <row r="59531" spans="8:8">
      <c r="H59531" s="12"/>
    </row>
    <row r="59532" spans="8:8">
      <c r="H59532" s="12"/>
    </row>
    <row r="59533" spans="8:8">
      <c r="H59533" s="12"/>
    </row>
    <row r="59534" spans="8:8">
      <c r="H59534" s="12"/>
    </row>
    <row r="59535" spans="8:8">
      <c r="H59535" s="12"/>
    </row>
    <row r="59536" spans="8:8">
      <c r="H59536" s="12"/>
    </row>
    <row r="59537" spans="8:8">
      <c r="H59537" s="12"/>
    </row>
    <row r="59538" spans="8:8">
      <c r="H59538" s="12"/>
    </row>
    <row r="59539" spans="8:8">
      <c r="H59539" s="12"/>
    </row>
    <row r="59540" spans="8:8">
      <c r="H59540" s="12"/>
    </row>
    <row r="59541" spans="8:8">
      <c r="H59541" s="12"/>
    </row>
    <row r="59542" spans="8:8">
      <c r="H59542" s="12"/>
    </row>
    <row r="59543" spans="8:8">
      <c r="H59543" s="12"/>
    </row>
    <row r="59544" spans="8:8">
      <c r="H59544" s="12"/>
    </row>
    <row r="59545" spans="8:8">
      <c r="H59545" s="12"/>
    </row>
    <row r="59546" spans="8:8">
      <c r="H59546" s="12"/>
    </row>
    <row r="59547" spans="8:8">
      <c r="H59547" s="12"/>
    </row>
    <row r="59548" spans="8:8">
      <c r="H59548" s="12"/>
    </row>
    <row r="59549" spans="8:8">
      <c r="H59549" s="12"/>
    </row>
    <row r="59550" spans="8:8">
      <c r="H59550" s="12"/>
    </row>
    <row r="59551" spans="8:8">
      <c r="H59551" s="12"/>
    </row>
    <row r="59552" spans="8:8">
      <c r="H59552" s="12"/>
    </row>
    <row r="59553" spans="8:8">
      <c r="H59553" s="12"/>
    </row>
    <row r="59554" spans="8:8">
      <c r="H59554" s="12"/>
    </row>
    <row r="59555" spans="8:8">
      <c r="H59555" s="12"/>
    </row>
    <row r="59556" spans="8:8">
      <c r="H59556" s="12"/>
    </row>
    <row r="59557" spans="8:8">
      <c r="H59557" s="12"/>
    </row>
    <row r="59558" spans="8:8">
      <c r="H59558" s="12"/>
    </row>
    <row r="59559" spans="8:8">
      <c r="H59559" s="12"/>
    </row>
    <row r="59560" spans="8:8">
      <c r="H59560" s="12"/>
    </row>
    <row r="59561" spans="8:8">
      <c r="H59561" s="12"/>
    </row>
    <row r="59562" spans="8:8">
      <c r="H59562" s="12"/>
    </row>
    <row r="59563" spans="8:8">
      <c r="H59563" s="12"/>
    </row>
    <row r="59564" spans="8:8">
      <c r="H59564" s="12"/>
    </row>
    <row r="59565" spans="8:8">
      <c r="H59565" s="12"/>
    </row>
    <row r="59566" spans="8:8">
      <c r="H59566" s="12"/>
    </row>
    <row r="59567" spans="8:8">
      <c r="H59567" s="12"/>
    </row>
    <row r="59568" spans="8:8">
      <c r="H59568" s="12"/>
    </row>
    <row r="59569" spans="8:8">
      <c r="H59569" s="12"/>
    </row>
    <row r="59570" spans="8:8">
      <c r="H59570" s="12"/>
    </row>
    <row r="59571" spans="8:8">
      <c r="H59571" s="12"/>
    </row>
    <row r="59572" spans="8:8">
      <c r="H59572" s="12"/>
    </row>
    <row r="59573" spans="8:8">
      <c r="H59573" s="12"/>
    </row>
    <row r="59574" spans="8:8">
      <c r="H59574" s="12"/>
    </row>
    <row r="59575" spans="8:8">
      <c r="H59575" s="12"/>
    </row>
    <row r="59576" spans="8:8">
      <c r="H59576" s="12"/>
    </row>
    <row r="59577" spans="8:8">
      <c r="H59577" s="12"/>
    </row>
    <row r="59578" spans="8:8">
      <c r="H59578" s="12"/>
    </row>
    <row r="59579" spans="8:8">
      <c r="H59579" s="12"/>
    </row>
    <row r="59580" spans="8:8">
      <c r="H59580" s="12"/>
    </row>
    <row r="59581" spans="8:8">
      <c r="H59581" s="12"/>
    </row>
    <row r="59582" spans="8:8">
      <c r="H59582" s="12"/>
    </row>
    <row r="59583" spans="8:8">
      <c r="H59583" s="12"/>
    </row>
    <row r="59584" spans="8:8">
      <c r="H59584" s="12"/>
    </row>
    <row r="59585" spans="8:8">
      <c r="H59585" s="12"/>
    </row>
    <row r="59586" spans="8:8">
      <c r="H59586" s="12"/>
    </row>
    <row r="59587" spans="8:8">
      <c r="H59587" s="12"/>
    </row>
    <row r="59588" spans="8:8">
      <c r="H59588" s="12"/>
    </row>
    <row r="59589" spans="8:8">
      <c r="H59589" s="12"/>
    </row>
    <row r="59590" spans="8:8">
      <c r="H59590" s="12"/>
    </row>
    <row r="59591" spans="8:8">
      <c r="H59591" s="12"/>
    </row>
    <row r="59592" spans="8:8">
      <c r="H59592" s="12"/>
    </row>
    <row r="59593" spans="8:8">
      <c r="H59593" s="12"/>
    </row>
    <row r="59594" spans="8:8">
      <c r="H59594" s="12"/>
    </row>
    <row r="59595" spans="8:8">
      <c r="H59595" s="12"/>
    </row>
    <row r="59596" spans="8:8">
      <c r="H59596" s="12"/>
    </row>
    <row r="59597" spans="8:8">
      <c r="H59597" s="12"/>
    </row>
    <row r="59598" spans="8:8">
      <c r="H59598" s="12"/>
    </row>
    <row r="59599" spans="8:8">
      <c r="H59599" s="12"/>
    </row>
    <row r="59600" spans="8:8">
      <c r="H59600" s="12"/>
    </row>
    <row r="59601" spans="8:8">
      <c r="H59601" s="12"/>
    </row>
    <row r="59602" spans="8:8">
      <c r="H59602" s="12"/>
    </row>
    <row r="59603" spans="8:8">
      <c r="H59603" s="12"/>
    </row>
    <row r="59604" spans="8:8">
      <c r="H59604" s="12"/>
    </row>
    <row r="59605" spans="8:8">
      <c r="H59605" s="12"/>
    </row>
    <row r="59606" spans="8:8">
      <c r="H59606" s="12"/>
    </row>
    <row r="59607" spans="8:8">
      <c r="H59607" s="12"/>
    </row>
    <row r="59608" spans="8:8">
      <c r="H59608" s="12"/>
    </row>
    <row r="59609" spans="8:8">
      <c r="H59609" s="12"/>
    </row>
    <row r="59610" spans="8:8">
      <c r="H59610" s="12"/>
    </row>
    <row r="59611" spans="8:8">
      <c r="H59611" s="12"/>
    </row>
    <row r="59612" spans="8:8">
      <c r="H59612" s="12"/>
    </row>
    <row r="59613" spans="8:8">
      <c r="H59613" s="12"/>
    </row>
    <row r="59614" spans="8:8">
      <c r="H59614" s="12"/>
    </row>
    <row r="59615" spans="8:8">
      <c r="H59615" s="12"/>
    </row>
    <row r="59616" spans="8:8">
      <c r="H59616" s="12"/>
    </row>
    <row r="59617" spans="8:8">
      <c r="H59617" s="12"/>
    </row>
    <row r="59618" spans="8:8">
      <c r="H59618" s="12"/>
    </row>
    <row r="59619" spans="8:8">
      <c r="H59619" s="12"/>
    </row>
    <row r="59620" spans="8:8">
      <c r="H59620" s="12"/>
    </row>
    <row r="59621" spans="8:8">
      <c r="H59621" s="12"/>
    </row>
    <row r="59622" spans="8:8">
      <c r="H59622" s="12"/>
    </row>
    <row r="59623" spans="8:8">
      <c r="H59623" s="12"/>
    </row>
    <row r="59624" spans="8:8">
      <c r="H59624" s="12"/>
    </row>
    <row r="59625" spans="8:8">
      <c r="H59625" s="12"/>
    </row>
    <row r="59626" spans="8:8">
      <c r="H59626" s="12"/>
    </row>
    <row r="59627" spans="8:8">
      <c r="H59627" s="12"/>
    </row>
    <row r="59628" spans="8:8">
      <c r="H59628" s="12"/>
    </row>
    <row r="59629" spans="8:8">
      <c r="H59629" s="12"/>
    </row>
    <row r="59630" spans="8:8">
      <c r="H59630" s="12"/>
    </row>
    <row r="59631" spans="8:8">
      <c r="H59631" s="12"/>
    </row>
    <row r="59632" spans="8:8">
      <c r="H59632" s="12"/>
    </row>
    <row r="59633" spans="8:8">
      <c r="H59633" s="12"/>
    </row>
    <row r="59634" spans="8:8">
      <c r="H59634" s="12"/>
    </row>
    <row r="59635" spans="8:8">
      <c r="H59635" s="12"/>
    </row>
    <row r="59636" spans="8:8">
      <c r="H59636" s="12"/>
    </row>
    <row r="59637" spans="8:8">
      <c r="H59637" s="12"/>
    </row>
    <row r="59638" spans="8:8">
      <c r="H59638" s="12"/>
    </row>
    <row r="59639" spans="8:8">
      <c r="H59639" s="12"/>
    </row>
    <row r="59640" spans="8:8">
      <c r="H59640" s="12"/>
    </row>
    <row r="59641" spans="8:8">
      <c r="H59641" s="12"/>
    </row>
    <row r="59642" spans="8:8">
      <c r="H59642" s="12"/>
    </row>
    <row r="59643" spans="8:8">
      <c r="H59643" s="12"/>
    </row>
    <row r="59644" spans="8:8">
      <c r="H59644" s="12"/>
    </row>
    <row r="59645" spans="8:8">
      <c r="H59645" s="12"/>
    </row>
    <row r="59646" spans="8:8">
      <c r="H59646" s="12"/>
    </row>
    <row r="59647" spans="8:8">
      <c r="H59647" s="12"/>
    </row>
    <row r="59648" spans="8:8">
      <c r="H59648" s="12"/>
    </row>
    <row r="59649" spans="8:8">
      <c r="H59649" s="12"/>
    </row>
    <row r="59650" spans="8:8">
      <c r="H59650" s="12"/>
    </row>
    <row r="59651" spans="8:8">
      <c r="H59651" s="12"/>
    </row>
    <row r="59652" spans="8:8">
      <c r="H59652" s="12"/>
    </row>
    <row r="59653" spans="8:8">
      <c r="H59653" s="12"/>
    </row>
    <row r="59654" spans="8:8">
      <c r="H59654" s="12"/>
    </row>
    <row r="59655" spans="8:8">
      <c r="H59655" s="12"/>
    </row>
    <row r="59656" spans="8:8">
      <c r="H59656" s="12"/>
    </row>
    <row r="59657" spans="8:8">
      <c r="H59657" s="12"/>
    </row>
    <row r="59658" spans="8:8">
      <c r="H59658" s="12"/>
    </row>
    <row r="59659" spans="8:8">
      <c r="H59659" s="12"/>
    </row>
    <row r="59660" spans="8:8">
      <c r="H59660" s="12"/>
    </row>
    <row r="59661" spans="8:8">
      <c r="H59661" s="12"/>
    </row>
    <row r="59662" spans="8:8">
      <c r="H59662" s="12"/>
    </row>
    <row r="59663" spans="8:8">
      <c r="H59663" s="12"/>
    </row>
    <row r="59664" spans="8:8">
      <c r="H59664" s="12"/>
    </row>
    <row r="59665" spans="8:8">
      <c r="H59665" s="12"/>
    </row>
    <row r="59666" spans="8:8">
      <c r="H59666" s="12"/>
    </row>
    <row r="59667" spans="8:8">
      <c r="H59667" s="12"/>
    </row>
    <row r="59668" spans="8:8">
      <c r="H59668" s="12"/>
    </row>
    <row r="59669" spans="8:8">
      <c r="H59669" s="12"/>
    </row>
    <row r="59670" spans="8:8">
      <c r="H59670" s="12"/>
    </row>
    <row r="59671" spans="8:8">
      <c r="H59671" s="12"/>
    </row>
    <row r="59672" spans="8:8">
      <c r="H59672" s="12"/>
    </row>
    <row r="59673" spans="8:8">
      <c r="H59673" s="12"/>
    </row>
    <row r="59674" spans="8:8">
      <c r="H59674" s="12"/>
    </row>
    <row r="59675" spans="8:8">
      <c r="H59675" s="12"/>
    </row>
    <row r="59676" spans="8:8">
      <c r="H59676" s="12"/>
    </row>
    <row r="59677" spans="8:8">
      <c r="H59677" s="12"/>
    </row>
    <row r="59678" spans="8:8">
      <c r="H59678" s="12"/>
    </row>
    <row r="59679" spans="8:8">
      <c r="H59679" s="12"/>
    </row>
    <row r="59680" spans="8:8">
      <c r="H59680" s="12"/>
    </row>
    <row r="59681" spans="8:8">
      <c r="H59681" s="12"/>
    </row>
    <row r="59682" spans="8:8">
      <c r="H59682" s="12"/>
    </row>
    <row r="59683" spans="8:8">
      <c r="H59683" s="12"/>
    </row>
    <row r="59684" spans="8:8">
      <c r="H59684" s="12"/>
    </row>
    <row r="59685" spans="8:8">
      <c r="H59685" s="12"/>
    </row>
    <row r="59686" spans="8:8">
      <c r="H59686" s="12"/>
    </row>
    <row r="59687" spans="8:8">
      <c r="H59687" s="12"/>
    </row>
    <row r="59688" spans="8:8">
      <c r="H59688" s="12"/>
    </row>
    <row r="59689" spans="8:8">
      <c r="H59689" s="12"/>
    </row>
    <row r="59690" spans="8:8">
      <c r="H59690" s="12"/>
    </row>
    <row r="59691" spans="8:8">
      <c r="H59691" s="12"/>
    </row>
    <row r="59692" spans="8:8">
      <c r="H59692" s="12"/>
    </row>
    <row r="59693" spans="8:8">
      <c r="H59693" s="12"/>
    </row>
    <row r="59694" spans="8:8">
      <c r="H59694" s="12"/>
    </row>
    <row r="59695" spans="8:8">
      <c r="H59695" s="12"/>
    </row>
    <row r="59696" spans="8:8">
      <c r="H59696" s="12"/>
    </row>
    <row r="59697" spans="8:8">
      <c r="H59697" s="12"/>
    </row>
    <row r="59698" spans="8:8">
      <c r="H59698" s="12"/>
    </row>
    <row r="59699" spans="8:8">
      <c r="H59699" s="12"/>
    </row>
    <row r="59700" spans="8:8">
      <c r="H59700" s="12"/>
    </row>
    <row r="59701" spans="8:8">
      <c r="H59701" s="12"/>
    </row>
    <row r="59702" spans="8:8">
      <c r="H59702" s="12"/>
    </row>
    <row r="59703" spans="8:8">
      <c r="H59703" s="12"/>
    </row>
    <row r="59704" spans="8:8">
      <c r="H59704" s="12"/>
    </row>
    <row r="59705" spans="8:8">
      <c r="H59705" s="12"/>
    </row>
    <row r="59706" spans="8:8">
      <c r="H59706" s="12"/>
    </row>
    <row r="59707" spans="8:8">
      <c r="H59707" s="12"/>
    </row>
    <row r="59708" spans="8:8">
      <c r="H59708" s="12"/>
    </row>
    <row r="59709" spans="8:8">
      <c r="H59709" s="12"/>
    </row>
    <row r="59710" spans="8:8">
      <c r="H59710" s="12"/>
    </row>
    <row r="59711" spans="8:8">
      <c r="H59711" s="12"/>
    </row>
    <row r="59712" spans="8:8">
      <c r="H59712" s="12"/>
    </row>
    <row r="59713" spans="8:8">
      <c r="H59713" s="12"/>
    </row>
    <row r="59714" spans="8:8">
      <c r="H59714" s="12"/>
    </row>
    <row r="59715" spans="8:8">
      <c r="H59715" s="12"/>
    </row>
    <row r="59716" spans="8:8">
      <c r="H59716" s="12"/>
    </row>
    <row r="59717" spans="8:8">
      <c r="H59717" s="12"/>
    </row>
    <row r="59718" spans="8:8">
      <c r="H59718" s="12"/>
    </row>
    <row r="59719" spans="8:8">
      <c r="H59719" s="12"/>
    </row>
    <row r="59720" spans="8:8">
      <c r="H59720" s="12"/>
    </row>
    <row r="59721" spans="8:8">
      <c r="H59721" s="12"/>
    </row>
    <row r="59722" spans="8:8">
      <c r="H59722" s="12"/>
    </row>
    <row r="59723" spans="8:8">
      <c r="H59723" s="12"/>
    </row>
    <row r="59724" spans="8:8">
      <c r="H59724" s="12"/>
    </row>
    <row r="59725" spans="8:8">
      <c r="H59725" s="12"/>
    </row>
    <row r="59726" spans="8:8">
      <c r="H59726" s="12"/>
    </row>
    <row r="59727" spans="8:8">
      <c r="H59727" s="12"/>
    </row>
    <row r="59728" spans="8:8">
      <c r="H59728" s="12"/>
    </row>
    <row r="59729" spans="8:8">
      <c r="H59729" s="12"/>
    </row>
    <row r="59730" spans="8:8">
      <c r="H59730" s="12"/>
    </row>
    <row r="59731" spans="8:8">
      <c r="H59731" s="12"/>
    </row>
    <row r="59732" spans="8:8">
      <c r="H59732" s="12"/>
    </row>
    <row r="59733" spans="8:8">
      <c r="H59733" s="12"/>
    </row>
    <row r="59734" spans="8:8">
      <c r="H59734" s="12"/>
    </row>
    <row r="59735" spans="8:8">
      <c r="H59735" s="12"/>
    </row>
    <row r="59736" spans="8:8">
      <c r="H59736" s="12"/>
    </row>
    <row r="59737" spans="8:8">
      <c r="H59737" s="12"/>
    </row>
    <row r="59738" spans="8:8">
      <c r="H59738" s="12"/>
    </row>
    <row r="59739" spans="8:8">
      <c r="H59739" s="12"/>
    </row>
    <row r="59740" spans="8:8">
      <c r="H59740" s="12"/>
    </row>
    <row r="59741" spans="8:8">
      <c r="H59741" s="12"/>
    </row>
    <row r="59742" spans="8:8">
      <c r="H59742" s="12"/>
    </row>
    <row r="59743" spans="8:8">
      <c r="H59743" s="12"/>
    </row>
    <row r="59744" spans="8:8">
      <c r="H59744" s="12"/>
    </row>
    <row r="59745" spans="8:8">
      <c r="H59745" s="12"/>
    </row>
    <row r="59746" spans="8:8">
      <c r="H59746" s="12"/>
    </row>
    <row r="59747" spans="8:8">
      <c r="H59747" s="12"/>
    </row>
    <row r="59748" spans="8:8">
      <c r="H59748" s="12"/>
    </row>
    <row r="59749" spans="8:8">
      <c r="H59749" s="12"/>
    </row>
    <row r="59750" spans="8:8">
      <c r="H59750" s="12"/>
    </row>
    <row r="59751" spans="8:8">
      <c r="H59751" s="12"/>
    </row>
    <row r="59752" spans="8:8">
      <c r="H59752" s="12"/>
    </row>
    <row r="59753" spans="8:8">
      <c r="H59753" s="12"/>
    </row>
    <row r="59754" spans="8:8">
      <c r="H59754" s="12"/>
    </row>
    <row r="59755" spans="8:8">
      <c r="H59755" s="12"/>
    </row>
    <row r="59756" spans="8:8">
      <c r="H59756" s="12"/>
    </row>
    <row r="59757" spans="8:8">
      <c r="H59757" s="12"/>
    </row>
    <row r="59758" spans="8:8">
      <c r="H59758" s="12"/>
    </row>
    <row r="59759" spans="8:8">
      <c r="H59759" s="12"/>
    </row>
    <row r="59760" spans="8:8">
      <c r="H59760" s="12"/>
    </row>
    <row r="59761" spans="8:8">
      <c r="H59761" s="12"/>
    </row>
    <row r="59762" spans="8:8">
      <c r="H59762" s="12"/>
    </row>
    <row r="59763" spans="8:8">
      <c r="H59763" s="12"/>
    </row>
    <row r="59764" spans="8:8">
      <c r="H59764" s="12"/>
    </row>
    <row r="59765" spans="8:8">
      <c r="H59765" s="12"/>
    </row>
    <row r="59766" spans="8:8">
      <c r="H59766" s="12"/>
    </row>
    <row r="59767" spans="8:8">
      <c r="H59767" s="12"/>
    </row>
    <row r="59768" spans="8:8">
      <c r="H59768" s="12"/>
    </row>
    <row r="59769" spans="8:8">
      <c r="H59769" s="12"/>
    </row>
    <row r="59770" spans="8:8">
      <c r="H59770" s="12"/>
    </row>
    <row r="59771" spans="8:8">
      <c r="H59771" s="12"/>
    </row>
    <row r="59772" spans="8:8">
      <c r="H59772" s="12"/>
    </row>
    <row r="59773" spans="8:8">
      <c r="H59773" s="12"/>
    </row>
    <row r="59774" spans="8:8">
      <c r="H59774" s="12"/>
    </row>
    <row r="59775" spans="8:8">
      <c r="H59775" s="12"/>
    </row>
    <row r="59776" spans="8:8">
      <c r="H59776" s="12"/>
    </row>
    <row r="59777" spans="8:8">
      <c r="H59777" s="12"/>
    </row>
    <row r="59778" spans="8:8">
      <c r="H59778" s="12"/>
    </row>
    <row r="59779" spans="8:8">
      <c r="H59779" s="12"/>
    </row>
    <row r="59780" spans="8:8">
      <c r="H59780" s="12"/>
    </row>
    <row r="59781" spans="8:8">
      <c r="H59781" s="12"/>
    </row>
    <row r="59782" spans="8:8">
      <c r="H59782" s="12"/>
    </row>
    <row r="59783" spans="8:8">
      <c r="H59783" s="12"/>
    </row>
    <row r="59784" spans="8:8">
      <c r="H59784" s="12"/>
    </row>
    <row r="59785" spans="8:8">
      <c r="H59785" s="12"/>
    </row>
    <row r="59786" spans="8:8">
      <c r="H59786" s="12"/>
    </row>
    <row r="59787" spans="8:8">
      <c r="H59787" s="12"/>
    </row>
    <row r="59788" spans="8:8">
      <c r="H59788" s="12"/>
    </row>
    <row r="59789" spans="8:8">
      <c r="H59789" s="12"/>
    </row>
    <row r="59790" spans="8:8">
      <c r="H59790" s="12"/>
    </row>
    <row r="59791" spans="8:8">
      <c r="H59791" s="12"/>
    </row>
    <row r="59792" spans="8:8">
      <c r="H59792" s="12"/>
    </row>
    <row r="59793" spans="8:8">
      <c r="H59793" s="12"/>
    </row>
    <row r="59794" spans="8:8">
      <c r="H59794" s="12"/>
    </row>
    <row r="59795" spans="8:8">
      <c r="H59795" s="12"/>
    </row>
    <row r="59796" spans="8:8">
      <c r="H59796" s="12"/>
    </row>
    <row r="59797" spans="8:8">
      <c r="H59797" s="12"/>
    </row>
    <row r="59798" spans="8:8">
      <c r="H59798" s="12"/>
    </row>
    <row r="59799" spans="8:8">
      <c r="H59799" s="12"/>
    </row>
    <row r="59800" spans="8:8">
      <c r="H59800" s="12"/>
    </row>
    <row r="59801" spans="8:8">
      <c r="H59801" s="12"/>
    </row>
    <row r="59802" spans="8:8">
      <c r="H59802" s="12"/>
    </row>
    <row r="59803" spans="8:8">
      <c r="H59803" s="12"/>
    </row>
    <row r="59804" spans="8:8">
      <c r="H59804" s="12"/>
    </row>
    <row r="59805" spans="8:8">
      <c r="H59805" s="12"/>
    </row>
    <row r="59806" spans="8:8">
      <c r="H59806" s="12"/>
    </row>
    <row r="59807" spans="8:8">
      <c r="H59807" s="12"/>
    </row>
    <row r="59808" spans="8:8">
      <c r="H59808" s="12"/>
    </row>
    <row r="59809" spans="8:8">
      <c r="H59809" s="12"/>
    </row>
    <row r="59810" spans="8:8">
      <c r="H59810" s="12"/>
    </row>
    <row r="59811" spans="8:8">
      <c r="H59811" s="12"/>
    </row>
    <row r="59812" spans="8:8">
      <c r="H59812" s="12"/>
    </row>
    <row r="59813" spans="8:8">
      <c r="H59813" s="12"/>
    </row>
    <row r="59814" spans="8:8">
      <c r="H59814" s="12"/>
    </row>
    <row r="59815" spans="8:8">
      <c r="H59815" s="12"/>
    </row>
    <row r="59816" spans="8:8">
      <c r="H59816" s="12"/>
    </row>
    <row r="59817" spans="8:8">
      <c r="H59817" s="12"/>
    </row>
    <row r="59818" spans="8:8">
      <c r="H59818" s="12"/>
    </row>
    <row r="59819" spans="8:8">
      <c r="H59819" s="12"/>
    </row>
    <row r="59820" spans="8:8">
      <c r="H59820" s="12"/>
    </row>
    <row r="59821" spans="8:8">
      <c r="H59821" s="12"/>
    </row>
    <row r="59822" spans="8:8">
      <c r="H59822" s="12"/>
    </row>
    <row r="59823" spans="8:8">
      <c r="H59823" s="12"/>
    </row>
    <row r="59824" spans="8:8">
      <c r="H59824" s="12"/>
    </row>
    <row r="59825" spans="8:8">
      <c r="H59825" s="12"/>
    </row>
    <row r="59826" spans="8:8">
      <c r="H59826" s="12"/>
    </row>
    <row r="59827" spans="8:8">
      <c r="H59827" s="12"/>
    </row>
    <row r="59828" spans="8:8">
      <c r="H59828" s="12"/>
    </row>
    <row r="59829" spans="8:8">
      <c r="H59829" s="12"/>
    </row>
    <row r="59830" spans="8:8">
      <c r="H59830" s="12"/>
    </row>
    <row r="59831" spans="8:8">
      <c r="H59831" s="12"/>
    </row>
    <row r="59832" spans="8:8">
      <c r="H59832" s="12"/>
    </row>
    <row r="59833" spans="8:8">
      <c r="H59833" s="12"/>
    </row>
    <row r="59834" spans="8:8">
      <c r="H59834" s="12"/>
    </row>
    <row r="59835" spans="8:8">
      <c r="H59835" s="12"/>
    </row>
    <row r="59836" spans="8:8">
      <c r="H59836" s="12"/>
    </row>
    <row r="59837" spans="8:8">
      <c r="H59837" s="12"/>
    </row>
    <row r="59838" spans="8:8">
      <c r="H59838" s="12"/>
    </row>
    <row r="59839" spans="8:8">
      <c r="H59839" s="12"/>
    </row>
    <row r="59840" spans="8:8">
      <c r="H59840" s="12"/>
    </row>
    <row r="59841" spans="8:8">
      <c r="H59841" s="12"/>
    </row>
    <row r="59842" spans="8:8">
      <c r="H59842" s="12"/>
    </row>
    <row r="59843" spans="8:8">
      <c r="H59843" s="12"/>
    </row>
    <row r="59844" spans="8:8">
      <c r="H59844" s="12"/>
    </row>
    <row r="59845" spans="8:8">
      <c r="H59845" s="12"/>
    </row>
    <row r="59846" spans="8:8">
      <c r="H59846" s="12"/>
    </row>
    <row r="59847" spans="8:8">
      <c r="H59847" s="12"/>
    </row>
    <row r="59848" spans="8:8">
      <c r="H59848" s="12"/>
    </row>
    <row r="59849" spans="8:8">
      <c r="H59849" s="12"/>
    </row>
    <row r="59850" spans="8:8">
      <c r="H59850" s="12"/>
    </row>
    <row r="59851" spans="8:8">
      <c r="H59851" s="12"/>
    </row>
    <row r="59852" spans="8:8">
      <c r="H59852" s="12"/>
    </row>
    <row r="59853" spans="8:8">
      <c r="H59853" s="12"/>
    </row>
    <row r="59854" spans="8:8">
      <c r="H59854" s="12"/>
    </row>
    <row r="59855" spans="8:8">
      <c r="H59855" s="12"/>
    </row>
    <row r="59856" spans="8:8">
      <c r="H59856" s="12"/>
    </row>
    <row r="59857" spans="8:8">
      <c r="H59857" s="12"/>
    </row>
    <row r="59858" spans="8:8">
      <c r="H59858" s="12"/>
    </row>
    <row r="59859" spans="8:8">
      <c r="H59859" s="12"/>
    </row>
    <row r="59860" spans="8:8">
      <c r="H59860" s="12"/>
    </row>
    <row r="59861" spans="8:8">
      <c r="H59861" s="12"/>
    </row>
    <row r="59862" spans="8:8">
      <c r="H59862" s="12"/>
    </row>
    <row r="59863" spans="8:8">
      <c r="H59863" s="12"/>
    </row>
    <row r="59864" spans="8:8">
      <c r="H59864" s="12"/>
    </row>
    <row r="59865" spans="8:8">
      <c r="H59865" s="12"/>
    </row>
    <row r="59866" spans="8:8">
      <c r="H59866" s="12"/>
    </row>
    <row r="59867" spans="8:8">
      <c r="H59867" s="12"/>
    </row>
    <row r="59868" spans="8:8">
      <c r="H59868" s="12"/>
    </row>
    <row r="59869" spans="8:8">
      <c r="H59869" s="12"/>
    </row>
    <row r="59870" spans="8:8">
      <c r="H59870" s="12"/>
    </row>
    <row r="59871" spans="8:8">
      <c r="H59871" s="12"/>
    </row>
    <row r="59872" spans="8:8">
      <c r="H59872" s="12"/>
    </row>
    <row r="59873" spans="8:8">
      <c r="H59873" s="12"/>
    </row>
    <row r="59874" spans="8:8">
      <c r="H59874" s="12"/>
    </row>
    <row r="59875" spans="8:8">
      <c r="H59875" s="12"/>
    </row>
    <row r="59876" spans="8:8">
      <c r="H59876" s="12"/>
    </row>
    <row r="59877" spans="8:8">
      <c r="H59877" s="12"/>
    </row>
    <row r="59878" spans="8:8">
      <c r="H59878" s="12"/>
    </row>
    <row r="59879" spans="8:8">
      <c r="H59879" s="12"/>
    </row>
    <row r="59880" spans="8:8">
      <c r="H59880" s="12"/>
    </row>
    <row r="59881" spans="8:8">
      <c r="H59881" s="12"/>
    </row>
    <row r="59882" spans="8:8">
      <c r="H59882" s="12"/>
    </row>
    <row r="59883" spans="8:8">
      <c r="H59883" s="12"/>
    </row>
    <row r="59884" spans="8:8">
      <c r="H59884" s="12"/>
    </row>
    <row r="59885" spans="8:8">
      <c r="H59885" s="12"/>
    </row>
    <row r="59886" spans="8:8">
      <c r="H59886" s="12"/>
    </row>
    <row r="59887" spans="8:8">
      <c r="H59887" s="12"/>
    </row>
    <row r="59888" spans="8:8">
      <c r="H59888" s="12"/>
    </row>
    <row r="59889" spans="8:8">
      <c r="H59889" s="12"/>
    </row>
    <row r="59890" spans="8:8">
      <c r="H59890" s="12"/>
    </row>
    <row r="59891" spans="8:8">
      <c r="H59891" s="12"/>
    </row>
    <row r="59892" spans="8:8">
      <c r="H59892" s="12"/>
    </row>
    <row r="59893" spans="8:8">
      <c r="H59893" s="12"/>
    </row>
    <row r="59894" spans="8:8">
      <c r="H59894" s="12"/>
    </row>
    <row r="59895" spans="8:8">
      <c r="H59895" s="12"/>
    </row>
    <row r="59896" spans="8:8">
      <c r="H59896" s="12"/>
    </row>
    <row r="59897" spans="8:8">
      <c r="H59897" s="12"/>
    </row>
    <row r="59898" spans="8:8">
      <c r="H59898" s="12"/>
    </row>
    <row r="59899" spans="8:8">
      <c r="H59899" s="12"/>
    </row>
    <row r="59900" spans="8:8">
      <c r="H59900" s="12"/>
    </row>
    <row r="59901" spans="8:8">
      <c r="H59901" s="12"/>
    </row>
    <row r="59902" spans="8:8">
      <c r="H59902" s="12"/>
    </row>
    <row r="59903" spans="8:8">
      <c r="H59903" s="12"/>
    </row>
    <row r="59904" spans="8:8">
      <c r="H59904" s="12"/>
    </row>
    <row r="59905" spans="8:8">
      <c r="H59905" s="12"/>
    </row>
    <row r="59906" spans="8:8">
      <c r="H59906" s="12"/>
    </row>
    <row r="59907" spans="8:8">
      <c r="H59907" s="12"/>
    </row>
    <row r="59908" spans="8:8">
      <c r="H59908" s="12"/>
    </row>
    <row r="59909" spans="8:8">
      <c r="H59909" s="12"/>
    </row>
    <row r="59910" spans="8:8">
      <c r="H59910" s="12"/>
    </row>
    <row r="59911" spans="8:8">
      <c r="H59911" s="12"/>
    </row>
    <row r="59912" spans="8:8">
      <c r="H59912" s="12"/>
    </row>
    <row r="59913" spans="8:8">
      <c r="H59913" s="12"/>
    </row>
    <row r="59914" spans="8:8">
      <c r="H59914" s="12"/>
    </row>
    <row r="59915" spans="8:8">
      <c r="H59915" s="12"/>
    </row>
    <row r="59916" spans="8:8">
      <c r="H59916" s="12"/>
    </row>
    <row r="59917" spans="8:8">
      <c r="H59917" s="12"/>
    </row>
    <row r="59918" spans="8:8">
      <c r="H59918" s="12"/>
    </row>
    <row r="59919" spans="8:8">
      <c r="H59919" s="12"/>
    </row>
    <row r="59920" spans="8:8">
      <c r="H59920" s="12"/>
    </row>
    <row r="59921" spans="8:8">
      <c r="H59921" s="12"/>
    </row>
    <row r="59922" spans="8:8">
      <c r="H59922" s="12"/>
    </row>
    <row r="59923" spans="8:8">
      <c r="H59923" s="12"/>
    </row>
    <row r="59924" spans="8:8">
      <c r="H59924" s="12"/>
    </row>
    <row r="59925" spans="8:8">
      <c r="H59925" s="12"/>
    </row>
    <row r="59926" spans="8:8">
      <c r="H59926" s="12"/>
    </row>
    <row r="59927" spans="8:8">
      <c r="H59927" s="12"/>
    </row>
    <row r="59928" spans="8:8">
      <c r="H59928" s="12"/>
    </row>
    <row r="59929" spans="8:8">
      <c r="H59929" s="12"/>
    </row>
    <row r="59930" spans="8:8">
      <c r="H59930" s="12"/>
    </row>
    <row r="59931" spans="8:8">
      <c r="H59931" s="12"/>
    </row>
    <row r="59932" spans="8:8">
      <c r="H59932" s="12"/>
    </row>
    <row r="59933" spans="8:8">
      <c r="H59933" s="12"/>
    </row>
    <row r="59934" spans="8:8">
      <c r="H59934" s="12"/>
    </row>
    <row r="59935" spans="8:8">
      <c r="H59935" s="12"/>
    </row>
    <row r="59936" spans="8:8">
      <c r="H59936" s="12"/>
    </row>
    <row r="59937" spans="8:8">
      <c r="H59937" s="12"/>
    </row>
    <row r="59938" spans="8:8">
      <c r="H59938" s="12"/>
    </row>
    <row r="59939" spans="8:8">
      <c r="H59939" s="12"/>
    </row>
    <row r="59940" spans="8:8">
      <c r="H59940" s="12"/>
    </row>
    <row r="59941" spans="8:8">
      <c r="H59941" s="12"/>
    </row>
    <row r="59942" spans="8:8">
      <c r="H59942" s="12"/>
    </row>
    <row r="59943" spans="8:8">
      <c r="H59943" s="12"/>
    </row>
    <row r="59944" spans="8:8">
      <c r="H59944" s="12"/>
    </row>
    <row r="59945" spans="8:8">
      <c r="H59945" s="12"/>
    </row>
    <row r="59946" spans="8:8">
      <c r="H59946" s="12"/>
    </row>
    <row r="59947" spans="8:8">
      <c r="H59947" s="12"/>
    </row>
    <row r="59948" spans="8:8">
      <c r="H59948" s="12"/>
    </row>
    <row r="59949" spans="8:8">
      <c r="H59949" s="12"/>
    </row>
    <row r="59950" spans="8:8">
      <c r="H59950" s="12"/>
    </row>
    <row r="59951" spans="8:8">
      <c r="H59951" s="12"/>
    </row>
    <row r="59952" spans="8:8">
      <c r="H59952" s="12"/>
    </row>
    <row r="59953" spans="8:8">
      <c r="H59953" s="12"/>
    </row>
    <row r="59954" spans="8:8">
      <c r="H59954" s="12"/>
    </row>
    <row r="59955" spans="8:8">
      <c r="H59955" s="12"/>
    </row>
    <row r="59956" spans="8:8">
      <c r="H59956" s="12"/>
    </row>
    <row r="59957" spans="8:8">
      <c r="H59957" s="12"/>
    </row>
    <row r="59958" spans="8:8">
      <c r="H59958" s="12"/>
    </row>
    <row r="59959" spans="8:8">
      <c r="H59959" s="12"/>
    </row>
    <row r="59960" spans="8:8">
      <c r="H59960" s="12"/>
    </row>
    <row r="59961" spans="8:8">
      <c r="H59961" s="12"/>
    </row>
    <row r="59962" spans="8:8">
      <c r="H59962" s="12"/>
    </row>
    <row r="59963" spans="8:8">
      <c r="H59963" s="12"/>
    </row>
    <row r="59964" spans="8:8">
      <c r="H59964" s="12"/>
    </row>
    <row r="59965" spans="8:8">
      <c r="H59965" s="12"/>
    </row>
    <row r="59966" spans="8:8">
      <c r="H59966" s="12"/>
    </row>
    <row r="59967" spans="8:8">
      <c r="H59967" s="12"/>
    </row>
    <row r="59968" spans="8:8">
      <c r="H59968" s="12"/>
    </row>
    <row r="59969" spans="8:8">
      <c r="H59969" s="12"/>
    </row>
    <row r="59970" spans="8:8">
      <c r="H59970" s="12"/>
    </row>
    <row r="59971" spans="8:8">
      <c r="H59971" s="12"/>
    </row>
    <row r="59972" spans="8:8">
      <c r="H59972" s="12"/>
    </row>
    <row r="59973" spans="8:8">
      <c r="H59973" s="12"/>
    </row>
    <row r="59974" spans="8:8">
      <c r="H59974" s="12"/>
    </row>
    <row r="59975" spans="8:8">
      <c r="H59975" s="12"/>
    </row>
    <row r="59976" spans="8:8">
      <c r="H59976" s="12"/>
    </row>
    <row r="59977" spans="8:8">
      <c r="H59977" s="12"/>
    </row>
    <row r="59978" spans="8:8">
      <c r="H59978" s="12"/>
    </row>
    <row r="59979" spans="8:8">
      <c r="H59979" s="12"/>
    </row>
    <row r="59980" spans="8:8">
      <c r="H59980" s="12"/>
    </row>
    <row r="59981" spans="8:8">
      <c r="H59981" s="12"/>
    </row>
    <row r="59982" spans="8:8">
      <c r="H59982" s="12"/>
    </row>
    <row r="59983" spans="8:8">
      <c r="H59983" s="12"/>
    </row>
    <row r="59984" spans="8:8">
      <c r="H59984" s="12"/>
    </row>
    <row r="59985" spans="8:8">
      <c r="H59985" s="12"/>
    </row>
    <row r="59986" spans="8:8">
      <c r="H59986" s="12"/>
    </row>
    <row r="59987" spans="8:8">
      <c r="H59987" s="12"/>
    </row>
    <row r="59988" spans="8:8">
      <c r="H59988" s="12"/>
    </row>
    <row r="59989" spans="8:8">
      <c r="H59989" s="12"/>
    </row>
    <row r="59990" spans="8:8">
      <c r="H59990" s="12"/>
    </row>
    <row r="59991" spans="8:8">
      <c r="H59991" s="12"/>
    </row>
    <row r="59992" spans="8:8">
      <c r="H59992" s="12"/>
    </row>
    <row r="59993" spans="8:8">
      <c r="H59993" s="12"/>
    </row>
    <row r="59994" spans="8:8">
      <c r="H59994" s="12"/>
    </row>
    <row r="59995" spans="8:8">
      <c r="H59995" s="12"/>
    </row>
    <row r="59996" spans="8:8">
      <c r="H59996" s="12"/>
    </row>
    <row r="59997" spans="8:8">
      <c r="H59997" s="12"/>
    </row>
    <row r="59998" spans="8:8">
      <c r="H59998" s="12"/>
    </row>
    <row r="59999" spans="8:8">
      <c r="H59999" s="12"/>
    </row>
    <row r="60000" spans="8:8">
      <c r="H60000" s="12"/>
    </row>
    <row r="60001" spans="8:8">
      <c r="H60001" s="12"/>
    </row>
    <row r="60002" spans="8:8">
      <c r="H60002" s="12"/>
    </row>
    <row r="60003" spans="8:8">
      <c r="H60003" s="12"/>
    </row>
    <row r="60004" spans="8:8">
      <c r="H60004" s="12"/>
    </row>
    <row r="60005" spans="8:8">
      <c r="H60005" s="12"/>
    </row>
    <row r="60006" spans="8:8">
      <c r="H60006" s="12"/>
    </row>
    <row r="60007" spans="8:8">
      <c r="H60007" s="12"/>
    </row>
    <row r="60008" spans="8:8">
      <c r="H60008" s="12"/>
    </row>
    <row r="60009" spans="8:8">
      <c r="H60009" s="12"/>
    </row>
    <row r="60010" spans="8:8">
      <c r="H60010" s="12"/>
    </row>
    <row r="60011" spans="8:8">
      <c r="H60011" s="12"/>
    </row>
    <row r="60012" spans="8:8">
      <c r="H60012" s="12"/>
    </row>
    <row r="60013" spans="8:8">
      <c r="H60013" s="12"/>
    </row>
    <row r="60014" spans="8:8">
      <c r="H60014" s="12"/>
    </row>
    <row r="60015" spans="8:8">
      <c r="H60015" s="12"/>
    </row>
    <row r="60016" spans="8:8">
      <c r="H60016" s="12"/>
    </row>
    <row r="60017" spans="8:8">
      <c r="H60017" s="12"/>
    </row>
    <row r="60018" spans="8:8">
      <c r="H60018" s="12"/>
    </row>
    <row r="60019" spans="8:8">
      <c r="H60019" s="12"/>
    </row>
    <row r="60020" spans="8:8">
      <c r="H60020" s="12"/>
    </row>
    <row r="60021" spans="8:8">
      <c r="H60021" s="12"/>
    </row>
    <row r="60022" spans="8:8">
      <c r="H60022" s="12"/>
    </row>
    <row r="60023" spans="8:8">
      <c r="H60023" s="12"/>
    </row>
    <row r="60024" spans="8:8">
      <c r="H60024" s="12"/>
    </row>
    <row r="60025" spans="8:8">
      <c r="H60025" s="12"/>
    </row>
    <row r="60026" spans="8:8">
      <c r="H60026" s="12"/>
    </row>
    <row r="60027" spans="8:8">
      <c r="H60027" s="12"/>
    </row>
    <row r="60028" spans="8:8">
      <c r="H60028" s="12"/>
    </row>
    <row r="60029" spans="8:8">
      <c r="H60029" s="12"/>
    </row>
    <row r="60030" spans="8:8">
      <c r="H60030" s="12"/>
    </row>
    <row r="60031" spans="8:8">
      <c r="H60031" s="12"/>
    </row>
    <row r="60032" spans="8:8">
      <c r="H60032" s="12"/>
    </row>
    <row r="60033" spans="8:8">
      <c r="H60033" s="12"/>
    </row>
    <row r="60034" spans="8:8">
      <c r="H60034" s="12"/>
    </row>
    <row r="60035" spans="8:8">
      <c r="H60035" s="12"/>
    </row>
    <row r="60036" spans="8:8">
      <c r="H60036" s="12"/>
    </row>
    <row r="60037" spans="8:8">
      <c r="H60037" s="12"/>
    </row>
    <row r="60038" spans="8:8">
      <c r="H60038" s="12"/>
    </row>
    <row r="60039" spans="8:8">
      <c r="H60039" s="12"/>
    </row>
    <row r="60040" spans="8:8">
      <c r="H60040" s="12"/>
    </row>
    <row r="60041" spans="8:8">
      <c r="H60041" s="12"/>
    </row>
    <row r="60042" spans="8:8">
      <c r="H60042" s="12"/>
    </row>
    <row r="60043" spans="8:8">
      <c r="H60043" s="12"/>
    </row>
    <row r="60044" spans="8:8">
      <c r="H60044" s="12"/>
    </row>
    <row r="60045" spans="8:8">
      <c r="H60045" s="12"/>
    </row>
    <row r="60046" spans="8:8">
      <c r="H60046" s="12"/>
    </row>
    <row r="60047" spans="8:8">
      <c r="H60047" s="12"/>
    </row>
    <row r="60048" spans="8:8">
      <c r="H60048" s="12"/>
    </row>
    <row r="60049" spans="8:8">
      <c r="H60049" s="12"/>
    </row>
    <row r="60050" spans="8:8">
      <c r="H60050" s="12"/>
    </row>
    <row r="60051" spans="8:8">
      <c r="H60051" s="12"/>
    </row>
    <row r="60052" spans="8:8">
      <c r="H60052" s="12"/>
    </row>
    <row r="60053" spans="8:8">
      <c r="H60053" s="12"/>
    </row>
    <row r="60054" spans="8:8">
      <c r="H60054" s="12"/>
    </row>
    <row r="60055" spans="8:8">
      <c r="H60055" s="12"/>
    </row>
    <row r="60056" spans="8:8">
      <c r="H60056" s="12"/>
    </row>
    <row r="60057" spans="8:8">
      <c r="H60057" s="12"/>
    </row>
    <row r="60058" spans="8:8">
      <c r="H60058" s="12"/>
    </row>
    <row r="60059" spans="8:8">
      <c r="H60059" s="12"/>
    </row>
    <row r="60060" spans="8:8">
      <c r="H60060" s="12"/>
    </row>
    <row r="60061" spans="8:8">
      <c r="H60061" s="12"/>
    </row>
    <row r="60062" spans="8:8">
      <c r="H60062" s="12"/>
    </row>
    <row r="60063" spans="8:8">
      <c r="H60063" s="12"/>
    </row>
    <row r="60064" spans="8:8">
      <c r="H60064" s="12"/>
    </row>
    <row r="60065" spans="8:8">
      <c r="H60065" s="12"/>
    </row>
    <row r="60066" spans="8:8">
      <c r="H60066" s="12"/>
    </row>
    <row r="60067" spans="8:8">
      <c r="H60067" s="12"/>
    </row>
    <row r="60068" spans="8:8">
      <c r="H60068" s="12"/>
    </row>
    <row r="60069" spans="8:8">
      <c r="H60069" s="12"/>
    </row>
    <row r="60070" spans="8:8">
      <c r="H60070" s="12"/>
    </row>
    <row r="60071" spans="8:8">
      <c r="H60071" s="12"/>
    </row>
    <row r="60072" spans="8:8">
      <c r="H60072" s="12"/>
    </row>
    <row r="60073" spans="8:8">
      <c r="H60073" s="12"/>
    </row>
    <row r="60074" spans="8:8">
      <c r="H60074" s="12"/>
    </row>
    <row r="60075" spans="8:8">
      <c r="H60075" s="12"/>
    </row>
    <row r="60076" spans="8:8">
      <c r="H60076" s="12"/>
    </row>
    <row r="60077" spans="8:8">
      <c r="H60077" s="12"/>
    </row>
    <row r="60078" spans="8:8">
      <c r="H60078" s="12"/>
    </row>
    <row r="60079" spans="8:8">
      <c r="H60079" s="12"/>
    </row>
    <row r="60080" spans="8:8">
      <c r="H60080" s="12"/>
    </row>
    <row r="60081" spans="8:8">
      <c r="H60081" s="12"/>
    </row>
    <row r="60082" spans="8:8">
      <c r="H60082" s="12"/>
    </row>
    <row r="60083" spans="8:8">
      <c r="H60083" s="12"/>
    </row>
    <row r="60084" spans="8:8">
      <c r="H60084" s="12"/>
    </row>
    <row r="60085" spans="8:8">
      <c r="H60085" s="12"/>
    </row>
    <row r="60086" spans="8:8">
      <c r="H60086" s="12"/>
    </row>
    <row r="60087" spans="8:8">
      <c r="H60087" s="12"/>
    </row>
    <row r="60088" spans="8:8">
      <c r="H60088" s="12"/>
    </row>
    <row r="60089" spans="8:8">
      <c r="H60089" s="12"/>
    </row>
    <row r="60090" spans="8:8">
      <c r="H60090" s="12"/>
    </row>
    <row r="60091" spans="8:8">
      <c r="H60091" s="12"/>
    </row>
    <row r="60092" spans="8:8">
      <c r="H60092" s="12"/>
    </row>
    <row r="60093" spans="8:8">
      <c r="H60093" s="12"/>
    </row>
    <row r="60094" spans="8:8">
      <c r="H60094" s="12"/>
    </row>
    <row r="60095" spans="8:8">
      <c r="H60095" s="12"/>
    </row>
    <row r="60096" spans="8:8">
      <c r="H60096" s="12"/>
    </row>
    <row r="60097" spans="8:8">
      <c r="H60097" s="12"/>
    </row>
    <row r="60098" spans="8:8">
      <c r="H60098" s="12"/>
    </row>
    <row r="60099" spans="8:8">
      <c r="H60099" s="12"/>
    </row>
    <row r="60100" spans="8:8">
      <c r="H60100" s="12"/>
    </row>
    <row r="60101" spans="8:8">
      <c r="H60101" s="12"/>
    </row>
    <row r="60102" spans="8:8">
      <c r="H60102" s="12"/>
    </row>
    <row r="60103" spans="8:8">
      <c r="H60103" s="12"/>
    </row>
    <row r="60104" spans="8:8">
      <c r="H60104" s="12"/>
    </row>
    <row r="60105" spans="8:8">
      <c r="H60105" s="12"/>
    </row>
    <row r="60106" spans="8:8">
      <c r="H60106" s="12"/>
    </row>
    <row r="60107" spans="8:8">
      <c r="H60107" s="12"/>
    </row>
    <row r="60108" spans="8:8">
      <c r="H60108" s="12"/>
    </row>
    <row r="60109" spans="8:8">
      <c r="H60109" s="12"/>
    </row>
    <row r="60110" spans="8:8">
      <c r="H60110" s="12"/>
    </row>
    <row r="60111" spans="8:8">
      <c r="H60111" s="12"/>
    </row>
    <row r="60112" spans="8:8">
      <c r="H60112" s="12"/>
    </row>
    <row r="60113" spans="8:8">
      <c r="H60113" s="12"/>
    </row>
    <row r="60114" spans="8:8">
      <c r="H60114" s="12"/>
    </row>
    <row r="60115" spans="8:8">
      <c r="H60115" s="12"/>
    </row>
    <row r="60116" spans="8:8">
      <c r="H60116" s="12"/>
    </row>
    <row r="60117" spans="8:8">
      <c r="H60117" s="12"/>
    </row>
    <row r="60118" spans="8:8">
      <c r="H60118" s="12"/>
    </row>
    <row r="60119" spans="8:8">
      <c r="H60119" s="12"/>
    </row>
    <row r="60120" spans="8:8">
      <c r="H60120" s="12"/>
    </row>
    <row r="60121" spans="8:8">
      <c r="H60121" s="12"/>
    </row>
    <row r="60122" spans="8:8">
      <c r="H60122" s="12"/>
    </row>
    <row r="60123" spans="8:8">
      <c r="H60123" s="12"/>
    </row>
    <row r="60124" spans="8:8">
      <c r="H60124" s="12"/>
    </row>
    <row r="60125" spans="8:8">
      <c r="H60125" s="12"/>
    </row>
    <row r="60126" spans="8:8">
      <c r="H60126" s="12"/>
    </row>
    <row r="60127" spans="8:8">
      <c r="H60127" s="12"/>
    </row>
    <row r="60128" spans="8:8">
      <c r="H60128" s="12"/>
    </row>
    <row r="60129" spans="8:8">
      <c r="H60129" s="12"/>
    </row>
    <row r="60130" spans="8:8">
      <c r="H60130" s="12"/>
    </row>
    <row r="60131" spans="8:8">
      <c r="H60131" s="12"/>
    </row>
    <row r="60132" spans="8:8">
      <c r="H60132" s="12"/>
    </row>
    <row r="60133" spans="8:8">
      <c r="H60133" s="12"/>
    </row>
    <row r="60134" spans="8:8">
      <c r="H60134" s="12"/>
    </row>
    <row r="60135" spans="8:8">
      <c r="H60135" s="12"/>
    </row>
    <row r="60136" spans="8:8">
      <c r="H60136" s="12"/>
    </row>
    <row r="60137" spans="8:8">
      <c r="H60137" s="12"/>
    </row>
    <row r="60138" spans="8:8">
      <c r="H60138" s="12"/>
    </row>
    <row r="60139" spans="8:8">
      <c r="H60139" s="12"/>
    </row>
    <row r="60140" spans="8:8">
      <c r="H60140" s="12"/>
    </row>
    <row r="60141" spans="8:8">
      <c r="H60141" s="12"/>
    </row>
    <row r="60142" spans="8:8">
      <c r="H60142" s="12"/>
    </row>
    <row r="60143" spans="8:8">
      <c r="H60143" s="12"/>
    </row>
    <row r="60144" spans="8:8">
      <c r="H60144" s="12"/>
    </row>
    <row r="60145" spans="8:8">
      <c r="H60145" s="12"/>
    </row>
    <row r="60146" spans="8:8">
      <c r="H60146" s="12"/>
    </row>
    <row r="60147" spans="8:8">
      <c r="H60147" s="12"/>
    </row>
    <row r="60148" spans="8:8">
      <c r="H60148" s="12"/>
    </row>
    <row r="60149" spans="8:8">
      <c r="H60149" s="12"/>
    </row>
    <row r="60150" spans="8:8">
      <c r="H60150" s="12"/>
    </row>
    <row r="60151" spans="8:8">
      <c r="H60151" s="12"/>
    </row>
    <row r="60152" spans="8:8">
      <c r="H60152" s="12"/>
    </row>
    <row r="60153" spans="8:8">
      <c r="H60153" s="12"/>
    </row>
    <row r="60154" spans="8:8">
      <c r="H60154" s="12"/>
    </row>
    <row r="60155" spans="8:8">
      <c r="H60155" s="12"/>
    </row>
    <row r="60156" spans="8:8">
      <c r="H60156" s="12"/>
    </row>
    <row r="60157" spans="8:8">
      <c r="H60157" s="12"/>
    </row>
    <row r="60158" spans="8:8">
      <c r="H60158" s="12"/>
    </row>
    <row r="60159" spans="8:8">
      <c r="H60159" s="12"/>
    </row>
    <row r="60160" spans="8:8">
      <c r="H60160" s="12"/>
    </row>
    <row r="60161" spans="8:8">
      <c r="H60161" s="12"/>
    </row>
    <row r="60162" spans="8:8">
      <c r="H60162" s="12"/>
    </row>
    <row r="60163" spans="8:8">
      <c r="H60163" s="12"/>
    </row>
    <row r="60164" spans="8:8">
      <c r="H60164" s="12"/>
    </row>
    <row r="60165" spans="8:8">
      <c r="H60165" s="12"/>
    </row>
    <row r="60166" spans="8:8">
      <c r="H60166" s="12"/>
    </row>
    <row r="60167" spans="8:8">
      <c r="H60167" s="12"/>
    </row>
    <row r="60168" spans="8:8">
      <c r="H60168" s="12"/>
    </row>
    <row r="60169" spans="8:8">
      <c r="H60169" s="12"/>
    </row>
    <row r="60170" spans="8:8">
      <c r="H60170" s="12"/>
    </row>
    <row r="60171" spans="8:8">
      <c r="H60171" s="12"/>
    </row>
    <row r="60172" spans="8:8">
      <c r="H60172" s="12"/>
    </row>
    <row r="60173" spans="8:8">
      <c r="H60173" s="12"/>
    </row>
    <row r="60174" spans="8:8">
      <c r="H60174" s="12"/>
    </row>
    <row r="60175" spans="8:8">
      <c r="H60175" s="12"/>
    </row>
    <row r="60176" spans="8:8">
      <c r="H60176" s="12"/>
    </row>
    <row r="60177" spans="8:8">
      <c r="H60177" s="12"/>
    </row>
    <row r="60178" spans="8:8">
      <c r="H60178" s="12"/>
    </row>
    <row r="60179" spans="8:8">
      <c r="H60179" s="12"/>
    </row>
    <row r="60180" spans="8:8">
      <c r="H60180" s="12"/>
    </row>
    <row r="60181" spans="8:8">
      <c r="H60181" s="12"/>
    </row>
    <row r="60182" spans="8:8">
      <c r="H60182" s="12"/>
    </row>
    <row r="60183" spans="8:8">
      <c r="H60183" s="12"/>
    </row>
    <row r="60184" spans="8:8">
      <c r="H60184" s="12"/>
    </row>
    <row r="60185" spans="8:8">
      <c r="H60185" s="12"/>
    </row>
    <row r="60186" spans="8:8">
      <c r="H60186" s="12"/>
    </row>
    <row r="60187" spans="8:8">
      <c r="H60187" s="12"/>
    </row>
    <row r="60188" spans="8:8">
      <c r="H60188" s="12"/>
    </row>
    <row r="60189" spans="8:8">
      <c r="H60189" s="12"/>
    </row>
    <row r="60190" spans="8:8">
      <c r="H60190" s="12"/>
    </row>
    <row r="60191" spans="8:8">
      <c r="H60191" s="12"/>
    </row>
    <row r="60192" spans="8:8">
      <c r="H60192" s="12"/>
    </row>
    <row r="60193" spans="8:8">
      <c r="H60193" s="12"/>
    </row>
    <row r="60194" spans="8:8">
      <c r="H60194" s="12"/>
    </row>
    <row r="60195" spans="8:8">
      <c r="H60195" s="12"/>
    </row>
    <row r="60196" spans="8:8">
      <c r="H60196" s="12"/>
    </row>
    <row r="60197" spans="8:8">
      <c r="H60197" s="12"/>
    </row>
    <row r="60198" spans="8:8">
      <c r="H60198" s="12"/>
    </row>
    <row r="60199" spans="8:8">
      <c r="H60199" s="12"/>
    </row>
    <row r="60200" spans="8:8">
      <c r="H60200" s="12"/>
    </row>
    <row r="60201" spans="8:8">
      <c r="H60201" s="12"/>
    </row>
    <row r="60202" spans="8:8">
      <c r="H60202" s="12"/>
    </row>
    <row r="60203" spans="8:8">
      <c r="H60203" s="12"/>
    </row>
    <row r="60204" spans="8:8">
      <c r="H60204" s="12"/>
    </row>
    <row r="60205" spans="8:8">
      <c r="H60205" s="12"/>
    </row>
    <row r="60206" spans="8:8">
      <c r="H60206" s="12"/>
    </row>
    <row r="60207" spans="8:8">
      <c r="H60207" s="12"/>
    </row>
    <row r="60208" spans="8:8">
      <c r="H60208" s="12"/>
    </row>
    <row r="60209" spans="8:8">
      <c r="H60209" s="12"/>
    </row>
    <row r="60210" spans="8:8">
      <c r="H60210" s="12"/>
    </row>
    <row r="60211" spans="8:8">
      <c r="H60211" s="12"/>
    </row>
    <row r="60212" spans="8:8">
      <c r="H60212" s="12"/>
    </row>
    <row r="60213" spans="8:8">
      <c r="H60213" s="12"/>
    </row>
    <row r="60214" spans="8:8">
      <c r="H60214" s="12"/>
    </row>
    <row r="60215" spans="8:8">
      <c r="H60215" s="12"/>
    </row>
    <row r="60216" spans="8:8">
      <c r="H60216" s="12"/>
    </row>
    <row r="60217" spans="8:8">
      <c r="H60217" s="12"/>
    </row>
    <row r="60218" spans="8:8">
      <c r="H60218" s="12"/>
    </row>
    <row r="60219" spans="8:8">
      <c r="H60219" s="12"/>
    </row>
    <row r="60220" spans="8:8">
      <c r="H60220" s="12"/>
    </row>
    <row r="60221" spans="8:8">
      <c r="H60221" s="12"/>
    </row>
    <row r="60222" spans="8:8">
      <c r="H60222" s="12"/>
    </row>
    <row r="60223" spans="8:8">
      <c r="H60223" s="12"/>
    </row>
    <row r="60224" spans="8:8">
      <c r="H60224" s="12"/>
    </row>
    <row r="60225" spans="8:8">
      <c r="H60225" s="12"/>
    </row>
    <row r="60226" spans="8:8">
      <c r="H60226" s="12"/>
    </row>
    <row r="60227" spans="8:8">
      <c r="H60227" s="12"/>
    </row>
    <row r="60228" spans="8:8">
      <c r="H60228" s="12"/>
    </row>
    <row r="60229" spans="8:8">
      <c r="H60229" s="12"/>
    </row>
    <row r="60230" spans="8:8">
      <c r="H60230" s="12"/>
    </row>
    <row r="60231" spans="8:8">
      <c r="H60231" s="12"/>
    </row>
    <row r="60232" spans="8:8">
      <c r="H60232" s="12"/>
    </row>
    <row r="60233" spans="8:8">
      <c r="H60233" s="12"/>
    </row>
    <row r="60234" spans="8:8">
      <c r="H60234" s="12"/>
    </row>
    <row r="60235" spans="8:8">
      <c r="H60235" s="12"/>
    </row>
    <row r="60236" spans="8:8">
      <c r="H60236" s="12"/>
    </row>
    <row r="60237" spans="8:8">
      <c r="H60237" s="12"/>
    </row>
    <row r="60238" spans="8:8">
      <c r="H60238" s="12"/>
    </row>
    <row r="60239" spans="8:8">
      <c r="H60239" s="12"/>
    </row>
    <row r="60240" spans="8:8">
      <c r="H60240" s="12"/>
    </row>
    <row r="60241" spans="8:8">
      <c r="H60241" s="12"/>
    </row>
    <row r="60242" spans="8:8">
      <c r="H60242" s="12"/>
    </row>
    <row r="60243" spans="8:8">
      <c r="H60243" s="12"/>
    </row>
    <row r="60244" spans="8:8">
      <c r="H60244" s="12"/>
    </row>
    <row r="60245" spans="8:8">
      <c r="H60245" s="12"/>
    </row>
    <row r="60246" spans="8:8">
      <c r="H60246" s="12"/>
    </row>
    <row r="60247" spans="8:8">
      <c r="H60247" s="12"/>
    </row>
    <row r="60248" spans="8:8">
      <c r="H60248" s="12"/>
    </row>
    <row r="60249" spans="8:8">
      <c r="H60249" s="12"/>
    </row>
    <row r="60250" spans="8:8">
      <c r="H60250" s="12"/>
    </row>
    <row r="60251" spans="8:8">
      <c r="H60251" s="12"/>
    </row>
    <row r="60252" spans="8:8">
      <c r="H60252" s="12"/>
    </row>
    <row r="60253" spans="8:8">
      <c r="H60253" s="12"/>
    </row>
    <row r="60254" spans="8:8">
      <c r="H60254" s="12"/>
    </row>
    <row r="60255" spans="8:8">
      <c r="H60255" s="12"/>
    </row>
    <row r="60256" spans="8:8">
      <c r="H60256" s="12"/>
    </row>
    <row r="60257" spans="8:8">
      <c r="H60257" s="12"/>
    </row>
    <row r="60258" spans="8:8">
      <c r="H60258" s="12"/>
    </row>
    <row r="60259" spans="8:8">
      <c r="H60259" s="12"/>
    </row>
    <row r="60260" spans="8:8">
      <c r="H60260" s="12"/>
    </row>
    <row r="60261" spans="8:8">
      <c r="H60261" s="12"/>
    </row>
    <row r="60262" spans="8:8">
      <c r="H60262" s="12"/>
    </row>
    <row r="60263" spans="8:8">
      <c r="H60263" s="12"/>
    </row>
    <row r="60264" spans="8:8">
      <c r="H60264" s="12"/>
    </row>
    <row r="60265" spans="8:8">
      <c r="H60265" s="12"/>
    </row>
    <row r="60266" spans="8:8">
      <c r="H60266" s="12"/>
    </row>
    <row r="60267" spans="8:8">
      <c r="H60267" s="12"/>
    </row>
    <row r="60268" spans="8:8">
      <c r="H60268" s="12"/>
    </row>
    <row r="60269" spans="8:8">
      <c r="H60269" s="12"/>
    </row>
    <row r="60270" spans="8:8">
      <c r="H60270" s="12"/>
    </row>
    <row r="60271" spans="8:8">
      <c r="H60271" s="12"/>
    </row>
    <row r="60272" spans="8:8">
      <c r="H60272" s="12"/>
    </row>
    <row r="60273" spans="8:8">
      <c r="H60273" s="12"/>
    </row>
    <row r="60274" spans="8:8">
      <c r="H60274" s="12"/>
    </row>
    <row r="60275" spans="8:8">
      <c r="H60275" s="12"/>
    </row>
    <row r="60276" spans="8:8">
      <c r="H60276" s="12"/>
    </row>
    <row r="60277" spans="8:8">
      <c r="H60277" s="12"/>
    </row>
    <row r="60278" spans="8:8">
      <c r="H60278" s="12"/>
    </row>
    <row r="60279" spans="8:8">
      <c r="H60279" s="12"/>
    </row>
    <row r="60280" spans="8:8">
      <c r="H60280" s="12"/>
    </row>
    <row r="60281" spans="8:8">
      <c r="H60281" s="12"/>
    </row>
    <row r="60282" spans="8:8">
      <c r="H60282" s="12"/>
    </row>
    <row r="60283" spans="8:8">
      <c r="H60283" s="12"/>
    </row>
    <row r="60284" spans="8:8">
      <c r="H60284" s="12"/>
    </row>
    <row r="60285" spans="8:8">
      <c r="H60285" s="12"/>
    </row>
    <row r="60286" spans="8:8">
      <c r="H60286" s="12"/>
    </row>
    <row r="60287" spans="8:8">
      <c r="H60287" s="12"/>
    </row>
    <row r="60288" spans="8:8">
      <c r="H60288" s="12"/>
    </row>
    <row r="60289" spans="8:8">
      <c r="H60289" s="12"/>
    </row>
    <row r="60290" spans="8:8">
      <c r="H60290" s="12"/>
    </row>
    <row r="60291" spans="8:8">
      <c r="H60291" s="12"/>
    </row>
    <row r="60292" spans="8:8">
      <c r="H60292" s="12"/>
    </row>
    <row r="60293" spans="8:8">
      <c r="H60293" s="12"/>
    </row>
    <row r="60294" spans="8:8">
      <c r="H60294" s="12"/>
    </row>
    <row r="60295" spans="8:8">
      <c r="H60295" s="12"/>
    </row>
    <row r="60296" spans="8:8">
      <c r="H60296" s="12"/>
    </row>
    <row r="60297" spans="8:8">
      <c r="H60297" s="12"/>
    </row>
    <row r="60298" spans="8:8">
      <c r="H60298" s="12"/>
    </row>
    <row r="60299" spans="8:8">
      <c r="H60299" s="12"/>
    </row>
    <row r="60300" spans="8:8">
      <c r="H60300" s="12"/>
    </row>
    <row r="60301" spans="8:8">
      <c r="H60301" s="12"/>
    </row>
    <row r="60302" spans="8:8">
      <c r="H60302" s="12"/>
    </row>
    <row r="60303" spans="8:8">
      <c r="H60303" s="12"/>
    </row>
    <row r="60304" spans="8:8">
      <c r="H60304" s="12"/>
    </row>
    <row r="60305" spans="8:8">
      <c r="H60305" s="12"/>
    </row>
    <row r="60306" spans="8:8">
      <c r="H60306" s="12"/>
    </row>
    <row r="60307" spans="8:8">
      <c r="H60307" s="12"/>
    </row>
    <row r="60308" spans="8:8">
      <c r="H60308" s="12"/>
    </row>
    <row r="60309" spans="8:8">
      <c r="H60309" s="12"/>
    </row>
    <row r="60310" spans="8:8">
      <c r="H60310" s="12"/>
    </row>
    <row r="60311" spans="8:8">
      <c r="H60311" s="12"/>
    </row>
    <row r="60312" spans="8:8">
      <c r="H60312" s="12"/>
    </row>
    <row r="60313" spans="8:8">
      <c r="H60313" s="12"/>
    </row>
    <row r="60314" spans="8:8">
      <c r="H60314" s="12"/>
    </row>
    <row r="60315" spans="8:8">
      <c r="H60315" s="12"/>
    </row>
    <row r="60316" spans="8:8">
      <c r="H60316" s="12"/>
    </row>
    <row r="60317" spans="8:8">
      <c r="H60317" s="12"/>
    </row>
    <row r="60318" spans="8:8">
      <c r="H60318" s="12"/>
    </row>
    <row r="60319" spans="8:8">
      <c r="H60319" s="12"/>
    </row>
    <row r="60320" spans="8:8">
      <c r="H60320" s="12"/>
    </row>
    <row r="60321" spans="8:8">
      <c r="H60321" s="12"/>
    </row>
    <row r="60322" spans="8:8">
      <c r="H60322" s="12"/>
    </row>
    <row r="60323" spans="8:8">
      <c r="H60323" s="12"/>
    </row>
    <row r="60324" spans="8:8">
      <c r="H60324" s="12"/>
    </row>
    <row r="60325" spans="8:8">
      <c r="H60325" s="12"/>
    </row>
    <row r="60326" spans="8:8">
      <c r="H60326" s="12"/>
    </row>
    <row r="60327" spans="8:8">
      <c r="H60327" s="12"/>
    </row>
    <row r="60328" spans="8:8">
      <c r="H60328" s="12"/>
    </row>
    <row r="60329" spans="8:8">
      <c r="H60329" s="12"/>
    </row>
    <row r="60330" spans="8:8">
      <c r="H60330" s="12"/>
    </row>
    <row r="60331" spans="8:8">
      <c r="H60331" s="12"/>
    </row>
    <row r="60332" spans="8:8">
      <c r="H60332" s="12"/>
    </row>
    <row r="60333" spans="8:8">
      <c r="H60333" s="12"/>
    </row>
    <row r="60334" spans="8:8">
      <c r="H60334" s="12"/>
    </row>
    <row r="60335" spans="8:8">
      <c r="H60335" s="12"/>
    </row>
    <row r="60336" spans="8:8">
      <c r="H60336" s="12"/>
    </row>
    <row r="60337" spans="8:8">
      <c r="H60337" s="12"/>
    </row>
    <row r="60338" spans="8:8">
      <c r="H60338" s="12"/>
    </row>
    <row r="60339" spans="8:8">
      <c r="H60339" s="12"/>
    </row>
    <row r="60340" spans="8:8">
      <c r="H60340" s="12"/>
    </row>
    <row r="60341" spans="8:8">
      <c r="H60341" s="12"/>
    </row>
    <row r="60342" spans="8:8">
      <c r="H60342" s="12"/>
    </row>
    <row r="60343" spans="8:8">
      <c r="H60343" s="12"/>
    </row>
    <row r="60344" spans="8:8">
      <c r="H60344" s="12"/>
    </row>
    <row r="60345" spans="8:8">
      <c r="H60345" s="12"/>
    </row>
    <row r="60346" spans="8:8">
      <c r="H60346" s="12"/>
    </row>
    <row r="60347" spans="8:8">
      <c r="H60347" s="12"/>
    </row>
    <row r="60348" spans="8:8">
      <c r="H60348" s="12"/>
    </row>
    <row r="60349" spans="8:8">
      <c r="H60349" s="12"/>
    </row>
    <row r="60350" spans="8:8">
      <c r="H60350" s="12"/>
    </row>
    <row r="60351" spans="8:8">
      <c r="H60351" s="12"/>
    </row>
    <row r="60352" spans="8:8">
      <c r="H60352" s="12"/>
    </row>
    <row r="60353" spans="8:8">
      <c r="H60353" s="12"/>
    </row>
    <row r="60354" spans="8:8">
      <c r="H60354" s="12"/>
    </row>
    <row r="60355" spans="8:8">
      <c r="H60355" s="12"/>
    </row>
    <row r="60356" spans="8:8">
      <c r="H60356" s="12"/>
    </row>
    <row r="60357" spans="8:8">
      <c r="H60357" s="12"/>
    </row>
    <row r="60358" spans="8:8">
      <c r="H60358" s="12"/>
    </row>
    <row r="60359" spans="8:8">
      <c r="H60359" s="12"/>
    </row>
    <row r="60360" spans="8:8">
      <c r="H60360" s="12"/>
    </row>
    <row r="60361" spans="8:8">
      <c r="H60361" s="12"/>
    </row>
    <row r="60362" spans="8:8">
      <c r="H60362" s="12"/>
    </row>
    <row r="60363" spans="8:8">
      <c r="H60363" s="12"/>
    </row>
    <row r="60364" spans="8:8">
      <c r="H60364" s="12"/>
    </row>
    <row r="60365" spans="8:8">
      <c r="H60365" s="12"/>
    </row>
    <row r="60366" spans="8:8">
      <c r="H60366" s="12"/>
    </row>
    <row r="60367" spans="8:8">
      <c r="H60367" s="12"/>
    </row>
    <row r="60368" spans="8:8">
      <c r="H60368" s="12"/>
    </row>
    <row r="60369" spans="8:8">
      <c r="H60369" s="12"/>
    </row>
    <row r="60370" spans="8:8">
      <c r="H60370" s="12"/>
    </row>
    <row r="60371" spans="8:8">
      <c r="H60371" s="12"/>
    </row>
    <row r="60372" spans="8:8">
      <c r="H60372" s="12"/>
    </row>
    <row r="60373" spans="8:8">
      <c r="H60373" s="12"/>
    </row>
    <row r="60374" spans="8:8">
      <c r="H60374" s="12"/>
    </row>
    <row r="60375" spans="8:8">
      <c r="H60375" s="12"/>
    </row>
    <row r="60376" spans="8:8">
      <c r="H60376" s="12"/>
    </row>
    <row r="60377" spans="8:8">
      <c r="H60377" s="12"/>
    </row>
    <row r="60378" spans="8:8">
      <c r="H60378" s="12"/>
    </row>
    <row r="60379" spans="8:8">
      <c r="H60379" s="12"/>
    </row>
    <row r="60380" spans="8:8">
      <c r="H60380" s="12"/>
    </row>
    <row r="60381" spans="8:8">
      <c r="H60381" s="12"/>
    </row>
    <row r="60382" spans="8:8">
      <c r="H60382" s="12"/>
    </row>
    <row r="60383" spans="8:8">
      <c r="H60383" s="12"/>
    </row>
    <row r="60384" spans="8:8">
      <c r="H60384" s="12"/>
    </row>
    <row r="60385" spans="8:8">
      <c r="H60385" s="12"/>
    </row>
    <row r="60386" spans="8:8">
      <c r="H60386" s="12"/>
    </row>
    <row r="60387" spans="8:8">
      <c r="H60387" s="12"/>
    </row>
    <row r="60388" spans="8:8">
      <c r="H60388" s="12"/>
    </row>
    <row r="60389" spans="8:8">
      <c r="H60389" s="12"/>
    </row>
    <row r="60390" spans="8:8">
      <c r="H60390" s="12"/>
    </row>
    <row r="60391" spans="8:8">
      <c r="H60391" s="12"/>
    </row>
    <row r="60392" spans="8:8">
      <c r="H60392" s="12"/>
    </row>
    <row r="60393" spans="8:8">
      <c r="H60393" s="12"/>
    </row>
    <row r="60394" spans="8:8">
      <c r="H60394" s="12"/>
    </row>
    <row r="60395" spans="8:8">
      <c r="H60395" s="12"/>
    </row>
    <row r="60396" spans="8:8">
      <c r="H60396" s="12"/>
    </row>
    <row r="60397" spans="8:8">
      <c r="H60397" s="12"/>
    </row>
    <row r="60398" spans="8:8">
      <c r="H60398" s="12"/>
    </row>
    <row r="60399" spans="8:8">
      <c r="H60399" s="12"/>
    </row>
    <row r="60400" spans="8:8">
      <c r="H60400" s="12"/>
    </row>
    <row r="60401" spans="8:8">
      <c r="H60401" s="12"/>
    </row>
    <row r="60402" spans="8:8">
      <c r="H60402" s="12"/>
    </row>
    <row r="60403" spans="8:8">
      <c r="H60403" s="12"/>
    </row>
    <row r="60404" spans="8:8">
      <c r="H60404" s="12"/>
    </row>
    <row r="60405" spans="8:8">
      <c r="H60405" s="12"/>
    </row>
    <row r="60406" spans="8:8">
      <c r="H60406" s="12"/>
    </row>
    <row r="60407" spans="8:8">
      <c r="H60407" s="12"/>
    </row>
    <row r="60408" spans="8:8">
      <c r="H60408" s="12"/>
    </row>
    <row r="60409" spans="8:8">
      <c r="H60409" s="12"/>
    </row>
    <row r="60410" spans="8:8">
      <c r="H60410" s="12"/>
    </row>
    <row r="60411" spans="8:8">
      <c r="H60411" s="12"/>
    </row>
    <row r="60412" spans="8:8">
      <c r="H60412" s="12"/>
    </row>
    <row r="60413" spans="8:8">
      <c r="H60413" s="12"/>
    </row>
    <row r="60414" spans="8:8">
      <c r="H60414" s="12"/>
    </row>
    <row r="60415" spans="8:8">
      <c r="H60415" s="12"/>
    </row>
    <row r="60416" spans="8:8">
      <c r="H60416" s="12"/>
    </row>
    <row r="60417" spans="8:8">
      <c r="H60417" s="12"/>
    </row>
    <row r="60418" spans="8:8">
      <c r="H60418" s="12"/>
    </row>
    <row r="60419" spans="8:8">
      <c r="H60419" s="12"/>
    </row>
    <row r="60420" spans="8:8">
      <c r="H60420" s="12"/>
    </row>
    <row r="60421" spans="8:8">
      <c r="H60421" s="12"/>
    </row>
    <row r="60422" spans="8:8">
      <c r="H60422" s="12"/>
    </row>
    <row r="60423" spans="8:8">
      <c r="H60423" s="12"/>
    </row>
    <row r="60424" spans="8:8">
      <c r="H60424" s="12"/>
    </row>
    <row r="60425" spans="8:8">
      <c r="H60425" s="12"/>
    </row>
    <row r="60426" spans="8:8">
      <c r="H60426" s="12"/>
    </row>
    <row r="60427" spans="8:8">
      <c r="H60427" s="12"/>
    </row>
    <row r="60428" spans="8:8">
      <c r="H60428" s="12"/>
    </row>
    <row r="60429" spans="8:8">
      <c r="H60429" s="12"/>
    </row>
    <row r="60430" spans="8:8">
      <c r="H60430" s="12"/>
    </row>
    <row r="60431" spans="8:8">
      <c r="H60431" s="12"/>
    </row>
    <row r="60432" spans="8:8">
      <c r="H60432" s="12"/>
    </row>
    <row r="60433" spans="8:8">
      <c r="H60433" s="12"/>
    </row>
    <row r="60434" spans="8:8">
      <c r="H60434" s="12"/>
    </row>
    <row r="60435" spans="8:8">
      <c r="H60435" s="12"/>
    </row>
    <row r="60436" spans="8:8">
      <c r="H60436" s="12"/>
    </row>
    <row r="60437" spans="8:8">
      <c r="H60437" s="12"/>
    </row>
    <row r="60438" spans="8:8">
      <c r="H60438" s="12"/>
    </row>
    <row r="60439" spans="8:8">
      <c r="H60439" s="12"/>
    </row>
    <row r="60440" spans="8:8">
      <c r="H60440" s="12"/>
    </row>
    <row r="60441" spans="8:8">
      <c r="H60441" s="12"/>
    </row>
    <row r="60442" spans="8:8">
      <c r="H60442" s="12"/>
    </row>
    <row r="60443" spans="8:8">
      <c r="H60443" s="12"/>
    </row>
    <row r="60444" spans="8:8">
      <c r="H60444" s="12"/>
    </row>
    <row r="60445" spans="8:8">
      <c r="H60445" s="12"/>
    </row>
    <row r="60446" spans="8:8">
      <c r="H60446" s="12"/>
    </row>
    <row r="60447" spans="8:8">
      <c r="H60447" s="12"/>
    </row>
    <row r="60448" spans="8:8">
      <c r="H60448" s="12"/>
    </row>
    <row r="60449" spans="8:8">
      <c r="H60449" s="12"/>
    </row>
    <row r="60450" spans="8:8">
      <c r="H60450" s="12"/>
    </row>
    <row r="60451" spans="8:8">
      <c r="H60451" s="12"/>
    </row>
    <row r="60452" spans="8:8">
      <c r="H60452" s="12"/>
    </row>
    <row r="60453" spans="8:8">
      <c r="H60453" s="12"/>
    </row>
    <row r="60454" spans="8:8">
      <c r="H60454" s="12"/>
    </row>
    <row r="60455" spans="8:8">
      <c r="H60455" s="12"/>
    </row>
    <row r="60456" spans="8:8">
      <c r="H60456" s="12"/>
    </row>
    <row r="60457" spans="8:8">
      <c r="H60457" s="12"/>
    </row>
    <row r="60458" spans="8:8">
      <c r="H60458" s="12"/>
    </row>
    <row r="60459" spans="8:8">
      <c r="H60459" s="12"/>
    </row>
    <row r="60460" spans="8:8">
      <c r="H60460" s="12"/>
    </row>
    <row r="60461" spans="8:8">
      <c r="H60461" s="12"/>
    </row>
    <row r="60462" spans="8:8">
      <c r="H60462" s="12"/>
    </row>
    <row r="60463" spans="8:8">
      <c r="H60463" s="12"/>
    </row>
    <row r="60464" spans="8:8">
      <c r="H60464" s="12"/>
    </row>
    <row r="60465" spans="8:8">
      <c r="H60465" s="12"/>
    </row>
    <row r="60466" spans="8:8">
      <c r="H60466" s="12"/>
    </row>
    <row r="60467" spans="8:8">
      <c r="H60467" s="12"/>
    </row>
    <row r="60468" spans="8:8">
      <c r="H60468" s="12"/>
    </row>
    <row r="60469" spans="8:8">
      <c r="H60469" s="12"/>
    </row>
    <row r="60470" spans="8:8">
      <c r="H60470" s="12"/>
    </row>
    <row r="60471" spans="8:8">
      <c r="H60471" s="12"/>
    </row>
    <row r="60472" spans="8:8">
      <c r="H60472" s="12"/>
    </row>
    <row r="60473" spans="8:8">
      <c r="H60473" s="12"/>
    </row>
    <row r="60474" spans="8:8">
      <c r="H60474" s="12"/>
    </row>
    <row r="60475" spans="8:8">
      <c r="H60475" s="12"/>
    </row>
    <row r="60476" spans="8:8">
      <c r="H60476" s="12"/>
    </row>
    <row r="60477" spans="8:8">
      <c r="H60477" s="12"/>
    </row>
    <row r="60478" spans="8:8">
      <c r="H60478" s="12"/>
    </row>
    <row r="60479" spans="8:8">
      <c r="H60479" s="12"/>
    </row>
    <row r="60480" spans="8:8">
      <c r="H60480" s="12"/>
    </row>
    <row r="60481" spans="8:8">
      <c r="H60481" s="12"/>
    </row>
    <row r="60482" spans="8:8">
      <c r="H60482" s="12"/>
    </row>
    <row r="60483" spans="8:8">
      <c r="H60483" s="12"/>
    </row>
    <row r="60484" spans="8:8">
      <c r="H60484" s="12"/>
    </row>
    <row r="60485" spans="8:8">
      <c r="H60485" s="12"/>
    </row>
    <row r="60486" spans="8:8">
      <c r="H60486" s="12"/>
    </row>
    <row r="60487" spans="8:8">
      <c r="H60487" s="12"/>
    </row>
    <row r="60488" spans="8:8">
      <c r="H60488" s="12"/>
    </row>
    <row r="60489" spans="8:8">
      <c r="H60489" s="12"/>
    </row>
    <row r="60490" spans="8:8">
      <c r="H60490" s="12"/>
    </row>
    <row r="60491" spans="8:8">
      <c r="H60491" s="12"/>
    </row>
    <row r="60492" spans="8:8">
      <c r="H60492" s="12"/>
    </row>
    <row r="60493" spans="8:8">
      <c r="H60493" s="12"/>
    </row>
    <row r="60494" spans="8:8">
      <c r="H60494" s="12"/>
    </row>
    <row r="60495" spans="8:8">
      <c r="H60495" s="12"/>
    </row>
    <row r="60496" spans="8:8">
      <c r="H60496" s="12"/>
    </row>
    <row r="60497" spans="8:8">
      <c r="H60497" s="12"/>
    </row>
    <row r="60498" spans="8:8">
      <c r="H60498" s="12"/>
    </row>
    <row r="60499" spans="8:8">
      <c r="H60499" s="12"/>
    </row>
    <row r="60500" spans="8:8">
      <c r="H60500" s="12"/>
    </row>
    <row r="60501" spans="8:8">
      <c r="H60501" s="12"/>
    </row>
    <row r="60502" spans="8:8">
      <c r="H60502" s="12"/>
    </row>
    <row r="60503" spans="8:8">
      <c r="H60503" s="12"/>
    </row>
    <row r="60504" spans="8:8">
      <c r="H60504" s="12"/>
    </row>
    <row r="60505" spans="8:8">
      <c r="H60505" s="12"/>
    </row>
    <row r="60506" spans="8:8">
      <c r="H60506" s="12"/>
    </row>
    <row r="60507" spans="8:8">
      <c r="H60507" s="12"/>
    </row>
    <row r="60508" spans="8:8">
      <c r="H60508" s="12"/>
    </row>
    <row r="60509" spans="8:8">
      <c r="H60509" s="12"/>
    </row>
    <row r="60510" spans="8:8">
      <c r="H60510" s="12"/>
    </row>
    <row r="60511" spans="8:8">
      <c r="H60511" s="12"/>
    </row>
    <row r="60512" spans="8:8">
      <c r="H60512" s="12"/>
    </row>
    <row r="60513" spans="8:8">
      <c r="H60513" s="12"/>
    </row>
    <row r="60514" spans="8:8">
      <c r="H60514" s="12"/>
    </row>
    <row r="60515" spans="8:8">
      <c r="H60515" s="12"/>
    </row>
    <row r="60516" spans="8:8">
      <c r="H60516" s="12"/>
    </row>
    <row r="60517" spans="8:8">
      <c r="H60517" s="12"/>
    </row>
    <row r="60518" spans="8:8">
      <c r="H60518" s="12"/>
    </row>
    <row r="60519" spans="8:8">
      <c r="H60519" s="12"/>
    </row>
    <row r="60520" spans="8:8">
      <c r="H60520" s="12"/>
    </row>
    <row r="60521" spans="8:8">
      <c r="H60521" s="12"/>
    </row>
    <row r="60522" spans="8:8">
      <c r="H60522" s="12"/>
    </row>
    <row r="60523" spans="8:8">
      <c r="H60523" s="12"/>
    </row>
    <row r="60524" spans="8:8">
      <c r="H60524" s="12"/>
    </row>
    <row r="60525" spans="8:8">
      <c r="H60525" s="12"/>
    </row>
    <row r="60526" spans="8:8">
      <c r="H60526" s="12"/>
    </row>
    <row r="60527" spans="8:8">
      <c r="H60527" s="12"/>
    </row>
    <row r="60528" spans="8:8">
      <c r="H60528" s="12"/>
    </row>
    <row r="60529" spans="8:8">
      <c r="H60529" s="12"/>
    </row>
    <row r="60530" spans="8:8">
      <c r="H60530" s="12"/>
    </row>
    <row r="60531" spans="8:8">
      <c r="H60531" s="12"/>
    </row>
    <row r="60532" spans="8:8">
      <c r="H60532" s="12"/>
    </row>
    <row r="60533" spans="8:8">
      <c r="H60533" s="12"/>
    </row>
    <row r="60534" spans="8:8">
      <c r="H60534" s="12"/>
    </row>
    <row r="60535" spans="8:8">
      <c r="H60535" s="12"/>
    </row>
    <row r="60536" spans="8:8">
      <c r="H60536" s="12"/>
    </row>
    <row r="60537" spans="8:8">
      <c r="H60537" s="12"/>
    </row>
    <row r="60538" spans="8:8">
      <c r="H60538" s="12"/>
    </row>
    <row r="60539" spans="8:8">
      <c r="H60539" s="12"/>
    </row>
    <row r="60540" spans="8:8">
      <c r="H60540" s="12"/>
    </row>
    <row r="60541" spans="8:8">
      <c r="H60541" s="12"/>
    </row>
    <row r="60542" spans="8:8">
      <c r="H60542" s="12"/>
    </row>
    <row r="60543" spans="8:8">
      <c r="H60543" s="12"/>
    </row>
    <row r="60544" spans="8:8">
      <c r="H60544" s="12"/>
    </row>
    <row r="60545" spans="8:8">
      <c r="H60545" s="12"/>
    </row>
    <row r="60546" spans="8:8">
      <c r="H60546" s="12"/>
    </row>
    <row r="60547" spans="8:8">
      <c r="H60547" s="12"/>
    </row>
    <row r="60548" spans="8:8">
      <c r="H60548" s="12"/>
    </row>
    <row r="60549" spans="8:8">
      <c r="H60549" s="12"/>
    </row>
    <row r="60550" spans="8:8">
      <c r="H60550" s="12"/>
    </row>
    <row r="60551" spans="8:8">
      <c r="H60551" s="12"/>
    </row>
    <row r="60552" spans="8:8">
      <c r="H60552" s="12"/>
    </row>
    <row r="60553" spans="8:8">
      <c r="H60553" s="12"/>
    </row>
    <row r="60554" spans="8:8">
      <c r="H60554" s="12"/>
    </row>
    <row r="60555" spans="8:8">
      <c r="H60555" s="12"/>
    </row>
    <row r="60556" spans="8:8">
      <c r="H60556" s="12"/>
    </row>
    <row r="60557" spans="8:8">
      <c r="H60557" s="12"/>
    </row>
    <row r="60558" spans="8:8">
      <c r="H60558" s="12"/>
    </row>
    <row r="60559" spans="8:8">
      <c r="H60559" s="12"/>
    </row>
    <row r="60560" spans="8:8">
      <c r="H60560" s="12"/>
    </row>
    <row r="60561" spans="8:8">
      <c r="H60561" s="12"/>
    </row>
    <row r="60562" spans="8:8">
      <c r="H60562" s="12"/>
    </row>
    <row r="60563" spans="8:8">
      <c r="H60563" s="12"/>
    </row>
    <row r="60564" spans="8:8">
      <c r="H60564" s="12"/>
    </row>
    <row r="60565" spans="8:8">
      <c r="H60565" s="12"/>
    </row>
    <row r="60566" spans="8:8">
      <c r="H60566" s="12"/>
    </row>
    <row r="60567" spans="8:8">
      <c r="H60567" s="12"/>
    </row>
    <row r="60568" spans="8:8">
      <c r="H60568" s="12"/>
    </row>
    <row r="60569" spans="8:8">
      <c r="H60569" s="12"/>
    </row>
    <row r="60570" spans="8:8">
      <c r="H60570" s="12"/>
    </row>
    <row r="60571" spans="8:8">
      <c r="H60571" s="12"/>
    </row>
    <row r="60572" spans="8:8">
      <c r="H60572" s="12"/>
    </row>
    <row r="60573" spans="8:8">
      <c r="H60573" s="12"/>
    </row>
    <row r="60574" spans="8:8">
      <c r="H60574" s="12"/>
    </row>
    <row r="60575" spans="8:8">
      <c r="H60575" s="12"/>
    </row>
    <row r="60576" spans="8:8">
      <c r="H60576" s="12"/>
    </row>
    <row r="60577" spans="8:8">
      <c r="H60577" s="12"/>
    </row>
    <row r="60578" spans="8:8">
      <c r="H60578" s="12"/>
    </row>
    <row r="60579" spans="8:8">
      <c r="H60579" s="12"/>
    </row>
    <row r="60580" spans="8:8">
      <c r="H60580" s="12"/>
    </row>
    <row r="60581" spans="8:8">
      <c r="H60581" s="12"/>
    </row>
    <row r="60582" spans="8:8">
      <c r="H60582" s="12"/>
    </row>
    <row r="60583" spans="8:8">
      <c r="H60583" s="12"/>
    </row>
    <row r="60584" spans="8:8">
      <c r="H60584" s="12"/>
    </row>
    <row r="60585" spans="8:8">
      <c r="H60585" s="12"/>
    </row>
    <row r="60586" spans="8:8">
      <c r="H60586" s="12"/>
    </row>
    <row r="60587" spans="8:8">
      <c r="H60587" s="12"/>
    </row>
    <row r="60588" spans="8:8">
      <c r="H60588" s="12"/>
    </row>
    <row r="60589" spans="8:8">
      <c r="H60589" s="12"/>
    </row>
    <row r="60590" spans="8:8">
      <c r="H60590" s="12"/>
    </row>
    <row r="60591" spans="8:8">
      <c r="H60591" s="12"/>
    </row>
    <row r="60592" spans="8:8">
      <c r="H60592" s="12"/>
    </row>
    <row r="60593" spans="8:8">
      <c r="H60593" s="12"/>
    </row>
    <row r="60594" spans="8:8">
      <c r="H60594" s="12"/>
    </row>
    <row r="60595" spans="8:8">
      <c r="H60595" s="12"/>
    </row>
    <row r="60596" spans="8:8">
      <c r="H60596" s="12"/>
    </row>
    <row r="60597" spans="8:8">
      <c r="H60597" s="12"/>
    </row>
    <row r="60598" spans="8:8">
      <c r="H60598" s="12"/>
    </row>
    <row r="60599" spans="8:8">
      <c r="H60599" s="12"/>
    </row>
    <row r="60600" spans="8:8">
      <c r="H60600" s="12"/>
    </row>
    <row r="60601" spans="8:8">
      <c r="H60601" s="12"/>
    </row>
    <row r="60602" spans="8:8">
      <c r="H60602" s="12"/>
    </row>
    <row r="60603" spans="8:8">
      <c r="H60603" s="12"/>
    </row>
    <row r="60604" spans="8:8">
      <c r="H60604" s="12"/>
    </row>
    <row r="60605" spans="8:8">
      <c r="H60605" s="12"/>
    </row>
    <row r="60606" spans="8:8">
      <c r="H60606" s="12"/>
    </row>
    <row r="60607" spans="8:8">
      <c r="H60607" s="12"/>
    </row>
    <row r="60608" spans="8:8">
      <c r="H60608" s="12"/>
    </row>
    <row r="60609" spans="8:8">
      <c r="H60609" s="12"/>
    </row>
    <row r="60610" spans="8:8">
      <c r="H60610" s="12"/>
    </row>
    <row r="60611" spans="8:8">
      <c r="H60611" s="12"/>
    </row>
    <row r="60612" spans="8:8">
      <c r="H60612" s="12"/>
    </row>
    <row r="60613" spans="8:8">
      <c r="H60613" s="12"/>
    </row>
    <row r="60614" spans="8:8">
      <c r="H60614" s="12"/>
    </row>
    <row r="60615" spans="8:8">
      <c r="H60615" s="12"/>
    </row>
    <row r="60616" spans="8:8">
      <c r="H60616" s="12"/>
    </row>
    <row r="60617" spans="8:8">
      <c r="H60617" s="12"/>
    </row>
    <row r="60618" spans="8:8">
      <c r="H60618" s="12"/>
    </row>
    <row r="60619" spans="8:8">
      <c r="H60619" s="12"/>
    </row>
    <row r="60620" spans="8:8">
      <c r="H60620" s="12"/>
    </row>
    <row r="60621" spans="8:8">
      <c r="H60621" s="12"/>
    </row>
    <row r="60622" spans="8:8">
      <c r="H60622" s="12"/>
    </row>
    <row r="60623" spans="8:8">
      <c r="H60623" s="12"/>
    </row>
    <row r="60624" spans="8:8">
      <c r="H60624" s="12"/>
    </row>
    <row r="60625" spans="8:8">
      <c r="H60625" s="12"/>
    </row>
    <row r="60626" spans="8:8">
      <c r="H60626" s="12"/>
    </row>
    <row r="60627" spans="8:8">
      <c r="H60627" s="12"/>
    </row>
    <row r="60628" spans="8:8">
      <c r="H60628" s="12"/>
    </row>
    <row r="60629" spans="8:8">
      <c r="H60629" s="12"/>
    </row>
    <row r="60630" spans="8:8">
      <c r="H60630" s="12"/>
    </row>
    <row r="60631" spans="8:8">
      <c r="H60631" s="12"/>
    </row>
    <row r="60632" spans="8:8">
      <c r="H60632" s="12"/>
    </row>
    <row r="60633" spans="8:8">
      <c r="H60633" s="12"/>
    </row>
    <row r="60634" spans="8:8">
      <c r="H60634" s="12"/>
    </row>
    <row r="60635" spans="8:8">
      <c r="H60635" s="12"/>
    </row>
    <row r="60636" spans="8:8">
      <c r="H60636" s="12"/>
    </row>
    <row r="60637" spans="8:8">
      <c r="H60637" s="12"/>
    </row>
    <row r="60638" spans="8:8">
      <c r="H60638" s="12"/>
    </row>
    <row r="60639" spans="8:8">
      <c r="H60639" s="12"/>
    </row>
    <row r="60640" spans="8:8">
      <c r="H60640" s="12"/>
    </row>
    <row r="60641" spans="8:8">
      <c r="H60641" s="12"/>
    </row>
    <row r="60642" spans="8:8">
      <c r="H60642" s="12"/>
    </row>
    <row r="60643" spans="8:8">
      <c r="H60643" s="12"/>
    </row>
    <row r="60644" spans="8:8">
      <c r="H60644" s="12"/>
    </row>
    <row r="60645" spans="8:8">
      <c r="H60645" s="12"/>
    </row>
    <row r="60646" spans="8:8">
      <c r="H60646" s="12"/>
    </row>
    <row r="60647" spans="8:8">
      <c r="H60647" s="12"/>
    </row>
    <row r="60648" spans="8:8">
      <c r="H60648" s="12"/>
    </row>
    <row r="60649" spans="8:8">
      <c r="H60649" s="12"/>
    </row>
    <row r="60650" spans="8:8">
      <c r="H60650" s="12"/>
    </row>
    <row r="60651" spans="8:8">
      <c r="H60651" s="12"/>
    </row>
    <row r="60652" spans="8:8">
      <c r="H60652" s="12"/>
    </row>
    <row r="60653" spans="8:8">
      <c r="H60653" s="12"/>
    </row>
    <row r="60654" spans="8:8">
      <c r="H60654" s="12"/>
    </row>
    <row r="60655" spans="8:8">
      <c r="H60655" s="12"/>
    </row>
    <row r="60656" spans="8:8">
      <c r="H60656" s="12"/>
    </row>
    <row r="60657" spans="8:8">
      <c r="H60657" s="12"/>
    </row>
    <row r="60658" spans="8:8">
      <c r="H60658" s="12"/>
    </row>
    <row r="60659" spans="8:8">
      <c r="H60659" s="12"/>
    </row>
    <row r="60660" spans="8:8">
      <c r="H60660" s="12"/>
    </row>
    <row r="60661" spans="8:8">
      <c r="H60661" s="12"/>
    </row>
    <row r="60662" spans="8:8">
      <c r="H60662" s="12"/>
    </row>
    <row r="60663" spans="8:8">
      <c r="H60663" s="12"/>
    </row>
    <row r="60664" spans="8:8">
      <c r="H60664" s="12"/>
    </row>
    <row r="60665" spans="8:8">
      <c r="H60665" s="12"/>
    </row>
    <row r="60666" spans="8:8">
      <c r="H60666" s="12"/>
    </row>
    <row r="60667" spans="8:8">
      <c r="H60667" s="12"/>
    </row>
    <row r="60668" spans="8:8">
      <c r="H60668" s="12"/>
    </row>
    <row r="60669" spans="8:8">
      <c r="H60669" s="12"/>
    </row>
    <row r="60670" spans="8:8">
      <c r="H60670" s="12"/>
    </row>
    <row r="60671" spans="8:8">
      <c r="H60671" s="12"/>
    </row>
    <row r="60672" spans="8:8">
      <c r="H60672" s="12"/>
    </row>
    <row r="60673" spans="8:8">
      <c r="H60673" s="12"/>
    </row>
    <row r="60674" spans="8:8">
      <c r="H60674" s="12"/>
    </row>
    <row r="60675" spans="8:8">
      <c r="H60675" s="12"/>
    </row>
    <row r="60676" spans="8:8">
      <c r="H60676" s="12"/>
    </row>
    <row r="60677" spans="8:8">
      <c r="H60677" s="12"/>
    </row>
    <row r="60678" spans="8:8">
      <c r="H60678" s="12"/>
    </row>
    <row r="60679" spans="8:8">
      <c r="H60679" s="12"/>
    </row>
    <row r="60680" spans="8:8">
      <c r="H60680" s="12"/>
    </row>
    <row r="60681" spans="8:8">
      <c r="H60681" s="12"/>
    </row>
    <row r="60682" spans="8:8">
      <c r="H60682" s="12"/>
    </row>
    <row r="60683" spans="8:8">
      <c r="H60683" s="12"/>
    </row>
    <row r="60684" spans="8:8">
      <c r="H60684" s="12"/>
    </row>
    <row r="60685" spans="8:8">
      <c r="H60685" s="12"/>
    </row>
    <row r="60686" spans="8:8">
      <c r="H60686" s="12"/>
    </row>
    <row r="60687" spans="8:8">
      <c r="H60687" s="12"/>
    </row>
    <row r="60688" spans="8:8">
      <c r="H60688" s="12"/>
    </row>
    <row r="60689" spans="8:8">
      <c r="H60689" s="12"/>
    </row>
    <row r="60690" spans="8:8">
      <c r="H60690" s="12"/>
    </row>
    <row r="60691" spans="8:8">
      <c r="H60691" s="12"/>
    </row>
    <row r="60692" spans="8:8">
      <c r="H60692" s="12"/>
    </row>
    <row r="60693" spans="8:8">
      <c r="H60693" s="12"/>
    </row>
    <row r="60694" spans="8:8">
      <c r="H60694" s="12"/>
    </row>
    <row r="60695" spans="8:8">
      <c r="H60695" s="12"/>
    </row>
    <row r="60696" spans="8:8">
      <c r="H60696" s="12"/>
    </row>
    <row r="60697" spans="8:8">
      <c r="H60697" s="12"/>
    </row>
    <row r="60698" spans="8:8">
      <c r="H60698" s="12"/>
    </row>
    <row r="60699" spans="8:8">
      <c r="H60699" s="12"/>
    </row>
    <row r="60700" spans="8:8">
      <c r="H60700" s="12"/>
    </row>
    <row r="60701" spans="8:8">
      <c r="H60701" s="12"/>
    </row>
    <row r="60702" spans="8:8">
      <c r="H60702" s="12"/>
    </row>
    <row r="60703" spans="8:8">
      <c r="H60703" s="12"/>
    </row>
    <row r="60704" spans="8:8">
      <c r="H60704" s="12"/>
    </row>
    <row r="60705" spans="8:8">
      <c r="H60705" s="12"/>
    </row>
    <row r="60706" spans="8:8">
      <c r="H60706" s="12"/>
    </row>
    <row r="60707" spans="8:8">
      <c r="H60707" s="12"/>
    </row>
    <row r="60708" spans="8:8">
      <c r="H60708" s="12"/>
    </row>
    <row r="60709" spans="8:8">
      <c r="H60709" s="12"/>
    </row>
    <row r="60710" spans="8:8">
      <c r="H60710" s="12"/>
    </row>
    <row r="60711" spans="8:8">
      <c r="H60711" s="12"/>
    </row>
    <row r="60712" spans="8:8">
      <c r="H60712" s="12"/>
    </row>
    <row r="60713" spans="8:8">
      <c r="H60713" s="12"/>
    </row>
    <row r="60714" spans="8:8">
      <c r="H60714" s="12"/>
    </row>
    <row r="60715" spans="8:8">
      <c r="H60715" s="12"/>
    </row>
    <row r="60716" spans="8:8">
      <c r="H60716" s="12"/>
    </row>
    <row r="60717" spans="8:8">
      <c r="H60717" s="12"/>
    </row>
    <row r="60718" spans="8:8">
      <c r="H60718" s="12"/>
    </row>
    <row r="60719" spans="8:8">
      <c r="H60719" s="12"/>
    </row>
    <row r="60720" spans="8:8">
      <c r="H60720" s="12"/>
    </row>
    <row r="60721" spans="8:8">
      <c r="H60721" s="12"/>
    </row>
    <row r="60722" spans="8:8">
      <c r="H60722" s="12"/>
    </row>
    <row r="60723" spans="8:8">
      <c r="H60723" s="12"/>
    </row>
    <row r="60724" spans="8:8">
      <c r="H60724" s="12"/>
    </row>
    <row r="60725" spans="8:8">
      <c r="H60725" s="12"/>
    </row>
    <row r="60726" spans="8:8">
      <c r="H60726" s="12"/>
    </row>
    <row r="60727" spans="8:8">
      <c r="H60727" s="12"/>
    </row>
    <row r="60728" spans="8:8">
      <c r="H60728" s="12"/>
    </row>
    <row r="60729" spans="8:8">
      <c r="H60729" s="12"/>
    </row>
    <row r="60730" spans="8:8">
      <c r="H60730" s="12"/>
    </row>
    <row r="60731" spans="8:8">
      <c r="H60731" s="12"/>
    </row>
    <row r="60732" spans="8:8">
      <c r="H60732" s="12"/>
    </row>
    <row r="60733" spans="8:8">
      <c r="H60733" s="12"/>
    </row>
    <row r="60734" spans="8:8">
      <c r="H60734" s="12"/>
    </row>
    <row r="60735" spans="8:8">
      <c r="H60735" s="12"/>
    </row>
    <row r="60736" spans="8:8">
      <c r="H60736" s="12"/>
    </row>
    <row r="60737" spans="8:8">
      <c r="H60737" s="12"/>
    </row>
    <row r="60738" spans="8:8">
      <c r="H60738" s="12"/>
    </row>
    <row r="60739" spans="8:8">
      <c r="H60739" s="12"/>
    </row>
    <row r="60740" spans="8:8">
      <c r="H60740" s="12"/>
    </row>
    <row r="60741" spans="8:8">
      <c r="H60741" s="12"/>
    </row>
    <row r="60742" spans="8:8">
      <c r="H60742" s="12"/>
    </row>
    <row r="60743" spans="8:8">
      <c r="H60743" s="12"/>
    </row>
    <row r="60744" spans="8:8">
      <c r="H60744" s="12"/>
    </row>
    <row r="60745" spans="8:8">
      <c r="H60745" s="12"/>
    </row>
    <row r="60746" spans="8:8">
      <c r="H60746" s="12"/>
    </row>
    <row r="60747" spans="8:8">
      <c r="H60747" s="12"/>
    </row>
    <row r="60748" spans="8:8">
      <c r="H60748" s="12"/>
    </row>
    <row r="60749" spans="8:8">
      <c r="H60749" s="12"/>
    </row>
    <row r="60750" spans="8:8">
      <c r="H60750" s="12"/>
    </row>
    <row r="60751" spans="8:8">
      <c r="H60751" s="12"/>
    </row>
    <row r="60752" spans="8:8">
      <c r="H60752" s="12"/>
    </row>
    <row r="60753" spans="8:8">
      <c r="H60753" s="12"/>
    </row>
    <row r="60754" spans="8:8">
      <c r="H60754" s="12"/>
    </row>
    <row r="60755" spans="8:8">
      <c r="H60755" s="12"/>
    </row>
    <row r="60756" spans="8:8">
      <c r="H60756" s="12"/>
    </row>
    <row r="60757" spans="8:8">
      <c r="H60757" s="12"/>
    </row>
    <row r="60758" spans="8:8">
      <c r="H60758" s="12"/>
    </row>
    <row r="60759" spans="8:8">
      <c r="H60759" s="12"/>
    </row>
    <row r="60760" spans="8:8">
      <c r="H60760" s="12"/>
    </row>
    <row r="60761" spans="8:8">
      <c r="H60761" s="12"/>
    </row>
    <row r="60762" spans="8:8">
      <c r="H60762" s="12"/>
    </row>
    <row r="60763" spans="8:8">
      <c r="H60763" s="12"/>
    </row>
    <row r="60764" spans="8:8">
      <c r="H60764" s="12"/>
    </row>
    <row r="60765" spans="8:8">
      <c r="H60765" s="12"/>
    </row>
    <row r="60766" spans="8:8">
      <c r="H60766" s="12"/>
    </row>
    <row r="60767" spans="8:8">
      <c r="H60767" s="12"/>
    </row>
    <row r="60768" spans="8:8">
      <c r="H60768" s="12"/>
    </row>
    <row r="60769" spans="8:8">
      <c r="H60769" s="12"/>
    </row>
    <row r="60770" spans="8:8">
      <c r="H60770" s="12"/>
    </row>
    <row r="60771" spans="8:8">
      <c r="H60771" s="12"/>
    </row>
    <row r="60772" spans="8:8">
      <c r="H60772" s="12"/>
    </row>
    <row r="60773" spans="8:8">
      <c r="H60773" s="12"/>
    </row>
    <row r="60774" spans="8:8">
      <c r="H60774" s="12"/>
    </row>
    <row r="60775" spans="8:8">
      <c r="H60775" s="12"/>
    </row>
    <row r="60776" spans="8:8">
      <c r="H60776" s="12"/>
    </row>
    <row r="60777" spans="8:8">
      <c r="H60777" s="12"/>
    </row>
    <row r="60778" spans="8:8">
      <c r="H60778" s="12"/>
    </row>
    <row r="60779" spans="8:8">
      <c r="H60779" s="12"/>
    </row>
    <row r="60780" spans="8:8">
      <c r="H60780" s="12"/>
    </row>
    <row r="60781" spans="8:8">
      <c r="H60781" s="12"/>
    </row>
    <row r="60782" spans="8:8">
      <c r="H60782" s="12"/>
    </row>
    <row r="60783" spans="8:8">
      <c r="H60783" s="12"/>
    </row>
    <row r="60784" spans="8:8">
      <c r="H60784" s="12"/>
    </row>
    <row r="60785" spans="8:8">
      <c r="H60785" s="12"/>
    </row>
    <row r="60786" spans="8:8">
      <c r="H60786" s="12"/>
    </row>
    <row r="60787" spans="8:8">
      <c r="H60787" s="12"/>
    </row>
    <row r="60788" spans="8:8">
      <c r="H60788" s="12"/>
    </row>
    <row r="60789" spans="8:8">
      <c r="H60789" s="12"/>
    </row>
    <row r="60790" spans="8:8">
      <c r="H60790" s="12"/>
    </row>
    <row r="60791" spans="8:8">
      <c r="H60791" s="12"/>
    </row>
    <row r="60792" spans="8:8">
      <c r="H60792" s="12"/>
    </row>
    <row r="60793" spans="8:8">
      <c r="H60793" s="12"/>
    </row>
    <row r="60794" spans="8:8">
      <c r="H60794" s="12"/>
    </row>
    <row r="60795" spans="8:8">
      <c r="H60795" s="12"/>
    </row>
    <row r="60796" spans="8:8">
      <c r="H60796" s="12"/>
    </row>
    <row r="60797" spans="8:8">
      <c r="H60797" s="12"/>
    </row>
    <row r="60798" spans="8:8">
      <c r="H60798" s="12"/>
    </row>
    <row r="60799" spans="8:8">
      <c r="H60799" s="12"/>
    </row>
    <row r="60800" spans="8:8">
      <c r="H60800" s="12"/>
    </row>
    <row r="60801" spans="8:8">
      <c r="H60801" s="12"/>
    </row>
    <row r="60802" spans="8:8">
      <c r="H60802" s="12"/>
    </row>
    <row r="60803" spans="8:8">
      <c r="H60803" s="12"/>
    </row>
    <row r="60804" spans="8:8">
      <c r="H60804" s="12"/>
    </row>
    <row r="60805" spans="8:8">
      <c r="H60805" s="12"/>
    </row>
    <row r="60806" spans="8:8">
      <c r="H60806" s="12"/>
    </row>
    <row r="60807" spans="8:8">
      <c r="H60807" s="12"/>
    </row>
    <row r="60808" spans="8:8">
      <c r="H60808" s="12"/>
    </row>
    <row r="60809" spans="8:8">
      <c r="H60809" s="12"/>
    </row>
    <row r="60810" spans="8:8">
      <c r="H60810" s="12"/>
    </row>
    <row r="60811" spans="8:8">
      <c r="H60811" s="12"/>
    </row>
    <row r="60812" spans="8:8">
      <c r="H60812" s="12"/>
    </row>
    <row r="60813" spans="8:8">
      <c r="H60813" s="12"/>
    </row>
    <row r="60814" spans="8:8">
      <c r="H60814" s="12"/>
    </row>
    <row r="60815" spans="8:8">
      <c r="H60815" s="12"/>
    </row>
    <row r="60816" spans="8:8">
      <c r="H60816" s="12"/>
    </row>
    <row r="60817" spans="8:8">
      <c r="H60817" s="12"/>
    </row>
    <row r="60818" spans="8:8">
      <c r="H60818" s="12"/>
    </row>
    <row r="60819" spans="8:8">
      <c r="H60819" s="12"/>
    </row>
    <row r="60820" spans="8:8">
      <c r="H60820" s="12"/>
    </row>
    <row r="60821" spans="8:8">
      <c r="H60821" s="12"/>
    </row>
    <row r="60822" spans="8:8">
      <c r="H60822" s="12"/>
    </row>
    <row r="60823" spans="8:8">
      <c r="H60823" s="12"/>
    </row>
    <row r="60824" spans="8:8">
      <c r="H60824" s="12"/>
    </row>
    <row r="60825" spans="8:8">
      <c r="H60825" s="12"/>
    </row>
    <row r="60826" spans="8:8">
      <c r="H60826" s="12"/>
    </row>
    <row r="60827" spans="8:8">
      <c r="H60827" s="12"/>
    </row>
    <row r="60828" spans="8:8">
      <c r="H60828" s="12"/>
    </row>
    <row r="60829" spans="8:8">
      <c r="H60829" s="12"/>
    </row>
    <row r="60830" spans="8:8">
      <c r="H60830" s="12"/>
    </row>
    <row r="60831" spans="8:8">
      <c r="H60831" s="12"/>
    </row>
    <row r="60832" spans="8:8">
      <c r="H60832" s="12"/>
    </row>
    <row r="60833" spans="8:8">
      <c r="H60833" s="12"/>
    </row>
    <row r="60834" spans="8:8">
      <c r="H60834" s="12"/>
    </row>
    <row r="60835" spans="8:8">
      <c r="H60835" s="12"/>
    </row>
    <row r="60836" spans="8:8">
      <c r="H60836" s="12"/>
    </row>
    <row r="60837" spans="8:8">
      <c r="H60837" s="12"/>
    </row>
    <row r="60838" spans="8:8">
      <c r="H60838" s="12"/>
    </row>
    <row r="60839" spans="8:8">
      <c r="H60839" s="12"/>
    </row>
    <row r="60840" spans="8:8">
      <c r="H60840" s="12"/>
    </row>
    <row r="60841" spans="8:8">
      <c r="H60841" s="12"/>
    </row>
    <row r="60842" spans="8:8">
      <c r="H60842" s="12"/>
    </row>
    <row r="60843" spans="8:8">
      <c r="H60843" s="12"/>
    </row>
    <row r="60844" spans="8:8">
      <c r="H60844" s="12"/>
    </row>
    <row r="60845" spans="8:8">
      <c r="H60845" s="12"/>
    </row>
    <row r="60846" spans="8:8">
      <c r="H60846" s="12"/>
    </row>
    <row r="60847" spans="8:8">
      <c r="H60847" s="12"/>
    </row>
    <row r="60848" spans="8:8">
      <c r="H60848" s="12"/>
    </row>
    <row r="60849" spans="8:8">
      <c r="H60849" s="12"/>
    </row>
    <row r="60850" spans="8:8">
      <c r="H60850" s="12"/>
    </row>
    <row r="60851" spans="8:8">
      <c r="H60851" s="12"/>
    </row>
    <row r="60852" spans="8:8">
      <c r="H60852" s="12"/>
    </row>
    <row r="60853" spans="8:8">
      <c r="H60853" s="12"/>
    </row>
    <row r="60854" spans="8:8">
      <c r="H60854" s="12"/>
    </row>
    <row r="60855" spans="8:8">
      <c r="H60855" s="12"/>
    </row>
    <row r="60856" spans="8:8">
      <c r="H60856" s="12"/>
    </row>
    <row r="60857" spans="8:8">
      <c r="H60857" s="12"/>
    </row>
    <row r="60858" spans="8:8">
      <c r="H60858" s="12"/>
    </row>
    <row r="60859" spans="8:8">
      <c r="H60859" s="12"/>
    </row>
    <row r="60860" spans="8:8">
      <c r="H60860" s="12"/>
    </row>
    <row r="60861" spans="8:8">
      <c r="H60861" s="12"/>
    </row>
    <row r="60862" spans="8:8">
      <c r="H60862" s="12"/>
    </row>
    <row r="60863" spans="8:8">
      <c r="H60863" s="12"/>
    </row>
    <row r="60864" spans="8:8">
      <c r="H60864" s="12"/>
    </row>
    <row r="60865" spans="8:8">
      <c r="H60865" s="12"/>
    </row>
    <row r="60866" spans="8:8">
      <c r="H60866" s="12"/>
    </row>
    <row r="60867" spans="8:8">
      <c r="H60867" s="12"/>
    </row>
    <row r="60868" spans="8:8">
      <c r="H60868" s="12"/>
    </row>
    <row r="60869" spans="8:8">
      <c r="H60869" s="12"/>
    </row>
    <row r="60870" spans="8:8">
      <c r="H60870" s="12"/>
    </row>
    <row r="60871" spans="8:8">
      <c r="H60871" s="12"/>
    </row>
    <row r="60872" spans="8:8">
      <c r="H60872" s="12"/>
    </row>
    <row r="60873" spans="8:8">
      <c r="H60873" s="12"/>
    </row>
    <row r="60874" spans="8:8">
      <c r="H60874" s="12"/>
    </row>
    <row r="60875" spans="8:8">
      <c r="H60875" s="12"/>
    </row>
    <row r="60876" spans="8:8">
      <c r="H60876" s="12"/>
    </row>
    <row r="60877" spans="8:8">
      <c r="H60877" s="12"/>
    </row>
    <row r="60878" spans="8:8">
      <c r="H60878" s="12"/>
    </row>
    <row r="60879" spans="8:8">
      <c r="H60879" s="12"/>
    </row>
    <row r="60880" spans="8:8">
      <c r="H60880" s="12"/>
    </row>
    <row r="60881" spans="8:8">
      <c r="H60881" s="12"/>
    </row>
    <row r="60882" spans="8:8">
      <c r="H60882" s="12"/>
    </row>
    <row r="60883" spans="8:8">
      <c r="H60883" s="12"/>
    </row>
    <row r="60884" spans="8:8">
      <c r="H60884" s="12"/>
    </row>
    <row r="60885" spans="8:8">
      <c r="H60885" s="12"/>
    </row>
    <row r="60886" spans="8:8">
      <c r="H60886" s="12"/>
    </row>
    <row r="60887" spans="8:8">
      <c r="H60887" s="12"/>
    </row>
    <row r="60888" spans="8:8">
      <c r="H60888" s="12"/>
    </row>
    <row r="60889" spans="8:8">
      <c r="H60889" s="12"/>
    </row>
    <row r="60890" spans="8:8">
      <c r="H60890" s="12"/>
    </row>
    <row r="60891" spans="8:8">
      <c r="H60891" s="12"/>
    </row>
    <row r="60892" spans="8:8">
      <c r="H60892" s="12"/>
    </row>
    <row r="60893" spans="8:8">
      <c r="H60893" s="12"/>
    </row>
    <row r="60894" spans="8:8">
      <c r="H60894" s="12"/>
    </row>
    <row r="60895" spans="8:8">
      <c r="H60895" s="12"/>
    </row>
    <row r="60896" spans="8:8">
      <c r="H60896" s="12"/>
    </row>
    <row r="60897" spans="8:8">
      <c r="H60897" s="12"/>
    </row>
    <row r="60898" spans="8:8">
      <c r="H60898" s="12"/>
    </row>
    <row r="60899" spans="8:8">
      <c r="H60899" s="12"/>
    </row>
    <row r="60900" spans="8:8">
      <c r="H60900" s="12"/>
    </row>
    <row r="60901" spans="8:8">
      <c r="H60901" s="12"/>
    </row>
    <row r="60902" spans="8:8">
      <c r="H60902" s="12"/>
    </row>
    <row r="60903" spans="8:8">
      <c r="H60903" s="12"/>
    </row>
    <row r="60904" spans="8:8">
      <c r="H60904" s="12"/>
    </row>
    <row r="60905" spans="8:8">
      <c r="H60905" s="12"/>
    </row>
    <row r="60906" spans="8:8">
      <c r="H60906" s="12"/>
    </row>
    <row r="60907" spans="8:8">
      <c r="H60907" s="12"/>
    </row>
    <row r="60908" spans="8:8">
      <c r="H60908" s="12"/>
    </row>
    <row r="60909" spans="8:8">
      <c r="H60909" s="12"/>
    </row>
    <row r="60910" spans="8:8">
      <c r="H60910" s="12"/>
    </row>
    <row r="60911" spans="8:8">
      <c r="H60911" s="12"/>
    </row>
    <row r="60912" spans="8:8">
      <c r="H60912" s="12"/>
    </row>
    <row r="60913" spans="8:8">
      <c r="H60913" s="12"/>
    </row>
    <row r="60914" spans="8:8">
      <c r="H60914" s="12"/>
    </row>
    <row r="60915" spans="8:8">
      <c r="H60915" s="12"/>
    </row>
    <row r="60916" spans="8:8">
      <c r="H60916" s="12"/>
    </row>
    <row r="60917" spans="8:8">
      <c r="H60917" s="12"/>
    </row>
    <row r="60918" spans="8:8">
      <c r="H60918" s="12"/>
    </row>
    <row r="60919" spans="8:8">
      <c r="H60919" s="12"/>
    </row>
    <row r="60920" spans="8:8">
      <c r="H60920" s="12"/>
    </row>
    <row r="60921" spans="8:8">
      <c r="H60921" s="12"/>
    </row>
    <row r="60922" spans="8:8">
      <c r="H60922" s="12"/>
    </row>
    <row r="60923" spans="8:8">
      <c r="H60923" s="12"/>
    </row>
    <row r="60924" spans="8:8">
      <c r="H60924" s="12"/>
    </row>
    <row r="60925" spans="8:8">
      <c r="H60925" s="12"/>
    </row>
    <row r="60926" spans="8:8">
      <c r="H60926" s="12"/>
    </row>
    <row r="60927" spans="8:8">
      <c r="H60927" s="12"/>
    </row>
    <row r="60928" spans="8:8">
      <c r="H60928" s="12"/>
    </row>
    <row r="60929" spans="8:8">
      <c r="H60929" s="12"/>
    </row>
    <row r="60930" spans="8:8">
      <c r="H60930" s="12"/>
    </row>
    <row r="60931" spans="8:8">
      <c r="H60931" s="12"/>
    </row>
    <row r="60932" spans="8:8">
      <c r="H60932" s="12"/>
    </row>
    <row r="60933" spans="8:8">
      <c r="H60933" s="12"/>
    </row>
    <row r="60934" spans="8:8">
      <c r="H60934" s="12"/>
    </row>
    <row r="60935" spans="8:8">
      <c r="H60935" s="12"/>
    </row>
    <row r="60936" spans="8:8">
      <c r="H60936" s="12"/>
    </row>
    <row r="60937" spans="8:8">
      <c r="H60937" s="12"/>
    </row>
    <row r="60938" spans="8:8">
      <c r="H60938" s="12"/>
    </row>
    <row r="60939" spans="8:8">
      <c r="H60939" s="12"/>
    </row>
    <row r="60940" spans="8:8">
      <c r="H60940" s="12"/>
    </row>
    <row r="60941" spans="8:8">
      <c r="H60941" s="12"/>
    </row>
    <row r="60942" spans="8:8">
      <c r="H60942" s="12"/>
    </row>
    <row r="60943" spans="8:8">
      <c r="H60943" s="12"/>
    </row>
    <row r="60944" spans="8:8">
      <c r="H60944" s="12"/>
    </row>
    <row r="60945" spans="8:8">
      <c r="H60945" s="12"/>
    </row>
    <row r="60946" spans="8:8">
      <c r="H60946" s="12"/>
    </row>
    <row r="60947" spans="8:8">
      <c r="H60947" s="12"/>
    </row>
    <row r="60948" spans="8:8">
      <c r="H60948" s="12"/>
    </row>
    <row r="60949" spans="8:8">
      <c r="H60949" s="12"/>
    </row>
    <row r="60950" spans="8:8">
      <c r="H60950" s="12"/>
    </row>
    <row r="60951" spans="8:8">
      <c r="H60951" s="12"/>
    </row>
    <row r="60952" spans="8:8">
      <c r="H60952" s="12"/>
    </row>
    <row r="60953" spans="8:8">
      <c r="H60953" s="12"/>
    </row>
    <row r="60954" spans="8:8">
      <c r="H60954" s="12"/>
    </row>
    <row r="60955" spans="8:8">
      <c r="H60955" s="12"/>
    </row>
    <row r="60956" spans="8:8">
      <c r="H60956" s="12"/>
    </row>
    <row r="60957" spans="8:8">
      <c r="H60957" s="12"/>
    </row>
    <row r="60958" spans="8:8">
      <c r="H60958" s="12"/>
    </row>
    <row r="60959" spans="8:8">
      <c r="H60959" s="12"/>
    </row>
    <row r="60960" spans="8:8">
      <c r="H60960" s="12"/>
    </row>
    <row r="60961" spans="8:8">
      <c r="H60961" s="12"/>
    </row>
    <row r="60962" spans="8:8">
      <c r="H60962" s="12"/>
    </row>
    <row r="60963" spans="8:8">
      <c r="H60963" s="12"/>
    </row>
    <row r="60964" spans="8:8">
      <c r="H60964" s="12"/>
    </row>
    <row r="60965" spans="8:8">
      <c r="H60965" s="12"/>
    </row>
    <row r="60966" spans="8:8">
      <c r="H60966" s="12"/>
    </row>
    <row r="60967" spans="8:8">
      <c r="H60967" s="12"/>
    </row>
    <row r="60968" spans="8:8">
      <c r="H60968" s="12"/>
    </row>
    <row r="60969" spans="8:8">
      <c r="H60969" s="12"/>
    </row>
    <row r="60970" spans="8:8">
      <c r="H60970" s="12"/>
    </row>
    <row r="60971" spans="8:8">
      <c r="H60971" s="12"/>
    </row>
    <row r="60972" spans="8:8">
      <c r="H60972" s="12"/>
    </row>
    <row r="60973" spans="8:8">
      <c r="H60973" s="12"/>
    </row>
    <row r="60974" spans="8:8">
      <c r="H60974" s="12"/>
    </row>
    <row r="60975" spans="8:8">
      <c r="H60975" s="12"/>
    </row>
    <row r="60976" spans="8:8">
      <c r="H60976" s="12"/>
    </row>
    <row r="60977" spans="8:8">
      <c r="H60977" s="12"/>
    </row>
    <row r="60978" spans="8:8">
      <c r="H60978" s="12"/>
    </row>
    <row r="60979" spans="8:8">
      <c r="H60979" s="12"/>
    </row>
    <row r="60980" spans="8:8">
      <c r="H60980" s="12"/>
    </row>
    <row r="60981" spans="8:8">
      <c r="H60981" s="12"/>
    </row>
    <row r="60982" spans="8:8">
      <c r="H60982" s="12"/>
    </row>
    <row r="60983" spans="8:8">
      <c r="H60983" s="12"/>
    </row>
    <row r="60984" spans="8:8">
      <c r="H60984" s="12"/>
    </row>
    <row r="60985" spans="8:8">
      <c r="H60985" s="12"/>
    </row>
    <row r="60986" spans="8:8">
      <c r="H60986" s="12"/>
    </row>
    <row r="60987" spans="8:8">
      <c r="H60987" s="12"/>
    </row>
    <row r="60988" spans="8:8">
      <c r="H60988" s="12"/>
    </row>
    <row r="60989" spans="8:8">
      <c r="H60989" s="12"/>
    </row>
    <row r="60990" spans="8:8">
      <c r="H60990" s="12"/>
    </row>
    <row r="60991" spans="8:8">
      <c r="H60991" s="12"/>
    </row>
    <row r="60992" spans="8:8">
      <c r="H60992" s="12"/>
    </row>
    <row r="60993" spans="8:8">
      <c r="H60993" s="12"/>
    </row>
    <row r="60994" spans="8:8">
      <c r="H60994" s="12"/>
    </row>
    <row r="60995" spans="8:8">
      <c r="H60995" s="12"/>
    </row>
    <row r="60996" spans="8:8">
      <c r="H60996" s="12"/>
    </row>
    <row r="60997" spans="8:8">
      <c r="H60997" s="12"/>
    </row>
    <row r="60998" spans="8:8">
      <c r="H60998" s="12"/>
    </row>
    <row r="60999" spans="8:8">
      <c r="H60999" s="12"/>
    </row>
    <row r="61000" spans="8:8">
      <c r="H61000" s="12"/>
    </row>
    <row r="61001" spans="8:8">
      <c r="H61001" s="12"/>
    </row>
    <row r="61002" spans="8:8">
      <c r="H61002" s="12"/>
    </row>
    <row r="61003" spans="8:8">
      <c r="H61003" s="12"/>
    </row>
    <row r="61004" spans="8:8">
      <c r="H61004" s="12"/>
    </row>
    <row r="61005" spans="8:8">
      <c r="H61005" s="12"/>
    </row>
    <row r="61006" spans="8:8">
      <c r="H61006" s="12"/>
    </row>
    <row r="61007" spans="8:8">
      <c r="H61007" s="12"/>
    </row>
    <row r="61008" spans="8:8">
      <c r="H61008" s="12"/>
    </row>
    <row r="61009" spans="8:8">
      <c r="H61009" s="12"/>
    </row>
    <row r="61010" spans="8:8">
      <c r="H61010" s="12"/>
    </row>
    <row r="61011" spans="8:8">
      <c r="H61011" s="12"/>
    </row>
    <row r="61012" spans="8:8">
      <c r="H61012" s="12"/>
    </row>
    <row r="61013" spans="8:8">
      <c r="H61013" s="12"/>
    </row>
    <row r="61014" spans="8:8">
      <c r="H61014" s="12"/>
    </row>
    <row r="61015" spans="8:8">
      <c r="H61015" s="12"/>
    </row>
    <row r="61016" spans="8:8">
      <c r="H61016" s="12"/>
    </row>
    <row r="61017" spans="8:8">
      <c r="H61017" s="12"/>
    </row>
    <row r="61018" spans="8:8">
      <c r="H61018" s="12"/>
    </row>
    <row r="61019" spans="8:8">
      <c r="H61019" s="12"/>
    </row>
    <row r="61020" spans="8:8">
      <c r="H61020" s="12"/>
    </row>
    <row r="61021" spans="8:8">
      <c r="H61021" s="12"/>
    </row>
    <row r="61022" spans="8:8">
      <c r="H61022" s="12"/>
    </row>
    <row r="61023" spans="8:8">
      <c r="H61023" s="12"/>
    </row>
    <row r="61024" spans="8:8">
      <c r="H61024" s="12"/>
    </row>
    <row r="61025" spans="8:8">
      <c r="H61025" s="12"/>
    </row>
    <row r="61026" spans="8:8">
      <c r="H61026" s="12"/>
    </row>
    <row r="61027" spans="8:8">
      <c r="H61027" s="12"/>
    </row>
    <row r="61028" spans="8:8">
      <c r="H61028" s="12"/>
    </row>
    <row r="61029" spans="8:8">
      <c r="H61029" s="12"/>
    </row>
    <row r="61030" spans="8:8">
      <c r="H61030" s="12"/>
    </row>
    <row r="61031" spans="8:8">
      <c r="H61031" s="12"/>
    </row>
    <row r="61032" spans="8:8">
      <c r="H61032" s="12"/>
    </row>
    <row r="61033" spans="8:8">
      <c r="H61033" s="12"/>
    </row>
    <row r="61034" spans="8:8">
      <c r="H61034" s="12"/>
    </row>
    <row r="61035" spans="8:8">
      <c r="H61035" s="12"/>
    </row>
    <row r="61036" spans="8:8">
      <c r="H61036" s="12"/>
    </row>
    <row r="61037" spans="8:8">
      <c r="H61037" s="12"/>
    </row>
    <row r="61038" spans="8:8">
      <c r="H61038" s="12"/>
    </row>
    <row r="61039" spans="8:8">
      <c r="H61039" s="12"/>
    </row>
    <row r="61040" spans="8:8">
      <c r="H61040" s="12"/>
    </row>
    <row r="61041" spans="8:8">
      <c r="H61041" s="12"/>
    </row>
    <row r="61042" spans="8:8">
      <c r="H61042" s="12"/>
    </row>
    <row r="61043" spans="8:8">
      <c r="H61043" s="12"/>
    </row>
    <row r="61044" spans="8:8">
      <c r="H61044" s="12"/>
    </row>
    <row r="61045" spans="8:8">
      <c r="H61045" s="12"/>
    </row>
    <row r="61046" spans="8:8">
      <c r="H61046" s="12"/>
    </row>
    <row r="61047" spans="8:8">
      <c r="H61047" s="12"/>
    </row>
    <row r="61048" spans="8:8">
      <c r="H61048" s="12"/>
    </row>
    <row r="61049" spans="8:8">
      <c r="H61049" s="12"/>
    </row>
    <row r="61050" spans="8:8">
      <c r="H61050" s="12"/>
    </row>
    <row r="61051" spans="8:8">
      <c r="H61051" s="12"/>
    </row>
    <row r="61052" spans="8:8">
      <c r="H61052" s="12"/>
    </row>
    <row r="61053" spans="8:8">
      <c r="H61053" s="12"/>
    </row>
    <row r="61054" spans="8:8">
      <c r="H61054" s="12"/>
    </row>
    <row r="61055" spans="8:8">
      <c r="H61055" s="12"/>
    </row>
    <row r="61056" spans="8:8">
      <c r="H61056" s="12"/>
    </row>
    <row r="61057" spans="8:8">
      <c r="H61057" s="12"/>
    </row>
    <row r="61058" spans="8:8">
      <c r="H61058" s="12"/>
    </row>
    <row r="61059" spans="8:8">
      <c r="H61059" s="12"/>
    </row>
    <row r="61060" spans="8:8">
      <c r="H61060" s="12"/>
    </row>
    <row r="61061" spans="8:8">
      <c r="H61061" s="12"/>
    </row>
    <row r="61062" spans="8:8">
      <c r="H61062" s="12"/>
    </row>
    <row r="61063" spans="8:8">
      <c r="H61063" s="12"/>
    </row>
    <row r="61064" spans="8:8">
      <c r="H61064" s="12"/>
    </row>
    <row r="61065" spans="8:8">
      <c r="H61065" s="12"/>
    </row>
    <row r="61066" spans="8:8">
      <c r="H61066" s="12"/>
    </row>
    <row r="61067" spans="8:8">
      <c r="H61067" s="12"/>
    </row>
    <row r="61068" spans="8:8">
      <c r="H61068" s="12"/>
    </row>
    <row r="61069" spans="8:8">
      <c r="H61069" s="12"/>
    </row>
    <row r="61070" spans="8:8">
      <c r="H61070" s="12"/>
    </row>
    <row r="61071" spans="8:8">
      <c r="H61071" s="12"/>
    </row>
    <row r="61072" spans="8:8">
      <c r="H61072" s="12"/>
    </row>
    <row r="61073" spans="8:8">
      <c r="H61073" s="12"/>
    </row>
    <row r="61074" spans="8:8">
      <c r="H61074" s="12"/>
    </row>
    <row r="61075" spans="8:8">
      <c r="H61075" s="12"/>
    </row>
    <row r="61076" spans="8:8">
      <c r="H61076" s="12"/>
    </row>
    <row r="61077" spans="8:8">
      <c r="H61077" s="12"/>
    </row>
    <row r="61078" spans="8:8">
      <c r="H61078" s="12"/>
    </row>
    <row r="61079" spans="8:8">
      <c r="H61079" s="12"/>
    </row>
    <row r="61080" spans="8:8">
      <c r="H61080" s="12"/>
    </row>
    <row r="61081" spans="8:8">
      <c r="H61081" s="12"/>
    </row>
    <row r="61082" spans="8:8">
      <c r="H61082" s="12"/>
    </row>
    <row r="61083" spans="8:8">
      <c r="H61083" s="12"/>
    </row>
    <row r="61084" spans="8:8">
      <c r="H61084" s="12"/>
    </row>
    <row r="61085" spans="8:8">
      <c r="H61085" s="12"/>
    </row>
    <row r="61086" spans="8:8">
      <c r="H61086" s="12"/>
    </row>
    <row r="61087" spans="8:8">
      <c r="H61087" s="12"/>
    </row>
    <row r="61088" spans="8:8">
      <c r="H61088" s="12"/>
    </row>
    <row r="61089" spans="8:8">
      <c r="H61089" s="12"/>
    </row>
    <row r="61090" spans="8:8">
      <c r="H61090" s="12"/>
    </row>
    <row r="61091" spans="8:8">
      <c r="H61091" s="12"/>
    </row>
    <row r="61092" spans="8:8">
      <c r="H61092" s="12"/>
    </row>
    <row r="61093" spans="8:8">
      <c r="H61093" s="12"/>
    </row>
    <row r="61094" spans="8:8">
      <c r="H61094" s="12"/>
    </row>
    <row r="61095" spans="8:8">
      <c r="H61095" s="12"/>
    </row>
    <row r="61096" spans="8:8">
      <c r="H61096" s="12"/>
    </row>
    <row r="61097" spans="8:8">
      <c r="H61097" s="12"/>
    </row>
    <row r="61098" spans="8:8">
      <c r="H61098" s="12"/>
    </row>
    <row r="61099" spans="8:8">
      <c r="H61099" s="12"/>
    </row>
    <row r="61100" spans="8:8">
      <c r="H61100" s="12"/>
    </row>
    <row r="61101" spans="8:8">
      <c r="H61101" s="12"/>
    </row>
    <row r="61102" spans="8:8">
      <c r="H61102" s="12"/>
    </row>
    <row r="61103" spans="8:8">
      <c r="H61103" s="12"/>
    </row>
    <row r="61104" spans="8:8">
      <c r="H61104" s="12"/>
    </row>
    <row r="61105" spans="8:8">
      <c r="H61105" s="12"/>
    </row>
    <row r="61106" spans="8:8">
      <c r="H61106" s="12"/>
    </row>
    <row r="61107" spans="8:8">
      <c r="H61107" s="12"/>
    </row>
    <row r="61108" spans="8:8">
      <c r="H61108" s="12"/>
    </row>
    <row r="61109" spans="8:8">
      <c r="H61109" s="12"/>
    </row>
    <row r="61110" spans="8:8">
      <c r="H61110" s="12"/>
    </row>
    <row r="61111" spans="8:8">
      <c r="H61111" s="12"/>
    </row>
    <row r="61112" spans="8:8">
      <c r="H61112" s="12"/>
    </row>
    <row r="61113" spans="8:8">
      <c r="H61113" s="12"/>
    </row>
    <row r="61114" spans="8:8">
      <c r="H61114" s="12"/>
    </row>
    <row r="61115" spans="8:8">
      <c r="H61115" s="12"/>
    </row>
    <row r="61116" spans="8:8">
      <c r="H61116" s="12"/>
    </row>
    <row r="61117" spans="8:8">
      <c r="H61117" s="12"/>
    </row>
    <row r="61118" spans="8:8">
      <c r="H61118" s="12"/>
    </row>
    <row r="61119" spans="8:8">
      <c r="H61119" s="12"/>
    </row>
    <row r="61120" spans="8:8">
      <c r="H61120" s="12"/>
    </row>
    <row r="61121" spans="8:8">
      <c r="H61121" s="12"/>
    </row>
    <row r="61122" spans="8:8">
      <c r="H61122" s="12"/>
    </row>
    <row r="61123" spans="8:8">
      <c r="H61123" s="12"/>
    </row>
    <row r="61124" spans="8:8">
      <c r="H61124" s="12"/>
    </row>
    <row r="61125" spans="8:8">
      <c r="H61125" s="12"/>
    </row>
    <row r="61126" spans="8:8">
      <c r="H61126" s="12"/>
    </row>
    <row r="61127" spans="8:8">
      <c r="H61127" s="12"/>
    </row>
    <row r="61128" spans="8:8">
      <c r="H61128" s="12"/>
    </row>
    <row r="61129" spans="8:8">
      <c r="H61129" s="12"/>
    </row>
    <row r="61130" spans="8:8">
      <c r="H61130" s="12"/>
    </row>
    <row r="61131" spans="8:8">
      <c r="H61131" s="12"/>
    </row>
    <row r="61132" spans="8:8">
      <c r="H61132" s="12"/>
    </row>
    <row r="61133" spans="8:8">
      <c r="H61133" s="12"/>
    </row>
    <row r="61134" spans="8:8">
      <c r="H61134" s="12"/>
    </row>
    <row r="61135" spans="8:8">
      <c r="H61135" s="12"/>
    </row>
    <row r="61136" spans="8:8">
      <c r="H61136" s="12"/>
    </row>
    <row r="61137" spans="8:8">
      <c r="H61137" s="12"/>
    </row>
    <row r="61138" spans="8:8">
      <c r="H61138" s="12"/>
    </row>
    <row r="61139" spans="8:8">
      <c r="H61139" s="12"/>
    </row>
    <row r="61140" spans="8:8">
      <c r="H61140" s="12"/>
    </row>
    <row r="61141" spans="8:8">
      <c r="H61141" s="12"/>
    </row>
    <row r="61142" spans="8:8">
      <c r="H61142" s="12"/>
    </row>
    <row r="61143" spans="8:8">
      <c r="H61143" s="12"/>
    </row>
    <row r="61144" spans="8:8">
      <c r="H61144" s="12"/>
    </row>
    <row r="61145" spans="8:8">
      <c r="H61145" s="12"/>
    </row>
    <row r="61146" spans="8:8">
      <c r="H61146" s="12"/>
    </row>
    <row r="61147" spans="8:8">
      <c r="H61147" s="12"/>
    </row>
    <row r="61148" spans="8:8">
      <c r="H61148" s="12"/>
    </row>
    <row r="61149" spans="8:8">
      <c r="H61149" s="12"/>
    </row>
    <row r="61150" spans="8:8">
      <c r="H61150" s="12"/>
    </row>
    <row r="61151" spans="8:8">
      <c r="H61151" s="12"/>
    </row>
    <row r="61152" spans="8:8">
      <c r="H61152" s="12"/>
    </row>
    <row r="61153" spans="8:8">
      <c r="H61153" s="12"/>
    </row>
    <row r="61154" spans="8:8">
      <c r="H61154" s="12"/>
    </row>
    <row r="61155" spans="8:8">
      <c r="H61155" s="12"/>
    </row>
    <row r="61156" spans="8:8">
      <c r="H61156" s="12"/>
    </row>
    <row r="61157" spans="8:8">
      <c r="H61157" s="12"/>
    </row>
    <row r="61158" spans="8:8">
      <c r="H61158" s="12"/>
    </row>
    <row r="61159" spans="8:8">
      <c r="H61159" s="12"/>
    </row>
    <row r="61160" spans="8:8">
      <c r="H61160" s="12"/>
    </row>
    <row r="61161" spans="8:8">
      <c r="H61161" s="12"/>
    </row>
    <row r="61162" spans="8:8">
      <c r="H61162" s="12"/>
    </row>
    <row r="61163" spans="8:8">
      <c r="H61163" s="12"/>
    </row>
    <row r="61164" spans="8:8">
      <c r="H61164" s="12"/>
    </row>
    <row r="61165" spans="8:8">
      <c r="H61165" s="12"/>
    </row>
    <row r="61166" spans="8:8">
      <c r="H61166" s="12"/>
    </row>
    <row r="61167" spans="8:8">
      <c r="H61167" s="12"/>
    </row>
    <row r="61168" spans="8:8">
      <c r="H61168" s="12"/>
    </row>
    <row r="61169" spans="8:8">
      <c r="H61169" s="12"/>
    </row>
    <row r="61170" spans="8:8">
      <c r="H61170" s="12"/>
    </row>
    <row r="61171" spans="8:8">
      <c r="H61171" s="12"/>
    </row>
    <row r="61172" spans="8:8">
      <c r="H61172" s="12"/>
    </row>
    <row r="61173" spans="8:8">
      <c r="H61173" s="12"/>
    </row>
    <row r="61174" spans="8:8">
      <c r="H61174" s="12"/>
    </row>
    <row r="61175" spans="8:8">
      <c r="H61175" s="12"/>
    </row>
    <row r="61176" spans="8:8">
      <c r="H61176" s="12"/>
    </row>
    <row r="61177" spans="8:8">
      <c r="H61177" s="12"/>
    </row>
    <row r="61178" spans="8:8">
      <c r="H61178" s="12"/>
    </row>
    <row r="61179" spans="8:8">
      <c r="H61179" s="12"/>
    </row>
    <row r="61180" spans="8:8">
      <c r="H61180" s="12"/>
    </row>
    <row r="61181" spans="8:8">
      <c r="H61181" s="12"/>
    </row>
    <row r="61182" spans="8:8">
      <c r="H61182" s="12"/>
    </row>
    <row r="61183" spans="8:8">
      <c r="H61183" s="12"/>
    </row>
    <row r="61184" spans="8:8">
      <c r="H61184" s="12"/>
    </row>
    <row r="61185" spans="8:8">
      <c r="H61185" s="12"/>
    </row>
    <row r="61186" spans="8:8">
      <c r="H61186" s="12"/>
    </row>
    <row r="61187" spans="8:8">
      <c r="H61187" s="12"/>
    </row>
    <row r="61188" spans="8:8">
      <c r="H61188" s="12"/>
    </row>
    <row r="61189" spans="8:8">
      <c r="H61189" s="12"/>
    </row>
    <row r="61190" spans="8:8">
      <c r="H61190" s="12"/>
    </row>
    <row r="61191" spans="8:8">
      <c r="H61191" s="12"/>
    </row>
    <row r="61192" spans="8:8">
      <c r="H61192" s="12"/>
    </row>
    <row r="61193" spans="8:8">
      <c r="H61193" s="12"/>
    </row>
    <row r="61194" spans="8:8">
      <c r="H61194" s="12"/>
    </row>
    <row r="61195" spans="8:8">
      <c r="H61195" s="12"/>
    </row>
    <row r="61196" spans="8:8">
      <c r="H61196" s="12"/>
    </row>
    <row r="61197" spans="8:8">
      <c r="H61197" s="12"/>
    </row>
    <row r="61198" spans="8:8">
      <c r="H61198" s="12"/>
    </row>
    <row r="61199" spans="8:8">
      <c r="H61199" s="12"/>
    </row>
    <row r="61200" spans="8:8">
      <c r="H61200" s="12"/>
    </row>
    <row r="61201" spans="8:8">
      <c r="H61201" s="12"/>
    </row>
    <row r="61202" spans="8:8">
      <c r="H61202" s="12"/>
    </row>
    <row r="61203" spans="8:8">
      <c r="H61203" s="12"/>
    </row>
    <row r="61204" spans="8:8">
      <c r="H61204" s="12"/>
    </row>
    <row r="61205" spans="8:8">
      <c r="H61205" s="12"/>
    </row>
    <row r="61206" spans="8:8">
      <c r="H61206" s="12"/>
    </row>
    <row r="61207" spans="8:8">
      <c r="H61207" s="12"/>
    </row>
    <row r="61208" spans="8:8">
      <c r="H61208" s="12"/>
    </row>
    <row r="61209" spans="8:8">
      <c r="H61209" s="12"/>
    </row>
    <row r="61210" spans="8:8">
      <c r="H61210" s="12"/>
    </row>
    <row r="61211" spans="8:8">
      <c r="H61211" s="12"/>
    </row>
    <row r="61212" spans="8:8">
      <c r="H61212" s="12"/>
    </row>
    <row r="61213" spans="8:8">
      <c r="H61213" s="12"/>
    </row>
    <row r="61214" spans="8:8">
      <c r="H61214" s="12"/>
    </row>
    <row r="61215" spans="8:8">
      <c r="H61215" s="12"/>
    </row>
    <row r="61216" spans="8:8">
      <c r="H61216" s="12"/>
    </row>
    <row r="61217" spans="8:8">
      <c r="H61217" s="12"/>
    </row>
    <row r="61218" spans="8:8">
      <c r="H61218" s="12"/>
    </row>
    <row r="61219" spans="8:8">
      <c r="H61219" s="12"/>
    </row>
    <row r="61220" spans="8:8">
      <c r="H61220" s="12"/>
    </row>
    <row r="61221" spans="8:8">
      <c r="H61221" s="12"/>
    </row>
    <row r="61222" spans="8:8">
      <c r="H61222" s="12"/>
    </row>
    <row r="61223" spans="8:8">
      <c r="H61223" s="12"/>
    </row>
    <row r="61224" spans="8:8">
      <c r="H61224" s="12"/>
    </row>
    <row r="61225" spans="8:8">
      <c r="H61225" s="12"/>
    </row>
    <row r="61226" spans="8:8">
      <c r="H61226" s="12"/>
    </row>
    <row r="61227" spans="8:8">
      <c r="H61227" s="12"/>
    </row>
    <row r="61228" spans="8:8">
      <c r="H61228" s="12"/>
    </row>
    <row r="61229" spans="8:8">
      <c r="H61229" s="12"/>
    </row>
    <row r="61230" spans="8:8">
      <c r="H61230" s="12"/>
    </row>
    <row r="61231" spans="8:8">
      <c r="H61231" s="12"/>
    </row>
    <row r="61232" spans="8:8">
      <c r="H61232" s="12"/>
    </row>
    <row r="61233" spans="8:8">
      <c r="H61233" s="12"/>
    </row>
    <row r="61234" spans="8:8">
      <c r="H61234" s="12"/>
    </row>
    <row r="61235" spans="8:8">
      <c r="H61235" s="12"/>
    </row>
    <row r="61236" spans="8:8">
      <c r="H61236" s="12"/>
    </row>
    <row r="61237" spans="8:8">
      <c r="H61237" s="12"/>
    </row>
    <row r="61238" spans="8:8">
      <c r="H61238" s="12"/>
    </row>
    <row r="61239" spans="8:8">
      <c r="H61239" s="12"/>
    </row>
    <row r="61240" spans="8:8">
      <c r="H61240" s="12"/>
    </row>
    <row r="61241" spans="8:8">
      <c r="H61241" s="12"/>
    </row>
    <row r="61242" spans="8:8">
      <c r="H61242" s="12"/>
    </row>
    <row r="61243" spans="8:8">
      <c r="H61243" s="12"/>
    </row>
    <row r="61244" spans="8:8">
      <c r="H61244" s="12"/>
    </row>
    <row r="61245" spans="8:8">
      <c r="H61245" s="12"/>
    </row>
    <row r="61246" spans="8:8">
      <c r="H61246" s="12"/>
    </row>
    <row r="61247" spans="8:8">
      <c r="H61247" s="12"/>
    </row>
    <row r="61248" spans="8:8">
      <c r="H61248" s="12"/>
    </row>
    <row r="61249" spans="8:8">
      <c r="H61249" s="12"/>
    </row>
    <row r="61250" spans="8:8">
      <c r="H61250" s="12"/>
    </row>
    <row r="61251" spans="8:8">
      <c r="H61251" s="12"/>
    </row>
    <row r="61252" spans="8:8">
      <c r="H61252" s="12"/>
    </row>
    <row r="61253" spans="8:8">
      <c r="H61253" s="12"/>
    </row>
    <row r="61254" spans="8:8">
      <c r="H61254" s="12"/>
    </row>
    <row r="61255" spans="8:8">
      <c r="H61255" s="12"/>
    </row>
    <row r="61256" spans="8:8">
      <c r="H61256" s="12"/>
    </row>
    <row r="61257" spans="8:8">
      <c r="H61257" s="12"/>
    </row>
    <row r="61258" spans="8:8">
      <c r="H61258" s="12"/>
    </row>
    <row r="61259" spans="8:8">
      <c r="H61259" s="12"/>
    </row>
    <row r="61260" spans="8:8">
      <c r="H61260" s="12"/>
    </row>
    <row r="61261" spans="8:8">
      <c r="H61261" s="12"/>
    </row>
    <row r="61262" spans="8:8">
      <c r="H61262" s="12"/>
    </row>
    <row r="61263" spans="8:8">
      <c r="H61263" s="12"/>
    </row>
    <row r="61264" spans="8:8">
      <c r="H61264" s="12"/>
    </row>
    <row r="61265" spans="8:8">
      <c r="H61265" s="12"/>
    </row>
    <row r="61266" spans="8:8">
      <c r="H61266" s="12"/>
    </row>
    <row r="61267" spans="8:8">
      <c r="H61267" s="12"/>
    </row>
    <row r="61268" spans="8:8">
      <c r="H61268" s="12"/>
    </row>
    <row r="61269" spans="8:8">
      <c r="H61269" s="12"/>
    </row>
    <row r="61270" spans="8:8">
      <c r="H61270" s="12"/>
    </row>
    <row r="61271" spans="8:8">
      <c r="H61271" s="12"/>
    </row>
    <row r="61272" spans="8:8">
      <c r="H61272" s="12"/>
    </row>
    <row r="61273" spans="8:8">
      <c r="H61273" s="12"/>
    </row>
    <row r="61274" spans="8:8">
      <c r="H61274" s="12"/>
    </row>
    <row r="61275" spans="8:8">
      <c r="H61275" s="12"/>
    </row>
    <row r="61276" spans="8:8">
      <c r="H61276" s="12"/>
    </row>
    <row r="61277" spans="8:8">
      <c r="H61277" s="12"/>
    </row>
    <row r="61278" spans="8:8">
      <c r="H61278" s="12"/>
    </row>
    <row r="61279" spans="8:8">
      <c r="H61279" s="12"/>
    </row>
    <row r="61280" spans="8:8">
      <c r="H61280" s="12"/>
    </row>
    <row r="61281" spans="8:8">
      <c r="H61281" s="12"/>
    </row>
    <row r="61282" spans="8:8">
      <c r="H61282" s="12"/>
    </row>
    <row r="61283" spans="8:8">
      <c r="H61283" s="12"/>
    </row>
    <row r="61284" spans="8:8">
      <c r="H61284" s="12"/>
    </row>
    <row r="61285" spans="8:8">
      <c r="H61285" s="12"/>
    </row>
    <row r="61286" spans="8:8">
      <c r="H61286" s="12"/>
    </row>
    <row r="61287" spans="8:8">
      <c r="H61287" s="12"/>
    </row>
    <row r="61288" spans="8:8">
      <c r="H61288" s="12"/>
    </row>
    <row r="61289" spans="8:8">
      <c r="H61289" s="12"/>
    </row>
    <row r="61290" spans="8:8">
      <c r="H61290" s="12"/>
    </row>
    <row r="61291" spans="8:8">
      <c r="H61291" s="12"/>
    </row>
    <row r="61292" spans="8:8">
      <c r="H61292" s="12"/>
    </row>
    <row r="61293" spans="8:8">
      <c r="H61293" s="12"/>
    </row>
    <row r="61294" spans="8:8">
      <c r="H61294" s="12"/>
    </row>
    <row r="61295" spans="8:8">
      <c r="H61295" s="12"/>
    </row>
    <row r="61296" spans="8:8">
      <c r="H61296" s="12"/>
    </row>
    <row r="61297" spans="8:8">
      <c r="H61297" s="12"/>
    </row>
    <row r="61298" spans="8:8">
      <c r="H61298" s="12"/>
    </row>
    <row r="61299" spans="8:8">
      <c r="H61299" s="12"/>
    </row>
    <row r="61300" spans="8:8">
      <c r="H61300" s="12"/>
    </row>
    <row r="61301" spans="8:8">
      <c r="H61301" s="12"/>
    </row>
    <row r="61302" spans="8:8">
      <c r="H61302" s="12"/>
    </row>
    <row r="61303" spans="8:8">
      <c r="H61303" s="12"/>
    </row>
    <row r="61304" spans="8:8">
      <c r="H61304" s="12"/>
    </row>
    <row r="61305" spans="8:8">
      <c r="H61305" s="12"/>
    </row>
    <row r="61306" spans="8:8">
      <c r="H61306" s="12"/>
    </row>
    <row r="61307" spans="8:8">
      <c r="H61307" s="12"/>
    </row>
    <row r="61308" spans="8:8">
      <c r="H61308" s="12"/>
    </row>
    <row r="61309" spans="8:8">
      <c r="H61309" s="12"/>
    </row>
    <row r="61310" spans="8:8">
      <c r="H61310" s="12"/>
    </row>
    <row r="61311" spans="8:8">
      <c r="H61311" s="12"/>
    </row>
    <row r="61312" spans="8:8">
      <c r="H61312" s="12"/>
    </row>
    <row r="61313" spans="8:8">
      <c r="H61313" s="12"/>
    </row>
    <row r="61314" spans="8:8">
      <c r="H61314" s="12"/>
    </row>
    <row r="61315" spans="8:8">
      <c r="H61315" s="12"/>
    </row>
    <row r="61316" spans="8:8">
      <c r="H61316" s="12"/>
    </row>
    <row r="61317" spans="8:8">
      <c r="H61317" s="12"/>
    </row>
    <row r="61318" spans="8:8">
      <c r="H61318" s="12"/>
    </row>
    <row r="61319" spans="8:8">
      <c r="H61319" s="12"/>
    </row>
    <row r="61320" spans="8:8">
      <c r="H61320" s="12"/>
    </row>
    <row r="61321" spans="8:8">
      <c r="H61321" s="12"/>
    </row>
    <row r="61322" spans="8:8">
      <c r="H61322" s="12"/>
    </row>
    <row r="61323" spans="8:8">
      <c r="H61323" s="12"/>
    </row>
    <row r="61324" spans="8:8">
      <c r="H61324" s="12"/>
    </row>
    <row r="61325" spans="8:8">
      <c r="H61325" s="12"/>
    </row>
    <row r="61326" spans="8:8">
      <c r="H61326" s="12"/>
    </row>
    <row r="61327" spans="8:8">
      <c r="H61327" s="12"/>
    </row>
    <row r="61328" spans="8:8">
      <c r="H61328" s="12"/>
    </row>
    <row r="61329" spans="8:8">
      <c r="H61329" s="12"/>
    </row>
    <row r="61330" spans="8:8">
      <c r="H61330" s="12"/>
    </row>
    <row r="61331" spans="8:8">
      <c r="H61331" s="12"/>
    </row>
    <row r="61332" spans="8:8">
      <c r="H61332" s="12"/>
    </row>
    <row r="61333" spans="8:8">
      <c r="H61333" s="12"/>
    </row>
    <row r="61334" spans="8:8">
      <c r="H61334" s="12"/>
    </row>
    <row r="61335" spans="8:8">
      <c r="H61335" s="12"/>
    </row>
    <row r="61336" spans="8:8">
      <c r="H61336" s="12"/>
    </row>
    <row r="61337" spans="8:8">
      <c r="H61337" s="12"/>
    </row>
    <row r="61338" spans="8:8">
      <c r="H61338" s="12"/>
    </row>
    <row r="61339" spans="8:8">
      <c r="H61339" s="12"/>
    </row>
    <row r="61340" spans="8:8">
      <c r="H61340" s="12"/>
    </row>
    <row r="61341" spans="8:8">
      <c r="H61341" s="12"/>
    </row>
    <row r="61342" spans="8:8">
      <c r="H61342" s="12"/>
    </row>
    <row r="61343" spans="8:8">
      <c r="H61343" s="12"/>
    </row>
    <row r="61344" spans="8:8">
      <c r="H61344" s="12"/>
    </row>
    <row r="61345" spans="8:8">
      <c r="H61345" s="12"/>
    </row>
    <row r="61346" spans="8:8">
      <c r="H61346" s="12"/>
    </row>
    <row r="61347" spans="8:8">
      <c r="H61347" s="12"/>
    </row>
    <row r="61348" spans="8:8">
      <c r="H61348" s="12"/>
    </row>
    <row r="61349" spans="8:8">
      <c r="H61349" s="12"/>
    </row>
    <row r="61350" spans="8:8">
      <c r="H61350" s="12"/>
    </row>
    <row r="61351" spans="8:8">
      <c r="H61351" s="12"/>
    </row>
    <row r="61352" spans="8:8">
      <c r="H61352" s="12"/>
    </row>
    <row r="61353" spans="8:8">
      <c r="H61353" s="12"/>
    </row>
    <row r="61354" spans="8:8">
      <c r="H61354" s="12"/>
    </row>
    <row r="61355" spans="8:8">
      <c r="H61355" s="12"/>
    </row>
    <row r="61356" spans="8:8">
      <c r="H61356" s="12"/>
    </row>
    <row r="61357" spans="8:8">
      <c r="H61357" s="12"/>
    </row>
    <row r="61358" spans="8:8">
      <c r="H61358" s="12"/>
    </row>
    <row r="61359" spans="8:8">
      <c r="H61359" s="12"/>
    </row>
    <row r="61360" spans="8:8">
      <c r="H61360" s="12"/>
    </row>
    <row r="61361" spans="8:8">
      <c r="H61361" s="12"/>
    </row>
    <row r="61362" spans="8:8">
      <c r="H61362" s="12"/>
    </row>
    <row r="61363" spans="8:8">
      <c r="H61363" s="12"/>
    </row>
    <row r="61364" spans="8:8">
      <c r="H61364" s="12"/>
    </row>
    <row r="61365" spans="8:8">
      <c r="H61365" s="12"/>
    </row>
    <row r="61366" spans="8:8">
      <c r="H61366" s="12"/>
    </row>
    <row r="61367" spans="8:8">
      <c r="H61367" s="12"/>
    </row>
    <row r="61368" spans="8:8">
      <c r="H61368" s="12"/>
    </row>
    <row r="61369" spans="8:8">
      <c r="H61369" s="12"/>
    </row>
    <row r="61370" spans="8:8">
      <c r="H61370" s="12"/>
    </row>
    <row r="61371" spans="8:8">
      <c r="H61371" s="12"/>
    </row>
    <row r="61372" spans="8:8">
      <c r="H61372" s="12"/>
    </row>
    <row r="61373" spans="8:8">
      <c r="H61373" s="12"/>
    </row>
    <row r="61374" spans="8:8">
      <c r="H61374" s="12"/>
    </row>
    <row r="61375" spans="8:8">
      <c r="H61375" s="12"/>
    </row>
    <row r="61376" spans="8:8">
      <c r="H61376" s="12"/>
    </row>
    <row r="61377" spans="8:8">
      <c r="H61377" s="12"/>
    </row>
    <row r="61378" spans="8:8">
      <c r="H61378" s="12"/>
    </row>
    <row r="61379" spans="8:8">
      <c r="H61379" s="12"/>
    </row>
    <row r="61380" spans="8:8">
      <c r="H61380" s="12"/>
    </row>
    <row r="61381" spans="8:8">
      <c r="H61381" s="12"/>
    </row>
    <row r="61382" spans="8:8">
      <c r="H61382" s="12"/>
    </row>
    <row r="61383" spans="8:8">
      <c r="H61383" s="12"/>
    </row>
    <row r="61384" spans="8:8">
      <c r="H61384" s="12"/>
    </row>
    <row r="61385" spans="8:8">
      <c r="H61385" s="12"/>
    </row>
    <row r="61386" spans="8:8">
      <c r="H61386" s="12"/>
    </row>
    <row r="61387" spans="8:8">
      <c r="H61387" s="12"/>
    </row>
    <row r="61388" spans="8:8">
      <c r="H61388" s="12"/>
    </row>
    <row r="61389" spans="8:8">
      <c r="H61389" s="12"/>
    </row>
    <row r="61390" spans="8:8">
      <c r="H61390" s="12"/>
    </row>
    <row r="61391" spans="8:8">
      <c r="H61391" s="12"/>
    </row>
    <row r="61392" spans="8:8">
      <c r="H61392" s="12"/>
    </row>
    <row r="61393" spans="8:8">
      <c r="H61393" s="12"/>
    </row>
    <row r="61394" spans="8:8">
      <c r="H61394" s="12"/>
    </row>
    <row r="61395" spans="8:8">
      <c r="H61395" s="12"/>
    </row>
    <row r="61396" spans="8:8">
      <c r="H61396" s="12"/>
    </row>
    <row r="61397" spans="8:8">
      <c r="H61397" s="12"/>
    </row>
    <row r="61398" spans="8:8">
      <c r="H61398" s="12"/>
    </row>
    <row r="61399" spans="8:8">
      <c r="H61399" s="12"/>
    </row>
    <row r="61400" spans="8:8">
      <c r="H61400" s="12"/>
    </row>
    <row r="61401" spans="8:8">
      <c r="H61401" s="12"/>
    </row>
    <row r="61402" spans="8:8">
      <c r="H61402" s="12"/>
    </row>
    <row r="61403" spans="8:8">
      <c r="H61403" s="12"/>
    </row>
    <row r="61404" spans="8:8">
      <c r="H61404" s="12"/>
    </row>
    <row r="61405" spans="8:8">
      <c r="H61405" s="12"/>
    </row>
    <row r="61406" spans="8:8">
      <c r="H61406" s="12"/>
    </row>
    <row r="61407" spans="8:8">
      <c r="H61407" s="12"/>
    </row>
    <row r="61408" spans="8:8">
      <c r="H61408" s="12"/>
    </row>
    <row r="61409" spans="8:8">
      <c r="H61409" s="12"/>
    </row>
    <row r="61410" spans="8:8">
      <c r="H61410" s="12"/>
    </row>
    <row r="61411" spans="8:8">
      <c r="H61411" s="12"/>
    </row>
    <row r="61412" spans="8:8">
      <c r="H61412" s="12"/>
    </row>
    <row r="61413" spans="8:8">
      <c r="H61413" s="12"/>
    </row>
    <row r="61414" spans="8:8">
      <c r="H61414" s="12"/>
    </row>
    <row r="61415" spans="8:8">
      <c r="H61415" s="12"/>
    </row>
    <row r="61416" spans="8:8">
      <c r="H61416" s="12"/>
    </row>
    <row r="61417" spans="8:8">
      <c r="H61417" s="12"/>
    </row>
    <row r="61418" spans="8:8">
      <c r="H61418" s="12"/>
    </row>
    <row r="61419" spans="8:8">
      <c r="H61419" s="12"/>
    </row>
    <row r="61420" spans="8:8">
      <c r="H61420" s="12"/>
    </row>
    <row r="61421" spans="8:8">
      <c r="H61421" s="12"/>
    </row>
    <row r="61422" spans="8:8">
      <c r="H61422" s="12"/>
    </row>
    <row r="61423" spans="8:8">
      <c r="H61423" s="12"/>
    </row>
    <row r="61424" spans="8:8">
      <c r="H61424" s="12"/>
    </row>
    <row r="61425" spans="8:8">
      <c r="H61425" s="12"/>
    </row>
    <row r="61426" spans="8:8">
      <c r="H61426" s="12"/>
    </row>
    <row r="61427" spans="8:8">
      <c r="H61427" s="12"/>
    </row>
    <row r="61428" spans="8:8">
      <c r="H61428" s="12"/>
    </row>
    <row r="61429" spans="8:8">
      <c r="H61429" s="12"/>
    </row>
    <row r="61430" spans="8:8">
      <c r="H61430" s="12"/>
    </row>
    <row r="61431" spans="8:8">
      <c r="H61431" s="12"/>
    </row>
    <row r="61432" spans="8:8">
      <c r="H61432" s="12"/>
    </row>
    <row r="61433" spans="8:8">
      <c r="H61433" s="12"/>
    </row>
    <row r="61434" spans="8:8">
      <c r="H61434" s="12"/>
    </row>
    <row r="61435" spans="8:8">
      <c r="H61435" s="12"/>
    </row>
    <row r="61436" spans="8:8">
      <c r="H61436" s="12"/>
    </row>
    <row r="61437" spans="8:8">
      <c r="H61437" s="12"/>
    </row>
    <row r="61438" spans="8:8">
      <c r="H61438" s="12"/>
    </row>
    <row r="61439" spans="8:8">
      <c r="H61439" s="12"/>
    </row>
    <row r="61440" spans="8:8">
      <c r="H61440" s="12"/>
    </row>
    <row r="61441" spans="8:8">
      <c r="H61441" s="12"/>
    </row>
    <row r="61442" spans="8:8">
      <c r="H61442" s="12"/>
    </row>
    <row r="61443" spans="8:8">
      <c r="H61443" s="12"/>
    </row>
    <row r="61444" spans="8:8">
      <c r="H61444" s="12"/>
    </row>
    <row r="61445" spans="8:8">
      <c r="H61445" s="12"/>
    </row>
    <row r="61446" spans="8:8">
      <c r="H61446" s="12"/>
    </row>
    <row r="61447" spans="8:8">
      <c r="H61447" s="12"/>
    </row>
    <row r="61448" spans="8:8">
      <c r="H61448" s="12"/>
    </row>
    <row r="61449" spans="8:8">
      <c r="H61449" s="12"/>
    </row>
    <row r="61450" spans="8:8">
      <c r="H61450" s="12"/>
    </row>
    <row r="61451" spans="8:8">
      <c r="H61451" s="12"/>
    </row>
    <row r="61452" spans="8:8">
      <c r="H61452" s="12"/>
    </row>
    <row r="61453" spans="8:8">
      <c r="H61453" s="12"/>
    </row>
    <row r="61454" spans="8:8">
      <c r="H61454" s="12"/>
    </row>
    <row r="61455" spans="8:8">
      <c r="H61455" s="12"/>
    </row>
    <row r="61456" spans="8:8">
      <c r="H61456" s="12"/>
    </row>
    <row r="61457" spans="8:8">
      <c r="H61457" s="12"/>
    </row>
    <row r="61458" spans="8:8">
      <c r="H61458" s="12"/>
    </row>
    <row r="61459" spans="8:8">
      <c r="H61459" s="12"/>
    </row>
    <row r="61460" spans="8:8">
      <c r="H61460" s="12"/>
    </row>
    <row r="61461" spans="8:8">
      <c r="H61461" s="12"/>
    </row>
    <row r="61462" spans="8:8">
      <c r="H61462" s="12"/>
    </row>
    <row r="61463" spans="8:8">
      <c r="H61463" s="12"/>
    </row>
    <row r="61464" spans="8:8">
      <c r="H61464" s="12"/>
    </row>
    <row r="61465" spans="8:8">
      <c r="H61465" s="12"/>
    </row>
    <row r="61466" spans="8:8">
      <c r="H61466" s="12"/>
    </row>
    <row r="61467" spans="8:8">
      <c r="H61467" s="12"/>
    </row>
    <row r="61468" spans="8:8">
      <c r="H61468" s="12"/>
    </row>
    <row r="61469" spans="8:8">
      <c r="H61469" s="12"/>
    </row>
    <row r="61470" spans="8:8">
      <c r="H61470" s="12"/>
    </row>
    <row r="61471" spans="8:8">
      <c r="H61471" s="12"/>
    </row>
    <row r="61472" spans="8:8">
      <c r="H61472" s="12"/>
    </row>
    <row r="61473" spans="8:8">
      <c r="H61473" s="12"/>
    </row>
    <row r="61474" spans="8:8">
      <c r="H61474" s="12"/>
    </row>
    <row r="61475" spans="8:8">
      <c r="H61475" s="12"/>
    </row>
    <row r="61476" spans="8:8">
      <c r="H61476" s="12"/>
    </row>
    <row r="61477" spans="8:8">
      <c r="H61477" s="12"/>
    </row>
    <row r="61478" spans="8:8">
      <c r="H61478" s="12"/>
    </row>
    <row r="61479" spans="8:8">
      <c r="H61479" s="12"/>
    </row>
    <row r="61480" spans="8:8">
      <c r="H61480" s="12"/>
    </row>
    <row r="61481" spans="8:8">
      <c r="H61481" s="12"/>
    </row>
    <row r="61482" spans="8:8">
      <c r="H61482" s="12"/>
    </row>
    <row r="61483" spans="8:8">
      <c r="H61483" s="12"/>
    </row>
    <row r="61484" spans="8:8">
      <c r="H61484" s="12"/>
    </row>
    <row r="61485" spans="8:8">
      <c r="H61485" s="12"/>
    </row>
    <row r="61486" spans="8:8">
      <c r="H61486" s="12"/>
    </row>
    <row r="61487" spans="8:8">
      <c r="H61487" s="12"/>
    </row>
    <row r="61488" spans="8:8">
      <c r="H61488" s="12"/>
    </row>
    <row r="61489" spans="8:8">
      <c r="H61489" s="12"/>
    </row>
    <row r="61490" spans="8:8">
      <c r="H61490" s="12"/>
    </row>
    <row r="61491" spans="8:8">
      <c r="H61491" s="12"/>
    </row>
    <row r="61492" spans="8:8">
      <c r="H61492" s="12"/>
    </row>
    <row r="61493" spans="8:8">
      <c r="H61493" s="12"/>
    </row>
    <row r="61494" spans="8:8">
      <c r="H61494" s="12"/>
    </row>
    <row r="61495" spans="8:8">
      <c r="H61495" s="12"/>
    </row>
    <row r="61496" spans="8:8">
      <c r="H61496" s="12"/>
    </row>
    <row r="61497" spans="8:8">
      <c r="H61497" s="12"/>
    </row>
    <row r="61498" spans="8:8">
      <c r="H61498" s="12"/>
    </row>
    <row r="61499" spans="8:8">
      <c r="H61499" s="12"/>
    </row>
    <row r="61500" spans="8:8">
      <c r="H61500" s="12"/>
    </row>
    <row r="61501" spans="8:8">
      <c r="H61501" s="12"/>
    </row>
    <row r="61502" spans="8:8">
      <c r="H61502" s="12"/>
    </row>
    <row r="61503" spans="8:8">
      <c r="H61503" s="12"/>
    </row>
    <row r="61504" spans="8:8">
      <c r="H61504" s="12"/>
    </row>
    <row r="61505" spans="8:8">
      <c r="H61505" s="12"/>
    </row>
    <row r="61506" spans="8:8">
      <c r="H61506" s="12"/>
    </row>
    <row r="61507" spans="8:8">
      <c r="H61507" s="12"/>
    </row>
    <row r="61508" spans="8:8">
      <c r="H61508" s="12"/>
    </row>
    <row r="61509" spans="8:8">
      <c r="H61509" s="12"/>
    </row>
    <row r="61510" spans="8:8">
      <c r="H61510" s="12"/>
    </row>
    <row r="61511" spans="8:8">
      <c r="H61511" s="12"/>
    </row>
    <row r="61512" spans="8:8">
      <c r="H61512" s="12"/>
    </row>
    <row r="61513" spans="8:8">
      <c r="H61513" s="12"/>
    </row>
    <row r="61514" spans="8:8">
      <c r="H61514" s="12"/>
    </row>
    <row r="61515" spans="8:8">
      <c r="H61515" s="12"/>
    </row>
    <row r="61516" spans="8:8">
      <c r="H61516" s="12"/>
    </row>
    <row r="61517" spans="8:8">
      <c r="H61517" s="12"/>
    </row>
    <row r="61518" spans="8:8">
      <c r="H61518" s="12"/>
    </row>
    <row r="61519" spans="8:8">
      <c r="H61519" s="12"/>
    </row>
    <row r="61520" spans="8:8">
      <c r="H61520" s="12"/>
    </row>
    <row r="61521" spans="8:8">
      <c r="H61521" s="12"/>
    </row>
    <row r="61522" spans="8:8">
      <c r="H61522" s="12"/>
    </row>
    <row r="61523" spans="8:8">
      <c r="H61523" s="12"/>
    </row>
    <row r="61524" spans="8:8">
      <c r="H61524" s="12"/>
    </row>
    <row r="61525" spans="8:8">
      <c r="H61525" s="12"/>
    </row>
    <row r="61526" spans="8:8">
      <c r="H61526" s="12"/>
    </row>
    <row r="61527" spans="8:8">
      <c r="H61527" s="12"/>
    </row>
    <row r="61528" spans="8:8">
      <c r="H61528" s="12"/>
    </row>
    <row r="61529" spans="8:8">
      <c r="H61529" s="12"/>
    </row>
    <row r="61530" spans="8:8">
      <c r="H61530" s="12"/>
    </row>
    <row r="61531" spans="8:8">
      <c r="H61531" s="12"/>
    </row>
    <row r="61532" spans="8:8">
      <c r="H61532" s="12"/>
    </row>
    <row r="61533" spans="8:8">
      <c r="H61533" s="12"/>
    </row>
    <row r="61534" spans="8:8">
      <c r="H61534" s="12"/>
    </row>
    <row r="61535" spans="8:8">
      <c r="H61535" s="12"/>
    </row>
    <row r="61536" spans="8:8">
      <c r="H61536" s="12"/>
    </row>
    <row r="61537" spans="8:8">
      <c r="H61537" s="12"/>
    </row>
    <row r="61538" spans="8:8">
      <c r="H61538" s="12"/>
    </row>
    <row r="61539" spans="8:8">
      <c r="H61539" s="12"/>
    </row>
    <row r="61540" spans="8:8">
      <c r="H61540" s="12"/>
    </row>
    <row r="61541" spans="8:8">
      <c r="H61541" s="12"/>
    </row>
    <row r="61542" spans="8:8">
      <c r="H61542" s="12"/>
    </row>
    <row r="61543" spans="8:8">
      <c r="H61543" s="12"/>
    </row>
    <row r="61544" spans="8:8">
      <c r="H61544" s="12"/>
    </row>
    <row r="61545" spans="8:8">
      <c r="H61545" s="12"/>
    </row>
    <row r="61546" spans="8:8">
      <c r="H61546" s="12"/>
    </row>
    <row r="61547" spans="8:8">
      <c r="H61547" s="12"/>
    </row>
    <row r="61548" spans="8:8">
      <c r="H61548" s="12"/>
    </row>
    <row r="61549" spans="8:8">
      <c r="H61549" s="12"/>
    </row>
    <row r="61550" spans="8:8">
      <c r="H61550" s="12"/>
    </row>
    <row r="61551" spans="8:8">
      <c r="H61551" s="12"/>
    </row>
    <row r="61552" spans="8:8">
      <c r="H61552" s="12"/>
    </row>
    <row r="61553" spans="8:8">
      <c r="H61553" s="12"/>
    </row>
    <row r="61554" spans="8:8">
      <c r="H61554" s="12"/>
    </row>
    <row r="61555" spans="8:8">
      <c r="H61555" s="12"/>
    </row>
    <row r="61556" spans="8:8">
      <c r="H61556" s="12"/>
    </row>
    <row r="61557" spans="8:8">
      <c r="H61557" s="12"/>
    </row>
    <row r="61558" spans="8:8">
      <c r="H61558" s="12"/>
    </row>
    <row r="61559" spans="8:8">
      <c r="H61559" s="12"/>
    </row>
    <row r="61560" spans="8:8">
      <c r="H61560" s="12"/>
    </row>
    <row r="61561" spans="8:8">
      <c r="H61561" s="12"/>
    </row>
    <row r="61562" spans="8:8">
      <c r="H61562" s="12"/>
    </row>
    <row r="61563" spans="8:8">
      <c r="H61563" s="12"/>
    </row>
    <row r="61564" spans="8:8">
      <c r="H61564" s="12"/>
    </row>
    <row r="61565" spans="8:8">
      <c r="H61565" s="12"/>
    </row>
    <row r="61566" spans="8:8">
      <c r="H61566" s="12"/>
    </row>
    <row r="61567" spans="8:8">
      <c r="H61567" s="12"/>
    </row>
    <row r="61568" spans="8:8">
      <c r="H61568" s="12"/>
    </row>
    <row r="61569" spans="8:8">
      <c r="H61569" s="12"/>
    </row>
    <row r="61570" spans="8:8">
      <c r="H61570" s="12"/>
    </row>
    <row r="61571" spans="8:8">
      <c r="H61571" s="12"/>
    </row>
    <row r="61572" spans="8:8">
      <c r="H61572" s="12"/>
    </row>
    <row r="61573" spans="8:8">
      <c r="H61573" s="12"/>
    </row>
    <row r="61574" spans="8:8">
      <c r="H61574" s="12"/>
    </row>
    <row r="61575" spans="8:8">
      <c r="H61575" s="12"/>
    </row>
    <row r="61576" spans="8:8">
      <c r="H61576" s="12"/>
    </row>
    <row r="61577" spans="8:8">
      <c r="H61577" s="12"/>
    </row>
    <row r="61578" spans="8:8">
      <c r="H61578" s="12"/>
    </row>
    <row r="61579" spans="8:8">
      <c r="H61579" s="12"/>
    </row>
    <row r="61580" spans="8:8">
      <c r="H61580" s="12"/>
    </row>
    <row r="61581" spans="8:8">
      <c r="H61581" s="12"/>
    </row>
    <row r="61582" spans="8:8">
      <c r="H61582" s="12"/>
    </row>
    <row r="61583" spans="8:8">
      <c r="H61583" s="12"/>
    </row>
    <row r="61584" spans="8:8">
      <c r="H61584" s="12"/>
    </row>
    <row r="61585" spans="8:8">
      <c r="H61585" s="12"/>
    </row>
    <row r="61586" spans="8:8">
      <c r="H61586" s="12"/>
    </row>
    <row r="61587" spans="8:8">
      <c r="H61587" s="12"/>
    </row>
    <row r="61588" spans="8:8">
      <c r="H61588" s="12"/>
    </row>
    <row r="61589" spans="8:8">
      <c r="H61589" s="12"/>
    </row>
    <row r="61590" spans="8:8">
      <c r="H61590" s="12"/>
    </row>
    <row r="61591" spans="8:8">
      <c r="H61591" s="12"/>
    </row>
    <row r="61592" spans="8:8">
      <c r="H61592" s="12"/>
    </row>
    <row r="61593" spans="8:8">
      <c r="H61593" s="12"/>
    </row>
    <row r="61594" spans="8:8">
      <c r="H61594" s="12"/>
    </row>
    <row r="61595" spans="8:8">
      <c r="H61595" s="12"/>
    </row>
    <row r="61596" spans="8:8">
      <c r="H61596" s="12"/>
    </row>
    <row r="61597" spans="8:8">
      <c r="H61597" s="12"/>
    </row>
    <row r="61598" spans="8:8">
      <c r="H61598" s="12"/>
    </row>
    <row r="61599" spans="8:8">
      <c r="H61599" s="12"/>
    </row>
    <row r="61600" spans="8:8">
      <c r="H61600" s="12"/>
    </row>
    <row r="61601" spans="8:8">
      <c r="H61601" s="12"/>
    </row>
    <row r="61602" spans="8:8">
      <c r="H61602" s="12"/>
    </row>
    <row r="61603" spans="8:8">
      <c r="H61603" s="12"/>
    </row>
    <row r="61604" spans="8:8">
      <c r="H61604" s="12"/>
    </row>
    <row r="61605" spans="8:8">
      <c r="H61605" s="12"/>
    </row>
    <row r="61606" spans="8:8">
      <c r="H61606" s="12"/>
    </row>
    <row r="61607" spans="8:8">
      <c r="H61607" s="12"/>
    </row>
    <row r="61608" spans="8:8">
      <c r="H61608" s="12"/>
    </row>
    <row r="61609" spans="8:8">
      <c r="H61609" s="12"/>
    </row>
    <row r="61610" spans="8:8">
      <c r="H61610" s="12"/>
    </row>
    <row r="61611" spans="8:8">
      <c r="H61611" s="12"/>
    </row>
    <row r="61612" spans="8:8">
      <c r="H61612" s="12"/>
    </row>
    <row r="61613" spans="8:8">
      <c r="H61613" s="12"/>
    </row>
    <row r="61614" spans="8:8">
      <c r="H61614" s="12"/>
    </row>
    <row r="61615" spans="8:8">
      <c r="H61615" s="12"/>
    </row>
    <row r="61616" spans="8:8">
      <c r="H61616" s="12"/>
    </row>
    <row r="61617" spans="8:8">
      <c r="H61617" s="12"/>
    </row>
    <row r="61618" spans="8:8">
      <c r="H61618" s="12"/>
    </row>
    <row r="61619" spans="8:8">
      <c r="H61619" s="12"/>
    </row>
    <row r="61620" spans="8:8">
      <c r="H61620" s="12"/>
    </row>
    <row r="61621" spans="8:8">
      <c r="H61621" s="12"/>
    </row>
    <row r="61622" spans="8:8">
      <c r="H61622" s="12"/>
    </row>
    <row r="61623" spans="8:8">
      <c r="H61623" s="12"/>
    </row>
    <row r="61624" spans="8:8">
      <c r="H61624" s="12"/>
    </row>
    <row r="61625" spans="8:8">
      <c r="H61625" s="12"/>
    </row>
    <row r="61626" spans="8:8">
      <c r="H61626" s="12"/>
    </row>
    <row r="61627" spans="8:8">
      <c r="H61627" s="12"/>
    </row>
    <row r="61628" spans="8:8">
      <c r="H61628" s="12"/>
    </row>
    <row r="61629" spans="8:8">
      <c r="H61629" s="12"/>
    </row>
    <row r="61630" spans="8:8">
      <c r="H61630" s="12"/>
    </row>
    <row r="61631" spans="8:8">
      <c r="H61631" s="12"/>
    </row>
    <row r="61632" spans="8:8">
      <c r="H61632" s="12"/>
    </row>
    <row r="61633" spans="8:8">
      <c r="H61633" s="12"/>
    </row>
    <row r="61634" spans="8:8">
      <c r="H61634" s="12"/>
    </row>
    <row r="61635" spans="8:8">
      <c r="H61635" s="12"/>
    </row>
    <row r="61636" spans="8:8">
      <c r="H61636" s="12"/>
    </row>
    <row r="61637" spans="8:8">
      <c r="H61637" s="12"/>
    </row>
    <row r="61638" spans="8:8">
      <c r="H61638" s="12"/>
    </row>
    <row r="61639" spans="8:8">
      <c r="H61639" s="12"/>
    </row>
    <row r="61640" spans="8:8">
      <c r="H61640" s="12"/>
    </row>
    <row r="61641" spans="8:8">
      <c r="H61641" s="12"/>
    </row>
    <row r="61642" spans="8:8">
      <c r="H61642" s="12"/>
    </row>
    <row r="61643" spans="8:8">
      <c r="H61643" s="12"/>
    </row>
    <row r="61644" spans="8:8">
      <c r="H61644" s="12"/>
    </row>
    <row r="61645" spans="8:8">
      <c r="H61645" s="12"/>
    </row>
    <row r="61646" spans="8:8">
      <c r="H61646" s="12"/>
    </row>
    <row r="61647" spans="8:8">
      <c r="H61647" s="12"/>
    </row>
    <row r="61648" spans="8:8">
      <c r="H61648" s="12"/>
    </row>
    <row r="61649" spans="8:8">
      <c r="H61649" s="12"/>
    </row>
    <row r="61650" spans="8:8">
      <c r="H61650" s="12"/>
    </row>
    <row r="61651" spans="8:8">
      <c r="H61651" s="12"/>
    </row>
    <row r="61652" spans="8:8">
      <c r="H61652" s="12"/>
    </row>
    <row r="61653" spans="8:8">
      <c r="H61653" s="12"/>
    </row>
    <row r="61654" spans="8:8">
      <c r="H61654" s="12"/>
    </row>
    <row r="61655" spans="8:8">
      <c r="H61655" s="12"/>
    </row>
    <row r="61656" spans="8:8">
      <c r="H61656" s="12"/>
    </row>
    <row r="61657" spans="8:8">
      <c r="H61657" s="12"/>
    </row>
    <row r="61658" spans="8:8">
      <c r="H61658" s="12"/>
    </row>
    <row r="61659" spans="8:8">
      <c r="H61659" s="12"/>
    </row>
    <row r="61660" spans="8:8">
      <c r="H61660" s="12"/>
    </row>
    <row r="61661" spans="8:8">
      <c r="H61661" s="12"/>
    </row>
    <row r="61662" spans="8:8">
      <c r="H61662" s="12"/>
    </row>
    <row r="61663" spans="8:8">
      <c r="H61663" s="12"/>
    </row>
    <row r="61664" spans="8:8">
      <c r="H61664" s="12"/>
    </row>
    <row r="61665" spans="8:8">
      <c r="H61665" s="12"/>
    </row>
    <row r="61666" spans="8:8">
      <c r="H61666" s="12"/>
    </row>
    <row r="61667" spans="8:8">
      <c r="H61667" s="12"/>
    </row>
    <row r="61668" spans="8:8">
      <c r="H61668" s="12"/>
    </row>
    <row r="61669" spans="8:8">
      <c r="H61669" s="12"/>
    </row>
    <row r="61670" spans="8:8">
      <c r="H61670" s="12"/>
    </row>
    <row r="61671" spans="8:8">
      <c r="H61671" s="12"/>
    </row>
    <row r="61672" spans="8:8">
      <c r="H61672" s="12"/>
    </row>
    <row r="61673" spans="8:8">
      <c r="H61673" s="12"/>
    </row>
    <row r="61674" spans="8:8">
      <c r="H61674" s="12"/>
    </row>
    <row r="61675" spans="8:8">
      <c r="H61675" s="12"/>
    </row>
    <row r="61676" spans="8:8">
      <c r="H61676" s="12"/>
    </row>
    <row r="61677" spans="8:8">
      <c r="H61677" s="12"/>
    </row>
    <row r="61678" spans="8:8">
      <c r="H61678" s="12"/>
    </row>
    <row r="61679" spans="8:8">
      <c r="H61679" s="12"/>
    </row>
    <row r="61680" spans="8:8">
      <c r="H61680" s="12"/>
    </row>
    <row r="61681" spans="8:8">
      <c r="H61681" s="12"/>
    </row>
    <row r="61682" spans="8:8">
      <c r="H61682" s="12"/>
    </row>
    <row r="61683" spans="8:8">
      <c r="H61683" s="12"/>
    </row>
    <row r="61684" spans="8:8">
      <c r="H61684" s="12"/>
    </row>
    <row r="61685" spans="8:8">
      <c r="H61685" s="12"/>
    </row>
    <row r="61686" spans="8:8">
      <c r="H61686" s="12"/>
    </row>
    <row r="61687" spans="8:8">
      <c r="H61687" s="12"/>
    </row>
    <row r="61688" spans="8:8">
      <c r="H61688" s="12"/>
    </row>
    <row r="61689" spans="8:8">
      <c r="H61689" s="12"/>
    </row>
    <row r="61690" spans="8:8">
      <c r="H61690" s="12"/>
    </row>
    <row r="61691" spans="8:8">
      <c r="H61691" s="12"/>
    </row>
    <row r="61692" spans="8:8">
      <c r="H61692" s="12"/>
    </row>
    <row r="61693" spans="8:8">
      <c r="H61693" s="12"/>
    </row>
    <row r="61694" spans="8:8">
      <c r="H61694" s="12"/>
    </row>
    <row r="61695" spans="8:8">
      <c r="H61695" s="12"/>
    </row>
    <row r="61696" spans="8:8">
      <c r="H61696" s="12"/>
    </row>
    <row r="61697" spans="8:8">
      <c r="H61697" s="12"/>
    </row>
    <row r="61698" spans="8:8">
      <c r="H61698" s="12"/>
    </row>
    <row r="61699" spans="8:8">
      <c r="H61699" s="12"/>
    </row>
    <row r="61700" spans="8:8">
      <c r="H61700" s="12"/>
    </row>
    <row r="61701" spans="8:8">
      <c r="H61701" s="12"/>
    </row>
    <row r="61702" spans="8:8">
      <c r="H61702" s="12"/>
    </row>
    <row r="61703" spans="8:8">
      <c r="H61703" s="12"/>
    </row>
    <row r="61704" spans="8:8">
      <c r="H61704" s="12"/>
    </row>
    <row r="61705" spans="8:8">
      <c r="H61705" s="12"/>
    </row>
    <row r="61706" spans="8:8">
      <c r="H61706" s="12"/>
    </row>
    <row r="61707" spans="8:8">
      <c r="H61707" s="12"/>
    </row>
    <row r="61708" spans="8:8">
      <c r="H61708" s="12"/>
    </row>
    <row r="61709" spans="8:8">
      <c r="H61709" s="12"/>
    </row>
    <row r="61710" spans="8:8">
      <c r="H61710" s="12"/>
    </row>
    <row r="61711" spans="8:8">
      <c r="H61711" s="12"/>
    </row>
    <row r="61712" spans="8:8">
      <c r="H61712" s="12"/>
    </row>
    <row r="61713" spans="8:8">
      <c r="H61713" s="12"/>
    </row>
    <row r="61714" spans="8:8">
      <c r="H61714" s="12"/>
    </row>
    <row r="61715" spans="8:8">
      <c r="H61715" s="12"/>
    </row>
    <row r="61716" spans="8:8">
      <c r="H61716" s="12"/>
    </row>
    <row r="61717" spans="8:8">
      <c r="H61717" s="12"/>
    </row>
    <row r="61718" spans="8:8">
      <c r="H61718" s="12"/>
    </row>
    <row r="61719" spans="8:8">
      <c r="H61719" s="12"/>
    </row>
    <row r="61720" spans="8:8">
      <c r="H61720" s="12"/>
    </row>
    <row r="61721" spans="8:8">
      <c r="H61721" s="12"/>
    </row>
    <row r="61722" spans="8:8">
      <c r="H61722" s="12"/>
    </row>
    <row r="61723" spans="8:8">
      <c r="H61723" s="12"/>
    </row>
    <row r="61724" spans="8:8">
      <c r="H61724" s="12"/>
    </row>
    <row r="61725" spans="8:8">
      <c r="H61725" s="12"/>
    </row>
    <row r="61726" spans="8:8">
      <c r="H61726" s="12"/>
    </row>
    <row r="61727" spans="8:8">
      <c r="H61727" s="12"/>
    </row>
    <row r="61728" spans="8:8">
      <c r="H61728" s="12"/>
    </row>
    <row r="61729" spans="8:8">
      <c r="H61729" s="12"/>
    </row>
    <row r="61730" spans="8:8">
      <c r="H61730" s="12"/>
    </row>
    <row r="61731" spans="8:8">
      <c r="H61731" s="12"/>
    </row>
    <row r="61732" spans="8:8">
      <c r="H61732" s="12"/>
    </row>
    <row r="61733" spans="8:8">
      <c r="H61733" s="12"/>
    </row>
    <row r="61734" spans="8:8">
      <c r="H61734" s="12"/>
    </row>
    <row r="61735" spans="8:8">
      <c r="H61735" s="12"/>
    </row>
    <row r="61736" spans="8:8">
      <c r="H61736" s="12"/>
    </row>
    <row r="61737" spans="8:8">
      <c r="H61737" s="12"/>
    </row>
    <row r="61738" spans="8:8">
      <c r="H61738" s="12"/>
    </row>
    <row r="61739" spans="8:8">
      <c r="H61739" s="12"/>
    </row>
    <row r="61740" spans="8:8">
      <c r="H61740" s="12"/>
    </row>
    <row r="61741" spans="8:8">
      <c r="H61741" s="12"/>
    </row>
    <row r="61742" spans="8:8">
      <c r="H61742" s="12"/>
    </row>
    <row r="61743" spans="8:8">
      <c r="H61743" s="12"/>
    </row>
    <row r="61744" spans="8:8">
      <c r="H61744" s="12"/>
    </row>
    <row r="61745" spans="8:8">
      <c r="H61745" s="12"/>
    </row>
    <row r="61746" spans="8:8">
      <c r="H61746" s="12"/>
    </row>
    <row r="61747" spans="8:8">
      <c r="H61747" s="12"/>
    </row>
    <row r="61748" spans="8:8">
      <c r="H61748" s="12"/>
    </row>
    <row r="61749" spans="8:8">
      <c r="H61749" s="12"/>
    </row>
    <row r="61750" spans="8:8">
      <c r="H61750" s="12"/>
    </row>
    <row r="61751" spans="8:8">
      <c r="H61751" s="12"/>
    </row>
    <row r="61752" spans="8:8">
      <c r="H61752" s="12"/>
    </row>
    <row r="61753" spans="8:8">
      <c r="H61753" s="12"/>
    </row>
    <row r="61754" spans="8:8">
      <c r="H61754" s="12"/>
    </row>
    <row r="61755" spans="8:8">
      <c r="H61755" s="12"/>
    </row>
    <row r="61756" spans="8:8">
      <c r="H61756" s="12"/>
    </row>
    <row r="61757" spans="8:8">
      <c r="H61757" s="12"/>
    </row>
    <row r="61758" spans="8:8">
      <c r="H61758" s="12"/>
    </row>
    <row r="61759" spans="8:8">
      <c r="H61759" s="12"/>
    </row>
    <row r="61760" spans="8:8">
      <c r="H61760" s="12"/>
    </row>
    <row r="61761" spans="8:8">
      <c r="H61761" s="12"/>
    </row>
    <row r="61762" spans="8:8">
      <c r="H61762" s="12"/>
    </row>
    <row r="61763" spans="8:8">
      <c r="H61763" s="12"/>
    </row>
    <row r="61764" spans="8:8">
      <c r="H61764" s="12"/>
    </row>
    <row r="61765" spans="8:8">
      <c r="H61765" s="12"/>
    </row>
    <row r="61766" spans="8:8">
      <c r="H61766" s="12"/>
    </row>
    <row r="61767" spans="8:8">
      <c r="H61767" s="12"/>
    </row>
    <row r="61768" spans="8:8">
      <c r="H61768" s="12"/>
    </row>
    <row r="61769" spans="8:8">
      <c r="H61769" s="12"/>
    </row>
    <row r="61770" spans="8:8">
      <c r="H61770" s="12"/>
    </row>
    <row r="61771" spans="8:8">
      <c r="H61771" s="12"/>
    </row>
    <row r="61772" spans="8:8">
      <c r="H61772" s="12"/>
    </row>
    <row r="61773" spans="8:8">
      <c r="H61773" s="12"/>
    </row>
    <row r="61774" spans="8:8">
      <c r="H61774" s="12"/>
    </row>
    <row r="61775" spans="8:8">
      <c r="H61775" s="12"/>
    </row>
    <row r="61776" spans="8:8">
      <c r="H61776" s="12"/>
    </row>
    <row r="61777" spans="8:8">
      <c r="H61777" s="12"/>
    </row>
    <row r="61778" spans="8:8">
      <c r="H61778" s="12"/>
    </row>
    <row r="61779" spans="8:8">
      <c r="H61779" s="12"/>
    </row>
    <row r="61780" spans="8:8">
      <c r="H61780" s="12"/>
    </row>
    <row r="61781" spans="8:8">
      <c r="H61781" s="12"/>
    </row>
    <row r="61782" spans="8:8">
      <c r="H61782" s="12"/>
    </row>
    <row r="61783" spans="8:8">
      <c r="H61783" s="12"/>
    </row>
    <row r="61784" spans="8:8">
      <c r="H61784" s="12"/>
    </row>
    <row r="61785" spans="8:8">
      <c r="H61785" s="12"/>
    </row>
    <row r="61786" spans="8:8">
      <c r="H61786" s="12"/>
    </row>
    <row r="61787" spans="8:8">
      <c r="H61787" s="12"/>
    </row>
    <row r="61788" spans="8:8">
      <c r="H61788" s="12"/>
    </row>
    <row r="61789" spans="8:8">
      <c r="H61789" s="12"/>
    </row>
    <row r="61790" spans="8:8">
      <c r="H61790" s="12"/>
    </row>
    <row r="61791" spans="8:8">
      <c r="H61791" s="12"/>
    </row>
    <row r="61792" spans="8:8">
      <c r="H61792" s="12"/>
    </row>
    <row r="61793" spans="8:8">
      <c r="H61793" s="12"/>
    </row>
    <row r="61794" spans="8:8">
      <c r="H61794" s="12"/>
    </row>
    <row r="61795" spans="8:8">
      <c r="H61795" s="12"/>
    </row>
    <row r="61796" spans="8:8">
      <c r="H61796" s="12"/>
    </row>
    <row r="61797" spans="8:8">
      <c r="H61797" s="12"/>
    </row>
    <row r="61798" spans="8:8">
      <c r="H61798" s="12"/>
    </row>
    <row r="61799" spans="8:8">
      <c r="H61799" s="12"/>
    </row>
    <row r="61800" spans="8:8">
      <c r="H61800" s="12"/>
    </row>
    <row r="61801" spans="8:8">
      <c r="H61801" s="12"/>
    </row>
    <row r="61802" spans="8:8">
      <c r="H61802" s="12"/>
    </row>
    <row r="61803" spans="8:8">
      <c r="H61803" s="12"/>
    </row>
    <row r="61804" spans="8:8">
      <c r="H61804" s="12"/>
    </row>
    <row r="61805" spans="8:8">
      <c r="H61805" s="12"/>
    </row>
    <row r="61806" spans="8:8">
      <c r="H61806" s="12"/>
    </row>
    <row r="61807" spans="8:8">
      <c r="H61807" s="12"/>
    </row>
    <row r="61808" spans="8:8">
      <c r="H61808" s="12"/>
    </row>
    <row r="61809" spans="8:8">
      <c r="H61809" s="12"/>
    </row>
    <row r="61810" spans="8:8">
      <c r="H61810" s="12"/>
    </row>
    <row r="61811" spans="8:8">
      <c r="H61811" s="12"/>
    </row>
    <row r="61812" spans="8:8">
      <c r="H61812" s="12"/>
    </row>
    <row r="61813" spans="8:8">
      <c r="H61813" s="12"/>
    </row>
    <row r="61814" spans="8:8">
      <c r="H61814" s="12"/>
    </row>
    <row r="61815" spans="8:8">
      <c r="H61815" s="12"/>
    </row>
    <row r="61816" spans="8:8">
      <c r="H61816" s="12"/>
    </row>
    <row r="61817" spans="8:8">
      <c r="H61817" s="12"/>
    </row>
    <row r="61818" spans="8:8">
      <c r="H61818" s="12"/>
    </row>
    <row r="61819" spans="8:8">
      <c r="H61819" s="12"/>
    </row>
    <row r="61820" spans="8:8">
      <c r="H61820" s="12"/>
    </row>
    <row r="61821" spans="8:8">
      <c r="H61821" s="12"/>
    </row>
    <row r="61822" spans="8:8">
      <c r="H61822" s="12"/>
    </row>
    <row r="61823" spans="8:8">
      <c r="H61823" s="12"/>
    </row>
    <row r="61824" spans="8:8">
      <c r="H61824" s="12"/>
    </row>
    <row r="61825" spans="8:8">
      <c r="H61825" s="12"/>
    </row>
    <row r="61826" spans="8:8">
      <c r="H61826" s="12"/>
    </row>
    <row r="61827" spans="8:8">
      <c r="H61827" s="12"/>
    </row>
    <row r="61828" spans="8:8">
      <c r="H61828" s="12"/>
    </row>
    <row r="61829" spans="8:8">
      <c r="H61829" s="12"/>
    </row>
    <row r="61830" spans="8:8">
      <c r="H61830" s="12"/>
    </row>
    <row r="61831" spans="8:8">
      <c r="H61831" s="12"/>
    </row>
    <row r="61832" spans="8:8">
      <c r="H61832" s="12"/>
    </row>
    <row r="61833" spans="8:8">
      <c r="H61833" s="12"/>
    </row>
    <row r="61834" spans="8:8">
      <c r="H61834" s="12"/>
    </row>
    <row r="61835" spans="8:8">
      <c r="H61835" s="12"/>
    </row>
    <row r="61836" spans="8:8">
      <c r="H61836" s="12"/>
    </row>
    <row r="61837" spans="8:8">
      <c r="H61837" s="12"/>
    </row>
    <row r="61838" spans="8:8">
      <c r="H61838" s="12"/>
    </row>
    <row r="61839" spans="8:8">
      <c r="H61839" s="12"/>
    </row>
    <row r="61840" spans="8:8">
      <c r="H61840" s="12"/>
    </row>
    <row r="61841" spans="8:8">
      <c r="H61841" s="12"/>
    </row>
    <row r="61842" spans="8:8">
      <c r="H61842" s="12"/>
    </row>
    <row r="61843" spans="8:8">
      <c r="H61843" s="12"/>
    </row>
    <row r="61844" spans="8:8">
      <c r="H61844" s="12"/>
    </row>
    <row r="61845" spans="8:8">
      <c r="H61845" s="12"/>
    </row>
    <row r="61846" spans="8:8">
      <c r="H61846" s="12"/>
    </row>
    <row r="61847" spans="8:8">
      <c r="H61847" s="12"/>
    </row>
    <row r="61848" spans="8:8">
      <c r="H61848" s="12"/>
    </row>
    <row r="61849" spans="8:8">
      <c r="H61849" s="12"/>
    </row>
    <row r="61850" spans="8:8">
      <c r="H61850" s="12"/>
    </row>
    <row r="61851" spans="8:8">
      <c r="H61851" s="12"/>
    </row>
    <row r="61852" spans="8:8">
      <c r="H61852" s="12"/>
    </row>
    <row r="61853" spans="8:8">
      <c r="H61853" s="12"/>
    </row>
    <row r="61854" spans="8:8">
      <c r="H61854" s="12"/>
    </row>
    <row r="61855" spans="8:8">
      <c r="H61855" s="12"/>
    </row>
    <row r="61856" spans="8:8">
      <c r="H61856" s="12"/>
    </row>
    <row r="61857" spans="8:8">
      <c r="H61857" s="12"/>
    </row>
    <row r="61858" spans="8:8">
      <c r="H61858" s="12"/>
    </row>
    <row r="61859" spans="8:8">
      <c r="H61859" s="12"/>
    </row>
    <row r="61860" spans="8:8">
      <c r="H61860" s="12"/>
    </row>
    <row r="61861" spans="8:8">
      <c r="H61861" s="12"/>
    </row>
    <row r="61862" spans="8:8">
      <c r="H61862" s="12"/>
    </row>
    <row r="61863" spans="8:8">
      <c r="H61863" s="12"/>
    </row>
    <row r="61864" spans="8:8">
      <c r="H61864" s="12"/>
    </row>
    <row r="61865" spans="8:8">
      <c r="H61865" s="12"/>
    </row>
    <row r="61866" spans="8:8">
      <c r="H61866" s="12"/>
    </row>
    <row r="61867" spans="8:8">
      <c r="H61867" s="12"/>
    </row>
    <row r="61868" spans="8:8">
      <c r="H61868" s="12"/>
    </row>
    <row r="61869" spans="8:8">
      <c r="H61869" s="12"/>
    </row>
    <row r="61870" spans="8:8">
      <c r="H61870" s="12"/>
    </row>
    <row r="61871" spans="8:8">
      <c r="H61871" s="12"/>
    </row>
    <row r="61872" spans="8:8">
      <c r="H61872" s="12"/>
    </row>
    <row r="61873" spans="8:8">
      <c r="H61873" s="12"/>
    </row>
    <row r="61874" spans="8:8">
      <c r="H61874" s="12"/>
    </row>
    <row r="61875" spans="8:8">
      <c r="H61875" s="12"/>
    </row>
    <row r="61876" spans="8:8">
      <c r="H61876" s="12"/>
    </row>
    <row r="61877" spans="8:8">
      <c r="H61877" s="12"/>
    </row>
    <row r="61878" spans="8:8">
      <c r="H61878" s="12"/>
    </row>
    <row r="61879" spans="8:8">
      <c r="H61879" s="12"/>
    </row>
    <row r="61880" spans="8:8">
      <c r="H61880" s="12"/>
    </row>
    <row r="61881" spans="8:8">
      <c r="H61881" s="12"/>
    </row>
    <row r="61882" spans="8:8">
      <c r="H61882" s="12"/>
    </row>
    <row r="61883" spans="8:8">
      <c r="H61883" s="12"/>
    </row>
    <row r="61884" spans="8:8">
      <c r="H61884" s="12"/>
    </row>
    <row r="61885" spans="8:8">
      <c r="H61885" s="12"/>
    </row>
    <row r="61886" spans="8:8">
      <c r="H61886" s="12"/>
    </row>
    <row r="61887" spans="8:8">
      <c r="H61887" s="12"/>
    </row>
    <row r="61888" spans="8:8">
      <c r="H61888" s="12"/>
    </row>
    <row r="61889" spans="8:8">
      <c r="H61889" s="12"/>
    </row>
    <row r="61890" spans="8:8">
      <c r="H61890" s="12"/>
    </row>
    <row r="61891" spans="8:8">
      <c r="H61891" s="12"/>
    </row>
    <row r="61892" spans="8:8">
      <c r="H61892" s="12"/>
    </row>
    <row r="61893" spans="8:8">
      <c r="H61893" s="12"/>
    </row>
    <row r="61894" spans="8:8">
      <c r="H61894" s="12"/>
    </row>
    <row r="61895" spans="8:8">
      <c r="H61895" s="12"/>
    </row>
    <row r="61896" spans="8:8">
      <c r="H61896" s="12"/>
    </row>
    <row r="61897" spans="8:8">
      <c r="H61897" s="12"/>
    </row>
    <row r="61898" spans="8:8">
      <c r="H61898" s="12"/>
    </row>
    <row r="61899" spans="8:8">
      <c r="H61899" s="12"/>
    </row>
    <row r="61900" spans="8:8">
      <c r="H61900" s="12"/>
    </row>
    <row r="61901" spans="8:8">
      <c r="H61901" s="12"/>
    </row>
    <row r="61902" spans="8:8">
      <c r="H61902" s="12"/>
    </row>
    <row r="61903" spans="8:8">
      <c r="H61903" s="12"/>
    </row>
    <row r="61904" spans="8:8">
      <c r="H61904" s="12"/>
    </row>
    <row r="61905" spans="8:8">
      <c r="H61905" s="12"/>
    </row>
    <row r="61906" spans="8:8">
      <c r="H61906" s="12"/>
    </row>
    <row r="61907" spans="8:8">
      <c r="H61907" s="12"/>
    </row>
    <row r="61908" spans="8:8">
      <c r="H61908" s="12"/>
    </row>
    <row r="61909" spans="8:8">
      <c r="H61909" s="12"/>
    </row>
    <row r="61910" spans="8:8">
      <c r="H61910" s="12"/>
    </row>
    <row r="61911" spans="8:8">
      <c r="H61911" s="12"/>
    </row>
    <row r="61912" spans="8:8">
      <c r="H61912" s="12"/>
    </row>
    <row r="61913" spans="8:8">
      <c r="H61913" s="12"/>
    </row>
    <row r="61914" spans="8:8">
      <c r="H61914" s="12"/>
    </row>
    <row r="61915" spans="8:8">
      <c r="H61915" s="12"/>
    </row>
    <row r="61916" spans="8:8">
      <c r="H61916" s="12"/>
    </row>
    <row r="61917" spans="8:8">
      <c r="H61917" s="12"/>
    </row>
    <row r="61918" spans="8:8">
      <c r="H61918" s="12"/>
    </row>
    <row r="61919" spans="8:8">
      <c r="H61919" s="12"/>
    </row>
    <row r="61920" spans="8:8">
      <c r="H61920" s="12"/>
    </row>
    <row r="61921" spans="8:8">
      <c r="H61921" s="12"/>
    </row>
    <row r="61922" spans="8:8">
      <c r="H61922" s="12"/>
    </row>
    <row r="61923" spans="8:8">
      <c r="H61923" s="12"/>
    </row>
    <row r="61924" spans="8:8">
      <c r="H61924" s="12"/>
    </row>
    <row r="61925" spans="8:8">
      <c r="H61925" s="12"/>
    </row>
    <row r="61926" spans="8:8">
      <c r="H61926" s="12"/>
    </row>
    <row r="61927" spans="8:8">
      <c r="H61927" s="12"/>
    </row>
    <row r="61928" spans="8:8">
      <c r="H61928" s="12"/>
    </row>
    <row r="61929" spans="8:8">
      <c r="H61929" s="12"/>
    </row>
    <row r="61930" spans="8:8">
      <c r="H61930" s="12"/>
    </row>
    <row r="61931" spans="8:8">
      <c r="H61931" s="12"/>
    </row>
    <row r="61932" spans="8:8">
      <c r="H61932" s="12"/>
    </row>
    <row r="61933" spans="8:8">
      <c r="H61933" s="12"/>
    </row>
    <row r="61934" spans="8:8">
      <c r="H61934" s="12"/>
    </row>
    <row r="61935" spans="8:8">
      <c r="H61935" s="12"/>
    </row>
    <row r="61936" spans="8:8">
      <c r="H61936" s="12"/>
    </row>
    <row r="61937" spans="8:8">
      <c r="H61937" s="12"/>
    </row>
    <row r="61938" spans="8:8">
      <c r="H61938" s="12"/>
    </row>
    <row r="61939" spans="8:8">
      <c r="H61939" s="12"/>
    </row>
    <row r="61940" spans="8:8">
      <c r="H61940" s="12"/>
    </row>
    <row r="61941" spans="8:8">
      <c r="H61941" s="12"/>
    </row>
    <row r="61942" spans="8:8">
      <c r="H61942" s="12"/>
    </row>
    <row r="61943" spans="8:8">
      <c r="H61943" s="12"/>
    </row>
    <row r="61944" spans="8:8">
      <c r="H61944" s="12"/>
    </row>
    <row r="61945" spans="8:8">
      <c r="H61945" s="12"/>
    </row>
    <row r="61946" spans="8:8">
      <c r="H61946" s="12"/>
    </row>
    <row r="61947" spans="8:8">
      <c r="H61947" s="12"/>
    </row>
    <row r="61948" spans="8:8">
      <c r="H61948" s="12"/>
    </row>
    <row r="61949" spans="8:8">
      <c r="H61949" s="12"/>
    </row>
    <row r="61950" spans="8:8">
      <c r="H61950" s="12"/>
    </row>
    <row r="61951" spans="8:8">
      <c r="H61951" s="12"/>
    </row>
    <row r="61952" spans="8:8">
      <c r="H61952" s="12"/>
    </row>
    <row r="61953" spans="8:8">
      <c r="H61953" s="12"/>
    </row>
    <row r="61954" spans="8:8">
      <c r="H61954" s="12"/>
    </row>
    <row r="61955" spans="8:8">
      <c r="H61955" s="12"/>
    </row>
    <row r="61956" spans="8:8">
      <c r="H61956" s="12"/>
    </row>
    <row r="61957" spans="8:8">
      <c r="H61957" s="12"/>
    </row>
    <row r="61958" spans="8:8">
      <c r="H61958" s="12"/>
    </row>
    <row r="61959" spans="8:8">
      <c r="H61959" s="12"/>
    </row>
    <row r="61960" spans="8:8">
      <c r="H61960" s="12"/>
    </row>
    <row r="61961" spans="8:8">
      <c r="H61961" s="12"/>
    </row>
    <row r="61962" spans="8:8">
      <c r="H61962" s="12"/>
    </row>
    <row r="61963" spans="8:8">
      <c r="H61963" s="12"/>
    </row>
    <row r="61964" spans="8:8">
      <c r="H61964" s="12"/>
    </row>
    <row r="61965" spans="8:8">
      <c r="H61965" s="12"/>
    </row>
    <row r="61966" spans="8:8">
      <c r="H61966" s="12"/>
    </row>
    <row r="61967" spans="8:8">
      <c r="H61967" s="12"/>
    </row>
    <row r="61968" spans="8:8">
      <c r="H61968" s="12"/>
    </row>
    <row r="61969" spans="8:8">
      <c r="H61969" s="12"/>
    </row>
    <row r="61970" spans="8:8">
      <c r="H61970" s="12"/>
    </row>
    <row r="61971" spans="8:8">
      <c r="H61971" s="12"/>
    </row>
    <row r="61972" spans="8:8">
      <c r="H61972" s="12"/>
    </row>
    <row r="61973" spans="8:8">
      <c r="H61973" s="12"/>
    </row>
    <row r="61974" spans="8:8">
      <c r="H61974" s="12"/>
    </row>
    <row r="61975" spans="8:8">
      <c r="H61975" s="12"/>
    </row>
    <row r="61976" spans="8:8">
      <c r="H61976" s="12"/>
    </row>
    <row r="61977" spans="8:8">
      <c r="H61977" s="12"/>
    </row>
    <row r="61978" spans="8:8">
      <c r="H61978" s="12"/>
    </row>
    <row r="61979" spans="8:8">
      <c r="H61979" s="12"/>
    </row>
    <row r="61980" spans="8:8">
      <c r="H61980" s="12"/>
    </row>
    <row r="61981" spans="8:8">
      <c r="H61981" s="12"/>
    </row>
    <row r="61982" spans="8:8">
      <c r="H61982" s="12"/>
    </row>
    <row r="61983" spans="8:8">
      <c r="H61983" s="12"/>
    </row>
    <row r="61984" spans="8:8">
      <c r="H61984" s="12"/>
    </row>
    <row r="61985" spans="8:8">
      <c r="H61985" s="12"/>
    </row>
    <row r="61986" spans="8:8">
      <c r="H61986" s="12"/>
    </row>
    <row r="61987" spans="8:8">
      <c r="H61987" s="12"/>
    </row>
    <row r="61988" spans="8:8">
      <c r="H61988" s="12"/>
    </row>
    <row r="61989" spans="8:8">
      <c r="H61989" s="12"/>
    </row>
    <row r="61990" spans="8:8">
      <c r="H61990" s="12"/>
    </row>
    <row r="61991" spans="8:8">
      <c r="H61991" s="12"/>
    </row>
    <row r="61992" spans="8:8">
      <c r="H61992" s="12"/>
    </row>
    <row r="61993" spans="8:8">
      <c r="H61993" s="12"/>
    </row>
    <row r="61994" spans="8:8">
      <c r="H61994" s="12"/>
    </row>
    <row r="61995" spans="8:8">
      <c r="H61995" s="12"/>
    </row>
    <row r="61996" spans="8:8">
      <c r="H61996" s="12"/>
    </row>
    <row r="61997" spans="8:8">
      <c r="H61997" s="12"/>
    </row>
    <row r="61998" spans="8:8">
      <c r="H61998" s="12"/>
    </row>
    <row r="61999" spans="8:8">
      <c r="H61999" s="12"/>
    </row>
    <row r="62000" spans="8:8">
      <c r="H62000" s="12"/>
    </row>
    <row r="62001" spans="8:8">
      <c r="H62001" s="12"/>
    </row>
    <row r="62002" spans="8:8">
      <c r="H62002" s="12"/>
    </row>
    <row r="62003" spans="8:8">
      <c r="H62003" s="12"/>
    </row>
    <row r="62004" spans="8:8">
      <c r="H62004" s="12"/>
    </row>
    <row r="62005" spans="8:8">
      <c r="H62005" s="12"/>
    </row>
    <row r="62006" spans="8:8">
      <c r="H62006" s="12"/>
    </row>
    <row r="62007" spans="8:8">
      <c r="H62007" s="12"/>
    </row>
    <row r="62008" spans="8:8">
      <c r="H62008" s="12"/>
    </row>
    <row r="62009" spans="8:8">
      <c r="H62009" s="12"/>
    </row>
    <row r="62010" spans="8:8">
      <c r="H62010" s="12"/>
    </row>
    <row r="62011" spans="8:8">
      <c r="H62011" s="12"/>
    </row>
    <row r="62012" spans="8:8">
      <c r="H62012" s="12"/>
    </row>
    <row r="62013" spans="8:8">
      <c r="H62013" s="12"/>
    </row>
    <row r="62014" spans="8:8">
      <c r="H62014" s="12"/>
    </row>
    <row r="62015" spans="8:8">
      <c r="H62015" s="12"/>
    </row>
    <row r="62016" spans="8:8">
      <c r="H62016" s="12"/>
    </row>
    <row r="62017" spans="8:8">
      <c r="H62017" s="12"/>
    </row>
    <row r="62018" spans="8:8">
      <c r="H62018" s="12"/>
    </row>
    <row r="62019" spans="8:8">
      <c r="H62019" s="12"/>
    </row>
    <row r="62020" spans="8:8">
      <c r="H62020" s="12"/>
    </row>
    <row r="62021" spans="8:8">
      <c r="H62021" s="12"/>
    </row>
    <row r="62022" spans="8:8">
      <c r="H62022" s="12"/>
    </row>
    <row r="62023" spans="8:8">
      <c r="H62023" s="12"/>
    </row>
    <row r="62024" spans="8:8">
      <c r="H62024" s="12"/>
    </row>
    <row r="62025" spans="8:8">
      <c r="H62025" s="12"/>
    </row>
    <row r="62026" spans="8:8">
      <c r="H62026" s="12"/>
    </row>
    <row r="62027" spans="8:8">
      <c r="H62027" s="12"/>
    </row>
    <row r="62028" spans="8:8">
      <c r="H62028" s="12"/>
    </row>
    <row r="62029" spans="8:8">
      <c r="H62029" s="12"/>
    </row>
    <row r="62030" spans="8:8">
      <c r="H62030" s="12"/>
    </row>
    <row r="62031" spans="8:8">
      <c r="H62031" s="12"/>
    </row>
    <row r="62032" spans="8:8">
      <c r="H62032" s="12"/>
    </row>
    <row r="62033" spans="8:8">
      <c r="H62033" s="12"/>
    </row>
    <row r="62034" spans="8:8">
      <c r="H62034" s="12"/>
    </row>
    <row r="62035" spans="8:8">
      <c r="H62035" s="12"/>
    </row>
    <row r="62036" spans="8:8">
      <c r="H62036" s="12"/>
    </row>
    <row r="62037" spans="8:8">
      <c r="H62037" s="12"/>
    </row>
    <row r="62038" spans="8:8">
      <c r="H62038" s="12"/>
    </row>
    <row r="62039" spans="8:8">
      <c r="H62039" s="12"/>
    </row>
    <row r="62040" spans="8:8">
      <c r="H62040" s="12"/>
    </row>
    <row r="62041" spans="8:8">
      <c r="H62041" s="12"/>
    </row>
    <row r="62042" spans="8:8">
      <c r="H62042" s="12"/>
    </row>
    <row r="62043" spans="8:8">
      <c r="H62043" s="12"/>
    </row>
    <row r="62044" spans="8:8">
      <c r="H62044" s="12"/>
    </row>
    <row r="62045" spans="8:8">
      <c r="H62045" s="12"/>
    </row>
    <row r="62046" spans="8:8">
      <c r="H62046" s="12"/>
    </row>
    <row r="62047" spans="8:8">
      <c r="H62047" s="12"/>
    </row>
    <row r="62048" spans="8:8">
      <c r="H62048" s="12"/>
    </row>
    <row r="62049" spans="8:8">
      <c r="H62049" s="12"/>
    </row>
    <row r="62050" spans="8:8">
      <c r="H62050" s="12"/>
    </row>
    <row r="62051" spans="8:8">
      <c r="H62051" s="12"/>
    </row>
    <row r="62052" spans="8:8">
      <c r="H62052" s="12"/>
    </row>
    <row r="62053" spans="8:8">
      <c r="H62053" s="12"/>
    </row>
    <row r="62054" spans="8:8">
      <c r="H62054" s="12"/>
    </row>
    <row r="62055" spans="8:8">
      <c r="H62055" s="12"/>
    </row>
    <row r="62056" spans="8:8">
      <c r="H62056" s="12"/>
    </row>
    <row r="62057" spans="8:8">
      <c r="H62057" s="12"/>
    </row>
    <row r="62058" spans="8:8">
      <c r="H62058" s="12"/>
    </row>
    <row r="62059" spans="8:8">
      <c r="H62059" s="12"/>
    </row>
    <row r="62060" spans="8:8">
      <c r="H62060" s="12"/>
    </row>
    <row r="62061" spans="8:8">
      <c r="H62061" s="12"/>
    </row>
    <row r="62062" spans="8:8">
      <c r="H62062" s="12"/>
    </row>
    <row r="62063" spans="8:8">
      <c r="H62063" s="12"/>
    </row>
    <row r="62064" spans="8:8">
      <c r="H62064" s="12"/>
    </row>
    <row r="62065" spans="8:8">
      <c r="H62065" s="12"/>
    </row>
    <row r="62066" spans="8:8">
      <c r="H62066" s="12"/>
    </row>
    <row r="62067" spans="8:8">
      <c r="H62067" s="12"/>
    </row>
    <row r="62068" spans="8:8">
      <c r="H62068" s="12"/>
    </row>
    <row r="62069" spans="8:8">
      <c r="H62069" s="12"/>
    </row>
    <row r="62070" spans="8:8">
      <c r="H62070" s="12"/>
    </row>
    <row r="62071" spans="8:8">
      <c r="H62071" s="12"/>
    </row>
    <row r="62072" spans="8:8">
      <c r="H62072" s="12"/>
    </row>
    <row r="62073" spans="8:8">
      <c r="H62073" s="12"/>
    </row>
    <row r="62074" spans="8:8">
      <c r="H62074" s="12"/>
    </row>
    <row r="62075" spans="8:8">
      <c r="H62075" s="12"/>
    </row>
    <row r="62076" spans="8:8">
      <c r="H62076" s="12"/>
    </row>
    <row r="62077" spans="8:8">
      <c r="H62077" s="12"/>
    </row>
    <row r="62078" spans="8:8">
      <c r="H62078" s="12"/>
    </row>
    <row r="62079" spans="8:8">
      <c r="H62079" s="12"/>
    </row>
    <row r="62080" spans="8:8">
      <c r="H62080" s="12"/>
    </row>
    <row r="62081" spans="8:8">
      <c r="H62081" s="12"/>
    </row>
    <row r="62082" spans="8:8">
      <c r="H62082" s="12"/>
    </row>
    <row r="62083" spans="8:8">
      <c r="H62083" s="12"/>
    </row>
    <row r="62084" spans="8:8">
      <c r="H62084" s="12"/>
    </row>
    <row r="62085" spans="8:8">
      <c r="H62085" s="12"/>
    </row>
    <row r="62086" spans="8:8">
      <c r="H62086" s="12"/>
    </row>
    <row r="62087" spans="8:8">
      <c r="H62087" s="12"/>
    </row>
    <row r="62088" spans="8:8">
      <c r="H62088" s="12"/>
    </row>
    <row r="62089" spans="8:8">
      <c r="H62089" s="12"/>
    </row>
    <row r="62090" spans="8:8">
      <c r="H62090" s="12"/>
    </row>
    <row r="62091" spans="8:8">
      <c r="H62091" s="12"/>
    </row>
    <row r="62092" spans="8:8">
      <c r="H62092" s="12"/>
    </row>
    <row r="62093" spans="8:8">
      <c r="H62093" s="12"/>
    </row>
    <row r="62094" spans="8:8">
      <c r="H62094" s="12"/>
    </row>
    <row r="62095" spans="8:8">
      <c r="H62095" s="12"/>
    </row>
    <row r="62096" spans="8:8">
      <c r="H62096" s="12"/>
    </row>
    <row r="62097" spans="8:8">
      <c r="H62097" s="12"/>
    </row>
    <row r="62098" spans="8:8">
      <c r="H62098" s="12"/>
    </row>
    <row r="62099" spans="8:8">
      <c r="H62099" s="12"/>
    </row>
    <row r="62100" spans="8:8">
      <c r="H62100" s="12"/>
    </row>
    <row r="62101" spans="8:8">
      <c r="H62101" s="12"/>
    </row>
    <row r="62102" spans="8:8">
      <c r="H62102" s="12"/>
    </row>
    <row r="62103" spans="8:8">
      <c r="H62103" s="12"/>
    </row>
    <row r="62104" spans="8:8">
      <c r="H62104" s="12"/>
    </row>
    <row r="62105" spans="8:8">
      <c r="H62105" s="12"/>
    </row>
    <row r="62106" spans="8:8">
      <c r="H62106" s="12"/>
    </row>
    <row r="62107" spans="8:8">
      <c r="H62107" s="12"/>
    </row>
    <row r="62108" spans="8:8">
      <c r="H62108" s="12"/>
    </row>
    <row r="62109" spans="8:8">
      <c r="H62109" s="12"/>
    </row>
    <row r="62110" spans="8:8">
      <c r="H62110" s="12"/>
    </row>
    <row r="62111" spans="8:8">
      <c r="H62111" s="12"/>
    </row>
    <row r="62112" spans="8:8">
      <c r="H62112" s="12"/>
    </row>
    <row r="62113" spans="8:8">
      <c r="H62113" s="12"/>
    </row>
    <row r="62114" spans="8:8">
      <c r="H62114" s="12"/>
    </row>
    <row r="62115" spans="8:8">
      <c r="H62115" s="12"/>
    </row>
    <row r="62116" spans="8:8">
      <c r="H62116" s="12"/>
    </row>
    <row r="62117" spans="8:8">
      <c r="H62117" s="12"/>
    </row>
    <row r="62118" spans="8:8">
      <c r="H62118" s="12"/>
    </row>
    <row r="62119" spans="8:8">
      <c r="H62119" s="12"/>
    </row>
    <row r="62120" spans="8:8">
      <c r="H62120" s="12"/>
    </row>
    <row r="62121" spans="8:8">
      <c r="H62121" s="12"/>
    </row>
    <row r="62122" spans="8:8">
      <c r="H62122" s="12"/>
    </row>
    <row r="62123" spans="8:8">
      <c r="H62123" s="12"/>
    </row>
    <row r="62124" spans="8:8">
      <c r="H62124" s="12"/>
    </row>
    <row r="62125" spans="8:8">
      <c r="H62125" s="12"/>
    </row>
    <row r="62126" spans="8:8">
      <c r="H62126" s="12"/>
    </row>
    <row r="62127" spans="8:8">
      <c r="H62127" s="12"/>
    </row>
    <row r="62128" spans="8:8">
      <c r="H62128" s="12"/>
    </row>
    <row r="62129" spans="8:8">
      <c r="H62129" s="12"/>
    </row>
    <row r="62130" spans="8:8">
      <c r="H62130" s="12"/>
    </row>
    <row r="62131" spans="8:8">
      <c r="H62131" s="12"/>
    </row>
    <row r="62132" spans="8:8">
      <c r="H62132" s="12"/>
    </row>
    <row r="62133" spans="8:8">
      <c r="H62133" s="12"/>
    </row>
    <row r="62134" spans="8:8">
      <c r="H62134" s="12"/>
    </row>
    <row r="62135" spans="8:8">
      <c r="H62135" s="12"/>
    </row>
    <row r="62136" spans="8:8">
      <c r="H62136" s="12"/>
    </row>
    <row r="62137" spans="8:8">
      <c r="H62137" s="12"/>
    </row>
    <row r="62138" spans="8:8">
      <c r="H62138" s="12"/>
    </row>
    <row r="62139" spans="8:8">
      <c r="H62139" s="12"/>
    </row>
    <row r="62140" spans="8:8">
      <c r="H62140" s="12"/>
    </row>
    <row r="62141" spans="8:8">
      <c r="H62141" s="12"/>
    </row>
    <row r="62142" spans="8:8">
      <c r="H62142" s="12"/>
    </row>
    <row r="62143" spans="8:8">
      <c r="H62143" s="12"/>
    </row>
    <row r="62144" spans="8:8">
      <c r="H62144" s="12"/>
    </row>
    <row r="62145" spans="8:8">
      <c r="H62145" s="12"/>
    </row>
    <row r="62146" spans="8:8">
      <c r="H62146" s="12"/>
    </row>
    <row r="62147" spans="8:8">
      <c r="H62147" s="12"/>
    </row>
    <row r="62148" spans="8:8">
      <c r="H62148" s="12"/>
    </row>
    <row r="62149" spans="8:8">
      <c r="H62149" s="12"/>
    </row>
    <row r="62150" spans="8:8">
      <c r="H62150" s="12"/>
    </row>
    <row r="62151" spans="8:8">
      <c r="H62151" s="12"/>
    </row>
    <row r="62152" spans="8:8">
      <c r="H62152" s="12"/>
    </row>
    <row r="62153" spans="8:8">
      <c r="H62153" s="12"/>
    </row>
    <row r="62154" spans="8:8">
      <c r="H62154" s="12"/>
    </row>
    <row r="62155" spans="8:8">
      <c r="H62155" s="12"/>
    </row>
    <row r="62156" spans="8:8">
      <c r="H62156" s="12"/>
    </row>
    <row r="62157" spans="8:8">
      <c r="H62157" s="12"/>
    </row>
    <row r="62158" spans="8:8">
      <c r="H62158" s="12"/>
    </row>
    <row r="62159" spans="8:8">
      <c r="H62159" s="12"/>
    </row>
    <row r="62160" spans="8:8">
      <c r="H62160" s="12"/>
    </row>
    <row r="62161" spans="8:8">
      <c r="H62161" s="12"/>
    </row>
    <row r="62162" spans="8:8">
      <c r="H62162" s="12"/>
    </row>
    <row r="62163" spans="8:8">
      <c r="H62163" s="12"/>
    </row>
    <row r="62164" spans="8:8">
      <c r="H62164" s="12"/>
    </row>
    <row r="62165" spans="8:8">
      <c r="H62165" s="12"/>
    </row>
    <row r="62166" spans="8:8">
      <c r="H62166" s="12"/>
    </row>
    <row r="62167" spans="8:8">
      <c r="H62167" s="12"/>
    </row>
    <row r="62168" spans="8:8">
      <c r="H62168" s="12"/>
    </row>
    <row r="62169" spans="8:8">
      <c r="H62169" s="12"/>
    </row>
    <row r="62170" spans="8:8">
      <c r="H62170" s="12"/>
    </row>
    <row r="62171" spans="8:8">
      <c r="H62171" s="12"/>
    </row>
    <row r="62172" spans="8:8">
      <c r="H62172" s="12"/>
    </row>
    <row r="62173" spans="8:8">
      <c r="H62173" s="12"/>
    </row>
    <row r="62174" spans="8:8">
      <c r="H62174" s="12"/>
    </row>
    <row r="62175" spans="8:8">
      <c r="H62175" s="12"/>
    </row>
    <row r="62176" spans="8:8">
      <c r="H62176" s="12"/>
    </row>
    <row r="62177" spans="8:8">
      <c r="H62177" s="12"/>
    </row>
    <row r="62178" spans="8:8">
      <c r="H62178" s="12"/>
    </row>
    <row r="62179" spans="8:8">
      <c r="H62179" s="12"/>
    </row>
    <row r="62180" spans="8:8">
      <c r="H62180" s="12"/>
    </row>
    <row r="62181" spans="8:8">
      <c r="H62181" s="12"/>
    </row>
    <row r="62182" spans="8:8">
      <c r="H62182" s="12"/>
    </row>
    <row r="62183" spans="8:8">
      <c r="H62183" s="12"/>
    </row>
    <row r="62184" spans="8:8">
      <c r="H62184" s="12"/>
    </row>
    <row r="62185" spans="8:8">
      <c r="H62185" s="12"/>
    </row>
    <row r="62186" spans="8:8">
      <c r="H62186" s="12"/>
    </row>
    <row r="62187" spans="8:8">
      <c r="H62187" s="12"/>
    </row>
    <row r="62188" spans="8:8">
      <c r="H62188" s="12"/>
    </row>
    <row r="62189" spans="8:8">
      <c r="H62189" s="12"/>
    </row>
    <row r="62190" spans="8:8">
      <c r="H62190" s="12"/>
    </row>
    <row r="62191" spans="8:8">
      <c r="H62191" s="12"/>
    </row>
    <row r="62192" spans="8:8">
      <c r="H62192" s="12"/>
    </row>
    <row r="62193" spans="8:8">
      <c r="H62193" s="12"/>
    </row>
    <row r="62194" spans="8:8">
      <c r="H62194" s="12"/>
    </row>
    <row r="62195" spans="8:8">
      <c r="H62195" s="12"/>
    </row>
    <row r="62196" spans="8:8">
      <c r="H62196" s="12"/>
    </row>
    <row r="62197" spans="8:8">
      <c r="H62197" s="12"/>
    </row>
    <row r="62198" spans="8:8">
      <c r="H62198" s="12"/>
    </row>
    <row r="62199" spans="8:8">
      <c r="H62199" s="12"/>
    </row>
    <row r="62200" spans="8:8">
      <c r="H62200" s="12"/>
    </row>
    <row r="62201" spans="8:8">
      <c r="H62201" s="12"/>
    </row>
    <row r="62202" spans="8:8">
      <c r="H62202" s="12"/>
    </row>
    <row r="62203" spans="8:8">
      <c r="H62203" s="12"/>
    </row>
    <row r="62204" spans="8:8">
      <c r="H62204" s="12"/>
    </row>
    <row r="62205" spans="8:8">
      <c r="H62205" s="12"/>
    </row>
    <row r="62206" spans="8:8">
      <c r="H62206" s="12"/>
    </row>
    <row r="62207" spans="8:8">
      <c r="H62207" s="12"/>
    </row>
    <row r="62208" spans="8:8">
      <c r="H62208" s="12"/>
    </row>
    <row r="62209" spans="8:8">
      <c r="H62209" s="12"/>
    </row>
    <row r="62210" spans="8:8">
      <c r="H62210" s="12"/>
    </row>
    <row r="62211" spans="8:8">
      <c r="H62211" s="12"/>
    </row>
    <row r="62212" spans="8:8">
      <c r="H62212" s="12"/>
    </row>
    <row r="62213" spans="8:8">
      <c r="H62213" s="12"/>
    </row>
    <row r="62214" spans="8:8">
      <c r="H62214" s="12"/>
    </row>
    <row r="62215" spans="8:8">
      <c r="H62215" s="12"/>
    </row>
    <row r="62216" spans="8:8">
      <c r="H62216" s="12"/>
    </row>
    <row r="62217" spans="8:8">
      <c r="H62217" s="12"/>
    </row>
    <row r="62218" spans="8:8">
      <c r="H62218" s="12"/>
    </row>
    <row r="62219" spans="8:8">
      <c r="H62219" s="12"/>
    </row>
    <row r="62220" spans="8:8">
      <c r="H62220" s="12"/>
    </row>
    <row r="62221" spans="8:8">
      <c r="H62221" s="12"/>
    </row>
    <row r="62222" spans="8:8">
      <c r="H62222" s="12"/>
    </row>
    <row r="62223" spans="8:8">
      <c r="H62223" s="12"/>
    </row>
    <row r="62224" spans="8:8">
      <c r="H62224" s="12"/>
    </row>
    <row r="62225" spans="8:8">
      <c r="H62225" s="12"/>
    </row>
    <row r="62226" spans="8:8">
      <c r="H62226" s="12"/>
    </row>
    <row r="62227" spans="8:8">
      <c r="H62227" s="12"/>
    </row>
    <row r="62228" spans="8:8">
      <c r="H62228" s="12"/>
    </row>
    <row r="62229" spans="8:8">
      <c r="H62229" s="12"/>
    </row>
    <row r="62230" spans="8:8">
      <c r="H62230" s="12"/>
    </row>
    <row r="62231" spans="8:8">
      <c r="H62231" s="12"/>
    </row>
    <row r="62232" spans="8:8">
      <c r="H62232" s="12"/>
    </row>
    <row r="62233" spans="8:8">
      <c r="H62233" s="12"/>
    </row>
    <row r="62234" spans="8:8">
      <c r="H62234" s="12"/>
    </row>
    <row r="62235" spans="8:8">
      <c r="H62235" s="12"/>
    </row>
    <row r="62236" spans="8:8">
      <c r="H62236" s="12"/>
    </row>
    <row r="62237" spans="8:8">
      <c r="H62237" s="12"/>
    </row>
    <row r="62238" spans="8:8">
      <c r="H62238" s="12"/>
    </row>
    <row r="62239" spans="8:8">
      <c r="H62239" s="12"/>
    </row>
    <row r="62240" spans="8:8">
      <c r="H62240" s="12"/>
    </row>
    <row r="62241" spans="8:8">
      <c r="H62241" s="12"/>
    </row>
    <row r="62242" spans="8:8">
      <c r="H62242" s="12"/>
    </row>
    <row r="62243" spans="8:8">
      <c r="H62243" s="12"/>
    </row>
    <row r="62244" spans="8:8">
      <c r="H62244" s="12"/>
    </row>
    <row r="62245" spans="8:8">
      <c r="H62245" s="12"/>
    </row>
    <row r="62246" spans="8:8">
      <c r="H62246" s="12"/>
    </row>
    <row r="62247" spans="8:8">
      <c r="H62247" s="12"/>
    </row>
    <row r="62248" spans="8:8">
      <c r="H62248" s="12"/>
    </row>
    <row r="62249" spans="8:8">
      <c r="H62249" s="12"/>
    </row>
    <row r="62250" spans="8:8">
      <c r="H62250" s="12"/>
    </row>
    <row r="62251" spans="8:8">
      <c r="H62251" s="12"/>
    </row>
    <row r="62252" spans="8:8">
      <c r="H62252" s="12"/>
    </row>
    <row r="62253" spans="8:8">
      <c r="H62253" s="12"/>
    </row>
    <row r="62254" spans="8:8">
      <c r="H62254" s="12"/>
    </row>
    <row r="62255" spans="8:8">
      <c r="H62255" s="12"/>
    </row>
    <row r="62256" spans="8:8">
      <c r="H62256" s="12"/>
    </row>
    <row r="62257" spans="8:8">
      <c r="H62257" s="12"/>
    </row>
    <row r="62258" spans="8:8">
      <c r="H62258" s="12"/>
    </row>
    <row r="62259" spans="8:8">
      <c r="H62259" s="12"/>
    </row>
    <row r="62260" spans="8:8">
      <c r="H62260" s="12"/>
    </row>
    <row r="62261" spans="8:8">
      <c r="H62261" s="12"/>
    </row>
    <row r="62262" spans="8:8">
      <c r="H62262" s="12"/>
    </row>
    <row r="62263" spans="8:8">
      <c r="H62263" s="12"/>
    </row>
    <row r="62264" spans="8:8">
      <c r="H62264" s="12"/>
    </row>
    <row r="62265" spans="8:8">
      <c r="H62265" s="12"/>
    </row>
    <row r="62266" spans="8:8">
      <c r="H62266" s="12"/>
    </row>
    <row r="62267" spans="8:8">
      <c r="H62267" s="12"/>
    </row>
    <row r="62268" spans="8:8">
      <c r="H62268" s="12"/>
    </row>
    <row r="62269" spans="8:8">
      <c r="H62269" s="12"/>
    </row>
    <row r="62270" spans="8:8">
      <c r="H62270" s="12"/>
    </row>
    <row r="62271" spans="8:8">
      <c r="H62271" s="12"/>
    </row>
    <row r="62272" spans="8:8">
      <c r="H62272" s="12"/>
    </row>
    <row r="62273" spans="8:8">
      <c r="H62273" s="12"/>
    </row>
    <row r="62274" spans="8:8">
      <c r="H62274" s="12"/>
    </row>
    <row r="62275" spans="8:8">
      <c r="H62275" s="12"/>
    </row>
    <row r="62276" spans="8:8">
      <c r="H62276" s="12"/>
    </row>
    <row r="62277" spans="8:8">
      <c r="H62277" s="12"/>
    </row>
    <row r="62278" spans="8:8">
      <c r="H62278" s="12"/>
    </row>
    <row r="62279" spans="8:8">
      <c r="H62279" s="12"/>
    </row>
    <row r="62280" spans="8:8">
      <c r="H62280" s="12"/>
    </row>
    <row r="62281" spans="8:8">
      <c r="H62281" s="12"/>
    </row>
    <row r="62282" spans="8:8">
      <c r="H62282" s="12"/>
    </row>
    <row r="62283" spans="8:8">
      <c r="H62283" s="12"/>
    </row>
    <row r="62284" spans="8:8">
      <c r="H62284" s="12"/>
    </row>
    <row r="62285" spans="8:8">
      <c r="H62285" s="12"/>
    </row>
    <row r="62286" spans="8:8">
      <c r="H62286" s="12"/>
    </row>
    <row r="62287" spans="8:8">
      <c r="H62287" s="12"/>
    </row>
    <row r="62288" spans="8:8">
      <c r="H62288" s="12"/>
    </row>
    <row r="62289" spans="8:8">
      <c r="H62289" s="12"/>
    </row>
    <row r="62290" spans="8:8">
      <c r="H62290" s="12"/>
    </row>
    <row r="62291" spans="8:8">
      <c r="H62291" s="12"/>
    </row>
    <row r="62292" spans="8:8">
      <c r="H62292" s="12"/>
    </row>
    <row r="62293" spans="8:8">
      <c r="H62293" s="12"/>
    </row>
    <row r="62294" spans="8:8">
      <c r="H62294" s="12"/>
    </row>
    <row r="62295" spans="8:8">
      <c r="H62295" s="12"/>
    </row>
    <row r="62296" spans="8:8">
      <c r="H62296" s="12"/>
    </row>
    <row r="62297" spans="8:8">
      <c r="H62297" s="12"/>
    </row>
    <row r="62298" spans="8:8">
      <c r="H62298" s="12"/>
    </row>
    <row r="62299" spans="8:8">
      <c r="H62299" s="12"/>
    </row>
    <row r="62300" spans="8:8">
      <c r="H62300" s="12"/>
    </row>
    <row r="62301" spans="8:8">
      <c r="H62301" s="12"/>
    </row>
    <row r="62302" spans="8:8">
      <c r="H62302" s="12"/>
    </row>
    <row r="62303" spans="8:8">
      <c r="H62303" s="12"/>
    </row>
    <row r="62304" spans="8:8">
      <c r="H62304" s="12"/>
    </row>
    <row r="62305" spans="8:8">
      <c r="H62305" s="12"/>
    </row>
    <row r="62306" spans="8:8">
      <c r="H62306" s="12"/>
    </row>
    <row r="62307" spans="8:8">
      <c r="H62307" s="12"/>
    </row>
    <row r="62308" spans="8:8">
      <c r="H62308" s="12"/>
    </row>
    <row r="62309" spans="8:8">
      <c r="H62309" s="12"/>
    </row>
    <row r="62310" spans="8:8">
      <c r="H62310" s="12"/>
    </row>
    <row r="62311" spans="8:8">
      <c r="H62311" s="12"/>
    </row>
    <row r="62312" spans="8:8">
      <c r="H62312" s="12"/>
    </row>
    <row r="62313" spans="8:8">
      <c r="H62313" s="12"/>
    </row>
    <row r="62314" spans="8:8">
      <c r="H62314" s="12"/>
    </row>
    <row r="62315" spans="8:8">
      <c r="H62315" s="12"/>
    </row>
    <row r="62316" spans="8:8">
      <c r="H62316" s="12"/>
    </row>
    <row r="62317" spans="8:8">
      <c r="H62317" s="12"/>
    </row>
    <row r="62318" spans="8:8">
      <c r="H62318" s="12"/>
    </row>
    <row r="62319" spans="8:8">
      <c r="H62319" s="12"/>
    </row>
    <row r="62320" spans="8:8">
      <c r="H62320" s="12"/>
    </row>
    <row r="62321" spans="8:8">
      <c r="H62321" s="12"/>
    </row>
    <row r="62322" spans="8:8">
      <c r="H62322" s="12"/>
    </row>
    <row r="62323" spans="8:8">
      <c r="H62323" s="12"/>
    </row>
    <row r="62324" spans="8:8">
      <c r="H62324" s="12"/>
    </row>
    <row r="62325" spans="8:8">
      <c r="H62325" s="12"/>
    </row>
    <row r="62326" spans="8:8">
      <c r="H62326" s="12"/>
    </row>
    <row r="62327" spans="8:8">
      <c r="H62327" s="12"/>
    </row>
    <row r="62328" spans="8:8">
      <c r="H62328" s="12"/>
    </row>
    <row r="62329" spans="8:8">
      <c r="H62329" s="12"/>
    </row>
    <row r="62330" spans="8:8">
      <c r="H62330" s="12"/>
    </row>
    <row r="62331" spans="8:8">
      <c r="H62331" s="12"/>
    </row>
    <row r="62332" spans="8:8">
      <c r="H62332" s="12"/>
    </row>
    <row r="62333" spans="8:8">
      <c r="H62333" s="12"/>
    </row>
    <row r="62334" spans="8:8">
      <c r="H62334" s="12"/>
    </row>
    <row r="62335" spans="8:8">
      <c r="H62335" s="12"/>
    </row>
    <row r="62336" spans="8:8">
      <c r="H62336" s="12"/>
    </row>
    <row r="62337" spans="8:8">
      <c r="H62337" s="12"/>
    </row>
    <row r="62338" spans="8:8">
      <c r="H62338" s="12"/>
    </row>
    <row r="62339" spans="8:8">
      <c r="H62339" s="12"/>
    </row>
    <row r="62340" spans="8:8">
      <c r="H62340" s="12"/>
    </row>
    <row r="62341" spans="8:8">
      <c r="H62341" s="12"/>
    </row>
    <row r="62342" spans="8:8">
      <c r="H62342" s="12"/>
    </row>
    <row r="62343" spans="8:8">
      <c r="H62343" s="12"/>
    </row>
    <row r="62344" spans="8:8">
      <c r="H62344" s="12"/>
    </row>
    <row r="62345" spans="8:8">
      <c r="H62345" s="12"/>
    </row>
    <row r="62346" spans="8:8">
      <c r="H62346" s="12"/>
    </row>
    <row r="62347" spans="8:8">
      <c r="H62347" s="12"/>
    </row>
    <row r="62348" spans="8:8">
      <c r="H62348" s="12"/>
    </row>
    <row r="62349" spans="8:8">
      <c r="H62349" s="12"/>
    </row>
    <row r="62350" spans="8:8">
      <c r="H62350" s="12"/>
    </row>
    <row r="62351" spans="8:8">
      <c r="H62351" s="12"/>
    </row>
    <row r="62352" spans="8:8">
      <c r="H62352" s="12"/>
    </row>
    <row r="62353" spans="8:8">
      <c r="H62353" s="12"/>
    </row>
    <row r="62354" spans="8:8">
      <c r="H62354" s="12"/>
    </row>
    <row r="62355" spans="8:8">
      <c r="H62355" s="12"/>
    </row>
    <row r="62356" spans="8:8">
      <c r="H62356" s="12"/>
    </row>
    <row r="62357" spans="8:8">
      <c r="H62357" s="12"/>
    </row>
    <row r="62358" spans="8:8">
      <c r="H62358" s="12"/>
    </row>
    <row r="62359" spans="8:8">
      <c r="H62359" s="12"/>
    </row>
    <row r="62360" spans="8:8">
      <c r="H62360" s="12"/>
    </row>
    <row r="62361" spans="8:8">
      <c r="H62361" s="12"/>
    </row>
    <row r="62362" spans="8:8">
      <c r="H62362" s="12"/>
    </row>
    <row r="62363" spans="8:8">
      <c r="H62363" s="12"/>
    </row>
    <row r="62364" spans="8:8">
      <c r="H62364" s="12"/>
    </row>
    <row r="62365" spans="8:8">
      <c r="H62365" s="12"/>
    </row>
    <row r="62366" spans="8:8">
      <c r="H62366" s="12"/>
    </row>
    <row r="62367" spans="8:8">
      <c r="H62367" s="12"/>
    </row>
    <row r="62368" spans="8:8">
      <c r="H62368" s="12"/>
    </row>
    <row r="62369" spans="8:8">
      <c r="H62369" s="12"/>
    </row>
    <row r="62370" spans="8:8">
      <c r="H62370" s="12"/>
    </row>
    <row r="62371" spans="8:8">
      <c r="H62371" s="12"/>
    </row>
    <row r="62372" spans="8:8">
      <c r="H62372" s="12"/>
    </row>
    <row r="62373" spans="8:8">
      <c r="H62373" s="12"/>
    </row>
    <row r="62374" spans="8:8">
      <c r="H62374" s="12"/>
    </row>
    <row r="62375" spans="8:8">
      <c r="H62375" s="12"/>
    </row>
    <row r="62376" spans="8:8">
      <c r="H62376" s="12"/>
    </row>
    <row r="62377" spans="8:8">
      <c r="H62377" s="12"/>
    </row>
    <row r="62378" spans="8:8">
      <c r="H62378" s="12"/>
    </row>
    <row r="62379" spans="8:8">
      <c r="H62379" s="12"/>
    </row>
    <row r="62380" spans="8:8">
      <c r="H62380" s="12"/>
    </row>
    <row r="62381" spans="8:8">
      <c r="H62381" s="12"/>
    </row>
    <row r="62382" spans="8:8">
      <c r="H62382" s="12"/>
    </row>
    <row r="62383" spans="8:8">
      <c r="H62383" s="12"/>
    </row>
    <row r="62384" spans="8:8">
      <c r="H62384" s="12"/>
    </row>
    <row r="62385" spans="8:8">
      <c r="H62385" s="12"/>
    </row>
    <row r="62386" spans="8:8">
      <c r="H62386" s="12"/>
    </row>
    <row r="62387" spans="8:8">
      <c r="H62387" s="12"/>
    </row>
    <row r="62388" spans="8:8">
      <c r="H62388" s="12"/>
    </row>
    <row r="62389" spans="8:8">
      <c r="H62389" s="12"/>
    </row>
    <row r="62390" spans="8:8">
      <c r="H62390" s="12"/>
    </row>
    <row r="62391" spans="8:8">
      <c r="H62391" s="12"/>
    </row>
    <row r="62392" spans="8:8">
      <c r="H62392" s="12"/>
    </row>
    <row r="62393" spans="8:8">
      <c r="H62393" s="12"/>
    </row>
    <row r="62394" spans="8:8">
      <c r="H62394" s="12"/>
    </row>
    <row r="62395" spans="8:8">
      <c r="H62395" s="12"/>
    </row>
    <row r="62396" spans="8:8">
      <c r="H62396" s="12"/>
    </row>
    <row r="62397" spans="8:8">
      <c r="H62397" s="12"/>
    </row>
    <row r="62398" spans="8:8">
      <c r="H62398" s="12"/>
    </row>
    <row r="62399" spans="8:8">
      <c r="H62399" s="12"/>
    </row>
    <row r="62400" spans="8:8">
      <c r="H62400" s="12"/>
    </row>
    <row r="62401" spans="8:8">
      <c r="H62401" s="12"/>
    </row>
    <row r="62402" spans="8:8">
      <c r="H62402" s="12"/>
    </row>
    <row r="62403" spans="8:8">
      <c r="H62403" s="12"/>
    </row>
    <row r="62404" spans="8:8">
      <c r="H62404" s="12"/>
    </row>
    <row r="62405" spans="8:8">
      <c r="H62405" s="12"/>
    </row>
    <row r="62406" spans="8:8">
      <c r="H62406" s="12"/>
    </row>
    <row r="62407" spans="8:8">
      <c r="H62407" s="12"/>
    </row>
    <row r="62408" spans="8:8">
      <c r="H62408" s="12"/>
    </row>
    <row r="62409" spans="8:8">
      <c r="H62409" s="12"/>
    </row>
    <row r="62410" spans="8:8">
      <c r="H62410" s="12"/>
    </row>
    <row r="62411" spans="8:8">
      <c r="H62411" s="12"/>
    </row>
    <row r="62412" spans="8:8">
      <c r="H62412" s="12"/>
    </row>
    <row r="62413" spans="8:8">
      <c r="H62413" s="12"/>
    </row>
    <row r="62414" spans="8:8">
      <c r="H62414" s="12"/>
    </row>
    <row r="62415" spans="8:8">
      <c r="H62415" s="12"/>
    </row>
    <row r="62416" spans="8:8">
      <c r="H62416" s="12"/>
    </row>
    <row r="62417" spans="8:8">
      <c r="H62417" s="12"/>
    </row>
    <row r="62418" spans="8:8">
      <c r="H62418" s="12"/>
    </row>
    <row r="62419" spans="8:8">
      <c r="H62419" s="12"/>
    </row>
    <row r="62420" spans="8:8">
      <c r="H62420" s="12"/>
    </row>
    <row r="62421" spans="8:8">
      <c r="H62421" s="12"/>
    </row>
    <row r="62422" spans="8:8">
      <c r="H62422" s="12"/>
    </row>
    <row r="62423" spans="8:8">
      <c r="H62423" s="12"/>
    </row>
    <row r="62424" spans="8:8">
      <c r="H62424" s="12"/>
    </row>
    <row r="62425" spans="8:8">
      <c r="H62425" s="12"/>
    </row>
    <row r="62426" spans="8:8">
      <c r="H62426" s="12"/>
    </row>
    <row r="62427" spans="8:8">
      <c r="H62427" s="12"/>
    </row>
    <row r="62428" spans="8:8">
      <c r="H62428" s="12"/>
    </row>
    <row r="62429" spans="8:8">
      <c r="H62429" s="12"/>
    </row>
    <row r="62430" spans="8:8">
      <c r="H62430" s="12"/>
    </row>
    <row r="62431" spans="8:8">
      <c r="H62431" s="12"/>
    </row>
    <row r="62432" spans="8:8">
      <c r="H62432" s="12"/>
    </row>
    <row r="62433" spans="8:8">
      <c r="H62433" s="12"/>
    </row>
    <row r="62434" spans="8:8">
      <c r="H62434" s="12"/>
    </row>
    <row r="62435" spans="8:8">
      <c r="H62435" s="12"/>
    </row>
    <row r="62436" spans="8:8">
      <c r="H62436" s="12"/>
    </row>
    <row r="62437" spans="8:8">
      <c r="H62437" s="12"/>
    </row>
    <row r="62438" spans="8:8">
      <c r="H62438" s="12"/>
    </row>
    <row r="62439" spans="8:8">
      <c r="H62439" s="12"/>
    </row>
    <row r="62440" spans="8:8">
      <c r="H62440" s="12"/>
    </row>
    <row r="62441" spans="8:8">
      <c r="H62441" s="12"/>
    </row>
    <row r="62442" spans="8:8">
      <c r="H62442" s="12"/>
    </row>
    <row r="62443" spans="8:8">
      <c r="H62443" s="12"/>
    </row>
    <row r="62444" spans="8:8">
      <c r="H62444" s="12"/>
    </row>
    <row r="62445" spans="8:8">
      <c r="H62445" s="12"/>
    </row>
    <row r="62446" spans="8:8">
      <c r="H62446" s="12"/>
    </row>
    <row r="62447" spans="8:8">
      <c r="H62447" s="12"/>
    </row>
    <row r="62448" spans="8:8">
      <c r="H62448" s="12"/>
    </row>
    <row r="62449" spans="8:8">
      <c r="H62449" s="12"/>
    </row>
    <row r="62450" spans="8:8">
      <c r="H62450" s="12"/>
    </row>
    <row r="62451" spans="8:8">
      <c r="H62451" s="12"/>
    </row>
    <row r="62452" spans="8:8">
      <c r="H62452" s="12"/>
    </row>
    <row r="62453" spans="8:8">
      <c r="H62453" s="12"/>
    </row>
    <row r="62454" spans="8:8">
      <c r="H62454" s="12"/>
    </row>
    <row r="62455" spans="8:8">
      <c r="H62455" s="12"/>
    </row>
    <row r="62456" spans="8:8">
      <c r="H62456" s="12"/>
    </row>
    <row r="62457" spans="8:8">
      <c r="H62457" s="12"/>
    </row>
    <row r="62458" spans="8:8">
      <c r="H62458" s="12"/>
    </row>
    <row r="62459" spans="8:8">
      <c r="H62459" s="12"/>
    </row>
    <row r="62460" spans="8:8">
      <c r="H62460" s="12"/>
    </row>
    <row r="62461" spans="8:8">
      <c r="H62461" s="12"/>
    </row>
    <row r="62462" spans="8:8">
      <c r="H62462" s="12"/>
    </row>
    <row r="62463" spans="8:8">
      <c r="H62463" s="12"/>
    </row>
    <row r="62464" spans="8:8">
      <c r="H62464" s="12"/>
    </row>
    <row r="62465" spans="8:8">
      <c r="H62465" s="12"/>
    </row>
    <row r="62466" spans="8:8">
      <c r="H62466" s="12"/>
    </row>
    <row r="62467" spans="8:8">
      <c r="H62467" s="12"/>
    </row>
    <row r="62468" spans="8:8">
      <c r="H62468" s="12"/>
    </row>
    <row r="62469" spans="8:8">
      <c r="H62469" s="12"/>
    </row>
    <row r="62470" spans="8:8">
      <c r="H62470" s="12"/>
    </row>
    <row r="62471" spans="8:8">
      <c r="H62471" s="12"/>
    </row>
    <row r="62472" spans="8:8">
      <c r="H62472" s="12"/>
    </row>
    <row r="62473" spans="8:8">
      <c r="H62473" s="12"/>
    </row>
    <row r="62474" spans="8:8">
      <c r="H62474" s="12"/>
    </row>
    <row r="62475" spans="8:8">
      <c r="H62475" s="12"/>
    </row>
    <row r="62476" spans="8:8">
      <c r="H62476" s="12"/>
    </row>
    <row r="62477" spans="8:8">
      <c r="H62477" s="12"/>
    </row>
    <row r="62478" spans="8:8">
      <c r="H62478" s="12"/>
    </row>
    <row r="62479" spans="8:8">
      <c r="H62479" s="12"/>
    </row>
    <row r="62480" spans="8:8">
      <c r="H62480" s="12"/>
    </row>
    <row r="62481" spans="8:8">
      <c r="H62481" s="12"/>
    </row>
    <row r="62482" spans="8:8">
      <c r="H62482" s="12"/>
    </row>
    <row r="62483" spans="8:8">
      <c r="H62483" s="12"/>
    </row>
    <row r="62484" spans="8:8">
      <c r="H62484" s="12"/>
    </row>
    <row r="62485" spans="8:8">
      <c r="H62485" s="12"/>
    </row>
    <row r="62486" spans="8:8">
      <c r="H62486" s="12"/>
    </row>
    <row r="62487" spans="8:8">
      <c r="H62487" s="12"/>
    </row>
    <row r="62488" spans="8:8">
      <c r="H62488" s="12"/>
    </row>
    <row r="62489" spans="8:8">
      <c r="H62489" s="12"/>
    </row>
    <row r="62490" spans="8:8">
      <c r="H62490" s="12"/>
    </row>
    <row r="62491" spans="8:8">
      <c r="H62491" s="12"/>
    </row>
    <row r="62492" spans="8:8">
      <c r="H62492" s="12"/>
    </row>
    <row r="62493" spans="8:8">
      <c r="H62493" s="12"/>
    </row>
    <row r="62494" spans="8:8">
      <c r="H62494" s="12"/>
    </row>
    <row r="62495" spans="8:8">
      <c r="H62495" s="12"/>
    </row>
    <row r="62496" spans="8:8">
      <c r="H62496" s="12"/>
    </row>
    <row r="62497" spans="8:8">
      <c r="H62497" s="12"/>
    </row>
    <row r="62498" spans="8:8">
      <c r="H62498" s="12"/>
    </row>
    <row r="62499" spans="8:8">
      <c r="H62499" s="12"/>
    </row>
    <row r="62500" spans="8:8">
      <c r="H62500" s="12"/>
    </row>
    <row r="62501" spans="8:8">
      <c r="H62501" s="12"/>
    </row>
    <row r="62502" spans="8:8">
      <c r="H62502" s="12"/>
    </row>
    <row r="62503" spans="8:8">
      <c r="H62503" s="12"/>
    </row>
    <row r="62504" spans="8:8">
      <c r="H62504" s="12"/>
    </row>
    <row r="62505" spans="8:8">
      <c r="H62505" s="12"/>
    </row>
    <row r="62506" spans="8:8">
      <c r="H62506" s="12"/>
    </row>
    <row r="62507" spans="8:8">
      <c r="H62507" s="12"/>
    </row>
    <row r="62508" spans="8:8">
      <c r="H62508" s="12"/>
    </row>
    <row r="62509" spans="8:8">
      <c r="H62509" s="12"/>
    </row>
    <row r="62510" spans="8:8">
      <c r="H62510" s="12"/>
    </row>
    <row r="62511" spans="8:8">
      <c r="H62511" s="12"/>
    </row>
    <row r="62512" spans="8:8">
      <c r="H62512" s="12"/>
    </row>
    <row r="62513" spans="8:8">
      <c r="H62513" s="12"/>
    </row>
    <row r="62514" spans="8:8">
      <c r="H62514" s="12"/>
    </row>
    <row r="62515" spans="8:8">
      <c r="H62515" s="12"/>
    </row>
    <row r="62516" spans="8:8">
      <c r="H62516" s="12"/>
    </row>
    <row r="62517" spans="8:8">
      <c r="H62517" s="12"/>
    </row>
    <row r="62518" spans="8:8">
      <c r="H62518" s="12"/>
    </row>
    <row r="62519" spans="8:8">
      <c r="H62519" s="12"/>
    </row>
    <row r="62520" spans="8:8">
      <c r="H62520" s="12"/>
    </row>
    <row r="62521" spans="8:8">
      <c r="H62521" s="12"/>
    </row>
    <row r="62522" spans="8:8">
      <c r="H62522" s="12"/>
    </row>
    <row r="62523" spans="8:8">
      <c r="H62523" s="12"/>
    </row>
    <row r="62524" spans="8:8">
      <c r="H62524" s="12"/>
    </row>
    <row r="62525" spans="8:8">
      <c r="H62525" s="12"/>
    </row>
    <row r="62526" spans="8:8">
      <c r="H62526" s="12"/>
    </row>
    <row r="62527" spans="8:8">
      <c r="H62527" s="12"/>
    </row>
    <row r="62528" spans="8:8">
      <c r="H62528" s="12"/>
    </row>
    <row r="62529" spans="8:8">
      <c r="H62529" s="12"/>
    </row>
    <row r="62530" spans="8:8">
      <c r="H62530" s="12"/>
    </row>
    <row r="62531" spans="8:8">
      <c r="H62531" s="12"/>
    </row>
    <row r="62532" spans="8:8">
      <c r="H62532" s="12"/>
    </row>
    <row r="62533" spans="8:8">
      <c r="H62533" s="12"/>
    </row>
    <row r="62534" spans="8:8">
      <c r="H62534" s="12"/>
    </row>
    <row r="62535" spans="8:8">
      <c r="H62535" s="12"/>
    </row>
    <row r="62536" spans="8:8">
      <c r="H62536" s="12"/>
    </row>
    <row r="62537" spans="8:8">
      <c r="H62537" s="12"/>
    </row>
    <row r="62538" spans="8:8">
      <c r="H62538" s="12"/>
    </row>
    <row r="62539" spans="8:8">
      <c r="H62539" s="12"/>
    </row>
    <row r="62540" spans="8:8">
      <c r="H62540" s="12"/>
    </row>
    <row r="62541" spans="8:8">
      <c r="H62541" s="12"/>
    </row>
    <row r="62542" spans="8:8">
      <c r="H62542" s="12"/>
    </row>
    <row r="62543" spans="8:8">
      <c r="H62543" s="12"/>
    </row>
    <row r="62544" spans="8:8">
      <c r="H62544" s="12"/>
    </row>
    <row r="62545" spans="8:8">
      <c r="H62545" s="12"/>
    </row>
    <row r="62546" spans="8:8">
      <c r="H62546" s="12"/>
    </row>
    <row r="62547" spans="8:8">
      <c r="H62547" s="12"/>
    </row>
    <row r="62548" spans="8:8">
      <c r="H62548" s="12"/>
    </row>
    <row r="62549" spans="8:8">
      <c r="H62549" s="12"/>
    </row>
    <row r="62550" spans="8:8">
      <c r="H62550" s="12"/>
    </row>
    <row r="62551" spans="8:8">
      <c r="H62551" s="12"/>
    </row>
    <row r="62552" spans="8:8">
      <c r="H62552" s="12"/>
    </row>
    <row r="62553" spans="8:8">
      <c r="H62553" s="12"/>
    </row>
    <row r="62554" spans="8:8">
      <c r="H62554" s="12"/>
    </row>
    <row r="62555" spans="8:8">
      <c r="H62555" s="12"/>
    </row>
    <row r="62556" spans="8:8">
      <c r="H62556" s="12"/>
    </row>
    <row r="62557" spans="8:8">
      <c r="H62557" s="12"/>
    </row>
    <row r="62558" spans="8:8">
      <c r="H62558" s="12"/>
    </row>
    <row r="62559" spans="8:8">
      <c r="H62559" s="12"/>
    </row>
    <row r="62560" spans="8:8">
      <c r="H62560" s="12"/>
    </row>
    <row r="62561" spans="8:8">
      <c r="H62561" s="12"/>
    </row>
    <row r="62562" spans="8:8">
      <c r="H62562" s="12"/>
    </row>
    <row r="62563" spans="8:8">
      <c r="H62563" s="12"/>
    </row>
    <row r="62564" spans="8:8">
      <c r="H62564" s="12"/>
    </row>
    <row r="62565" spans="8:8">
      <c r="H62565" s="12"/>
    </row>
    <row r="62566" spans="8:8">
      <c r="H62566" s="12"/>
    </row>
    <row r="62567" spans="8:8">
      <c r="H62567" s="12"/>
    </row>
    <row r="62568" spans="8:8">
      <c r="H62568" s="12"/>
    </row>
    <row r="62569" spans="8:8">
      <c r="H62569" s="12"/>
    </row>
    <row r="62570" spans="8:8">
      <c r="H62570" s="12"/>
    </row>
    <row r="62571" spans="8:8">
      <c r="H62571" s="12"/>
    </row>
    <row r="62572" spans="8:8">
      <c r="H62572" s="12"/>
    </row>
    <row r="62573" spans="8:8">
      <c r="H62573" s="12"/>
    </row>
    <row r="62574" spans="8:8">
      <c r="H62574" s="12"/>
    </row>
    <row r="62575" spans="8:8">
      <c r="H62575" s="12"/>
    </row>
    <row r="62576" spans="8:8">
      <c r="H62576" s="12"/>
    </row>
    <row r="62577" spans="8:8">
      <c r="H62577" s="12"/>
    </row>
    <row r="62578" spans="8:8">
      <c r="H62578" s="12"/>
    </row>
    <row r="62579" spans="8:8">
      <c r="H62579" s="12"/>
    </row>
    <row r="62580" spans="8:8">
      <c r="H62580" s="12"/>
    </row>
    <row r="62581" spans="8:8">
      <c r="H62581" s="12"/>
    </row>
    <row r="62582" spans="8:8">
      <c r="H62582" s="12"/>
    </row>
    <row r="62583" spans="8:8">
      <c r="H62583" s="12"/>
    </row>
    <row r="62584" spans="8:8">
      <c r="H62584" s="12"/>
    </row>
    <row r="62585" spans="8:8">
      <c r="H62585" s="12"/>
    </row>
    <row r="62586" spans="8:8">
      <c r="H62586" s="12"/>
    </row>
    <row r="62587" spans="8:8">
      <c r="H62587" s="12"/>
    </row>
    <row r="62588" spans="8:8">
      <c r="H62588" s="12"/>
    </row>
    <row r="62589" spans="8:8">
      <c r="H62589" s="12"/>
    </row>
    <row r="62590" spans="8:8">
      <c r="H62590" s="12"/>
    </row>
    <row r="62591" spans="8:8">
      <c r="H62591" s="12"/>
    </row>
    <row r="62592" spans="8:8">
      <c r="H62592" s="12"/>
    </row>
    <row r="62593" spans="8:8">
      <c r="H62593" s="12"/>
    </row>
    <row r="62594" spans="8:8">
      <c r="H62594" s="12"/>
    </row>
    <row r="62595" spans="8:8">
      <c r="H62595" s="12"/>
    </row>
    <row r="62596" spans="8:8">
      <c r="H62596" s="12"/>
    </row>
    <row r="62597" spans="8:8">
      <c r="H62597" s="12"/>
    </row>
    <row r="62598" spans="8:8">
      <c r="H62598" s="12"/>
    </row>
    <row r="62599" spans="8:8">
      <c r="H62599" s="12"/>
    </row>
    <row r="62600" spans="8:8">
      <c r="H62600" s="12"/>
    </row>
    <row r="62601" spans="8:8">
      <c r="H62601" s="12"/>
    </row>
    <row r="62602" spans="8:8">
      <c r="H62602" s="12"/>
    </row>
    <row r="62603" spans="8:8">
      <c r="H62603" s="12"/>
    </row>
    <row r="62604" spans="8:8">
      <c r="H62604" s="12"/>
    </row>
    <row r="62605" spans="8:8">
      <c r="H62605" s="12"/>
    </row>
    <row r="62606" spans="8:8">
      <c r="H62606" s="12"/>
    </row>
    <row r="62607" spans="8:8">
      <c r="H62607" s="12"/>
    </row>
    <row r="62608" spans="8:8">
      <c r="H62608" s="12"/>
    </row>
    <row r="62609" spans="8:8">
      <c r="H62609" s="12"/>
    </row>
    <row r="62610" spans="8:8">
      <c r="H62610" s="12"/>
    </row>
    <row r="62611" spans="8:8">
      <c r="H62611" s="12"/>
    </row>
    <row r="62612" spans="8:8">
      <c r="H62612" s="12"/>
    </row>
    <row r="62613" spans="8:8">
      <c r="H62613" s="12"/>
    </row>
    <row r="62614" spans="8:8">
      <c r="H62614" s="12"/>
    </row>
    <row r="62615" spans="8:8">
      <c r="H62615" s="12"/>
    </row>
    <row r="62616" spans="8:8">
      <c r="H62616" s="12"/>
    </row>
    <row r="62617" spans="8:8">
      <c r="H62617" s="12"/>
    </row>
    <row r="62618" spans="8:8">
      <c r="H62618" s="12"/>
    </row>
    <row r="62619" spans="8:8">
      <c r="H62619" s="12"/>
    </row>
    <row r="62620" spans="8:8">
      <c r="H62620" s="12"/>
    </row>
    <row r="62621" spans="8:8">
      <c r="H62621" s="12"/>
    </row>
    <row r="62622" spans="8:8">
      <c r="H62622" s="12"/>
    </row>
    <row r="62623" spans="8:8">
      <c r="H62623" s="12"/>
    </row>
    <row r="62624" spans="8:8">
      <c r="H62624" s="12"/>
    </row>
    <row r="62625" spans="8:8">
      <c r="H62625" s="12"/>
    </row>
    <row r="62626" spans="8:8">
      <c r="H62626" s="12"/>
    </row>
    <row r="62627" spans="8:8">
      <c r="H62627" s="12"/>
    </row>
    <row r="62628" spans="8:8">
      <c r="H62628" s="12"/>
    </row>
    <row r="62629" spans="8:8">
      <c r="H62629" s="12"/>
    </row>
    <row r="62630" spans="8:8">
      <c r="H62630" s="12"/>
    </row>
    <row r="62631" spans="8:8">
      <c r="H62631" s="12"/>
    </row>
    <row r="62632" spans="8:8">
      <c r="H62632" s="12"/>
    </row>
    <row r="62633" spans="8:8">
      <c r="H62633" s="12"/>
    </row>
    <row r="62634" spans="8:8">
      <c r="H62634" s="12"/>
    </row>
    <row r="62635" spans="8:8">
      <c r="H62635" s="12"/>
    </row>
    <row r="62636" spans="8:8">
      <c r="H62636" s="12"/>
    </row>
    <row r="62637" spans="8:8">
      <c r="H62637" s="12"/>
    </row>
    <row r="62638" spans="8:8">
      <c r="H62638" s="12"/>
    </row>
    <row r="62639" spans="8:8">
      <c r="H62639" s="12"/>
    </row>
    <row r="62640" spans="8:8">
      <c r="H62640" s="12"/>
    </row>
    <row r="62641" spans="8:8">
      <c r="H62641" s="12"/>
    </row>
    <row r="62642" spans="8:8">
      <c r="H62642" s="12"/>
    </row>
    <row r="62643" spans="8:8">
      <c r="H62643" s="12"/>
    </row>
    <row r="62644" spans="8:8">
      <c r="H62644" s="12"/>
    </row>
    <row r="62645" spans="8:8">
      <c r="H62645" s="12"/>
    </row>
    <row r="62646" spans="8:8">
      <c r="H62646" s="12"/>
    </row>
    <row r="62647" spans="8:8">
      <c r="H62647" s="12"/>
    </row>
    <row r="62648" spans="8:8">
      <c r="H62648" s="12"/>
    </row>
    <row r="62649" spans="8:8">
      <c r="H62649" s="12"/>
    </row>
    <row r="62650" spans="8:8">
      <c r="H62650" s="12"/>
    </row>
    <row r="62651" spans="8:8">
      <c r="H62651" s="12"/>
    </row>
    <row r="62652" spans="8:8">
      <c r="H62652" s="12"/>
    </row>
    <row r="62653" spans="8:8">
      <c r="H62653" s="12"/>
    </row>
    <row r="62654" spans="8:8">
      <c r="H62654" s="12"/>
    </row>
    <row r="62655" spans="8:8">
      <c r="H62655" s="12"/>
    </row>
    <row r="62656" spans="8:8">
      <c r="H62656" s="12"/>
    </row>
    <row r="62657" spans="8:8">
      <c r="H62657" s="12"/>
    </row>
    <row r="62658" spans="8:8">
      <c r="H62658" s="12"/>
    </row>
    <row r="62659" spans="8:8">
      <c r="H62659" s="12"/>
    </row>
    <row r="62660" spans="8:8">
      <c r="H62660" s="12"/>
    </row>
    <row r="62661" spans="8:8">
      <c r="H62661" s="12"/>
    </row>
    <row r="62662" spans="8:8">
      <c r="H62662" s="12"/>
    </row>
    <row r="62663" spans="8:8">
      <c r="H62663" s="12"/>
    </row>
    <row r="62664" spans="8:8">
      <c r="H62664" s="12"/>
    </row>
    <row r="62665" spans="8:8">
      <c r="H62665" s="12"/>
    </row>
    <row r="62666" spans="8:8">
      <c r="H62666" s="12"/>
    </row>
    <row r="62667" spans="8:8">
      <c r="H62667" s="12"/>
    </row>
    <row r="62668" spans="8:8">
      <c r="H62668" s="12"/>
    </row>
    <row r="62669" spans="8:8">
      <c r="H62669" s="12"/>
    </row>
    <row r="62670" spans="8:8">
      <c r="H62670" s="12"/>
    </row>
    <row r="62671" spans="8:8">
      <c r="H62671" s="12"/>
    </row>
    <row r="62672" spans="8:8">
      <c r="H62672" s="12"/>
    </row>
    <row r="62673" spans="8:8">
      <c r="H62673" s="12"/>
    </row>
    <row r="62674" spans="8:8">
      <c r="H62674" s="12"/>
    </row>
    <row r="62675" spans="8:8">
      <c r="H62675" s="12"/>
    </row>
    <row r="62676" spans="8:8">
      <c r="H62676" s="12"/>
    </row>
    <row r="62677" spans="8:8">
      <c r="H62677" s="12"/>
    </row>
    <row r="62678" spans="8:8">
      <c r="H62678" s="12"/>
    </row>
    <row r="62679" spans="8:8">
      <c r="H62679" s="12"/>
    </row>
    <row r="62680" spans="8:8">
      <c r="H62680" s="12"/>
    </row>
    <row r="62681" spans="8:8">
      <c r="H62681" s="12"/>
    </row>
    <row r="62682" spans="8:8">
      <c r="H62682" s="12"/>
    </row>
    <row r="62683" spans="8:8">
      <c r="H62683" s="12"/>
    </row>
    <row r="62684" spans="8:8">
      <c r="H62684" s="12"/>
    </row>
    <row r="62685" spans="8:8">
      <c r="H62685" s="12"/>
    </row>
    <row r="62686" spans="8:8">
      <c r="H62686" s="12"/>
    </row>
    <row r="62687" spans="8:8">
      <c r="H62687" s="12"/>
    </row>
    <row r="62688" spans="8:8">
      <c r="H62688" s="12"/>
    </row>
    <row r="62689" spans="8:8">
      <c r="H62689" s="12"/>
    </row>
    <row r="62690" spans="8:8">
      <c r="H62690" s="12"/>
    </row>
    <row r="62691" spans="8:8">
      <c r="H62691" s="12"/>
    </row>
    <row r="62692" spans="8:8">
      <c r="H62692" s="12"/>
    </row>
    <row r="62693" spans="8:8">
      <c r="H62693" s="12"/>
    </row>
    <row r="62694" spans="8:8">
      <c r="H62694" s="12"/>
    </row>
    <row r="62695" spans="8:8">
      <c r="H62695" s="12"/>
    </row>
    <row r="62696" spans="8:8">
      <c r="H62696" s="12"/>
    </row>
    <row r="62697" spans="8:8">
      <c r="H62697" s="12"/>
    </row>
    <row r="62698" spans="8:8">
      <c r="H62698" s="12"/>
    </row>
    <row r="62699" spans="8:8">
      <c r="H62699" s="12"/>
    </row>
    <row r="62700" spans="8:8">
      <c r="H62700" s="12"/>
    </row>
    <row r="62701" spans="8:8">
      <c r="H62701" s="12"/>
    </row>
    <row r="62702" spans="8:8">
      <c r="H62702" s="12"/>
    </row>
    <row r="62703" spans="8:8">
      <c r="H62703" s="12"/>
    </row>
    <row r="62704" spans="8:8">
      <c r="H62704" s="12"/>
    </row>
    <row r="62705" spans="8:8">
      <c r="H62705" s="12"/>
    </row>
    <row r="62706" spans="8:8">
      <c r="H62706" s="12"/>
    </row>
    <row r="62707" spans="8:8">
      <c r="H62707" s="12"/>
    </row>
    <row r="62708" spans="8:8">
      <c r="H62708" s="12"/>
    </row>
    <row r="62709" spans="8:8">
      <c r="H62709" s="12"/>
    </row>
    <row r="62710" spans="8:8">
      <c r="H62710" s="12"/>
    </row>
    <row r="62711" spans="8:8">
      <c r="H62711" s="12"/>
    </row>
    <row r="62712" spans="8:8">
      <c r="H62712" s="12"/>
    </row>
    <row r="62713" spans="8:8">
      <c r="H62713" s="12"/>
    </row>
    <row r="62714" spans="8:8">
      <c r="H62714" s="12"/>
    </row>
    <row r="62715" spans="8:8">
      <c r="H62715" s="12"/>
    </row>
    <row r="62716" spans="8:8">
      <c r="H62716" s="12"/>
    </row>
    <row r="62717" spans="8:8">
      <c r="H62717" s="12"/>
    </row>
    <row r="62718" spans="8:8">
      <c r="H62718" s="12"/>
    </row>
    <row r="62719" spans="8:8">
      <c r="H62719" s="12"/>
    </row>
    <row r="62720" spans="8:8">
      <c r="H62720" s="12"/>
    </row>
    <row r="62721" spans="8:8">
      <c r="H62721" s="12"/>
    </row>
    <row r="62722" spans="8:8">
      <c r="H62722" s="12"/>
    </row>
    <row r="62723" spans="8:8">
      <c r="H62723" s="12"/>
    </row>
    <row r="62724" spans="8:8">
      <c r="H62724" s="12"/>
    </row>
    <row r="62725" spans="8:8">
      <c r="H62725" s="12"/>
    </row>
    <row r="62726" spans="8:8">
      <c r="H62726" s="12"/>
    </row>
    <row r="62727" spans="8:8">
      <c r="H62727" s="12"/>
    </row>
    <row r="62728" spans="8:8">
      <c r="H62728" s="12"/>
    </row>
    <row r="62729" spans="8:8">
      <c r="H62729" s="12"/>
    </row>
    <row r="62730" spans="8:8">
      <c r="H62730" s="12"/>
    </row>
    <row r="62731" spans="8:8">
      <c r="H62731" s="12"/>
    </row>
    <row r="62732" spans="8:8">
      <c r="H62732" s="12"/>
    </row>
    <row r="62733" spans="8:8">
      <c r="H62733" s="12"/>
    </row>
    <row r="62734" spans="8:8">
      <c r="H62734" s="12"/>
    </row>
    <row r="62735" spans="8:8">
      <c r="H62735" s="12"/>
    </row>
    <row r="62736" spans="8:8">
      <c r="H62736" s="12"/>
    </row>
    <row r="62737" spans="8:8">
      <c r="H62737" s="12"/>
    </row>
    <row r="62738" spans="8:8">
      <c r="H62738" s="12"/>
    </row>
    <row r="62739" spans="8:8">
      <c r="H62739" s="12"/>
    </row>
    <row r="62740" spans="8:8">
      <c r="H62740" s="12"/>
    </row>
    <row r="62741" spans="8:8">
      <c r="H62741" s="12"/>
    </row>
    <row r="62742" spans="8:8">
      <c r="H62742" s="12"/>
    </row>
    <row r="62743" spans="8:8">
      <c r="H62743" s="12"/>
    </row>
    <row r="62744" spans="8:8">
      <c r="H62744" s="12"/>
    </row>
    <row r="62745" spans="8:8">
      <c r="H62745" s="12"/>
    </row>
    <row r="62746" spans="8:8">
      <c r="H62746" s="12"/>
    </row>
    <row r="62747" spans="8:8">
      <c r="H62747" s="12"/>
    </row>
    <row r="62748" spans="8:8">
      <c r="H62748" s="12"/>
    </row>
    <row r="62749" spans="8:8">
      <c r="H62749" s="12"/>
    </row>
    <row r="62750" spans="8:8">
      <c r="H62750" s="12"/>
    </row>
    <row r="62751" spans="8:8">
      <c r="H62751" s="12"/>
    </row>
    <row r="62752" spans="8:8">
      <c r="H62752" s="12"/>
    </row>
    <row r="62753" spans="8:8">
      <c r="H62753" s="12"/>
    </row>
    <row r="62754" spans="8:8">
      <c r="H62754" s="12"/>
    </row>
    <row r="62755" spans="8:8">
      <c r="H62755" s="12"/>
    </row>
    <row r="62756" spans="8:8">
      <c r="H62756" s="12"/>
    </row>
    <row r="62757" spans="8:8">
      <c r="H62757" s="12"/>
    </row>
    <row r="62758" spans="8:8">
      <c r="H62758" s="12"/>
    </row>
    <row r="62759" spans="8:8">
      <c r="H62759" s="12"/>
    </row>
    <row r="62760" spans="8:8">
      <c r="H62760" s="12"/>
    </row>
    <row r="62761" spans="8:8">
      <c r="H62761" s="12"/>
    </row>
    <row r="62762" spans="8:8">
      <c r="H62762" s="12"/>
    </row>
    <row r="62763" spans="8:8">
      <c r="H62763" s="12"/>
    </row>
    <row r="62764" spans="8:8">
      <c r="H62764" s="12"/>
    </row>
    <row r="62765" spans="8:8">
      <c r="H62765" s="12"/>
    </row>
    <row r="62766" spans="8:8">
      <c r="H62766" s="12"/>
    </row>
    <row r="62767" spans="8:8">
      <c r="H62767" s="12"/>
    </row>
    <row r="62768" spans="8:8">
      <c r="H62768" s="12"/>
    </row>
    <row r="62769" spans="8:8">
      <c r="H62769" s="12"/>
    </row>
    <row r="62770" spans="8:8">
      <c r="H62770" s="12"/>
    </row>
    <row r="62771" spans="8:8">
      <c r="H62771" s="12"/>
    </row>
    <row r="62772" spans="8:8">
      <c r="H62772" s="12"/>
    </row>
    <row r="62773" spans="8:8">
      <c r="H62773" s="12"/>
    </row>
    <row r="62774" spans="8:8">
      <c r="H62774" s="12"/>
    </row>
    <row r="62775" spans="8:8">
      <c r="H62775" s="12"/>
    </row>
    <row r="62776" spans="8:8">
      <c r="H62776" s="12"/>
    </row>
    <row r="62777" spans="8:8">
      <c r="H62777" s="12"/>
    </row>
    <row r="62778" spans="8:8">
      <c r="H62778" s="12"/>
    </row>
    <row r="62779" spans="8:8">
      <c r="H62779" s="12"/>
    </row>
    <row r="62780" spans="8:8">
      <c r="H62780" s="12"/>
    </row>
    <row r="62781" spans="8:8">
      <c r="H62781" s="12"/>
    </row>
    <row r="62782" spans="8:8">
      <c r="H62782" s="12"/>
    </row>
    <row r="62783" spans="8:8">
      <c r="H62783" s="12"/>
    </row>
    <row r="62784" spans="8:8">
      <c r="H62784" s="12"/>
    </row>
    <row r="62785" spans="8:8">
      <c r="H62785" s="12"/>
    </row>
    <row r="62786" spans="8:8">
      <c r="H62786" s="12"/>
    </row>
    <row r="62787" spans="8:8">
      <c r="H62787" s="12"/>
    </row>
    <row r="62788" spans="8:8">
      <c r="H62788" s="12"/>
    </row>
    <row r="62789" spans="8:8">
      <c r="H62789" s="12"/>
    </row>
    <row r="62790" spans="8:8">
      <c r="H62790" s="12"/>
    </row>
    <row r="62791" spans="8:8">
      <c r="H62791" s="12"/>
    </row>
    <row r="62792" spans="8:8">
      <c r="H62792" s="12"/>
    </row>
    <row r="62793" spans="8:8">
      <c r="H62793" s="12"/>
    </row>
    <row r="62794" spans="8:8">
      <c r="H62794" s="12"/>
    </row>
    <row r="62795" spans="8:8">
      <c r="H62795" s="12"/>
    </row>
    <row r="62796" spans="8:8">
      <c r="H62796" s="12"/>
    </row>
    <row r="62797" spans="8:8">
      <c r="H62797" s="12"/>
    </row>
    <row r="62798" spans="8:8">
      <c r="H62798" s="12"/>
    </row>
    <row r="62799" spans="8:8">
      <c r="H62799" s="12"/>
    </row>
    <row r="62800" spans="8:8">
      <c r="H62800" s="12"/>
    </row>
    <row r="62801" spans="8:8">
      <c r="H62801" s="12"/>
    </row>
    <row r="62802" spans="8:8">
      <c r="H62802" s="12"/>
    </row>
    <row r="62803" spans="8:8">
      <c r="H62803" s="12"/>
    </row>
    <row r="62804" spans="8:8">
      <c r="H62804" s="12"/>
    </row>
    <row r="62805" spans="8:8">
      <c r="H62805" s="12"/>
    </row>
    <row r="62806" spans="8:8">
      <c r="H62806" s="12"/>
    </row>
    <row r="62807" spans="8:8">
      <c r="H62807" s="12"/>
    </row>
    <row r="62808" spans="8:8">
      <c r="H62808" s="12"/>
    </row>
    <row r="62809" spans="8:8">
      <c r="H62809" s="12"/>
    </row>
    <row r="62810" spans="8:8">
      <c r="H62810" s="12"/>
    </row>
    <row r="62811" spans="8:8">
      <c r="H62811" s="12"/>
    </row>
    <row r="62812" spans="8:8">
      <c r="H62812" s="12"/>
    </row>
    <row r="62813" spans="8:8">
      <c r="H62813" s="12"/>
    </row>
    <row r="62814" spans="8:8">
      <c r="H62814" s="12"/>
    </row>
    <row r="62815" spans="8:8">
      <c r="H62815" s="12"/>
    </row>
    <row r="62816" spans="8:8">
      <c r="H62816" s="12"/>
    </row>
    <row r="62817" spans="8:8">
      <c r="H62817" s="12"/>
    </row>
    <row r="62818" spans="8:8">
      <c r="H62818" s="12"/>
    </row>
    <row r="62819" spans="8:8">
      <c r="H62819" s="12"/>
    </row>
    <row r="62820" spans="8:8">
      <c r="H62820" s="12"/>
    </row>
    <row r="62821" spans="8:8">
      <c r="H62821" s="12"/>
    </row>
    <row r="62822" spans="8:8">
      <c r="H62822" s="12"/>
    </row>
    <row r="62823" spans="8:8">
      <c r="H62823" s="12"/>
    </row>
    <row r="62824" spans="8:8">
      <c r="H62824" s="12"/>
    </row>
    <row r="62825" spans="8:8">
      <c r="H62825" s="12"/>
    </row>
    <row r="62826" spans="8:8">
      <c r="H62826" s="12"/>
    </row>
    <row r="62827" spans="8:8">
      <c r="H62827" s="12"/>
    </row>
    <row r="62828" spans="8:8">
      <c r="H62828" s="12"/>
    </row>
    <row r="62829" spans="8:8">
      <c r="H62829" s="12"/>
    </row>
    <row r="62830" spans="8:8">
      <c r="H62830" s="12"/>
    </row>
    <row r="62831" spans="8:8">
      <c r="H62831" s="12"/>
    </row>
    <row r="62832" spans="8:8">
      <c r="H62832" s="12"/>
    </row>
    <row r="62833" spans="8:8">
      <c r="H62833" s="12"/>
    </row>
    <row r="62834" spans="8:8">
      <c r="H62834" s="12"/>
    </row>
    <row r="62835" spans="8:8">
      <c r="H62835" s="12"/>
    </row>
    <row r="62836" spans="8:8">
      <c r="H62836" s="12"/>
    </row>
    <row r="62837" spans="8:8">
      <c r="H62837" s="12"/>
    </row>
    <row r="62838" spans="8:8">
      <c r="H62838" s="12"/>
    </row>
    <row r="62839" spans="8:8">
      <c r="H62839" s="12"/>
    </row>
    <row r="62840" spans="8:8">
      <c r="H62840" s="12"/>
    </row>
    <row r="62841" spans="8:8">
      <c r="H62841" s="12"/>
    </row>
    <row r="62842" spans="8:8">
      <c r="H62842" s="12"/>
    </row>
    <row r="62843" spans="8:8">
      <c r="H62843" s="12"/>
    </row>
    <row r="62844" spans="8:8">
      <c r="H62844" s="12"/>
    </row>
    <row r="62845" spans="8:8">
      <c r="H62845" s="12"/>
    </row>
    <row r="62846" spans="8:8">
      <c r="H62846" s="12"/>
    </row>
    <row r="62847" spans="8:8">
      <c r="H62847" s="12"/>
    </row>
    <row r="62848" spans="8:8">
      <c r="H62848" s="12"/>
    </row>
    <row r="62849" spans="8:8">
      <c r="H62849" s="12"/>
    </row>
    <row r="62850" spans="8:8">
      <c r="H62850" s="12"/>
    </row>
    <row r="62851" spans="8:8">
      <c r="H62851" s="12"/>
    </row>
    <row r="62852" spans="8:8">
      <c r="H62852" s="12"/>
    </row>
    <row r="62853" spans="8:8">
      <c r="H62853" s="12"/>
    </row>
    <row r="62854" spans="8:8">
      <c r="H62854" s="12"/>
    </row>
    <row r="62855" spans="8:8">
      <c r="H62855" s="12"/>
    </row>
    <row r="62856" spans="8:8">
      <c r="H62856" s="12"/>
    </row>
    <row r="62857" spans="8:8">
      <c r="H62857" s="12"/>
    </row>
    <row r="62858" spans="8:8">
      <c r="H62858" s="12"/>
    </row>
    <row r="62859" spans="8:8">
      <c r="H62859" s="12"/>
    </row>
    <row r="62860" spans="8:8">
      <c r="H62860" s="12"/>
    </row>
    <row r="62861" spans="8:8">
      <c r="H62861" s="12"/>
    </row>
    <row r="62862" spans="8:8">
      <c r="H62862" s="12"/>
    </row>
    <row r="62863" spans="8:8">
      <c r="H62863" s="12"/>
    </row>
    <row r="62864" spans="8:8">
      <c r="H62864" s="12"/>
    </row>
    <row r="62865" spans="8:8">
      <c r="H62865" s="12"/>
    </row>
    <row r="62866" spans="8:8">
      <c r="H62866" s="12"/>
    </row>
    <row r="62867" spans="8:8">
      <c r="H62867" s="12"/>
    </row>
    <row r="62868" spans="8:8">
      <c r="H62868" s="12"/>
    </row>
    <row r="62869" spans="8:8">
      <c r="H62869" s="12"/>
    </row>
    <row r="62870" spans="8:8">
      <c r="H62870" s="12"/>
    </row>
    <row r="62871" spans="8:8">
      <c r="H62871" s="12"/>
    </row>
    <row r="62872" spans="8:8">
      <c r="H62872" s="12"/>
    </row>
    <row r="62873" spans="8:8">
      <c r="H62873" s="12"/>
    </row>
    <row r="62874" spans="8:8">
      <c r="H62874" s="12"/>
    </row>
    <row r="62875" spans="8:8">
      <c r="H62875" s="12"/>
    </row>
    <row r="62876" spans="8:8">
      <c r="H62876" s="12"/>
    </row>
    <row r="62877" spans="8:8">
      <c r="H62877" s="12"/>
    </row>
    <row r="62878" spans="8:8">
      <c r="H62878" s="12"/>
    </row>
    <row r="62879" spans="8:8">
      <c r="H62879" s="12"/>
    </row>
    <row r="62880" spans="8:8">
      <c r="H62880" s="12"/>
    </row>
    <row r="62881" spans="8:8">
      <c r="H62881" s="12"/>
    </row>
    <row r="62882" spans="8:8">
      <c r="H62882" s="12"/>
    </row>
    <row r="62883" spans="8:8">
      <c r="H62883" s="12"/>
    </row>
    <row r="62884" spans="8:8">
      <c r="H62884" s="12"/>
    </row>
    <row r="62885" spans="8:8">
      <c r="H62885" s="12"/>
    </row>
    <row r="62886" spans="8:8">
      <c r="H62886" s="12"/>
    </row>
    <row r="62887" spans="8:8">
      <c r="H62887" s="12"/>
    </row>
    <row r="62888" spans="8:8">
      <c r="H62888" s="12"/>
    </row>
    <row r="62889" spans="8:8">
      <c r="H62889" s="12"/>
    </row>
    <row r="62890" spans="8:8">
      <c r="H62890" s="12"/>
    </row>
    <row r="62891" spans="8:8">
      <c r="H62891" s="12"/>
    </row>
    <row r="62892" spans="8:8">
      <c r="H62892" s="12"/>
    </row>
    <row r="62893" spans="8:8">
      <c r="H62893" s="12"/>
    </row>
    <row r="62894" spans="8:8">
      <c r="H62894" s="12"/>
    </row>
    <row r="62895" spans="8:8">
      <c r="H62895" s="12"/>
    </row>
    <row r="62896" spans="8:8">
      <c r="H62896" s="12"/>
    </row>
    <row r="62897" spans="8:8">
      <c r="H62897" s="12"/>
    </row>
    <row r="62898" spans="8:8">
      <c r="H62898" s="12"/>
    </row>
    <row r="62899" spans="8:8">
      <c r="H62899" s="12"/>
    </row>
    <row r="62900" spans="8:8">
      <c r="H62900" s="12"/>
    </row>
    <row r="62901" spans="8:8">
      <c r="H62901" s="12"/>
    </row>
    <row r="62902" spans="8:8">
      <c r="H62902" s="12"/>
    </row>
    <row r="62903" spans="8:8">
      <c r="H62903" s="12"/>
    </row>
    <row r="62904" spans="8:8">
      <c r="H62904" s="12"/>
    </row>
    <row r="62905" spans="8:8">
      <c r="H62905" s="12"/>
    </row>
    <row r="62906" spans="8:8">
      <c r="H62906" s="12"/>
    </row>
    <row r="62907" spans="8:8">
      <c r="H62907" s="12"/>
    </row>
    <row r="62908" spans="8:8">
      <c r="H62908" s="12"/>
    </row>
    <row r="62909" spans="8:8">
      <c r="H62909" s="12"/>
    </row>
    <row r="62910" spans="8:8">
      <c r="H62910" s="12"/>
    </row>
    <row r="62911" spans="8:8">
      <c r="H62911" s="12"/>
    </row>
    <row r="62912" spans="8:8">
      <c r="H62912" s="12"/>
    </row>
    <row r="62913" spans="8:8">
      <c r="H62913" s="12"/>
    </row>
    <row r="62914" spans="8:8">
      <c r="H62914" s="12"/>
    </row>
    <row r="62915" spans="8:8">
      <c r="H62915" s="12"/>
    </row>
    <row r="62916" spans="8:8">
      <c r="H62916" s="12"/>
    </row>
    <row r="62917" spans="8:8">
      <c r="H62917" s="12"/>
    </row>
    <row r="62918" spans="8:8">
      <c r="H62918" s="12"/>
    </row>
    <row r="62919" spans="8:8">
      <c r="H62919" s="12"/>
    </row>
    <row r="62920" spans="8:8">
      <c r="H62920" s="12"/>
    </row>
    <row r="62921" spans="8:8">
      <c r="H62921" s="12"/>
    </row>
    <row r="62922" spans="8:8">
      <c r="H62922" s="12"/>
    </row>
    <row r="62923" spans="8:8">
      <c r="H62923" s="12"/>
    </row>
    <row r="62924" spans="8:8">
      <c r="H62924" s="12"/>
    </row>
    <row r="62925" spans="8:8">
      <c r="H62925" s="12"/>
    </row>
    <row r="62926" spans="8:8">
      <c r="H62926" s="12"/>
    </row>
    <row r="62927" spans="8:8">
      <c r="H62927" s="12"/>
    </row>
    <row r="62928" spans="8:8">
      <c r="H62928" s="12"/>
    </row>
    <row r="62929" spans="8:8">
      <c r="H62929" s="12"/>
    </row>
    <row r="62930" spans="8:8">
      <c r="H62930" s="12"/>
    </row>
    <row r="62931" spans="8:8">
      <c r="H62931" s="12"/>
    </row>
    <row r="62932" spans="8:8">
      <c r="H62932" s="12"/>
    </row>
    <row r="62933" spans="8:8">
      <c r="H62933" s="12"/>
    </row>
    <row r="62934" spans="8:8">
      <c r="H62934" s="12"/>
    </row>
    <row r="62935" spans="8:8">
      <c r="H62935" s="12"/>
    </row>
    <row r="62936" spans="8:8">
      <c r="H62936" s="12"/>
    </row>
    <row r="62937" spans="8:8">
      <c r="H62937" s="12"/>
    </row>
    <row r="62938" spans="8:8">
      <c r="H62938" s="12"/>
    </row>
    <row r="62939" spans="8:8">
      <c r="H62939" s="12"/>
    </row>
    <row r="62940" spans="8:8">
      <c r="H62940" s="12"/>
    </row>
    <row r="62941" spans="8:8">
      <c r="H62941" s="12"/>
    </row>
    <row r="62942" spans="8:8">
      <c r="H62942" s="12"/>
    </row>
    <row r="62943" spans="8:8">
      <c r="H62943" s="12"/>
    </row>
    <row r="62944" spans="8:8">
      <c r="H62944" s="12"/>
    </row>
    <row r="62945" spans="8:8">
      <c r="H62945" s="12"/>
    </row>
    <row r="62946" spans="8:8">
      <c r="H62946" s="12"/>
    </row>
    <row r="62947" spans="8:8">
      <c r="H62947" s="12"/>
    </row>
    <row r="62948" spans="8:8">
      <c r="H62948" s="12"/>
    </row>
    <row r="62949" spans="8:8">
      <c r="H62949" s="12"/>
    </row>
    <row r="62950" spans="8:8">
      <c r="H62950" s="12"/>
    </row>
    <row r="62951" spans="8:8">
      <c r="H62951" s="12"/>
    </row>
    <row r="62952" spans="8:8">
      <c r="H62952" s="12"/>
    </row>
    <row r="62953" spans="8:8">
      <c r="H62953" s="12"/>
    </row>
    <row r="62954" spans="8:8">
      <c r="H62954" s="12"/>
    </row>
    <row r="62955" spans="8:8">
      <c r="H62955" s="12"/>
    </row>
    <row r="62956" spans="8:8">
      <c r="H62956" s="12"/>
    </row>
    <row r="62957" spans="8:8">
      <c r="H62957" s="12"/>
    </row>
    <row r="62958" spans="8:8">
      <c r="H62958" s="12"/>
    </row>
    <row r="62959" spans="8:8">
      <c r="H62959" s="12"/>
    </row>
    <row r="62960" spans="8:8">
      <c r="H62960" s="12"/>
    </row>
    <row r="62961" spans="8:8">
      <c r="H62961" s="12"/>
    </row>
    <row r="62962" spans="8:8">
      <c r="H62962" s="12"/>
    </row>
    <row r="62963" spans="8:8">
      <c r="H62963" s="12"/>
    </row>
    <row r="62964" spans="8:8">
      <c r="H62964" s="12"/>
    </row>
    <row r="62965" spans="8:8">
      <c r="H62965" s="12"/>
    </row>
    <row r="62966" spans="8:8">
      <c r="H62966" s="12"/>
    </row>
    <row r="62967" spans="8:8">
      <c r="H62967" s="12"/>
    </row>
    <row r="62968" spans="8:8">
      <c r="H62968" s="12"/>
    </row>
    <row r="62969" spans="8:8">
      <c r="H62969" s="12"/>
    </row>
    <row r="62970" spans="8:8">
      <c r="H62970" s="12"/>
    </row>
    <row r="62971" spans="8:8">
      <c r="H62971" s="12"/>
    </row>
    <row r="62972" spans="8:8">
      <c r="H62972" s="12"/>
    </row>
    <row r="62973" spans="8:8">
      <c r="H62973" s="12"/>
    </row>
    <row r="62974" spans="8:8">
      <c r="H62974" s="12"/>
    </row>
    <row r="62975" spans="8:8">
      <c r="H62975" s="12"/>
    </row>
    <row r="62976" spans="8:8">
      <c r="H62976" s="12"/>
    </row>
    <row r="62977" spans="8:8">
      <c r="H62977" s="12"/>
    </row>
    <row r="62978" spans="8:8">
      <c r="H62978" s="12"/>
    </row>
    <row r="62979" spans="8:8">
      <c r="H62979" s="12"/>
    </row>
    <row r="62980" spans="8:8">
      <c r="H62980" s="12"/>
    </row>
    <row r="62981" spans="8:8">
      <c r="H62981" s="12"/>
    </row>
    <row r="62982" spans="8:8">
      <c r="H62982" s="12"/>
    </row>
    <row r="62983" spans="8:8">
      <c r="H62983" s="12"/>
    </row>
    <row r="62984" spans="8:8">
      <c r="H62984" s="12"/>
    </row>
    <row r="62985" spans="8:8">
      <c r="H62985" s="12"/>
    </row>
    <row r="62986" spans="8:8">
      <c r="H62986" s="12"/>
    </row>
    <row r="62987" spans="8:8">
      <c r="H62987" s="12"/>
    </row>
    <row r="62988" spans="8:8">
      <c r="H62988" s="12"/>
    </row>
    <row r="62989" spans="8:8">
      <c r="H62989" s="12"/>
    </row>
    <row r="62990" spans="8:8">
      <c r="H62990" s="12"/>
    </row>
    <row r="62991" spans="8:8">
      <c r="H62991" s="12"/>
    </row>
    <row r="62992" spans="8:8">
      <c r="H62992" s="12"/>
    </row>
    <row r="62993" spans="8:8">
      <c r="H62993" s="12"/>
    </row>
    <row r="62994" spans="8:8">
      <c r="H62994" s="12"/>
    </row>
    <row r="62995" spans="8:8">
      <c r="H62995" s="12"/>
    </row>
    <row r="62996" spans="8:8">
      <c r="H62996" s="12"/>
    </row>
    <row r="62997" spans="8:8">
      <c r="H62997" s="12"/>
    </row>
    <row r="62998" spans="8:8">
      <c r="H62998" s="12"/>
    </row>
    <row r="62999" spans="8:8">
      <c r="H62999" s="12"/>
    </row>
    <row r="63000" spans="8:8">
      <c r="H63000" s="12"/>
    </row>
    <row r="63001" spans="8:8">
      <c r="H63001" s="12"/>
    </row>
    <row r="63002" spans="8:8">
      <c r="H63002" s="12"/>
    </row>
    <row r="63003" spans="8:8">
      <c r="H63003" s="12"/>
    </row>
    <row r="63004" spans="8:8">
      <c r="H63004" s="12"/>
    </row>
    <row r="63005" spans="8:8">
      <c r="H63005" s="12"/>
    </row>
    <row r="63006" spans="8:8">
      <c r="H63006" s="12"/>
    </row>
    <row r="63007" spans="8:8">
      <c r="H63007" s="12"/>
    </row>
    <row r="63008" spans="8:8">
      <c r="H63008" s="12"/>
    </row>
    <row r="63009" spans="8:8">
      <c r="H63009" s="12"/>
    </row>
    <row r="63010" spans="8:8">
      <c r="H63010" s="12"/>
    </row>
    <row r="63011" spans="8:8">
      <c r="H63011" s="12"/>
    </row>
    <row r="63012" spans="8:8">
      <c r="H63012" s="12"/>
    </row>
    <row r="63013" spans="8:8">
      <c r="H63013" s="12"/>
    </row>
    <row r="63014" spans="8:8">
      <c r="H63014" s="12"/>
    </row>
    <row r="63015" spans="8:8">
      <c r="H63015" s="12"/>
    </row>
    <row r="63016" spans="8:8">
      <c r="H63016" s="12"/>
    </row>
    <row r="63017" spans="8:8">
      <c r="H63017" s="12"/>
    </row>
    <row r="63018" spans="8:8">
      <c r="H63018" s="12"/>
    </row>
    <row r="63019" spans="8:8">
      <c r="H63019" s="12"/>
    </row>
    <row r="63020" spans="8:8">
      <c r="H63020" s="12"/>
    </row>
    <row r="63021" spans="8:8">
      <c r="H63021" s="12"/>
    </row>
    <row r="63022" spans="8:8">
      <c r="H63022" s="12"/>
    </row>
    <row r="63023" spans="8:8">
      <c r="H63023" s="12"/>
    </row>
    <row r="63024" spans="8:8">
      <c r="H63024" s="12"/>
    </row>
    <row r="63025" spans="8:8">
      <c r="H63025" s="12"/>
    </row>
    <row r="63026" spans="8:8">
      <c r="H63026" s="12"/>
    </row>
    <row r="63027" spans="8:8">
      <c r="H63027" s="12"/>
    </row>
    <row r="63028" spans="8:8">
      <c r="H63028" s="12"/>
    </row>
    <row r="63029" spans="8:8">
      <c r="H63029" s="12"/>
    </row>
    <row r="63030" spans="8:8">
      <c r="H63030" s="12"/>
    </row>
    <row r="63031" spans="8:8">
      <c r="H63031" s="12"/>
    </row>
    <row r="63032" spans="8:8">
      <c r="H63032" s="12"/>
    </row>
    <row r="63033" spans="8:8">
      <c r="H63033" s="12"/>
    </row>
    <row r="63034" spans="8:8">
      <c r="H63034" s="12"/>
    </row>
    <row r="63035" spans="8:8">
      <c r="H63035" s="12"/>
    </row>
    <row r="63036" spans="8:8">
      <c r="H63036" s="12"/>
    </row>
    <row r="63037" spans="8:8">
      <c r="H63037" s="12"/>
    </row>
    <row r="63038" spans="8:8">
      <c r="H63038" s="12"/>
    </row>
    <row r="63039" spans="8:8">
      <c r="H63039" s="12"/>
    </row>
    <row r="63040" spans="8:8">
      <c r="H63040" s="12"/>
    </row>
    <row r="63041" spans="8:8">
      <c r="H63041" s="12"/>
    </row>
    <row r="63042" spans="8:8">
      <c r="H63042" s="12"/>
    </row>
    <row r="63043" spans="8:8">
      <c r="H63043" s="12"/>
    </row>
    <row r="63044" spans="8:8">
      <c r="H63044" s="12"/>
    </row>
    <row r="63045" spans="8:8">
      <c r="H63045" s="12"/>
    </row>
    <row r="63046" spans="8:8">
      <c r="H63046" s="12"/>
    </row>
    <row r="63047" spans="8:8">
      <c r="H63047" s="12"/>
    </row>
    <row r="63048" spans="8:8">
      <c r="H63048" s="12"/>
    </row>
    <row r="63049" spans="8:8">
      <c r="H63049" s="12"/>
    </row>
    <row r="63050" spans="8:8">
      <c r="H63050" s="12"/>
    </row>
    <row r="63051" spans="8:8">
      <c r="H63051" s="12"/>
    </row>
    <row r="63052" spans="8:8">
      <c r="H63052" s="12"/>
    </row>
    <row r="63053" spans="8:8">
      <c r="H63053" s="12"/>
    </row>
    <row r="63054" spans="8:8">
      <c r="H63054" s="12"/>
    </row>
    <row r="63055" spans="8:8">
      <c r="H63055" s="12"/>
    </row>
    <row r="63056" spans="8:8">
      <c r="H63056" s="12"/>
    </row>
    <row r="63057" spans="8:8">
      <c r="H63057" s="12"/>
    </row>
    <row r="63058" spans="8:8">
      <c r="H63058" s="12"/>
    </row>
    <row r="63059" spans="8:8">
      <c r="H63059" s="12"/>
    </row>
    <row r="63060" spans="8:8">
      <c r="H63060" s="12"/>
    </row>
    <row r="63061" spans="8:8">
      <c r="H63061" s="12"/>
    </row>
    <row r="63062" spans="8:8">
      <c r="H63062" s="12"/>
    </row>
    <row r="63063" spans="8:8">
      <c r="H63063" s="12"/>
    </row>
    <row r="63064" spans="8:8">
      <c r="H63064" s="12"/>
    </row>
    <row r="63065" spans="8:8">
      <c r="H63065" s="12"/>
    </row>
    <row r="63066" spans="8:8">
      <c r="H63066" s="12"/>
    </row>
    <row r="63067" spans="8:8">
      <c r="H63067" s="12"/>
    </row>
    <row r="63068" spans="8:8">
      <c r="H63068" s="12"/>
    </row>
    <row r="63069" spans="8:8">
      <c r="H63069" s="12"/>
    </row>
    <row r="63070" spans="8:8">
      <c r="H63070" s="12"/>
    </row>
    <row r="63071" spans="8:8">
      <c r="H63071" s="12"/>
    </row>
    <row r="63072" spans="8:8">
      <c r="H63072" s="12"/>
    </row>
    <row r="63073" spans="8:8">
      <c r="H63073" s="12"/>
    </row>
    <row r="63074" spans="8:8">
      <c r="H63074" s="12"/>
    </row>
    <row r="63075" spans="8:8">
      <c r="H63075" s="12"/>
    </row>
    <row r="63076" spans="8:8">
      <c r="H63076" s="12"/>
    </row>
    <row r="63077" spans="8:8">
      <c r="H63077" s="12"/>
    </row>
    <row r="63078" spans="8:8">
      <c r="H63078" s="12"/>
    </row>
    <row r="63079" spans="8:8">
      <c r="H63079" s="12"/>
    </row>
    <row r="63080" spans="8:8">
      <c r="H63080" s="12"/>
    </row>
    <row r="63081" spans="8:8">
      <c r="H63081" s="12"/>
    </row>
    <row r="63082" spans="8:8">
      <c r="H63082" s="12"/>
    </row>
    <row r="63083" spans="8:8">
      <c r="H63083" s="12"/>
    </row>
    <row r="63084" spans="8:8">
      <c r="H63084" s="12"/>
    </row>
    <row r="63085" spans="8:8">
      <c r="H63085" s="12"/>
    </row>
    <row r="63086" spans="8:8">
      <c r="H63086" s="12"/>
    </row>
    <row r="63087" spans="8:8">
      <c r="H63087" s="12"/>
    </row>
    <row r="63088" spans="8:8">
      <c r="H63088" s="12"/>
    </row>
    <row r="63089" spans="8:8">
      <c r="H63089" s="12"/>
    </row>
    <row r="63090" spans="8:8">
      <c r="H63090" s="12"/>
    </row>
    <row r="63091" spans="8:8">
      <c r="H63091" s="12"/>
    </row>
    <row r="63092" spans="8:8">
      <c r="H63092" s="12"/>
    </row>
    <row r="63093" spans="8:8">
      <c r="H63093" s="12"/>
    </row>
    <row r="63094" spans="8:8">
      <c r="H63094" s="12"/>
    </row>
    <row r="63095" spans="8:8">
      <c r="H63095" s="12"/>
    </row>
    <row r="63096" spans="8:8">
      <c r="H63096" s="12"/>
    </row>
    <row r="63097" spans="8:8">
      <c r="H63097" s="12"/>
    </row>
    <row r="63098" spans="8:8">
      <c r="H63098" s="12"/>
    </row>
    <row r="63099" spans="8:8">
      <c r="H63099" s="12"/>
    </row>
    <row r="63100" spans="8:8">
      <c r="H63100" s="12"/>
    </row>
    <row r="63101" spans="8:8">
      <c r="H63101" s="12"/>
    </row>
    <row r="63102" spans="8:8">
      <c r="H63102" s="12"/>
    </row>
    <row r="63103" spans="8:8">
      <c r="H63103" s="12"/>
    </row>
    <row r="63104" spans="8:8">
      <c r="H63104" s="12"/>
    </row>
    <row r="63105" spans="8:8">
      <c r="H63105" s="12"/>
    </row>
    <row r="63106" spans="8:8">
      <c r="H63106" s="12"/>
    </row>
    <row r="63107" spans="8:8">
      <c r="H63107" s="12"/>
    </row>
    <row r="63108" spans="8:8">
      <c r="H63108" s="12"/>
    </row>
    <row r="63109" spans="8:8">
      <c r="H63109" s="12"/>
    </row>
    <row r="63110" spans="8:8">
      <c r="H63110" s="12"/>
    </row>
    <row r="63111" spans="8:8">
      <c r="H63111" s="12"/>
    </row>
    <row r="63112" spans="8:8">
      <c r="H63112" s="12"/>
    </row>
    <row r="63113" spans="8:8">
      <c r="H63113" s="12"/>
    </row>
    <row r="63114" spans="8:8">
      <c r="H63114" s="12"/>
    </row>
    <row r="63115" spans="8:8">
      <c r="H63115" s="12"/>
    </row>
    <row r="63116" spans="8:8">
      <c r="H63116" s="12"/>
    </row>
    <row r="63117" spans="8:8">
      <c r="H63117" s="12"/>
    </row>
    <row r="63118" spans="8:8">
      <c r="H63118" s="12"/>
    </row>
    <row r="63119" spans="8:8">
      <c r="H63119" s="12"/>
    </row>
    <row r="63120" spans="8:8">
      <c r="H63120" s="12"/>
    </row>
    <row r="63121" spans="8:8">
      <c r="H63121" s="12"/>
    </row>
    <row r="63122" spans="8:8">
      <c r="H63122" s="12"/>
    </row>
    <row r="63123" spans="8:8">
      <c r="H63123" s="12"/>
    </row>
    <row r="63124" spans="8:8">
      <c r="H63124" s="12"/>
    </row>
    <row r="63125" spans="8:8">
      <c r="H63125" s="12"/>
    </row>
    <row r="63126" spans="8:8">
      <c r="H63126" s="12"/>
    </row>
    <row r="63127" spans="8:8">
      <c r="H63127" s="12"/>
    </row>
    <row r="63128" spans="8:8">
      <c r="H63128" s="12"/>
    </row>
    <row r="63129" spans="8:8">
      <c r="H63129" s="12"/>
    </row>
    <row r="63130" spans="8:8">
      <c r="H63130" s="12"/>
    </row>
    <row r="63131" spans="8:8">
      <c r="H63131" s="12"/>
    </row>
    <row r="63132" spans="8:8">
      <c r="H63132" s="12"/>
    </row>
    <row r="63133" spans="8:8">
      <c r="H63133" s="12"/>
    </row>
    <row r="63134" spans="8:8">
      <c r="H63134" s="12"/>
    </row>
    <row r="63135" spans="8:8">
      <c r="H63135" s="12"/>
    </row>
    <row r="63136" spans="8:8">
      <c r="H63136" s="12"/>
    </row>
    <row r="63137" spans="8:8">
      <c r="H63137" s="12"/>
    </row>
    <row r="63138" spans="8:8">
      <c r="H63138" s="12"/>
    </row>
    <row r="63139" spans="8:8">
      <c r="H63139" s="12"/>
    </row>
    <row r="63140" spans="8:8">
      <c r="H63140" s="12"/>
    </row>
    <row r="63141" spans="8:8">
      <c r="H63141" s="12"/>
    </row>
    <row r="63142" spans="8:8">
      <c r="H63142" s="12"/>
    </row>
    <row r="63143" spans="8:8">
      <c r="H63143" s="12"/>
    </row>
    <row r="63144" spans="8:8">
      <c r="H63144" s="12"/>
    </row>
    <row r="63145" spans="8:8">
      <c r="H63145" s="12"/>
    </row>
    <row r="63146" spans="8:8">
      <c r="H63146" s="12"/>
    </row>
    <row r="63147" spans="8:8">
      <c r="H63147" s="12"/>
    </row>
    <row r="63148" spans="8:8">
      <c r="H63148" s="12"/>
    </row>
    <row r="63149" spans="8:8">
      <c r="H63149" s="12"/>
    </row>
    <row r="63150" spans="8:8">
      <c r="H63150" s="12"/>
    </row>
    <row r="63151" spans="8:8">
      <c r="H63151" s="12"/>
    </row>
    <row r="63152" spans="8:8">
      <c r="H63152" s="12"/>
    </row>
    <row r="63153" spans="8:8">
      <c r="H63153" s="12"/>
    </row>
    <row r="63154" spans="8:8">
      <c r="H63154" s="12"/>
    </row>
    <row r="63155" spans="8:8">
      <c r="H63155" s="12"/>
    </row>
    <row r="63156" spans="8:8">
      <c r="H63156" s="12"/>
    </row>
    <row r="63157" spans="8:8">
      <c r="H63157" s="12"/>
    </row>
    <row r="63158" spans="8:8">
      <c r="H63158" s="12"/>
    </row>
    <row r="63159" spans="8:8">
      <c r="H63159" s="12"/>
    </row>
    <row r="63160" spans="8:8">
      <c r="H63160" s="12"/>
    </row>
    <row r="63161" spans="8:8">
      <c r="H63161" s="12"/>
    </row>
    <row r="63162" spans="8:8">
      <c r="H63162" s="12"/>
    </row>
    <row r="63163" spans="8:8">
      <c r="H63163" s="12"/>
    </row>
    <row r="63164" spans="8:8">
      <c r="H63164" s="12"/>
    </row>
    <row r="63165" spans="8:8">
      <c r="H63165" s="12"/>
    </row>
    <row r="63166" spans="8:8">
      <c r="H63166" s="12"/>
    </row>
    <row r="63167" spans="8:8">
      <c r="H63167" s="12"/>
    </row>
    <row r="63168" spans="8:8">
      <c r="H63168" s="12"/>
    </row>
    <row r="63169" spans="8:8">
      <c r="H63169" s="12"/>
    </row>
    <row r="63170" spans="8:8">
      <c r="H63170" s="12"/>
    </row>
    <row r="63171" spans="8:8">
      <c r="H63171" s="12"/>
    </row>
    <row r="63172" spans="8:8">
      <c r="H63172" s="12"/>
    </row>
    <row r="63173" spans="8:8">
      <c r="H63173" s="12"/>
    </row>
    <row r="63174" spans="8:8">
      <c r="H63174" s="12"/>
    </row>
    <row r="63175" spans="8:8">
      <c r="H63175" s="12"/>
    </row>
    <row r="63176" spans="8:8">
      <c r="H63176" s="12"/>
    </row>
    <row r="63177" spans="8:8">
      <c r="H63177" s="12"/>
    </row>
    <row r="63178" spans="8:8">
      <c r="H63178" s="12"/>
    </row>
    <row r="63179" spans="8:8">
      <c r="H63179" s="12"/>
    </row>
    <row r="63180" spans="8:8">
      <c r="H63180" s="12"/>
    </row>
    <row r="63181" spans="8:8">
      <c r="H63181" s="12"/>
    </row>
    <row r="63182" spans="8:8">
      <c r="H63182" s="12"/>
    </row>
    <row r="63183" spans="8:8">
      <c r="H63183" s="12"/>
    </row>
    <row r="63184" spans="8:8">
      <c r="H63184" s="12"/>
    </row>
    <row r="63185" spans="8:8">
      <c r="H63185" s="12"/>
    </row>
    <row r="63186" spans="8:8">
      <c r="H63186" s="12"/>
    </row>
    <row r="63187" spans="8:8">
      <c r="H63187" s="12"/>
    </row>
    <row r="63188" spans="8:8">
      <c r="H63188" s="12"/>
    </row>
    <row r="63189" spans="8:8">
      <c r="H63189" s="12"/>
    </row>
    <row r="63190" spans="8:8">
      <c r="H63190" s="12"/>
    </row>
    <row r="63191" spans="8:8">
      <c r="H63191" s="12"/>
    </row>
    <row r="63192" spans="8:8">
      <c r="H63192" s="12"/>
    </row>
    <row r="63193" spans="8:8">
      <c r="H63193" s="12"/>
    </row>
    <row r="63194" spans="8:8">
      <c r="H63194" s="12"/>
    </row>
    <row r="63195" spans="8:8">
      <c r="H63195" s="12"/>
    </row>
    <row r="63196" spans="8:8">
      <c r="H63196" s="12"/>
    </row>
    <row r="63197" spans="8:8">
      <c r="H63197" s="12"/>
    </row>
    <row r="63198" spans="8:8">
      <c r="H63198" s="12"/>
    </row>
    <row r="63199" spans="8:8">
      <c r="H63199" s="12"/>
    </row>
    <row r="63200" spans="8:8">
      <c r="H63200" s="12"/>
    </row>
    <row r="63201" spans="8:8">
      <c r="H63201" s="12"/>
    </row>
    <row r="63202" spans="8:8">
      <c r="H63202" s="12"/>
    </row>
    <row r="63203" spans="8:8">
      <c r="H63203" s="12"/>
    </row>
    <row r="63204" spans="8:8">
      <c r="H63204" s="12"/>
    </row>
    <row r="63205" spans="8:8">
      <c r="H63205" s="12"/>
    </row>
    <row r="63206" spans="8:8">
      <c r="H63206" s="12"/>
    </row>
    <row r="63207" spans="8:8">
      <c r="H63207" s="12"/>
    </row>
    <row r="63208" spans="8:8">
      <c r="H63208" s="12"/>
    </row>
    <row r="63209" spans="8:8">
      <c r="H63209" s="12"/>
    </row>
    <row r="63210" spans="8:8">
      <c r="H63210" s="12"/>
    </row>
    <row r="63211" spans="8:8">
      <c r="H63211" s="12"/>
    </row>
    <row r="63212" spans="8:8">
      <c r="H63212" s="12"/>
    </row>
    <row r="63213" spans="8:8">
      <c r="H63213" s="12"/>
    </row>
    <row r="63214" spans="8:8">
      <c r="H63214" s="12"/>
    </row>
    <row r="63215" spans="8:8">
      <c r="H63215" s="12"/>
    </row>
    <row r="63216" spans="8:8">
      <c r="H63216" s="12"/>
    </row>
    <row r="63217" spans="8:8">
      <c r="H63217" s="12"/>
    </row>
    <row r="63218" spans="8:8">
      <c r="H63218" s="12"/>
    </row>
    <row r="63219" spans="8:8">
      <c r="H63219" s="12"/>
    </row>
    <row r="63220" spans="8:8">
      <c r="H63220" s="12"/>
    </row>
    <row r="63221" spans="8:8">
      <c r="H63221" s="12"/>
    </row>
    <row r="63222" spans="8:8">
      <c r="H63222" s="12"/>
    </row>
    <row r="63223" spans="8:8">
      <c r="H63223" s="12"/>
    </row>
    <row r="63224" spans="8:8">
      <c r="H63224" s="12"/>
    </row>
    <row r="63225" spans="8:8">
      <c r="H63225" s="12"/>
    </row>
    <row r="63226" spans="8:8">
      <c r="H63226" s="12"/>
    </row>
    <row r="63227" spans="8:8">
      <c r="H63227" s="12"/>
    </row>
    <row r="63228" spans="8:8">
      <c r="H63228" s="12"/>
    </row>
    <row r="63229" spans="8:8">
      <c r="H63229" s="12"/>
    </row>
    <row r="63230" spans="8:8">
      <c r="H63230" s="12"/>
    </row>
    <row r="63231" spans="8:8">
      <c r="H63231" s="12"/>
    </row>
    <row r="63232" spans="8:8">
      <c r="H63232" s="12"/>
    </row>
    <row r="63233" spans="8:8">
      <c r="H63233" s="12"/>
    </row>
    <row r="63234" spans="8:8">
      <c r="H63234" s="12"/>
    </row>
    <row r="63235" spans="8:8">
      <c r="H63235" s="12"/>
    </row>
    <row r="63236" spans="8:8">
      <c r="H63236" s="12"/>
    </row>
    <row r="63237" spans="8:8">
      <c r="H63237" s="12"/>
    </row>
    <row r="63238" spans="8:8">
      <c r="H63238" s="12"/>
    </row>
    <row r="63239" spans="8:8">
      <c r="H63239" s="12"/>
    </row>
    <row r="63240" spans="8:8">
      <c r="H63240" s="12"/>
    </row>
    <row r="63241" spans="8:8">
      <c r="H63241" s="12"/>
    </row>
    <row r="63242" spans="8:8">
      <c r="H63242" s="12"/>
    </row>
    <row r="63243" spans="8:8">
      <c r="H63243" s="12"/>
    </row>
    <row r="63244" spans="8:8">
      <c r="H63244" s="12"/>
    </row>
    <row r="63245" spans="8:8">
      <c r="H63245" s="12"/>
    </row>
    <row r="63246" spans="8:8">
      <c r="H63246" s="12"/>
    </row>
    <row r="63247" spans="8:8">
      <c r="H63247" s="12"/>
    </row>
    <row r="63248" spans="8:8">
      <c r="H63248" s="12"/>
    </row>
    <row r="63249" spans="8:8">
      <c r="H63249" s="12"/>
    </row>
    <row r="63250" spans="8:8">
      <c r="H63250" s="12"/>
    </row>
    <row r="63251" spans="8:8">
      <c r="H63251" s="12"/>
    </row>
    <row r="63252" spans="8:8">
      <c r="H63252" s="12"/>
    </row>
    <row r="63253" spans="8:8">
      <c r="H63253" s="12"/>
    </row>
    <row r="63254" spans="8:8">
      <c r="H63254" s="12"/>
    </row>
    <row r="63255" spans="8:8">
      <c r="H63255" s="12"/>
    </row>
    <row r="63256" spans="8:8">
      <c r="H63256" s="12"/>
    </row>
    <row r="63257" spans="8:8">
      <c r="H63257" s="12"/>
    </row>
    <row r="63258" spans="8:8">
      <c r="H63258" s="12"/>
    </row>
    <row r="63259" spans="8:8">
      <c r="H63259" s="12"/>
    </row>
    <row r="63260" spans="8:8">
      <c r="H63260" s="12"/>
    </row>
    <row r="63261" spans="8:8">
      <c r="H63261" s="12"/>
    </row>
    <row r="63262" spans="8:8">
      <c r="H63262" s="12"/>
    </row>
    <row r="63263" spans="8:8">
      <c r="H63263" s="12"/>
    </row>
    <row r="63264" spans="8:8">
      <c r="H63264" s="12"/>
    </row>
    <row r="63265" spans="8:8">
      <c r="H63265" s="12"/>
    </row>
    <row r="63266" spans="8:8">
      <c r="H63266" s="12"/>
    </row>
    <row r="63267" spans="8:8">
      <c r="H63267" s="12"/>
    </row>
    <row r="63268" spans="8:8">
      <c r="H63268" s="12"/>
    </row>
    <row r="63269" spans="8:8">
      <c r="H63269" s="12"/>
    </row>
    <row r="63270" spans="8:8">
      <c r="H63270" s="12"/>
    </row>
    <row r="63271" spans="8:8">
      <c r="H63271" s="12"/>
    </row>
    <row r="63272" spans="8:8">
      <c r="H63272" s="12"/>
    </row>
    <row r="63273" spans="8:8">
      <c r="H63273" s="12"/>
    </row>
    <row r="63274" spans="8:8">
      <c r="H63274" s="12"/>
    </row>
    <row r="63275" spans="8:8">
      <c r="H63275" s="12"/>
    </row>
    <row r="63276" spans="8:8">
      <c r="H63276" s="12"/>
    </row>
    <row r="63277" spans="8:8">
      <c r="H63277" s="12"/>
    </row>
    <row r="63278" spans="8:8">
      <c r="H63278" s="12"/>
    </row>
    <row r="63279" spans="8:8">
      <c r="H63279" s="12"/>
    </row>
    <row r="63280" spans="8:8">
      <c r="H63280" s="12"/>
    </row>
    <row r="63281" spans="8:8">
      <c r="H63281" s="12"/>
    </row>
    <row r="63282" spans="8:8">
      <c r="H63282" s="12"/>
    </row>
    <row r="63283" spans="8:8">
      <c r="H63283" s="12"/>
    </row>
    <row r="63284" spans="8:8">
      <c r="H63284" s="12"/>
    </row>
    <row r="63285" spans="8:8">
      <c r="H63285" s="12"/>
    </row>
    <row r="63286" spans="8:8">
      <c r="H63286" s="12"/>
    </row>
    <row r="63287" spans="8:8">
      <c r="H63287" s="12"/>
    </row>
    <row r="63288" spans="8:8">
      <c r="H63288" s="12"/>
    </row>
    <row r="63289" spans="8:8">
      <c r="H63289" s="12"/>
    </row>
    <row r="63290" spans="8:8">
      <c r="H63290" s="12"/>
    </row>
    <row r="63291" spans="8:8">
      <c r="H63291" s="12"/>
    </row>
    <row r="63292" spans="8:8">
      <c r="H63292" s="12"/>
    </row>
    <row r="63293" spans="8:8">
      <c r="H63293" s="12"/>
    </row>
    <row r="63294" spans="8:8">
      <c r="H63294" s="12"/>
    </row>
    <row r="63295" spans="8:8">
      <c r="H63295" s="12"/>
    </row>
    <row r="63296" spans="8:8">
      <c r="H63296" s="12"/>
    </row>
    <row r="63297" spans="8:8">
      <c r="H63297" s="12"/>
    </row>
    <row r="63298" spans="8:8">
      <c r="H63298" s="12"/>
    </row>
    <row r="63299" spans="8:8">
      <c r="H63299" s="12"/>
    </row>
    <row r="63300" spans="8:8">
      <c r="H63300" s="12"/>
    </row>
    <row r="63301" spans="8:8">
      <c r="H63301" s="12"/>
    </row>
    <row r="63302" spans="8:8">
      <c r="H63302" s="12"/>
    </row>
    <row r="63303" spans="8:8">
      <c r="H63303" s="12"/>
    </row>
    <row r="63304" spans="8:8">
      <c r="H63304" s="12"/>
    </row>
    <row r="63305" spans="8:8">
      <c r="H63305" s="12"/>
    </row>
    <row r="63306" spans="8:8">
      <c r="H63306" s="12"/>
    </row>
    <row r="63307" spans="8:8">
      <c r="H63307" s="12"/>
    </row>
    <row r="63308" spans="8:8">
      <c r="H63308" s="12"/>
    </row>
    <row r="63309" spans="8:8">
      <c r="H63309" s="12"/>
    </row>
    <row r="63310" spans="8:8">
      <c r="H63310" s="12"/>
    </row>
    <row r="63311" spans="8:8">
      <c r="H63311" s="12"/>
    </row>
    <row r="63312" spans="8:8">
      <c r="H63312" s="12"/>
    </row>
    <row r="63313" spans="8:8">
      <c r="H63313" s="12"/>
    </row>
    <row r="63314" spans="8:8">
      <c r="H63314" s="12"/>
    </row>
    <row r="63315" spans="8:8">
      <c r="H63315" s="12"/>
    </row>
    <row r="63316" spans="8:8">
      <c r="H63316" s="12"/>
    </row>
    <row r="63317" spans="8:8">
      <c r="H63317" s="12"/>
    </row>
    <row r="63318" spans="8:8">
      <c r="H63318" s="12"/>
    </row>
    <row r="63319" spans="8:8">
      <c r="H63319" s="12"/>
    </row>
    <row r="63320" spans="8:8">
      <c r="H63320" s="12"/>
    </row>
    <row r="63321" spans="8:8">
      <c r="H63321" s="12"/>
    </row>
    <row r="63322" spans="8:8">
      <c r="H63322" s="12"/>
    </row>
    <row r="63323" spans="8:8">
      <c r="H63323" s="12"/>
    </row>
    <row r="63324" spans="8:8">
      <c r="H63324" s="12"/>
    </row>
    <row r="63325" spans="8:8">
      <c r="H63325" s="12"/>
    </row>
    <row r="63326" spans="8:8">
      <c r="H63326" s="12"/>
    </row>
    <row r="63327" spans="8:8">
      <c r="H63327" s="12"/>
    </row>
    <row r="63328" spans="8:8">
      <c r="H63328" s="12"/>
    </row>
    <row r="63329" spans="8:8">
      <c r="H63329" s="12"/>
    </row>
    <row r="63330" spans="8:8">
      <c r="H63330" s="12"/>
    </row>
    <row r="63331" spans="8:8">
      <c r="H63331" s="12"/>
    </row>
    <row r="63332" spans="8:8">
      <c r="H63332" s="12"/>
    </row>
    <row r="63333" spans="8:8">
      <c r="H63333" s="12"/>
    </row>
    <row r="63334" spans="8:8">
      <c r="H63334" s="12"/>
    </row>
    <row r="63335" spans="8:8">
      <c r="H63335" s="12"/>
    </row>
    <row r="63336" spans="8:8">
      <c r="H63336" s="12"/>
    </row>
    <row r="63337" spans="8:8">
      <c r="H63337" s="12"/>
    </row>
    <row r="63338" spans="8:8">
      <c r="H63338" s="12"/>
    </row>
    <row r="63339" spans="8:8">
      <c r="H63339" s="12"/>
    </row>
    <row r="63340" spans="8:8">
      <c r="H63340" s="12"/>
    </row>
    <row r="63341" spans="8:8">
      <c r="H63341" s="12"/>
    </row>
    <row r="63342" spans="8:8">
      <c r="H63342" s="12"/>
    </row>
    <row r="63343" spans="8:8">
      <c r="H63343" s="12"/>
    </row>
    <row r="63344" spans="8:8">
      <c r="H63344" s="12"/>
    </row>
    <row r="63345" spans="8:8">
      <c r="H63345" s="12"/>
    </row>
    <row r="63346" spans="8:8">
      <c r="H63346" s="12"/>
    </row>
    <row r="63347" spans="8:8">
      <c r="H63347" s="12"/>
    </row>
    <row r="63348" spans="8:8">
      <c r="H63348" s="12"/>
    </row>
    <row r="63349" spans="8:8">
      <c r="H63349" s="12"/>
    </row>
    <row r="63350" spans="8:8">
      <c r="H63350" s="12"/>
    </row>
    <row r="63351" spans="8:8">
      <c r="H63351" s="12"/>
    </row>
    <row r="63352" spans="8:8">
      <c r="H63352" s="12"/>
    </row>
    <row r="63353" spans="8:8">
      <c r="H63353" s="12"/>
    </row>
    <row r="63354" spans="8:8">
      <c r="H63354" s="12"/>
    </row>
    <row r="63355" spans="8:8">
      <c r="H63355" s="12"/>
    </row>
    <row r="63356" spans="8:8">
      <c r="H63356" s="12"/>
    </row>
    <row r="63357" spans="8:8">
      <c r="H63357" s="12"/>
    </row>
    <row r="63358" spans="8:8">
      <c r="H63358" s="12"/>
    </row>
    <row r="63359" spans="8:8">
      <c r="H63359" s="12"/>
    </row>
    <row r="63360" spans="8:8">
      <c r="H63360" s="12"/>
    </row>
    <row r="63361" spans="8:8">
      <c r="H63361" s="12"/>
    </row>
    <row r="63362" spans="8:8">
      <c r="H63362" s="12"/>
    </row>
    <row r="63363" spans="8:8">
      <c r="H63363" s="12"/>
    </row>
    <row r="63364" spans="8:8">
      <c r="H63364" s="12"/>
    </row>
    <row r="63365" spans="8:8">
      <c r="H63365" s="12"/>
    </row>
    <row r="63366" spans="8:8">
      <c r="H63366" s="12"/>
    </row>
    <row r="63367" spans="8:8">
      <c r="H63367" s="12"/>
    </row>
    <row r="63368" spans="8:8">
      <c r="H63368" s="12"/>
    </row>
    <row r="63369" spans="8:8">
      <c r="H63369" s="12"/>
    </row>
    <row r="63370" spans="8:8">
      <c r="H63370" s="12"/>
    </row>
    <row r="63371" spans="8:8">
      <c r="H63371" s="12"/>
    </row>
    <row r="63372" spans="8:8">
      <c r="H63372" s="12"/>
    </row>
    <row r="63373" spans="8:8">
      <c r="H63373" s="12"/>
    </row>
    <row r="63374" spans="8:8">
      <c r="H63374" s="12"/>
    </row>
    <row r="63375" spans="8:8">
      <c r="H63375" s="12"/>
    </row>
    <row r="63376" spans="8:8">
      <c r="H63376" s="12"/>
    </row>
    <row r="63377" spans="8:8">
      <c r="H63377" s="12"/>
    </row>
    <row r="63378" spans="8:8">
      <c r="H63378" s="12"/>
    </row>
    <row r="63379" spans="8:8">
      <c r="H63379" s="12"/>
    </row>
    <row r="63380" spans="8:8">
      <c r="H63380" s="12"/>
    </row>
    <row r="63381" spans="8:8">
      <c r="H63381" s="12"/>
    </row>
    <row r="63382" spans="8:8">
      <c r="H63382" s="12"/>
    </row>
    <row r="63383" spans="8:8">
      <c r="H63383" s="12"/>
    </row>
    <row r="63384" spans="8:8">
      <c r="H63384" s="12"/>
    </row>
    <row r="63385" spans="8:8">
      <c r="H63385" s="12"/>
    </row>
    <row r="63386" spans="8:8">
      <c r="H63386" s="12"/>
    </row>
    <row r="63387" spans="8:8">
      <c r="H63387" s="12"/>
    </row>
    <row r="63388" spans="8:8">
      <c r="H63388" s="12"/>
    </row>
    <row r="63389" spans="8:8">
      <c r="H63389" s="12"/>
    </row>
    <row r="63390" spans="8:8">
      <c r="H63390" s="12"/>
    </row>
    <row r="63391" spans="8:8">
      <c r="H63391" s="12"/>
    </row>
    <row r="63392" spans="8:8">
      <c r="H63392" s="12"/>
    </row>
    <row r="63393" spans="8:8">
      <c r="H63393" s="12"/>
    </row>
    <row r="63394" spans="8:8">
      <c r="H63394" s="12"/>
    </row>
    <row r="63395" spans="8:8">
      <c r="H63395" s="12"/>
    </row>
    <row r="63396" spans="8:8">
      <c r="H63396" s="12"/>
    </row>
    <row r="63397" spans="8:8">
      <c r="H63397" s="12"/>
    </row>
    <row r="63398" spans="8:8">
      <c r="H63398" s="12"/>
    </row>
    <row r="63399" spans="8:8">
      <c r="H63399" s="12"/>
    </row>
    <row r="63400" spans="8:8">
      <c r="H63400" s="12"/>
    </row>
    <row r="63401" spans="8:8">
      <c r="H63401" s="12"/>
    </row>
    <row r="63402" spans="8:8">
      <c r="H63402" s="12"/>
    </row>
    <row r="63403" spans="8:8">
      <c r="H63403" s="12"/>
    </row>
    <row r="63404" spans="8:8">
      <c r="H63404" s="12"/>
    </row>
    <row r="63405" spans="8:8">
      <c r="H63405" s="12"/>
    </row>
    <row r="63406" spans="8:8">
      <c r="H63406" s="12"/>
    </row>
    <row r="63407" spans="8:8">
      <c r="H63407" s="12"/>
    </row>
    <row r="63408" spans="8:8">
      <c r="H63408" s="12"/>
    </row>
    <row r="63409" spans="8:8">
      <c r="H63409" s="12"/>
    </row>
    <row r="63410" spans="8:8">
      <c r="H63410" s="12"/>
    </row>
    <row r="63411" spans="8:8">
      <c r="H63411" s="12"/>
    </row>
    <row r="63412" spans="8:8">
      <c r="H63412" s="12"/>
    </row>
    <row r="63413" spans="8:8">
      <c r="H63413" s="12"/>
    </row>
    <row r="63414" spans="8:8">
      <c r="H63414" s="12"/>
    </row>
    <row r="63415" spans="8:8">
      <c r="H63415" s="12"/>
    </row>
    <row r="63416" spans="8:8">
      <c r="H63416" s="12"/>
    </row>
    <row r="63417" spans="8:8">
      <c r="H63417" s="12"/>
    </row>
    <row r="63418" spans="8:8">
      <c r="H63418" s="12"/>
    </row>
    <row r="63419" spans="8:8">
      <c r="H63419" s="12"/>
    </row>
    <row r="63420" spans="8:8">
      <c r="H63420" s="12"/>
    </row>
    <row r="63421" spans="8:8">
      <c r="H63421" s="12"/>
    </row>
    <row r="63422" spans="8:8">
      <c r="H63422" s="12"/>
    </row>
    <row r="63423" spans="8:8">
      <c r="H63423" s="12"/>
    </row>
    <row r="63424" spans="8:8">
      <c r="H63424" s="12"/>
    </row>
    <row r="63425" spans="8:8">
      <c r="H63425" s="12"/>
    </row>
    <row r="63426" spans="8:8">
      <c r="H63426" s="12"/>
    </row>
    <row r="63427" spans="8:8">
      <c r="H63427" s="12"/>
    </row>
    <row r="63428" spans="8:8">
      <c r="H63428" s="12"/>
    </row>
    <row r="63429" spans="8:8">
      <c r="H63429" s="12"/>
    </row>
    <row r="63430" spans="8:8">
      <c r="H63430" s="12"/>
    </row>
    <row r="63431" spans="8:8">
      <c r="H63431" s="12"/>
    </row>
    <row r="63432" spans="8:8">
      <c r="H63432" s="12"/>
    </row>
    <row r="63433" spans="8:8">
      <c r="H63433" s="12"/>
    </row>
    <row r="63434" spans="8:8">
      <c r="H63434" s="12"/>
    </row>
    <row r="63435" spans="8:8">
      <c r="H63435" s="12"/>
    </row>
    <row r="63436" spans="8:8">
      <c r="H63436" s="12"/>
    </row>
    <row r="63437" spans="8:8">
      <c r="H63437" s="12"/>
    </row>
    <row r="63438" spans="8:8">
      <c r="H63438" s="12"/>
    </row>
    <row r="63439" spans="8:8">
      <c r="H63439" s="12"/>
    </row>
    <row r="63440" spans="8:8">
      <c r="H63440" s="12"/>
    </row>
    <row r="63441" spans="8:8">
      <c r="H63441" s="12"/>
    </row>
    <row r="63442" spans="8:8">
      <c r="H63442" s="12"/>
    </row>
    <row r="63443" spans="8:8">
      <c r="H63443" s="12"/>
    </row>
    <row r="63444" spans="8:8">
      <c r="H63444" s="12"/>
    </row>
    <row r="63445" spans="8:8">
      <c r="H63445" s="12"/>
    </row>
    <row r="63446" spans="8:8">
      <c r="H63446" s="12"/>
    </row>
    <row r="63447" spans="8:8">
      <c r="H63447" s="12"/>
    </row>
    <row r="63448" spans="8:8">
      <c r="H63448" s="12"/>
    </row>
    <row r="63449" spans="8:8">
      <c r="H63449" s="12"/>
    </row>
    <row r="63450" spans="8:8">
      <c r="H63450" s="12"/>
    </row>
    <row r="63451" spans="8:8">
      <c r="H63451" s="12"/>
    </row>
    <row r="63452" spans="8:8">
      <c r="H63452" s="12"/>
    </row>
    <row r="63453" spans="8:8">
      <c r="H63453" s="12"/>
    </row>
    <row r="63454" spans="8:8">
      <c r="H63454" s="12"/>
    </row>
    <row r="63455" spans="8:8">
      <c r="H63455" s="12"/>
    </row>
    <row r="63456" spans="8:8">
      <c r="H63456" s="12"/>
    </row>
    <row r="63457" spans="8:8">
      <c r="H63457" s="12"/>
    </row>
    <row r="63458" spans="8:8">
      <c r="H63458" s="12"/>
    </row>
    <row r="63459" spans="8:8">
      <c r="H63459" s="12"/>
    </row>
    <row r="63460" spans="8:8">
      <c r="H63460" s="12"/>
    </row>
    <row r="63461" spans="8:8">
      <c r="H63461" s="12"/>
    </row>
    <row r="63462" spans="8:8">
      <c r="H63462" s="12"/>
    </row>
    <row r="63463" spans="8:8">
      <c r="H63463" s="12"/>
    </row>
    <row r="63464" spans="8:8">
      <c r="H63464" s="12"/>
    </row>
    <row r="63465" spans="8:8">
      <c r="H63465" s="12"/>
    </row>
    <row r="63466" spans="8:8">
      <c r="H63466" s="12"/>
    </row>
    <row r="63467" spans="8:8">
      <c r="H63467" s="12"/>
    </row>
    <row r="63468" spans="8:8">
      <c r="H63468" s="12"/>
    </row>
    <row r="63469" spans="8:8">
      <c r="H63469" s="12"/>
    </row>
    <row r="63470" spans="8:8">
      <c r="H63470" s="12"/>
    </row>
    <row r="63471" spans="8:8">
      <c r="H63471" s="12"/>
    </row>
    <row r="63472" spans="8:8">
      <c r="H63472" s="12"/>
    </row>
    <row r="63473" spans="8:8">
      <c r="H63473" s="12"/>
    </row>
    <row r="63474" spans="8:8">
      <c r="H63474" s="12"/>
    </row>
    <row r="63475" spans="8:8">
      <c r="H63475" s="12"/>
    </row>
    <row r="63476" spans="8:8">
      <c r="H63476" s="12"/>
    </row>
    <row r="63477" spans="8:8">
      <c r="H63477" s="12"/>
    </row>
    <row r="63478" spans="8:8">
      <c r="H63478" s="12"/>
    </row>
    <row r="63479" spans="8:8">
      <c r="H63479" s="12"/>
    </row>
    <row r="63480" spans="8:8">
      <c r="H63480" s="12"/>
    </row>
    <row r="63481" spans="8:8">
      <c r="H63481" s="12"/>
    </row>
    <row r="63482" spans="8:8">
      <c r="H63482" s="12"/>
    </row>
    <row r="63483" spans="8:8">
      <c r="H63483" s="12"/>
    </row>
    <row r="63484" spans="8:8">
      <c r="H63484" s="12"/>
    </row>
    <row r="63485" spans="8:8">
      <c r="H63485" s="12"/>
    </row>
    <row r="63486" spans="8:8">
      <c r="H63486" s="12"/>
    </row>
    <row r="63487" spans="8:8">
      <c r="H63487" s="12"/>
    </row>
    <row r="63488" spans="8:8">
      <c r="H63488" s="12"/>
    </row>
    <row r="63489" spans="8:8">
      <c r="H63489" s="12"/>
    </row>
    <row r="63490" spans="8:8">
      <c r="H63490" s="12"/>
    </row>
    <row r="63491" spans="8:8">
      <c r="H63491" s="12"/>
    </row>
    <row r="63492" spans="8:8">
      <c r="H63492" s="12"/>
    </row>
    <row r="63493" spans="8:8">
      <c r="H63493" s="12"/>
    </row>
    <row r="63494" spans="8:8">
      <c r="H63494" s="12"/>
    </row>
    <row r="63495" spans="8:8">
      <c r="H63495" s="12"/>
    </row>
    <row r="63496" spans="8:8">
      <c r="H63496" s="12"/>
    </row>
    <row r="63497" spans="8:8">
      <c r="H63497" s="12"/>
    </row>
    <row r="63498" spans="8:8">
      <c r="H63498" s="12"/>
    </row>
    <row r="63499" spans="8:8">
      <c r="H63499" s="12"/>
    </row>
    <row r="63500" spans="8:8">
      <c r="H63500" s="12"/>
    </row>
    <row r="63501" spans="8:8">
      <c r="H63501" s="12"/>
    </row>
    <row r="63502" spans="8:8">
      <c r="H63502" s="12"/>
    </row>
    <row r="63503" spans="8:8">
      <c r="H63503" s="12"/>
    </row>
    <row r="63504" spans="8:8">
      <c r="H63504" s="12"/>
    </row>
    <row r="63505" spans="8:8">
      <c r="H63505" s="12"/>
    </row>
    <row r="63506" spans="8:8">
      <c r="H63506" s="12"/>
    </row>
    <row r="63507" spans="8:8">
      <c r="H63507" s="12"/>
    </row>
    <row r="63508" spans="8:8">
      <c r="H63508" s="12"/>
    </row>
    <row r="63509" spans="8:8">
      <c r="H63509" s="12"/>
    </row>
    <row r="63510" spans="8:8">
      <c r="H63510" s="12"/>
    </row>
    <row r="63511" spans="8:8">
      <c r="H63511" s="12"/>
    </row>
    <row r="63512" spans="8:8">
      <c r="H63512" s="12"/>
    </row>
    <row r="63513" spans="8:8">
      <c r="H63513" s="12"/>
    </row>
    <row r="63514" spans="8:8">
      <c r="H63514" s="12"/>
    </row>
    <row r="63515" spans="8:8">
      <c r="H63515" s="12"/>
    </row>
    <row r="63516" spans="8:8">
      <c r="H63516" s="12"/>
    </row>
    <row r="63517" spans="8:8">
      <c r="H63517" s="12"/>
    </row>
    <row r="63518" spans="8:8">
      <c r="H63518" s="12"/>
    </row>
    <row r="63519" spans="8:8">
      <c r="H63519" s="12"/>
    </row>
    <row r="63520" spans="8:8">
      <c r="H63520" s="12"/>
    </row>
    <row r="63521" spans="8:8">
      <c r="H63521" s="12"/>
    </row>
    <row r="63522" spans="8:8">
      <c r="H63522" s="12"/>
    </row>
    <row r="63523" spans="8:8">
      <c r="H63523" s="12"/>
    </row>
    <row r="63524" spans="8:8">
      <c r="H63524" s="12"/>
    </row>
    <row r="63525" spans="8:8">
      <c r="H63525" s="12"/>
    </row>
    <row r="63526" spans="8:8">
      <c r="H63526" s="12"/>
    </row>
    <row r="63527" spans="8:8">
      <c r="H63527" s="12"/>
    </row>
    <row r="63528" spans="8:8">
      <c r="H63528" s="12"/>
    </row>
    <row r="63529" spans="8:8">
      <c r="H63529" s="12"/>
    </row>
    <row r="63530" spans="8:8">
      <c r="H63530" s="12"/>
    </row>
    <row r="63531" spans="8:8">
      <c r="H63531" s="12"/>
    </row>
    <row r="63532" spans="8:8">
      <c r="H63532" s="12"/>
    </row>
    <row r="63533" spans="8:8">
      <c r="H63533" s="12"/>
    </row>
    <row r="63534" spans="8:8">
      <c r="H63534" s="12"/>
    </row>
    <row r="63535" spans="8:8">
      <c r="H63535" s="12"/>
    </row>
    <row r="63536" spans="8:8">
      <c r="H63536" s="12"/>
    </row>
    <row r="63537" spans="8:8">
      <c r="H63537" s="12"/>
    </row>
    <row r="63538" spans="8:8">
      <c r="H63538" s="12"/>
    </row>
    <row r="63539" spans="8:8">
      <c r="H63539" s="12"/>
    </row>
    <row r="63540" spans="8:8">
      <c r="H63540" s="12"/>
    </row>
    <row r="63541" spans="8:8">
      <c r="H63541" s="12"/>
    </row>
    <row r="63542" spans="8:8">
      <c r="H63542" s="12"/>
    </row>
    <row r="63543" spans="8:8">
      <c r="H63543" s="12"/>
    </row>
    <row r="63544" spans="8:8">
      <c r="H63544" s="12"/>
    </row>
    <row r="63545" spans="8:8">
      <c r="H63545" s="12"/>
    </row>
    <row r="63546" spans="8:8">
      <c r="H63546" s="12"/>
    </row>
    <row r="63547" spans="8:8">
      <c r="H63547" s="12"/>
    </row>
    <row r="63548" spans="8:8">
      <c r="H63548" s="12"/>
    </row>
    <row r="63549" spans="8:8">
      <c r="H63549" s="12"/>
    </row>
    <row r="63550" spans="8:8">
      <c r="H63550" s="12"/>
    </row>
    <row r="63551" spans="8:8">
      <c r="H63551" s="12"/>
    </row>
    <row r="63552" spans="8:8">
      <c r="H63552" s="12"/>
    </row>
    <row r="63553" spans="8:8">
      <c r="H63553" s="12"/>
    </row>
    <row r="63554" spans="8:8">
      <c r="H63554" s="12"/>
    </row>
    <row r="63555" spans="8:8">
      <c r="H63555" s="12"/>
    </row>
    <row r="63556" spans="8:8">
      <c r="H63556" s="12"/>
    </row>
    <row r="63557" spans="8:8">
      <c r="H63557" s="12"/>
    </row>
    <row r="63558" spans="8:8">
      <c r="H63558" s="12"/>
    </row>
    <row r="63559" spans="8:8">
      <c r="H63559" s="12"/>
    </row>
    <row r="63560" spans="8:8">
      <c r="H63560" s="12"/>
    </row>
    <row r="63561" spans="8:8">
      <c r="H63561" s="12"/>
    </row>
    <row r="63562" spans="8:8">
      <c r="H63562" s="12"/>
    </row>
    <row r="63563" spans="8:8">
      <c r="H63563" s="12"/>
    </row>
    <row r="63564" spans="8:8">
      <c r="H63564" s="12"/>
    </row>
    <row r="63565" spans="8:8">
      <c r="H63565" s="12"/>
    </row>
    <row r="63566" spans="8:8">
      <c r="H63566" s="12"/>
    </row>
    <row r="63567" spans="8:8">
      <c r="H63567" s="12"/>
    </row>
    <row r="63568" spans="8:8">
      <c r="H63568" s="12"/>
    </row>
    <row r="63569" spans="8:8">
      <c r="H63569" s="12"/>
    </row>
    <row r="63570" spans="8:8">
      <c r="H63570" s="12"/>
    </row>
    <row r="63571" spans="8:8">
      <c r="H63571" s="12"/>
    </row>
    <row r="63572" spans="8:8">
      <c r="H63572" s="12"/>
    </row>
    <row r="63573" spans="8:8">
      <c r="H63573" s="12"/>
    </row>
    <row r="63574" spans="8:8">
      <c r="H63574" s="12"/>
    </row>
    <row r="63575" spans="8:8">
      <c r="H63575" s="12"/>
    </row>
    <row r="63576" spans="8:8">
      <c r="H63576" s="12"/>
    </row>
    <row r="63577" spans="8:8">
      <c r="H63577" s="12"/>
    </row>
    <row r="63578" spans="8:8">
      <c r="H63578" s="12"/>
    </row>
    <row r="63579" spans="8:8">
      <c r="H63579" s="12"/>
    </row>
    <row r="63580" spans="8:8">
      <c r="H63580" s="12"/>
    </row>
    <row r="63581" spans="8:8">
      <c r="H63581" s="12"/>
    </row>
    <row r="63582" spans="8:8">
      <c r="H63582" s="12"/>
    </row>
    <row r="63583" spans="8:8">
      <c r="H63583" s="12"/>
    </row>
    <row r="63584" spans="8:8">
      <c r="H63584" s="12"/>
    </row>
    <row r="63585" spans="8:8">
      <c r="H63585" s="12"/>
    </row>
    <row r="63586" spans="8:8">
      <c r="H63586" s="12"/>
    </row>
    <row r="63587" spans="8:8">
      <c r="H63587" s="12"/>
    </row>
    <row r="63588" spans="8:8">
      <c r="H63588" s="12"/>
    </row>
    <row r="63589" spans="8:8">
      <c r="H63589" s="12"/>
    </row>
    <row r="63590" spans="8:8">
      <c r="H63590" s="12"/>
    </row>
    <row r="63591" spans="8:8">
      <c r="H63591" s="12"/>
    </row>
    <row r="63592" spans="8:8">
      <c r="H63592" s="12"/>
    </row>
    <row r="63593" spans="8:8">
      <c r="H63593" s="12"/>
    </row>
    <row r="63594" spans="8:8">
      <c r="H63594" s="12"/>
    </row>
    <row r="63595" spans="8:8">
      <c r="H63595" s="12"/>
    </row>
    <row r="63596" spans="8:8">
      <c r="H63596" s="12"/>
    </row>
    <row r="63597" spans="8:8">
      <c r="H63597" s="12"/>
    </row>
    <row r="63598" spans="8:8">
      <c r="H63598" s="12"/>
    </row>
    <row r="63599" spans="8:8">
      <c r="H63599" s="12"/>
    </row>
    <row r="63600" spans="8:8">
      <c r="H63600" s="12"/>
    </row>
    <row r="63601" spans="8:8">
      <c r="H63601" s="12"/>
    </row>
    <row r="63602" spans="8:8">
      <c r="H63602" s="12"/>
    </row>
    <row r="63603" spans="8:8">
      <c r="H63603" s="12"/>
    </row>
    <row r="63604" spans="8:8">
      <c r="H63604" s="12"/>
    </row>
    <row r="63605" spans="8:8">
      <c r="H63605" s="12"/>
    </row>
    <row r="63606" spans="8:8">
      <c r="H63606" s="12"/>
    </row>
    <row r="63607" spans="8:8">
      <c r="H63607" s="12"/>
    </row>
    <row r="63608" spans="8:8">
      <c r="H63608" s="12"/>
    </row>
    <row r="63609" spans="8:8">
      <c r="H63609" s="12"/>
    </row>
    <row r="63610" spans="8:8">
      <c r="H63610" s="12"/>
    </row>
    <row r="63611" spans="8:8">
      <c r="H63611" s="12"/>
    </row>
    <row r="63612" spans="8:8">
      <c r="H63612" s="12"/>
    </row>
    <row r="63613" spans="8:8">
      <c r="H63613" s="12"/>
    </row>
    <row r="63614" spans="8:8">
      <c r="H63614" s="12"/>
    </row>
    <row r="63615" spans="8:8">
      <c r="H63615" s="12"/>
    </row>
    <row r="63616" spans="8:8">
      <c r="H63616" s="12"/>
    </row>
    <row r="63617" spans="8:8">
      <c r="H63617" s="12"/>
    </row>
    <row r="63618" spans="8:8">
      <c r="H63618" s="12"/>
    </row>
    <row r="63619" spans="8:8">
      <c r="H63619" s="12"/>
    </row>
    <row r="63620" spans="8:8">
      <c r="H63620" s="12"/>
    </row>
    <row r="63621" spans="8:8">
      <c r="H63621" s="12"/>
    </row>
    <row r="63622" spans="8:8">
      <c r="H63622" s="12"/>
    </row>
    <row r="63623" spans="8:8">
      <c r="H63623" s="12"/>
    </row>
    <row r="63624" spans="8:8">
      <c r="H63624" s="12"/>
    </row>
    <row r="63625" spans="8:8">
      <c r="H63625" s="12"/>
    </row>
    <row r="63626" spans="8:8">
      <c r="H63626" s="12"/>
    </row>
    <row r="63627" spans="8:8">
      <c r="H63627" s="12"/>
    </row>
    <row r="63628" spans="8:8">
      <c r="H63628" s="12"/>
    </row>
    <row r="63629" spans="8:8">
      <c r="H63629" s="12"/>
    </row>
    <row r="63630" spans="8:8">
      <c r="H63630" s="12"/>
    </row>
    <row r="63631" spans="8:8">
      <c r="H63631" s="12"/>
    </row>
    <row r="63632" spans="8:8">
      <c r="H63632" s="12"/>
    </row>
    <row r="63633" spans="8:8">
      <c r="H63633" s="12"/>
    </row>
    <row r="63634" spans="8:8">
      <c r="H63634" s="12"/>
    </row>
    <row r="63635" spans="8:8">
      <c r="H63635" s="12"/>
    </row>
    <row r="63636" spans="8:8">
      <c r="H63636" s="12"/>
    </row>
    <row r="63637" spans="8:8">
      <c r="H63637" s="12"/>
    </row>
    <row r="63638" spans="8:8">
      <c r="H63638" s="12"/>
    </row>
    <row r="63639" spans="8:8">
      <c r="H63639" s="12"/>
    </row>
    <row r="63640" spans="8:8">
      <c r="H63640" s="12"/>
    </row>
    <row r="63641" spans="8:8">
      <c r="H63641" s="12"/>
    </row>
    <row r="63642" spans="8:8">
      <c r="H63642" s="12"/>
    </row>
    <row r="63643" spans="8:8">
      <c r="H63643" s="12"/>
    </row>
    <row r="63644" spans="8:8">
      <c r="H63644" s="12"/>
    </row>
    <row r="63645" spans="8:8">
      <c r="H63645" s="12"/>
    </row>
    <row r="63646" spans="8:8">
      <c r="H63646" s="12"/>
    </row>
    <row r="63647" spans="8:8">
      <c r="H63647" s="12"/>
    </row>
    <row r="63648" spans="8:8">
      <c r="H63648" s="12"/>
    </row>
    <row r="63649" spans="8:8">
      <c r="H63649" s="12"/>
    </row>
    <row r="63650" spans="8:8">
      <c r="H63650" s="12"/>
    </row>
    <row r="63651" spans="8:8">
      <c r="H63651" s="12"/>
    </row>
    <row r="63652" spans="8:8">
      <c r="H63652" s="12"/>
    </row>
    <row r="63653" spans="8:8">
      <c r="H63653" s="12"/>
    </row>
    <row r="63654" spans="8:8">
      <c r="H63654" s="12"/>
    </row>
    <row r="63655" spans="8:8">
      <c r="H63655" s="12"/>
    </row>
    <row r="63656" spans="8:8">
      <c r="H63656" s="12"/>
    </row>
    <row r="63657" spans="8:8">
      <c r="H63657" s="12"/>
    </row>
    <row r="63658" spans="8:8">
      <c r="H63658" s="12"/>
    </row>
    <row r="63659" spans="8:8">
      <c r="H63659" s="12"/>
    </row>
    <row r="63660" spans="8:8">
      <c r="H63660" s="12"/>
    </row>
    <row r="63661" spans="8:8">
      <c r="H63661" s="12"/>
    </row>
    <row r="63662" spans="8:8">
      <c r="H63662" s="12"/>
    </row>
    <row r="63663" spans="8:8">
      <c r="H63663" s="12"/>
    </row>
    <row r="63664" spans="8:8">
      <c r="H63664" s="12"/>
    </row>
    <row r="63665" spans="8:8">
      <c r="H63665" s="12"/>
    </row>
    <row r="63666" spans="8:8">
      <c r="H63666" s="12"/>
    </row>
    <row r="63667" spans="8:8">
      <c r="H63667" s="12"/>
    </row>
    <row r="63668" spans="8:8">
      <c r="H63668" s="12"/>
    </row>
    <row r="63669" spans="8:8">
      <c r="H63669" s="12"/>
    </row>
    <row r="63670" spans="8:8">
      <c r="H63670" s="12"/>
    </row>
    <row r="63671" spans="8:8">
      <c r="H63671" s="12"/>
    </row>
    <row r="63672" spans="8:8">
      <c r="H63672" s="12"/>
    </row>
    <row r="63673" spans="8:8">
      <c r="H63673" s="12"/>
    </row>
    <row r="63674" spans="8:8">
      <c r="H63674" s="12"/>
    </row>
    <row r="63675" spans="8:8">
      <c r="H63675" s="12"/>
    </row>
    <row r="63676" spans="8:8">
      <c r="H63676" s="12"/>
    </row>
    <row r="63677" spans="8:8">
      <c r="H63677" s="12"/>
    </row>
    <row r="63678" spans="8:8">
      <c r="H63678" s="12"/>
    </row>
    <row r="63679" spans="8:8">
      <c r="H63679" s="12"/>
    </row>
    <row r="63680" spans="8:8">
      <c r="H63680" s="12"/>
    </row>
    <row r="63681" spans="8:8">
      <c r="H63681" s="12"/>
    </row>
    <row r="63682" spans="8:8">
      <c r="H63682" s="12"/>
    </row>
    <row r="63683" spans="8:8">
      <c r="H63683" s="12"/>
    </row>
    <row r="63684" spans="8:8">
      <c r="H63684" s="12"/>
    </row>
    <row r="63685" spans="8:8">
      <c r="H63685" s="12"/>
    </row>
    <row r="63686" spans="8:8">
      <c r="H63686" s="12"/>
    </row>
    <row r="63687" spans="8:8">
      <c r="H63687" s="12"/>
    </row>
    <row r="63688" spans="8:8">
      <c r="H63688" s="12"/>
    </row>
    <row r="63689" spans="8:8">
      <c r="H63689" s="12"/>
    </row>
    <row r="63690" spans="8:8">
      <c r="H63690" s="12"/>
    </row>
    <row r="63691" spans="8:8">
      <c r="H63691" s="12"/>
    </row>
    <row r="63692" spans="8:8">
      <c r="H63692" s="12"/>
    </row>
    <row r="63693" spans="8:8">
      <c r="H63693" s="12"/>
    </row>
    <row r="63694" spans="8:8">
      <c r="H63694" s="12"/>
    </row>
    <row r="63695" spans="8:8">
      <c r="H63695" s="12"/>
    </row>
    <row r="63696" spans="8:8">
      <c r="H63696" s="12"/>
    </row>
    <row r="63697" spans="8:8">
      <c r="H63697" s="12"/>
    </row>
    <row r="63698" spans="8:8">
      <c r="H63698" s="12"/>
    </row>
    <row r="63699" spans="8:8">
      <c r="H63699" s="12"/>
    </row>
    <row r="63700" spans="8:8">
      <c r="H63700" s="12"/>
    </row>
    <row r="63701" spans="8:8">
      <c r="H63701" s="12"/>
    </row>
    <row r="63702" spans="8:8">
      <c r="H63702" s="12"/>
    </row>
    <row r="63703" spans="8:8">
      <c r="H63703" s="12"/>
    </row>
    <row r="63704" spans="8:8">
      <c r="H63704" s="12"/>
    </row>
    <row r="63705" spans="8:8">
      <c r="H63705" s="12"/>
    </row>
    <row r="63706" spans="8:8">
      <c r="H63706" s="12"/>
    </row>
    <row r="63707" spans="8:8">
      <c r="H63707" s="12"/>
    </row>
    <row r="63708" spans="8:8">
      <c r="H63708" s="12"/>
    </row>
    <row r="63709" spans="8:8">
      <c r="H63709" s="12"/>
    </row>
    <row r="63710" spans="8:8">
      <c r="H63710" s="12"/>
    </row>
    <row r="63711" spans="8:8">
      <c r="H63711" s="12"/>
    </row>
    <row r="63712" spans="8:8">
      <c r="H63712" s="12"/>
    </row>
    <row r="63713" spans="8:8">
      <c r="H63713" s="12"/>
    </row>
    <row r="63714" spans="8:8">
      <c r="H63714" s="12"/>
    </row>
    <row r="63715" spans="8:8">
      <c r="H63715" s="12"/>
    </row>
    <row r="63716" spans="8:8">
      <c r="H63716" s="12"/>
    </row>
    <row r="63717" spans="8:8">
      <c r="H63717" s="12"/>
    </row>
    <row r="63718" spans="8:8">
      <c r="H63718" s="12"/>
    </row>
    <row r="63719" spans="8:8">
      <c r="H63719" s="12"/>
    </row>
    <row r="63720" spans="8:8">
      <c r="H63720" s="12"/>
    </row>
    <row r="63721" spans="8:8">
      <c r="H63721" s="12"/>
    </row>
    <row r="63722" spans="8:8">
      <c r="H63722" s="12"/>
    </row>
    <row r="63723" spans="8:8">
      <c r="H63723" s="12"/>
    </row>
    <row r="63724" spans="8:8">
      <c r="H63724" s="12"/>
    </row>
    <row r="63725" spans="8:8">
      <c r="H63725" s="12"/>
    </row>
    <row r="63726" spans="8:8">
      <c r="H63726" s="12"/>
    </row>
    <row r="63727" spans="8:8">
      <c r="H63727" s="12"/>
    </row>
    <row r="63728" spans="8:8">
      <c r="H63728" s="12"/>
    </row>
    <row r="63729" spans="8:8">
      <c r="H63729" s="12"/>
    </row>
    <row r="63730" spans="8:8">
      <c r="H63730" s="12"/>
    </row>
    <row r="63731" spans="8:8">
      <c r="H63731" s="12"/>
    </row>
    <row r="63732" spans="8:8">
      <c r="H63732" s="12"/>
    </row>
    <row r="63733" spans="8:8">
      <c r="H63733" s="12"/>
    </row>
    <row r="63734" spans="8:8">
      <c r="H63734" s="12"/>
    </row>
    <row r="63735" spans="8:8">
      <c r="H63735" s="12"/>
    </row>
    <row r="63736" spans="8:8">
      <c r="H63736" s="12"/>
    </row>
    <row r="63737" spans="8:8">
      <c r="H63737" s="12"/>
    </row>
    <row r="63738" spans="8:8">
      <c r="H63738" s="12"/>
    </row>
    <row r="63739" spans="8:8">
      <c r="H63739" s="12"/>
    </row>
    <row r="63740" spans="8:8">
      <c r="H63740" s="12"/>
    </row>
    <row r="63741" spans="8:8">
      <c r="H63741" s="12"/>
    </row>
    <row r="63742" spans="8:8">
      <c r="H63742" s="12"/>
    </row>
    <row r="63743" spans="8:8">
      <c r="H63743" s="12"/>
    </row>
    <row r="63744" spans="8:8">
      <c r="H63744" s="12"/>
    </row>
    <row r="63745" spans="8:8">
      <c r="H63745" s="12"/>
    </row>
    <row r="63746" spans="8:8">
      <c r="H63746" s="12"/>
    </row>
    <row r="63747" spans="8:8">
      <c r="H63747" s="12"/>
    </row>
    <row r="63748" spans="8:8">
      <c r="H63748" s="12"/>
    </row>
    <row r="63749" spans="8:8">
      <c r="H63749" s="12"/>
    </row>
    <row r="63750" spans="8:8">
      <c r="H63750" s="12"/>
    </row>
    <row r="63751" spans="8:8">
      <c r="H63751" s="12"/>
    </row>
    <row r="63752" spans="8:8">
      <c r="H63752" s="12"/>
    </row>
    <row r="63753" spans="8:8">
      <c r="H63753" s="12"/>
    </row>
    <row r="63754" spans="8:8">
      <c r="H63754" s="12"/>
    </row>
    <row r="63755" spans="8:8">
      <c r="H63755" s="12"/>
    </row>
    <row r="63756" spans="8:8">
      <c r="H63756" s="12"/>
    </row>
    <row r="63757" spans="8:8">
      <c r="H63757" s="12"/>
    </row>
    <row r="63758" spans="8:8">
      <c r="H63758" s="12"/>
    </row>
    <row r="63759" spans="8:8">
      <c r="H63759" s="12"/>
    </row>
    <row r="63760" spans="8:8">
      <c r="H63760" s="12"/>
    </row>
    <row r="63761" spans="8:8">
      <c r="H63761" s="12"/>
    </row>
    <row r="63762" spans="8:8">
      <c r="H63762" s="12"/>
    </row>
    <row r="63763" spans="8:8">
      <c r="H63763" s="12"/>
    </row>
    <row r="63764" spans="8:8">
      <c r="H63764" s="12"/>
    </row>
    <row r="63765" spans="8:8">
      <c r="H63765" s="12"/>
    </row>
    <row r="63766" spans="8:8">
      <c r="H63766" s="12"/>
    </row>
    <row r="63767" spans="8:8">
      <c r="H63767" s="12"/>
    </row>
    <row r="63768" spans="8:8">
      <c r="H63768" s="12"/>
    </row>
    <row r="63769" spans="8:8">
      <c r="H63769" s="12"/>
    </row>
    <row r="63770" spans="8:8">
      <c r="H63770" s="12"/>
    </row>
    <row r="63771" spans="8:8">
      <c r="H63771" s="12"/>
    </row>
    <row r="63772" spans="8:8">
      <c r="H63772" s="12"/>
    </row>
    <row r="63773" spans="8:8">
      <c r="H63773" s="12"/>
    </row>
    <row r="63774" spans="8:8">
      <c r="H63774" s="12"/>
    </row>
    <row r="63775" spans="8:8">
      <c r="H63775" s="12"/>
    </row>
    <row r="63776" spans="8:8">
      <c r="H63776" s="12"/>
    </row>
    <row r="63777" spans="8:8">
      <c r="H63777" s="12"/>
    </row>
    <row r="63778" spans="8:8">
      <c r="H63778" s="12"/>
    </row>
    <row r="63779" spans="8:8">
      <c r="H63779" s="12"/>
    </row>
    <row r="63780" spans="8:8">
      <c r="H63780" s="12"/>
    </row>
    <row r="63781" spans="8:8">
      <c r="H63781" s="12"/>
    </row>
    <row r="63782" spans="8:8">
      <c r="H63782" s="12"/>
    </row>
    <row r="63783" spans="8:8">
      <c r="H63783" s="12"/>
    </row>
    <row r="63784" spans="8:8">
      <c r="H63784" s="12"/>
    </row>
    <row r="63785" spans="8:8">
      <c r="H63785" s="12"/>
    </row>
    <row r="63786" spans="8:8">
      <c r="H63786" s="12"/>
    </row>
    <row r="63787" spans="8:8">
      <c r="H63787" s="12"/>
    </row>
    <row r="63788" spans="8:8">
      <c r="H63788" s="12"/>
    </row>
    <row r="63789" spans="8:8">
      <c r="H63789" s="12"/>
    </row>
    <row r="63790" spans="8:8">
      <c r="H63790" s="12"/>
    </row>
    <row r="63791" spans="8:8">
      <c r="H63791" s="12"/>
    </row>
    <row r="63792" spans="8:8">
      <c r="H63792" s="12"/>
    </row>
    <row r="63793" spans="8:8">
      <c r="H63793" s="12"/>
    </row>
    <row r="63794" spans="8:8">
      <c r="H63794" s="12"/>
    </row>
    <row r="63795" spans="8:8">
      <c r="H63795" s="12"/>
    </row>
    <row r="63796" spans="8:8">
      <c r="H63796" s="12"/>
    </row>
    <row r="63797" spans="8:8">
      <c r="H63797" s="12"/>
    </row>
    <row r="63798" spans="8:8">
      <c r="H63798" s="12"/>
    </row>
    <row r="63799" spans="8:8">
      <c r="H63799" s="12"/>
    </row>
    <row r="63800" spans="8:8">
      <c r="H63800" s="12"/>
    </row>
    <row r="63801" spans="8:8">
      <c r="H63801" s="12"/>
    </row>
    <row r="63802" spans="8:8">
      <c r="H63802" s="12"/>
    </row>
    <row r="63803" spans="8:8">
      <c r="H63803" s="12"/>
    </row>
    <row r="63804" spans="8:8">
      <c r="H63804" s="12"/>
    </row>
    <row r="63805" spans="8:8">
      <c r="H63805" s="12"/>
    </row>
    <row r="63806" spans="8:8">
      <c r="H63806" s="12"/>
    </row>
    <row r="63807" spans="8:8">
      <c r="H63807" s="12"/>
    </row>
    <row r="63808" spans="8:8">
      <c r="H63808" s="12"/>
    </row>
    <row r="63809" spans="8:8">
      <c r="H63809" s="12"/>
    </row>
    <row r="63810" spans="8:8">
      <c r="H63810" s="12"/>
    </row>
    <row r="63811" spans="8:8">
      <c r="H63811" s="12"/>
    </row>
    <row r="63812" spans="8:8">
      <c r="H63812" s="12"/>
    </row>
    <row r="63813" spans="8:8">
      <c r="H63813" s="12"/>
    </row>
    <row r="63814" spans="8:8">
      <c r="H63814" s="12"/>
    </row>
    <row r="63815" spans="8:8">
      <c r="H63815" s="12"/>
    </row>
    <row r="63816" spans="8:8">
      <c r="H63816" s="12"/>
    </row>
    <row r="63817" spans="8:8">
      <c r="H63817" s="12"/>
    </row>
    <row r="63818" spans="8:8">
      <c r="H63818" s="12"/>
    </row>
    <row r="63819" spans="8:8">
      <c r="H63819" s="12"/>
    </row>
    <row r="63820" spans="8:8">
      <c r="H63820" s="12"/>
    </row>
    <row r="63821" spans="8:8">
      <c r="H63821" s="12"/>
    </row>
    <row r="63822" spans="8:8">
      <c r="H63822" s="12"/>
    </row>
    <row r="63823" spans="8:8">
      <c r="H63823" s="12"/>
    </row>
    <row r="63824" spans="8:8">
      <c r="H63824" s="12"/>
    </row>
    <row r="63825" spans="8:8">
      <c r="H63825" s="12"/>
    </row>
    <row r="63826" spans="8:8">
      <c r="H63826" s="12"/>
    </row>
    <row r="63827" spans="8:8">
      <c r="H63827" s="12"/>
    </row>
    <row r="63828" spans="8:8">
      <c r="H63828" s="12"/>
    </row>
    <row r="63829" spans="8:8">
      <c r="H63829" s="12"/>
    </row>
    <row r="63830" spans="8:8">
      <c r="H63830" s="12"/>
    </row>
    <row r="63831" spans="8:8">
      <c r="H63831" s="12"/>
    </row>
    <row r="63832" spans="8:8">
      <c r="H63832" s="12"/>
    </row>
    <row r="63833" spans="8:8">
      <c r="H63833" s="12"/>
    </row>
    <row r="63834" spans="8:8">
      <c r="H63834" s="12"/>
    </row>
    <row r="63835" spans="8:8">
      <c r="H63835" s="12"/>
    </row>
    <row r="63836" spans="8:8">
      <c r="H63836" s="12"/>
    </row>
    <row r="63837" spans="8:8">
      <c r="H63837" s="12"/>
    </row>
    <row r="63838" spans="8:8">
      <c r="H63838" s="12"/>
    </row>
    <row r="63839" spans="8:8">
      <c r="H63839" s="12"/>
    </row>
    <row r="63840" spans="8:8">
      <c r="H63840" s="12"/>
    </row>
    <row r="63841" spans="8:8">
      <c r="H63841" s="12"/>
    </row>
    <row r="63842" spans="8:8">
      <c r="H63842" s="12"/>
    </row>
    <row r="63843" spans="8:8">
      <c r="H63843" s="12"/>
    </row>
    <row r="63844" spans="8:8">
      <c r="H63844" s="12"/>
    </row>
    <row r="63845" spans="8:8">
      <c r="H63845" s="12"/>
    </row>
    <row r="63846" spans="8:8">
      <c r="H63846" s="12"/>
    </row>
    <row r="63847" spans="8:8">
      <c r="H63847" s="12"/>
    </row>
    <row r="63848" spans="8:8">
      <c r="H63848" s="12"/>
    </row>
    <row r="63849" spans="8:8">
      <c r="H63849" s="12"/>
    </row>
    <row r="63850" spans="8:8">
      <c r="H63850" s="12"/>
    </row>
    <row r="63851" spans="8:8">
      <c r="H63851" s="12"/>
    </row>
    <row r="63852" spans="8:8">
      <c r="H63852" s="12"/>
    </row>
    <row r="63853" spans="8:8">
      <c r="H63853" s="12"/>
    </row>
    <row r="63854" spans="8:8">
      <c r="H63854" s="12"/>
    </row>
    <row r="63855" spans="8:8">
      <c r="H63855" s="12"/>
    </row>
    <row r="63856" spans="8:8">
      <c r="H63856" s="12"/>
    </row>
    <row r="63857" spans="8:8">
      <c r="H63857" s="12"/>
    </row>
    <row r="63858" spans="8:8">
      <c r="H63858" s="12"/>
    </row>
    <row r="63859" spans="8:8">
      <c r="H63859" s="12"/>
    </row>
    <row r="63860" spans="8:8">
      <c r="H63860" s="12"/>
    </row>
    <row r="63861" spans="8:8">
      <c r="H63861" s="12"/>
    </row>
    <row r="63862" spans="8:8">
      <c r="H63862" s="12"/>
    </row>
    <row r="63863" spans="8:8">
      <c r="H63863" s="12"/>
    </row>
    <row r="63864" spans="8:8">
      <c r="H63864" s="12"/>
    </row>
    <row r="63865" spans="8:8">
      <c r="H63865" s="12"/>
    </row>
    <row r="63866" spans="8:8">
      <c r="H63866" s="12"/>
    </row>
    <row r="63867" spans="8:8">
      <c r="H63867" s="12"/>
    </row>
    <row r="63868" spans="8:8">
      <c r="H63868" s="12"/>
    </row>
    <row r="63869" spans="8:8">
      <c r="H63869" s="12"/>
    </row>
    <row r="63870" spans="8:8">
      <c r="H63870" s="12"/>
    </row>
    <row r="63871" spans="8:8">
      <c r="H63871" s="12"/>
    </row>
    <row r="63872" spans="8:8">
      <c r="H63872" s="12"/>
    </row>
    <row r="63873" spans="8:8">
      <c r="H63873" s="12"/>
    </row>
    <row r="63874" spans="8:8">
      <c r="H63874" s="12"/>
    </row>
    <row r="63875" spans="8:8">
      <c r="H63875" s="12"/>
    </row>
    <row r="63876" spans="8:8">
      <c r="H63876" s="12"/>
    </row>
    <row r="63877" spans="8:8">
      <c r="H63877" s="12"/>
    </row>
    <row r="63878" spans="8:8">
      <c r="H63878" s="12"/>
    </row>
    <row r="63879" spans="8:8">
      <c r="H63879" s="12"/>
    </row>
    <row r="63880" spans="8:8">
      <c r="H63880" s="12"/>
    </row>
    <row r="63881" spans="8:8">
      <c r="H63881" s="12"/>
    </row>
    <row r="63882" spans="8:8">
      <c r="H63882" s="12"/>
    </row>
    <row r="63883" spans="8:8">
      <c r="H63883" s="12"/>
    </row>
    <row r="63884" spans="8:8">
      <c r="H63884" s="12"/>
    </row>
    <row r="63885" spans="8:8">
      <c r="H63885" s="12"/>
    </row>
    <row r="63886" spans="8:8">
      <c r="H63886" s="12"/>
    </row>
    <row r="63887" spans="8:8">
      <c r="H63887" s="12"/>
    </row>
    <row r="63888" spans="8:8">
      <c r="H63888" s="12"/>
    </row>
    <row r="63889" spans="8:8">
      <c r="H63889" s="12"/>
    </row>
    <row r="63890" spans="8:8">
      <c r="H63890" s="12"/>
    </row>
    <row r="63891" spans="8:8">
      <c r="H63891" s="12"/>
    </row>
    <row r="63892" spans="8:8">
      <c r="H63892" s="12"/>
    </row>
    <row r="63893" spans="8:8">
      <c r="H63893" s="12"/>
    </row>
    <row r="63894" spans="8:8">
      <c r="H63894" s="12"/>
    </row>
    <row r="63895" spans="8:8">
      <c r="H63895" s="12"/>
    </row>
    <row r="63896" spans="8:8">
      <c r="H63896" s="12"/>
    </row>
    <row r="63897" spans="8:8">
      <c r="H63897" s="12"/>
    </row>
    <row r="63898" spans="8:8">
      <c r="H63898" s="12"/>
    </row>
    <row r="63899" spans="8:8">
      <c r="H63899" s="12"/>
    </row>
    <row r="63900" spans="8:8">
      <c r="H63900" s="12"/>
    </row>
    <row r="63901" spans="8:8">
      <c r="H63901" s="12"/>
    </row>
    <row r="63902" spans="8:8">
      <c r="H63902" s="12"/>
    </row>
    <row r="63903" spans="8:8">
      <c r="H63903" s="12"/>
    </row>
    <row r="63904" spans="8:8">
      <c r="H63904" s="12"/>
    </row>
    <row r="63905" spans="8:8">
      <c r="H63905" s="12"/>
    </row>
    <row r="63906" spans="8:8">
      <c r="H63906" s="12"/>
    </row>
    <row r="63907" spans="8:8">
      <c r="H63907" s="12"/>
    </row>
    <row r="63908" spans="8:8">
      <c r="H63908" s="12"/>
    </row>
    <row r="63909" spans="8:8">
      <c r="H63909" s="12"/>
    </row>
    <row r="63910" spans="8:8">
      <c r="H63910" s="12"/>
    </row>
    <row r="63911" spans="8:8">
      <c r="H63911" s="12"/>
    </row>
    <row r="63912" spans="8:8">
      <c r="H63912" s="12"/>
    </row>
    <row r="63913" spans="8:8">
      <c r="H63913" s="12"/>
    </row>
    <row r="63914" spans="8:8">
      <c r="H63914" s="12"/>
    </row>
    <row r="63915" spans="8:8">
      <c r="H63915" s="12"/>
    </row>
    <row r="63916" spans="8:8">
      <c r="H63916" s="12"/>
    </row>
    <row r="63917" spans="8:8">
      <c r="H63917" s="12"/>
    </row>
    <row r="63918" spans="8:8">
      <c r="H63918" s="12"/>
    </row>
    <row r="63919" spans="8:8">
      <c r="H63919" s="12"/>
    </row>
    <row r="63920" spans="8:8">
      <c r="H63920" s="12"/>
    </row>
    <row r="63921" spans="8:8">
      <c r="H63921" s="12"/>
    </row>
    <row r="63922" spans="8:8">
      <c r="H63922" s="12"/>
    </row>
    <row r="63923" spans="8:8">
      <c r="H63923" s="12"/>
    </row>
    <row r="63924" spans="8:8">
      <c r="H63924" s="12"/>
    </row>
    <row r="63925" spans="8:8">
      <c r="H63925" s="12"/>
    </row>
    <row r="63926" spans="8:8">
      <c r="H63926" s="12"/>
    </row>
    <row r="63927" spans="8:8">
      <c r="H63927" s="12"/>
    </row>
    <row r="63928" spans="8:8">
      <c r="H63928" s="12"/>
    </row>
    <row r="63929" spans="8:8">
      <c r="H63929" s="12"/>
    </row>
    <row r="63930" spans="8:8">
      <c r="H63930" s="12"/>
    </row>
    <row r="63931" spans="8:8">
      <c r="H63931" s="12"/>
    </row>
    <row r="63932" spans="8:8">
      <c r="H63932" s="12"/>
    </row>
    <row r="63933" spans="8:8">
      <c r="H63933" s="12"/>
    </row>
    <row r="63934" spans="8:8">
      <c r="H63934" s="12"/>
    </row>
    <row r="63935" spans="8:8">
      <c r="H63935" s="12"/>
    </row>
    <row r="63936" spans="8:8">
      <c r="H63936" s="12"/>
    </row>
    <row r="63937" spans="8:8">
      <c r="H63937" s="12"/>
    </row>
    <row r="63938" spans="8:8">
      <c r="H63938" s="12"/>
    </row>
    <row r="63939" spans="8:8">
      <c r="H63939" s="12"/>
    </row>
    <row r="63940" spans="8:8">
      <c r="H63940" s="12"/>
    </row>
    <row r="63941" spans="8:8">
      <c r="H63941" s="12"/>
    </row>
    <row r="63942" spans="8:8">
      <c r="H63942" s="12"/>
    </row>
    <row r="63943" spans="8:8">
      <c r="H63943" s="12"/>
    </row>
    <row r="63944" spans="8:8">
      <c r="H63944" s="12"/>
    </row>
    <row r="63945" spans="8:8">
      <c r="H63945" s="12"/>
    </row>
    <row r="63946" spans="8:8">
      <c r="H63946" s="12"/>
    </row>
    <row r="63947" spans="8:8">
      <c r="H63947" s="12"/>
    </row>
    <row r="63948" spans="8:8">
      <c r="H63948" s="12"/>
    </row>
    <row r="63949" spans="8:8">
      <c r="H63949" s="12"/>
    </row>
    <row r="63950" spans="8:8">
      <c r="H63950" s="12"/>
    </row>
    <row r="63951" spans="8:8">
      <c r="H63951" s="12"/>
    </row>
    <row r="63952" spans="8:8">
      <c r="H63952" s="12"/>
    </row>
    <row r="63953" spans="8:8">
      <c r="H63953" s="12"/>
    </row>
    <row r="63954" spans="8:8">
      <c r="H63954" s="12"/>
    </row>
    <row r="63955" spans="8:8">
      <c r="H63955" s="12"/>
    </row>
    <row r="63956" spans="8:8">
      <c r="H63956" s="12"/>
    </row>
    <row r="63957" spans="8:8">
      <c r="H63957" s="12"/>
    </row>
    <row r="63958" spans="8:8">
      <c r="H63958" s="12"/>
    </row>
    <row r="63959" spans="8:8">
      <c r="H63959" s="12"/>
    </row>
    <row r="63960" spans="8:8">
      <c r="H63960" s="12"/>
    </row>
    <row r="63961" spans="8:8">
      <c r="H63961" s="12"/>
    </row>
    <row r="63962" spans="8:8">
      <c r="H63962" s="12"/>
    </row>
    <row r="63963" spans="8:8">
      <c r="H63963" s="12"/>
    </row>
    <row r="63964" spans="8:8">
      <c r="H63964" s="12"/>
    </row>
    <row r="63965" spans="8:8">
      <c r="H63965" s="12"/>
    </row>
    <row r="63966" spans="8:8">
      <c r="H63966" s="12"/>
    </row>
    <row r="63967" spans="8:8">
      <c r="H63967" s="12"/>
    </row>
    <row r="63968" spans="8:8">
      <c r="H63968" s="12"/>
    </row>
    <row r="63969" spans="8:8">
      <c r="H63969" s="12"/>
    </row>
    <row r="63970" spans="8:8">
      <c r="H63970" s="12"/>
    </row>
    <row r="63971" spans="8:8">
      <c r="H63971" s="12"/>
    </row>
    <row r="63972" spans="8:8">
      <c r="H63972" s="12"/>
    </row>
    <row r="63973" spans="8:8">
      <c r="H63973" s="12"/>
    </row>
    <row r="63974" spans="8:8">
      <c r="H63974" s="12"/>
    </row>
    <row r="63975" spans="8:8">
      <c r="H63975" s="12"/>
    </row>
    <row r="63976" spans="8:8">
      <c r="H63976" s="12"/>
    </row>
    <row r="63977" spans="8:8">
      <c r="H63977" s="12"/>
    </row>
    <row r="63978" spans="8:8">
      <c r="H63978" s="12"/>
    </row>
    <row r="63979" spans="8:8">
      <c r="H63979" s="12"/>
    </row>
    <row r="63980" spans="8:8">
      <c r="H63980" s="12"/>
    </row>
    <row r="63981" spans="8:8">
      <c r="H63981" s="12"/>
    </row>
    <row r="63982" spans="8:8">
      <c r="H63982" s="12"/>
    </row>
    <row r="63983" spans="8:8">
      <c r="H63983" s="12"/>
    </row>
    <row r="63984" spans="8:8">
      <c r="H63984" s="12"/>
    </row>
    <row r="63985" spans="8:8">
      <c r="H63985" s="12"/>
    </row>
    <row r="63986" spans="8:8">
      <c r="H63986" s="12"/>
    </row>
    <row r="63987" spans="8:8">
      <c r="H63987" s="12"/>
    </row>
    <row r="63988" spans="8:8">
      <c r="H63988" s="12"/>
    </row>
    <row r="63989" spans="8:8">
      <c r="H63989" s="12"/>
    </row>
    <row r="63990" spans="8:8">
      <c r="H63990" s="12"/>
    </row>
    <row r="63991" spans="8:8">
      <c r="H63991" s="12"/>
    </row>
    <row r="63992" spans="8:8">
      <c r="H63992" s="12"/>
    </row>
    <row r="63993" spans="8:8">
      <c r="H63993" s="12"/>
    </row>
    <row r="63994" spans="8:8">
      <c r="H63994" s="12"/>
    </row>
    <row r="63995" spans="8:8">
      <c r="H63995" s="12"/>
    </row>
    <row r="63996" spans="8:8">
      <c r="H63996" s="12"/>
    </row>
    <row r="63997" spans="8:8">
      <c r="H63997" s="12"/>
    </row>
    <row r="63998" spans="8:8">
      <c r="H63998" s="12"/>
    </row>
    <row r="63999" spans="8:8">
      <c r="H63999" s="12"/>
    </row>
    <row r="64000" spans="8:8">
      <c r="H64000" s="12"/>
    </row>
    <row r="64001" spans="8:8">
      <c r="H64001" s="12"/>
    </row>
    <row r="64002" spans="8:8">
      <c r="H64002" s="12"/>
    </row>
    <row r="64003" spans="8:8">
      <c r="H64003" s="12"/>
    </row>
    <row r="64004" spans="8:8">
      <c r="H64004" s="12"/>
    </row>
    <row r="64005" spans="8:8">
      <c r="H64005" s="12"/>
    </row>
    <row r="64006" spans="8:8">
      <c r="H64006" s="12"/>
    </row>
    <row r="64007" spans="8:8">
      <c r="H64007" s="12"/>
    </row>
    <row r="64008" spans="8:8">
      <c r="H64008" s="12"/>
    </row>
    <row r="64009" spans="8:8">
      <c r="H64009" s="12"/>
    </row>
    <row r="64010" spans="8:8">
      <c r="H64010" s="12"/>
    </row>
    <row r="64011" spans="8:8">
      <c r="H64011" s="12"/>
    </row>
    <row r="64012" spans="8:8">
      <c r="H64012" s="12"/>
    </row>
    <row r="64013" spans="8:8">
      <c r="H64013" s="12"/>
    </row>
    <row r="64014" spans="8:8">
      <c r="H64014" s="12"/>
    </row>
    <row r="64015" spans="8:8">
      <c r="H64015" s="12"/>
    </row>
    <row r="64016" spans="8:8">
      <c r="H64016" s="12"/>
    </row>
    <row r="64017" spans="8:8">
      <c r="H64017" s="12"/>
    </row>
    <row r="64018" spans="8:8">
      <c r="H64018" s="12"/>
    </row>
    <row r="64019" spans="8:8">
      <c r="H64019" s="12"/>
    </row>
    <row r="64020" spans="8:8">
      <c r="H64020" s="12"/>
    </row>
    <row r="64021" spans="8:8">
      <c r="H64021" s="12"/>
    </row>
    <row r="64022" spans="8:8">
      <c r="H64022" s="12"/>
    </row>
    <row r="64023" spans="8:8">
      <c r="H64023" s="12"/>
    </row>
    <row r="64024" spans="8:8">
      <c r="H64024" s="12"/>
    </row>
    <row r="64025" spans="8:8">
      <c r="H64025" s="12"/>
    </row>
    <row r="64026" spans="8:8">
      <c r="H64026" s="12"/>
    </row>
    <row r="64027" spans="8:8">
      <c r="H64027" s="12"/>
    </row>
    <row r="64028" spans="8:8">
      <c r="H64028" s="12"/>
    </row>
    <row r="64029" spans="8:8">
      <c r="H64029" s="12"/>
    </row>
    <row r="64030" spans="8:8">
      <c r="H64030" s="12"/>
    </row>
    <row r="64031" spans="8:8">
      <c r="H64031" s="12"/>
    </row>
    <row r="64032" spans="8:8">
      <c r="H64032" s="12"/>
    </row>
    <row r="64033" spans="8:8">
      <c r="H64033" s="12"/>
    </row>
    <row r="64034" spans="8:8">
      <c r="H64034" s="12"/>
    </row>
    <row r="64035" spans="8:8">
      <c r="H64035" s="12"/>
    </row>
    <row r="64036" spans="8:8">
      <c r="H64036" s="12"/>
    </row>
    <row r="64037" spans="8:8">
      <c r="H64037" s="12"/>
    </row>
    <row r="64038" spans="8:8">
      <c r="H64038" s="12"/>
    </row>
    <row r="64039" spans="8:8">
      <c r="H64039" s="12"/>
    </row>
    <row r="64040" spans="8:8">
      <c r="H64040" s="12"/>
    </row>
    <row r="64041" spans="8:8">
      <c r="H64041" s="12"/>
    </row>
    <row r="64042" spans="8:8">
      <c r="H64042" s="12"/>
    </row>
    <row r="64043" spans="8:8">
      <c r="H64043" s="12"/>
    </row>
    <row r="64044" spans="8:8">
      <c r="H64044" s="12"/>
    </row>
    <row r="64045" spans="8:8">
      <c r="H64045" s="12"/>
    </row>
    <row r="64046" spans="8:8">
      <c r="H64046" s="12"/>
    </row>
    <row r="64047" spans="8:8">
      <c r="H64047" s="12"/>
    </row>
    <row r="64048" spans="8:8">
      <c r="H64048" s="12"/>
    </row>
    <row r="64049" spans="8:8">
      <c r="H64049" s="12"/>
    </row>
    <row r="64050" spans="8:8">
      <c r="H64050" s="12"/>
    </row>
    <row r="64051" spans="8:8">
      <c r="H64051" s="12"/>
    </row>
    <row r="64052" spans="8:8">
      <c r="H64052" s="12"/>
    </row>
    <row r="64053" spans="8:8">
      <c r="H64053" s="12"/>
    </row>
    <row r="64054" spans="8:8">
      <c r="H64054" s="12"/>
    </row>
    <row r="64055" spans="8:8">
      <c r="H64055" s="12"/>
    </row>
    <row r="64056" spans="8:8">
      <c r="H64056" s="12"/>
    </row>
    <row r="64057" spans="8:8">
      <c r="H64057" s="12"/>
    </row>
    <row r="64058" spans="8:8">
      <c r="H64058" s="12"/>
    </row>
    <row r="64059" spans="8:8">
      <c r="H64059" s="12"/>
    </row>
    <row r="64060" spans="8:8">
      <c r="H64060" s="12"/>
    </row>
    <row r="64061" spans="8:8">
      <c r="H64061" s="12"/>
    </row>
    <row r="64062" spans="8:8">
      <c r="H64062" s="12"/>
    </row>
    <row r="64063" spans="8:8">
      <c r="H64063" s="12"/>
    </row>
    <row r="64064" spans="8:8">
      <c r="H64064" s="12"/>
    </row>
    <row r="64065" spans="8:8">
      <c r="H64065" s="12"/>
    </row>
    <row r="64066" spans="8:8">
      <c r="H64066" s="12"/>
    </row>
    <row r="64067" spans="8:8">
      <c r="H64067" s="12"/>
    </row>
    <row r="64068" spans="8:8">
      <c r="H64068" s="12"/>
    </row>
    <row r="64069" spans="8:8">
      <c r="H64069" s="12"/>
    </row>
    <row r="64070" spans="8:8">
      <c r="H64070" s="12"/>
    </row>
    <row r="64071" spans="8:8">
      <c r="H64071" s="12"/>
    </row>
    <row r="64072" spans="8:8">
      <c r="H64072" s="12"/>
    </row>
    <row r="64073" spans="8:8">
      <c r="H64073" s="12"/>
    </row>
    <row r="64074" spans="8:8">
      <c r="H64074" s="12"/>
    </row>
    <row r="64075" spans="8:8">
      <c r="H64075" s="12"/>
    </row>
    <row r="64076" spans="8:8">
      <c r="H64076" s="12"/>
    </row>
    <row r="64077" spans="8:8">
      <c r="H64077" s="12"/>
    </row>
    <row r="64078" spans="8:8">
      <c r="H64078" s="12"/>
    </row>
    <row r="64079" spans="8:8">
      <c r="H64079" s="12"/>
    </row>
    <row r="64080" spans="8:8">
      <c r="H64080" s="12"/>
    </row>
    <row r="64081" spans="8:8">
      <c r="H64081" s="12"/>
    </row>
    <row r="64082" spans="8:8">
      <c r="H64082" s="12"/>
    </row>
    <row r="64083" spans="8:8">
      <c r="H64083" s="12"/>
    </row>
    <row r="64084" spans="8:8">
      <c r="H64084" s="12"/>
    </row>
    <row r="64085" spans="8:8">
      <c r="H64085" s="12"/>
    </row>
    <row r="64086" spans="8:8">
      <c r="H64086" s="12"/>
    </row>
    <row r="64087" spans="8:8">
      <c r="H64087" s="12"/>
    </row>
    <row r="64088" spans="8:8">
      <c r="H64088" s="12"/>
    </row>
    <row r="64089" spans="8:8">
      <c r="H64089" s="12"/>
    </row>
    <row r="64090" spans="8:8">
      <c r="H64090" s="12"/>
    </row>
    <row r="64091" spans="8:8">
      <c r="H64091" s="12"/>
    </row>
    <row r="64092" spans="8:8">
      <c r="H64092" s="12"/>
    </row>
    <row r="64093" spans="8:8">
      <c r="H64093" s="12"/>
    </row>
    <row r="64094" spans="8:8">
      <c r="H64094" s="12"/>
    </row>
    <row r="64095" spans="8:8">
      <c r="H64095" s="12"/>
    </row>
    <row r="64096" spans="8:8">
      <c r="H64096" s="12"/>
    </row>
    <row r="64097" spans="8:8">
      <c r="H64097" s="12"/>
    </row>
    <row r="64098" spans="8:8">
      <c r="H64098" s="12"/>
    </row>
    <row r="64099" spans="8:8">
      <c r="H64099" s="12"/>
    </row>
    <row r="64100" spans="8:8">
      <c r="H64100" s="12"/>
    </row>
    <row r="64101" spans="8:8">
      <c r="H64101" s="12"/>
    </row>
    <row r="64102" spans="8:8">
      <c r="H64102" s="12"/>
    </row>
    <row r="64103" spans="8:8">
      <c r="H64103" s="12"/>
    </row>
    <row r="64104" spans="8:8">
      <c r="H64104" s="12"/>
    </row>
    <row r="64105" spans="8:8">
      <c r="H64105" s="12"/>
    </row>
    <row r="64106" spans="8:8">
      <c r="H64106" s="12"/>
    </row>
    <row r="64107" spans="8:8">
      <c r="H64107" s="12"/>
    </row>
    <row r="64108" spans="8:8">
      <c r="H64108" s="12"/>
    </row>
    <row r="64109" spans="8:8">
      <c r="H64109" s="12"/>
    </row>
    <row r="64110" spans="8:8">
      <c r="H64110" s="12"/>
    </row>
    <row r="64111" spans="8:8">
      <c r="H64111" s="12"/>
    </row>
    <row r="64112" spans="8:8">
      <c r="H64112" s="12"/>
    </row>
    <row r="64113" spans="8:8">
      <c r="H64113" s="12"/>
    </row>
    <row r="64114" spans="8:8">
      <c r="H64114" s="12"/>
    </row>
    <row r="64115" spans="8:8">
      <c r="H64115" s="12"/>
    </row>
    <row r="64116" spans="8:8">
      <c r="H64116" s="12"/>
    </row>
    <row r="64117" spans="8:8">
      <c r="H64117" s="12"/>
    </row>
    <row r="64118" spans="8:8">
      <c r="H64118" s="12"/>
    </row>
    <row r="64119" spans="8:8">
      <c r="H64119" s="12"/>
    </row>
    <row r="64120" spans="8:8">
      <c r="H64120" s="12"/>
    </row>
    <row r="64121" spans="8:8">
      <c r="H64121" s="12"/>
    </row>
    <row r="64122" spans="8:8">
      <c r="H64122" s="12"/>
    </row>
    <row r="64123" spans="8:8">
      <c r="H64123" s="12"/>
    </row>
    <row r="64124" spans="8:8">
      <c r="H64124" s="12"/>
    </row>
    <row r="64125" spans="8:8">
      <c r="H64125" s="12"/>
    </row>
    <row r="64126" spans="8:8">
      <c r="H64126" s="12"/>
    </row>
    <row r="64127" spans="8:8">
      <c r="H64127" s="12"/>
    </row>
    <row r="64128" spans="8:8">
      <c r="H64128" s="12"/>
    </row>
    <row r="64129" spans="8:8">
      <c r="H64129" s="12"/>
    </row>
    <row r="64130" spans="8:8">
      <c r="H64130" s="12"/>
    </row>
    <row r="64131" spans="8:8">
      <c r="H64131" s="12"/>
    </row>
    <row r="64132" spans="8:8">
      <c r="H64132" s="12"/>
    </row>
    <row r="64133" spans="8:8">
      <c r="H64133" s="12"/>
    </row>
    <row r="64134" spans="8:8">
      <c r="H64134" s="12"/>
    </row>
    <row r="64135" spans="8:8">
      <c r="H64135" s="12"/>
    </row>
    <row r="64136" spans="8:8">
      <c r="H64136" s="12"/>
    </row>
    <row r="64137" spans="8:8">
      <c r="H64137" s="12"/>
    </row>
    <row r="64138" spans="8:8">
      <c r="H64138" s="12"/>
    </row>
    <row r="64139" spans="8:8">
      <c r="H64139" s="12"/>
    </row>
    <row r="64140" spans="8:8">
      <c r="H64140" s="12"/>
    </row>
    <row r="64141" spans="8:8">
      <c r="H64141" s="12"/>
    </row>
    <row r="64142" spans="8:8">
      <c r="H64142" s="12"/>
    </row>
    <row r="64143" spans="8:8">
      <c r="H64143" s="12"/>
    </row>
    <row r="64144" spans="8:8">
      <c r="H64144" s="12"/>
    </row>
    <row r="64145" spans="8:8">
      <c r="H64145" s="12"/>
    </row>
    <row r="64146" spans="8:8">
      <c r="H64146" s="12"/>
    </row>
    <row r="64147" spans="8:8">
      <c r="H64147" s="12"/>
    </row>
    <row r="64148" spans="8:8">
      <c r="H64148" s="12"/>
    </row>
    <row r="64149" spans="8:8">
      <c r="H64149" s="12"/>
    </row>
    <row r="64150" spans="8:8">
      <c r="H64150" s="12"/>
    </row>
    <row r="64151" spans="8:8">
      <c r="H64151" s="12"/>
    </row>
    <row r="64152" spans="8:8">
      <c r="H64152" s="12"/>
    </row>
    <row r="64153" spans="8:8">
      <c r="H64153" s="12"/>
    </row>
    <row r="64154" spans="8:8">
      <c r="H64154" s="12"/>
    </row>
    <row r="64155" spans="8:8">
      <c r="H64155" s="12"/>
    </row>
    <row r="64156" spans="8:8">
      <c r="H64156" s="12"/>
    </row>
    <row r="64157" spans="8:8">
      <c r="H64157" s="12"/>
    </row>
    <row r="64158" spans="8:8">
      <c r="H64158" s="12"/>
    </row>
    <row r="64159" spans="8:8">
      <c r="H64159" s="12"/>
    </row>
    <row r="64160" spans="8:8">
      <c r="H64160" s="12"/>
    </row>
    <row r="64161" spans="8:8">
      <c r="H64161" s="12"/>
    </row>
    <row r="64162" spans="8:8">
      <c r="H64162" s="12"/>
    </row>
    <row r="64163" spans="8:8">
      <c r="H64163" s="12"/>
    </row>
    <row r="64164" spans="8:8">
      <c r="H64164" s="12"/>
    </row>
    <row r="64165" spans="8:8">
      <c r="H64165" s="12"/>
    </row>
    <row r="64166" spans="8:8">
      <c r="H64166" s="12"/>
    </row>
    <row r="64167" spans="8:8">
      <c r="H64167" s="12"/>
    </row>
    <row r="64168" spans="8:8">
      <c r="H64168" s="12"/>
    </row>
    <row r="64169" spans="8:8">
      <c r="H64169" s="12"/>
    </row>
    <row r="64170" spans="8:8">
      <c r="H64170" s="12"/>
    </row>
    <row r="64171" spans="8:8">
      <c r="H64171" s="12"/>
    </row>
    <row r="64172" spans="8:8">
      <c r="H64172" s="12"/>
    </row>
    <row r="64173" spans="8:8">
      <c r="H64173" s="12"/>
    </row>
    <row r="64174" spans="8:8">
      <c r="H64174" s="12"/>
    </row>
    <row r="64175" spans="8:8">
      <c r="H64175" s="12"/>
    </row>
    <row r="64176" spans="8:8">
      <c r="H64176" s="12"/>
    </row>
    <row r="64177" spans="8:8">
      <c r="H64177" s="12"/>
    </row>
    <row r="64178" spans="8:8">
      <c r="H64178" s="12"/>
    </row>
    <row r="64179" spans="8:8">
      <c r="H64179" s="12"/>
    </row>
    <row r="64180" spans="8:8">
      <c r="H64180" s="12"/>
    </row>
    <row r="64181" spans="8:8">
      <c r="H64181" s="12"/>
    </row>
    <row r="64182" spans="8:8">
      <c r="H64182" s="12"/>
    </row>
    <row r="64183" spans="8:8">
      <c r="H64183" s="12"/>
    </row>
    <row r="64184" spans="8:8">
      <c r="H64184" s="12"/>
    </row>
    <row r="64185" spans="8:8">
      <c r="H64185" s="12"/>
    </row>
    <row r="64186" spans="8:8">
      <c r="H64186" s="12"/>
    </row>
    <row r="64187" spans="8:8">
      <c r="H64187" s="12"/>
    </row>
    <row r="64188" spans="8:8">
      <c r="H64188" s="12"/>
    </row>
    <row r="64189" spans="8:8">
      <c r="H64189" s="12"/>
    </row>
    <row r="64190" spans="8:8">
      <c r="H64190" s="12"/>
    </row>
    <row r="64191" spans="8:8">
      <c r="H64191" s="12"/>
    </row>
    <row r="64192" spans="8:8">
      <c r="H64192" s="12"/>
    </row>
    <row r="64193" spans="8:8">
      <c r="H64193" s="12"/>
    </row>
    <row r="64194" spans="8:8">
      <c r="H64194" s="12"/>
    </row>
    <row r="64195" spans="8:8">
      <c r="H64195" s="12"/>
    </row>
    <row r="64196" spans="8:8">
      <c r="H64196" s="12"/>
    </row>
    <row r="64197" spans="8:8">
      <c r="H64197" s="12"/>
    </row>
    <row r="64198" spans="8:8">
      <c r="H64198" s="12"/>
    </row>
    <row r="64199" spans="8:8">
      <c r="H64199" s="12"/>
    </row>
    <row r="64200" spans="8:8">
      <c r="H64200" s="12"/>
    </row>
    <row r="64201" spans="8:8">
      <c r="H64201" s="12"/>
    </row>
    <row r="64202" spans="8:8">
      <c r="H64202" s="12"/>
    </row>
    <row r="64203" spans="8:8">
      <c r="H64203" s="12"/>
    </row>
    <row r="64204" spans="8:8">
      <c r="H64204" s="12"/>
    </row>
    <row r="64205" spans="8:8">
      <c r="H64205" s="12"/>
    </row>
    <row r="64206" spans="8:8">
      <c r="H64206" s="12"/>
    </row>
    <row r="64207" spans="8:8">
      <c r="H64207" s="12"/>
    </row>
    <row r="64208" spans="8:8">
      <c r="H64208" s="12"/>
    </row>
    <row r="64209" spans="8:8">
      <c r="H64209" s="12"/>
    </row>
    <row r="64210" spans="8:8">
      <c r="H64210" s="12"/>
    </row>
    <row r="64211" spans="8:8">
      <c r="H64211" s="12"/>
    </row>
    <row r="64212" spans="8:8">
      <c r="H64212" s="12"/>
    </row>
    <row r="64213" spans="8:8">
      <c r="H64213" s="12"/>
    </row>
    <row r="64214" spans="8:8">
      <c r="H64214" s="12"/>
    </row>
    <row r="64215" spans="8:8">
      <c r="H64215" s="12"/>
    </row>
    <row r="64216" spans="8:8">
      <c r="H64216" s="12"/>
    </row>
    <row r="64217" spans="8:8">
      <c r="H64217" s="12"/>
    </row>
    <row r="64218" spans="8:8">
      <c r="H64218" s="12"/>
    </row>
    <row r="64219" spans="8:8">
      <c r="H64219" s="12"/>
    </row>
    <row r="64220" spans="8:8">
      <c r="H64220" s="12"/>
    </row>
    <row r="64221" spans="8:8">
      <c r="H64221" s="12"/>
    </row>
    <row r="64222" spans="8:8">
      <c r="H64222" s="12"/>
    </row>
    <row r="64223" spans="8:8">
      <c r="H64223" s="12"/>
    </row>
    <row r="64224" spans="8:8">
      <c r="H64224" s="12"/>
    </row>
    <row r="64225" spans="8:8">
      <c r="H64225" s="12"/>
    </row>
    <row r="64226" spans="8:8">
      <c r="H64226" s="12"/>
    </row>
    <row r="64227" spans="8:8">
      <c r="H64227" s="12"/>
    </row>
    <row r="64228" spans="8:8">
      <c r="H64228" s="12"/>
    </row>
    <row r="64229" spans="8:8">
      <c r="H64229" s="12"/>
    </row>
    <row r="64230" spans="8:8">
      <c r="H64230" s="12"/>
    </row>
    <row r="64231" spans="8:8">
      <c r="H64231" s="12"/>
    </row>
    <row r="64232" spans="8:8">
      <c r="H64232" s="12"/>
    </row>
    <row r="64233" spans="8:8">
      <c r="H64233" s="12"/>
    </row>
    <row r="64234" spans="8:8">
      <c r="H64234" s="12"/>
    </row>
    <row r="64235" spans="8:8">
      <c r="H64235" s="12"/>
    </row>
    <row r="64236" spans="8:8">
      <c r="H64236" s="12"/>
    </row>
    <row r="64237" spans="8:8">
      <c r="H64237" s="12"/>
    </row>
    <row r="64238" spans="8:8">
      <c r="H64238" s="12"/>
    </row>
    <row r="64239" spans="8:8">
      <c r="H64239" s="12"/>
    </row>
    <row r="64240" spans="8:8">
      <c r="H64240" s="12"/>
    </row>
    <row r="64241" spans="8:8">
      <c r="H64241" s="12"/>
    </row>
    <row r="64242" spans="8:8">
      <c r="H64242" s="12"/>
    </row>
    <row r="64243" spans="8:8">
      <c r="H64243" s="12"/>
    </row>
    <row r="64244" spans="8:8">
      <c r="H64244" s="12"/>
    </row>
    <row r="64245" spans="8:8">
      <c r="H64245" s="12"/>
    </row>
    <row r="64246" spans="8:8">
      <c r="H64246" s="12"/>
    </row>
    <row r="64247" spans="8:8">
      <c r="H64247" s="12"/>
    </row>
    <row r="64248" spans="8:8">
      <c r="H64248" s="12"/>
    </row>
    <row r="64249" spans="8:8">
      <c r="H64249" s="12"/>
    </row>
    <row r="64250" spans="8:8">
      <c r="H64250" s="12"/>
    </row>
    <row r="64251" spans="8:8">
      <c r="H64251" s="12"/>
    </row>
    <row r="64252" spans="8:8">
      <c r="H64252" s="12"/>
    </row>
    <row r="64253" spans="8:8">
      <c r="H64253" s="12"/>
    </row>
    <row r="64254" spans="8:8">
      <c r="H64254" s="12"/>
    </row>
    <row r="64255" spans="8:8">
      <c r="H64255" s="12"/>
    </row>
    <row r="64256" spans="8:8">
      <c r="H64256" s="12"/>
    </row>
    <row r="64257" spans="8:8">
      <c r="H64257" s="12"/>
    </row>
    <row r="64258" spans="8:8">
      <c r="H64258" s="12"/>
    </row>
    <row r="64259" spans="8:8">
      <c r="H64259" s="12"/>
    </row>
    <row r="64260" spans="8:8">
      <c r="H64260" s="12"/>
    </row>
    <row r="64261" spans="8:8">
      <c r="H64261" s="12"/>
    </row>
    <row r="64262" spans="8:8">
      <c r="H64262" s="12"/>
    </row>
    <row r="64263" spans="8:8">
      <c r="H64263" s="12"/>
    </row>
    <row r="64264" spans="8:8">
      <c r="H64264" s="12"/>
    </row>
    <row r="64265" spans="8:8">
      <c r="H64265" s="12"/>
    </row>
    <row r="64266" spans="8:8">
      <c r="H64266" s="12"/>
    </row>
    <row r="64267" spans="8:8">
      <c r="H64267" s="12"/>
    </row>
    <row r="64268" spans="8:8">
      <c r="H64268" s="12"/>
    </row>
    <row r="64269" spans="8:8">
      <c r="H64269" s="12"/>
    </row>
    <row r="64270" spans="8:8">
      <c r="H64270" s="12"/>
    </row>
    <row r="64271" spans="8:8">
      <c r="H64271" s="12"/>
    </row>
    <row r="64272" spans="8:8">
      <c r="H64272" s="12"/>
    </row>
    <row r="64273" spans="8:8">
      <c r="H64273" s="12"/>
    </row>
    <row r="64274" spans="8:8">
      <c r="H64274" s="12"/>
    </row>
    <row r="64275" spans="8:8">
      <c r="H64275" s="12"/>
    </row>
    <row r="64276" spans="8:8">
      <c r="H64276" s="12"/>
    </row>
    <row r="64277" spans="8:8">
      <c r="H64277" s="12"/>
    </row>
    <row r="64278" spans="8:8">
      <c r="H64278" s="12"/>
    </row>
    <row r="64279" spans="8:8">
      <c r="H64279" s="12"/>
    </row>
    <row r="64280" spans="8:8">
      <c r="H64280" s="12"/>
    </row>
    <row r="64281" spans="8:8">
      <c r="H64281" s="12"/>
    </row>
    <row r="64282" spans="8:8">
      <c r="H64282" s="12"/>
    </row>
    <row r="64283" spans="8:8">
      <c r="H64283" s="12"/>
    </row>
    <row r="64284" spans="8:8">
      <c r="H64284" s="12"/>
    </row>
    <row r="64285" spans="8:8">
      <c r="H64285" s="12"/>
    </row>
    <row r="64286" spans="8:8">
      <c r="H64286" s="12"/>
    </row>
    <row r="64287" spans="8:8">
      <c r="H64287" s="12"/>
    </row>
    <row r="64288" spans="8:8">
      <c r="H64288" s="12"/>
    </row>
    <row r="64289" spans="8:8">
      <c r="H64289" s="12"/>
    </row>
    <row r="64290" spans="8:8">
      <c r="H64290" s="12"/>
    </row>
    <row r="64291" spans="8:8">
      <c r="H64291" s="12"/>
    </row>
    <row r="64292" spans="8:8">
      <c r="H64292" s="12"/>
    </row>
    <row r="64293" spans="8:8">
      <c r="H64293" s="12"/>
    </row>
    <row r="64294" spans="8:8">
      <c r="H64294" s="12"/>
    </row>
    <row r="64295" spans="8:8">
      <c r="H64295" s="12"/>
    </row>
    <row r="64296" spans="8:8">
      <c r="H64296" s="12"/>
    </row>
    <row r="64297" spans="8:8">
      <c r="H64297" s="12"/>
    </row>
    <row r="64298" spans="8:8">
      <c r="H64298" s="12"/>
    </row>
    <row r="64299" spans="8:8">
      <c r="H64299" s="12"/>
    </row>
    <row r="64300" spans="8:8">
      <c r="H64300" s="12"/>
    </row>
    <row r="64301" spans="8:8">
      <c r="H64301" s="12"/>
    </row>
    <row r="64302" spans="8:8">
      <c r="H64302" s="12"/>
    </row>
    <row r="64303" spans="8:8">
      <c r="H64303" s="12"/>
    </row>
    <row r="64304" spans="8:8">
      <c r="H64304" s="12"/>
    </row>
    <row r="64305" spans="8:8">
      <c r="H64305" s="12"/>
    </row>
    <row r="64306" spans="8:8">
      <c r="H64306" s="12"/>
    </row>
    <row r="64307" spans="8:8">
      <c r="H64307" s="12"/>
    </row>
    <row r="64308" spans="8:8">
      <c r="H64308" s="12"/>
    </row>
    <row r="64309" spans="8:8">
      <c r="H64309" s="12"/>
    </row>
    <row r="64310" spans="8:8">
      <c r="H64310" s="12"/>
    </row>
    <row r="64311" spans="8:8">
      <c r="H64311" s="12"/>
    </row>
    <row r="64312" spans="8:8">
      <c r="H64312" s="12"/>
    </row>
    <row r="64313" spans="8:8">
      <c r="H64313" s="12"/>
    </row>
    <row r="64314" spans="8:8">
      <c r="H64314" s="12"/>
    </row>
    <row r="64315" spans="8:8">
      <c r="H64315" s="12"/>
    </row>
    <row r="64316" spans="8:8">
      <c r="H64316" s="12"/>
    </row>
    <row r="64317" spans="8:8">
      <c r="H64317" s="12"/>
    </row>
    <row r="64318" spans="8:8">
      <c r="H64318" s="12"/>
    </row>
    <row r="64319" spans="8:8">
      <c r="H64319" s="12"/>
    </row>
    <row r="64320" spans="8:8">
      <c r="H64320" s="12"/>
    </row>
    <row r="64321" spans="8:8">
      <c r="H64321" s="12"/>
    </row>
    <row r="64322" spans="8:8">
      <c r="H64322" s="12"/>
    </row>
    <row r="64323" spans="8:8">
      <c r="H64323" s="12"/>
    </row>
    <row r="64324" spans="8:8">
      <c r="H64324" s="12"/>
    </row>
    <row r="64325" spans="8:8">
      <c r="H64325" s="12"/>
    </row>
    <row r="64326" spans="8:8">
      <c r="H64326" s="12"/>
    </row>
    <row r="64327" spans="8:8">
      <c r="H64327" s="12"/>
    </row>
    <row r="64328" spans="8:8">
      <c r="H64328" s="12"/>
    </row>
    <row r="64329" spans="8:8">
      <c r="H64329" s="12"/>
    </row>
    <row r="64330" spans="8:8">
      <c r="H64330" s="12"/>
    </row>
    <row r="64331" spans="8:8">
      <c r="H64331" s="12"/>
    </row>
    <row r="64332" spans="8:8">
      <c r="H64332" s="12"/>
    </row>
    <row r="64333" spans="8:8">
      <c r="H64333" s="12"/>
    </row>
    <row r="64334" spans="8:8">
      <c r="H64334" s="12"/>
    </row>
    <row r="64335" spans="8:8">
      <c r="H64335" s="12"/>
    </row>
    <row r="64336" spans="8:8">
      <c r="H64336" s="12"/>
    </row>
    <row r="64337" spans="8:8">
      <c r="H64337" s="12"/>
    </row>
    <row r="64338" spans="8:8">
      <c r="H64338" s="12"/>
    </row>
    <row r="64339" spans="8:8">
      <c r="H64339" s="12"/>
    </row>
    <row r="64340" spans="8:8">
      <c r="H64340" s="12"/>
    </row>
    <row r="64341" spans="8:8">
      <c r="H64341" s="12"/>
    </row>
    <row r="64342" spans="8:8">
      <c r="H64342" s="12"/>
    </row>
    <row r="64343" spans="8:8">
      <c r="H64343" s="12"/>
    </row>
    <row r="64344" spans="8:8">
      <c r="H64344" s="12"/>
    </row>
    <row r="64345" spans="8:8">
      <c r="H64345" s="12"/>
    </row>
    <row r="64346" spans="8:8">
      <c r="H64346" s="12"/>
    </row>
    <row r="64347" spans="8:8">
      <c r="H64347" s="12"/>
    </row>
    <row r="64348" spans="8:8">
      <c r="H64348" s="12"/>
    </row>
    <row r="64349" spans="8:8">
      <c r="H64349" s="12"/>
    </row>
    <row r="64350" spans="8:8">
      <c r="H64350" s="12"/>
    </row>
    <row r="64351" spans="8:8">
      <c r="H64351" s="12"/>
    </row>
    <row r="64352" spans="8:8">
      <c r="H64352" s="12"/>
    </row>
    <row r="64353" spans="8:8">
      <c r="H64353" s="12"/>
    </row>
    <row r="64354" spans="8:8">
      <c r="H64354" s="12"/>
    </row>
    <row r="64355" spans="8:8">
      <c r="H64355" s="12"/>
    </row>
    <row r="64356" spans="8:8">
      <c r="H64356" s="12"/>
    </row>
    <row r="64357" spans="8:8">
      <c r="H64357" s="12"/>
    </row>
    <row r="64358" spans="8:8">
      <c r="H64358" s="12"/>
    </row>
    <row r="64359" spans="8:8">
      <c r="H64359" s="12"/>
    </row>
    <row r="64360" spans="8:8">
      <c r="H64360" s="12"/>
    </row>
    <row r="64361" spans="8:8">
      <c r="H64361" s="12"/>
    </row>
    <row r="64362" spans="8:8">
      <c r="H64362" s="12"/>
    </row>
    <row r="64363" spans="8:8">
      <c r="H64363" s="12"/>
    </row>
    <row r="64364" spans="8:8">
      <c r="H64364" s="12"/>
    </row>
    <row r="64365" spans="8:8">
      <c r="H64365" s="12"/>
    </row>
    <row r="64366" spans="8:8">
      <c r="H64366" s="12"/>
    </row>
    <row r="64367" spans="8:8">
      <c r="H64367" s="12"/>
    </row>
    <row r="64368" spans="8:8">
      <c r="H64368" s="12"/>
    </row>
    <row r="64369" spans="8:8">
      <c r="H64369" s="12"/>
    </row>
    <row r="64370" spans="8:8">
      <c r="H64370" s="12"/>
    </row>
    <row r="64371" spans="8:8">
      <c r="H64371" s="12"/>
    </row>
    <row r="64372" spans="8:8">
      <c r="H64372" s="12"/>
    </row>
    <row r="64373" spans="8:8">
      <c r="H64373" s="12"/>
    </row>
    <row r="64374" spans="8:8">
      <c r="H64374" s="12"/>
    </row>
    <row r="64375" spans="8:8">
      <c r="H64375" s="12"/>
    </row>
    <row r="64376" spans="8:8">
      <c r="H64376" s="12"/>
    </row>
    <row r="64377" spans="8:8">
      <c r="H64377" s="12"/>
    </row>
    <row r="64378" spans="8:8">
      <c r="H64378" s="12"/>
    </row>
    <row r="64379" spans="8:8">
      <c r="H64379" s="12"/>
    </row>
    <row r="64380" spans="8:8">
      <c r="H64380" s="12"/>
    </row>
    <row r="64381" spans="8:8">
      <c r="H64381" s="12"/>
    </row>
    <row r="64382" spans="8:8">
      <c r="H64382" s="12"/>
    </row>
    <row r="64383" spans="8:8">
      <c r="H64383" s="12"/>
    </row>
    <row r="64384" spans="8:8">
      <c r="H64384" s="12"/>
    </row>
    <row r="64385" spans="8:8">
      <c r="H64385" s="12"/>
    </row>
    <row r="64386" spans="8:8">
      <c r="H64386" s="12"/>
    </row>
    <row r="64387" spans="8:8">
      <c r="H64387" s="12"/>
    </row>
    <row r="64388" spans="8:8">
      <c r="H64388" s="12"/>
    </row>
    <row r="64389" spans="8:8">
      <c r="H64389" s="12"/>
    </row>
    <row r="64390" spans="8:8">
      <c r="H64390" s="12"/>
    </row>
    <row r="64391" spans="8:8">
      <c r="H64391" s="12"/>
    </row>
    <row r="64392" spans="8:8">
      <c r="H64392" s="12"/>
    </row>
    <row r="64393" spans="8:8">
      <c r="H64393" s="12"/>
    </row>
    <row r="64394" spans="8:8">
      <c r="H64394" s="12"/>
    </row>
    <row r="64395" spans="8:8">
      <c r="H64395" s="12"/>
    </row>
    <row r="64396" spans="8:8">
      <c r="H64396" s="12"/>
    </row>
    <row r="64397" spans="8:8">
      <c r="H64397" s="12"/>
    </row>
    <row r="64398" spans="8:8">
      <c r="H64398" s="12"/>
    </row>
    <row r="64399" spans="8:8">
      <c r="H64399" s="12"/>
    </row>
    <row r="64400" spans="8:8">
      <c r="H64400" s="12"/>
    </row>
    <row r="64401" spans="8:8">
      <c r="H64401" s="12"/>
    </row>
    <row r="64402" spans="8:8">
      <c r="H64402" s="12"/>
    </row>
    <row r="64403" spans="8:8">
      <c r="H64403" s="12"/>
    </row>
    <row r="64404" spans="8:8">
      <c r="H64404" s="12"/>
    </row>
    <row r="64405" spans="8:8">
      <c r="H64405" s="12"/>
    </row>
    <row r="64406" spans="8:8">
      <c r="H64406" s="12"/>
    </row>
    <row r="64407" spans="8:8">
      <c r="H64407" s="12"/>
    </row>
    <row r="64408" spans="8:8">
      <c r="H64408" s="12"/>
    </row>
    <row r="64409" spans="8:8">
      <c r="H64409" s="12"/>
    </row>
    <row r="64410" spans="8:8">
      <c r="H64410" s="12"/>
    </row>
    <row r="64411" spans="8:8">
      <c r="H64411" s="12"/>
    </row>
    <row r="64412" spans="8:8">
      <c r="H64412" s="12"/>
    </row>
    <row r="64413" spans="8:8">
      <c r="H64413" s="12"/>
    </row>
    <row r="64414" spans="8:8">
      <c r="H64414" s="12"/>
    </row>
    <row r="64415" spans="8:8">
      <c r="H64415" s="12"/>
    </row>
    <row r="64416" spans="8:8">
      <c r="H64416" s="12"/>
    </row>
    <row r="64417" spans="8:8">
      <c r="H64417" s="12"/>
    </row>
    <row r="64418" spans="8:8">
      <c r="H64418" s="12"/>
    </row>
    <row r="64419" spans="8:8">
      <c r="H64419" s="12"/>
    </row>
    <row r="64420" spans="8:8">
      <c r="H64420" s="12"/>
    </row>
    <row r="64421" spans="8:8">
      <c r="H64421" s="12"/>
    </row>
    <row r="64422" spans="8:8">
      <c r="H64422" s="12"/>
    </row>
    <row r="64423" spans="8:8">
      <c r="H64423" s="12"/>
    </row>
    <row r="64424" spans="8:8">
      <c r="H64424" s="12"/>
    </row>
    <row r="64425" spans="8:8">
      <c r="H64425" s="12"/>
    </row>
    <row r="64426" spans="8:8">
      <c r="H64426" s="12"/>
    </row>
    <row r="64427" spans="8:8">
      <c r="H64427" s="12"/>
    </row>
    <row r="64428" spans="8:8">
      <c r="H64428" s="12"/>
    </row>
    <row r="64429" spans="8:8">
      <c r="H64429" s="12"/>
    </row>
    <row r="64430" spans="8:8">
      <c r="H64430" s="12"/>
    </row>
    <row r="64431" spans="8:8">
      <c r="H64431" s="12"/>
    </row>
    <row r="64432" spans="8:8">
      <c r="H64432" s="12"/>
    </row>
    <row r="64433" spans="8:8">
      <c r="H64433" s="12"/>
    </row>
    <row r="64434" spans="8:8">
      <c r="H64434" s="12"/>
    </row>
    <row r="64435" spans="8:8">
      <c r="H64435" s="12"/>
    </row>
    <row r="64436" spans="8:8">
      <c r="H64436" s="12"/>
    </row>
    <row r="64437" spans="8:8">
      <c r="H64437" s="12"/>
    </row>
    <row r="64438" spans="8:8">
      <c r="H64438" s="12"/>
    </row>
    <row r="64439" spans="8:8">
      <c r="H64439" s="12"/>
    </row>
    <row r="64440" spans="8:8">
      <c r="H64440" s="12"/>
    </row>
    <row r="64441" spans="8:8">
      <c r="H64441" s="12"/>
    </row>
    <row r="64442" spans="8:8">
      <c r="H64442" s="12"/>
    </row>
    <row r="64443" spans="8:8">
      <c r="H64443" s="12"/>
    </row>
    <row r="64444" spans="8:8">
      <c r="H64444" s="12"/>
    </row>
    <row r="64445" spans="8:8">
      <c r="H64445" s="12"/>
    </row>
    <row r="64446" spans="8:8">
      <c r="H64446" s="12"/>
    </row>
    <row r="64447" spans="8:8">
      <c r="H64447" s="12"/>
    </row>
    <row r="64448" spans="8:8">
      <c r="H64448" s="12"/>
    </row>
    <row r="64449" spans="8:8">
      <c r="H64449" s="12"/>
    </row>
    <row r="64450" spans="8:8">
      <c r="H64450" s="12"/>
    </row>
    <row r="64451" spans="8:8">
      <c r="H64451" s="12"/>
    </row>
    <row r="64452" spans="8:8">
      <c r="H64452" s="12"/>
    </row>
    <row r="64453" spans="8:8">
      <c r="H64453" s="12"/>
    </row>
    <row r="64454" spans="8:8">
      <c r="H64454" s="12"/>
    </row>
    <row r="64455" spans="8:8">
      <c r="H64455" s="12"/>
    </row>
    <row r="64456" spans="8:8">
      <c r="H64456" s="12"/>
    </row>
    <row r="64457" spans="8:8">
      <c r="H64457" s="12"/>
    </row>
    <row r="64458" spans="8:8">
      <c r="H64458" s="12"/>
    </row>
    <row r="64459" spans="8:8">
      <c r="H64459" s="12"/>
    </row>
    <row r="64460" spans="8:8">
      <c r="H64460" s="12"/>
    </row>
    <row r="64461" spans="8:8">
      <c r="H64461" s="12"/>
    </row>
    <row r="64462" spans="8:8">
      <c r="H64462" s="12"/>
    </row>
    <row r="64463" spans="8:8">
      <c r="H64463" s="12"/>
    </row>
    <row r="64464" spans="8:8">
      <c r="H64464" s="12"/>
    </row>
    <row r="64465" spans="8:8">
      <c r="H64465" s="12"/>
    </row>
    <row r="64466" spans="8:8">
      <c r="H64466" s="12"/>
    </row>
    <row r="64467" spans="8:8">
      <c r="H64467" s="12"/>
    </row>
    <row r="64468" spans="8:8">
      <c r="H64468" s="12"/>
    </row>
    <row r="64469" spans="8:8">
      <c r="H64469" s="12"/>
    </row>
    <row r="64470" spans="8:8">
      <c r="H64470" s="12"/>
    </row>
    <row r="64471" spans="8:8">
      <c r="H64471" s="12"/>
    </row>
    <row r="64472" spans="8:8">
      <c r="H64472" s="12"/>
    </row>
    <row r="64473" spans="8:8">
      <c r="H64473" s="12"/>
    </row>
    <row r="64474" spans="8:8">
      <c r="H64474" s="12"/>
    </row>
    <row r="64475" spans="8:8">
      <c r="H64475" s="12"/>
    </row>
    <row r="64476" spans="8:8">
      <c r="H64476" s="12"/>
    </row>
    <row r="64477" spans="8:8">
      <c r="H64477" s="12"/>
    </row>
    <row r="64478" spans="8:8">
      <c r="H64478" s="12"/>
    </row>
    <row r="64479" spans="8:8">
      <c r="H64479" s="12"/>
    </row>
    <row r="64480" spans="8:8">
      <c r="H64480" s="12"/>
    </row>
    <row r="64481" spans="8:8">
      <c r="H64481" s="12"/>
    </row>
    <row r="64482" spans="8:8">
      <c r="H64482" s="12"/>
    </row>
    <row r="64483" spans="8:8">
      <c r="H64483" s="12"/>
    </row>
    <row r="64484" spans="8:8">
      <c r="H64484" s="12"/>
    </row>
    <row r="64485" spans="8:8">
      <c r="H64485" s="12"/>
    </row>
    <row r="64486" spans="8:8">
      <c r="H64486" s="12"/>
    </row>
    <row r="64487" spans="8:8">
      <c r="H64487" s="12"/>
    </row>
    <row r="64488" spans="8:8">
      <c r="H64488" s="12"/>
    </row>
    <row r="64489" spans="8:8">
      <c r="H64489" s="12"/>
    </row>
    <row r="64490" spans="8:8">
      <c r="H64490" s="12"/>
    </row>
    <row r="64491" spans="8:8">
      <c r="H64491" s="12"/>
    </row>
    <row r="64492" spans="8:8">
      <c r="H64492" s="12"/>
    </row>
    <row r="64493" spans="8:8">
      <c r="H64493" s="12"/>
    </row>
    <row r="64494" spans="8:8">
      <c r="H64494" s="12"/>
    </row>
    <row r="64495" spans="8:8">
      <c r="H64495" s="12"/>
    </row>
    <row r="64496" spans="8:8">
      <c r="H64496" s="12"/>
    </row>
    <row r="64497" spans="8:8">
      <c r="H64497" s="12"/>
    </row>
    <row r="64498" spans="8:8">
      <c r="H64498" s="12"/>
    </row>
    <row r="64499" spans="8:8">
      <c r="H64499" s="12"/>
    </row>
    <row r="64500" spans="8:8">
      <c r="H64500" s="12"/>
    </row>
    <row r="64501" spans="8:8">
      <c r="H64501" s="12"/>
    </row>
    <row r="64502" spans="8:8">
      <c r="H64502" s="12"/>
    </row>
    <row r="64503" spans="8:8">
      <c r="H64503" s="12"/>
    </row>
    <row r="64504" spans="8:8">
      <c r="H64504" s="12"/>
    </row>
    <row r="64505" spans="8:8">
      <c r="H64505" s="12"/>
    </row>
    <row r="64506" spans="8:8">
      <c r="H64506" s="12"/>
    </row>
    <row r="64507" spans="8:8">
      <c r="H64507" s="12"/>
    </row>
    <row r="64508" spans="8:8">
      <c r="H64508" s="12"/>
    </row>
    <row r="64509" spans="8:8">
      <c r="H64509" s="12"/>
    </row>
    <row r="64510" spans="8:8">
      <c r="H64510" s="12"/>
    </row>
    <row r="64511" spans="8:8">
      <c r="H64511" s="12"/>
    </row>
    <row r="64512" spans="8:8">
      <c r="H64512" s="12"/>
    </row>
    <row r="64513" spans="8:8">
      <c r="H64513" s="12"/>
    </row>
    <row r="64514" spans="8:8">
      <c r="H64514" s="12"/>
    </row>
    <row r="64515" spans="8:8">
      <c r="H64515" s="12"/>
    </row>
    <row r="64516" spans="8:8">
      <c r="H64516" s="12"/>
    </row>
    <row r="64517" spans="8:8">
      <c r="H64517" s="12"/>
    </row>
    <row r="64518" spans="8:8">
      <c r="H64518" s="12"/>
    </row>
    <row r="64519" spans="8:8">
      <c r="H64519" s="12"/>
    </row>
    <row r="64520" spans="8:8">
      <c r="H64520" s="12"/>
    </row>
    <row r="64521" spans="8:8">
      <c r="H64521" s="12"/>
    </row>
    <row r="64522" spans="8:8">
      <c r="H64522" s="12"/>
    </row>
    <row r="64523" spans="8:8">
      <c r="H64523" s="12"/>
    </row>
    <row r="64524" spans="8:8">
      <c r="H64524" s="12"/>
    </row>
    <row r="64525" spans="8:8">
      <c r="H64525" s="12"/>
    </row>
    <row r="64526" spans="8:8">
      <c r="H64526" s="12"/>
    </row>
    <row r="64527" spans="8:8">
      <c r="H64527" s="12"/>
    </row>
    <row r="64528" spans="8:8">
      <c r="H64528" s="12"/>
    </row>
    <row r="64529" spans="8:8">
      <c r="H64529" s="12"/>
    </row>
    <row r="64530" spans="8:8">
      <c r="H64530" s="12"/>
    </row>
    <row r="64531" spans="8:8">
      <c r="H64531" s="12"/>
    </row>
    <row r="64532" spans="8:8">
      <c r="H64532" s="12"/>
    </row>
    <row r="64533" spans="8:8">
      <c r="H64533" s="12"/>
    </row>
    <row r="64534" spans="8:8">
      <c r="H64534" s="12"/>
    </row>
    <row r="64535" spans="8:8">
      <c r="H64535" s="12"/>
    </row>
    <row r="64536" spans="8:8">
      <c r="H64536" s="12"/>
    </row>
    <row r="64537" spans="8:8">
      <c r="H64537" s="12"/>
    </row>
    <row r="64538" spans="8:8">
      <c r="H64538" s="12"/>
    </row>
    <row r="64539" spans="8:8">
      <c r="H64539" s="12"/>
    </row>
    <row r="64540" spans="8:8">
      <c r="H64540" s="12"/>
    </row>
    <row r="64541" spans="8:8">
      <c r="H64541" s="12"/>
    </row>
    <row r="64542" spans="8:8">
      <c r="H64542" s="12"/>
    </row>
    <row r="64543" spans="8:8">
      <c r="H64543" s="12"/>
    </row>
    <row r="64544" spans="8:8">
      <c r="H64544" s="12"/>
    </row>
    <row r="64545" spans="8:8">
      <c r="H64545" s="12"/>
    </row>
    <row r="64546" spans="8:8">
      <c r="H64546" s="12"/>
    </row>
    <row r="64547" spans="8:8">
      <c r="H64547" s="12"/>
    </row>
    <row r="64548" spans="8:8">
      <c r="H64548" s="12"/>
    </row>
    <row r="64549" spans="8:8">
      <c r="H64549" s="12"/>
    </row>
    <row r="64550" spans="8:8">
      <c r="H64550" s="12"/>
    </row>
    <row r="64551" spans="8:8">
      <c r="H64551" s="12"/>
    </row>
    <row r="64552" spans="8:8">
      <c r="H64552" s="12"/>
    </row>
    <row r="64553" spans="8:8">
      <c r="H64553" s="12"/>
    </row>
    <row r="64554" spans="8:8">
      <c r="H64554" s="12"/>
    </row>
    <row r="64555" spans="8:8">
      <c r="H64555" s="12"/>
    </row>
    <row r="64556" spans="8:8">
      <c r="H64556" s="12"/>
    </row>
    <row r="64557" spans="8:8">
      <c r="H64557" s="12"/>
    </row>
    <row r="64558" spans="8:8">
      <c r="H64558" s="12"/>
    </row>
    <row r="64559" spans="8:8">
      <c r="H64559" s="12"/>
    </row>
    <row r="64560" spans="8:8">
      <c r="H64560" s="12"/>
    </row>
    <row r="64561" spans="8:8">
      <c r="H64561" s="12"/>
    </row>
    <row r="64562" spans="8:8">
      <c r="H64562" s="12"/>
    </row>
    <row r="64563" spans="8:8">
      <c r="H64563" s="12"/>
    </row>
    <row r="64564" spans="8:8">
      <c r="H64564" s="12"/>
    </row>
    <row r="64565" spans="8:8">
      <c r="H64565" s="12"/>
    </row>
    <row r="64566" spans="8:8">
      <c r="H64566" s="12"/>
    </row>
    <row r="64567" spans="8:8">
      <c r="H64567" s="12"/>
    </row>
    <row r="64568" spans="8:8">
      <c r="H64568" s="12"/>
    </row>
    <row r="64569" spans="8:8">
      <c r="H64569" s="12"/>
    </row>
    <row r="64570" spans="8:8">
      <c r="H64570" s="12"/>
    </row>
    <row r="64571" spans="8:8">
      <c r="H64571" s="12"/>
    </row>
    <row r="64572" spans="8:8">
      <c r="H64572" s="12"/>
    </row>
    <row r="64573" spans="8:8">
      <c r="H64573" s="12"/>
    </row>
    <row r="64574" spans="8:8">
      <c r="H64574" s="12"/>
    </row>
    <row r="64575" spans="8:8">
      <c r="H64575" s="12"/>
    </row>
    <row r="64576" spans="8:8">
      <c r="H64576" s="12"/>
    </row>
    <row r="64577" spans="8:8">
      <c r="H64577" s="12"/>
    </row>
    <row r="64578" spans="8:8">
      <c r="H64578" s="12"/>
    </row>
    <row r="64579" spans="8:8">
      <c r="H64579" s="12"/>
    </row>
    <row r="64580" spans="8:8">
      <c r="H64580" s="12"/>
    </row>
    <row r="64581" spans="8:8">
      <c r="H64581" s="12"/>
    </row>
    <row r="64582" spans="8:8">
      <c r="H64582" s="12"/>
    </row>
    <row r="64583" spans="8:8">
      <c r="H64583" s="12"/>
    </row>
    <row r="64584" spans="8:8">
      <c r="H64584" s="12"/>
    </row>
    <row r="64585" spans="8:8">
      <c r="H64585" s="12"/>
    </row>
    <row r="64586" spans="8:8">
      <c r="H64586" s="12"/>
    </row>
    <row r="64587" spans="8:8">
      <c r="H64587" s="12"/>
    </row>
    <row r="64588" spans="8:8">
      <c r="H64588" s="12"/>
    </row>
    <row r="64589" spans="8:8">
      <c r="H64589" s="12"/>
    </row>
    <row r="64590" spans="8:8">
      <c r="H64590" s="12"/>
    </row>
    <row r="64591" spans="8:8">
      <c r="H64591" s="12"/>
    </row>
    <row r="64592" spans="8:8">
      <c r="H64592" s="12"/>
    </row>
    <row r="64593" spans="8:8">
      <c r="H64593" s="12"/>
    </row>
    <row r="64594" spans="8:8">
      <c r="H64594" s="12"/>
    </row>
    <row r="64595" spans="8:8">
      <c r="H64595" s="12"/>
    </row>
    <row r="64596" spans="8:8">
      <c r="H64596" s="12"/>
    </row>
    <row r="64597" spans="8:8">
      <c r="H64597" s="12"/>
    </row>
    <row r="64598" spans="8:8">
      <c r="H64598" s="12"/>
    </row>
    <row r="64599" spans="8:8">
      <c r="H64599" s="12"/>
    </row>
    <row r="64600" spans="8:8">
      <c r="H64600" s="12"/>
    </row>
    <row r="64601" spans="8:8">
      <c r="H64601" s="12"/>
    </row>
    <row r="64602" spans="8:8">
      <c r="H64602" s="12"/>
    </row>
    <row r="64603" spans="8:8">
      <c r="H64603" s="12"/>
    </row>
    <row r="64604" spans="8:8">
      <c r="H64604" s="12"/>
    </row>
    <row r="64605" spans="8:8">
      <c r="H64605" s="12"/>
    </row>
    <row r="64606" spans="8:8">
      <c r="H64606" s="12"/>
    </row>
    <row r="64607" spans="8:8">
      <c r="H64607" s="12"/>
    </row>
    <row r="64608" spans="8:8">
      <c r="H64608" s="12"/>
    </row>
    <row r="64609" spans="8:8">
      <c r="H64609" s="12"/>
    </row>
    <row r="64610" spans="8:8">
      <c r="H64610" s="12"/>
    </row>
    <row r="64611" spans="8:8">
      <c r="H64611" s="12"/>
    </row>
    <row r="64612" spans="8:8">
      <c r="H64612" s="12"/>
    </row>
    <row r="64613" spans="8:8">
      <c r="H64613" s="12"/>
    </row>
    <row r="64614" spans="8:8">
      <c r="H64614" s="12"/>
    </row>
    <row r="64615" spans="8:8">
      <c r="H64615" s="12"/>
    </row>
    <row r="64616" spans="8:8">
      <c r="H64616" s="12"/>
    </row>
    <row r="64617" spans="8:8">
      <c r="H64617" s="12"/>
    </row>
    <row r="64618" spans="8:8">
      <c r="H64618" s="12"/>
    </row>
    <row r="64619" spans="8:8">
      <c r="H64619" s="12"/>
    </row>
    <row r="64620" spans="8:8">
      <c r="H64620" s="12"/>
    </row>
    <row r="64621" spans="8:8">
      <c r="H64621" s="12"/>
    </row>
    <row r="64622" spans="8:8">
      <c r="H64622" s="12"/>
    </row>
    <row r="64623" spans="8:8">
      <c r="H64623" s="12"/>
    </row>
    <row r="64624" spans="8:8">
      <c r="H64624" s="12"/>
    </row>
    <row r="64625" spans="8:8">
      <c r="H64625" s="12"/>
    </row>
    <row r="64626" spans="8:8">
      <c r="H64626" s="12"/>
    </row>
    <row r="64627" spans="8:8">
      <c r="H64627" s="12"/>
    </row>
    <row r="64628" spans="8:8">
      <c r="H64628" s="12"/>
    </row>
    <row r="64629" spans="8:8">
      <c r="H64629" s="12"/>
    </row>
    <row r="64630" spans="8:8">
      <c r="H64630" s="12"/>
    </row>
    <row r="64631" spans="8:8">
      <c r="H64631" s="12"/>
    </row>
    <row r="64632" spans="8:8">
      <c r="H64632" s="12"/>
    </row>
    <row r="64633" spans="8:8">
      <c r="H64633" s="12"/>
    </row>
    <row r="64634" spans="8:8">
      <c r="H64634" s="12"/>
    </row>
    <row r="64635" spans="8:8">
      <c r="H64635" s="12"/>
    </row>
    <row r="64636" spans="8:8">
      <c r="H64636" s="12"/>
    </row>
    <row r="64637" spans="8:8">
      <c r="H64637" s="12"/>
    </row>
    <row r="64638" spans="8:8">
      <c r="H64638" s="12"/>
    </row>
    <row r="64639" spans="8:8">
      <c r="H64639" s="12"/>
    </row>
    <row r="64640" spans="8:8">
      <c r="H64640" s="12"/>
    </row>
    <row r="64641" spans="8:8">
      <c r="H64641" s="12"/>
    </row>
    <row r="64642" spans="8:8">
      <c r="H64642" s="12"/>
    </row>
    <row r="64643" spans="8:8">
      <c r="H64643" s="12"/>
    </row>
    <row r="64644" spans="8:8">
      <c r="H64644" s="12"/>
    </row>
    <row r="64645" spans="8:8">
      <c r="H64645" s="12"/>
    </row>
    <row r="64646" spans="8:8">
      <c r="H64646" s="12"/>
    </row>
    <row r="64647" spans="8:8">
      <c r="H64647" s="12"/>
    </row>
    <row r="64648" spans="8:8">
      <c r="H64648" s="12"/>
    </row>
    <row r="64649" spans="8:8">
      <c r="H64649" s="12"/>
    </row>
    <row r="64650" spans="8:8">
      <c r="H64650" s="12"/>
    </row>
    <row r="64651" spans="8:8">
      <c r="H64651" s="12"/>
    </row>
    <row r="64652" spans="8:8">
      <c r="H64652" s="12"/>
    </row>
    <row r="64653" spans="8:8">
      <c r="H64653" s="12"/>
    </row>
    <row r="64654" spans="8:8">
      <c r="H64654" s="12"/>
    </row>
    <row r="64655" spans="8:8">
      <c r="H64655" s="12"/>
    </row>
    <row r="64656" spans="8:8">
      <c r="H64656" s="12"/>
    </row>
    <row r="64657" spans="8:8">
      <c r="H64657" s="12"/>
    </row>
    <row r="64658" spans="8:8">
      <c r="H64658" s="12"/>
    </row>
    <row r="64659" spans="8:8">
      <c r="H64659" s="12"/>
    </row>
    <row r="64660" spans="8:8">
      <c r="H64660" s="12"/>
    </row>
    <row r="64661" spans="8:8">
      <c r="H64661" s="12"/>
    </row>
    <row r="64662" spans="8:8">
      <c r="H64662" s="12"/>
    </row>
    <row r="64663" spans="8:8">
      <c r="H64663" s="12"/>
    </row>
    <row r="64664" spans="8:8">
      <c r="H64664" s="12"/>
    </row>
    <row r="64665" spans="8:8">
      <c r="H64665" s="12"/>
    </row>
    <row r="64666" spans="8:8">
      <c r="H64666" s="12"/>
    </row>
    <row r="64667" spans="8:8">
      <c r="H64667" s="12"/>
    </row>
    <row r="64668" spans="8:8">
      <c r="H64668" s="12"/>
    </row>
    <row r="64669" spans="8:8">
      <c r="H64669" s="12"/>
    </row>
    <row r="64670" spans="8:8">
      <c r="H64670" s="12"/>
    </row>
    <row r="64671" spans="8:8">
      <c r="H64671" s="12"/>
    </row>
    <row r="64672" spans="8:8">
      <c r="H64672" s="12"/>
    </row>
    <row r="64673" spans="8:8">
      <c r="H64673" s="12"/>
    </row>
    <row r="64674" spans="8:8">
      <c r="H64674" s="12"/>
    </row>
    <row r="64675" spans="8:8">
      <c r="H64675" s="12"/>
    </row>
    <row r="64676" spans="8:8">
      <c r="H64676" s="12"/>
    </row>
    <row r="64677" spans="8:8">
      <c r="H64677" s="12"/>
    </row>
    <row r="64678" spans="8:8">
      <c r="H64678" s="12"/>
    </row>
    <row r="64679" spans="8:8">
      <c r="H64679" s="12"/>
    </row>
    <row r="64680" spans="8:8">
      <c r="H64680" s="12"/>
    </row>
    <row r="64681" spans="8:8">
      <c r="H64681" s="12"/>
    </row>
    <row r="64682" spans="8:8">
      <c r="H64682" s="12"/>
    </row>
    <row r="64683" spans="8:8">
      <c r="H64683" s="12"/>
    </row>
    <row r="64684" spans="8:8">
      <c r="H64684" s="12"/>
    </row>
    <row r="64685" spans="8:8">
      <c r="H64685" s="12"/>
    </row>
    <row r="64686" spans="8:8">
      <c r="H64686" s="12"/>
    </row>
    <row r="64687" spans="8:8">
      <c r="H64687" s="12"/>
    </row>
    <row r="64688" spans="8:8">
      <c r="H64688" s="12"/>
    </row>
    <row r="64689" spans="8:8">
      <c r="H64689" s="12"/>
    </row>
    <row r="64690" spans="8:8">
      <c r="H64690" s="12"/>
    </row>
    <row r="64691" spans="8:8">
      <c r="H64691" s="12"/>
    </row>
    <row r="64692" spans="8:8">
      <c r="H64692" s="12"/>
    </row>
    <row r="64693" spans="8:8">
      <c r="H64693" s="12"/>
    </row>
    <row r="64694" spans="8:8">
      <c r="H64694" s="12"/>
    </row>
    <row r="64695" spans="8:8">
      <c r="H64695" s="12"/>
    </row>
    <row r="64696" spans="8:8">
      <c r="H64696" s="12"/>
    </row>
    <row r="64697" spans="8:8">
      <c r="H64697" s="12"/>
    </row>
    <row r="64698" spans="8:8">
      <c r="H64698" s="12"/>
    </row>
    <row r="64699" spans="8:8">
      <c r="H64699" s="12"/>
    </row>
    <row r="64700" spans="8:8">
      <c r="H64700" s="12"/>
    </row>
    <row r="64701" spans="8:8">
      <c r="H64701" s="12"/>
    </row>
    <row r="64702" spans="8:8">
      <c r="H64702" s="12"/>
    </row>
    <row r="64703" spans="8:8">
      <c r="H64703" s="12"/>
    </row>
    <row r="64704" spans="8:8">
      <c r="H64704" s="12"/>
    </row>
    <row r="64705" spans="8:8">
      <c r="H64705" s="12"/>
    </row>
    <row r="64706" spans="8:8">
      <c r="H64706" s="12"/>
    </row>
    <row r="64707" spans="8:8">
      <c r="H64707" s="12"/>
    </row>
    <row r="64708" spans="8:8">
      <c r="H64708" s="12"/>
    </row>
    <row r="64709" spans="8:8">
      <c r="H64709" s="12"/>
    </row>
    <row r="64710" spans="8:8">
      <c r="H64710" s="12"/>
    </row>
    <row r="64711" spans="8:8">
      <c r="H64711" s="12"/>
    </row>
    <row r="64712" spans="8:8">
      <c r="H64712" s="12"/>
    </row>
    <row r="64713" spans="8:8">
      <c r="H64713" s="12"/>
    </row>
    <row r="64714" spans="8:8">
      <c r="H64714" s="12"/>
    </row>
    <row r="64715" spans="8:8">
      <c r="H64715" s="12"/>
    </row>
    <row r="64716" spans="8:8">
      <c r="H64716" s="12"/>
    </row>
    <row r="64717" spans="8:8">
      <c r="H64717" s="12"/>
    </row>
    <row r="64718" spans="8:8">
      <c r="H64718" s="12"/>
    </row>
    <row r="64719" spans="8:8">
      <c r="H64719" s="12"/>
    </row>
    <row r="64720" spans="8:8">
      <c r="H64720" s="12"/>
    </row>
    <row r="64721" spans="8:8">
      <c r="H64721" s="12"/>
    </row>
    <row r="64722" spans="8:8">
      <c r="H64722" s="12"/>
    </row>
    <row r="64723" spans="8:8">
      <c r="H64723" s="12"/>
    </row>
    <row r="64724" spans="8:8">
      <c r="H64724" s="12"/>
    </row>
    <row r="64725" spans="8:8">
      <c r="H64725" s="12"/>
    </row>
    <row r="64726" spans="8:8">
      <c r="H64726" s="12"/>
    </row>
    <row r="64727" spans="8:8">
      <c r="H64727" s="12"/>
    </row>
    <row r="64728" spans="8:8">
      <c r="H64728" s="12"/>
    </row>
    <row r="64729" spans="8:8">
      <c r="H64729" s="12"/>
    </row>
    <row r="64730" spans="8:8">
      <c r="H64730" s="12"/>
    </row>
    <row r="64731" spans="8:8">
      <c r="H64731" s="12"/>
    </row>
    <row r="64732" spans="8:8">
      <c r="H64732" s="12"/>
    </row>
    <row r="64733" spans="8:8">
      <c r="H64733" s="12"/>
    </row>
    <row r="64734" spans="8:8">
      <c r="H64734" s="12"/>
    </row>
    <row r="64735" spans="8:8">
      <c r="H64735" s="12"/>
    </row>
    <row r="64736" spans="8:8">
      <c r="H64736" s="12"/>
    </row>
    <row r="64737" spans="8:8">
      <c r="H64737" s="12"/>
    </row>
    <row r="64738" spans="8:8">
      <c r="H64738" s="12"/>
    </row>
    <row r="64739" spans="8:8">
      <c r="H64739" s="12"/>
    </row>
    <row r="64740" spans="8:8">
      <c r="H64740" s="12"/>
    </row>
    <row r="64741" spans="8:8">
      <c r="H64741" s="12"/>
    </row>
    <row r="64742" spans="8:8">
      <c r="H64742" s="12"/>
    </row>
    <row r="64743" spans="8:8">
      <c r="H64743" s="12"/>
    </row>
    <row r="64744" spans="8:8">
      <c r="H64744" s="12"/>
    </row>
    <row r="64745" spans="8:8">
      <c r="H64745" s="12"/>
    </row>
    <row r="64746" spans="8:8">
      <c r="H64746" s="12"/>
    </row>
    <row r="64747" spans="8:8">
      <c r="H64747" s="12"/>
    </row>
    <row r="64748" spans="8:8">
      <c r="H64748" s="12"/>
    </row>
    <row r="64749" spans="8:8">
      <c r="H64749" s="12"/>
    </row>
    <row r="64750" spans="8:8">
      <c r="H64750" s="12"/>
    </row>
    <row r="64751" spans="8:8">
      <c r="H64751" s="12"/>
    </row>
    <row r="64752" spans="8:8">
      <c r="H64752" s="12"/>
    </row>
    <row r="64753" spans="8:8">
      <c r="H64753" s="12"/>
    </row>
    <row r="64754" spans="8:8">
      <c r="H64754" s="12"/>
    </row>
    <row r="64755" spans="8:8">
      <c r="H64755" s="12"/>
    </row>
    <row r="64756" spans="8:8">
      <c r="H64756" s="12"/>
    </row>
    <row r="64757" spans="8:8">
      <c r="H64757" s="12"/>
    </row>
    <row r="64758" spans="8:8">
      <c r="H64758" s="12"/>
    </row>
    <row r="64759" spans="8:8">
      <c r="H64759" s="12"/>
    </row>
    <row r="64760" spans="8:8">
      <c r="H64760" s="12"/>
    </row>
    <row r="64761" spans="8:8">
      <c r="H64761" s="12"/>
    </row>
    <row r="64762" spans="8:8">
      <c r="H64762" s="12"/>
    </row>
    <row r="64763" spans="8:8">
      <c r="H64763" s="12"/>
    </row>
    <row r="64764" spans="8:8">
      <c r="H64764" s="12"/>
    </row>
    <row r="64765" spans="8:8">
      <c r="H64765" s="12"/>
    </row>
    <row r="64766" spans="8:8">
      <c r="H64766" s="12"/>
    </row>
    <row r="64767" spans="8:8">
      <c r="H64767" s="12"/>
    </row>
    <row r="64768" spans="8:8">
      <c r="H64768" s="12"/>
    </row>
    <row r="64769" spans="8:8">
      <c r="H64769" s="12"/>
    </row>
    <row r="64770" spans="8:8">
      <c r="H64770" s="12"/>
    </row>
    <row r="64771" spans="8:8">
      <c r="H64771" s="12"/>
    </row>
    <row r="64772" spans="8:8">
      <c r="H64772" s="12"/>
    </row>
    <row r="64773" spans="8:8">
      <c r="H64773" s="12"/>
    </row>
    <row r="64774" spans="8:8">
      <c r="H64774" s="12"/>
    </row>
    <row r="64775" spans="8:8">
      <c r="H64775" s="12"/>
    </row>
    <row r="64776" spans="8:8">
      <c r="H64776" s="12"/>
    </row>
    <row r="64777" spans="8:8">
      <c r="H64777" s="12"/>
    </row>
    <row r="64778" spans="8:8">
      <c r="H64778" s="12"/>
    </row>
    <row r="64779" spans="8:8">
      <c r="H64779" s="12"/>
    </row>
    <row r="64780" spans="8:8">
      <c r="H64780" s="12"/>
    </row>
    <row r="64781" spans="8:8">
      <c r="H64781" s="12"/>
    </row>
    <row r="64782" spans="8:8">
      <c r="H64782" s="12"/>
    </row>
    <row r="64783" spans="8:8">
      <c r="H64783" s="12"/>
    </row>
    <row r="64784" spans="8:8">
      <c r="H64784" s="12"/>
    </row>
    <row r="64785" spans="8:8">
      <c r="H64785" s="12"/>
    </row>
    <row r="64786" spans="8:8">
      <c r="H64786" s="12"/>
    </row>
    <row r="64787" spans="8:8">
      <c r="H64787" s="12"/>
    </row>
    <row r="64788" spans="8:8">
      <c r="H64788" s="12"/>
    </row>
    <row r="64789" spans="8:8">
      <c r="H64789" s="12"/>
    </row>
    <row r="64790" spans="8:8">
      <c r="H64790" s="12"/>
    </row>
    <row r="64791" spans="8:8">
      <c r="H64791" s="12"/>
    </row>
    <row r="64792" spans="8:8">
      <c r="H64792" s="12"/>
    </row>
    <row r="64793" spans="8:8">
      <c r="H64793" s="12"/>
    </row>
    <row r="64794" spans="8:8">
      <c r="H64794" s="12"/>
    </row>
    <row r="64795" spans="8:8">
      <c r="H64795" s="12"/>
    </row>
    <row r="64796" spans="8:8">
      <c r="H64796" s="12"/>
    </row>
    <row r="64797" spans="8:8">
      <c r="H64797" s="12"/>
    </row>
    <row r="64798" spans="8:8">
      <c r="H64798" s="12"/>
    </row>
    <row r="64799" spans="8:8">
      <c r="H64799" s="12"/>
    </row>
    <row r="64800" spans="8:8">
      <c r="H64800" s="12"/>
    </row>
    <row r="64801" spans="8:8">
      <c r="H64801" s="12"/>
    </row>
    <row r="64802" spans="8:8">
      <c r="H64802" s="12"/>
    </row>
    <row r="64803" spans="8:8">
      <c r="H64803" s="12"/>
    </row>
    <row r="64804" spans="8:8">
      <c r="H64804" s="12"/>
    </row>
    <row r="64805" spans="8:8">
      <c r="H64805" s="12"/>
    </row>
    <row r="64806" spans="8:8">
      <c r="H64806" s="12"/>
    </row>
    <row r="64807" spans="8:8">
      <c r="H64807" s="12"/>
    </row>
    <row r="64808" spans="8:8">
      <c r="H64808" s="12"/>
    </row>
    <row r="64809" spans="8:8">
      <c r="H64809" s="12"/>
    </row>
    <row r="64810" spans="8:8">
      <c r="H64810" s="12"/>
    </row>
    <row r="64811" spans="8:8">
      <c r="H64811" s="12"/>
    </row>
    <row r="64812" spans="8:8">
      <c r="H64812" s="12"/>
    </row>
    <row r="64813" spans="8:8">
      <c r="H64813" s="12"/>
    </row>
    <row r="64814" spans="8:8">
      <c r="H64814" s="12"/>
    </row>
    <row r="64815" spans="8:8">
      <c r="H64815" s="12"/>
    </row>
    <row r="64816" spans="8:8">
      <c r="H64816" s="12"/>
    </row>
    <row r="64817" spans="8:8">
      <c r="H64817" s="12"/>
    </row>
    <row r="64818" spans="8:8">
      <c r="H64818" s="12"/>
    </row>
    <row r="64819" spans="8:8">
      <c r="H64819" s="12"/>
    </row>
    <row r="64820" spans="8:8">
      <c r="H64820" s="12"/>
    </row>
    <row r="64821" spans="8:8">
      <c r="H64821" s="12"/>
    </row>
    <row r="64822" spans="8:8">
      <c r="H64822" s="12"/>
    </row>
    <row r="64823" spans="8:8">
      <c r="H64823" s="12"/>
    </row>
    <row r="64824" spans="8:8">
      <c r="H64824" s="12"/>
    </row>
    <row r="64825" spans="8:8">
      <c r="H64825" s="12"/>
    </row>
    <row r="64826" spans="8:8">
      <c r="H64826" s="12"/>
    </row>
    <row r="64827" spans="8:8">
      <c r="H64827" s="12"/>
    </row>
    <row r="64828" spans="8:8">
      <c r="H64828" s="12"/>
    </row>
    <row r="64829" spans="8:8">
      <c r="H64829" s="12"/>
    </row>
    <row r="64830" spans="8:8">
      <c r="H64830" s="12"/>
    </row>
    <row r="64831" spans="8:8">
      <c r="H64831" s="12"/>
    </row>
    <row r="64832" spans="8:8">
      <c r="H64832" s="12"/>
    </row>
    <row r="64833" spans="8:8">
      <c r="H64833" s="12"/>
    </row>
    <row r="64834" spans="8:8">
      <c r="H64834" s="12"/>
    </row>
    <row r="64835" spans="8:8">
      <c r="H64835" s="12"/>
    </row>
    <row r="64836" spans="8:8">
      <c r="H64836" s="12"/>
    </row>
    <row r="64837" spans="8:8">
      <c r="H64837" s="12"/>
    </row>
    <row r="64838" spans="8:8">
      <c r="H64838" s="12"/>
    </row>
    <row r="64839" spans="8:8">
      <c r="H64839" s="12"/>
    </row>
    <row r="64840" spans="8:8">
      <c r="H64840" s="12"/>
    </row>
    <row r="64841" spans="8:8">
      <c r="H64841" s="12"/>
    </row>
    <row r="64842" spans="8:8">
      <c r="H64842" s="12"/>
    </row>
    <row r="64843" spans="8:8">
      <c r="H64843" s="12"/>
    </row>
    <row r="64844" spans="8:8">
      <c r="H64844" s="12"/>
    </row>
    <row r="64845" spans="8:8">
      <c r="H64845" s="12"/>
    </row>
    <row r="64846" spans="8:8">
      <c r="H64846" s="12"/>
    </row>
    <row r="64847" spans="8:8">
      <c r="H64847" s="12"/>
    </row>
    <row r="64848" spans="8:8">
      <c r="H64848" s="12"/>
    </row>
    <row r="64849" spans="8:8">
      <c r="H64849" s="12"/>
    </row>
    <row r="64850" spans="8:8">
      <c r="H64850" s="12"/>
    </row>
    <row r="64851" spans="8:8">
      <c r="H64851" s="12"/>
    </row>
    <row r="64852" spans="8:8">
      <c r="H64852" s="12"/>
    </row>
    <row r="64853" spans="8:8">
      <c r="H64853" s="12"/>
    </row>
    <row r="64854" spans="8:8">
      <c r="H64854" s="12"/>
    </row>
    <row r="64855" spans="8:8">
      <c r="H64855" s="12"/>
    </row>
    <row r="64856" spans="8:8">
      <c r="H64856" s="12"/>
    </row>
    <row r="64857" spans="8:8">
      <c r="H64857" s="12"/>
    </row>
    <row r="64858" spans="8:8">
      <c r="H64858" s="12"/>
    </row>
    <row r="64859" spans="8:8">
      <c r="H64859" s="12"/>
    </row>
    <row r="64860" spans="8:8">
      <c r="H64860" s="12"/>
    </row>
    <row r="64861" spans="8:8">
      <c r="H64861" s="12"/>
    </row>
    <row r="64862" spans="8:8">
      <c r="H64862" s="12"/>
    </row>
    <row r="64863" spans="8:8">
      <c r="H64863" s="12"/>
    </row>
    <row r="64864" spans="8:8">
      <c r="H64864" s="12"/>
    </row>
    <row r="64865" spans="8:8">
      <c r="H64865" s="12"/>
    </row>
    <row r="64866" spans="8:8">
      <c r="H64866" s="12"/>
    </row>
    <row r="64867" spans="8:8">
      <c r="H64867" s="12"/>
    </row>
    <row r="64868" spans="8:8">
      <c r="H64868" s="12"/>
    </row>
    <row r="64869" spans="8:8">
      <c r="H64869" s="12"/>
    </row>
    <row r="64870" spans="8:8">
      <c r="H64870" s="12"/>
    </row>
    <row r="64871" spans="8:8">
      <c r="H64871" s="12"/>
    </row>
    <row r="64872" spans="8:8">
      <c r="H64872" s="12"/>
    </row>
    <row r="64873" spans="8:8">
      <c r="H64873" s="12"/>
    </row>
    <row r="64874" spans="8:8">
      <c r="H64874" s="12"/>
    </row>
    <row r="64875" spans="8:8">
      <c r="H64875" s="12"/>
    </row>
    <row r="64876" spans="8:8">
      <c r="H64876" s="12"/>
    </row>
    <row r="64877" spans="8:8">
      <c r="H64877" s="12"/>
    </row>
    <row r="64878" spans="8:8">
      <c r="H64878" s="12"/>
    </row>
    <row r="64879" spans="8:8">
      <c r="H64879" s="12"/>
    </row>
    <row r="64880" spans="8:8">
      <c r="H64880" s="12"/>
    </row>
    <row r="64881" spans="8:8">
      <c r="H64881" s="12"/>
    </row>
    <row r="64882" spans="8:8">
      <c r="H64882" s="12"/>
    </row>
    <row r="64883" spans="8:8">
      <c r="H64883" s="12"/>
    </row>
    <row r="64884" spans="8:8">
      <c r="H64884" s="12"/>
    </row>
    <row r="64885" spans="8:8">
      <c r="H64885" s="12"/>
    </row>
    <row r="64886" spans="8:8">
      <c r="H64886" s="12"/>
    </row>
    <row r="64887" spans="8:8">
      <c r="H64887" s="12"/>
    </row>
    <row r="64888" spans="8:8">
      <c r="H64888" s="12"/>
    </row>
    <row r="64889" spans="8:8">
      <c r="H64889" s="12"/>
    </row>
    <row r="64890" spans="8:8">
      <c r="H64890" s="12"/>
    </row>
    <row r="64891" spans="8:8">
      <c r="H64891" s="12"/>
    </row>
    <row r="64892" spans="8:8">
      <c r="H64892" s="12"/>
    </row>
    <row r="64893" spans="8:8">
      <c r="H64893" s="12"/>
    </row>
    <row r="64894" spans="8:8">
      <c r="H64894" s="12"/>
    </row>
    <row r="64895" spans="8:8">
      <c r="H64895" s="12"/>
    </row>
    <row r="64896" spans="8:8">
      <c r="H64896" s="12"/>
    </row>
    <row r="64897" spans="8:8">
      <c r="H64897" s="12"/>
    </row>
    <row r="64898" spans="8:8">
      <c r="H64898" s="12"/>
    </row>
    <row r="64899" spans="8:8">
      <c r="H64899" s="12"/>
    </row>
    <row r="64900" spans="8:8">
      <c r="H64900" s="12"/>
    </row>
    <row r="64901" spans="8:8">
      <c r="H64901" s="12"/>
    </row>
    <row r="64902" spans="8:8">
      <c r="H64902" s="12"/>
    </row>
    <row r="64903" spans="8:8">
      <c r="H64903" s="12"/>
    </row>
    <row r="64904" spans="8:8">
      <c r="H64904" s="12"/>
    </row>
    <row r="64905" spans="8:8">
      <c r="H64905" s="12"/>
    </row>
    <row r="64906" spans="8:8">
      <c r="H64906" s="12"/>
    </row>
    <row r="64907" spans="8:8">
      <c r="H64907" s="12"/>
    </row>
    <row r="64908" spans="8:8">
      <c r="H64908" s="12"/>
    </row>
    <row r="64909" spans="8:8">
      <c r="H64909" s="12"/>
    </row>
    <row r="64910" spans="8:8">
      <c r="H64910" s="12"/>
    </row>
    <row r="64911" spans="8:8">
      <c r="H64911" s="12"/>
    </row>
    <row r="64912" spans="8:8">
      <c r="H64912" s="12"/>
    </row>
    <row r="64913" spans="8:8">
      <c r="H64913" s="12"/>
    </row>
    <row r="64914" spans="8:8">
      <c r="H64914" s="12"/>
    </row>
    <row r="64915" spans="8:8">
      <c r="H64915" s="12"/>
    </row>
    <row r="64916" spans="8:8">
      <c r="H64916" s="12"/>
    </row>
    <row r="64917" spans="8:8">
      <c r="H64917" s="12"/>
    </row>
    <row r="64918" spans="8:8">
      <c r="H64918" s="12"/>
    </row>
    <row r="64919" spans="8:8">
      <c r="H64919" s="12"/>
    </row>
    <row r="64920" spans="8:8">
      <c r="H64920" s="12"/>
    </row>
    <row r="64921" spans="8:8">
      <c r="H64921" s="12"/>
    </row>
    <row r="64922" spans="8:8">
      <c r="H64922" s="12"/>
    </row>
    <row r="64923" spans="8:8">
      <c r="H64923" s="12"/>
    </row>
    <row r="64924" spans="8:8">
      <c r="H64924" s="12"/>
    </row>
    <row r="64925" spans="8:8">
      <c r="H64925" s="12"/>
    </row>
    <row r="64926" spans="8:8">
      <c r="H64926" s="12"/>
    </row>
    <row r="64927" spans="8:8">
      <c r="H64927" s="12"/>
    </row>
    <row r="64928" spans="8:8">
      <c r="H64928" s="12"/>
    </row>
    <row r="64929" spans="8:8">
      <c r="H64929" s="12"/>
    </row>
    <row r="64930" spans="8:8">
      <c r="H64930" s="12"/>
    </row>
    <row r="64931" spans="8:8">
      <c r="H64931" s="12"/>
    </row>
    <row r="64932" spans="8:8">
      <c r="H64932" s="12"/>
    </row>
    <row r="64933" spans="8:8">
      <c r="H64933" s="12"/>
    </row>
    <row r="64934" spans="8:8">
      <c r="H64934" s="12"/>
    </row>
    <row r="64935" spans="8:8">
      <c r="H64935" s="12"/>
    </row>
    <row r="64936" spans="8:8">
      <c r="H64936" s="12"/>
    </row>
    <row r="64937" spans="8:8">
      <c r="H64937" s="12"/>
    </row>
    <row r="64938" spans="8:8">
      <c r="H64938" s="12"/>
    </row>
    <row r="64939" spans="8:8">
      <c r="H64939" s="12"/>
    </row>
    <row r="64940" spans="8:8">
      <c r="H64940" s="12"/>
    </row>
    <row r="64941" spans="8:8">
      <c r="H64941" s="12"/>
    </row>
    <row r="64942" spans="8:8">
      <c r="H64942" s="12"/>
    </row>
    <row r="64943" spans="8:8">
      <c r="H64943" s="12"/>
    </row>
    <row r="64944" spans="8:8">
      <c r="H64944" s="12"/>
    </row>
    <row r="64945" spans="8:8">
      <c r="H64945" s="12"/>
    </row>
    <row r="64946" spans="8:8">
      <c r="H64946" s="12"/>
    </row>
    <row r="64947" spans="8:8">
      <c r="H64947" s="12"/>
    </row>
    <row r="64948" spans="8:8">
      <c r="H64948" s="12"/>
    </row>
    <row r="64949" spans="8:8">
      <c r="H64949" s="12"/>
    </row>
    <row r="64950" spans="8:8">
      <c r="H64950" s="12"/>
    </row>
    <row r="64951" spans="8:8">
      <c r="H64951" s="12"/>
    </row>
    <row r="64952" spans="8:8">
      <c r="H64952" s="12"/>
    </row>
    <row r="64953" spans="8:8">
      <c r="H64953" s="12"/>
    </row>
    <row r="64954" spans="8:8">
      <c r="H64954" s="12"/>
    </row>
    <row r="64955" spans="8:8">
      <c r="H64955" s="12"/>
    </row>
    <row r="64956" spans="8:8">
      <c r="H64956" s="12"/>
    </row>
    <row r="64957" spans="8:8">
      <c r="H64957" s="12"/>
    </row>
    <row r="64958" spans="8:8">
      <c r="H64958" s="12"/>
    </row>
    <row r="64959" spans="8:8">
      <c r="H64959" s="12"/>
    </row>
    <row r="64960" spans="8:8">
      <c r="H64960" s="12"/>
    </row>
    <row r="64961" spans="8:8">
      <c r="H64961" s="12"/>
    </row>
    <row r="64962" spans="8:8">
      <c r="H64962" s="12"/>
    </row>
    <row r="64963" spans="8:8">
      <c r="H64963" s="12"/>
    </row>
    <row r="64964" spans="8:8">
      <c r="H64964" s="12"/>
    </row>
    <row r="64965" spans="8:8">
      <c r="H64965" s="12"/>
    </row>
    <row r="64966" spans="8:8">
      <c r="H64966" s="12"/>
    </row>
    <row r="64967" spans="8:8">
      <c r="H64967" s="12"/>
    </row>
    <row r="64968" spans="8:8">
      <c r="H64968" s="12"/>
    </row>
    <row r="64969" spans="8:8">
      <c r="H64969" s="12"/>
    </row>
    <row r="64970" spans="8:8">
      <c r="H64970" s="12"/>
    </row>
    <row r="64971" spans="8:8">
      <c r="H64971" s="12"/>
    </row>
    <row r="64972" spans="8:8">
      <c r="H64972" s="12"/>
    </row>
    <row r="64973" spans="8:8">
      <c r="H64973" s="12"/>
    </row>
    <row r="64974" spans="8:8">
      <c r="H64974" s="12"/>
    </row>
    <row r="64975" spans="8:8">
      <c r="H64975" s="12"/>
    </row>
    <row r="64976" spans="8:8">
      <c r="H64976" s="12"/>
    </row>
    <row r="64977" spans="8:8">
      <c r="H64977" s="12"/>
    </row>
    <row r="64978" spans="8:8">
      <c r="H64978" s="12"/>
    </row>
    <row r="64979" spans="8:8">
      <c r="H64979" s="12"/>
    </row>
    <row r="64980" spans="8:8">
      <c r="H64980" s="12"/>
    </row>
    <row r="64981" spans="8:8">
      <c r="H64981" s="12"/>
    </row>
    <row r="64982" spans="8:8">
      <c r="H64982" s="12"/>
    </row>
    <row r="64983" spans="8:8">
      <c r="H64983" s="12"/>
    </row>
    <row r="64984" spans="8:8">
      <c r="H64984" s="12"/>
    </row>
    <row r="64985" spans="8:8">
      <c r="H64985" s="12"/>
    </row>
    <row r="64986" spans="8:8">
      <c r="H64986" s="12"/>
    </row>
    <row r="64987" spans="8:8">
      <c r="H64987" s="12"/>
    </row>
    <row r="64988" spans="8:8">
      <c r="H64988" s="12"/>
    </row>
    <row r="64989" spans="8:8">
      <c r="H64989" s="12"/>
    </row>
    <row r="64990" spans="8:8">
      <c r="H64990" s="12"/>
    </row>
    <row r="64991" spans="8:8">
      <c r="H64991" s="12"/>
    </row>
    <row r="64992" spans="8:8">
      <c r="H64992" s="12"/>
    </row>
    <row r="64993" spans="8:8">
      <c r="H64993" s="12"/>
    </row>
    <row r="64994" spans="8:8">
      <c r="H64994" s="12"/>
    </row>
    <row r="64995" spans="8:8">
      <c r="H64995" s="12"/>
    </row>
    <row r="64996" spans="8:8">
      <c r="H64996" s="12"/>
    </row>
    <row r="64997" spans="8:8">
      <c r="H64997" s="12"/>
    </row>
    <row r="64998" spans="8:8">
      <c r="H64998" s="12"/>
    </row>
    <row r="64999" spans="8:8">
      <c r="H64999" s="12"/>
    </row>
    <row r="65000" spans="8:8">
      <c r="H65000" s="12"/>
    </row>
    <row r="65001" spans="8:8">
      <c r="H65001" s="12"/>
    </row>
    <row r="65002" spans="8:8">
      <c r="H65002" s="12"/>
    </row>
    <row r="65003" spans="8:8">
      <c r="H65003" s="12"/>
    </row>
    <row r="65004" spans="8:8">
      <c r="H65004" s="12"/>
    </row>
    <row r="65005" spans="8:8">
      <c r="H65005" s="12"/>
    </row>
    <row r="65006" spans="8:8">
      <c r="H65006" s="12"/>
    </row>
    <row r="65007" spans="8:8">
      <c r="H65007" s="12"/>
    </row>
    <row r="65008" spans="8:8">
      <c r="H65008" s="12"/>
    </row>
    <row r="65009" spans="8:8">
      <c r="H65009" s="12"/>
    </row>
    <row r="65010" spans="8:8">
      <c r="H65010" s="12"/>
    </row>
    <row r="65011" spans="8:8">
      <c r="H65011" s="12"/>
    </row>
    <row r="65012" spans="8:8">
      <c r="H65012" s="12"/>
    </row>
    <row r="65013" spans="8:8">
      <c r="H65013" s="12"/>
    </row>
    <row r="65014" spans="8:8">
      <c r="H65014" s="12"/>
    </row>
    <row r="65015" spans="8:8">
      <c r="H65015" s="12"/>
    </row>
    <row r="65016" spans="8:8">
      <c r="H65016" s="12"/>
    </row>
    <row r="65017" spans="8:8">
      <c r="H65017" s="12"/>
    </row>
    <row r="65018" spans="8:8">
      <c r="H65018" s="12"/>
    </row>
    <row r="65019" spans="8:8">
      <c r="H65019" s="12"/>
    </row>
    <row r="65020" spans="8:8">
      <c r="H65020" s="12"/>
    </row>
    <row r="65021" spans="8:8">
      <c r="H65021" s="12"/>
    </row>
    <row r="65022" spans="8:8">
      <c r="H65022" s="12"/>
    </row>
    <row r="65023" spans="8:8">
      <c r="H65023" s="12"/>
    </row>
    <row r="65024" spans="8:8">
      <c r="H65024" s="12"/>
    </row>
    <row r="65025" spans="8:8">
      <c r="H65025" s="12"/>
    </row>
    <row r="65026" spans="8:8">
      <c r="H65026" s="12"/>
    </row>
    <row r="65027" spans="8:8">
      <c r="H65027" s="12"/>
    </row>
    <row r="65028" spans="8:8">
      <c r="H65028" s="12"/>
    </row>
    <row r="65029" spans="8:8">
      <c r="H65029" s="12"/>
    </row>
    <row r="65030" spans="8:8">
      <c r="H65030" s="12"/>
    </row>
    <row r="65031" spans="8:8">
      <c r="H65031" s="12"/>
    </row>
    <row r="65032" spans="8:8">
      <c r="H65032" s="12"/>
    </row>
    <row r="65033" spans="8:8">
      <c r="H65033" s="12"/>
    </row>
    <row r="65034" spans="8:8">
      <c r="H65034" s="12"/>
    </row>
    <row r="65035" spans="8:8">
      <c r="H65035" s="12"/>
    </row>
    <row r="65036" spans="8:8">
      <c r="H65036" s="12"/>
    </row>
    <row r="65037" spans="8:8">
      <c r="H65037" s="12"/>
    </row>
    <row r="65038" spans="8:8">
      <c r="H65038" s="12"/>
    </row>
    <row r="65039" spans="8:8">
      <c r="H65039" s="12"/>
    </row>
    <row r="65040" spans="8:8">
      <c r="H65040" s="12"/>
    </row>
    <row r="65041" spans="8:8">
      <c r="H65041" s="12"/>
    </row>
    <row r="65042" spans="8:8">
      <c r="H65042" s="12"/>
    </row>
    <row r="65043" spans="8:8">
      <c r="H65043" s="12"/>
    </row>
    <row r="65044" spans="8:8">
      <c r="H65044" s="12"/>
    </row>
    <row r="65045" spans="8:8">
      <c r="H65045" s="12"/>
    </row>
    <row r="65046" spans="8:8">
      <c r="H65046" s="12"/>
    </row>
    <row r="65047" spans="8:8">
      <c r="H65047" s="12"/>
    </row>
    <row r="65048" spans="8:8">
      <c r="H65048" s="12"/>
    </row>
    <row r="65049" spans="8:8">
      <c r="H65049" s="12"/>
    </row>
    <row r="65050" spans="8:8">
      <c r="H65050" s="12"/>
    </row>
    <row r="65051" spans="8:8">
      <c r="H65051" s="12"/>
    </row>
    <row r="65052" spans="8:8">
      <c r="H65052" s="12"/>
    </row>
    <row r="65053" spans="8:8">
      <c r="H65053" s="12"/>
    </row>
    <row r="65054" spans="8:8">
      <c r="H65054" s="12"/>
    </row>
    <row r="65055" spans="8:8">
      <c r="H65055" s="12"/>
    </row>
    <row r="65056" spans="8:8">
      <c r="H65056" s="12"/>
    </row>
    <row r="65057" spans="8:8">
      <c r="H65057" s="12"/>
    </row>
    <row r="65058" spans="8:8">
      <c r="H65058" s="12"/>
    </row>
    <row r="65059" spans="8:8">
      <c r="H65059" s="12"/>
    </row>
    <row r="65060" spans="8:8">
      <c r="H65060" s="12"/>
    </row>
    <row r="65061" spans="8:8">
      <c r="H65061" s="12"/>
    </row>
    <row r="65062" spans="8:8">
      <c r="H65062" s="12"/>
    </row>
    <row r="65063" spans="8:8">
      <c r="H65063" s="12"/>
    </row>
    <row r="65064" spans="8:8">
      <c r="H65064" s="12"/>
    </row>
    <row r="65065" spans="8:8">
      <c r="H65065" s="12"/>
    </row>
    <row r="65066" spans="8:8">
      <c r="H65066" s="12"/>
    </row>
    <row r="65067" spans="8:8">
      <c r="H65067" s="12"/>
    </row>
    <row r="65068" spans="8:8">
      <c r="H65068" s="12"/>
    </row>
    <row r="65069" spans="8:8">
      <c r="H65069" s="12"/>
    </row>
    <row r="65070" spans="8:8">
      <c r="H65070" s="12"/>
    </row>
    <row r="65071" spans="8:8">
      <c r="H65071" s="12"/>
    </row>
    <row r="65072" spans="8:8">
      <c r="H65072" s="12"/>
    </row>
    <row r="65073" spans="8:8">
      <c r="H65073" s="12"/>
    </row>
    <row r="65074" spans="8:8">
      <c r="H65074" s="12"/>
    </row>
    <row r="65075" spans="8:8">
      <c r="H65075" s="12"/>
    </row>
    <row r="65076" spans="8:8">
      <c r="H65076" s="12"/>
    </row>
    <row r="65077" spans="8:8">
      <c r="H65077" s="12"/>
    </row>
    <row r="65078" spans="8:8">
      <c r="H65078" s="12"/>
    </row>
    <row r="65079" spans="8:8">
      <c r="H65079" s="12"/>
    </row>
    <row r="65080" spans="8:8">
      <c r="H65080" s="12"/>
    </row>
    <row r="65081" spans="8:8">
      <c r="H65081" s="12"/>
    </row>
    <row r="65082" spans="8:8">
      <c r="H65082" s="12"/>
    </row>
    <row r="65083" spans="8:8">
      <c r="H65083" s="12"/>
    </row>
    <row r="65084" spans="8:8">
      <c r="H65084" s="12"/>
    </row>
    <row r="65085" spans="8:8">
      <c r="H65085" s="12"/>
    </row>
    <row r="65086" spans="8:8">
      <c r="H65086" s="12"/>
    </row>
    <row r="65087" spans="8:8">
      <c r="H65087" s="12"/>
    </row>
    <row r="65088" spans="8:8">
      <c r="H65088" s="12"/>
    </row>
    <row r="65089" spans="8:8">
      <c r="H65089" s="12"/>
    </row>
    <row r="65090" spans="8:8">
      <c r="H65090" s="12"/>
    </row>
    <row r="65091" spans="8:8">
      <c r="H65091" s="12"/>
    </row>
    <row r="65092" spans="8:8">
      <c r="H65092" s="12"/>
    </row>
    <row r="65093" spans="8:8">
      <c r="H65093" s="12"/>
    </row>
    <row r="65094" spans="8:8">
      <c r="H65094" s="12"/>
    </row>
    <row r="65095" spans="8:8">
      <c r="H65095" s="12"/>
    </row>
    <row r="65096" spans="8:8">
      <c r="H65096" s="12"/>
    </row>
    <row r="65097" spans="8:8">
      <c r="H65097" s="12"/>
    </row>
    <row r="65098" spans="8:8">
      <c r="H65098" s="12"/>
    </row>
    <row r="65099" spans="8:8">
      <c r="H65099" s="12"/>
    </row>
    <row r="65100" spans="8:8">
      <c r="H65100" s="12"/>
    </row>
    <row r="65101" spans="8:8">
      <c r="H65101" s="12"/>
    </row>
    <row r="65102" spans="8:8">
      <c r="H65102" s="12"/>
    </row>
    <row r="65103" spans="8:8">
      <c r="H65103" s="12"/>
    </row>
    <row r="65104" spans="8:8">
      <c r="H65104" s="12"/>
    </row>
    <row r="65105" spans="8:8">
      <c r="H65105" s="12"/>
    </row>
    <row r="65106" spans="8:8">
      <c r="H65106" s="12"/>
    </row>
    <row r="65107" spans="8:8">
      <c r="H65107" s="12"/>
    </row>
    <row r="65108" spans="8:8">
      <c r="H65108" s="12"/>
    </row>
    <row r="65109" spans="8:8">
      <c r="H65109" s="12"/>
    </row>
    <row r="65110" spans="8:8">
      <c r="H65110" s="12"/>
    </row>
    <row r="65111" spans="8:8">
      <c r="H65111" s="12"/>
    </row>
    <row r="65112" spans="8:8">
      <c r="H65112" s="12"/>
    </row>
    <row r="65113" spans="8:8">
      <c r="H65113" s="12"/>
    </row>
    <row r="65114" spans="8:8">
      <c r="H65114" s="12"/>
    </row>
    <row r="65115" spans="8:8">
      <c r="H65115" s="12"/>
    </row>
    <row r="65116" spans="8:8">
      <c r="H65116" s="12"/>
    </row>
    <row r="65117" spans="8:8">
      <c r="H65117" s="12"/>
    </row>
    <row r="65118" spans="8:8">
      <c r="H65118" s="12"/>
    </row>
    <row r="65119" spans="8:8">
      <c r="H65119" s="12"/>
    </row>
    <row r="65120" spans="8:8">
      <c r="H65120" s="12"/>
    </row>
    <row r="65121" spans="8:8">
      <c r="H65121" s="12"/>
    </row>
    <row r="65122" spans="8:8">
      <c r="H65122" s="12"/>
    </row>
    <row r="65123" spans="8:8">
      <c r="H65123" s="12"/>
    </row>
    <row r="65124" spans="8:8">
      <c r="H65124" s="12"/>
    </row>
    <row r="65125" spans="8:8">
      <c r="H65125" s="12"/>
    </row>
    <row r="65126" spans="8:8">
      <c r="H65126" s="12"/>
    </row>
    <row r="65127" spans="8:8">
      <c r="H65127" s="12"/>
    </row>
    <row r="65128" spans="8:8">
      <c r="H65128" s="12"/>
    </row>
    <row r="65129" spans="8:8">
      <c r="H65129" s="12"/>
    </row>
    <row r="65130" spans="8:8">
      <c r="H65130" s="12"/>
    </row>
    <row r="65131" spans="8:8">
      <c r="H65131" s="12"/>
    </row>
    <row r="65132" spans="8:8">
      <c r="H65132" s="12"/>
    </row>
    <row r="65133" spans="8:8">
      <c r="H65133" s="12"/>
    </row>
    <row r="65134" spans="8:8">
      <c r="H65134" s="12"/>
    </row>
    <row r="65135" spans="8:8">
      <c r="H65135" s="12"/>
    </row>
    <row r="65136" spans="8:8">
      <c r="H65136" s="12"/>
    </row>
    <row r="65137" spans="8:8">
      <c r="H65137" s="12"/>
    </row>
    <row r="65138" spans="8:8">
      <c r="H65138" s="12"/>
    </row>
    <row r="65139" spans="8:8">
      <c r="H65139" s="12"/>
    </row>
    <row r="65140" spans="8:8">
      <c r="H65140" s="12"/>
    </row>
    <row r="65141" spans="8:8">
      <c r="H65141" s="12"/>
    </row>
    <row r="65142" spans="8:8">
      <c r="H65142" s="12"/>
    </row>
    <row r="65143" spans="8:8">
      <c r="H65143" s="12"/>
    </row>
    <row r="65144" spans="8:8">
      <c r="H65144" s="12"/>
    </row>
    <row r="65145" spans="8:8">
      <c r="H65145" s="12"/>
    </row>
    <row r="65146" spans="8:8">
      <c r="H65146" s="12"/>
    </row>
    <row r="65147" spans="8:8">
      <c r="H65147" s="12"/>
    </row>
    <row r="65148" spans="8:8">
      <c r="H65148" s="12"/>
    </row>
    <row r="65149" spans="8:8">
      <c r="H65149" s="12"/>
    </row>
    <row r="65150" spans="8:8">
      <c r="H65150" s="12"/>
    </row>
    <row r="65151" spans="8:8">
      <c r="H65151" s="12"/>
    </row>
    <row r="65152" spans="8:8">
      <c r="H65152" s="12"/>
    </row>
    <row r="65153" spans="8:8">
      <c r="H65153" s="12"/>
    </row>
    <row r="65154" spans="8:8">
      <c r="H65154" s="12"/>
    </row>
    <row r="65155" spans="8:8">
      <c r="H65155" s="12"/>
    </row>
    <row r="65156" spans="8:8">
      <c r="H65156" s="12"/>
    </row>
    <row r="65157" spans="8:8">
      <c r="H65157" s="12"/>
    </row>
    <row r="65158" spans="8:8">
      <c r="H65158" s="12"/>
    </row>
    <row r="65159" spans="8:8">
      <c r="H65159" s="12"/>
    </row>
    <row r="65160" spans="8:8">
      <c r="H65160" s="12"/>
    </row>
    <row r="65161" spans="8:8">
      <c r="H65161" s="12"/>
    </row>
    <row r="65162" spans="8:8">
      <c r="H65162" s="12"/>
    </row>
    <row r="65163" spans="8:8">
      <c r="H65163" s="12"/>
    </row>
    <row r="65164" spans="8:8">
      <c r="H65164" s="12"/>
    </row>
    <row r="65165" spans="8:8">
      <c r="H65165" s="12"/>
    </row>
    <row r="65166" spans="8:8">
      <c r="H65166" s="12"/>
    </row>
    <row r="65167" spans="8:8">
      <c r="H65167" s="12"/>
    </row>
    <row r="65168" spans="8:8">
      <c r="H65168" s="12"/>
    </row>
    <row r="65169" spans="8:8">
      <c r="H65169" s="12"/>
    </row>
    <row r="65170" spans="8:8">
      <c r="H65170" s="12"/>
    </row>
    <row r="65171" spans="8:8">
      <c r="H65171" s="12"/>
    </row>
    <row r="65172" spans="8:8">
      <c r="H65172" s="12"/>
    </row>
    <row r="65173" spans="8:8">
      <c r="H65173" s="12"/>
    </row>
    <row r="65174" spans="8:8">
      <c r="H65174" s="12"/>
    </row>
    <row r="65175" spans="8:8">
      <c r="H65175" s="12"/>
    </row>
    <row r="65176" spans="8:8">
      <c r="H65176" s="12"/>
    </row>
    <row r="65177" spans="8:8">
      <c r="H65177" s="12"/>
    </row>
    <row r="65178" spans="8:8">
      <c r="H65178" s="12"/>
    </row>
    <row r="65179" spans="8:8">
      <c r="H65179" s="12"/>
    </row>
    <row r="65180" spans="8:8">
      <c r="H65180" s="12"/>
    </row>
    <row r="65181" spans="8:8">
      <c r="H65181" s="12"/>
    </row>
    <row r="65182" spans="8:8">
      <c r="H65182" s="12"/>
    </row>
    <row r="65183" spans="8:8">
      <c r="H65183" s="12"/>
    </row>
    <row r="65184" spans="8:8">
      <c r="H65184" s="12"/>
    </row>
    <row r="65185" spans="8:8">
      <c r="H65185" s="12"/>
    </row>
    <row r="65186" spans="8:8">
      <c r="H65186" s="12"/>
    </row>
    <row r="65187" spans="8:8">
      <c r="H65187" s="12"/>
    </row>
    <row r="65188" spans="8:8">
      <c r="H65188" s="12"/>
    </row>
    <row r="65189" spans="8:8">
      <c r="H65189" s="12"/>
    </row>
    <row r="65190" spans="8:8">
      <c r="H65190" s="12"/>
    </row>
    <row r="65191" spans="8:8">
      <c r="H65191" s="12"/>
    </row>
    <row r="65192" spans="8:8">
      <c r="H65192" s="12"/>
    </row>
    <row r="65193" spans="8:8">
      <c r="H65193" s="12"/>
    </row>
    <row r="65194" spans="8:8">
      <c r="H65194" s="12"/>
    </row>
    <row r="65195" spans="8:8">
      <c r="H65195" s="12"/>
    </row>
    <row r="65196" spans="8:8">
      <c r="H65196" s="12"/>
    </row>
    <row r="65197" spans="8:8">
      <c r="H65197" s="12"/>
    </row>
    <row r="65198" spans="8:8">
      <c r="H65198" s="12"/>
    </row>
    <row r="65199" spans="8:8">
      <c r="H65199" s="12"/>
    </row>
    <row r="65200" spans="8:8">
      <c r="H65200" s="12"/>
    </row>
    <row r="65201" spans="8:8">
      <c r="H65201" s="12"/>
    </row>
    <row r="65202" spans="8:8">
      <c r="H65202" s="12"/>
    </row>
    <row r="65203" spans="8:8">
      <c r="H65203" s="12"/>
    </row>
    <row r="65204" spans="8:8">
      <c r="H65204" s="12"/>
    </row>
    <row r="65205" spans="8:8">
      <c r="H65205" s="12"/>
    </row>
    <row r="65206" spans="8:8">
      <c r="H65206" s="12"/>
    </row>
    <row r="65207" spans="8:8">
      <c r="H65207" s="12"/>
    </row>
    <row r="65208" spans="8:8">
      <c r="H65208" s="12"/>
    </row>
    <row r="65209" spans="8:8">
      <c r="H65209" s="12"/>
    </row>
    <row r="65210" spans="8:8">
      <c r="H65210" s="12"/>
    </row>
    <row r="65211" spans="8:8">
      <c r="H65211" s="12"/>
    </row>
    <row r="65212" spans="8:8">
      <c r="H65212" s="12"/>
    </row>
    <row r="65213" spans="8:8">
      <c r="H65213" s="12"/>
    </row>
    <row r="65214" spans="8:8">
      <c r="H65214" s="12"/>
    </row>
    <row r="65215" spans="8:8">
      <c r="H65215" s="12"/>
    </row>
    <row r="65216" spans="8:8">
      <c r="H65216" s="12"/>
    </row>
    <row r="65217" spans="8:8">
      <c r="H65217" s="12"/>
    </row>
    <row r="65218" spans="8:8">
      <c r="H65218" s="12"/>
    </row>
    <row r="65219" spans="8:8">
      <c r="H65219" s="12"/>
    </row>
    <row r="65220" spans="8:8">
      <c r="H65220" s="12"/>
    </row>
    <row r="65221" spans="8:8">
      <c r="H65221" s="12"/>
    </row>
    <row r="65222" spans="8:8">
      <c r="H65222" s="12"/>
    </row>
    <row r="65223" spans="8:8">
      <c r="H65223" s="12"/>
    </row>
    <row r="65224" spans="8:8">
      <c r="H65224" s="12"/>
    </row>
    <row r="65225" spans="8:8">
      <c r="H65225" s="12"/>
    </row>
    <row r="65226" spans="8:8">
      <c r="H65226" s="12"/>
    </row>
    <row r="65227" spans="8:8">
      <c r="H65227" s="12"/>
    </row>
    <row r="65228" spans="8:8">
      <c r="H65228" s="12"/>
    </row>
    <row r="65229" spans="8:8">
      <c r="H65229" s="12"/>
    </row>
    <row r="65230" spans="8:8">
      <c r="H65230" s="12"/>
    </row>
    <row r="65231" spans="8:8">
      <c r="H65231" s="12"/>
    </row>
    <row r="65232" spans="8:8">
      <c r="H65232" s="12"/>
    </row>
    <row r="65233" spans="8:8">
      <c r="H65233" s="12"/>
    </row>
    <row r="65234" spans="8:8">
      <c r="H65234" s="12"/>
    </row>
    <row r="65235" spans="8:8">
      <c r="H65235" s="12"/>
    </row>
    <row r="65236" spans="8:8">
      <c r="H65236" s="12"/>
    </row>
    <row r="65237" spans="8:8">
      <c r="H65237" s="12"/>
    </row>
    <row r="65238" spans="8:8">
      <c r="H65238" s="12"/>
    </row>
    <row r="65239" spans="8:8">
      <c r="H65239" s="12"/>
    </row>
    <row r="65240" spans="8:8">
      <c r="H65240" s="12"/>
    </row>
    <row r="65241" spans="8:8">
      <c r="H65241" s="12"/>
    </row>
    <row r="65242" spans="8:8">
      <c r="H65242" s="12"/>
    </row>
    <row r="65243" spans="8:8">
      <c r="H65243" s="12"/>
    </row>
    <row r="65244" spans="8:8">
      <c r="H65244" s="12"/>
    </row>
    <row r="65245" spans="8:8">
      <c r="H65245" s="12"/>
    </row>
    <row r="65246" spans="8:8">
      <c r="H65246" s="12"/>
    </row>
    <row r="65247" spans="8:8">
      <c r="H65247" s="12"/>
    </row>
    <row r="65248" spans="8:8">
      <c r="H65248" s="12"/>
    </row>
    <row r="65249" spans="8:8">
      <c r="H65249" s="12"/>
    </row>
    <row r="65250" spans="8:8">
      <c r="H65250" s="12"/>
    </row>
    <row r="65251" spans="8:8">
      <c r="H65251" s="12"/>
    </row>
    <row r="65252" spans="8:8">
      <c r="H65252" s="12"/>
    </row>
    <row r="65253" spans="8:8">
      <c r="H65253" s="12"/>
    </row>
    <row r="65254" spans="8:8">
      <c r="H65254" s="12"/>
    </row>
    <row r="65255" spans="8:8">
      <c r="H65255" s="12"/>
    </row>
    <row r="65256" spans="8:8">
      <c r="H65256" s="12"/>
    </row>
    <row r="65257" spans="8:8">
      <c r="H65257" s="12"/>
    </row>
    <row r="65258" spans="8:8">
      <c r="H65258" s="12"/>
    </row>
    <row r="65259" spans="8:8">
      <c r="H65259" s="12"/>
    </row>
    <row r="65260" spans="8:8">
      <c r="H65260" s="12"/>
    </row>
    <row r="65261" spans="8:8">
      <c r="H65261" s="12"/>
    </row>
    <row r="65262" spans="8:8">
      <c r="H65262" s="12"/>
    </row>
    <row r="65263" spans="8:8">
      <c r="H65263" s="12"/>
    </row>
    <row r="65264" spans="8:8">
      <c r="H65264" s="12"/>
    </row>
    <row r="65265" spans="8:8">
      <c r="H65265" s="12"/>
    </row>
    <row r="65266" spans="8:8">
      <c r="H65266" s="12"/>
    </row>
    <row r="65267" spans="8:8">
      <c r="H65267" s="12"/>
    </row>
    <row r="65268" spans="8:8">
      <c r="H65268" s="12"/>
    </row>
    <row r="65269" spans="8:8">
      <c r="H65269" s="12"/>
    </row>
    <row r="65270" spans="8:8">
      <c r="H65270" s="12"/>
    </row>
    <row r="65271" spans="8:8">
      <c r="H65271" s="12"/>
    </row>
    <row r="65272" spans="8:8">
      <c r="H65272" s="12"/>
    </row>
    <row r="65273" spans="8:8">
      <c r="H65273" s="12"/>
    </row>
    <row r="65274" spans="8:8">
      <c r="H65274" s="12"/>
    </row>
    <row r="65275" spans="8:8">
      <c r="H65275" s="12"/>
    </row>
    <row r="65276" spans="8:8">
      <c r="H65276" s="12"/>
    </row>
    <row r="65277" spans="8:8">
      <c r="H65277" s="12"/>
    </row>
    <row r="65278" spans="8:8">
      <c r="H65278" s="12"/>
    </row>
    <row r="65279" spans="8:8">
      <c r="H65279" s="12"/>
    </row>
    <row r="65280" spans="8:8">
      <c r="H65280" s="12"/>
    </row>
    <row r="65281" spans="8:8">
      <c r="H65281" s="12"/>
    </row>
    <row r="65282" spans="8:8">
      <c r="H65282" s="12"/>
    </row>
    <row r="65283" spans="8:8">
      <c r="H65283" s="12"/>
    </row>
    <row r="65284" spans="8:8">
      <c r="H65284" s="12"/>
    </row>
    <row r="65285" spans="8:8">
      <c r="H65285" s="12"/>
    </row>
    <row r="65286" spans="8:8">
      <c r="H65286" s="12"/>
    </row>
    <row r="65287" spans="8:8">
      <c r="H65287" s="12"/>
    </row>
    <row r="65288" spans="8:8">
      <c r="H65288" s="12"/>
    </row>
    <row r="65289" spans="8:8">
      <c r="H65289" s="12"/>
    </row>
    <row r="65290" spans="8:8">
      <c r="H65290" s="12"/>
    </row>
    <row r="65291" spans="8:8">
      <c r="H65291" s="12"/>
    </row>
    <row r="65292" spans="8:8">
      <c r="H65292" s="12"/>
    </row>
    <row r="65293" spans="8:8">
      <c r="H65293" s="12"/>
    </row>
    <row r="65294" spans="8:8">
      <c r="H65294" s="12"/>
    </row>
    <row r="65295" spans="8:8">
      <c r="H65295" s="12"/>
    </row>
    <row r="65296" spans="8:8">
      <c r="H65296" s="12"/>
    </row>
    <row r="65297" spans="8:8">
      <c r="H65297" s="12"/>
    </row>
    <row r="65298" spans="8:8">
      <c r="H65298" s="12"/>
    </row>
    <row r="65299" spans="8:8">
      <c r="H65299" s="12"/>
    </row>
    <row r="65300" spans="8:8">
      <c r="H65300" s="12"/>
    </row>
    <row r="65301" spans="8:8">
      <c r="H65301" s="12"/>
    </row>
    <row r="65302" spans="8:8">
      <c r="H65302" s="12"/>
    </row>
    <row r="65303" spans="8:8">
      <c r="H65303" s="12"/>
    </row>
    <row r="65304" spans="8:8">
      <c r="H65304" s="12"/>
    </row>
    <row r="65305" spans="8:8">
      <c r="H65305" s="12"/>
    </row>
    <row r="65306" spans="8:8">
      <c r="H65306" s="12"/>
    </row>
    <row r="65307" spans="8:8">
      <c r="H65307" s="12"/>
    </row>
    <row r="65308" spans="8:8">
      <c r="H65308" s="12"/>
    </row>
    <row r="65309" spans="8:8">
      <c r="H65309" s="12"/>
    </row>
    <row r="65310" spans="8:8">
      <c r="H65310" s="12"/>
    </row>
    <row r="65311" spans="8:8">
      <c r="H65311" s="12"/>
    </row>
    <row r="65312" spans="8:8">
      <c r="H65312" s="12"/>
    </row>
    <row r="65313" spans="8:8">
      <c r="H65313" s="12"/>
    </row>
    <row r="65314" spans="8:8">
      <c r="H65314" s="12"/>
    </row>
    <row r="65315" spans="8:8">
      <c r="H65315" s="12"/>
    </row>
    <row r="65316" spans="8:8">
      <c r="H65316" s="12"/>
    </row>
    <row r="65317" spans="8:8">
      <c r="H65317" s="12"/>
    </row>
    <row r="65318" spans="8:8">
      <c r="H65318" s="12"/>
    </row>
    <row r="65319" spans="8:8">
      <c r="H65319" s="12"/>
    </row>
    <row r="65320" spans="8:8">
      <c r="H65320" s="12"/>
    </row>
    <row r="65321" spans="8:8">
      <c r="H65321" s="12"/>
    </row>
    <row r="65322" spans="8:8">
      <c r="H65322" s="12"/>
    </row>
    <row r="65323" spans="8:8">
      <c r="H65323" s="12"/>
    </row>
    <row r="65324" spans="8:8">
      <c r="H65324" s="12"/>
    </row>
    <row r="65325" spans="8:8">
      <c r="H65325" s="12"/>
    </row>
    <row r="65326" spans="8:8">
      <c r="H65326" s="12"/>
    </row>
    <row r="65327" spans="8:8">
      <c r="H65327" s="12"/>
    </row>
    <row r="65328" spans="8:8">
      <c r="H65328" s="12"/>
    </row>
    <row r="65329" spans="8:8">
      <c r="H65329" s="12"/>
    </row>
    <row r="65330" spans="8:8">
      <c r="H65330" s="12"/>
    </row>
    <row r="65331" spans="8:8">
      <c r="H65331" s="12"/>
    </row>
    <row r="65332" spans="8:8">
      <c r="H65332" s="12"/>
    </row>
    <row r="65333" spans="8:8">
      <c r="H65333" s="12"/>
    </row>
    <row r="65334" spans="8:8">
      <c r="H65334" s="12"/>
    </row>
    <row r="65335" spans="8:8">
      <c r="H65335" s="12"/>
    </row>
    <row r="65336" spans="8:8">
      <c r="H65336" s="12"/>
    </row>
    <row r="65337" spans="8:8">
      <c r="H65337" s="12"/>
    </row>
    <row r="65338" spans="8:8">
      <c r="H65338" s="12"/>
    </row>
    <row r="65339" spans="8:8">
      <c r="H65339" s="12"/>
    </row>
    <row r="65340" spans="8:8">
      <c r="H65340" s="12"/>
    </row>
    <row r="65341" spans="8:8">
      <c r="H65341" s="12"/>
    </row>
    <row r="65342" spans="8:8">
      <c r="H65342" s="12"/>
    </row>
    <row r="65343" spans="8:8">
      <c r="H65343" s="12"/>
    </row>
    <row r="65344" spans="8:8">
      <c r="H65344" s="12"/>
    </row>
    <row r="65345" spans="8:8">
      <c r="H65345" s="12"/>
    </row>
    <row r="65346" spans="8:8">
      <c r="H65346" s="12"/>
    </row>
    <row r="65347" spans="8:8">
      <c r="H65347" s="12"/>
    </row>
    <row r="65348" spans="8:8">
      <c r="H65348" s="12"/>
    </row>
    <row r="65349" spans="8:8">
      <c r="H65349" s="12"/>
    </row>
    <row r="65350" spans="8:8">
      <c r="H65350" s="12"/>
    </row>
    <row r="65351" spans="8:8">
      <c r="H65351" s="12"/>
    </row>
    <row r="65352" spans="8:8">
      <c r="H65352" s="12"/>
    </row>
    <row r="65353" spans="8:8">
      <c r="H65353" s="12"/>
    </row>
    <row r="65354" spans="8:8">
      <c r="H65354" s="12"/>
    </row>
    <row r="65355" spans="8:8">
      <c r="H65355" s="12"/>
    </row>
    <row r="65356" spans="8:8">
      <c r="H65356" s="12"/>
    </row>
    <row r="65357" spans="8:8">
      <c r="H65357" s="12"/>
    </row>
    <row r="65358" spans="8:8">
      <c r="H65358" s="12"/>
    </row>
    <row r="65359" spans="8:8">
      <c r="H65359" s="12"/>
    </row>
    <row r="65360" spans="8:8">
      <c r="H65360" s="12"/>
    </row>
    <row r="65361" spans="8:8">
      <c r="H65361" s="12"/>
    </row>
    <row r="65362" spans="8:8">
      <c r="H65362" s="12"/>
    </row>
    <row r="65363" spans="8:8">
      <c r="H65363" s="12"/>
    </row>
    <row r="65364" spans="8:8">
      <c r="H65364" s="12"/>
    </row>
    <row r="65365" spans="8:8">
      <c r="H65365" s="12"/>
    </row>
    <row r="65366" spans="8:8">
      <c r="H65366" s="12"/>
    </row>
    <row r="65367" spans="8:8">
      <c r="H65367" s="12"/>
    </row>
    <row r="65368" spans="8:8">
      <c r="H65368" s="12"/>
    </row>
    <row r="65369" spans="8:8">
      <c r="H65369" s="12"/>
    </row>
    <row r="65370" spans="8:8">
      <c r="H65370" s="12"/>
    </row>
    <row r="65371" spans="8:8">
      <c r="H65371" s="12"/>
    </row>
    <row r="65372" spans="8:8">
      <c r="H65372" s="12"/>
    </row>
    <row r="65373" spans="8:8">
      <c r="H65373" s="12"/>
    </row>
    <row r="65374" spans="8:8">
      <c r="H65374" s="12"/>
    </row>
    <row r="65375" spans="8:8">
      <c r="H65375" s="12"/>
    </row>
    <row r="65376" spans="8:8">
      <c r="H65376" s="12"/>
    </row>
    <row r="65377" spans="8:8">
      <c r="H65377" s="12"/>
    </row>
    <row r="65378" spans="8:8">
      <c r="H65378" s="12"/>
    </row>
    <row r="65379" spans="8:8">
      <c r="H65379" s="12"/>
    </row>
    <row r="65380" spans="8:8">
      <c r="H65380" s="12"/>
    </row>
    <row r="65381" spans="8:8">
      <c r="H65381" s="12"/>
    </row>
    <row r="65382" spans="8:8">
      <c r="H65382" s="12"/>
    </row>
    <row r="65383" spans="8:8">
      <c r="H65383" s="12"/>
    </row>
    <row r="65384" spans="8:8">
      <c r="H65384" s="12"/>
    </row>
    <row r="65385" spans="8:8">
      <c r="H65385" s="12"/>
    </row>
    <row r="65386" spans="8:8">
      <c r="H65386" s="12"/>
    </row>
    <row r="65387" spans="8:8">
      <c r="H65387" s="12"/>
    </row>
    <row r="65388" spans="8:8">
      <c r="H65388" s="12"/>
    </row>
    <row r="65389" spans="8:8">
      <c r="H65389" s="12"/>
    </row>
    <row r="65390" spans="8:8">
      <c r="H65390" s="12"/>
    </row>
    <row r="65391" spans="8:8">
      <c r="H65391" s="12"/>
    </row>
    <row r="65392" spans="8:8">
      <c r="H65392" s="12"/>
    </row>
    <row r="65393" spans="8:8">
      <c r="H65393" s="12"/>
    </row>
    <row r="65394" spans="8:8">
      <c r="H65394" s="12"/>
    </row>
    <row r="65395" spans="8:8">
      <c r="H65395" s="12"/>
    </row>
    <row r="65396" spans="8:8">
      <c r="H65396" s="12"/>
    </row>
    <row r="65397" spans="8:8">
      <c r="H65397" s="12"/>
    </row>
    <row r="65398" spans="8:8">
      <c r="H65398" s="12"/>
    </row>
    <row r="65399" spans="8:8">
      <c r="H65399" s="12"/>
    </row>
    <row r="65400" spans="8:8">
      <c r="H65400" s="12"/>
    </row>
    <row r="65401" spans="8:8">
      <c r="H65401" s="12"/>
    </row>
    <row r="65402" spans="8:8">
      <c r="H65402" s="12"/>
    </row>
    <row r="65403" spans="8:8">
      <c r="H65403" s="12"/>
    </row>
    <row r="65404" spans="8:8">
      <c r="H65404" s="12"/>
    </row>
    <row r="65405" spans="8:8">
      <c r="H65405" s="12"/>
    </row>
    <row r="65406" spans="8:8">
      <c r="H65406" s="12"/>
    </row>
    <row r="65407" spans="8:8">
      <c r="H65407" s="12"/>
    </row>
    <row r="65408" spans="8:8">
      <c r="H65408" s="12"/>
    </row>
    <row r="65409" spans="8:8">
      <c r="H65409" s="12"/>
    </row>
    <row r="65410" spans="8:8">
      <c r="H65410" s="12"/>
    </row>
    <row r="65411" spans="8:8">
      <c r="H65411" s="12"/>
    </row>
    <row r="65412" spans="8:8">
      <c r="H65412" s="12"/>
    </row>
    <row r="65413" spans="8:8">
      <c r="H65413" s="12"/>
    </row>
    <row r="65414" spans="8:8">
      <c r="H65414" s="12"/>
    </row>
    <row r="65415" spans="8:8">
      <c r="H65415" s="12"/>
    </row>
    <row r="65416" spans="8:8">
      <c r="H65416" s="12"/>
    </row>
    <row r="65417" spans="8:8">
      <c r="H65417" s="12"/>
    </row>
    <row r="65418" spans="8:8">
      <c r="H65418" s="12"/>
    </row>
    <row r="65419" spans="8:8">
      <c r="H65419" s="12"/>
    </row>
    <row r="65420" spans="8:8">
      <c r="H65420" s="12"/>
    </row>
    <row r="65421" spans="8:8">
      <c r="H65421" s="12"/>
    </row>
    <row r="65422" spans="8:8">
      <c r="H65422" s="12"/>
    </row>
    <row r="65423" spans="8:8">
      <c r="H65423" s="12"/>
    </row>
    <row r="65424" spans="8:8">
      <c r="H65424" s="12"/>
    </row>
    <row r="65425" spans="8:8">
      <c r="H65425" s="12"/>
    </row>
    <row r="65426" spans="8:8">
      <c r="H65426" s="12"/>
    </row>
    <row r="65427" spans="8:8">
      <c r="H65427" s="12"/>
    </row>
    <row r="65428" spans="8:8">
      <c r="H65428" s="12"/>
    </row>
    <row r="65429" spans="8:8">
      <c r="H65429" s="12"/>
    </row>
    <row r="65430" spans="8:8">
      <c r="H65430" s="12"/>
    </row>
    <row r="65431" spans="8:8">
      <c r="H65431" s="12"/>
    </row>
    <row r="65432" spans="8:8">
      <c r="H65432" s="12"/>
    </row>
    <row r="65433" spans="8:8">
      <c r="H65433" s="12"/>
    </row>
    <row r="65434" spans="8:8">
      <c r="H65434" s="12"/>
    </row>
    <row r="65435" spans="8:8">
      <c r="H65435" s="12"/>
    </row>
    <row r="65436" spans="8:8">
      <c r="H65436" s="12"/>
    </row>
    <row r="65437" spans="8:8">
      <c r="H65437" s="12"/>
    </row>
    <row r="65438" spans="8:8">
      <c r="H65438" s="12"/>
    </row>
    <row r="65439" spans="8:8">
      <c r="H65439" s="12"/>
    </row>
    <row r="65440" spans="8:8">
      <c r="H65440" s="12"/>
    </row>
    <row r="65441" spans="8:8">
      <c r="H65441" s="12"/>
    </row>
    <row r="65442" spans="8:8">
      <c r="H65442" s="12"/>
    </row>
    <row r="65443" spans="8:8">
      <c r="H65443" s="12"/>
    </row>
    <row r="65444" spans="8:8">
      <c r="H65444" s="12"/>
    </row>
    <row r="65445" spans="8:8">
      <c r="H65445" s="12"/>
    </row>
    <row r="65446" spans="8:8">
      <c r="H65446" s="12"/>
    </row>
    <row r="65447" spans="8:8">
      <c r="H65447" s="12"/>
    </row>
    <row r="65448" spans="8:8">
      <c r="H65448" s="12"/>
    </row>
    <row r="65449" spans="8:8">
      <c r="H65449" s="12"/>
    </row>
    <row r="65450" spans="8:8">
      <c r="H65450" s="12"/>
    </row>
    <row r="65451" spans="8:8">
      <c r="H65451" s="12"/>
    </row>
    <row r="65452" spans="8:8">
      <c r="H65452" s="12"/>
    </row>
    <row r="65453" spans="8:8">
      <c r="H65453" s="12"/>
    </row>
    <row r="65454" spans="8:8">
      <c r="H65454" s="12"/>
    </row>
    <row r="65455" spans="8:8">
      <c r="H65455" s="12"/>
    </row>
    <row r="65456" spans="8:8">
      <c r="H65456" s="12"/>
    </row>
    <row r="65457" spans="8:8">
      <c r="H65457" s="12"/>
    </row>
    <row r="65458" spans="8:8">
      <c r="H65458" s="12"/>
    </row>
    <row r="65459" spans="8:8">
      <c r="H65459" s="12"/>
    </row>
    <row r="65460" spans="8:8">
      <c r="H65460" s="12"/>
    </row>
    <row r="65461" spans="8:8">
      <c r="H65461" s="12"/>
    </row>
    <row r="65462" spans="8:8">
      <c r="H65462" s="12"/>
    </row>
    <row r="65463" spans="8:8">
      <c r="H65463" s="12"/>
    </row>
    <row r="65464" spans="8:8">
      <c r="H65464" s="12"/>
    </row>
    <row r="65465" spans="8:8">
      <c r="H65465" s="12"/>
    </row>
    <row r="65466" spans="8:8">
      <c r="H65466" s="12"/>
    </row>
    <row r="65467" spans="8:8">
      <c r="H65467" s="12"/>
    </row>
    <row r="65468" spans="8:8">
      <c r="H65468" s="12"/>
    </row>
    <row r="65469" spans="8:8">
      <c r="H65469" s="12"/>
    </row>
    <row r="65470" spans="8:8">
      <c r="H65470" s="12"/>
    </row>
    <row r="65471" spans="8:8">
      <c r="H65471" s="12"/>
    </row>
    <row r="65472" spans="8:8">
      <c r="H65472" s="12"/>
    </row>
    <row r="65473" spans="8:8">
      <c r="H65473" s="12"/>
    </row>
    <row r="65474" spans="8:8">
      <c r="H65474" s="12"/>
    </row>
    <row r="65475" spans="8:8">
      <c r="H65475" s="12"/>
    </row>
    <row r="65476" spans="8:8">
      <c r="H65476" s="12"/>
    </row>
    <row r="65477" spans="8:8">
      <c r="H65477" s="12"/>
    </row>
    <row r="65478" spans="8:8">
      <c r="H65478" s="12"/>
    </row>
    <row r="65479" spans="8:8">
      <c r="H65479" s="12"/>
    </row>
    <row r="65480" spans="8:8">
      <c r="H65480" s="12"/>
    </row>
    <row r="65481" spans="8:8">
      <c r="H65481" s="12"/>
    </row>
    <row r="65482" spans="8:8">
      <c r="H65482" s="12"/>
    </row>
    <row r="65483" spans="8:8">
      <c r="H65483" s="12"/>
    </row>
    <row r="65484" spans="8:8">
      <c r="H65484" s="12"/>
    </row>
    <row r="65485" spans="8:8">
      <c r="H65485" s="12"/>
    </row>
    <row r="65486" spans="8:8">
      <c r="H65486" s="12"/>
    </row>
    <row r="65487" spans="8:8">
      <c r="H65487" s="12"/>
    </row>
    <row r="65488" spans="8:8">
      <c r="H65488" s="12"/>
    </row>
    <row r="65489" spans="8:8">
      <c r="H65489" s="12"/>
    </row>
    <row r="65490" spans="8:8">
      <c r="H65490" s="12"/>
    </row>
    <row r="65491" spans="8:8">
      <c r="H65491" s="12"/>
    </row>
    <row r="65492" spans="8:8">
      <c r="H65492" s="12"/>
    </row>
    <row r="65493" spans="8:8">
      <c r="H65493" s="12"/>
    </row>
    <row r="65494" spans="8:8">
      <c r="H65494" s="12"/>
    </row>
    <row r="65495" spans="8:8">
      <c r="H65495" s="12"/>
    </row>
    <row r="65496" spans="8:8">
      <c r="H65496" s="12"/>
    </row>
    <row r="65497" spans="8:8">
      <c r="H65497" s="12"/>
    </row>
    <row r="65498" spans="8:8">
      <c r="H65498" s="12"/>
    </row>
    <row r="65499" spans="8:8">
      <c r="H65499" s="12"/>
    </row>
    <row r="65500" spans="8:8">
      <c r="H65500" s="12"/>
    </row>
    <row r="65501" spans="8:8">
      <c r="H65501" s="12"/>
    </row>
    <row r="65502" spans="8:8">
      <c r="H65502" s="12"/>
    </row>
    <row r="65503" spans="8:8">
      <c r="H65503" s="12"/>
    </row>
    <row r="65504" spans="8:8">
      <c r="H65504" s="12"/>
    </row>
    <row r="65505" spans="8:8">
      <c r="H65505" s="12"/>
    </row>
    <row r="65506" spans="8:8">
      <c r="H65506" s="12"/>
    </row>
    <row r="65507" spans="8:8">
      <c r="H65507" s="12"/>
    </row>
    <row r="65508" spans="8:8">
      <c r="H65508" s="12"/>
    </row>
    <row r="65509" spans="8:8">
      <c r="H65509" s="12"/>
    </row>
    <row r="65510" spans="8:8">
      <c r="H65510" s="12"/>
    </row>
    <row r="65511" spans="8:8">
      <c r="H65511" s="12"/>
    </row>
    <row r="65512" spans="8:8">
      <c r="H65512" s="12"/>
    </row>
    <row r="65513" spans="8:8">
      <c r="H65513" s="12"/>
    </row>
    <row r="65514" spans="8:8">
      <c r="H65514" s="12"/>
    </row>
    <row r="65515" spans="8:8">
      <c r="H65515" s="12"/>
    </row>
    <row r="65516" spans="8:8">
      <c r="H65516" s="12"/>
    </row>
    <row r="65517" spans="8:8">
      <c r="H65517" s="12"/>
    </row>
    <row r="65518" spans="8:8">
      <c r="H65518" s="12"/>
    </row>
    <row r="65519" spans="8:8">
      <c r="H65519" s="12"/>
    </row>
    <row r="65520" spans="8:8">
      <c r="H65520" s="12"/>
    </row>
    <row r="65521" spans="8:8">
      <c r="H65521" s="12"/>
    </row>
    <row r="65522" spans="8:8">
      <c r="H65522" s="12"/>
    </row>
    <row r="65523" spans="8:8">
      <c r="H65523" s="12"/>
    </row>
    <row r="65524" spans="8:8">
      <c r="H65524" s="12"/>
    </row>
    <row r="65525" spans="8:8">
      <c r="H65525" s="12"/>
    </row>
    <row r="65526" spans="8:8">
      <c r="H65526" s="12"/>
    </row>
    <row r="65527" spans="8:8">
      <c r="H65527" s="12"/>
    </row>
    <row r="65528" spans="8:8">
      <c r="H65528" s="12"/>
    </row>
    <row r="65529" spans="8:8">
      <c r="H65529" s="12"/>
    </row>
    <row r="65530" spans="8:8">
      <c r="H65530" s="12"/>
    </row>
    <row r="65531" spans="8:8">
      <c r="H65531" s="12"/>
    </row>
    <row r="65532" spans="8:8">
      <c r="H65532" s="12"/>
    </row>
    <row r="65533" spans="8:8">
      <c r="H65533" s="12"/>
    </row>
    <row r="65534" spans="8:8">
      <c r="H65534" s="12"/>
    </row>
    <row r="65535" spans="8:8">
      <c r="H65535" s="12"/>
    </row>
    <row r="65536" spans="8:8">
      <c r="H65536" s="12"/>
    </row>
    <row r="65537" spans="8:8">
      <c r="H65537" s="12"/>
    </row>
    <row r="65538" spans="8:8">
      <c r="H65538" s="12"/>
    </row>
    <row r="65539" spans="8:8">
      <c r="H65539" s="12"/>
    </row>
    <row r="65540" spans="8:8">
      <c r="H65540" s="12"/>
    </row>
    <row r="65541" spans="8:8">
      <c r="H65541" s="12"/>
    </row>
    <row r="65542" spans="8:8">
      <c r="H65542" s="12"/>
    </row>
    <row r="65543" spans="8:8">
      <c r="H65543" s="12"/>
    </row>
    <row r="65544" spans="8:8">
      <c r="H65544" s="12"/>
    </row>
    <row r="65545" spans="8:8">
      <c r="H65545" s="12"/>
    </row>
    <row r="65546" spans="8:8">
      <c r="H65546" s="12"/>
    </row>
    <row r="65547" spans="8:8">
      <c r="H65547" s="12"/>
    </row>
    <row r="65548" spans="8:8">
      <c r="H65548" s="12"/>
    </row>
    <row r="65549" spans="8:8">
      <c r="H65549" s="12"/>
    </row>
    <row r="65550" spans="8:8">
      <c r="H65550" s="12"/>
    </row>
    <row r="65551" spans="8:8">
      <c r="H65551" s="12"/>
    </row>
    <row r="65552" spans="8:8">
      <c r="H65552" s="12"/>
    </row>
    <row r="65553" spans="8:8">
      <c r="H65553" s="12"/>
    </row>
    <row r="65554" spans="8:8">
      <c r="H65554" s="12"/>
    </row>
    <row r="65555" spans="8:8">
      <c r="H65555" s="12"/>
    </row>
    <row r="65556" spans="8:8">
      <c r="H65556" s="12"/>
    </row>
    <row r="65557" spans="8:8">
      <c r="H65557" s="12"/>
    </row>
    <row r="65558" spans="8:8">
      <c r="H65558" s="12"/>
    </row>
    <row r="65559" spans="8:8">
      <c r="H65559" s="12"/>
    </row>
    <row r="65560" spans="8:8">
      <c r="H65560" s="12"/>
    </row>
    <row r="65561" spans="8:8">
      <c r="H65561" s="12"/>
    </row>
    <row r="65562" spans="8:8">
      <c r="H65562" s="12"/>
    </row>
    <row r="65563" spans="8:8">
      <c r="H65563" s="12"/>
    </row>
    <row r="65564" spans="8:8">
      <c r="H65564" s="12"/>
    </row>
    <row r="65565" spans="8:8">
      <c r="H65565" s="12"/>
    </row>
    <row r="65566" spans="8:8">
      <c r="H65566" s="12"/>
    </row>
    <row r="65567" spans="8:8">
      <c r="H65567" s="12"/>
    </row>
    <row r="65568" spans="8:8">
      <c r="H65568" s="12"/>
    </row>
    <row r="65569" spans="8:8">
      <c r="H65569" s="12"/>
    </row>
    <row r="65570" spans="8:8">
      <c r="H65570" s="12"/>
    </row>
    <row r="65571" spans="8:8">
      <c r="H65571" s="12"/>
    </row>
    <row r="65572" spans="8:8">
      <c r="H65572" s="12"/>
    </row>
    <row r="65573" spans="8:8">
      <c r="H65573" s="12"/>
    </row>
    <row r="65574" spans="8:8">
      <c r="H65574" s="12"/>
    </row>
    <row r="65575" spans="8:8">
      <c r="H65575" s="12"/>
    </row>
    <row r="65576" spans="8:8">
      <c r="H65576" s="12"/>
    </row>
    <row r="65577" spans="8:8">
      <c r="H65577" s="12"/>
    </row>
    <row r="65578" spans="8:8">
      <c r="H65578" s="12"/>
    </row>
    <row r="65579" spans="8:8">
      <c r="H65579" s="12"/>
    </row>
    <row r="65580" spans="8:8">
      <c r="H65580" s="12"/>
    </row>
    <row r="65581" spans="8:8">
      <c r="H65581" s="12"/>
    </row>
    <row r="65582" spans="8:8">
      <c r="H65582" s="12"/>
    </row>
    <row r="65583" spans="8:8">
      <c r="H65583" s="12"/>
    </row>
    <row r="65584" spans="8:8">
      <c r="H65584" s="12"/>
    </row>
    <row r="65585" spans="8:8">
      <c r="H65585" s="12"/>
    </row>
    <row r="65586" spans="8:8">
      <c r="H65586" s="12"/>
    </row>
    <row r="65587" spans="8:8">
      <c r="H65587" s="12"/>
    </row>
    <row r="65588" spans="8:8">
      <c r="H65588" s="12"/>
    </row>
    <row r="65589" spans="8:8">
      <c r="H65589" s="12"/>
    </row>
    <row r="65590" spans="8:8">
      <c r="H65590" s="12"/>
    </row>
    <row r="65591" spans="8:8">
      <c r="H65591" s="12"/>
    </row>
    <row r="65592" spans="8:8">
      <c r="H65592" s="12"/>
    </row>
    <row r="65593" spans="8:8">
      <c r="H65593" s="12"/>
    </row>
    <row r="65594" spans="8:8">
      <c r="H65594" s="12"/>
    </row>
    <row r="65595" spans="8:8">
      <c r="H65595" s="12"/>
    </row>
    <row r="65596" spans="8:8">
      <c r="H65596" s="12"/>
    </row>
    <row r="65597" spans="8:8">
      <c r="H65597" s="12"/>
    </row>
    <row r="65598" spans="8:8">
      <c r="H65598" s="12"/>
    </row>
    <row r="65599" spans="8:8">
      <c r="H65599" s="12"/>
    </row>
    <row r="65600" spans="8:8">
      <c r="H65600" s="12"/>
    </row>
    <row r="65601" spans="8:8">
      <c r="H65601" s="12"/>
    </row>
    <row r="65602" spans="8:8">
      <c r="H65602" s="12"/>
    </row>
    <row r="65603" spans="8:8">
      <c r="H65603" s="12"/>
    </row>
    <row r="65604" spans="8:8">
      <c r="H65604" s="12"/>
    </row>
    <row r="65605" spans="8:8">
      <c r="H65605" s="12"/>
    </row>
    <row r="65606" spans="8:8">
      <c r="H65606" s="12"/>
    </row>
    <row r="65607" spans="8:8">
      <c r="H65607" s="12"/>
    </row>
    <row r="65608" spans="8:8">
      <c r="H65608" s="12"/>
    </row>
    <row r="65609" spans="8:8">
      <c r="H65609" s="12"/>
    </row>
    <row r="65610" spans="8:8">
      <c r="H65610" s="12"/>
    </row>
    <row r="65611" spans="8:8">
      <c r="H65611" s="12"/>
    </row>
    <row r="65612" spans="8:8">
      <c r="H65612" s="12"/>
    </row>
    <row r="65613" spans="8:8">
      <c r="H65613" s="12"/>
    </row>
    <row r="65614" spans="8:8">
      <c r="H65614" s="12"/>
    </row>
    <row r="65615" spans="8:8">
      <c r="H65615" s="12"/>
    </row>
    <row r="65616" spans="8:8">
      <c r="H65616" s="12"/>
    </row>
    <row r="65617" spans="8:8">
      <c r="H65617" s="12"/>
    </row>
    <row r="65618" spans="8:8">
      <c r="H65618" s="12"/>
    </row>
    <row r="65619" spans="8:8">
      <c r="H65619" s="12"/>
    </row>
    <row r="65620" spans="8:8">
      <c r="H65620" s="12"/>
    </row>
    <row r="65621" spans="8:8">
      <c r="H65621" s="12"/>
    </row>
    <row r="65622" spans="8:8">
      <c r="H65622" s="12"/>
    </row>
    <row r="65623" spans="8:8">
      <c r="H65623" s="12"/>
    </row>
    <row r="65624" spans="8:8">
      <c r="H65624" s="12"/>
    </row>
    <row r="65625" spans="8:8">
      <c r="H65625" s="12"/>
    </row>
    <row r="65626" spans="8:8">
      <c r="H65626" s="12"/>
    </row>
    <row r="65627" spans="8:8">
      <c r="H65627" s="12"/>
    </row>
    <row r="65628" spans="8:8">
      <c r="H65628" s="12"/>
    </row>
    <row r="65629" spans="8:8">
      <c r="H65629" s="12"/>
    </row>
    <row r="65630" spans="8:8">
      <c r="H65630" s="12"/>
    </row>
    <row r="65631" spans="8:8">
      <c r="H65631" s="12"/>
    </row>
    <row r="65632" spans="8:8">
      <c r="H65632" s="12"/>
    </row>
    <row r="65633" spans="8:8">
      <c r="H65633" s="12"/>
    </row>
    <row r="65634" spans="8:8">
      <c r="H65634" s="12"/>
    </row>
    <row r="65635" spans="8:8">
      <c r="H65635" s="12"/>
    </row>
    <row r="65636" spans="8:8">
      <c r="H65636" s="12"/>
    </row>
    <row r="65637" spans="8:8">
      <c r="H65637" s="12"/>
    </row>
    <row r="65638" spans="8:8">
      <c r="H65638" s="12"/>
    </row>
    <row r="65639" spans="8:8">
      <c r="H65639" s="12"/>
    </row>
    <row r="65640" spans="8:8">
      <c r="H65640" s="12"/>
    </row>
    <row r="65641" spans="8:8">
      <c r="H65641" s="12"/>
    </row>
    <row r="65642" spans="8:8">
      <c r="H65642" s="12"/>
    </row>
    <row r="65643" spans="8:8">
      <c r="H65643" s="12"/>
    </row>
    <row r="65644" spans="8:8">
      <c r="H65644" s="12"/>
    </row>
    <row r="65645" spans="8:8">
      <c r="H65645" s="12"/>
    </row>
    <row r="65646" spans="8:8">
      <c r="H65646" s="12"/>
    </row>
    <row r="65647" spans="8:8">
      <c r="H65647" s="12"/>
    </row>
    <row r="65648" spans="8:8">
      <c r="H65648" s="12"/>
    </row>
    <row r="65649" spans="8:8">
      <c r="H65649" s="12"/>
    </row>
    <row r="65650" spans="8:8">
      <c r="H65650" s="12"/>
    </row>
    <row r="65651" spans="8:8">
      <c r="H65651" s="12"/>
    </row>
    <row r="65652" spans="8:8">
      <c r="H65652" s="12"/>
    </row>
    <row r="65653" spans="8:8">
      <c r="H65653" s="12"/>
    </row>
    <row r="65654" spans="8:8">
      <c r="H65654" s="12"/>
    </row>
    <row r="65655" spans="8:8">
      <c r="H65655" s="12"/>
    </row>
    <row r="65656" spans="8:8">
      <c r="H65656" s="12"/>
    </row>
    <row r="65657" spans="8:8">
      <c r="H65657" s="12"/>
    </row>
    <row r="65658" spans="8:8">
      <c r="H65658" s="12"/>
    </row>
    <row r="65659" spans="8:8">
      <c r="H65659" s="12"/>
    </row>
    <row r="65660" spans="8:8">
      <c r="H65660" s="12"/>
    </row>
    <row r="65661" spans="8:8">
      <c r="H65661" s="12"/>
    </row>
    <row r="65662" spans="8:8">
      <c r="H65662" s="12"/>
    </row>
    <row r="65663" spans="8:8">
      <c r="H65663" s="12"/>
    </row>
    <row r="65664" spans="8:8">
      <c r="H65664" s="12"/>
    </row>
    <row r="65665" spans="8:8">
      <c r="H65665" s="12"/>
    </row>
    <row r="65666" spans="8:8">
      <c r="H65666" s="12"/>
    </row>
    <row r="65667" spans="8:8">
      <c r="H65667" s="12"/>
    </row>
    <row r="65668" spans="8:8">
      <c r="H65668" s="12"/>
    </row>
    <row r="65669" spans="8:8">
      <c r="H65669" s="12"/>
    </row>
    <row r="65670" spans="8:8">
      <c r="H65670" s="12"/>
    </row>
    <row r="65671" spans="8:8">
      <c r="H65671" s="12"/>
    </row>
    <row r="65672" spans="8:8">
      <c r="H65672" s="12"/>
    </row>
    <row r="65673" spans="8:8">
      <c r="H65673" s="12"/>
    </row>
    <row r="65674" spans="8:8">
      <c r="H65674" s="12"/>
    </row>
    <row r="65675" spans="8:8">
      <c r="H65675" s="12"/>
    </row>
    <row r="65676" spans="8:8">
      <c r="H65676" s="12"/>
    </row>
    <row r="65677" spans="8:8">
      <c r="H65677" s="12"/>
    </row>
    <row r="65678" spans="8:8">
      <c r="H65678" s="12"/>
    </row>
    <row r="65679" spans="8:8">
      <c r="H65679" s="12"/>
    </row>
    <row r="65680" spans="8:8">
      <c r="H65680" s="12"/>
    </row>
    <row r="65681" spans="8:8">
      <c r="H65681" s="12"/>
    </row>
    <row r="65682" spans="8:8">
      <c r="H65682" s="12"/>
    </row>
    <row r="65683" spans="8:8">
      <c r="H65683" s="12"/>
    </row>
    <row r="65684" spans="8:8">
      <c r="H65684" s="12"/>
    </row>
    <row r="65685" spans="8:8">
      <c r="H65685" s="12"/>
    </row>
    <row r="65686" spans="8:8">
      <c r="H65686" s="12"/>
    </row>
    <row r="65687" spans="8:8">
      <c r="H65687" s="12"/>
    </row>
    <row r="65688" spans="8:8">
      <c r="H65688" s="12"/>
    </row>
    <row r="65689" spans="8:8">
      <c r="H65689" s="12"/>
    </row>
    <row r="65690" spans="8:8">
      <c r="H65690" s="12"/>
    </row>
    <row r="65691" spans="8:8">
      <c r="H65691" s="12"/>
    </row>
    <row r="65692" spans="8:8">
      <c r="H65692" s="12"/>
    </row>
    <row r="65693" spans="8:8">
      <c r="H65693" s="12"/>
    </row>
    <row r="65694" spans="8:8">
      <c r="H65694" s="12"/>
    </row>
    <row r="65695" spans="8:8">
      <c r="H65695" s="12"/>
    </row>
    <row r="65696" spans="8:8">
      <c r="H65696" s="12"/>
    </row>
    <row r="65697" spans="8:8">
      <c r="H65697" s="12"/>
    </row>
    <row r="65698" spans="8:8">
      <c r="H65698" s="12"/>
    </row>
    <row r="65699" spans="8:8">
      <c r="H65699" s="12"/>
    </row>
    <row r="65700" spans="8:8">
      <c r="H65700" s="12"/>
    </row>
    <row r="65701" spans="8:8">
      <c r="H65701" s="12"/>
    </row>
    <row r="65702" spans="8:8">
      <c r="H65702" s="12"/>
    </row>
    <row r="65703" spans="8:8">
      <c r="H65703" s="12"/>
    </row>
    <row r="65704" spans="8:8">
      <c r="H65704" s="12"/>
    </row>
    <row r="65705" spans="8:8">
      <c r="H65705" s="12"/>
    </row>
    <row r="65706" spans="8:8">
      <c r="H65706" s="12"/>
    </row>
    <row r="65707" spans="8:8">
      <c r="H65707" s="12"/>
    </row>
    <row r="65708" spans="8:8">
      <c r="H65708" s="12"/>
    </row>
    <row r="65709" spans="8:8">
      <c r="H65709" s="12"/>
    </row>
    <row r="65710" spans="8:8">
      <c r="H65710" s="12"/>
    </row>
    <row r="65711" spans="8:8">
      <c r="H65711" s="12"/>
    </row>
    <row r="65712" spans="8:8">
      <c r="H65712" s="12"/>
    </row>
    <row r="65713" spans="8:8">
      <c r="H65713" s="12"/>
    </row>
    <row r="65714" spans="8:8">
      <c r="H65714" s="12"/>
    </row>
    <row r="65715" spans="8:8">
      <c r="H65715" s="12"/>
    </row>
    <row r="65716" spans="8:8">
      <c r="H65716" s="12"/>
    </row>
    <row r="65717" spans="8:8">
      <c r="H65717" s="12"/>
    </row>
    <row r="65718" spans="8:8">
      <c r="H65718" s="12"/>
    </row>
    <row r="65719" spans="8:8">
      <c r="H65719" s="12"/>
    </row>
    <row r="65720" spans="8:8">
      <c r="H65720" s="12"/>
    </row>
    <row r="65721" spans="8:8">
      <c r="H65721" s="12"/>
    </row>
    <row r="65722" spans="8:8">
      <c r="H65722" s="12"/>
    </row>
    <row r="65723" spans="8:8">
      <c r="H65723" s="12"/>
    </row>
    <row r="65724" spans="8:8">
      <c r="H65724" s="12"/>
    </row>
    <row r="65725" spans="8:8">
      <c r="H65725" s="12"/>
    </row>
    <row r="65726" spans="8:8">
      <c r="H65726" s="12"/>
    </row>
    <row r="65727" spans="8:8">
      <c r="H65727" s="12"/>
    </row>
    <row r="65728" spans="8:8">
      <c r="H65728" s="12"/>
    </row>
    <row r="65729" spans="8:8">
      <c r="H65729" s="12"/>
    </row>
    <row r="65730" spans="8:8">
      <c r="H65730" s="12"/>
    </row>
    <row r="65731" spans="8:8">
      <c r="H65731" s="12"/>
    </row>
    <row r="65732" spans="8:8">
      <c r="H65732" s="12"/>
    </row>
    <row r="65733" spans="8:8">
      <c r="H65733" s="12"/>
    </row>
    <row r="65734" spans="8:8">
      <c r="H65734" s="12"/>
    </row>
    <row r="65735" spans="8:8">
      <c r="H65735" s="12"/>
    </row>
    <row r="65736" spans="8:8">
      <c r="H65736" s="12"/>
    </row>
    <row r="65737" spans="8:8">
      <c r="H65737" s="12"/>
    </row>
    <row r="65738" spans="8:8">
      <c r="H65738" s="12"/>
    </row>
    <row r="65739" spans="8:8">
      <c r="H65739" s="12"/>
    </row>
    <row r="65740" spans="8:8">
      <c r="H65740" s="12"/>
    </row>
    <row r="65741" spans="8:8">
      <c r="H65741" s="12"/>
    </row>
    <row r="65742" spans="8:8">
      <c r="H65742" s="12"/>
    </row>
    <row r="65743" spans="8:8">
      <c r="H65743" s="12"/>
    </row>
    <row r="65744" spans="8:8">
      <c r="H65744" s="12"/>
    </row>
    <row r="65745" spans="8:8">
      <c r="H65745" s="12"/>
    </row>
    <row r="65746" spans="8:8">
      <c r="H65746" s="12"/>
    </row>
    <row r="65747" spans="8:8">
      <c r="H65747" s="12"/>
    </row>
    <row r="65748" spans="8:8">
      <c r="H65748" s="12"/>
    </row>
    <row r="65749" spans="8:8">
      <c r="H65749" s="12"/>
    </row>
    <row r="65750" spans="8:8">
      <c r="H65750" s="12"/>
    </row>
    <row r="65751" spans="8:8">
      <c r="H65751" s="12"/>
    </row>
    <row r="65752" spans="8:8">
      <c r="H65752" s="12"/>
    </row>
    <row r="65753" spans="8:8">
      <c r="H65753" s="12"/>
    </row>
    <row r="65754" spans="8:8">
      <c r="H65754" s="12"/>
    </row>
    <row r="65755" spans="8:8">
      <c r="H65755" s="12"/>
    </row>
    <row r="65756" spans="8:8">
      <c r="H65756" s="12"/>
    </row>
    <row r="65757" spans="8:8">
      <c r="H65757" s="12"/>
    </row>
    <row r="65758" spans="8:8">
      <c r="H65758" s="12"/>
    </row>
    <row r="65759" spans="8:8">
      <c r="H65759" s="12"/>
    </row>
    <row r="65760" spans="8:8">
      <c r="H65760" s="12"/>
    </row>
    <row r="65761" spans="8:8">
      <c r="H65761" s="12"/>
    </row>
    <row r="65762" spans="8:8">
      <c r="H65762" s="12"/>
    </row>
    <row r="65763" spans="8:8">
      <c r="H65763" s="12"/>
    </row>
    <row r="65764" spans="8:8">
      <c r="H65764" s="12"/>
    </row>
    <row r="65765" spans="8:8">
      <c r="H65765" s="12"/>
    </row>
    <row r="65766" spans="8:8">
      <c r="H65766" s="12"/>
    </row>
    <row r="65767" spans="8:8">
      <c r="H65767" s="12"/>
    </row>
    <row r="65768" spans="8:8">
      <c r="H65768" s="12"/>
    </row>
    <row r="65769" spans="8:8">
      <c r="H65769" s="12"/>
    </row>
    <row r="65770" spans="8:8">
      <c r="H65770" s="12"/>
    </row>
    <row r="65771" spans="8:8">
      <c r="H65771" s="12"/>
    </row>
    <row r="65772" spans="8:8">
      <c r="H65772" s="12"/>
    </row>
    <row r="65773" spans="8:8">
      <c r="H65773" s="12"/>
    </row>
    <row r="65774" spans="8:8">
      <c r="H65774" s="12"/>
    </row>
    <row r="65775" spans="8:8">
      <c r="H65775" s="12"/>
    </row>
    <row r="65776" spans="8:8">
      <c r="H65776" s="12"/>
    </row>
    <row r="65777" spans="8:8">
      <c r="H65777" s="12"/>
    </row>
    <row r="65778" spans="8:8">
      <c r="H65778" s="12"/>
    </row>
    <row r="65779" spans="8:8">
      <c r="H65779" s="12"/>
    </row>
    <row r="65780" spans="8:8">
      <c r="H65780" s="12"/>
    </row>
    <row r="65781" spans="8:8">
      <c r="H65781" s="12"/>
    </row>
    <row r="65782" spans="8:8">
      <c r="H65782" s="12"/>
    </row>
    <row r="65783" spans="8:8">
      <c r="H65783" s="12"/>
    </row>
    <row r="65784" spans="8:8">
      <c r="H65784" s="12"/>
    </row>
    <row r="65785" spans="8:8">
      <c r="H65785" s="12"/>
    </row>
    <row r="65786" spans="8:8">
      <c r="H65786" s="12"/>
    </row>
    <row r="65787" spans="8:8">
      <c r="H65787" s="12"/>
    </row>
    <row r="65788" spans="8:8">
      <c r="H65788" s="12"/>
    </row>
    <row r="65789" spans="8:8">
      <c r="H65789" s="12"/>
    </row>
    <row r="65790" spans="8:8">
      <c r="H65790" s="12"/>
    </row>
    <row r="65791" spans="8:8">
      <c r="H65791" s="12"/>
    </row>
    <row r="65792" spans="8:8">
      <c r="H65792" s="12"/>
    </row>
    <row r="65793" spans="8:8">
      <c r="H65793" s="12"/>
    </row>
    <row r="65794" spans="8:8">
      <c r="H65794" s="12"/>
    </row>
    <row r="65795" spans="8:8">
      <c r="H65795" s="12"/>
    </row>
    <row r="65796" spans="8:8">
      <c r="H65796" s="12"/>
    </row>
    <row r="65797" spans="8:8">
      <c r="H65797" s="12"/>
    </row>
    <row r="65798" spans="8:8">
      <c r="H65798" s="12"/>
    </row>
    <row r="65799" spans="8:8">
      <c r="H65799" s="12"/>
    </row>
    <row r="65800" spans="8:8">
      <c r="H65800" s="12"/>
    </row>
    <row r="65801" spans="8:8">
      <c r="H65801" s="12"/>
    </row>
    <row r="65802" spans="8:8">
      <c r="H65802" s="12"/>
    </row>
    <row r="65803" spans="8:8">
      <c r="H65803" s="12"/>
    </row>
    <row r="65804" spans="8:8">
      <c r="H65804" s="12"/>
    </row>
    <row r="65805" spans="8:8">
      <c r="H65805" s="12"/>
    </row>
    <row r="65806" spans="8:8">
      <c r="H65806" s="12"/>
    </row>
    <row r="65807" spans="8:8">
      <c r="H65807" s="12"/>
    </row>
    <row r="65808" spans="8:8">
      <c r="H65808" s="12"/>
    </row>
    <row r="65809" spans="8:8">
      <c r="H65809" s="12"/>
    </row>
    <row r="65810" spans="8:8">
      <c r="H65810" s="12"/>
    </row>
    <row r="65811" spans="8:8">
      <c r="H65811" s="12"/>
    </row>
    <row r="65812" spans="8:8">
      <c r="H65812" s="12"/>
    </row>
    <row r="65813" spans="8:8">
      <c r="H65813" s="12"/>
    </row>
    <row r="65814" spans="8:8">
      <c r="H65814" s="12"/>
    </row>
    <row r="65815" spans="8:8">
      <c r="H65815" s="12"/>
    </row>
    <row r="65816" spans="8:8">
      <c r="H65816" s="12"/>
    </row>
    <row r="65817" spans="8:8">
      <c r="H65817" s="12"/>
    </row>
    <row r="65818" spans="8:8">
      <c r="H65818" s="12"/>
    </row>
    <row r="65819" spans="8:8">
      <c r="H65819" s="12"/>
    </row>
    <row r="65820" spans="8:8">
      <c r="H65820" s="12"/>
    </row>
    <row r="65821" spans="8:8">
      <c r="H65821" s="12"/>
    </row>
    <row r="65822" spans="8:8">
      <c r="H65822" s="12"/>
    </row>
    <row r="65823" spans="8:8">
      <c r="H65823" s="12"/>
    </row>
    <row r="65824" spans="8:8">
      <c r="H65824" s="12"/>
    </row>
    <row r="65825" spans="8:8">
      <c r="H65825" s="12"/>
    </row>
    <row r="65826" spans="8:8">
      <c r="H65826" s="12"/>
    </row>
    <row r="65827" spans="8:8">
      <c r="H65827" s="12"/>
    </row>
    <row r="65828" spans="8:8">
      <c r="H65828" s="12"/>
    </row>
    <row r="65829" spans="8:8">
      <c r="H65829" s="12"/>
    </row>
    <row r="65830" spans="8:8">
      <c r="H65830" s="12"/>
    </row>
    <row r="65831" spans="8:8">
      <c r="H65831" s="12"/>
    </row>
    <row r="65832" spans="8:8">
      <c r="H65832" s="12"/>
    </row>
    <row r="65833" spans="8:8">
      <c r="H65833" s="12"/>
    </row>
    <row r="65834" spans="8:8">
      <c r="H65834" s="12"/>
    </row>
    <row r="65835" spans="8:8">
      <c r="H65835" s="12"/>
    </row>
    <row r="65836" spans="8:8">
      <c r="H65836" s="12"/>
    </row>
    <row r="65837" spans="8:8">
      <c r="H65837" s="12"/>
    </row>
    <row r="65838" spans="8:8">
      <c r="H65838" s="12"/>
    </row>
    <row r="65839" spans="8:8">
      <c r="H65839" s="12"/>
    </row>
    <row r="65840" spans="8:8">
      <c r="H65840" s="12"/>
    </row>
    <row r="65841" spans="8:8">
      <c r="H65841" s="12"/>
    </row>
    <row r="65842" spans="8:8">
      <c r="H65842" s="12"/>
    </row>
    <row r="65843" spans="8:8">
      <c r="H65843" s="12"/>
    </row>
    <row r="65844" spans="8:8">
      <c r="H65844" s="12"/>
    </row>
    <row r="65845" spans="8:8">
      <c r="H65845" s="12"/>
    </row>
    <row r="65846" spans="8:8">
      <c r="H65846" s="12"/>
    </row>
    <row r="65847" spans="8:8">
      <c r="H65847" s="12"/>
    </row>
    <row r="65848" spans="8:8">
      <c r="H65848" s="12"/>
    </row>
    <row r="65849" spans="8:8">
      <c r="H65849" s="12"/>
    </row>
    <row r="65850" spans="8:8">
      <c r="H65850" s="12"/>
    </row>
    <row r="65851" spans="8:8">
      <c r="H65851" s="12"/>
    </row>
    <row r="65852" spans="8:8">
      <c r="H65852" s="12"/>
    </row>
    <row r="65853" spans="8:8">
      <c r="H65853" s="12"/>
    </row>
    <row r="65854" spans="8:8">
      <c r="H65854" s="12"/>
    </row>
    <row r="65855" spans="8:8">
      <c r="H65855" s="12"/>
    </row>
    <row r="65856" spans="8:8">
      <c r="H65856" s="12"/>
    </row>
    <row r="65857" spans="8:8">
      <c r="H65857" s="12"/>
    </row>
    <row r="65858" spans="8:8">
      <c r="H65858" s="12"/>
    </row>
    <row r="65859" spans="8:8">
      <c r="H65859" s="12"/>
    </row>
    <row r="65860" spans="8:8">
      <c r="H65860" s="12"/>
    </row>
    <row r="65861" spans="8:8">
      <c r="H65861" s="12"/>
    </row>
    <row r="65862" spans="8:8">
      <c r="H65862" s="12"/>
    </row>
    <row r="65863" spans="8:8">
      <c r="H65863" s="12"/>
    </row>
    <row r="65864" spans="8:8">
      <c r="H65864" s="12"/>
    </row>
    <row r="65865" spans="8:8">
      <c r="H65865" s="12"/>
    </row>
    <row r="65866" spans="8:8">
      <c r="H65866" s="12"/>
    </row>
    <row r="65867" spans="8:8">
      <c r="H65867" s="12"/>
    </row>
    <row r="65868" spans="8:8">
      <c r="H65868" s="12"/>
    </row>
    <row r="65869" spans="8:8">
      <c r="H65869" s="12"/>
    </row>
    <row r="65870" spans="8:8">
      <c r="H65870" s="12"/>
    </row>
    <row r="65871" spans="8:8">
      <c r="H65871" s="12"/>
    </row>
    <row r="65872" spans="8:8">
      <c r="H65872" s="12"/>
    </row>
    <row r="65873" spans="8:8">
      <c r="H65873" s="12"/>
    </row>
    <row r="65874" spans="8:8">
      <c r="H65874" s="12"/>
    </row>
    <row r="65875" spans="8:8">
      <c r="H65875" s="12"/>
    </row>
    <row r="65876" spans="8:8">
      <c r="H65876" s="12"/>
    </row>
    <row r="65877" spans="8:8">
      <c r="H65877" s="12"/>
    </row>
    <row r="65878" spans="8:8">
      <c r="H65878" s="12"/>
    </row>
    <row r="65879" spans="8:8">
      <c r="H65879" s="12"/>
    </row>
    <row r="65880" spans="8:8">
      <c r="H65880" s="12"/>
    </row>
    <row r="65881" spans="8:8">
      <c r="H65881" s="12"/>
    </row>
    <row r="65882" spans="8:8">
      <c r="H65882" s="12"/>
    </row>
    <row r="65883" spans="8:8">
      <c r="H65883" s="12"/>
    </row>
    <row r="65884" spans="8:8">
      <c r="H65884" s="12"/>
    </row>
    <row r="65885" spans="8:8">
      <c r="H65885" s="12"/>
    </row>
    <row r="65886" spans="8:8">
      <c r="H65886" s="12"/>
    </row>
    <row r="65887" spans="8:8">
      <c r="H65887" s="12"/>
    </row>
    <row r="65888" spans="8:8">
      <c r="H65888" s="12"/>
    </row>
    <row r="65889" spans="8:8">
      <c r="H65889" s="12"/>
    </row>
    <row r="65890" spans="8:8">
      <c r="H65890" s="12"/>
    </row>
    <row r="65891" spans="8:8">
      <c r="H65891" s="12"/>
    </row>
    <row r="65892" spans="8:8">
      <c r="H65892" s="12"/>
    </row>
    <row r="65893" spans="8:8">
      <c r="H65893" s="12"/>
    </row>
    <row r="65894" spans="8:8">
      <c r="H65894" s="12"/>
    </row>
    <row r="65895" spans="8:8">
      <c r="H65895" s="12"/>
    </row>
    <row r="65896" spans="8:8">
      <c r="H65896" s="12"/>
    </row>
    <row r="65897" spans="8:8">
      <c r="H65897" s="12"/>
    </row>
    <row r="65898" spans="8:8">
      <c r="H65898" s="12"/>
    </row>
    <row r="65899" spans="8:8">
      <c r="H65899" s="12"/>
    </row>
    <row r="65900" spans="8:8">
      <c r="H65900" s="12"/>
    </row>
    <row r="65901" spans="8:8">
      <c r="H65901" s="12"/>
    </row>
    <row r="65902" spans="8:8">
      <c r="H65902" s="12"/>
    </row>
    <row r="65903" spans="8:8">
      <c r="H65903" s="12"/>
    </row>
    <row r="65904" spans="8:8">
      <c r="H65904" s="12"/>
    </row>
    <row r="65905" spans="8:8">
      <c r="H65905" s="12"/>
    </row>
    <row r="65906" spans="8:8">
      <c r="H65906" s="12"/>
    </row>
    <row r="65907" spans="8:8">
      <c r="H65907" s="12"/>
    </row>
    <row r="65908" spans="8:8">
      <c r="H65908" s="12"/>
    </row>
    <row r="65909" spans="8:8">
      <c r="H65909" s="12"/>
    </row>
    <row r="65910" spans="8:8">
      <c r="H65910" s="12"/>
    </row>
    <row r="65911" spans="8:8">
      <c r="H65911" s="12"/>
    </row>
    <row r="65912" spans="8:8">
      <c r="H65912" s="12"/>
    </row>
    <row r="65913" spans="8:8">
      <c r="H65913" s="12"/>
    </row>
    <row r="65914" spans="8:8">
      <c r="H65914" s="12"/>
    </row>
    <row r="65915" spans="8:8">
      <c r="H65915" s="12"/>
    </row>
    <row r="65916" spans="8:8">
      <c r="H65916" s="12"/>
    </row>
    <row r="65917" spans="8:8">
      <c r="H65917" s="12"/>
    </row>
    <row r="65918" spans="8:8">
      <c r="H65918" s="12"/>
    </row>
    <row r="65919" spans="8:8">
      <c r="H65919" s="12"/>
    </row>
    <row r="65920" spans="8:8">
      <c r="H65920" s="12"/>
    </row>
    <row r="65921" spans="8:8">
      <c r="H65921" s="12"/>
    </row>
    <row r="65922" spans="8:8">
      <c r="H65922" s="12"/>
    </row>
    <row r="65923" spans="8:8">
      <c r="H65923" s="12"/>
    </row>
    <row r="65924" spans="8:8">
      <c r="H65924" s="12"/>
    </row>
    <row r="65925" spans="8:8">
      <c r="H65925" s="12"/>
    </row>
    <row r="65926" spans="8:8">
      <c r="H65926" s="12"/>
    </row>
    <row r="65927" spans="8:8">
      <c r="H65927" s="12"/>
    </row>
    <row r="65928" spans="8:8">
      <c r="H65928" s="12"/>
    </row>
    <row r="65929" spans="8:8">
      <c r="H65929" s="12"/>
    </row>
    <row r="65930" spans="8:8">
      <c r="H65930" s="12"/>
    </row>
    <row r="65931" spans="8:8">
      <c r="H65931" s="12"/>
    </row>
    <row r="65932" spans="8:8">
      <c r="H65932" s="12"/>
    </row>
    <row r="65933" spans="8:8">
      <c r="H65933" s="12"/>
    </row>
    <row r="65934" spans="8:8">
      <c r="H65934" s="12"/>
    </row>
    <row r="65935" spans="8:8">
      <c r="H65935" s="12"/>
    </row>
    <row r="65936" spans="8:8">
      <c r="H65936" s="12"/>
    </row>
    <row r="65937" spans="8:8">
      <c r="H65937" s="12"/>
    </row>
    <row r="65938" spans="8:8">
      <c r="H65938" s="12"/>
    </row>
    <row r="65939" spans="8:8">
      <c r="H65939" s="12"/>
    </row>
    <row r="65940" spans="8:8">
      <c r="H65940" s="12"/>
    </row>
    <row r="65941" spans="8:8">
      <c r="H65941" s="12"/>
    </row>
    <row r="65942" spans="8:8">
      <c r="H65942" s="12"/>
    </row>
    <row r="65943" spans="8:8">
      <c r="H65943" s="12"/>
    </row>
    <row r="65944" spans="8:8">
      <c r="H65944" s="12"/>
    </row>
    <row r="65945" spans="8:8">
      <c r="H65945" s="12"/>
    </row>
    <row r="65946" spans="8:8">
      <c r="H65946" s="12"/>
    </row>
    <row r="65947" spans="8:8">
      <c r="H65947" s="12"/>
    </row>
    <row r="65948" spans="8:8">
      <c r="H65948" s="12"/>
    </row>
    <row r="65949" spans="8:8">
      <c r="H65949" s="12"/>
    </row>
    <row r="65950" spans="8:8">
      <c r="H65950" s="12"/>
    </row>
    <row r="65951" spans="8:8">
      <c r="H65951" s="12"/>
    </row>
    <row r="65952" spans="8:8">
      <c r="H65952" s="12"/>
    </row>
    <row r="65953" spans="8:8">
      <c r="H65953" s="12"/>
    </row>
    <row r="65954" spans="8:8">
      <c r="H65954" s="12"/>
    </row>
    <row r="65955" spans="8:8">
      <c r="H65955" s="12"/>
    </row>
    <row r="65956" spans="8:8">
      <c r="H65956" s="12"/>
    </row>
    <row r="65957" spans="8:8">
      <c r="H65957" s="12"/>
    </row>
    <row r="65958" spans="8:8">
      <c r="H65958" s="12"/>
    </row>
    <row r="65959" spans="8:8">
      <c r="H65959" s="12"/>
    </row>
    <row r="65960" spans="8:8">
      <c r="H65960" s="12"/>
    </row>
    <row r="65961" spans="8:8">
      <c r="H65961" s="12"/>
    </row>
    <row r="65962" spans="8:8">
      <c r="H65962" s="12"/>
    </row>
    <row r="65963" spans="8:8">
      <c r="H65963" s="12"/>
    </row>
    <row r="65964" spans="8:8">
      <c r="H65964" s="12"/>
    </row>
    <row r="65965" spans="8:8">
      <c r="H65965" s="12"/>
    </row>
    <row r="65966" spans="8:8">
      <c r="H65966" s="12"/>
    </row>
    <row r="65967" spans="8:8">
      <c r="H65967" s="12"/>
    </row>
    <row r="65968" spans="8:8">
      <c r="H65968" s="12"/>
    </row>
    <row r="65969" spans="8:8">
      <c r="H65969" s="12"/>
    </row>
    <row r="65970" spans="8:8">
      <c r="H65970" s="12"/>
    </row>
    <row r="65971" spans="8:8">
      <c r="H65971" s="12"/>
    </row>
    <row r="65972" spans="8:8">
      <c r="H65972" s="12"/>
    </row>
    <row r="65973" spans="8:8">
      <c r="H65973" s="12"/>
    </row>
    <row r="65974" spans="8:8">
      <c r="H65974" s="12"/>
    </row>
    <row r="65975" spans="8:8">
      <c r="H65975" s="12"/>
    </row>
    <row r="65976" spans="8:8">
      <c r="H65976" s="12"/>
    </row>
    <row r="65977" spans="8:8">
      <c r="H65977" s="12"/>
    </row>
    <row r="65978" spans="8:8">
      <c r="H65978" s="12"/>
    </row>
    <row r="65979" spans="8:8">
      <c r="H65979" s="12"/>
    </row>
    <row r="65980" spans="8:8">
      <c r="H65980" s="12"/>
    </row>
    <row r="65981" spans="8:8">
      <c r="H65981" s="12"/>
    </row>
    <row r="65982" spans="8:8">
      <c r="H65982" s="12"/>
    </row>
    <row r="65983" spans="8:8">
      <c r="H65983" s="12"/>
    </row>
    <row r="65984" spans="8:8">
      <c r="H65984" s="12"/>
    </row>
    <row r="65985" spans="8:8">
      <c r="H65985" s="12"/>
    </row>
    <row r="65986" spans="8:8">
      <c r="H65986" s="12"/>
    </row>
    <row r="65987" spans="8:8">
      <c r="H65987" s="12"/>
    </row>
    <row r="65988" spans="8:8">
      <c r="H65988" s="12"/>
    </row>
    <row r="65989" spans="8:8">
      <c r="H65989" s="12"/>
    </row>
    <row r="65990" spans="8:8">
      <c r="H65990" s="12"/>
    </row>
    <row r="65991" spans="8:8">
      <c r="H65991" s="12"/>
    </row>
    <row r="65992" spans="8:8">
      <c r="H65992" s="12"/>
    </row>
    <row r="65993" spans="8:8">
      <c r="H65993" s="12"/>
    </row>
    <row r="65994" spans="8:8">
      <c r="H65994" s="12"/>
    </row>
    <row r="65995" spans="8:8">
      <c r="H65995" s="12"/>
    </row>
    <row r="65996" spans="8:8">
      <c r="H65996" s="12"/>
    </row>
    <row r="65997" spans="8:8">
      <c r="H65997" s="12"/>
    </row>
    <row r="65998" spans="8:8">
      <c r="H65998" s="12"/>
    </row>
    <row r="65999" spans="8:8">
      <c r="H65999" s="12"/>
    </row>
    <row r="66000" spans="8:8">
      <c r="H66000" s="12"/>
    </row>
    <row r="66001" spans="8:8">
      <c r="H66001" s="12"/>
    </row>
    <row r="66002" spans="8:8">
      <c r="H66002" s="12"/>
    </row>
    <row r="66003" spans="8:8">
      <c r="H66003" s="12"/>
    </row>
    <row r="66004" spans="8:8">
      <c r="H66004" s="12"/>
    </row>
    <row r="66005" spans="8:8">
      <c r="H66005" s="12"/>
    </row>
    <row r="66006" spans="8:8">
      <c r="H66006" s="12"/>
    </row>
    <row r="66007" spans="8:8">
      <c r="H66007" s="12"/>
    </row>
    <row r="66008" spans="8:8">
      <c r="H66008" s="12"/>
    </row>
    <row r="66009" spans="8:8">
      <c r="H66009" s="12"/>
    </row>
    <row r="66010" spans="8:8">
      <c r="H66010" s="12"/>
    </row>
    <row r="66011" spans="8:8">
      <c r="H66011" s="12"/>
    </row>
    <row r="66012" spans="8:8">
      <c r="H66012" s="12"/>
    </row>
    <row r="66013" spans="8:8">
      <c r="H66013" s="12"/>
    </row>
    <row r="66014" spans="8:8">
      <c r="H66014" s="12"/>
    </row>
    <row r="66015" spans="8:8">
      <c r="H66015" s="12"/>
    </row>
    <row r="66016" spans="8:8">
      <c r="H66016" s="12"/>
    </row>
    <row r="66017" spans="8:8">
      <c r="H66017" s="12"/>
    </row>
    <row r="66018" spans="8:8">
      <c r="H66018" s="12"/>
    </row>
    <row r="66019" spans="8:8">
      <c r="H66019" s="12"/>
    </row>
    <row r="66020" spans="8:8">
      <c r="H66020" s="12"/>
    </row>
    <row r="66021" spans="8:8">
      <c r="H66021" s="12"/>
    </row>
    <row r="66022" spans="8:8">
      <c r="H66022" s="12"/>
    </row>
    <row r="66023" spans="8:8">
      <c r="H66023" s="12"/>
    </row>
    <row r="66024" spans="8:8">
      <c r="H66024" s="12"/>
    </row>
    <row r="66025" spans="8:8">
      <c r="H66025" s="12"/>
    </row>
    <row r="66026" spans="8:8">
      <c r="H66026" s="12"/>
    </row>
    <row r="66027" spans="8:8">
      <c r="H66027" s="12"/>
    </row>
    <row r="66028" spans="8:8">
      <c r="H66028" s="12"/>
    </row>
    <row r="66029" spans="8:8">
      <c r="H66029" s="12"/>
    </row>
    <row r="66030" spans="8:8">
      <c r="H66030" s="12"/>
    </row>
    <row r="66031" spans="8:8">
      <c r="H66031" s="12"/>
    </row>
    <row r="66032" spans="8:8">
      <c r="H66032" s="12"/>
    </row>
    <row r="66033" spans="8:8">
      <c r="H66033" s="12"/>
    </row>
    <row r="66034" spans="8:8">
      <c r="H66034" s="12"/>
    </row>
    <row r="66035" spans="8:8">
      <c r="H66035" s="12"/>
    </row>
    <row r="66036" spans="8:8">
      <c r="H66036" s="12"/>
    </row>
    <row r="66037" spans="8:8">
      <c r="H66037" s="12"/>
    </row>
    <row r="66038" spans="8:8">
      <c r="H66038" s="12"/>
    </row>
    <row r="66039" spans="8:8">
      <c r="H66039" s="12"/>
    </row>
    <row r="66040" spans="8:8">
      <c r="H66040" s="12"/>
    </row>
    <row r="66041" spans="8:8">
      <c r="H66041" s="12"/>
    </row>
    <row r="66042" spans="8:8">
      <c r="H66042" s="12"/>
    </row>
    <row r="66043" spans="8:8">
      <c r="H66043" s="12"/>
    </row>
    <row r="66044" spans="8:8">
      <c r="H66044" s="12"/>
    </row>
    <row r="66045" spans="8:8">
      <c r="H66045" s="12"/>
    </row>
    <row r="66046" spans="8:8">
      <c r="H66046" s="12"/>
    </row>
    <row r="66047" spans="8:8">
      <c r="H66047" s="12"/>
    </row>
    <row r="66048" spans="8:8">
      <c r="H66048" s="12"/>
    </row>
    <row r="66049" spans="8:8">
      <c r="H66049" s="12"/>
    </row>
    <row r="66050" spans="8:8">
      <c r="H66050" s="12"/>
    </row>
    <row r="66051" spans="8:8">
      <c r="H66051" s="12"/>
    </row>
    <row r="66052" spans="8:8">
      <c r="H66052" s="12"/>
    </row>
    <row r="66053" spans="8:8">
      <c r="H66053" s="12"/>
    </row>
    <row r="66054" spans="8:8">
      <c r="H66054" s="12"/>
    </row>
    <row r="66055" spans="8:8">
      <c r="H66055" s="12"/>
    </row>
    <row r="66056" spans="8:8">
      <c r="H66056" s="12"/>
    </row>
    <row r="66057" spans="8:8">
      <c r="H66057" s="12"/>
    </row>
    <row r="66058" spans="8:8">
      <c r="H66058" s="12"/>
    </row>
    <row r="66059" spans="8:8">
      <c r="H66059" s="12"/>
    </row>
    <row r="66060" spans="8:8">
      <c r="H66060" s="12"/>
    </row>
    <row r="66061" spans="8:8">
      <c r="H66061" s="12"/>
    </row>
    <row r="66062" spans="8:8">
      <c r="H66062" s="12"/>
    </row>
    <row r="66063" spans="8:8">
      <c r="H66063" s="12"/>
    </row>
    <row r="66064" spans="8:8">
      <c r="H66064" s="12"/>
    </row>
    <row r="66065" spans="8:8">
      <c r="H66065" s="12"/>
    </row>
    <row r="66066" spans="8:8">
      <c r="H66066" s="12"/>
    </row>
    <row r="66067" spans="8:8">
      <c r="H66067" s="12"/>
    </row>
    <row r="66068" spans="8:8">
      <c r="H66068" s="12"/>
    </row>
    <row r="66069" spans="8:8">
      <c r="H66069" s="12"/>
    </row>
    <row r="66070" spans="8:8">
      <c r="H66070" s="12"/>
    </row>
    <row r="66071" spans="8:8">
      <c r="H66071" s="12"/>
    </row>
    <row r="66072" spans="8:8">
      <c r="H66072" s="12"/>
    </row>
    <row r="66073" spans="8:8">
      <c r="H66073" s="12"/>
    </row>
    <row r="66074" spans="8:8">
      <c r="H66074" s="12"/>
    </row>
    <row r="66075" spans="8:8">
      <c r="H66075" s="12"/>
    </row>
    <row r="66076" spans="8:8">
      <c r="H66076" s="12"/>
    </row>
    <row r="66077" spans="8:8">
      <c r="H66077" s="12"/>
    </row>
    <row r="66078" spans="8:8">
      <c r="H66078" s="12"/>
    </row>
    <row r="66079" spans="8:8">
      <c r="H66079" s="12"/>
    </row>
    <row r="66080" spans="8:8">
      <c r="H66080" s="12"/>
    </row>
    <row r="66081" spans="8:8">
      <c r="H66081" s="12"/>
    </row>
    <row r="66082" spans="8:8">
      <c r="H66082" s="12"/>
    </row>
    <row r="66083" spans="8:8">
      <c r="H66083" s="12"/>
    </row>
    <row r="66084" spans="8:8">
      <c r="H66084" s="12"/>
    </row>
    <row r="66085" spans="8:8">
      <c r="H66085" s="12"/>
    </row>
    <row r="66086" spans="8:8">
      <c r="H66086" s="12"/>
    </row>
    <row r="66087" spans="8:8">
      <c r="H66087" s="12"/>
    </row>
    <row r="66088" spans="8:8">
      <c r="H66088" s="12"/>
    </row>
    <row r="66089" spans="8:8">
      <c r="H66089" s="12"/>
    </row>
    <row r="66090" spans="8:8">
      <c r="H66090" s="12"/>
    </row>
    <row r="66091" spans="8:8">
      <c r="H66091" s="12"/>
    </row>
    <row r="66092" spans="8:8">
      <c r="H66092" s="12"/>
    </row>
    <row r="66093" spans="8:8">
      <c r="H66093" s="12"/>
    </row>
    <row r="66094" spans="8:8">
      <c r="H66094" s="12"/>
    </row>
    <row r="66095" spans="8:8">
      <c r="H66095" s="12"/>
    </row>
    <row r="66096" spans="8:8">
      <c r="H66096" s="12"/>
    </row>
    <row r="66097" spans="8:8">
      <c r="H66097" s="12"/>
    </row>
    <row r="66098" spans="8:8">
      <c r="H66098" s="12"/>
    </row>
    <row r="66099" spans="8:8">
      <c r="H66099" s="12"/>
    </row>
    <row r="66100" spans="8:8">
      <c r="H66100" s="12"/>
    </row>
    <row r="66101" spans="8:8">
      <c r="H66101" s="12"/>
    </row>
    <row r="66102" spans="8:8">
      <c r="H66102" s="12"/>
    </row>
    <row r="66103" spans="8:8">
      <c r="H66103" s="12"/>
    </row>
    <row r="66104" spans="8:8">
      <c r="H66104" s="12"/>
    </row>
    <row r="66105" spans="8:8">
      <c r="H66105" s="12"/>
    </row>
    <row r="66106" spans="8:8">
      <c r="H66106" s="12"/>
    </row>
    <row r="66107" spans="8:8">
      <c r="H66107" s="12"/>
    </row>
    <row r="66108" spans="8:8">
      <c r="H66108" s="12"/>
    </row>
    <row r="66109" spans="8:8">
      <c r="H66109" s="12"/>
    </row>
    <row r="66110" spans="8:8">
      <c r="H66110" s="12"/>
    </row>
    <row r="66111" spans="8:8">
      <c r="H66111" s="12"/>
    </row>
    <row r="66112" spans="8:8">
      <c r="H66112" s="12"/>
    </row>
    <row r="66113" spans="8:8">
      <c r="H66113" s="12"/>
    </row>
    <row r="66114" spans="8:8">
      <c r="H66114" s="12"/>
    </row>
    <row r="66115" spans="8:8">
      <c r="H66115" s="12"/>
    </row>
    <row r="66116" spans="8:8">
      <c r="H66116" s="12"/>
    </row>
    <row r="66117" spans="8:8">
      <c r="H66117" s="12"/>
    </row>
    <row r="66118" spans="8:8">
      <c r="H66118" s="12"/>
    </row>
    <row r="66119" spans="8:8">
      <c r="H66119" s="12"/>
    </row>
    <row r="66120" spans="8:8">
      <c r="H66120" s="12"/>
    </row>
    <row r="66121" spans="8:8">
      <c r="H66121" s="12"/>
    </row>
    <row r="66122" spans="8:8">
      <c r="H66122" s="12"/>
    </row>
    <row r="66123" spans="8:8">
      <c r="H66123" s="12"/>
    </row>
    <row r="66124" spans="8:8">
      <c r="H66124" s="12"/>
    </row>
    <row r="66125" spans="8:8">
      <c r="H66125" s="12"/>
    </row>
    <row r="66126" spans="8:8">
      <c r="H66126" s="12"/>
    </row>
    <row r="66127" spans="8:8">
      <c r="H66127" s="12"/>
    </row>
    <row r="66128" spans="8:8">
      <c r="H66128" s="12"/>
    </row>
    <row r="66129" spans="8:8">
      <c r="H66129" s="12"/>
    </row>
    <row r="66130" spans="8:8">
      <c r="H66130" s="12"/>
    </row>
    <row r="66131" spans="8:8">
      <c r="H66131" s="12"/>
    </row>
    <row r="66132" spans="8:8">
      <c r="H66132" s="12"/>
    </row>
    <row r="66133" spans="8:8">
      <c r="H66133" s="12"/>
    </row>
    <row r="66134" spans="8:8">
      <c r="H66134" s="12"/>
    </row>
    <row r="66135" spans="8:8">
      <c r="H66135" s="12"/>
    </row>
    <row r="66136" spans="8:8">
      <c r="H66136" s="12"/>
    </row>
    <row r="66137" spans="8:8">
      <c r="H66137" s="12"/>
    </row>
    <row r="66138" spans="8:8">
      <c r="H66138" s="12"/>
    </row>
    <row r="66139" spans="8:8">
      <c r="H66139" s="12"/>
    </row>
    <row r="66140" spans="8:8">
      <c r="H66140" s="12"/>
    </row>
    <row r="66141" spans="8:8">
      <c r="H66141" s="12"/>
    </row>
    <row r="66142" spans="8:8">
      <c r="H66142" s="12"/>
    </row>
    <row r="66143" spans="8:8">
      <c r="H66143" s="12"/>
    </row>
    <row r="66144" spans="8:8">
      <c r="H66144" s="12"/>
    </row>
    <row r="66145" spans="8:8">
      <c r="H66145" s="12"/>
    </row>
    <row r="66146" spans="8:8">
      <c r="H66146" s="12"/>
    </row>
    <row r="66147" spans="8:8">
      <c r="H66147" s="12"/>
    </row>
    <row r="66148" spans="8:8">
      <c r="H66148" s="12"/>
    </row>
    <row r="66149" spans="8:8">
      <c r="H66149" s="12"/>
    </row>
    <row r="66150" spans="8:8">
      <c r="H66150" s="12"/>
    </row>
    <row r="66151" spans="8:8">
      <c r="H66151" s="12"/>
    </row>
    <row r="66152" spans="8:8">
      <c r="H66152" s="12"/>
    </row>
    <row r="66153" spans="8:8">
      <c r="H66153" s="12"/>
    </row>
    <row r="66154" spans="8:8">
      <c r="H66154" s="12"/>
    </row>
    <row r="66155" spans="8:8">
      <c r="H66155" s="12"/>
    </row>
    <row r="66156" spans="8:8">
      <c r="H66156" s="12"/>
    </row>
    <row r="66157" spans="8:8">
      <c r="H66157" s="12"/>
    </row>
    <row r="66158" spans="8:8">
      <c r="H66158" s="12"/>
    </row>
    <row r="66159" spans="8:8">
      <c r="H66159" s="12"/>
    </row>
    <row r="66160" spans="8:8">
      <c r="H66160" s="12"/>
    </row>
    <row r="66161" spans="8:8">
      <c r="H66161" s="12"/>
    </row>
    <row r="66162" spans="8:8">
      <c r="H66162" s="12"/>
    </row>
    <row r="66163" spans="8:8">
      <c r="H66163" s="12"/>
    </row>
    <row r="66164" spans="8:8">
      <c r="H66164" s="12"/>
    </row>
    <row r="66165" spans="8:8">
      <c r="H66165" s="12"/>
    </row>
    <row r="66166" spans="8:8">
      <c r="H66166" s="12"/>
    </row>
    <row r="66167" spans="8:8">
      <c r="H66167" s="12"/>
    </row>
    <row r="66168" spans="8:8">
      <c r="H66168" s="12"/>
    </row>
    <row r="66169" spans="8:8">
      <c r="H66169" s="12"/>
    </row>
    <row r="66170" spans="8:8">
      <c r="H66170" s="12"/>
    </row>
    <row r="66171" spans="8:8">
      <c r="H66171" s="12"/>
    </row>
    <row r="66172" spans="8:8">
      <c r="H66172" s="12"/>
    </row>
    <row r="66173" spans="8:8">
      <c r="H66173" s="12"/>
    </row>
    <row r="66174" spans="8:8">
      <c r="H66174" s="12"/>
    </row>
    <row r="66175" spans="8:8">
      <c r="H66175" s="12"/>
    </row>
    <row r="66176" spans="8:8">
      <c r="H66176" s="12"/>
    </row>
    <row r="66177" spans="8:8">
      <c r="H66177" s="12"/>
    </row>
    <row r="66178" spans="8:8">
      <c r="H66178" s="12"/>
    </row>
    <row r="66179" spans="8:8">
      <c r="H66179" s="12"/>
    </row>
    <row r="66180" spans="8:8">
      <c r="H66180" s="12"/>
    </row>
    <row r="66181" spans="8:8">
      <c r="H66181" s="12"/>
    </row>
    <row r="66182" spans="8:8">
      <c r="H66182" s="12"/>
    </row>
    <row r="66183" spans="8:8">
      <c r="H66183" s="12"/>
    </row>
    <row r="66184" spans="8:8">
      <c r="H66184" s="12"/>
    </row>
    <row r="66185" spans="8:8">
      <c r="H66185" s="12"/>
    </row>
    <row r="66186" spans="8:8">
      <c r="H66186" s="12"/>
    </row>
    <row r="66187" spans="8:8">
      <c r="H66187" s="12"/>
    </row>
    <row r="66188" spans="8:8">
      <c r="H66188" s="12"/>
    </row>
    <row r="66189" spans="8:8">
      <c r="H66189" s="12"/>
    </row>
    <row r="66190" spans="8:8">
      <c r="H66190" s="12"/>
    </row>
    <row r="66191" spans="8:8">
      <c r="H66191" s="12"/>
    </row>
    <row r="66192" spans="8:8">
      <c r="H66192" s="12"/>
    </row>
    <row r="66193" spans="8:8">
      <c r="H66193" s="12"/>
    </row>
    <row r="66194" spans="8:8">
      <c r="H66194" s="12"/>
    </row>
    <row r="66195" spans="8:8">
      <c r="H66195" s="12"/>
    </row>
    <row r="66196" spans="8:8">
      <c r="H66196" s="12"/>
    </row>
    <row r="66197" spans="8:8">
      <c r="H66197" s="12"/>
    </row>
    <row r="66198" spans="8:8">
      <c r="H66198" s="12"/>
    </row>
    <row r="66199" spans="8:8">
      <c r="H66199" s="12"/>
    </row>
    <row r="66200" spans="8:8">
      <c r="H66200" s="12"/>
    </row>
    <row r="66201" spans="8:8">
      <c r="H66201" s="12"/>
    </row>
    <row r="66202" spans="8:8">
      <c r="H66202" s="12"/>
    </row>
    <row r="66203" spans="8:8">
      <c r="H66203" s="12"/>
    </row>
    <row r="66204" spans="8:8">
      <c r="H66204" s="12"/>
    </row>
    <row r="66205" spans="8:8">
      <c r="H66205" s="12"/>
    </row>
    <row r="66206" spans="8:8">
      <c r="H66206" s="12"/>
    </row>
    <row r="66207" spans="8:8">
      <c r="H66207" s="12"/>
    </row>
    <row r="66208" spans="8:8">
      <c r="H66208" s="12"/>
    </row>
    <row r="66209" spans="8:8">
      <c r="H66209" s="12"/>
    </row>
    <row r="66210" spans="8:8">
      <c r="H66210" s="12"/>
    </row>
    <row r="66211" spans="8:8">
      <c r="H66211" s="12"/>
    </row>
    <row r="66212" spans="8:8">
      <c r="H66212" s="12"/>
    </row>
    <row r="66213" spans="8:8">
      <c r="H66213" s="12"/>
    </row>
    <row r="66214" spans="8:8">
      <c r="H66214" s="12"/>
    </row>
    <row r="66215" spans="8:8">
      <c r="H66215" s="12"/>
    </row>
    <row r="66216" spans="8:8">
      <c r="H66216" s="12"/>
    </row>
    <row r="66217" spans="8:8">
      <c r="H66217" s="12"/>
    </row>
    <row r="66218" spans="8:8">
      <c r="H66218" s="12"/>
    </row>
    <row r="66219" spans="8:8">
      <c r="H66219" s="12"/>
    </row>
    <row r="66220" spans="8:8">
      <c r="H66220" s="12"/>
    </row>
    <row r="66221" spans="8:8">
      <c r="H66221" s="12"/>
    </row>
    <row r="66222" spans="8:8">
      <c r="H66222" s="12"/>
    </row>
    <row r="66223" spans="8:8">
      <c r="H66223" s="12"/>
    </row>
    <row r="66224" spans="8:8">
      <c r="H66224" s="12"/>
    </row>
    <row r="66225" spans="8:8">
      <c r="H66225" s="12"/>
    </row>
    <row r="66226" spans="8:8">
      <c r="H66226" s="12"/>
    </row>
    <row r="66227" spans="8:8">
      <c r="H66227" s="12"/>
    </row>
    <row r="66228" spans="8:8">
      <c r="H66228" s="12"/>
    </row>
    <row r="66229" spans="8:8">
      <c r="H66229" s="12"/>
    </row>
    <row r="66230" spans="8:8">
      <c r="H66230" s="12"/>
    </row>
    <row r="66231" spans="8:8">
      <c r="H66231" s="12"/>
    </row>
    <row r="66232" spans="8:8">
      <c r="H66232" s="12"/>
    </row>
    <row r="66233" spans="8:8">
      <c r="H66233" s="12"/>
    </row>
    <row r="66234" spans="8:8">
      <c r="H66234" s="12"/>
    </row>
    <row r="66235" spans="8:8">
      <c r="H66235" s="12"/>
    </row>
    <row r="66236" spans="8:8">
      <c r="H66236" s="12"/>
    </row>
    <row r="66237" spans="8:8">
      <c r="H66237" s="12"/>
    </row>
    <row r="66238" spans="8:8">
      <c r="H66238" s="12"/>
    </row>
    <row r="66239" spans="8:8">
      <c r="H66239" s="12"/>
    </row>
    <row r="66240" spans="8:8">
      <c r="H66240" s="12"/>
    </row>
    <row r="66241" spans="8:8">
      <c r="H66241" s="12"/>
    </row>
    <row r="66242" spans="8:8">
      <c r="H66242" s="12"/>
    </row>
    <row r="66243" spans="8:8">
      <c r="H66243" s="12"/>
    </row>
    <row r="66244" spans="8:8">
      <c r="H66244" s="12"/>
    </row>
    <row r="66245" spans="8:8">
      <c r="H66245" s="12"/>
    </row>
    <row r="66246" spans="8:8">
      <c r="H66246" s="12"/>
    </row>
    <row r="66247" spans="8:8">
      <c r="H66247" s="12"/>
    </row>
    <row r="66248" spans="8:8">
      <c r="H66248" s="12"/>
    </row>
    <row r="66249" spans="8:8">
      <c r="H66249" s="12"/>
    </row>
    <row r="66250" spans="8:8">
      <c r="H66250" s="12"/>
    </row>
    <row r="66251" spans="8:8">
      <c r="H66251" s="12"/>
    </row>
    <row r="66252" spans="8:8">
      <c r="H66252" s="12"/>
    </row>
    <row r="66253" spans="8:8">
      <c r="H66253" s="12"/>
    </row>
    <row r="66254" spans="8:8">
      <c r="H66254" s="12"/>
    </row>
    <row r="66255" spans="8:8">
      <c r="H66255" s="12"/>
    </row>
    <row r="66256" spans="8:8">
      <c r="H66256" s="12"/>
    </row>
    <row r="66257" spans="8:8">
      <c r="H66257" s="12"/>
    </row>
    <row r="66258" spans="8:8">
      <c r="H66258" s="12"/>
    </row>
    <row r="66259" spans="8:8">
      <c r="H66259" s="12"/>
    </row>
    <row r="66260" spans="8:8">
      <c r="H66260" s="12"/>
    </row>
    <row r="66261" spans="8:8">
      <c r="H66261" s="12"/>
    </row>
    <row r="66262" spans="8:8">
      <c r="H66262" s="12"/>
    </row>
    <row r="66263" spans="8:8">
      <c r="H66263" s="12"/>
    </row>
    <row r="66264" spans="8:8">
      <c r="H66264" s="12"/>
    </row>
    <row r="66265" spans="8:8">
      <c r="H66265" s="12"/>
    </row>
    <row r="66266" spans="8:8">
      <c r="H66266" s="12"/>
    </row>
    <row r="66267" spans="8:8">
      <c r="H66267" s="12"/>
    </row>
    <row r="66268" spans="8:8">
      <c r="H66268" s="12"/>
    </row>
    <row r="66269" spans="8:8">
      <c r="H66269" s="12"/>
    </row>
    <row r="66270" spans="8:8">
      <c r="H66270" s="12"/>
    </row>
    <row r="66271" spans="8:8">
      <c r="H66271" s="12"/>
    </row>
    <row r="66272" spans="8:8">
      <c r="H66272" s="12"/>
    </row>
    <row r="66273" spans="8:8">
      <c r="H66273" s="12"/>
    </row>
    <row r="66274" spans="8:8">
      <c r="H66274" s="12"/>
    </row>
    <row r="66275" spans="8:8">
      <c r="H66275" s="12"/>
    </row>
    <row r="66276" spans="8:8">
      <c r="H66276" s="12"/>
    </row>
    <row r="66277" spans="8:8">
      <c r="H66277" s="12"/>
    </row>
    <row r="66278" spans="8:8">
      <c r="H66278" s="12"/>
    </row>
    <row r="66279" spans="8:8">
      <c r="H66279" s="12"/>
    </row>
    <row r="66280" spans="8:8">
      <c r="H66280" s="12"/>
    </row>
    <row r="66281" spans="8:8">
      <c r="H66281" s="12"/>
    </row>
    <row r="66282" spans="8:8">
      <c r="H66282" s="12"/>
    </row>
    <row r="66283" spans="8:8">
      <c r="H66283" s="12"/>
    </row>
    <row r="66284" spans="8:8">
      <c r="H66284" s="12"/>
    </row>
    <row r="66285" spans="8:8">
      <c r="H66285" s="12"/>
    </row>
    <row r="66286" spans="8:8">
      <c r="H66286" s="12"/>
    </row>
    <row r="66287" spans="8:8">
      <c r="H66287" s="12"/>
    </row>
    <row r="66288" spans="8:8">
      <c r="H66288" s="12"/>
    </row>
    <row r="66289" spans="8:8">
      <c r="H66289" s="12"/>
    </row>
    <row r="66290" spans="8:8">
      <c r="H66290" s="12"/>
    </row>
    <row r="66291" spans="8:8">
      <c r="H66291" s="12"/>
    </row>
    <row r="66292" spans="8:8">
      <c r="H66292" s="12"/>
    </row>
    <row r="66293" spans="8:8">
      <c r="H66293" s="12"/>
    </row>
    <row r="66294" spans="8:8">
      <c r="H66294" s="12"/>
    </row>
    <row r="66295" spans="8:8">
      <c r="H66295" s="12"/>
    </row>
    <row r="66296" spans="8:8">
      <c r="H66296" s="12"/>
    </row>
    <row r="66297" spans="8:8">
      <c r="H66297" s="12"/>
    </row>
    <row r="66298" spans="8:8">
      <c r="H66298" s="12"/>
    </row>
    <row r="66299" spans="8:8">
      <c r="H66299" s="12"/>
    </row>
    <row r="66300" spans="8:8">
      <c r="H66300" s="12"/>
    </row>
    <row r="66301" spans="8:8">
      <c r="H66301" s="12"/>
    </row>
    <row r="66302" spans="8:8">
      <c r="H66302" s="12"/>
    </row>
    <row r="66303" spans="8:8">
      <c r="H66303" s="12"/>
    </row>
    <row r="66304" spans="8:8">
      <c r="H66304" s="12"/>
    </row>
    <row r="66305" spans="8:8">
      <c r="H66305" s="12"/>
    </row>
    <row r="66306" spans="8:8">
      <c r="H66306" s="12"/>
    </row>
    <row r="66307" spans="8:8">
      <c r="H66307" s="12"/>
    </row>
    <row r="66308" spans="8:8">
      <c r="H66308" s="12"/>
    </row>
    <row r="66309" spans="8:8">
      <c r="H66309" s="12"/>
    </row>
    <row r="66310" spans="8:8">
      <c r="H66310" s="12"/>
    </row>
    <row r="66311" spans="8:8">
      <c r="H66311" s="12"/>
    </row>
    <row r="66312" spans="8:8">
      <c r="H66312" s="12"/>
    </row>
    <row r="66313" spans="8:8">
      <c r="H66313" s="12"/>
    </row>
    <row r="66314" spans="8:8">
      <c r="H66314" s="12"/>
    </row>
    <row r="66315" spans="8:8">
      <c r="H66315" s="12"/>
    </row>
    <row r="66316" spans="8:8">
      <c r="H66316" s="12"/>
    </row>
    <row r="66317" spans="8:8">
      <c r="H66317" s="12"/>
    </row>
    <row r="66318" spans="8:8">
      <c r="H66318" s="12"/>
    </row>
    <row r="66319" spans="8:8">
      <c r="H66319" s="12"/>
    </row>
    <row r="66320" spans="8:8">
      <c r="H66320" s="12"/>
    </row>
    <row r="66321" spans="8:8">
      <c r="H66321" s="12"/>
    </row>
    <row r="66322" spans="8:8">
      <c r="H66322" s="12"/>
    </row>
    <row r="66323" spans="8:8">
      <c r="H66323" s="12"/>
    </row>
    <row r="66324" spans="8:8">
      <c r="H66324" s="12"/>
    </row>
    <row r="66325" spans="8:8">
      <c r="H66325" s="12"/>
    </row>
    <row r="66326" spans="8:8">
      <c r="H66326" s="12"/>
    </row>
    <row r="66327" spans="8:8">
      <c r="H66327" s="12"/>
    </row>
    <row r="66328" spans="8:8">
      <c r="H66328" s="12"/>
    </row>
    <row r="66329" spans="8:8">
      <c r="H66329" s="12"/>
    </row>
    <row r="66330" spans="8:8">
      <c r="H66330" s="12"/>
    </row>
    <row r="66331" spans="8:8">
      <c r="H66331" s="12"/>
    </row>
    <row r="66332" spans="8:8">
      <c r="H66332" s="12"/>
    </row>
    <row r="66333" spans="8:8">
      <c r="H66333" s="12"/>
    </row>
    <row r="66334" spans="8:8">
      <c r="H66334" s="12"/>
    </row>
    <row r="66335" spans="8:8">
      <c r="H66335" s="12"/>
    </row>
    <row r="66336" spans="8:8">
      <c r="H66336" s="12"/>
    </row>
    <row r="66337" spans="8:8">
      <c r="H66337" s="12"/>
    </row>
    <row r="66338" spans="8:8">
      <c r="H66338" s="12"/>
    </row>
    <row r="66339" spans="8:8">
      <c r="H66339" s="12"/>
    </row>
    <row r="66340" spans="8:8">
      <c r="H66340" s="12"/>
    </row>
    <row r="66341" spans="8:8">
      <c r="H66341" s="12"/>
    </row>
    <row r="66342" spans="8:8">
      <c r="H66342" s="12"/>
    </row>
    <row r="66343" spans="8:8">
      <c r="H66343" s="12"/>
    </row>
    <row r="66344" spans="8:8">
      <c r="H66344" s="12"/>
    </row>
    <row r="66345" spans="8:8">
      <c r="H66345" s="12"/>
    </row>
    <row r="66346" spans="8:8">
      <c r="H66346" s="12"/>
    </row>
    <row r="66347" spans="8:8">
      <c r="H66347" s="12"/>
    </row>
    <row r="66348" spans="8:8">
      <c r="H66348" s="12"/>
    </row>
    <row r="66349" spans="8:8">
      <c r="H66349" s="12"/>
    </row>
    <row r="66350" spans="8:8">
      <c r="H66350" s="12"/>
    </row>
    <row r="66351" spans="8:8">
      <c r="H66351" s="12"/>
    </row>
    <row r="66352" spans="8:8">
      <c r="H66352" s="12"/>
    </row>
    <row r="66353" spans="8:8">
      <c r="H66353" s="12"/>
    </row>
    <row r="66354" spans="8:8">
      <c r="H66354" s="12"/>
    </row>
    <row r="66355" spans="8:8">
      <c r="H66355" s="12"/>
    </row>
    <row r="66356" spans="8:8">
      <c r="H66356" s="12"/>
    </row>
    <row r="66357" spans="8:8">
      <c r="H66357" s="12"/>
    </row>
    <row r="66358" spans="8:8">
      <c r="H66358" s="12"/>
    </row>
    <row r="66359" spans="8:8">
      <c r="H66359" s="12"/>
    </row>
    <row r="66360" spans="8:8">
      <c r="H66360" s="12"/>
    </row>
    <row r="66361" spans="8:8">
      <c r="H66361" s="12"/>
    </row>
    <row r="66362" spans="8:8">
      <c r="H66362" s="12"/>
    </row>
    <row r="66363" spans="8:8">
      <c r="H66363" s="12"/>
    </row>
    <row r="66364" spans="8:8">
      <c r="H66364" s="12"/>
    </row>
    <row r="66365" spans="8:8">
      <c r="H66365" s="12"/>
    </row>
    <row r="66366" spans="8:8">
      <c r="H66366" s="12"/>
    </row>
    <row r="66367" spans="8:8">
      <c r="H66367" s="12"/>
    </row>
    <row r="66368" spans="8:8">
      <c r="H66368" s="12"/>
    </row>
    <row r="66369" spans="8:8">
      <c r="H66369" s="12"/>
    </row>
    <row r="66370" spans="8:8">
      <c r="H66370" s="12"/>
    </row>
    <row r="66371" spans="8:8">
      <c r="H66371" s="12"/>
    </row>
    <row r="66372" spans="8:8">
      <c r="H66372" s="12"/>
    </row>
    <row r="66373" spans="8:8">
      <c r="H66373" s="12"/>
    </row>
    <row r="66374" spans="8:8">
      <c r="H66374" s="12"/>
    </row>
    <row r="66375" spans="8:8">
      <c r="H66375" s="12"/>
    </row>
    <row r="66376" spans="8:8">
      <c r="H66376" s="12"/>
    </row>
    <row r="66377" spans="8:8">
      <c r="H66377" s="12"/>
    </row>
    <row r="66378" spans="8:8">
      <c r="H66378" s="12"/>
    </row>
    <row r="66379" spans="8:8">
      <c r="H66379" s="12"/>
    </row>
    <row r="66380" spans="8:8">
      <c r="H66380" s="12"/>
    </row>
    <row r="66381" spans="8:8">
      <c r="H66381" s="12"/>
    </row>
    <row r="66382" spans="8:8">
      <c r="H66382" s="12"/>
    </row>
    <row r="66383" spans="8:8">
      <c r="H66383" s="12"/>
    </row>
    <row r="66384" spans="8:8">
      <c r="H66384" s="12"/>
    </row>
    <row r="66385" spans="8:8">
      <c r="H66385" s="12"/>
    </row>
    <row r="66386" spans="8:8">
      <c r="H66386" s="12"/>
    </row>
    <row r="66387" spans="8:8">
      <c r="H66387" s="12"/>
    </row>
    <row r="66388" spans="8:8">
      <c r="H66388" s="12"/>
    </row>
    <row r="66389" spans="8:8">
      <c r="H66389" s="12"/>
    </row>
    <row r="66390" spans="8:8">
      <c r="H66390" s="12"/>
    </row>
    <row r="66391" spans="8:8">
      <c r="H66391" s="12"/>
    </row>
    <row r="66392" spans="8:8">
      <c r="H66392" s="12"/>
    </row>
    <row r="66393" spans="8:8">
      <c r="H66393" s="12"/>
    </row>
    <row r="66394" spans="8:8">
      <c r="H66394" s="12"/>
    </row>
    <row r="66395" spans="8:8">
      <c r="H66395" s="12"/>
    </row>
    <row r="66396" spans="8:8">
      <c r="H66396" s="12"/>
    </row>
    <row r="66397" spans="8:8">
      <c r="H66397" s="12"/>
    </row>
    <row r="66398" spans="8:8">
      <c r="H66398" s="12"/>
    </row>
    <row r="66399" spans="8:8">
      <c r="H66399" s="12"/>
    </row>
    <row r="66400" spans="8:8">
      <c r="H66400" s="12"/>
    </row>
    <row r="66401" spans="8:8">
      <c r="H66401" s="12"/>
    </row>
    <row r="66402" spans="8:8">
      <c r="H66402" s="12"/>
    </row>
    <row r="66403" spans="8:8">
      <c r="H66403" s="12"/>
    </row>
    <row r="66404" spans="8:8">
      <c r="H66404" s="12"/>
    </row>
    <row r="66405" spans="8:8">
      <c r="H66405" s="12"/>
    </row>
    <row r="66406" spans="8:8">
      <c r="H66406" s="12"/>
    </row>
    <row r="66407" spans="8:8">
      <c r="H66407" s="12"/>
    </row>
    <row r="66408" spans="8:8">
      <c r="H66408" s="12"/>
    </row>
    <row r="66409" spans="8:8">
      <c r="H66409" s="12"/>
    </row>
    <row r="66410" spans="8:8">
      <c r="H66410" s="12"/>
    </row>
    <row r="66411" spans="8:8">
      <c r="H66411" s="12"/>
    </row>
    <row r="66412" spans="8:8">
      <c r="H66412" s="12"/>
    </row>
    <row r="66413" spans="8:8">
      <c r="H66413" s="12"/>
    </row>
    <row r="66414" spans="8:8">
      <c r="H66414" s="12"/>
    </row>
    <row r="66415" spans="8:8">
      <c r="H66415" s="12"/>
    </row>
    <row r="66416" spans="8:8">
      <c r="H66416" s="12"/>
    </row>
    <row r="66417" spans="8:8">
      <c r="H66417" s="12"/>
    </row>
    <row r="66418" spans="8:8">
      <c r="H66418" s="12"/>
    </row>
    <row r="66419" spans="8:8">
      <c r="H66419" s="12"/>
    </row>
    <row r="66420" spans="8:8">
      <c r="H66420" s="12"/>
    </row>
    <row r="66421" spans="8:8">
      <c r="H66421" s="12"/>
    </row>
    <row r="66422" spans="8:8">
      <c r="H66422" s="12"/>
    </row>
    <row r="66423" spans="8:8">
      <c r="H66423" s="12"/>
    </row>
    <row r="66424" spans="8:8">
      <c r="H66424" s="12"/>
    </row>
    <row r="66425" spans="8:8">
      <c r="H66425" s="12"/>
    </row>
    <row r="66426" spans="8:8">
      <c r="H66426" s="12"/>
    </row>
    <row r="66427" spans="8:8">
      <c r="H66427" s="12"/>
    </row>
    <row r="66428" spans="8:8">
      <c r="H66428" s="12"/>
    </row>
    <row r="66429" spans="8:8">
      <c r="H66429" s="12"/>
    </row>
    <row r="66430" spans="8:8">
      <c r="H66430" s="12"/>
    </row>
    <row r="66431" spans="8:8">
      <c r="H66431" s="12"/>
    </row>
    <row r="66432" spans="8:8">
      <c r="H66432" s="12"/>
    </row>
    <row r="66433" spans="8:8">
      <c r="H66433" s="12"/>
    </row>
    <row r="66434" spans="8:8">
      <c r="H66434" s="12"/>
    </row>
    <row r="66435" spans="8:8">
      <c r="H66435" s="12"/>
    </row>
    <row r="66436" spans="8:8">
      <c r="H66436" s="12"/>
    </row>
    <row r="66437" spans="8:8">
      <c r="H66437" s="12"/>
    </row>
    <row r="66438" spans="8:8">
      <c r="H66438" s="12"/>
    </row>
    <row r="66439" spans="8:8">
      <c r="H66439" s="12"/>
    </row>
    <row r="66440" spans="8:8">
      <c r="H66440" s="12"/>
    </row>
    <row r="66441" spans="8:8">
      <c r="H66441" s="12"/>
    </row>
    <row r="66442" spans="8:8">
      <c r="H66442" s="12"/>
    </row>
    <row r="66443" spans="8:8">
      <c r="H66443" s="12"/>
    </row>
    <row r="66444" spans="8:8">
      <c r="H66444" s="12"/>
    </row>
    <row r="66445" spans="8:8">
      <c r="H66445" s="12"/>
    </row>
    <row r="66446" spans="8:8">
      <c r="H66446" s="12"/>
    </row>
    <row r="66447" spans="8:8">
      <c r="H66447" s="12"/>
    </row>
    <row r="66448" spans="8:8">
      <c r="H66448" s="12"/>
    </row>
    <row r="66449" spans="8:8">
      <c r="H66449" s="12"/>
    </row>
    <row r="66450" spans="8:8">
      <c r="H66450" s="12"/>
    </row>
    <row r="66451" spans="8:8">
      <c r="H66451" s="12"/>
    </row>
    <row r="66452" spans="8:8">
      <c r="H66452" s="12"/>
    </row>
    <row r="66453" spans="8:8">
      <c r="H66453" s="12"/>
    </row>
    <row r="66454" spans="8:8">
      <c r="H66454" s="12"/>
    </row>
    <row r="66455" spans="8:8">
      <c r="H66455" s="12"/>
    </row>
    <row r="66456" spans="8:8">
      <c r="H66456" s="12"/>
    </row>
    <row r="66457" spans="8:8">
      <c r="H66457" s="12"/>
    </row>
    <row r="66458" spans="8:8">
      <c r="H66458" s="12"/>
    </row>
    <row r="66459" spans="8:8">
      <c r="H66459" s="12"/>
    </row>
    <row r="66460" spans="8:8">
      <c r="H66460" s="12"/>
    </row>
    <row r="66461" spans="8:8">
      <c r="H66461" s="12"/>
    </row>
    <row r="66462" spans="8:8">
      <c r="H66462" s="12"/>
    </row>
    <row r="66463" spans="8:8">
      <c r="H66463" s="12"/>
    </row>
    <row r="66464" spans="8:8">
      <c r="H66464" s="12"/>
    </row>
    <row r="66465" spans="8:8">
      <c r="H66465" s="12"/>
    </row>
    <row r="66466" spans="8:8">
      <c r="H66466" s="12"/>
    </row>
    <row r="66467" spans="8:8">
      <c r="H66467" s="12"/>
    </row>
    <row r="66468" spans="8:8">
      <c r="H66468" s="12"/>
    </row>
    <row r="66469" spans="8:8">
      <c r="H66469" s="12"/>
    </row>
    <row r="66470" spans="8:8">
      <c r="H66470" s="12"/>
    </row>
    <row r="66471" spans="8:8">
      <c r="H66471" s="12"/>
    </row>
    <row r="66472" spans="8:8">
      <c r="H66472" s="12"/>
    </row>
    <row r="66473" spans="8:8">
      <c r="H66473" s="12"/>
    </row>
    <row r="66474" spans="8:8">
      <c r="H66474" s="12"/>
    </row>
    <row r="66475" spans="8:8">
      <c r="H66475" s="12"/>
    </row>
    <row r="66476" spans="8:8">
      <c r="H66476" s="12"/>
    </row>
    <row r="66477" spans="8:8">
      <c r="H66477" s="12"/>
    </row>
    <row r="66478" spans="8:8">
      <c r="H66478" s="12"/>
    </row>
    <row r="66479" spans="8:8">
      <c r="H66479" s="12"/>
    </row>
    <row r="66480" spans="8:8">
      <c r="H66480" s="12"/>
    </row>
    <row r="66481" spans="8:8">
      <c r="H66481" s="12"/>
    </row>
    <row r="66482" spans="8:8">
      <c r="H66482" s="12"/>
    </row>
    <row r="66483" spans="8:8">
      <c r="H66483" s="12"/>
    </row>
    <row r="66484" spans="8:8">
      <c r="H66484" s="12"/>
    </row>
    <row r="66485" spans="8:8">
      <c r="H66485" s="12"/>
    </row>
    <row r="66486" spans="8:8">
      <c r="H66486" s="12"/>
    </row>
    <row r="66487" spans="8:8">
      <c r="H66487" s="12"/>
    </row>
    <row r="66488" spans="8:8">
      <c r="H66488" s="12"/>
    </row>
    <row r="66489" spans="8:8">
      <c r="H66489" s="12"/>
    </row>
    <row r="66490" spans="8:8">
      <c r="H66490" s="12"/>
    </row>
    <row r="66491" spans="8:8">
      <c r="H66491" s="12"/>
    </row>
    <row r="66492" spans="8:8">
      <c r="H66492" s="12"/>
    </row>
    <row r="66493" spans="8:8">
      <c r="H66493" s="12"/>
    </row>
    <row r="66494" spans="8:8">
      <c r="H66494" s="12"/>
    </row>
    <row r="66495" spans="8:8">
      <c r="H66495" s="12"/>
    </row>
    <row r="66496" spans="8:8">
      <c r="H66496" s="12"/>
    </row>
    <row r="66497" spans="8:8">
      <c r="H66497" s="12"/>
    </row>
    <row r="66498" spans="8:8">
      <c r="H66498" s="12"/>
    </row>
    <row r="66499" spans="8:8">
      <c r="H66499" s="12"/>
    </row>
    <row r="66500" spans="8:8">
      <c r="H66500" s="12"/>
    </row>
    <row r="66501" spans="8:8">
      <c r="H66501" s="12"/>
    </row>
    <row r="66502" spans="8:8">
      <c r="H66502" s="12"/>
    </row>
    <row r="66503" spans="8:8">
      <c r="H66503" s="12"/>
    </row>
    <row r="66504" spans="8:8">
      <c r="H66504" s="12"/>
    </row>
    <row r="66505" spans="8:8">
      <c r="H66505" s="12"/>
    </row>
    <row r="66506" spans="8:8">
      <c r="H66506" s="12"/>
    </row>
    <row r="66507" spans="8:8">
      <c r="H66507" s="12"/>
    </row>
    <row r="66508" spans="8:8">
      <c r="H66508" s="12"/>
    </row>
    <row r="66509" spans="8:8">
      <c r="H66509" s="12"/>
    </row>
    <row r="66510" spans="8:8">
      <c r="H66510" s="12"/>
    </row>
    <row r="66511" spans="8:8">
      <c r="H66511" s="12"/>
    </row>
    <row r="66512" spans="8:8">
      <c r="H66512" s="12"/>
    </row>
    <row r="66513" spans="8:8">
      <c r="H66513" s="12"/>
    </row>
    <row r="66514" spans="8:8">
      <c r="H66514" s="12"/>
    </row>
    <row r="66515" spans="8:8">
      <c r="H66515" s="12"/>
    </row>
    <row r="66516" spans="8:8">
      <c r="H66516" s="12"/>
    </row>
    <row r="66517" spans="8:8">
      <c r="H66517" s="12"/>
    </row>
    <row r="66518" spans="8:8">
      <c r="H66518" s="12"/>
    </row>
    <row r="66519" spans="8:8">
      <c r="H66519" s="12"/>
    </row>
    <row r="66520" spans="8:8">
      <c r="H66520" s="12"/>
    </row>
    <row r="66521" spans="8:8">
      <c r="H66521" s="12"/>
    </row>
    <row r="66522" spans="8:8">
      <c r="H66522" s="12"/>
    </row>
    <row r="66523" spans="8:8">
      <c r="H66523" s="12"/>
    </row>
    <row r="66524" spans="8:8">
      <c r="H66524" s="12"/>
    </row>
    <row r="66525" spans="8:8">
      <c r="H66525" s="12"/>
    </row>
    <row r="66526" spans="8:8">
      <c r="H66526" s="12"/>
    </row>
    <row r="66527" spans="8:8">
      <c r="H66527" s="12"/>
    </row>
    <row r="66528" spans="8:8">
      <c r="H66528" s="12"/>
    </row>
    <row r="66529" spans="8:8">
      <c r="H66529" s="12"/>
    </row>
    <row r="66530" spans="8:8">
      <c r="H66530" s="12"/>
    </row>
    <row r="66531" spans="8:8">
      <c r="H66531" s="12"/>
    </row>
    <row r="66532" spans="8:8">
      <c r="H66532" s="12"/>
    </row>
    <row r="66533" spans="8:8">
      <c r="H66533" s="12"/>
    </row>
    <row r="66534" spans="8:8">
      <c r="H66534" s="12"/>
    </row>
    <row r="66535" spans="8:8">
      <c r="H66535" s="12"/>
    </row>
    <row r="66536" spans="8:8">
      <c r="H66536" s="12"/>
    </row>
    <row r="66537" spans="8:8">
      <c r="H66537" s="12"/>
    </row>
    <row r="66538" spans="8:8">
      <c r="H66538" s="12"/>
    </row>
    <row r="66539" spans="8:8">
      <c r="H66539" s="12"/>
    </row>
    <row r="66540" spans="8:8">
      <c r="H66540" s="12"/>
    </row>
    <row r="66541" spans="8:8">
      <c r="H66541" s="12"/>
    </row>
    <row r="66542" spans="8:8">
      <c r="H66542" s="12"/>
    </row>
    <row r="66543" spans="8:8">
      <c r="H66543" s="12"/>
    </row>
    <row r="66544" spans="8:8">
      <c r="H66544" s="12"/>
    </row>
    <row r="66545" spans="8:8">
      <c r="H66545" s="12"/>
    </row>
    <row r="66546" spans="8:8">
      <c r="H66546" s="12"/>
    </row>
    <row r="66547" spans="8:8">
      <c r="H66547" s="12"/>
    </row>
    <row r="66548" spans="8:8">
      <c r="H66548" s="12"/>
    </row>
    <row r="66549" spans="8:8">
      <c r="H66549" s="12"/>
    </row>
    <row r="66550" spans="8:8">
      <c r="H66550" s="12"/>
    </row>
    <row r="66551" spans="8:8">
      <c r="H66551" s="12"/>
    </row>
    <row r="66552" spans="8:8">
      <c r="H66552" s="12"/>
    </row>
    <row r="66553" spans="8:8">
      <c r="H66553" s="12"/>
    </row>
    <row r="66554" spans="8:8">
      <c r="H66554" s="12"/>
    </row>
    <row r="66555" spans="8:8">
      <c r="H66555" s="12"/>
    </row>
    <row r="66556" spans="8:8">
      <c r="H66556" s="12"/>
    </row>
    <row r="66557" spans="8:8">
      <c r="H66557" s="12"/>
    </row>
    <row r="66558" spans="8:8">
      <c r="H66558" s="12"/>
    </row>
    <row r="66559" spans="8:8">
      <c r="H66559" s="12"/>
    </row>
    <row r="66560" spans="8:8">
      <c r="H66560" s="12"/>
    </row>
    <row r="66561" spans="8:8">
      <c r="H66561" s="12"/>
    </row>
    <row r="66562" spans="8:8">
      <c r="H66562" s="12"/>
    </row>
    <row r="66563" spans="8:8">
      <c r="H66563" s="12"/>
    </row>
    <row r="66564" spans="8:8">
      <c r="H66564" s="12"/>
    </row>
    <row r="66565" spans="8:8">
      <c r="H66565" s="12"/>
    </row>
    <row r="66566" spans="8:8">
      <c r="H66566" s="12"/>
    </row>
    <row r="66567" spans="8:8">
      <c r="H66567" s="12"/>
    </row>
    <row r="66568" spans="8:8">
      <c r="H66568" s="12"/>
    </row>
    <row r="66569" spans="8:8">
      <c r="H66569" s="12"/>
    </row>
    <row r="66570" spans="8:8">
      <c r="H66570" s="12"/>
    </row>
    <row r="66571" spans="8:8">
      <c r="H66571" s="12"/>
    </row>
    <row r="66572" spans="8:8">
      <c r="H66572" s="12"/>
    </row>
    <row r="66573" spans="8:8">
      <c r="H66573" s="12"/>
    </row>
    <row r="66574" spans="8:8">
      <c r="H66574" s="12"/>
    </row>
    <row r="66575" spans="8:8">
      <c r="H66575" s="12"/>
    </row>
    <row r="66576" spans="8:8">
      <c r="H66576" s="12"/>
    </row>
    <row r="66577" spans="8:8">
      <c r="H66577" s="12"/>
    </row>
    <row r="66578" spans="8:8">
      <c r="H66578" s="12"/>
    </row>
    <row r="66579" spans="8:8">
      <c r="H66579" s="12"/>
    </row>
    <row r="66580" spans="8:8">
      <c r="H66580" s="12"/>
    </row>
    <row r="66581" spans="8:8">
      <c r="H66581" s="12"/>
    </row>
    <row r="66582" spans="8:8">
      <c r="H66582" s="12"/>
    </row>
    <row r="66583" spans="8:8">
      <c r="H66583" s="12"/>
    </row>
    <row r="66584" spans="8:8">
      <c r="H66584" s="12"/>
    </row>
    <row r="66585" spans="8:8">
      <c r="H66585" s="12"/>
    </row>
    <row r="66586" spans="8:8">
      <c r="H66586" s="12"/>
    </row>
    <row r="66587" spans="8:8">
      <c r="H66587" s="12"/>
    </row>
    <row r="66588" spans="8:8">
      <c r="H66588" s="12"/>
    </row>
    <row r="66589" spans="8:8">
      <c r="H66589" s="12"/>
    </row>
    <row r="66590" spans="8:8">
      <c r="H66590" s="12"/>
    </row>
    <row r="66591" spans="8:8">
      <c r="H66591" s="12"/>
    </row>
    <row r="66592" spans="8:8">
      <c r="H66592" s="12"/>
    </row>
    <row r="66593" spans="8:8">
      <c r="H66593" s="12"/>
    </row>
    <row r="66594" spans="8:8">
      <c r="H66594" s="12"/>
    </row>
    <row r="66595" spans="8:8">
      <c r="H66595" s="12"/>
    </row>
    <row r="66596" spans="8:8">
      <c r="H66596" s="12"/>
    </row>
    <row r="66597" spans="8:8">
      <c r="H66597" s="12"/>
    </row>
    <row r="66598" spans="8:8">
      <c r="H66598" s="12"/>
    </row>
    <row r="66599" spans="8:8">
      <c r="H66599" s="12"/>
    </row>
    <row r="66600" spans="8:8">
      <c r="H66600" s="12"/>
    </row>
    <row r="66601" spans="8:8">
      <c r="H66601" s="12"/>
    </row>
    <row r="66602" spans="8:8">
      <c r="H66602" s="12"/>
    </row>
    <row r="66603" spans="8:8">
      <c r="H66603" s="12"/>
    </row>
    <row r="66604" spans="8:8">
      <c r="H66604" s="12"/>
    </row>
    <row r="66605" spans="8:8">
      <c r="H66605" s="12"/>
    </row>
    <row r="66606" spans="8:8">
      <c r="H66606" s="12"/>
    </row>
    <row r="66607" spans="8:8">
      <c r="H66607" s="12"/>
    </row>
    <row r="66608" spans="8:8">
      <c r="H66608" s="12"/>
    </row>
    <row r="66609" spans="8:8">
      <c r="H66609" s="12"/>
    </row>
    <row r="66610" spans="8:8">
      <c r="H66610" s="12"/>
    </row>
    <row r="66611" spans="8:8">
      <c r="H66611" s="12"/>
    </row>
    <row r="66612" spans="8:8">
      <c r="H66612" s="12"/>
    </row>
    <row r="66613" spans="8:8">
      <c r="H66613" s="12"/>
    </row>
    <row r="66614" spans="8:8">
      <c r="H66614" s="12"/>
    </row>
    <row r="66615" spans="8:8">
      <c r="H66615" s="12"/>
    </row>
    <row r="66616" spans="8:8">
      <c r="H66616" s="12"/>
    </row>
    <row r="66617" spans="8:8">
      <c r="H66617" s="12"/>
    </row>
    <row r="66618" spans="8:8">
      <c r="H66618" s="12"/>
    </row>
    <row r="66619" spans="8:8">
      <c r="H66619" s="12"/>
    </row>
    <row r="66620" spans="8:8">
      <c r="H66620" s="12"/>
    </row>
    <row r="66621" spans="8:8">
      <c r="H66621" s="12"/>
    </row>
    <row r="66622" spans="8:8">
      <c r="H66622" s="12"/>
    </row>
    <row r="66623" spans="8:8">
      <c r="H66623" s="12"/>
    </row>
    <row r="66624" spans="8:8">
      <c r="H66624" s="12"/>
    </row>
    <row r="66625" spans="8:8">
      <c r="H66625" s="12"/>
    </row>
    <row r="66626" spans="8:8">
      <c r="H66626" s="12"/>
    </row>
    <row r="66627" spans="8:8">
      <c r="H66627" s="12"/>
    </row>
    <row r="66628" spans="8:8">
      <c r="H66628" s="12"/>
    </row>
    <row r="66629" spans="8:8">
      <c r="H66629" s="12"/>
    </row>
    <row r="66630" spans="8:8">
      <c r="H66630" s="12"/>
    </row>
    <row r="66631" spans="8:8">
      <c r="H66631" s="12"/>
    </row>
    <row r="66632" spans="8:8">
      <c r="H66632" s="12"/>
    </row>
    <row r="66633" spans="8:8">
      <c r="H66633" s="12"/>
    </row>
    <row r="66634" spans="8:8">
      <c r="H66634" s="12"/>
    </row>
    <row r="66635" spans="8:8">
      <c r="H66635" s="12"/>
    </row>
    <row r="66636" spans="8:8">
      <c r="H66636" s="12"/>
    </row>
    <row r="66637" spans="8:8">
      <c r="H66637" s="12"/>
    </row>
    <row r="66638" spans="8:8">
      <c r="H66638" s="12"/>
    </row>
    <row r="66639" spans="8:8">
      <c r="H66639" s="12"/>
    </row>
    <row r="66640" spans="8:8">
      <c r="H66640" s="12"/>
    </row>
    <row r="66641" spans="8:8">
      <c r="H66641" s="12"/>
    </row>
    <row r="66642" spans="8:8">
      <c r="H66642" s="12"/>
    </row>
    <row r="66643" spans="8:8">
      <c r="H66643" s="12"/>
    </row>
    <row r="66644" spans="8:8">
      <c r="H66644" s="12"/>
    </row>
    <row r="66645" spans="8:8">
      <c r="H66645" s="12"/>
    </row>
    <row r="66646" spans="8:8">
      <c r="H66646" s="12"/>
    </row>
    <row r="66647" spans="8:8">
      <c r="H66647" s="12"/>
    </row>
    <row r="66648" spans="8:8">
      <c r="H66648" s="12"/>
    </row>
    <row r="66649" spans="8:8">
      <c r="H66649" s="12"/>
    </row>
    <row r="66650" spans="8:8">
      <c r="H66650" s="12"/>
    </row>
    <row r="66651" spans="8:8">
      <c r="H66651" s="12"/>
    </row>
    <row r="66652" spans="8:8">
      <c r="H66652" s="12"/>
    </row>
    <row r="66653" spans="8:8">
      <c r="H66653" s="12"/>
    </row>
    <row r="66654" spans="8:8">
      <c r="H66654" s="12"/>
    </row>
    <row r="66655" spans="8:8">
      <c r="H66655" s="12"/>
    </row>
    <row r="66656" spans="8:8">
      <c r="H66656" s="12"/>
    </row>
    <row r="66657" spans="8:8">
      <c r="H66657" s="12"/>
    </row>
    <row r="66658" spans="8:8">
      <c r="H66658" s="12"/>
    </row>
    <row r="66659" spans="8:8">
      <c r="H66659" s="12"/>
    </row>
    <row r="66660" spans="8:8">
      <c r="H66660" s="12"/>
    </row>
    <row r="66661" spans="8:8">
      <c r="H66661" s="12"/>
    </row>
    <row r="66662" spans="8:8">
      <c r="H66662" s="12"/>
    </row>
    <row r="66663" spans="8:8">
      <c r="H66663" s="12"/>
    </row>
    <row r="66664" spans="8:8">
      <c r="H66664" s="12"/>
    </row>
    <row r="66665" spans="8:8">
      <c r="H66665" s="12"/>
    </row>
    <row r="66666" spans="8:8">
      <c r="H66666" s="12"/>
    </row>
    <row r="66667" spans="8:8">
      <c r="H66667" s="12"/>
    </row>
    <row r="66668" spans="8:8">
      <c r="H66668" s="12"/>
    </row>
    <row r="66669" spans="8:8">
      <c r="H66669" s="12"/>
    </row>
    <row r="66670" spans="8:8">
      <c r="H66670" s="12"/>
    </row>
    <row r="66671" spans="8:8">
      <c r="H66671" s="12"/>
    </row>
    <row r="66672" spans="8:8">
      <c r="H66672" s="12"/>
    </row>
    <row r="66673" spans="8:8">
      <c r="H66673" s="12"/>
    </row>
    <row r="66674" spans="8:8">
      <c r="H66674" s="12"/>
    </row>
    <row r="66675" spans="8:8">
      <c r="H66675" s="12"/>
    </row>
    <row r="66676" spans="8:8">
      <c r="H66676" s="12"/>
    </row>
    <row r="66677" spans="8:8">
      <c r="H66677" s="12"/>
    </row>
    <row r="66678" spans="8:8">
      <c r="H66678" s="12"/>
    </row>
    <row r="66679" spans="8:8">
      <c r="H66679" s="12"/>
    </row>
    <row r="66680" spans="8:8">
      <c r="H66680" s="12"/>
    </row>
    <row r="66681" spans="8:8">
      <c r="H66681" s="12"/>
    </row>
    <row r="66682" spans="8:8">
      <c r="H66682" s="12"/>
    </row>
    <row r="66683" spans="8:8">
      <c r="H66683" s="12"/>
    </row>
    <row r="66684" spans="8:8">
      <c r="H66684" s="12"/>
    </row>
    <row r="66685" spans="8:8">
      <c r="H66685" s="12"/>
    </row>
    <row r="66686" spans="8:8">
      <c r="H66686" s="12"/>
    </row>
    <row r="66687" spans="8:8">
      <c r="H66687" s="12"/>
    </row>
    <row r="66688" spans="8:8">
      <c r="H66688" s="12"/>
    </row>
    <row r="66689" spans="8:8">
      <c r="H66689" s="12"/>
    </row>
    <row r="66690" spans="8:8">
      <c r="H66690" s="12"/>
    </row>
    <row r="66691" spans="8:8">
      <c r="H66691" s="12"/>
    </row>
    <row r="66692" spans="8:8">
      <c r="H66692" s="12"/>
    </row>
    <row r="66693" spans="8:8">
      <c r="H66693" s="12"/>
    </row>
    <row r="66694" spans="8:8">
      <c r="H66694" s="12"/>
    </row>
    <row r="66695" spans="8:8">
      <c r="H66695" s="12"/>
    </row>
    <row r="66696" spans="8:8">
      <c r="H66696" s="12"/>
    </row>
    <row r="66697" spans="8:8">
      <c r="H66697" s="12"/>
    </row>
    <row r="66698" spans="8:8">
      <c r="H66698" s="12"/>
    </row>
    <row r="66699" spans="8:8">
      <c r="H66699" s="12"/>
    </row>
    <row r="66700" spans="8:8">
      <c r="H66700" s="12"/>
    </row>
    <row r="66701" spans="8:8">
      <c r="H66701" s="12"/>
    </row>
    <row r="66702" spans="8:8">
      <c r="H66702" s="12"/>
    </row>
    <row r="66703" spans="8:8">
      <c r="H66703" s="12"/>
    </row>
    <row r="66704" spans="8:8">
      <c r="H66704" s="12"/>
    </row>
    <row r="66705" spans="8:8">
      <c r="H66705" s="12"/>
    </row>
    <row r="66706" spans="8:8">
      <c r="H66706" s="12"/>
    </row>
    <row r="66707" spans="8:8">
      <c r="H66707" s="12"/>
    </row>
    <row r="66708" spans="8:8">
      <c r="H66708" s="12"/>
    </row>
    <row r="66709" spans="8:8">
      <c r="H66709" s="12"/>
    </row>
    <row r="66710" spans="8:8">
      <c r="H66710" s="12"/>
    </row>
    <row r="66711" spans="8:8">
      <c r="H66711" s="12"/>
    </row>
    <row r="66712" spans="8:8">
      <c r="H66712" s="12"/>
    </row>
    <row r="66713" spans="8:8">
      <c r="H66713" s="12"/>
    </row>
    <row r="66714" spans="8:8">
      <c r="H66714" s="12"/>
    </row>
    <row r="66715" spans="8:8">
      <c r="H66715" s="12"/>
    </row>
    <row r="66716" spans="8:8">
      <c r="H66716" s="12"/>
    </row>
    <row r="66717" spans="8:8">
      <c r="H66717" s="12"/>
    </row>
    <row r="66718" spans="8:8">
      <c r="H66718" s="12"/>
    </row>
    <row r="66719" spans="8:8">
      <c r="H66719" s="12"/>
    </row>
    <row r="66720" spans="8:8">
      <c r="H66720" s="12"/>
    </row>
    <row r="66721" spans="8:8">
      <c r="H66721" s="12"/>
    </row>
    <row r="66722" spans="8:8">
      <c r="H66722" s="12"/>
    </row>
    <row r="66723" spans="8:8">
      <c r="H66723" s="12"/>
    </row>
    <row r="66724" spans="8:8">
      <c r="H66724" s="12"/>
    </row>
    <row r="66725" spans="8:8">
      <c r="H66725" s="12"/>
    </row>
    <row r="66726" spans="8:8">
      <c r="H66726" s="12"/>
    </row>
    <row r="66727" spans="8:8">
      <c r="H66727" s="12"/>
    </row>
    <row r="66728" spans="8:8">
      <c r="H66728" s="12"/>
    </row>
    <row r="66729" spans="8:8">
      <c r="H66729" s="12"/>
    </row>
    <row r="66730" spans="8:8">
      <c r="H66730" s="12"/>
    </row>
    <row r="66731" spans="8:8">
      <c r="H66731" s="12"/>
    </row>
    <row r="66732" spans="8:8">
      <c r="H66732" s="12"/>
    </row>
    <row r="66733" spans="8:8">
      <c r="H66733" s="12"/>
    </row>
    <row r="66734" spans="8:8">
      <c r="H66734" s="12"/>
    </row>
    <row r="66735" spans="8:8">
      <c r="H66735" s="12"/>
    </row>
    <row r="66736" spans="8:8">
      <c r="H66736" s="12"/>
    </row>
    <row r="66737" spans="8:8">
      <c r="H66737" s="12"/>
    </row>
    <row r="66738" spans="8:8">
      <c r="H66738" s="12"/>
    </row>
    <row r="66739" spans="8:8">
      <c r="H66739" s="12"/>
    </row>
    <row r="66740" spans="8:8">
      <c r="H66740" s="12"/>
    </row>
    <row r="66741" spans="8:8">
      <c r="H66741" s="12"/>
    </row>
    <row r="66742" spans="8:8">
      <c r="H66742" s="12"/>
    </row>
    <row r="66743" spans="8:8">
      <c r="H66743" s="12"/>
    </row>
    <row r="66744" spans="8:8">
      <c r="H66744" s="12"/>
    </row>
    <row r="66745" spans="8:8">
      <c r="H66745" s="12"/>
    </row>
    <row r="66746" spans="8:8">
      <c r="H66746" s="12"/>
    </row>
    <row r="66747" spans="8:8">
      <c r="H66747" s="12"/>
    </row>
    <row r="66748" spans="8:8">
      <c r="H66748" s="12"/>
    </row>
    <row r="66749" spans="8:8">
      <c r="H66749" s="12"/>
    </row>
    <row r="66750" spans="8:8">
      <c r="H66750" s="12"/>
    </row>
    <row r="66751" spans="8:8">
      <c r="H66751" s="12"/>
    </row>
    <row r="66752" spans="8:8">
      <c r="H66752" s="12"/>
    </row>
    <row r="66753" spans="8:8">
      <c r="H66753" s="12"/>
    </row>
    <row r="66754" spans="8:8">
      <c r="H66754" s="12"/>
    </row>
    <row r="66755" spans="8:8">
      <c r="H66755" s="12"/>
    </row>
    <row r="66756" spans="8:8">
      <c r="H66756" s="12"/>
    </row>
    <row r="66757" spans="8:8">
      <c r="H66757" s="12"/>
    </row>
    <row r="66758" spans="8:8">
      <c r="H66758" s="12"/>
    </row>
    <row r="66759" spans="8:8">
      <c r="H66759" s="12"/>
    </row>
    <row r="66760" spans="8:8">
      <c r="H66760" s="12"/>
    </row>
    <row r="66761" spans="8:8">
      <c r="H66761" s="12"/>
    </row>
    <row r="66762" spans="8:8">
      <c r="H66762" s="12"/>
    </row>
    <row r="66763" spans="8:8">
      <c r="H66763" s="12"/>
    </row>
    <row r="66764" spans="8:8">
      <c r="H66764" s="12"/>
    </row>
    <row r="66765" spans="8:8">
      <c r="H66765" s="12"/>
    </row>
    <row r="66766" spans="8:8">
      <c r="H66766" s="12"/>
    </row>
    <row r="66767" spans="8:8">
      <c r="H66767" s="12"/>
    </row>
    <row r="66768" spans="8:8">
      <c r="H66768" s="12"/>
    </row>
    <row r="66769" spans="8:8">
      <c r="H66769" s="12"/>
    </row>
    <row r="66770" spans="8:8">
      <c r="H66770" s="12"/>
    </row>
    <row r="66771" spans="8:8">
      <c r="H66771" s="12"/>
    </row>
    <row r="66772" spans="8:8">
      <c r="H66772" s="12"/>
    </row>
    <row r="66773" spans="8:8">
      <c r="H66773" s="12"/>
    </row>
    <row r="66774" spans="8:8">
      <c r="H66774" s="12"/>
    </row>
    <row r="66775" spans="8:8">
      <c r="H66775" s="12"/>
    </row>
    <row r="66776" spans="8:8">
      <c r="H66776" s="12"/>
    </row>
    <row r="66777" spans="8:8">
      <c r="H66777" s="12"/>
    </row>
    <row r="66778" spans="8:8">
      <c r="H66778" s="12"/>
    </row>
    <row r="66779" spans="8:8">
      <c r="H66779" s="12"/>
    </row>
    <row r="66780" spans="8:8">
      <c r="H66780" s="12"/>
    </row>
    <row r="66781" spans="8:8">
      <c r="H66781" s="12"/>
    </row>
    <row r="66782" spans="8:8">
      <c r="H66782" s="12"/>
    </row>
    <row r="66783" spans="8:8">
      <c r="H66783" s="12"/>
    </row>
    <row r="66784" spans="8:8">
      <c r="H66784" s="12"/>
    </row>
    <row r="66785" spans="8:8">
      <c r="H66785" s="12"/>
    </row>
    <row r="66786" spans="8:8">
      <c r="H66786" s="12"/>
    </row>
    <row r="66787" spans="8:8">
      <c r="H66787" s="12"/>
    </row>
    <row r="66788" spans="8:8">
      <c r="H66788" s="12"/>
    </row>
    <row r="66789" spans="8:8">
      <c r="H66789" s="12"/>
    </row>
    <row r="66790" spans="8:8">
      <c r="H66790" s="12"/>
    </row>
    <row r="66791" spans="8:8">
      <c r="H66791" s="12"/>
    </row>
    <row r="66792" spans="8:8">
      <c r="H66792" s="12"/>
    </row>
    <row r="66793" spans="8:8">
      <c r="H66793" s="12"/>
    </row>
    <row r="66794" spans="8:8">
      <c r="H66794" s="12"/>
    </row>
    <row r="66795" spans="8:8">
      <c r="H66795" s="12"/>
    </row>
    <row r="66796" spans="8:8">
      <c r="H66796" s="12"/>
    </row>
    <row r="66797" spans="8:8">
      <c r="H66797" s="12"/>
    </row>
    <row r="66798" spans="8:8">
      <c r="H66798" s="12"/>
    </row>
    <row r="66799" spans="8:8">
      <c r="H66799" s="12"/>
    </row>
    <row r="66800" spans="8:8">
      <c r="H66800" s="12"/>
    </row>
    <row r="66801" spans="8:8">
      <c r="H66801" s="12"/>
    </row>
    <row r="66802" spans="8:8">
      <c r="H66802" s="12"/>
    </row>
    <row r="66803" spans="8:8">
      <c r="H66803" s="12"/>
    </row>
    <row r="66804" spans="8:8">
      <c r="H66804" s="12"/>
    </row>
    <row r="66805" spans="8:8">
      <c r="H66805" s="12"/>
    </row>
    <row r="66806" spans="8:8">
      <c r="H66806" s="12"/>
    </row>
    <row r="66807" spans="8:8">
      <c r="H66807" s="12"/>
    </row>
    <row r="66808" spans="8:8">
      <c r="H66808" s="12"/>
    </row>
    <row r="66809" spans="8:8">
      <c r="H66809" s="12"/>
    </row>
    <row r="66810" spans="8:8">
      <c r="H66810" s="12"/>
    </row>
    <row r="66811" spans="8:8">
      <c r="H66811" s="12"/>
    </row>
    <row r="66812" spans="8:8">
      <c r="H66812" s="12"/>
    </row>
    <row r="66813" spans="8:8">
      <c r="H66813" s="12"/>
    </row>
    <row r="66814" spans="8:8">
      <c r="H66814" s="12"/>
    </row>
    <row r="66815" spans="8:8">
      <c r="H66815" s="12"/>
    </row>
    <row r="66816" spans="8:8">
      <c r="H66816" s="12"/>
    </row>
    <row r="66817" spans="8:8">
      <c r="H66817" s="12"/>
    </row>
    <row r="66818" spans="8:8">
      <c r="H66818" s="12"/>
    </row>
    <row r="66819" spans="8:8">
      <c r="H66819" s="12"/>
    </row>
    <row r="66820" spans="8:8">
      <c r="H66820" s="12"/>
    </row>
    <row r="66821" spans="8:8">
      <c r="H66821" s="12"/>
    </row>
    <row r="66822" spans="8:8">
      <c r="H66822" s="12"/>
    </row>
    <row r="66823" spans="8:8">
      <c r="H66823" s="12"/>
    </row>
    <row r="66824" spans="8:8">
      <c r="H66824" s="12"/>
    </row>
    <row r="66825" spans="8:8">
      <c r="H66825" s="12"/>
    </row>
    <row r="66826" spans="8:8">
      <c r="H66826" s="12"/>
    </row>
    <row r="66827" spans="8:8">
      <c r="H66827" s="12"/>
    </row>
    <row r="66828" spans="8:8">
      <c r="H66828" s="12"/>
    </row>
    <row r="66829" spans="8:8">
      <c r="H66829" s="12"/>
    </row>
    <row r="66830" spans="8:8">
      <c r="H66830" s="12"/>
    </row>
    <row r="66831" spans="8:8">
      <c r="H66831" s="12"/>
    </row>
    <row r="66832" spans="8:8">
      <c r="H66832" s="12"/>
    </row>
    <row r="66833" spans="8:8">
      <c r="H66833" s="12"/>
    </row>
    <row r="66834" spans="8:8">
      <c r="H66834" s="12"/>
    </row>
    <row r="66835" spans="8:8">
      <c r="H66835" s="12"/>
    </row>
    <row r="66836" spans="8:8">
      <c r="H66836" s="12"/>
    </row>
    <row r="66837" spans="8:8">
      <c r="H66837" s="12"/>
    </row>
    <row r="66838" spans="8:8">
      <c r="H66838" s="12"/>
    </row>
    <row r="66839" spans="8:8">
      <c r="H66839" s="12"/>
    </row>
    <row r="66840" spans="8:8">
      <c r="H66840" s="12"/>
    </row>
    <row r="66841" spans="8:8">
      <c r="H66841" s="12"/>
    </row>
    <row r="66842" spans="8:8">
      <c r="H66842" s="12"/>
    </row>
    <row r="66843" spans="8:8">
      <c r="H66843" s="12"/>
    </row>
    <row r="66844" spans="8:8">
      <c r="H66844" s="12"/>
    </row>
    <row r="66845" spans="8:8">
      <c r="H66845" s="12"/>
    </row>
    <row r="66846" spans="8:8">
      <c r="H66846" s="12"/>
    </row>
    <row r="66847" spans="8:8">
      <c r="H66847" s="12"/>
    </row>
    <row r="66848" spans="8:8">
      <c r="H66848" s="12"/>
    </row>
    <row r="66849" spans="8:8">
      <c r="H66849" s="12"/>
    </row>
    <row r="66850" spans="8:8">
      <c r="H66850" s="12"/>
    </row>
    <row r="66851" spans="8:8">
      <c r="H66851" s="12"/>
    </row>
    <row r="66852" spans="8:8">
      <c r="H66852" s="12"/>
    </row>
    <row r="66853" spans="8:8">
      <c r="H66853" s="12"/>
    </row>
    <row r="66854" spans="8:8">
      <c r="H66854" s="12"/>
    </row>
    <row r="66855" spans="8:8">
      <c r="H66855" s="12"/>
    </row>
    <row r="66856" spans="8:8">
      <c r="H66856" s="12"/>
    </row>
    <row r="66857" spans="8:8">
      <c r="H66857" s="12"/>
    </row>
    <row r="66858" spans="8:8">
      <c r="H66858" s="12"/>
    </row>
    <row r="66859" spans="8:8">
      <c r="H66859" s="12"/>
    </row>
    <row r="66860" spans="8:8">
      <c r="H66860" s="12"/>
    </row>
    <row r="66861" spans="8:8">
      <c r="H66861" s="12"/>
    </row>
    <row r="66862" spans="8:8">
      <c r="H66862" s="12"/>
    </row>
    <row r="66863" spans="8:8">
      <c r="H66863" s="12"/>
    </row>
    <row r="66864" spans="8:8">
      <c r="H66864" s="12"/>
    </row>
    <row r="66865" spans="8:8">
      <c r="H66865" s="12"/>
    </row>
    <row r="66866" spans="8:8">
      <c r="H66866" s="12"/>
    </row>
    <row r="66867" spans="8:8">
      <c r="H66867" s="12"/>
    </row>
    <row r="66868" spans="8:8">
      <c r="H66868" s="12"/>
    </row>
    <row r="66869" spans="8:8">
      <c r="H66869" s="12"/>
    </row>
    <row r="66870" spans="8:8">
      <c r="H66870" s="12"/>
    </row>
    <row r="66871" spans="8:8">
      <c r="H66871" s="12"/>
    </row>
    <row r="66872" spans="8:8">
      <c r="H66872" s="12"/>
    </row>
    <row r="66873" spans="8:8">
      <c r="H66873" s="12"/>
    </row>
    <row r="66874" spans="8:8">
      <c r="H66874" s="12"/>
    </row>
    <row r="66875" spans="8:8">
      <c r="H66875" s="12"/>
    </row>
    <row r="66876" spans="8:8">
      <c r="H66876" s="12"/>
    </row>
    <row r="66877" spans="8:8">
      <c r="H66877" s="12"/>
    </row>
    <row r="66878" spans="8:8">
      <c r="H66878" s="12"/>
    </row>
    <row r="66879" spans="8:8">
      <c r="H66879" s="12"/>
    </row>
    <row r="66880" spans="8:8">
      <c r="H66880" s="12"/>
    </row>
    <row r="66881" spans="8:8">
      <c r="H66881" s="12"/>
    </row>
    <row r="66882" spans="8:8">
      <c r="H66882" s="12"/>
    </row>
    <row r="66883" spans="8:8">
      <c r="H66883" s="12"/>
    </row>
    <row r="66884" spans="8:8">
      <c r="H66884" s="12"/>
    </row>
    <row r="66885" spans="8:8">
      <c r="H66885" s="12"/>
    </row>
    <row r="66886" spans="8:8">
      <c r="H66886" s="12"/>
    </row>
    <row r="66887" spans="8:8">
      <c r="H66887" s="12"/>
    </row>
    <row r="66888" spans="8:8">
      <c r="H66888" s="12"/>
    </row>
    <row r="66889" spans="8:8">
      <c r="H66889" s="12"/>
    </row>
    <row r="66890" spans="8:8">
      <c r="H66890" s="12"/>
    </row>
    <row r="66891" spans="8:8">
      <c r="H66891" s="12"/>
    </row>
    <row r="66892" spans="8:8">
      <c r="H66892" s="12"/>
    </row>
    <row r="66893" spans="8:8">
      <c r="H66893" s="12"/>
    </row>
    <row r="66894" spans="8:8">
      <c r="H66894" s="12"/>
    </row>
    <row r="66895" spans="8:8">
      <c r="H66895" s="12"/>
    </row>
    <row r="66896" spans="8:8">
      <c r="H66896" s="12"/>
    </row>
    <row r="66897" spans="8:8">
      <c r="H66897" s="12"/>
    </row>
    <row r="66898" spans="8:8">
      <c r="H66898" s="12"/>
    </row>
    <row r="66899" spans="8:8">
      <c r="H66899" s="12"/>
    </row>
    <row r="66900" spans="8:8">
      <c r="H66900" s="12"/>
    </row>
    <row r="66901" spans="8:8">
      <c r="H66901" s="12"/>
    </row>
    <row r="66902" spans="8:8">
      <c r="H66902" s="12"/>
    </row>
    <row r="66903" spans="8:8">
      <c r="H66903" s="12"/>
    </row>
    <row r="66904" spans="8:8">
      <c r="H66904" s="12"/>
    </row>
    <row r="66905" spans="8:8">
      <c r="H66905" s="12"/>
    </row>
    <row r="66906" spans="8:8">
      <c r="H66906" s="12"/>
    </row>
    <row r="66907" spans="8:8">
      <c r="H66907" s="12"/>
    </row>
    <row r="66908" spans="8:8">
      <c r="H66908" s="12"/>
    </row>
    <row r="66909" spans="8:8">
      <c r="H66909" s="12"/>
    </row>
    <row r="66910" spans="8:8">
      <c r="H66910" s="12"/>
    </row>
    <row r="66911" spans="8:8">
      <c r="H66911" s="12"/>
    </row>
    <row r="66912" spans="8:8">
      <c r="H66912" s="12"/>
    </row>
    <row r="66913" spans="8:8">
      <c r="H66913" s="12"/>
    </row>
    <row r="66914" spans="8:8">
      <c r="H66914" s="12"/>
    </row>
    <row r="66915" spans="8:8">
      <c r="H66915" s="12"/>
    </row>
    <row r="66916" spans="8:8">
      <c r="H66916" s="12"/>
    </row>
    <row r="66917" spans="8:8">
      <c r="H66917" s="12"/>
    </row>
    <row r="66918" spans="8:8">
      <c r="H66918" s="12"/>
    </row>
    <row r="66919" spans="8:8">
      <c r="H66919" s="12"/>
    </row>
    <row r="66920" spans="8:8">
      <c r="H66920" s="12"/>
    </row>
    <row r="66921" spans="8:8">
      <c r="H66921" s="12"/>
    </row>
    <row r="66922" spans="8:8">
      <c r="H66922" s="12"/>
    </row>
    <row r="66923" spans="8:8">
      <c r="H66923" s="12"/>
    </row>
    <row r="66924" spans="8:8">
      <c r="H66924" s="12"/>
    </row>
    <row r="66925" spans="8:8">
      <c r="H66925" s="12"/>
    </row>
    <row r="66926" spans="8:8">
      <c r="H66926" s="12"/>
    </row>
    <row r="66927" spans="8:8">
      <c r="H66927" s="12"/>
    </row>
    <row r="66928" spans="8:8">
      <c r="H66928" s="12"/>
    </row>
    <row r="66929" spans="8:8">
      <c r="H66929" s="12"/>
    </row>
    <row r="66930" spans="8:8">
      <c r="H66930" s="12"/>
    </row>
    <row r="66931" spans="8:8">
      <c r="H66931" s="12"/>
    </row>
    <row r="66932" spans="8:8">
      <c r="H66932" s="12"/>
    </row>
    <row r="66933" spans="8:8">
      <c r="H66933" s="12"/>
    </row>
    <row r="66934" spans="8:8">
      <c r="H66934" s="12"/>
    </row>
    <row r="66935" spans="8:8">
      <c r="H66935" s="12"/>
    </row>
    <row r="66936" spans="8:8">
      <c r="H66936" s="12"/>
    </row>
    <row r="66937" spans="8:8">
      <c r="H66937" s="12"/>
    </row>
    <row r="66938" spans="8:8">
      <c r="H66938" s="12"/>
    </row>
    <row r="66939" spans="8:8">
      <c r="H66939" s="12"/>
    </row>
    <row r="66940" spans="8:8">
      <c r="H66940" s="12"/>
    </row>
    <row r="66941" spans="8:8">
      <c r="H66941" s="12"/>
    </row>
    <row r="66942" spans="8:8">
      <c r="H66942" s="12"/>
    </row>
    <row r="66943" spans="8:8">
      <c r="H66943" s="12"/>
    </row>
    <row r="66944" spans="8:8">
      <c r="H66944" s="12"/>
    </row>
    <row r="66945" spans="8:8">
      <c r="H66945" s="12"/>
    </row>
    <row r="66946" spans="8:8">
      <c r="H66946" s="12"/>
    </row>
    <row r="66947" spans="8:8">
      <c r="H66947" s="12"/>
    </row>
    <row r="66948" spans="8:8">
      <c r="H66948" s="12"/>
    </row>
    <row r="66949" spans="8:8">
      <c r="H66949" s="12"/>
    </row>
    <row r="66950" spans="8:8">
      <c r="H66950" s="12"/>
    </row>
    <row r="66951" spans="8:8">
      <c r="H66951" s="12"/>
    </row>
    <row r="66952" spans="8:8">
      <c r="H66952" s="12"/>
    </row>
    <row r="66953" spans="8:8">
      <c r="H66953" s="12"/>
    </row>
    <row r="66954" spans="8:8">
      <c r="H66954" s="12"/>
    </row>
    <row r="66955" spans="8:8">
      <c r="H66955" s="12"/>
    </row>
    <row r="66956" spans="8:8">
      <c r="H66956" s="12"/>
    </row>
    <row r="66957" spans="8:8">
      <c r="H66957" s="12"/>
    </row>
    <row r="66958" spans="8:8">
      <c r="H66958" s="12"/>
    </row>
    <row r="66959" spans="8:8">
      <c r="H66959" s="12"/>
    </row>
    <row r="66960" spans="8:8">
      <c r="H66960" s="12"/>
    </row>
    <row r="66961" spans="8:8">
      <c r="H66961" s="12"/>
    </row>
    <row r="66962" spans="8:8">
      <c r="H66962" s="12"/>
    </row>
    <row r="66963" spans="8:8">
      <c r="H66963" s="12"/>
    </row>
    <row r="66964" spans="8:8">
      <c r="H66964" s="12"/>
    </row>
    <row r="66965" spans="8:8">
      <c r="H66965" s="12"/>
    </row>
    <row r="66966" spans="8:8">
      <c r="H66966" s="12"/>
    </row>
    <row r="66967" spans="8:8">
      <c r="H66967" s="12"/>
    </row>
    <row r="66968" spans="8:8">
      <c r="H66968" s="12"/>
    </row>
    <row r="66969" spans="8:8">
      <c r="H66969" s="12"/>
    </row>
    <row r="66970" spans="8:8">
      <c r="H66970" s="12"/>
    </row>
    <row r="66971" spans="8:8">
      <c r="H66971" s="12"/>
    </row>
    <row r="66972" spans="8:8">
      <c r="H66972" s="12"/>
    </row>
    <row r="66973" spans="8:8">
      <c r="H66973" s="12"/>
    </row>
    <row r="66974" spans="8:8">
      <c r="H66974" s="12"/>
    </row>
    <row r="66975" spans="8:8">
      <c r="H66975" s="12"/>
    </row>
    <row r="66976" spans="8:8">
      <c r="H66976" s="12"/>
    </row>
    <row r="66977" spans="8:8">
      <c r="H66977" s="12"/>
    </row>
    <row r="66978" spans="8:8">
      <c r="H66978" s="12"/>
    </row>
    <row r="66979" spans="8:8">
      <c r="H66979" s="12"/>
    </row>
    <row r="66980" spans="8:8">
      <c r="H66980" s="12"/>
    </row>
    <row r="66981" spans="8:8">
      <c r="H66981" s="12"/>
    </row>
    <row r="66982" spans="8:8">
      <c r="H66982" s="12"/>
    </row>
    <row r="66983" spans="8:8">
      <c r="H66983" s="12"/>
    </row>
    <row r="66984" spans="8:8">
      <c r="H66984" s="12"/>
    </row>
    <row r="66985" spans="8:8">
      <c r="H66985" s="12"/>
    </row>
    <row r="66986" spans="8:8">
      <c r="H66986" s="12"/>
    </row>
    <row r="66987" spans="8:8">
      <c r="H66987" s="12"/>
    </row>
    <row r="66988" spans="8:8">
      <c r="H66988" s="12"/>
    </row>
    <row r="66989" spans="8:8">
      <c r="H66989" s="12"/>
    </row>
    <row r="66990" spans="8:8">
      <c r="H66990" s="12"/>
    </row>
    <row r="66991" spans="8:8">
      <c r="H66991" s="12"/>
    </row>
    <row r="66992" spans="8:8">
      <c r="H66992" s="12"/>
    </row>
    <row r="66993" spans="8:8">
      <c r="H66993" s="12"/>
    </row>
    <row r="66994" spans="8:8">
      <c r="H66994" s="12"/>
    </row>
    <row r="66995" spans="8:8">
      <c r="H66995" s="12"/>
    </row>
    <row r="66996" spans="8:8">
      <c r="H66996" s="12"/>
    </row>
    <row r="66997" spans="8:8">
      <c r="H66997" s="12"/>
    </row>
    <row r="66998" spans="8:8">
      <c r="H66998" s="12"/>
    </row>
    <row r="66999" spans="8:8">
      <c r="H66999" s="12"/>
    </row>
    <row r="67000" spans="8:8">
      <c r="H67000" s="12"/>
    </row>
    <row r="67001" spans="8:8">
      <c r="H67001" s="12"/>
    </row>
    <row r="67002" spans="8:8">
      <c r="H67002" s="12"/>
    </row>
    <row r="67003" spans="8:8">
      <c r="H67003" s="12"/>
    </row>
    <row r="67004" spans="8:8">
      <c r="H67004" s="12"/>
    </row>
    <row r="67005" spans="8:8">
      <c r="H67005" s="12"/>
    </row>
    <row r="67006" spans="8:8">
      <c r="H67006" s="12"/>
    </row>
    <row r="67007" spans="8:8">
      <c r="H67007" s="12"/>
    </row>
    <row r="67008" spans="8:8">
      <c r="H67008" s="12"/>
    </row>
    <row r="67009" spans="8:8">
      <c r="H67009" s="12"/>
    </row>
    <row r="67010" spans="8:8">
      <c r="H67010" s="12"/>
    </row>
    <row r="67011" spans="8:8">
      <c r="H67011" s="12"/>
    </row>
    <row r="67012" spans="8:8">
      <c r="H67012" s="12"/>
    </row>
    <row r="67013" spans="8:8">
      <c r="H67013" s="12"/>
    </row>
    <row r="67014" spans="8:8">
      <c r="H67014" s="12"/>
    </row>
    <row r="67015" spans="8:8">
      <c r="H67015" s="12"/>
    </row>
    <row r="67016" spans="8:8">
      <c r="H67016" s="12"/>
    </row>
    <row r="67017" spans="8:8">
      <c r="H67017" s="12"/>
    </row>
    <row r="67018" spans="8:8">
      <c r="H67018" s="12"/>
    </row>
    <row r="67019" spans="8:8">
      <c r="H67019" s="12"/>
    </row>
    <row r="67020" spans="8:8">
      <c r="H67020" s="12"/>
    </row>
    <row r="67021" spans="8:8">
      <c r="H67021" s="12"/>
    </row>
    <row r="67022" spans="8:8">
      <c r="H67022" s="12"/>
    </row>
    <row r="67023" spans="8:8">
      <c r="H67023" s="12"/>
    </row>
    <row r="67024" spans="8:8">
      <c r="H67024" s="12"/>
    </row>
    <row r="67025" spans="8:8">
      <c r="H67025" s="12"/>
    </row>
    <row r="67026" spans="8:8">
      <c r="H67026" s="12"/>
    </row>
    <row r="67027" spans="8:8">
      <c r="H67027" s="12"/>
    </row>
    <row r="67028" spans="8:8">
      <c r="H67028" s="12"/>
    </row>
    <row r="67029" spans="8:8">
      <c r="H67029" s="12"/>
    </row>
    <row r="67030" spans="8:8">
      <c r="H67030" s="12"/>
    </row>
    <row r="67031" spans="8:8">
      <c r="H67031" s="12"/>
    </row>
    <row r="67032" spans="8:8">
      <c r="H67032" s="12"/>
    </row>
    <row r="67033" spans="8:8">
      <c r="H67033" s="12"/>
    </row>
    <row r="67034" spans="8:8">
      <c r="H67034" s="12"/>
    </row>
    <row r="67035" spans="8:8">
      <c r="H67035" s="12"/>
    </row>
    <row r="67036" spans="8:8">
      <c r="H67036" s="12"/>
    </row>
    <row r="67037" spans="8:8">
      <c r="H67037" s="12"/>
    </row>
    <row r="67038" spans="8:8">
      <c r="H67038" s="12"/>
    </row>
    <row r="67039" spans="8:8">
      <c r="H67039" s="12"/>
    </row>
    <row r="67040" spans="8:8">
      <c r="H67040" s="12"/>
    </row>
    <row r="67041" spans="8:8">
      <c r="H67041" s="12"/>
    </row>
    <row r="67042" spans="8:8">
      <c r="H67042" s="12"/>
    </row>
    <row r="67043" spans="8:8">
      <c r="H67043" s="12"/>
    </row>
    <row r="67044" spans="8:8">
      <c r="H67044" s="12"/>
    </row>
    <row r="67045" spans="8:8">
      <c r="H67045" s="12"/>
    </row>
    <row r="67046" spans="8:8">
      <c r="H67046" s="12"/>
    </row>
    <row r="67047" spans="8:8">
      <c r="H67047" s="12"/>
    </row>
    <row r="67048" spans="8:8">
      <c r="H67048" s="12"/>
    </row>
    <row r="67049" spans="8:8">
      <c r="H67049" s="12"/>
    </row>
    <row r="67050" spans="8:8">
      <c r="H67050" s="12"/>
    </row>
    <row r="67051" spans="8:8">
      <c r="H67051" s="12"/>
    </row>
    <row r="67052" spans="8:8">
      <c r="H67052" s="12"/>
    </row>
    <row r="67053" spans="8:8">
      <c r="H67053" s="12"/>
    </row>
    <row r="67054" spans="8:8">
      <c r="H67054" s="12"/>
    </row>
    <row r="67055" spans="8:8">
      <c r="H67055" s="12"/>
    </row>
    <row r="67056" spans="8:8">
      <c r="H67056" s="12"/>
    </row>
    <row r="67057" spans="8:8">
      <c r="H67057" s="12"/>
    </row>
    <row r="67058" spans="8:8">
      <c r="H67058" s="12"/>
    </row>
    <row r="67059" spans="8:8">
      <c r="H67059" s="12"/>
    </row>
    <row r="67060" spans="8:8">
      <c r="H67060" s="12"/>
    </row>
    <row r="67061" spans="8:8">
      <c r="H67061" s="12"/>
    </row>
    <row r="67062" spans="8:8">
      <c r="H67062" s="12"/>
    </row>
    <row r="67063" spans="8:8">
      <c r="H67063" s="12"/>
    </row>
    <row r="67064" spans="8:8">
      <c r="H67064" s="12"/>
    </row>
    <row r="67065" spans="8:8">
      <c r="H67065" s="12"/>
    </row>
    <row r="67066" spans="8:8">
      <c r="H67066" s="12"/>
    </row>
    <row r="67067" spans="8:8">
      <c r="H67067" s="12"/>
    </row>
    <row r="67068" spans="8:8">
      <c r="H67068" s="12"/>
    </row>
    <row r="67069" spans="8:8">
      <c r="H67069" s="12"/>
    </row>
    <row r="67070" spans="8:8">
      <c r="H67070" s="12"/>
    </row>
    <row r="67071" spans="8:8">
      <c r="H67071" s="12"/>
    </row>
    <row r="67072" spans="8:8">
      <c r="H67072" s="12"/>
    </row>
    <row r="67073" spans="8:8">
      <c r="H67073" s="12"/>
    </row>
    <row r="67074" spans="8:8">
      <c r="H67074" s="12"/>
    </row>
    <row r="67075" spans="8:8">
      <c r="H67075" s="12"/>
    </row>
    <row r="67076" spans="8:8">
      <c r="H67076" s="12"/>
    </row>
    <row r="67077" spans="8:8">
      <c r="H67077" s="12"/>
    </row>
    <row r="67078" spans="8:8">
      <c r="H67078" s="12"/>
    </row>
    <row r="67079" spans="8:8">
      <c r="H67079" s="12"/>
    </row>
    <row r="67080" spans="8:8">
      <c r="H67080" s="12"/>
    </row>
    <row r="67081" spans="8:8">
      <c r="H67081" s="12"/>
    </row>
    <row r="67082" spans="8:8">
      <c r="H67082" s="12"/>
    </row>
    <row r="67083" spans="8:8">
      <c r="H67083" s="12"/>
    </row>
    <row r="67084" spans="8:8">
      <c r="H67084" s="12"/>
    </row>
    <row r="67085" spans="8:8">
      <c r="H67085" s="12"/>
    </row>
    <row r="67086" spans="8:8">
      <c r="H67086" s="12"/>
    </row>
    <row r="67087" spans="8:8">
      <c r="H67087" s="12"/>
    </row>
    <row r="67088" spans="8:8">
      <c r="H67088" s="12"/>
    </row>
    <row r="67089" spans="8:8">
      <c r="H67089" s="12"/>
    </row>
    <row r="67090" spans="8:8">
      <c r="H67090" s="12"/>
    </row>
    <row r="67091" spans="8:8">
      <c r="H67091" s="12"/>
    </row>
    <row r="67092" spans="8:8">
      <c r="H67092" s="12"/>
    </row>
    <row r="67093" spans="8:8">
      <c r="H67093" s="12"/>
    </row>
    <row r="67094" spans="8:8">
      <c r="H67094" s="12"/>
    </row>
    <row r="67095" spans="8:8">
      <c r="H67095" s="12"/>
    </row>
    <row r="67096" spans="8:8">
      <c r="H67096" s="12"/>
    </row>
    <row r="67097" spans="8:8">
      <c r="H67097" s="12"/>
    </row>
    <row r="67098" spans="8:8">
      <c r="H67098" s="12"/>
    </row>
    <row r="67099" spans="8:8">
      <c r="H67099" s="12"/>
    </row>
    <row r="67100" spans="8:8">
      <c r="H67100" s="12"/>
    </row>
    <row r="67101" spans="8:8">
      <c r="H67101" s="12"/>
    </row>
    <row r="67102" spans="8:8">
      <c r="H67102" s="12"/>
    </row>
    <row r="67103" spans="8:8">
      <c r="H67103" s="12"/>
    </row>
    <row r="67104" spans="8:8">
      <c r="H67104" s="12"/>
    </row>
    <row r="67105" spans="8:8">
      <c r="H67105" s="12"/>
    </row>
    <row r="67106" spans="8:8">
      <c r="H67106" s="12"/>
    </row>
    <row r="67107" spans="8:8">
      <c r="H67107" s="12"/>
    </row>
    <row r="67108" spans="8:8">
      <c r="H67108" s="12"/>
    </row>
    <row r="67109" spans="8:8">
      <c r="H67109" s="12"/>
    </row>
    <row r="67110" spans="8:8">
      <c r="H67110" s="12"/>
    </row>
    <row r="67111" spans="8:8">
      <c r="H67111" s="12"/>
    </row>
    <row r="67112" spans="8:8">
      <c r="H67112" s="12"/>
    </row>
    <row r="67113" spans="8:8">
      <c r="H67113" s="12"/>
    </row>
    <row r="67114" spans="8:8">
      <c r="H67114" s="12"/>
    </row>
    <row r="67115" spans="8:8">
      <c r="H67115" s="12"/>
    </row>
    <row r="67116" spans="8:8">
      <c r="H67116" s="12"/>
    </row>
    <row r="67117" spans="8:8">
      <c r="H67117" s="12"/>
    </row>
    <row r="67118" spans="8:8">
      <c r="H67118" s="12"/>
    </row>
    <row r="67119" spans="8:8">
      <c r="H67119" s="12"/>
    </row>
    <row r="67120" spans="8:8">
      <c r="H67120" s="12"/>
    </row>
    <row r="67121" spans="8:8">
      <c r="H67121" s="12"/>
    </row>
    <row r="67122" spans="8:8">
      <c r="H67122" s="12"/>
    </row>
    <row r="67123" spans="8:8">
      <c r="H67123" s="12"/>
    </row>
    <row r="67124" spans="8:8">
      <c r="H67124" s="12"/>
    </row>
    <row r="67125" spans="8:8">
      <c r="H67125" s="12"/>
    </row>
    <row r="67126" spans="8:8">
      <c r="H67126" s="12"/>
    </row>
    <row r="67127" spans="8:8">
      <c r="H67127" s="12"/>
    </row>
    <row r="67128" spans="8:8">
      <c r="H67128" s="12"/>
    </row>
    <row r="67129" spans="8:8">
      <c r="H67129" s="12"/>
    </row>
    <row r="67130" spans="8:8">
      <c r="H67130" s="12"/>
    </row>
    <row r="67131" spans="8:8">
      <c r="H67131" s="12"/>
    </row>
    <row r="67132" spans="8:8">
      <c r="H67132" s="12"/>
    </row>
    <row r="67133" spans="8:8">
      <c r="H67133" s="12"/>
    </row>
    <row r="67134" spans="8:8">
      <c r="H67134" s="12"/>
    </row>
    <row r="67135" spans="8:8">
      <c r="H67135" s="12"/>
    </row>
    <row r="67136" spans="8:8">
      <c r="H67136" s="12"/>
    </row>
    <row r="67137" spans="8:8">
      <c r="H67137" s="12"/>
    </row>
    <row r="67138" spans="8:8">
      <c r="H67138" s="12"/>
    </row>
    <row r="67139" spans="8:8">
      <c r="H67139" s="12"/>
    </row>
    <row r="67140" spans="8:8">
      <c r="H67140" s="12"/>
    </row>
    <row r="67141" spans="8:8">
      <c r="H67141" s="12"/>
    </row>
    <row r="67142" spans="8:8">
      <c r="H67142" s="12"/>
    </row>
    <row r="67143" spans="8:8">
      <c r="H67143" s="12"/>
    </row>
    <row r="67144" spans="8:8">
      <c r="H67144" s="12"/>
    </row>
    <row r="67145" spans="8:8">
      <c r="H67145" s="12"/>
    </row>
    <row r="67146" spans="8:8">
      <c r="H67146" s="12"/>
    </row>
    <row r="67147" spans="8:8">
      <c r="H67147" s="12"/>
    </row>
    <row r="67148" spans="8:8">
      <c r="H67148" s="12"/>
    </row>
    <row r="67149" spans="8:8">
      <c r="H67149" s="12"/>
    </row>
    <row r="67150" spans="8:8">
      <c r="H67150" s="12"/>
    </row>
    <row r="67151" spans="8:8">
      <c r="H67151" s="12"/>
    </row>
    <row r="67152" spans="8:8">
      <c r="H67152" s="12"/>
    </row>
    <row r="67153" spans="8:8">
      <c r="H67153" s="12"/>
    </row>
    <row r="67154" spans="8:8">
      <c r="H67154" s="12"/>
    </row>
    <row r="67155" spans="8:8">
      <c r="H67155" s="12"/>
    </row>
    <row r="67156" spans="8:8">
      <c r="H67156" s="12"/>
    </row>
    <row r="67157" spans="8:8">
      <c r="H67157" s="12"/>
    </row>
    <row r="67158" spans="8:8">
      <c r="H67158" s="12"/>
    </row>
    <row r="67159" spans="8:8">
      <c r="H67159" s="12"/>
    </row>
    <row r="67160" spans="8:8">
      <c r="H67160" s="12"/>
    </row>
    <row r="67161" spans="8:8">
      <c r="H67161" s="12"/>
    </row>
    <row r="67162" spans="8:8">
      <c r="H67162" s="12"/>
    </row>
    <row r="67163" spans="8:8">
      <c r="H67163" s="12"/>
    </row>
    <row r="67164" spans="8:8">
      <c r="H67164" s="12"/>
    </row>
    <row r="67165" spans="8:8">
      <c r="H67165" s="12"/>
    </row>
    <row r="67166" spans="8:8">
      <c r="H67166" s="12"/>
    </row>
    <row r="67167" spans="8:8">
      <c r="H67167" s="12"/>
    </row>
    <row r="67168" spans="8:8">
      <c r="H67168" s="12"/>
    </row>
    <row r="67169" spans="8:8">
      <c r="H67169" s="12"/>
    </row>
    <row r="67170" spans="8:8">
      <c r="H67170" s="12"/>
    </row>
    <row r="67171" spans="8:8">
      <c r="H67171" s="12"/>
    </row>
    <row r="67172" spans="8:8">
      <c r="H67172" s="12"/>
    </row>
    <row r="67173" spans="8:8">
      <c r="H67173" s="12"/>
    </row>
    <row r="67174" spans="8:8">
      <c r="H67174" s="12"/>
    </row>
    <row r="67175" spans="8:8">
      <c r="H67175" s="12"/>
    </row>
    <row r="67176" spans="8:8">
      <c r="H67176" s="12"/>
    </row>
    <row r="67177" spans="8:8">
      <c r="H67177" s="12"/>
    </row>
    <row r="67178" spans="8:8">
      <c r="H67178" s="12"/>
    </row>
    <row r="67179" spans="8:8">
      <c r="H67179" s="12"/>
    </row>
    <row r="67180" spans="8:8">
      <c r="H67180" s="12"/>
    </row>
    <row r="67181" spans="8:8">
      <c r="H67181" s="12"/>
    </row>
    <row r="67182" spans="8:8">
      <c r="H67182" s="12"/>
    </row>
    <row r="67183" spans="8:8">
      <c r="H67183" s="12"/>
    </row>
    <row r="67184" spans="8:8">
      <c r="H67184" s="12"/>
    </row>
    <row r="67185" spans="8:8">
      <c r="H67185" s="12"/>
    </row>
    <row r="67186" spans="8:8">
      <c r="H67186" s="12"/>
    </row>
    <row r="67187" spans="8:8">
      <c r="H67187" s="12"/>
    </row>
    <row r="67188" spans="8:8">
      <c r="H67188" s="12"/>
    </row>
    <row r="67189" spans="8:8">
      <c r="H67189" s="12"/>
    </row>
    <row r="67190" spans="8:8">
      <c r="H67190" s="12"/>
    </row>
    <row r="67191" spans="8:8">
      <c r="H67191" s="12"/>
    </row>
    <row r="67192" spans="8:8">
      <c r="H67192" s="12"/>
    </row>
    <row r="67193" spans="8:8">
      <c r="H67193" s="12"/>
    </row>
    <row r="67194" spans="8:8">
      <c r="H67194" s="12"/>
    </row>
    <row r="67195" spans="8:8">
      <c r="H67195" s="12"/>
    </row>
    <row r="67196" spans="8:8">
      <c r="H67196" s="12"/>
    </row>
    <row r="67197" spans="8:8">
      <c r="H67197" s="12"/>
    </row>
    <row r="67198" spans="8:8">
      <c r="H67198" s="12"/>
    </row>
    <row r="67199" spans="8:8">
      <c r="H67199" s="12"/>
    </row>
    <row r="67200" spans="8:8">
      <c r="H67200" s="12"/>
    </row>
    <row r="67201" spans="8:8">
      <c r="H67201" s="12"/>
    </row>
    <row r="67202" spans="8:8">
      <c r="H67202" s="12"/>
    </row>
    <row r="67203" spans="8:8">
      <c r="H67203" s="12"/>
    </row>
    <row r="67204" spans="8:8">
      <c r="H67204" s="12"/>
    </row>
    <row r="67205" spans="8:8">
      <c r="H67205" s="12"/>
    </row>
    <row r="67206" spans="8:8">
      <c r="H67206" s="12"/>
    </row>
    <row r="67207" spans="8:8">
      <c r="H67207" s="12"/>
    </row>
    <row r="67208" spans="8:8">
      <c r="H67208" s="12"/>
    </row>
    <row r="67209" spans="8:8">
      <c r="H67209" s="12"/>
    </row>
    <row r="67210" spans="8:8">
      <c r="H67210" s="12"/>
    </row>
    <row r="67211" spans="8:8">
      <c r="H67211" s="12"/>
    </row>
    <row r="67212" spans="8:8">
      <c r="H67212" s="12"/>
    </row>
    <row r="67213" spans="8:8">
      <c r="H67213" s="12"/>
    </row>
    <row r="67214" spans="8:8">
      <c r="H67214" s="12"/>
    </row>
    <row r="67215" spans="8:8">
      <c r="H67215" s="12"/>
    </row>
    <row r="67216" spans="8:8">
      <c r="H67216" s="12"/>
    </row>
    <row r="67217" spans="8:8">
      <c r="H67217" s="12"/>
    </row>
    <row r="67218" spans="8:8">
      <c r="H67218" s="12"/>
    </row>
    <row r="67219" spans="8:8">
      <c r="H67219" s="12"/>
    </row>
    <row r="67220" spans="8:8">
      <c r="H67220" s="12"/>
    </row>
    <row r="67221" spans="8:8">
      <c r="H67221" s="12"/>
    </row>
    <row r="67222" spans="8:8">
      <c r="H67222" s="12"/>
    </row>
    <row r="67223" spans="8:8">
      <c r="H67223" s="12"/>
    </row>
    <row r="67224" spans="8:8">
      <c r="H67224" s="12"/>
    </row>
    <row r="67225" spans="8:8">
      <c r="H67225" s="12"/>
    </row>
    <row r="67226" spans="8:8">
      <c r="H67226" s="12"/>
    </row>
    <row r="67227" spans="8:8">
      <c r="H67227" s="12"/>
    </row>
    <row r="67228" spans="8:8">
      <c r="H67228" s="12"/>
    </row>
    <row r="67229" spans="8:8">
      <c r="H67229" s="12"/>
    </row>
    <row r="67230" spans="8:8">
      <c r="H67230" s="12"/>
    </row>
    <row r="67231" spans="8:8">
      <c r="H67231" s="12"/>
    </row>
    <row r="67232" spans="8:8">
      <c r="H67232" s="12"/>
    </row>
    <row r="67233" spans="8:8">
      <c r="H67233" s="12"/>
    </row>
    <row r="67234" spans="8:8">
      <c r="H67234" s="12"/>
    </row>
    <row r="67235" spans="8:8">
      <c r="H67235" s="12"/>
    </row>
    <row r="67236" spans="8:8">
      <c r="H67236" s="12"/>
    </row>
    <row r="67237" spans="8:8">
      <c r="H67237" s="12"/>
    </row>
    <row r="67238" spans="8:8">
      <c r="H67238" s="12"/>
    </row>
    <row r="67239" spans="8:8">
      <c r="H67239" s="12"/>
    </row>
    <row r="67240" spans="8:8">
      <c r="H67240" s="12"/>
    </row>
    <row r="67241" spans="8:8">
      <c r="H67241" s="12"/>
    </row>
    <row r="67242" spans="8:8">
      <c r="H67242" s="12"/>
    </row>
    <row r="67243" spans="8:8">
      <c r="H67243" s="12"/>
    </row>
    <row r="67244" spans="8:8">
      <c r="H67244" s="12"/>
    </row>
    <row r="67245" spans="8:8">
      <c r="H67245" s="12"/>
    </row>
    <row r="67246" spans="8:8">
      <c r="H67246" s="12"/>
    </row>
    <row r="67247" spans="8:8">
      <c r="H67247" s="12"/>
    </row>
    <row r="67248" spans="8:8">
      <c r="H67248" s="12"/>
    </row>
    <row r="67249" spans="8:8">
      <c r="H67249" s="12"/>
    </row>
    <row r="67250" spans="8:8">
      <c r="H67250" s="12"/>
    </row>
    <row r="67251" spans="8:8">
      <c r="H67251" s="12"/>
    </row>
    <row r="67252" spans="8:8">
      <c r="H67252" s="12"/>
    </row>
    <row r="67253" spans="8:8">
      <c r="H67253" s="12"/>
    </row>
    <row r="67254" spans="8:8">
      <c r="H67254" s="12"/>
    </row>
    <row r="67255" spans="8:8">
      <c r="H67255" s="12"/>
    </row>
    <row r="67256" spans="8:8">
      <c r="H67256" s="12"/>
    </row>
    <row r="67257" spans="8:8">
      <c r="H67257" s="12"/>
    </row>
    <row r="67258" spans="8:8">
      <c r="H67258" s="12"/>
    </row>
    <row r="67259" spans="8:8">
      <c r="H67259" s="12"/>
    </row>
    <row r="67260" spans="8:8">
      <c r="H67260" s="12"/>
    </row>
    <row r="67261" spans="8:8">
      <c r="H67261" s="12"/>
    </row>
    <row r="67262" spans="8:8">
      <c r="H67262" s="12"/>
    </row>
    <row r="67263" spans="8:8">
      <c r="H67263" s="12"/>
    </row>
    <row r="67264" spans="8:8">
      <c r="H67264" s="12"/>
    </row>
    <row r="67265" spans="8:8">
      <c r="H67265" s="12"/>
    </row>
    <row r="67266" spans="8:8">
      <c r="H67266" s="12"/>
    </row>
    <row r="67267" spans="8:8">
      <c r="H67267" s="12"/>
    </row>
    <row r="67268" spans="8:8">
      <c r="H67268" s="12"/>
    </row>
    <row r="67269" spans="8:8">
      <c r="H67269" s="12"/>
    </row>
    <row r="67270" spans="8:8">
      <c r="H67270" s="12"/>
    </row>
    <row r="67271" spans="8:8">
      <c r="H67271" s="12"/>
    </row>
    <row r="67272" spans="8:8">
      <c r="H67272" s="12"/>
    </row>
    <row r="67273" spans="8:8">
      <c r="H67273" s="12"/>
    </row>
    <row r="67274" spans="8:8">
      <c r="H67274" s="12"/>
    </row>
    <row r="67275" spans="8:8">
      <c r="H67275" s="12"/>
    </row>
    <row r="67276" spans="8:8">
      <c r="H67276" s="12"/>
    </row>
    <row r="67277" spans="8:8">
      <c r="H67277" s="12"/>
    </row>
    <row r="67278" spans="8:8">
      <c r="H67278" s="12"/>
    </row>
    <row r="67279" spans="8:8">
      <c r="H67279" s="12"/>
    </row>
    <row r="67280" spans="8:8">
      <c r="H67280" s="12"/>
    </row>
    <row r="67281" spans="8:8">
      <c r="H67281" s="12"/>
    </row>
    <row r="67282" spans="8:8">
      <c r="H67282" s="12"/>
    </row>
    <row r="67283" spans="8:8">
      <c r="H67283" s="12"/>
    </row>
    <row r="67284" spans="8:8">
      <c r="H67284" s="12"/>
    </row>
    <row r="67285" spans="8:8">
      <c r="H67285" s="12"/>
    </row>
    <row r="67286" spans="8:8">
      <c r="H67286" s="12"/>
    </row>
    <row r="67287" spans="8:8">
      <c r="H67287" s="12"/>
    </row>
    <row r="67288" spans="8:8">
      <c r="H67288" s="12"/>
    </row>
    <row r="67289" spans="8:8">
      <c r="H67289" s="12"/>
    </row>
    <row r="67290" spans="8:8">
      <c r="H67290" s="12"/>
    </row>
    <row r="67291" spans="8:8">
      <c r="H67291" s="12"/>
    </row>
    <row r="67292" spans="8:8">
      <c r="H67292" s="12"/>
    </row>
    <row r="67293" spans="8:8">
      <c r="H67293" s="12"/>
    </row>
    <row r="67294" spans="8:8">
      <c r="H67294" s="12"/>
    </row>
    <row r="67295" spans="8:8">
      <c r="H67295" s="12"/>
    </row>
    <row r="67296" spans="8:8">
      <c r="H67296" s="12"/>
    </row>
    <row r="67297" spans="8:8">
      <c r="H67297" s="12"/>
    </row>
    <row r="67298" spans="8:8">
      <c r="H67298" s="12"/>
    </row>
    <row r="67299" spans="8:8">
      <c r="H67299" s="12"/>
    </row>
    <row r="67300" spans="8:8">
      <c r="H67300" s="12"/>
    </row>
    <row r="67301" spans="8:8">
      <c r="H67301" s="12"/>
    </row>
    <row r="67302" spans="8:8">
      <c r="H67302" s="12"/>
    </row>
    <row r="67303" spans="8:8">
      <c r="H67303" s="12"/>
    </row>
    <row r="67304" spans="8:8">
      <c r="H67304" s="12"/>
    </row>
    <row r="67305" spans="8:8">
      <c r="H67305" s="12"/>
    </row>
    <row r="67306" spans="8:8">
      <c r="H67306" s="12"/>
    </row>
    <row r="67307" spans="8:8">
      <c r="H67307" s="12"/>
    </row>
    <row r="67308" spans="8:8">
      <c r="H67308" s="12"/>
    </row>
    <row r="67309" spans="8:8">
      <c r="H67309" s="12"/>
    </row>
    <row r="67310" spans="8:8">
      <c r="H67310" s="12"/>
    </row>
    <row r="67311" spans="8:8">
      <c r="H67311" s="12"/>
    </row>
    <row r="67312" spans="8:8">
      <c r="H67312" s="12"/>
    </row>
    <row r="67313" spans="8:8">
      <c r="H67313" s="12"/>
    </row>
    <row r="67314" spans="8:8">
      <c r="H67314" s="12"/>
    </row>
    <row r="67315" spans="8:8">
      <c r="H67315" s="12"/>
    </row>
    <row r="67316" spans="8:8">
      <c r="H67316" s="12"/>
    </row>
    <row r="67317" spans="8:8">
      <c r="H67317" s="12"/>
    </row>
    <row r="67318" spans="8:8">
      <c r="H67318" s="12"/>
    </row>
    <row r="67319" spans="8:8">
      <c r="H67319" s="12"/>
    </row>
    <row r="67320" spans="8:8">
      <c r="H67320" s="12"/>
    </row>
    <row r="67321" spans="8:8">
      <c r="H67321" s="12"/>
    </row>
    <row r="67322" spans="8:8">
      <c r="H67322" s="12"/>
    </row>
    <row r="67323" spans="8:8">
      <c r="H67323" s="12"/>
    </row>
    <row r="67324" spans="8:8">
      <c r="H67324" s="12"/>
    </row>
    <row r="67325" spans="8:8">
      <c r="H67325" s="12"/>
    </row>
    <row r="67326" spans="8:8">
      <c r="H67326" s="12"/>
    </row>
    <row r="67327" spans="8:8">
      <c r="H67327" s="12"/>
    </row>
    <row r="67328" spans="8:8">
      <c r="H67328" s="12"/>
    </row>
    <row r="67329" spans="8:8">
      <c r="H67329" s="12"/>
    </row>
    <row r="67330" spans="8:8">
      <c r="H67330" s="12"/>
    </row>
    <row r="67331" spans="8:8">
      <c r="H67331" s="12"/>
    </row>
    <row r="67332" spans="8:8">
      <c r="H67332" s="12"/>
    </row>
    <row r="67333" spans="8:8">
      <c r="H67333" s="12"/>
    </row>
    <row r="67334" spans="8:8">
      <c r="H67334" s="12"/>
    </row>
    <row r="67335" spans="8:8">
      <c r="H67335" s="12"/>
    </row>
    <row r="67336" spans="8:8">
      <c r="H67336" s="12"/>
    </row>
    <row r="67337" spans="8:8">
      <c r="H67337" s="12"/>
    </row>
    <row r="67338" spans="8:8">
      <c r="H67338" s="12"/>
    </row>
    <row r="67339" spans="8:8">
      <c r="H67339" s="12"/>
    </row>
    <row r="67340" spans="8:8">
      <c r="H67340" s="12"/>
    </row>
    <row r="67341" spans="8:8">
      <c r="H67341" s="12"/>
    </row>
    <row r="67342" spans="8:8">
      <c r="H67342" s="12"/>
    </row>
    <row r="67343" spans="8:8">
      <c r="H67343" s="12"/>
    </row>
    <row r="67344" spans="8:8">
      <c r="H67344" s="12"/>
    </row>
    <row r="67345" spans="8:8">
      <c r="H67345" s="12"/>
    </row>
    <row r="67346" spans="8:8">
      <c r="H67346" s="12"/>
    </row>
    <row r="67347" spans="8:8">
      <c r="H67347" s="12"/>
    </row>
    <row r="67348" spans="8:8">
      <c r="H67348" s="12"/>
    </row>
    <row r="67349" spans="8:8">
      <c r="H67349" s="12"/>
    </row>
    <row r="67350" spans="8:8">
      <c r="H67350" s="12"/>
    </row>
    <row r="67351" spans="8:8">
      <c r="H67351" s="12"/>
    </row>
    <row r="67352" spans="8:8">
      <c r="H67352" s="12"/>
    </row>
    <row r="67353" spans="8:8">
      <c r="H67353" s="12"/>
    </row>
    <row r="67354" spans="8:8">
      <c r="H67354" s="12"/>
    </row>
    <row r="67355" spans="8:8">
      <c r="H67355" s="12"/>
    </row>
    <row r="67356" spans="8:8">
      <c r="H67356" s="12"/>
    </row>
    <row r="67357" spans="8:8">
      <c r="H67357" s="12"/>
    </row>
    <row r="67358" spans="8:8">
      <c r="H67358" s="12"/>
    </row>
    <row r="67359" spans="8:8">
      <c r="H67359" s="12"/>
    </row>
    <row r="67360" spans="8:8">
      <c r="H67360" s="12"/>
    </row>
    <row r="67361" spans="8:8">
      <c r="H67361" s="12"/>
    </row>
    <row r="67362" spans="8:8">
      <c r="H67362" s="12"/>
    </row>
    <row r="67363" spans="8:8">
      <c r="H67363" s="12"/>
    </row>
    <row r="67364" spans="8:8">
      <c r="H67364" s="12"/>
    </row>
    <row r="67365" spans="8:8">
      <c r="H67365" s="12"/>
    </row>
    <row r="67366" spans="8:8">
      <c r="H67366" s="12"/>
    </row>
    <row r="67367" spans="8:8">
      <c r="H67367" s="12"/>
    </row>
    <row r="67368" spans="8:8">
      <c r="H67368" s="12"/>
    </row>
    <row r="67369" spans="8:8">
      <c r="H67369" s="12"/>
    </row>
    <row r="67370" spans="8:8">
      <c r="H67370" s="12"/>
    </row>
    <row r="67371" spans="8:8">
      <c r="H67371" s="12"/>
    </row>
    <row r="67372" spans="8:8">
      <c r="H67372" s="12"/>
    </row>
    <row r="67373" spans="8:8">
      <c r="H67373" s="12"/>
    </row>
    <row r="67374" spans="8:8">
      <c r="H67374" s="12"/>
    </row>
    <row r="67375" spans="8:8">
      <c r="H67375" s="12"/>
    </row>
    <row r="67376" spans="8:8">
      <c r="H67376" s="12"/>
    </row>
    <row r="67377" spans="8:8">
      <c r="H67377" s="12"/>
    </row>
    <row r="67378" spans="8:8">
      <c r="H67378" s="12"/>
    </row>
    <row r="67379" spans="8:8">
      <c r="H67379" s="12"/>
    </row>
    <row r="67380" spans="8:8">
      <c r="H67380" s="12"/>
    </row>
    <row r="67381" spans="8:8">
      <c r="H67381" s="12"/>
    </row>
    <row r="67382" spans="8:8">
      <c r="H67382" s="12"/>
    </row>
    <row r="67383" spans="8:8">
      <c r="H67383" s="12"/>
    </row>
    <row r="67384" spans="8:8">
      <c r="H67384" s="12"/>
    </row>
    <row r="67385" spans="8:8">
      <c r="H67385" s="12"/>
    </row>
    <row r="67386" spans="8:8">
      <c r="H67386" s="12"/>
    </row>
    <row r="67387" spans="8:8">
      <c r="H67387" s="12"/>
    </row>
    <row r="67388" spans="8:8">
      <c r="H67388" s="12"/>
    </row>
    <row r="67389" spans="8:8">
      <c r="H67389" s="12"/>
    </row>
    <row r="67390" spans="8:8">
      <c r="H67390" s="12"/>
    </row>
    <row r="67391" spans="8:8">
      <c r="H67391" s="12"/>
    </row>
    <row r="67392" spans="8:8">
      <c r="H67392" s="12"/>
    </row>
    <row r="67393" spans="8:8">
      <c r="H67393" s="12"/>
    </row>
    <row r="67394" spans="8:8">
      <c r="H67394" s="12"/>
    </row>
    <row r="67395" spans="8:8">
      <c r="H67395" s="12"/>
    </row>
    <row r="67396" spans="8:8">
      <c r="H67396" s="12"/>
    </row>
    <row r="67397" spans="8:8">
      <c r="H67397" s="12"/>
    </row>
    <row r="67398" spans="8:8">
      <c r="H67398" s="12"/>
    </row>
    <row r="67399" spans="8:8">
      <c r="H67399" s="12"/>
    </row>
    <row r="67400" spans="8:8">
      <c r="H67400" s="12"/>
    </row>
    <row r="67401" spans="8:8">
      <c r="H67401" s="12"/>
    </row>
    <row r="67402" spans="8:8">
      <c r="H67402" s="12"/>
    </row>
    <row r="67403" spans="8:8">
      <c r="H67403" s="12"/>
    </row>
    <row r="67404" spans="8:8">
      <c r="H67404" s="12"/>
    </row>
    <row r="67405" spans="8:8">
      <c r="H67405" s="12"/>
    </row>
    <row r="67406" spans="8:8">
      <c r="H67406" s="12"/>
    </row>
    <row r="67407" spans="8:8">
      <c r="H67407" s="12"/>
    </row>
    <row r="67408" spans="8:8">
      <c r="H67408" s="12"/>
    </row>
    <row r="67409" spans="8:8">
      <c r="H67409" s="12"/>
    </row>
    <row r="67410" spans="8:8">
      <c r="H67410" s="12"/>
    </row>
    <row r="67411" spans="8:8">
      <c r="H67411" s="12"/>
    </row>
    <row r="67412" spans="8:8">
      <c r="H67412" s="12"/>
    </row>
    <row r="67413" spans="8:8">
      <c r="H67413" s="12"/>
    </row>
    <row r="67414" spans="8:8">
      <c r="H67414" s="12"/>
    </row>
    <row r="67415" spans="8:8">
      <c r="H67415" s="12"/>
    </row>
    <row r="67416" spans="8:8">
      <c r="H67416" s="12"/>
    </row>
    <row r="67417" spans="8:8">
      <c r="H67417" s="12"/>
    </row>
    <row r="67418" spans="8:8">
      <c r="H67418" s="12"/>
    </row>
    <row r="67419" spans="8:8">
      <c r="H67419" s="12"/>
    </row>
    <row r="67420" spans="8:8">
      <c r="H67420" s="12"/>
    </row>
    <row r="67421" spans="8:8">
      <c r="H67421" s="12"/>
    </row>
    <row r="67422" spans="8:8">
      <c r="H67422" s="12"/>
    </row>
    <row r="67423" spans="8:8">
      <c r="H67423" s="12"/>
    </row>
    <row r="67424" spans="8:8">
      <c r="H67424" s="12"/>
    </row>
    <row r="67425" spans="8:8">
      <c r="H67425" s="12"/>
    </row>
    <row r="67426" spans="8:8">
      <c r="H67426" s="12"/>
    </row>
    <row r="67427" spans="8:8">
      <c r="H67427" s="12"/>
    </row>
    <row r="67428" spans="8:8">
      <c r="H67428" s="12"/>
    </row>
    <row r="67429" spans="8:8">
      <c r="H67429" s="12"/>
    </row>
    <row r="67430" spans="8:8">
      <c r="H67430" s="12"/>
    </row>
    <row r="67431" spans="8:8">
      <c r="H67431" s="12"/>
    </row>
    <row r="67432" spans="8:8">
      <c r="H67432" s="12"/>
    </row>
    <row r="67433" spans="8:8">
      <c r="H67433" s="12"/>
    </row>
    <row r="67434" spans="8:8">
      <c r="H67434" s="12"/>
    </row>
    <row r="67435" spans="8:8">
      <c r="H67435" s="12"/>
    </row>
    <row r="67436" spans="8:8">
      <c r="H67436" s="12"/>
    </row>
    <row r="67437" spans="8:8">
      <c r="H67437" s="12"/>
    </row>
    <row r="67438" spans="8:8">
      <c r="H67438" s="12"/>
    </row>
    <row r="67439" spans="8:8">
      <c r="H67439" s="12"/>
    </row>
    <row r="67440" spans="8:8">
      <c r="H67440" s="12"/>
    </row>
    <row r="67441" spans="8:8">
      <c r="H67441" s="12"/>
    </row>
    <row r="67442" spans="8:8">
      <c r="H67442" s="12"/>
    </row>
    <row r="67443" spans="8:8">
      <c r="H67443" s="12"/>
    </row>
    <row r="67444" spans="8:8">
      <c r="H67444" s="12"/>
    </row>
    <row r="67445" spans="8:8">
      <c r="H67445" s="12"/>
    </row>
    <row r="67446" spans="8:8">
      <c r="H67446" s="12"/>
    </row>
    <row r="67447" spans="8:8">
      <c r="H67447" s="12"/>
    </row>
    <row r="67448" spans="8:8">
      <c r="H67448" s="12"/>
    </row>
    <row r="67449" spans="8:8">
      <c r="H67449" s="12"/>
    </row>
    <row r="67450" spans="8:8">
      <c r="H67450" s="12"/>
    </row>
    <row r="67451" spans="8:8">
      <c r="H67451" s="12"/>
    </row>
    <row r="67452" spans="8:8">
      <c r="H67452" s="12"/>
    </row>
    <row r="67453" spans="8:8">
      <c r="H67453" s="12"/>
    </row>
    <row r="67454" spans="8:8">
      <c r="H67454" s="12"/>
    </row>
    <row r="67455" spans="8:8">
      <c r="H67455" s="12"/>
    </row>
    <row r="67456" spans="8:8">
      <c r="H67456" s="12"/>
    </row>
    <row r="67457" spans="8:8">
      <c r="H67457" s="12"/>
    </row>
    <row r="67458" spans="8:8">
      <c r="H67458" s="12"/>
    </row>
    <row r="67459" spans="8:8">
      <c r="H67459" s="12"/>
    </row>
    <row r="67460" spans="8:8">
      <c r="H67460" s="12"/>
    </row>
    <row r="67461" spans="8:8">
      <c r="H67461" s="12"/>
    </row>
    <row r="67462" spans="8:8">
      <c r="H67462" s="12"/>
    </row>
    <row r="67463" spans="8:8">
      <c r="H67463" s="12"/>
    </row>
    <row r="67464" spans="8:8">
      <c r="H67464" s="12"/>
    </row>
    <row r="67465" spans="8:8">
      <c r="H67465" s="12"/>
    </row>
    <row r="67466" spans="8:8">
      <c r="H67466" s="12"/>
    </row>
    <row r="67467" spans="8:8">
      <c r="H67467" s="12"/>
    </row>
    <row r="67468" spans="8:8">
      <c r="H67468" s="12"/>
    </row>
    <row r="67469" spans="8:8">
      <c r="H67469" s="12"/>
    </row>
    <row r="67470" spans="8:8">
      <c r="H67470" s="12"/>
    </row>
    <row r="67471" spans="8:8">
      <c r="H67471" s="12"/>
    </row>
    <row r="67472" spans="8:8">
      <c r="H67472" s="12"/>
    </row>
    <row r="67473" spans="8:8">
      <c r="H67473" s="12"/>
    </row>
    <row r="67474" spans="8:8">
      <c r="H67474" s="12"/>
    </row>
    <row r="67475" spans="8:8">
      <c r="H67475" s="12"/>
    </row>
    <row r="67476" spans="8:8">
      <c r="H67476" s="12"/>
    </row>
    <row r="67477" spans="8:8">
      <c r="H67477" s="12"/>
    </row>
    <row r="67478" spans="8:8">
      <c r="H67478" s="12"/>
    </row>
    <row r="67479" spans="8:8">
      <c r="H67479" s="12"/>
    </row>
    <row r="67480" spans="8:8">
      <c r="H67480" s="12"/>
    </row>
    <row r="67481" spans="8:8">
      <c r="H67481" s="12"/>
    </row>
    <row r="67482" spans="8:8">
      <c r="H67482" s="12"/>
    </row>
    <row r="67483" spans="8:8">
      <c r="H67483" s="12"/>
    </row>
    <row r="67484" spans="8:8">
      <c r="H67484" s="12"/>
    </row>
    <row r="67485" spans="8:8">
      <c r="H67485" s="12"/>
    </row>
    <row r="67486" spans="8:8">
      <c r="H67486" s="12"/>
    </row>
    <row r="67487" spans="8:8">
      <c r="H67487" s="12"/>
    </row>
    <row r="67488" spans="8:8">
      <c r="H67488" s="12"/>
    </row>
    <row r="67489" spans="8:8">
      <c r="H67489" s="12"/>
    </row>
    <row r="67490" spans="8:8">
      <c r="H67490" s="12"/>
    </row>
    <row r="67491" spans="8:8">
      <c r="H67491" s="12"/>
    </row>
    <row r="67492" spans="8:8">
      <c r="H67492" s="12"/>
    </row>
    <row r="67493" spans="8:8">
      <c r="H67493" s="12"/>
    </row>
    <row r="67494" spans="8:8">
      <c r="H67494" s="12"/>
    </row>
    <row r="67495" spans="8:8">
      <c r="H67495" s="12"/>
    </row>
    <row r="67496" spans="8:8">
      <c r="H67496" s="12"/>
    </row>
    <row r="67497" spans="8:8">
      <c r="H67497" s="12"/>
    </row>
    <row r="67498" spans="8:8">
      <c r="H67498" s="12"/>
    </row>
    <row r="67499" spans="8:8">
      <c r="H67499" s="12"/>
    </row>
    <row r="67500" spans="8:8">
      <c r="H67500" s="12"/>
    </row>
    <row r="67501" spans="8:8">
      <c r="H67501" s="12"/>
    </row>
    <row r="67502" spans="8:8">
      <c r="H67502" s="12"/>
    </row>
    <row r="67503" spans="8:8">
      <c r="H67503" s="12"/>
    </row>
    <row r="67504" spans="8:8">
      <c r="H67504" s="12"/>
    </row>
    <row r="67505" spans="8:8">
      <c r="H67505" s="12"/>
    </row>
    <row r="67506" spans="8:8">
      <c r="H67506" s="12"/>
    </row>
    <row r="67507" spans="8:8">
      <c r="H67507" s="12"/>
    </row>
    <row r="67508" spans="8:8">
      <c r="H67508" s="12"/>
    </row>
    <row r="67509" spans="8:8">
      <c r="H67509" s="12"/>
    </row>
    <row r="67510" spans="8:8">
      <c r="H67510" s="12"/>
    </row>
    <row r="67511" spans="8:8">
      <c r="H67511" s="12"/>
    </row>
    <row r="67512" spans="8:8">
      <c r="H67512" s="12"/>
    </row>
    <row r="67513" spans="8:8">
      <c r="H67513" s="12"/>
    </row>
    <row r="67514" spans="8:8">
      <c r="H67514" s="12"/>
    </row>
    <row r="67515" spans="8:8">
      <c r="H67515" s="12"/>
    </row>
    <row r="67516" spans="8:8">
      <c r="H67516" s="12"/>
    </row>
    <row r="67517" spans="8:8">
      <c r="H67517" s="12"/>
    </row>
    <row r="67518" spans="8:8">
      <c r="H67518" s="12"/>
    </row>
    <row r="67519" spans="8:8">
      <c r="H67519" s="12"/>
    </row>
    <row r="67520" spans="8:8">
      <c r="H67520" s="12"/>
    </row>
    <row r="67521" spans="8:8">
      <c r="H67521" s="12"/>
    </row>
    <row r="67522" spans="8:8">
      <c r="H67522" s="12"/>
    </row>
    <row r="67523" spans="8:8">
      <c r="H67523" s="12"/>
    </row>
    <row r="67524" spans="8:8">
      <c r="H67524" s="12"/>
    </row>
    <row r="67525" spans="8:8">
      <c r="H67525" s="12"/>
    </row>
    <row r="67526" spans="8:8">
      <c r="H67526" s="12"/>
    </row>
    <row r="67527" spans="8:8">
      <c r="H67527" s="12"/>
    </row>
    <row r="67528" spans="8:8">
      <c r="H67528" s="12"/>
    </row>
    <row r="67529" spans="8:8">
      <c r="H67529" s="12"/>
    </row>
    <row r="67530" spans="8:8">
      <c r="H67530" s="12"/>
    </row>
    <row r="67531" spans="8:8">
      <c r="H67531" s="12"/>
    </row>
    <row r="67532" spans="8:8">
      <c r="H67532" s="12"/>
    </row>
    <row r="67533" spans="8:8">
      <c r="H67533" s="12"/>
    </row>
    <row r="67534" spans="8:8">
      <c r="H67534" s="12"/>
    </row>
    <row r="67535" spans="8:8">
      <c r="H67535" s="12"/>
    </row>
    <row r="67536" spans="8:8">
      <c r="H67536" s="12"/>
    </row>
    <row r="67537" spans="8:8">
      <c r="H67537" s="12"/>
    </row>
    <row r="67538" spans="8:8">
      <c r="H67538" s="12"/>
    </row>
    <row r="67539" spans="8:8">
      <c r="H67539" s="12"/>
    </row>
    <row r="67540" spans="8:8">
      <c r="H67540" s="12"/>
    </row>
    <row r="67541" spans="8:8">
      <c r="H67541" s="12"/>
    </row>
    <row r="67542" spans="8:8">
      <c r="H67542" s="12"/>
    </row>
    <row r="67543" spans="8:8">
      <c r="H67543" s="12"/>
    </row>
    <row r="67544" spans="8:8">
      <c r="H67544" s="12"/>
    </row>
    <row r="67545" spans="8:8">
      <c r="H67545" s="12"/>
    </row>
    <row r="67546" spans="8:8">
      <c r="H67546" s="12"/>
    </row>
    <row r="67547" spans="8:8">
      <c r="H67547" s="12"/>
    </row>
    <row r="67548" spans="8:8">
      <c r="H67548" s="12"/>
    </row>
    <row r="67549" spans="8:8">
      <c r="H67549" s="12"/>
    </row>
    <row r="67550" spans="8:8">
      <c r="H67550" s="12"/>
    </row>
    <row r="67551" spans="8:8">
      <c r="H67551" s="12"/>
    </row>
    <row r="67552" spans="8:8">
      <c r="H67552" s="12"/>
    </row>
    <row r="67553" spans="8:8">
      <c r="H67553" s="12"/>
    </row>
    <row r="67554" spans="8:8">
      <c r="H67554" s="12"/>
    </row>
    <row r="67555" spans="8:8">
      <c r="H67555" s="12"/>
    </row>
    <row r="67556" spans="8:8">
      <c r="H67556" s="12"/>
    </row>
    <row r="67557" spans="8:8">
      <c r="H67557" s="12"/>
    </row>
    <row r="67558" spans="8:8">
      <c r="H67558" s="12"/>
    </row>
    <row r="67559" spans="8:8">
      <c r="H67559" s="12"/>
    </row>
    <row r="67560" spans="8:8">
      <c r="H67560" s="12"/>
    </row>
    <row r="67561" spans="8:8">
      <c r="H67561" s="12"/>
    </row>
    <row r="67562" spans="8:8">
      <c r="H67562" s="12"/>
    </row>
    <row r="67563" spans="8:8">
      <c r="H67563" s="12"/>
    </row>
    <row r="67564" spans="8:8">
      <c r="H67564" s="12"/>
    </row>
    <row r="67565" spans="8:8">
      <c r="H67565" s="12"/>
    </row>
    <row r="67566" spans="8:8">
      <c r="H67566" s="12"/>
    </row>
    <row r="67567" spans="8:8">
      <c r="H67567" s="12"/>
    </row>
    <row r="67568" spans="8:8">
      <c r="H67568" s="12"/>
    </row>
    <row r="67569" spans="8:8">
      <c r="H67569" s="12"/>
    </row>
    <row r="67570" spans="8:8">
      <c r="H67570" s="12"/>
    </row>
    <row r="67571" spans="8:8">
      <c r="H67571" s="12"/>
    </row>
    <row r="67572" spans="8:8">
      <c r="H67572" s="12"/>
    </row>
    <row r="67573" spans="8:8">
      <c r="H67573" s="12"/>
    </row>
    <row r="67574" spans="8:8">
      <c r="H67574" s="12"/>
    </row>
    <row r="67575" spans="8:8">
      <c r="H67575" s="12"/>
    </row>
    <row r="67576" spans="8:8">
      <c r="H67576" s="12"/>
    </row>
    <row r="67577" spans="8:8">
      <c r="H67577" s="12"/>
    </row>
    <row r="67578" spans="8:8">
      <c r="H67578" s="12"/>
    </row>
    <row r="67579" spans="8:8">
      <c r="H67579" s="12"/>
    </row>
    <row r="67580" spans="8:8">
      <c r="H67580" s="12"/>
    </row>
    <row r="67581" spans="8:8">
      <c r="H67581" s="12"/>
    </row>
    <row r="67582" spans="8:8">
      <c r="H67582" s="12"/>
    </row>
    <row r="67583" spans="8:8">
      <c r="H67583" s="12"/>
    </row>
    <row r="67584" spans="8:8">
      <c r="H67584" s="12"/>
    </row>
    <row r="67585" spans="8:8">
      <c r="H67585" s="12"/>
    </row>
    <row r="67586" spans="8:8">
      <c r="H67586" s="12"/>
    </row>
    <row r="67587" spans="8:8">
      <c r="H67587" s="12"/>
    </row>
    <row r="67588" spans="8:8">
      <c r="H67588" s="12"/>
    </row>
    <row r="67589" spans="8:8">
      <c r="H67589" s="12"/>
    </row>
    <row r="67590" spans="8:8">
      <c r="H67590" s="12"/>
    </row>
    <row r="67591" spans="8:8">
      <c r="H67591" s="12"/>
    </row>
    <row r="67592" spans="8:8">
      <c r="H67592" s="12"/>
    </row>
    <row r="67593" spans="8:8">
      <c r="H67593" s="12"/>
    </row>
    <row r="67594" spans="8:8">
      <c r="H67594" s="12"/>
    </row>
    <row r="67595" spans="8:8">
      <c r="H67595" s="12"/>
    </row>
    <row r="67596" spans="8:8">
      <c r="H67596" s="12"/>
    </row>
    <row r="67597" spans="8:8">
      <c r="H67597" s="12"/>
    </row>
    <row r="67598" spans="8:8">
      <c r="H67598" s="12"/>
    </row>
    <row r="67599" spans="8:8">
      <c r="H67599" s="12"/>
    </row>
    <row r="67600" spans="8:8">
      <c r="H67600" s="12"/>
    </row>
    <row r="67601" spans="8:8">
      <c r="H67601" s="12"/>
    </row>
    <row r="67602" spans="8:8">
      <c r="H67602" s="12"/>
    </row>
    <row r="67603" spans="8:8">
      <c r="H67603" s="12"/>
    </row>
    <row r="67604" spans="8:8">
      <c r="H67604" s="12"/>
    </row>
    <row r="67605" spans="8:8">
      <c r="H67605" s="12"/>
    </row>
    <row r="67606" spans="8:8">
      <c r="H67606" s="12"/>
    </row>
    <row r="67607" spans="8:8">
      <c r="H67607" s="12"/>
    </row>
    <row r="67608" spans="8:8">
      <c r="H67608" s="12"/>
    </row>
    <row r="67609" spans="8:8">
      <c r="H67609" s="12"/>
    </row>
    <row r="67610" spans="8:8">
      <c r="H67610" s="12"/>
    </row>
    <row r="67611" spans="8:8">
      <c r="H67611" s="12"/>
    </row>
    <row r="67612" spans="8:8">
      <c r="H67612" s="12"/>
    </row>
    <row r="67613" spans="8:8">
      <c r="H67613" s="12"/>
    </row>
    <row r="67614" spans="8:8">
      <c r="H67614" s="12"/>
    </row>
    <row r="67615" spans="8:8">
      <c r="H67615" s="12"/>
    </row>
    <row r="67616" spans="8:8">
      <c r="H67616" s="12"/>
    </row>
    <row r="67617" spans="8:8">
      <c r="H67617" s="12"/>
    </row>
    <row r="67618" spans="8:8">
      <c r="H67618" s="12"/>
    </row>
    <row r="67619" spans="8:8">
      <c r="H67619" s="12"/>
    </row>
    <row r="67620" spans="8:8">
      <c r="H67620" s="12"/>
    </row>
    <row r="67621" spans="8:8">
      <c r="H67621" s="12"/>
    </row>
    <row r="67622" spans="8:8">
      <c r="H67622" s="12"/>
    </row>
    <row r="67623" spans="8:8">
      <c r="H67623" s="12"/>
    </row>
    <row r="67624" spans="8:8">
      <c r="H67624" s="12"/>
    </row>
    <row r="67625" spans="8:8">
      <c r="H67625" s="12"/>
    </row>
    <row r="67626" spans="8:8">
      <c r="H67626" s="12"/>
    </row>
    <row r="67627" spans="8:8">
      <c r="H67627" s="12"/>
    </row>
    <row r="67628" spans="8:8">
      <c r="H67628" s="12"/>
    </row>
    <row r="67629" spans="8:8">
      <c r="H67629" s="12"/>
    </row>
    <row r="67630" spans="8:8">
      <c r="H67630" s="12"/>
    </row>
    <row r="67631" spans="8:8">
      <c r="H67631" s="12"/>
    </row>
    <row r="67632" spans="8:8">
      <c r="H67632" s="12"/>
    </row>
    <row r="67633" spans="8:8">
      <c r="H67633" s="12"/>
    </row>
    <row r="67634" spans="8:8">
      <c r="H67634" s="12"/>
    </row>
    <row r="67635" spans="8:8">
      <c r="H67635" s="12"/>
    </row>
    <row r="67636" spans="8:8">
      <c r="H67636" s="12"/>
    </row>
    <row r="67637" spans="8:8">
      <c r="H67637" s="12"/>
    </row>
    <row r="67638" spans="8:8">
      <c r="H67638" s="12"/>
    </row>
    <row r="67639" spans="8:8">
      <c r="H67639" s="12"/>
    </row>
    <row r="67640" spans="8:8">
      <c r="H67640" s="12"/>
    </row>
    <row r="67641" spans="8:8">
      <c r="H67641" s="12"/>
    </row>
    <row r="67642" spans="8:8">
      <c r="H67642" s="12"/>
    </row>
    <row r="67643" spans="8:8">
      <c r="H67643" s="12"/>
    </row>
    <row r="67644" spans="8:8">
      <c r="H67644" s="12"/>
    </row>
    <row r="67645" spans="8:8">
      <c r="H67645" s="12"/>
    </row>
    <row r="67646" spans="8:8">
      <c r="H67646" s="12"/>
    </row>
    <row r="67647" spans="8:8">
      <c r="H67647" s="12"/>
    </row>
    <row r="67648" spans="8:8">
      <c r="H67648" s="12"/>
    </row>
    <row r="67649" spans="8:8">
      <c r="H67649" s="12"/>
    </row>
    <row r="67650" spans="8:8">
      <c r="H67650" s="12"/>
    </row>
    <row r="67651" spans="8:8">
      <c r="H67651" s="12"/>
    </row>
    <row r="67652" spans="8:8">
      <c r="H67652" s="12"/>
    </row>
    <row r="67653" spans="8:8">
      <c r="H67653" s="12"/>
    </row>
    <row r="67654" spans="8:8">
      <c r="H67654" s="12"/>
    </row>
    <row r="67655" spans="8:8">
      <c r="H67655" s="12"/>
    </row>
    <row r="67656" spans="8:8">
      <c r="H67656" s="12"/>
    </row>
    <row r="67657" spans="8:8">
      <c r="H67657" s="12"/>
    </row>
    <row r="67658" spans="8:8">
      <c r="H67658" s="12"/>
    </row>
    <row r="67659" spans="8:8">
      <c r="H67659" s="12"/>
    </row>
    <row r="67660" spans="8:8">
      <c r="H67660" s="12"/>
    </row>
    <row r="67661" spans="8:8">
      <c r="H67661" s="12"/>
    </row>
    <row r="67662" spans="8:8">
      <c r="H67662" s="12"/>
    </row>
    <row r="67663" spans="8:8">
      <c r="H67663" s="12"/>
    </row>
    <row r="67664" spans="8:8">
      <c r="H67664" s="12"/>
    </row>
    <row r="67665" spans="8:8">
      <c r="H67665" s="12"/>
    </row>
    <row r="67666" spans="8:8">
      <c r="H67666" s="12"/>
    </row>
    <row r="67667" spans="8:8">
      <c r="H67667" s="12"/>
    </row>
    <row r="67668" spans="8:8">
      <c r="H67668" s="12"/>
    </row>
    <row r="67669" spans="8:8">
      <c r="H67669" s="12"/>
    </row>
    <row r="67670" spans="8:8">
      <c r="H67670" s="12"/>
    </row>
    <row r="67671" spans="8:8">
      <c r="H67671" s="12"/>
    </row>
    <row r="67672" spans="8:8">
      <c r="H67672" s="12"/>
    </row>
    <row r="67673" spans="8:8">
      <c r="H67673" s="12"/>
    </row>
    <row r="67674" spans="8:8">
      <c r="H67674" s="12"/>
    </row>
    <row r="67675" spans="8:8">
      <c r="H67675" s="12"/>
    </row>
    <row r="67676" spans="8:8">
      <c r="H67676" s="12"/>
    </row>
    <row r="67677" spans="8:8">
      <c r="H67677" s="12"/>
    </row>
    <row r="67678" spans="8:8">
      <c r="H67678" s="12"/>
    </row>
    <row r="67679" spans="8:8">
      <c r="H67679" s="12"/>
    </row>
    <row r="67680" spans="8:8">
      <c r="H67680" s="12"/>
    </row>
    <row r="67681" spans="8:8">
      <c r="H67681" s="12"/>
    </row>
    <row r="67682" spans="8:8">
      <c r="H67682" s="12"/>
    </row>
    <row r="67683" spans="8:8">
      <c r="H67683" s="12"/>
    </row>
    <row r="67684" spans="8:8">
      <c r="H67684" s="12"/>
    </row>
    <row r="67685" spans="8:8">
      <c r="H67685" s="12"/>
    </row>
    <row r="67686" spans="8:8">
      <c r="H67686" s="12"/>
    </row>
    <row r="67687" spans="8:8">
      <c r="H67687" s="12"/>
    </row>
    <row r="67688" spans="8:8">
      <c r="H67688" s="12"/>
    </row>
    <row r="67689" spans="8:8">
      <c r="H67689" s="12"/>
    </row>
    <row r="67690" spans="8:8">
      <c r="H67690" s="12"/>
    </row>
    <row r="67691" spans="8:8">
      <c r="H67691" s="12"/>
    </row>
    <row r="67692" spans="8:8">
      <c r="H67692" s="12"/>
    </row>
    <row r="67693" spans="8:8">
      <c r="H67693" s="12"/>
    </row>
    <row r="67694" spans="8:8">
      <c r="H67694" s="12"/>
    </row>
    <row r="67695" spans="8:8">
      <c r="H67695" s="12"/>
    </row>
    <row r="67696" spans="8:8">
      <c r="H67696" s="12"/>
    </row>
    <row r="67697" spans="8:8">
      <c r="H67697" s="12"/>
    </row>
    <row r="67698" spans="8:8">
      <c r="H67698" s="12"/>
    </row>
    <row r="67699" spans="8:8">
      <c r="H67699" s="12"/>
    </row>
    <row r="67700" spans="8:8">
      <c r="H67700" s="12"/>
    </row>
    <row r="67701" spans="8:8">
      <c r="H67701" s="12"/>
    </row>
    <row r="67702" spans="8:8">
      <c r="H67702" s="12"/>
    </row>
    <row r="67703" spans="8:8">
      <c r="H67703" s="12"/>
    </row>
    <row r="67704" spans="8:8">
      <c r="H67704" s="12"/>
    </row>
    <row r="67705" spans="8:8">
      <c r="H67705" s="12"/>
    </row>
    <row r="67706" spans="8:8">
      <c r="H67706" s="12"/>
    </row>
    <row r="67707" spans="8:8">
      <c r="H67707" s="12"/>
    </row>
    <row r="67708" spans="8:8">
      <c r="H67708" s="12"/>
    </row>
    <row r="67709" spans="8:8">
      <c r="H67709" s="12"/>
    </row>
    <row r="67710" spans="8:8">
      <c r="H67710" s="12"/>
    </row>
    <row r="67711" spans="8:8">
      <c r="H67711" s="12"/>
    </row>
    <row r="67712" spans="8:8">
      <c r="H67712" s="12"/>
    </row>
    <row r="67713" spans="8:8">
      <c r="H67713" s="12"/>
    </row>
    <row r="67714" spans="8:8">
      <c r="H67714" s="12"/>
    </row>
    <row r="67715" spans="8:8">
      <c r="H67715" s="12"/>
    </row>
    <row r="67716" spans="8:8">
      <c r="H67716" s="12"/>
    </row>
    <row r="67717" spans="8:8">
      <c r="H67717" s="12"/>
    </row>
    <row r="67718" spans="8:8">
      <c r="H67718" s="12"/>
    </row>
    <row r="67719" spans="8:8">
      <c r="H67719" s="12"/>
    </row>
    <row r="67720" spans="8:8">
      <c r="H67720" s="12"/>
    </row>
    <row r="67721" spans="8:8">
      <c r="H67721" s="12"/>
    </row>
    <row r="67722" spans="8:8">
      <c r="H67722" s="12"/>
    </row>
    <row r="67723" spans="8:8">
      <c r="H67723" s="12"/>
    </row>
    <row r="67724" spans="8:8">
      <c r="H67724" s="12"/>
    </row>
    <row r="67725" spans="8:8">
      <c r="H67725" s="12"/>
    </row>
    <row r="67726" spans="8:8">
      <c r="H67726" s="12"/>
    </row>
    <row r="67727" spans="8:8">
      <c r="H67727" s="12"/>
    </row>
    <row r="67728" spans="8:8">
      <c r="H67728" s="12"/>
    </row>
    <row r="67729" spans="8:8">
      <c r="H67729" s="12"/>
    </row>
    <row r="67730" spans="8:8">
      <c r="H67730" s="12"/>
    </row>
    <row r="67731" spans="8:8">
      <c r="H67731" s="12"/>
    </row>
    <row r="67732" spans="8:8">
      <c r="H67732" s="12"/>
    </row>
    <row r="67733" spans="8:8">
      <c r="H67733" s="12"/>
    </row>
    <row r="67734" spans="8:8">
      <c r="H67734" s="12"/>
    </row>
    <row r="67735" spans="8:8">
      <c r="H67735" s="12"/>
    </row>
    <row r="67736" spans="8:8">
      <c r="H67736" s="12"/>
    </row>
    <row r="67737" spans="8:8">
      <c r="H67737" s="12"/>
    </row>
    <row r="67738" spans="8:8">
      <c r="H67738" s="12"/>
    </row>
    <row r="67739" spans="8:8">
      <c r="H67739" s="12"/>
    </row>
    <row r="67740" spans="8:8">
      <c r="H67740" s="12"/>
    </row>
    <row r="67741" spans="8:8">
      <c r="H67741" s="12"/>
    </row>
    <row r="67742" spans="8:8">
      <c r="H67742" s="12"/>
    </row>
    <row r="67743" spans="8:8">
      <c r="H67743" s="12"/>
    </row>
    <row r="67744" spans="8:8">
      <c r="H67744" s="12"/>
    </row>
    <row r="67745" spans="8:8">
      <c r="H67745" s="12"/>
    </row>
    <row r="67746" spans="8:8">
      <c r="H67746" s="12"/>
    </row>
    <row r="67747" spans="8:8">
      <c r="H67747" s="12"/>
    </row>
    <row r="67748" spans="8:8">
      <c r="H67748" s="12"/>
    </row>
    <row r="67749" spans="8:8">
      <c r="H67749" s="12"/>
    </row>
    <row r="67750" spans="8:8">
      <c r="H67750" s="12"/>
    </row>
    <row r="67751" spans="8:8">
      <c r="H67751" s="12"/>
    </row>
    <row r="67752" spans="8:8">
      <c r="H67752" s="12"/>
    </row>
    <row r="67753" spans="8:8">
      <c r="H67753" s="12"/>
    </row>
    <row r="67754" spans="8:8">
      <c r="H67754" s="12"/>
    </row>
    <row r="67755" spans="8:8">
      <c r="H67755" s="12"/>
    </row>
    <row r="67756" spans="8:8">
      <c r="H67756" s="12"/>
    </row>
    <row r="67757" spans="8:8">
      <c r="H67757" s="12"/>
    </row>
    <row r="67758" spans="8:8">
      <c r="H67758" s="12"/>
    </row>
    <row r="67759" spans="8:8">
      <c r="H67759" s="12"/>
    </row>
    <row r="67760" spans="8:8">
      <c r="H67760" s="12"/>
    </row>
    <row r="67761" spans="8:8">
      <c r="H67761" s="12"/>
    </row>
    <row r="67762" spans="8:8">
      <c r="H67762" s="12"/>
    </row>
    <row r="67763" spans="8:8">
      <c r="H67763" s="12"/>
    </row>
    <row r="67764" spans="8:8">
      <c r="H67764" s="12"/>
    </row>
    <row r="67765" spans="8:8">
      <c r="H67765" s="12"/>
    </row>
    <row r="67766" spans="8:8">
      <c r="H67766" s="12"/>
    </row>
    <row r="67767" spans="8:8">
      <c r="H67767" s="12"/>
    </row>
    <row r="67768" spans="8:8">
      <c r="H67768" s="12"/>
    </row>
    <row r="67769" spans="8:8">
      <c r="H67769" s="12"/>
    </row>
    <row r="67770" spans="8:8">
      <c r="H67770" s="12"/>
    </row>
    <row r="67771" spans="8:8">
      <c r="H67771" s="12"/>
    </row>
    <row r="67772" spans="8:8">
      <c r="H67772" s="12"/>
    </row>
    <row r="67773" spans="8:8">
      <c r="H67773" s="12"/>
    </row>
    <row r="67774" spans="8:8">
      <c r="H67774" s="12"/>
    </row>
    <row r="67775" spans="8:8">
      <c r="H67775" s="12"/>
    </row>
    <row r="67776" spans="8:8">
      <c r="H67776" s="12"/>
    </row>
    <row r="67777" spans="8:8">
      <c r="H67777" s="12"/>
    </row>
    <row r="67778" spans="8:8">
      <c r="H67778" s="12"/>
    </row>
    <row r="67779" spans="8:8">
      <c r="H67779" s="12"/>
    </row>
    <row r="67780" spans="8:8">
      <c r="H67780" s="12"/>
    </row>
    <row r="67781" spans="8:8">
      <c r="H67781" s="12"/>
    </row>
    <row r="67782" spans="8:8">
      <c r="H67782" s="12"/>
    </row>
    <row r="67783" spans="8:8">
      <c r="H67783" s="12"/>
    </row>
    <row r="67784" spans="8:8">
      <c r="H67784" s="12"/>
    </row>
    <row r="67785" spans="8:8">
      <c r="H67785" s="12"/>
    </row>
    <row r="67786" spans="8:8">
      <c r="H67786" s="12"/>
    </row>
    <row r="67787" spans="8:8">
      <c r="H67787" s="12"/>
    </row>
    <row r="67788" spans="8:8">
      <c r="H67788" s="12"/>
    </row>
    <row r="67789" spans="8:8">
      <c r="H67789" s="12"/>
    </row>
    <row r="67790" spans="8:8">
      <c r="H67790" s="12"/>
    </row>
    <row r="67791" spans="8:8">
      <c r="H67791" s="12"/>
    </row>
    <row r="67792" spans="8:8">
      <c r="H67792" s="12"/>
    </row>
    <row r="67793" spans="8:8">
      <c r="H67793" s="12"/>
    </row>
    <row r="67794" spans="8:8">
      <c r="H67794" s="12"/>
    </row>
    <row r="67795" spans="8:8">
      <c r="H67795" s="12"/>
    </row>
    <row r="67796" spans="8:8">
      <c r="H67796" s="12"/>
    </row>
    <row r="67797" spans="8:8">
      <c r="H67797" s="12"/>
    </row>
    <row r="67798" spans="8:8">
      <c r="H67798" s="12"/>
    </row>
    <row r="67799" spans="8:8">
      <c r="H67799" s="12"/>
    </row>
    <row r="67800" spans="8:8">
      <c r="H67800" s="12"/>
    </row>
    <row r="67801" spans="8:8">
      <c r="H67801" s="12"/>
    </row>
    <row r="67802" spans="8:8">
      <c r="H67802" s="12"/>
    </row>
    <row r="67803" spans="8:8">
      <c r="H67803" s="12"/>
    </row>
    <row r="67804" spans="8:8">
      <c r="H67804" s="12"/>
    </row>
    <row r="67805" spans="8:8">
      <c r="H67805" s="12"/>
    </row>
    <row r="67806" spans="8:8">
      <c r="H67806" s="12"/>
    </row>
    <row r="67807" spans="8:8">
      <c r="H67807" s="12"/>
    </row>
    <row r="67808" spans="8:8">
      <c r="H67808" s="12"/>
    </row>
    <row r="67809" spans="8:8">
      <c r="H67809" s="12"/>
    </row>
    <row r="67810" spans="8:8">
      <c r="H67810" s="12"/>
    </row>
    <row r="67811" spans="8:8">
      <c r="H67811" s="12"/>
    </row>
    <row r="67812" spans="8:8">
      <c r="H67812" s="12"/>
    </row>
    <row r="67813" spans="8:8">
      <c r="H67813" s="12"/>
    </row>
    <row r="67814" spans="8:8">
      <c r="H67814" s="12"/>
    </row>
    <row r="67815" spans="8:8">
      <c r="H67815" s="12"/>
    </row>
    <row r="67816" spans="8:8">
      <c r="H67816" s="12"/>
    </row>
    <row r="67817" spans="8:8">
      <c r="H67817" s="12"/>
    </row>
    <row r="67818" spans="8:8">
      <c r="H67818" s="12"/>
    </row>
    <row r="67819" spans="8:8">
      <c r="H67819" s="12"/>
    </row>
    <row r="67820" spans="8:8">
      <c r="H67820" s="12"/>
    </row>
    <row r="67821" spans="8:8">
      <c r="H67821" s="12"/>
    </row>
    <row r="67822" spans="8:8">
      <c r="H67822" s="12"/>
    </row>
    <row r="67823" spans="8:8">
      <c r="H67823" s="12"/>
    </row>
    <row r="67824" spans="8:8">
      <c r="H67824" s="12"/>
    </row>
    <row r="67825" spans="8:8">
      <c r="H67825" s="12"/>
    </row>
    <row r="67826" spans="8:8">
      <c r="H67826" s="12"/>
    </row>
    <row r="67827" spans="8:8">
      <c r="H67827" s="12"/>
    </row>
    <row r="67828" spans="8:8">
      <c r="H67828" s="12"/>
    </row>
    <row r="67829" spans="8:8">
      <c r="H67829" s="12"/>
    </row>
    <row r="67830" spans="8:8">
      <c r="H67830" s="12"/>
    </row>
    <row r="67831" spans="8:8">
      <c r="H67831" s="12"/>
    </row>
    <row r="67832" spans="8:8">
      <c r="H67832" s="12"/>
    </row>
    <row r="67833" spans="8:8">
      <c r="H67833" s="12"/>
    </row>
    <row r="67834" spans="8:8">
      <c r="H67834" s="12"/>
    </row>
    <row r="67835" spans="8:8">
      <c r="H67835" s="12"/>
    </row>
    <row r="67836" spans="8:8">
      <c r="H67836" s="12"/>
    </row>
    <row r="67837" spans="8:8">
      <c r="H67837" s="12"/>
    </row>
    <row r="67838" spans="8:8">
      <c r="H67838" s="12"/>
    </row>
    <row r="67839" spans="8:8">
      <c r="H67839" s="12"/>
    </row>
    <row r="67840" spans="8:8">
      <c r="H67840" s="12"/>
    </row>
    <row r="67841" spans="8:8">
      <c r="H67841" s="12"/>
    </row>
    <row r="67842" spans="8:8">
      <c r="H67842" s="12"/>
    </row>
    <row r="67843" spans="8:8">
      <c r="H67843" s="12"/>
    </row>
    <row r="67844" spans="8:8">
      <c r="H67844" s="12"/>
    </row>
    <row r="67845" spans="8:8">
      <c r="H67845" s="12"/>
    </row>
    <row r="67846" spans="8:8">
      <c r="H67846" s="12"/>
    </row>
    <row r="67847" spans="8:8">
      <c r="H67847" s="12"/>
    </row>
    <row r="67848" spans="8:8">
      <c r="H67848" s="12"/>
    </row>
    <row r="67849" spans="8:8">
      <c r="H67849" s="12"/>
    </row>
    <row r="67850" spans="8:8">
      <c r="H67850" s="12"/>
    </row>
    <row r="67851" spans="8:8">
      <c r="H67851" s="12"/>
    </row>
    <row r="67852" spans="8:8">
      <c r="H67852" s="12"/>
    </row>
    <row r="67853" spans="8:8">
      <c r="H67853" s="12"/>
    </row>
    <row r="67854" spans="8:8">
      <c r="H67854" s="12"/>
    </row>
    <row r="67855" spans="8:8">
      <c r="H67855" s="12"/>
    </row>
    <row r="67856" spans="8:8">
      <c r="H67856" s="12"/>
    </row>
    <row r="67857" spans="8:8">
      <c r="H67857" s="12"/>
    </row>
    <row r="67858" spans="8:8">
      <c r="H67858" s="12"/>
    </row>
    <row r="67859" spans="8:8">
      <c r="H67859" s="12"/>
    </row>
    <row r="67860" spans="8:8">
      <c r="H67860" s="12"/>
    </row>
    <row r="67861" spans="8:8">
      <c r="H67861" s="12"/>
    </row>
    <row r="67862" spans="8:8">
      <c r="H67862" s="12"/>
    </row>
    <row r="67863" spans="8:8">
      <c r="H67863" s="12"/>
    </row>
    <row r="67864" spans="8:8">
      <c r="H67864" s="12"/>
    </row>
    <row r="67865" spans="8:8">
      <c r="H67865" s="12"/>
    </row>
    <row r="67866" spans="8:8">
      <c r="H67866" s="12"/>
    </row>
    <row r="67867" spans="8:8">
      <c r="H67867" s="12"/>
    </row>
    <row r="67868" spans="8:8">
      <c r="H67868" s="12"/>
    </row>
    <row r="67869" spans="8:8">
      <c r="H67869" s="12"/>
    </row>
    <row r="67870" spans="8:8">
      <c r="H67870" s="12"/>
    </row>
    <row r="67871" spans="8:8">
      <c r="H67871" s="12"/>
    </row>
    <row r="67872" spans="8:8">
      <c r="H67872" s="12"/>
    </row>
    <row r="67873" spans="8:8">
      <c r="H67873" s="12"/>
    </row>
    <row r="67874" spans="8:8">
      <c r="H67874" s="12"/>
    </row>
    <row r="67875" spans="8:8">
      <c r="H67875" s="12"/>
    </row>
    <row r="67876" spans="8:8">
      <c r="H67876" s="12"/>
    </row>
    <row r="67877" spans="8:8">
      <c r="H67877" s="12"/>
    </row>
    <row r="67878" spans="8:8">
      <c r="H67878" s="12"/>
    </row>
    <row r="67879" spans="8:8">
      <c r="H67879" s="12"/>
    </row>
    <row r="67880" spans="8:8">
      <c r="H67880" s="12"/>
    </row>
    <row r="67881" spans="8:8">
      <c r="H67881" s="12"/>
    </row>
    <row r="67882" spans="8:8">
      <c r="H67882" s="12"/>
    </row>
    <row r="67883" spans="8:8">
      <c r="H67883" s="12"/>
    </row>
    <row r="67884" spans="8:8">
      <c r="H67884" s="12"/>
    </row>
    <row r="67885" spans="8:8">
      <c r="H67885" s="12"/>
    </row>
    <row r="67886" spans="8:8">
      <c r="H67886" s="12"/>
    </row>
    <row r="67887" spans="8:8">
      <c r="H67887" s="12"/>
    </row>
    <row r="67888" spans="8:8">
      <c r="H67888" s="12"/>
    </row>
    <row r="67889" spans="8:8">
      <c r="H67889" s="12"/>
    </row>
    <row r="67890" spans="8:8">
      <c r="H67890" s="12"/>
    </row>
    <row r="67891" spans="8:8">
      <c r="H67891" s="12"/>
    </row>
    <row r="67892" spans="8:8">
      <c r="H67892" s="12"/>
    </row>
    <row r="67893" spans="8:8">
      <c r="H67893" s="12"/>
    </row>
    <row r="67894" spans="8:8">
      <c r="H67894" s="12"/>
    </row>
    <row r="67895" spans="8:8">
      <c r="H67895" s="12"/>
    </row>
    <row r="67896" spans="8:8">
      <c r="H67896" s="12"/>
    </row>
    <row r="67897" spans="8:8">
      <c r="H67897" s="12"/>
    </row>
    <row r="67898" spans="8:8">
      <c r="H67898" s="12"/>
    </row>
    <row r="67899" spans="8:8">
      <c r="H67899" s="12"/>
    </row>
    <row r="67900" spans="8:8">
      <c r="H67900" s="12"/>
    </row>
    <row r="67901" spans="8:8">
      <c r="H67901" s="12"/>
    </row>
    <row r="67902" spans="8:8">
      <c r="H67902" s="12"/>
    </row>
    <row r="67903" spans="8:8">
      <c r="H67903" s="12"/>
    </row>
    <row r="67904" spans="8:8">
      <c r="H67904" s="12"/>
    </row>
    <row r="67905" spans="8:8">
      <c r="H67905" s="12"/>
    </row>
    <row r="67906" spans="8:8">
      <c r="H67906" s="12"/>
    </row>
    <row r="67907" spans="8:8">
      <c r="H67907" s="12"/>
    </row>
    <row r="67908" spans="8:8">
      <c r="H67908" s="12"/>
    </row>
    <row r="67909" spans="8:8">
      <c r="H67909" s="12"/>
    </row>
    <row r="67910" spans="8:8">
      <c r="H67910" s="12"/>
    </row>
    <row r="67911" spans="8:8">
      <c r="H67911" s="12"/>
    </row>
    <row r="67912" spans="8:8">
      <c r="H67912" s="12"/>
    </row>
    <row r="67913" spans="8:8">
      <c r="H67913" s="12"/>
    </row>
    <row r="67914" spans="8:8">
      <c r="H67914" s="12"/>
    </row>
    <row r="67915" spans="8:8">
      <c r="H67915" s="12"/>
    </row>
    <row r="67916" spans="8:8">
      <c r="H67916" s="12"/>
    </row>
    <row r="67917" spans="8:8">
      <c r="H67917" s="12"/>
    </row>
    <row r="67918" spans="8:8">
      <c r="H67918" s="12"/>
    </row>
    <row r="67919" spans="8:8">
      <c r="H67919" s="12"/>
    </row>
    <row r="67920" spans="8:8">
      <c r="H67920" s="12"/>
    </row>
    <row r="67921" spans="8:8">
      <c r="H67921" s="12"/>
    </row>
    <row r="67922" spans="8:8">
      <c r="H67922" s="12"/>
    </row>
    <row r="67923" spans="8:8">
      <c r="H67923" s="12"/>
    </row>
    <row r="67924" spans="8:8">
      <c r="H67924" s="12"/>
    </row>
    <row r="67925" spans="8:8">
      <c r="H67925" s="12"/>
    </row>
    <row r="67926" spans="8:8">
      <c r="H67926" s="12"/>
    </row>
    <row r="67927" spans="8:8">
      <c r="H67927" s="12"/>
    </row>
    <row r="67928" spans="8:8">
      <c r="H67928" s="12"/>
    </row>
    <row r="67929" spans="8:8">
      <c r="H67929" s="12"/>
    </row>
    <row r="67930" spans="8:8">
      <c r="H67930" s="12"/>
    </row>
    <row r="67931" spans="8:8">
      <c r="H67931" s="12"/>
    </row>
    <row r="67932" spans="8:8">
      <c r="H67932" s="12"/>
    </row>
    <row r="67933" spans="8:8">
      <c r="H67933" s="12"/>
    </row>
    <row r="67934" spans="8:8">
      <c r="H67934" s="12"/>
    </row>
    <row r="67935" spans="8:8">
      <c r="H67935" s="12"/>
    </row>
    <row r="67936" spans="8:8">
      <c r="H67936" s="12"/>
    </row>
    <row r="67937" spans="8:8">
      <c r="H67937" s="12"/>
    </row>
    <row r="67938" spans="8:8">
      <c r="H67938" s="12"/>
    </row>
    <row r="67939" spans="8:8">
      <c r="H67939" s="12"/>
    </row>
    <row r="67940" spans="8:8">
      <c r="H67940" s="12"/>
    </row>
    <row r="67941" spans="8:8">
      <c r="H67941" s="12"/>
    </row>
    <row r="67942" spans="8:8">
      <c r="H67942" s="12"/>
    </row>
    <row r="67943" spans="8:8">
      <c r="H67943" s="12"/>
    </row>
    <row r="67944" spans="8:8">
      <c r="H67944" s="12"/>
    </row>
    <row r="67945" spans="8:8">
      <c r="H67945" s="12"/>
    </row>
    <row r="67946" spans="8:8">
      <c r="H67946" s="12"/>
    </row>
    <row r="67947" spans="8:8">
      <c r="H67947" s="12"/>
    </row>
    <row r="67948" spans="8:8">
      <c r="H67948" s="12"/>
    </row>
    <row r="67949" spans="8:8">
      <c r="H67949" s="12"/>
    </row>
    <row r="67950" spans="8:8">
      <c r="H67950" s="12"/>
    </row>
    <row r="67951" spans="8:8">
      <c r="H67951" s="12"/>
    </row>
    <row r="67952" spans="8:8">
      <c r="H67952" s="12"/>
    </row>
    <row r="67953" spans="8:8">
      <c r="H67953" s="12"/>
    </row>
    <row r="67954" spans="8:8">
      <c r="H67954" s="12"/>
    </row>
    <row r="67955" spans="8:8">
      <c r="H67955" s="12"/>
    </row>
    <row r="67956" spans="8:8">
      <c r="H67956" s="12"/>
    </row>
    <row r="67957" spans="8:8">
      <c r="H67957" s="12"/>
    </row>
    <row r="67958" spans="8:8">
      <c r="H67958" s="12"/>
    </row>
    <row r="67959" spans="8:8">
      <c r="H67959" s="12"/>
    </row>
    <row r="67960" spans="8:8">
      <c r="H67960" s="12"/>
    </row>
    <row r="67961" spans="8:8">
      <c r="H67961" s="12"/>
    </row>
    <row r="67962" spans="8:8">
      <c r="H67962" s="12"/>
    </row>
    <row r="67963" spans="8:8">
      <c r="H67963" s="12"/>
    </row>
    <row r="67964" spans="8:8">
      <c r="H67964" s="12"/>
    </row>
    <row r="67965" spans="8:8">
      <c r="H67965" s="12"/>
    </row>
    <row r="67966" spans="8:8">
      <c r="H67966" s="12"/>
    </row>
    <row r="67967" spans="8:8">
      <c r="H67967" s="12"/>
    </row>
    <row r="67968" spans="8:8">
      <c r="H67968" s="12"/>
    </row>
    <row r="67969" spans="8:8">
      <c r="H67969" s="12"/>
    </row>
    <row r="67970" spans="8:8">
      <c r="H67970" s="12"/>
    </row>
    <row r="67971" spans="8:8">
      <c r="H67971" s="12"/>
    </row>
    <row r="67972" spans="8:8">
      <c r="H67972" s="12"/>
    </row>
    <row r="67973" spans="8:8">
      <c r="H67973" s="12"/>
    </row>
    <row r="67974" spans="8:8">
      <c r="H67974" s="12"/>
    </row>
    <row r="67975" spans="8:8">
      <c r="H67975" s="12"/>
    </row>
    <row r="67976" spans="8:8">
      <c r="H67976" s="12"/>
    </row>
    <row r="67977" spans="8:8">
      <c r="H67977" s="12"/>
    </row>
    <row r="67978" spans="8:8">
      <c r="H67978" s="12"/>
    </row>
    <row r="67979" spans="8:8">
      <c r="H67979" s="12"/>
    </row>
    <row r="67980" spans="8:8">
      <c r="H67980" s="12"/>
    </row>
    <row r="67981" spans="8:8">
      <c r="H67981" s="12"/>
    </row>
    <row r="67982" spans="8:8">
      <c r="H67982" s="12"/>
    </row>
    <row r="67983" spans="8:8">
      <c r="H67983" s="12"/>
    </row>
    <row r="67984" spans="8:8">
      <c r="H67984" s="12"/>
    </row>
    <row r="67985" spans="8:8">
      <c r="H67985" s="12"/>
    </row>
    <row r="67986" spans="8:8">
      <c r="H67986" s="12"/>
    </row>
    <row r="67987" spans="8:8">
      <c r="H67987" s="12"/>
    </row>
    <row r="67988" spans="8:8">
      <c r="H67988" s="12"/>
    </row>
    <row r="67989" spans="8:8">
      <c r="H67989" s="12"/>
    </row>
    <row r="67990" spans="8:8">
      <c r="H67990" s="12"/>
    </row>
    <row r="67991" spans="8:8">
      <c r="H67991" s="12"/>
    </row>
    <row r="67992" spans="8:8">
      <c r="H67992" s="12"/>
    </row>
    <row r="67993" spans="8:8">
      <c r="H67993" s="12"/>
    </row>
    <row r="67994" spans="8:8">
      <c r="H67994" s="12"/>
    </row>
    <row r="67995" spans="8:8">
      <c r="H67995" s="12"/>
    </row>
    <row r="67996" spans="8:8">
      <c r="H67996" s="12"/>
    </row>
    <row r="67997" spans="8:8">
      <c r="H67997" s="12"/>
    </row>
    <row r="67998" spans="8:8">
      <c r="H67998" s="12"/>
    </row>
    <row r="67999" spans="8:8">
      <c r="H67999" s="12"/>
    </row>
    <row r="68000" spans="8:8">
      <c r="H68000" s="12"/>
    </row>
    <row r="68001" spans="8:8">
      <c r="H68001" s="12"/>
    </row>
    <row r="68002" spans="8:8">
      <c r="H68002" s="12"/>
    </row>
    <row r="68003" spans="8:8">
      <c r="H68003" s="12"/>
    </row>
    <row r="68004" spans="8:8">
      <c r="H68004" s="12"/>
    </row>
    <row r="68005" spans="8:8">
      <c r="H68005" s="12"/>
    </row>
    <row r="68006" spans="8:8">
      <c r="H68006" s="12"/>
    </row>
    <row r="68007" spans="8:8">
      <c r="H68007" s="12"/>
    </row>
    <row r="68008" spans="8:8">
      <c r="H68008" s="12"/>
    </row>
    <row r="68009" spans="8:8">
      <c r="H68009" s="12"/>
    </row>
    <row r="68010" spans="8:8">
      <c r="H68010" s="12"/>
    </row>
    <row r="68011" spans="8:8">
      <c r="H68011" s="12"/>
    </row>
    <row r="68012" spans="8:8">
      <c r="H68012" s="12"/>
    </row>
    <row r="68013" spans="8:8">
      <c r="H68013" s="12"/>
    </row>
    <row r="68014" spans="8:8">
      <c r="H68014" s="12"/>
    </row>
    <row r="68015" spans="8:8">
      <c r="H68015" s="12"/>
    </row>
    <row r="68016" spans="8:8">
      <c r="H68016" s="12"/>
    </row>
    <row r="68017" spans="8:8">
      <c r="H68017" s="12"/>
    </row>
    <row r="68018" spans="8:8">
      <c r="H68018" s="12"/>
    </row>
    <row r="68019" spans="8:8">
      <c r="H68019" s="12"/>
    </row>
    <row r="68020" spans="8:8">
      <c r="H68020" s="12"/>
    </row>
    <row r="68021" spans="8:8">
      <c r="H68021" s="12"/>
    </row>
    <row r="68022" spans="8:8">
      <c r="H68022" s="12"/>
    </row>
    <row r="68023" spans="8:8">
      <c r="H68023" s="12"/>
    </row>
    <row r="68024" spans="8:8">
      <c r="H68024" s="12"/>
    </row>
    <row r="68025" spans="8:8">
      <c r="H68025" s="12"/>
    </row>
    <row r="68026" spans="8:8">
      <c r="H68026" s="12"/>
    </row>
    <row r="68027" spans="8:8">
      <c r="H68027" s="12"/>
    </row>
    <row r="68028" spans="8:8">
      <c r="H68028" s="12"/>
    </row>
    <row r="68029" spans="8:8">
      <c r="H68029" s="12"/>
    </row>
    <row r="68030" spans="8:8">
      <c r="H68030" s="12"/>
    </row>
    <row r="68031" spans="8:8">
      <c r="H68031" s="12"/>
    </row>
    <row r="68032" spans="8:8">
      <c r="H68032" s="12"/>
    </row>
    <row r="68033" spans="8:8">
      <c r="H68033" s="12"/>
    </row>
    <row r="68034" spans="8:8">
      <c r="H68034" s="12"/>
    </row>
    <row r="68035" spans="8:8">
      <c r="H68035" s="12"/>
    </row>
    <row r="68036" spans="8:8">
      <c r="H68036" s="12"/>
    </row>
    <row r="68037" spans="8:8">
      <c r="H68037" s="12"/>
    </row>
    <row r="68038" spans="8:8">
      <c r="H68038" s="12"/>
    </row>
    <row r="68039" spans="8:8">
      <c r="H68039" s="12"/>
    </row>
    <row r="68040" spans="8:8">
      <c r="H68040" s="12"/>
    </row>
    <row r="68041" spans="8:8">
      <c r="H68041" s="12"/>
    </row>
    <row r="68042" spans="8:8">
      <c r="H68042" s="12"/>
    </row>
    <row r="68043" spans="8:8">
      <c r="H68043" s="12"/>
    </row>
    <row r="68044" spans="8:8">
      <c r="H68044" s="12"/>
    </row>
    <row r="68045" spans="8:8">
      <c r="H68045" s="12"/>
    </row>
    <row r="68046" spans="8:8">
      <c r="H68046" s="12"/>
    </row>
    <row r="68047" spans="8:8">
      <c r="H68047" s="12"/>
    </row>
    <row r="68048" spans="8:8">
      <c r="H68048" s="12"/>
    </row>
    <row r="68049" spans="8:8">
      <c r="H68049" s="12"/>
    </row>
    <row r="68050" spans="8:8">
      <c r="H68050" s="12"/>
    </row>
    <row r="68051" spans="8:8">
      <c r="H68051" s="12"/>
    </row>
    <row r="68052" spans="8:8">
      <c r="H68052" s="12"/>
    </row>
    <row r="68053" spans="8:8">
      <c r="H68053" s="12"/>
    </row>
    <row r="68054" spans="8:8">
      <c r="H68054" s="12"/>
    </row>
    <row r="68055" spans="8:8">
      <c r="H68055" s="12"/>
    </row>
    <row r="68056" spans="8:8">
      <c r="H68056" s="12"/>
    </row>
    <row r="68057" spans="8:8">
      <c r="H68057" s="12"/>
    </row>
    <row r="68058" spans="8:8">
      <c r="H68058" s="12"/>
    </row>
    <row r="68059" spans="8:8">
      <c r="H68059" s="12"/>
    </row>
    <row r="68060" spans="8:8">
      <c r="H68060" s="12"/>
    </row>
    <row r="68061" spans="8:8">
      <c r="H68061" s="12"/>
    </row>
    <row r="68062" spans="8:8">
      <c r="H68062" s="12"/>
    </row>
    <row r="68063" spans="8:8">
      <c r="H68063" s="12"/>
    </row>
    <row r="68064" spans="8:8">
      <c r="H68064" s="12"/>
    </row>
    <row r="68065" spans="8:8">
      <c r="H68065" s="12"/>
    </row>
    <row r="68066" spans="8:8">
      <c r="H68066" s="12"/>
    </row>
    <row r="68067" spans="8:8">
      <c r="H68067" s="12"/>
    </row>
    <row r="68068" spans="8:8">
      <c r="H68068" s="12"/>
    </row>
    <row r="68069" spans="8:8">
      <c r="H68069" s="12"/>
    </row>
    <row r="68070" spans="8:8">
      <c r="H68070" s="12"/>
    </row>
    <row r="68071" spans="8:8">
      <c r="H68071" s="12"/>
    </row>
    <row r="68072" spans="8:8">
      <c r="H68072" s="12"/>
    </row>
    <row r="68073" spans="8:8">
      <c r="H68073" s="12"/>
    </row>
    <row r="68074" spans="8:8">
      <c r="H68074" s="12"/>
    </row>
    <row r="68075" spans="8:8">
      <c r="H68075" s="12"/>
    </row>
    <row r="68076" spans="8:8">
      <c r="H68076" s="12"/>
    </row>
    <row r="68077" spans="8:8">
      <c r="H68077" s="12"/>
    </row>
    <row r="68078" spans="8:8">
      <c r="H68078" s="12"/>
    </row>
    <row r="68079" spans="8:8">
      <c r="H68079" s="12"/>
    </row>
    <row r="68080" spans="8:8">
      <c r="H68080" s="12"/>
    </row>
    <row r="68081" spans="8:8">
      <c r="H68081" s="12"/>
    </row>
    <row r="68082" spans="8:8">
      <c r="H68082" s="12"/>
    </row>
    <row r="68083" spans="8:8">
      <c r="H68083" s="12"/>
    </row>
    <row r="68084" spans="8:8">
      <c r="H68084" s="12"/>
    </row>
    <row r="68085" spans="8:8">
      <c r="H68085" s="12"/>
    </row>
    <row r="68086" spans="8:8">
      <c r="H68086" s="12"/>
    </row>
    <row r="68087" spans="8:8">
      <c r="H68087" s="12"/>
    </row>
    <row r="68088" spans="8:8">
      <c r="H68088" s="12"/>
    </row>
    <row r="68089" spans="8:8">
      <c r="H68089" s="12"/>
    </row>
    <row r="68090" spans="8:8">
      <c r="H68090" s="12"/>
    </row>
    <row r="68091" spans="8:8">
      <c r="H68091" s="12"/>
    </row>
    <row r="68092" spans="8:8">
      <c r="H68092" s="12"/>
    </row>
    <row r="68093" spans="8:8">
      <c r="H68093" s="12"/>
    </row>
    <row r="68094" spans="8:8">
      <c r="H68094" s="12"/>
    </row>
    <row r="68095" spans="8:8">
      <c r="H68095" s="12"/>
    </row>
    <row r="68096" spans="8:8">
      <c r="H68096" s="12"/>
    </row>
    <row r="68097" spans="8:8">
      <c r="H68097" s="12"/>
    </row>
    <row r="68098" spans="8:8">
      <c r="H68098" s="12"/>
    </row>
    <row r="68099" spans="8:8">
      <c r="H68099" s="12"/>
    </row>
    <row r="68100" spans="8:8">
      <c r="H68100" s="12"/>
    </row>
    <row r="68101" spans="8:8">
      <c r="H68101" s="12"/>
    </row>
    <row r="68102" spans="8:8">
      <c r="H68102" s="12"/>
    </row>
    <row r="68103" spans="8:8">
      <c r="H68103" s="12"/>
    </row>
    <row r="68104" spans="8:8">
      <c r="H68104" s="12"/>
    </row>
    <row r="68105" spans="8:8">
      <c r="H68105" s="12"/>
    </row>
    <row r="68106" spans="8:8">
      <c r="H68106" s="12"/>
    </row>
    <row r="68107" spans="8:8">
      <c r="H68107" s="12"/>
    </row>
    <row r="68108" spans="8:8">
      <c r="H68108" s="12"/>
    </row>
    <row r="68109" spans="8:8">
      <c r="H68109" s="12"/>
    </row>
    <row r="68110" spans="8:8">
      <c r="H68110" s="12"/>
    </row>
    <row r="68111" spans="8:8">
      <c r="H68111" s="12"/>
    </row>
    <row r="68112" spans="8:8">
      <c r="H68112" s="12"/>
    </row>
    <row r="68113" spans="8:8">
      <c r="H68113" s="12"/>
    </row>
    <row r="68114" spans="8:8">
      <c r="H68114" s="12"/>
    </row>
    <row r="68115" spans="8:8">
      <c r="H68115" s="12"/>
    </row>
    <row r="68116" spans="8:8">
      <c r="H68116" s="12"/>
    </row>
    <row r="68117" spans="8:8">
      <c r="H68117" s="12"/>
    </row>
    <row r="68118" spans="8:8">
      <c r="H68118" s="12"/>
    </row>
    <row r="68119" spans="8:8">
      <c r="H68119" s="12"/>
    </row>
    <row r="68120" spans="8:8">
      <c r="H68120" s="12"/>
    </row>
    <row r="68121" spans="8:8">
      <c r="H68121" s="12"/>
    </row>
    <row r="68122" spans="8:8">
      <c r="H68122" s="12"/>
    </row>
    <row r="68123" spans="8:8">
      <c r="H68123" s="12"/>
    </row>
    <row r="68124" spans="8:8">
      <c r="H68124" s="12"/>
    </row>
    <row r="68125" spans="8:8">
      <c r="H68125" s="12"/>
    </row>
    <row r="68126" spans="8:8">
      <c r="H68126" s="12"/>
    </row>
    <row r="68127" spans="8:8">
      <c r="H68127" s="12"/>
    </row>
    <row r="68128" spans="8:8">
      <c r="H68128" s="12"/>
    </row>
    <row r="68129" spans="8:8">
      <c r="H68129" s="12"/>
    </row>
    <row r="68130" spans="8:8">
      <c r="H68130" s="12"/>
    </row>
    <row r="68131" spans="8:8">
      <c r="H68131" s="12"/>
    </row>
    <row r="68132" spans="8:8">
      <c r="H68132" s="12"/>
    </row>
    <row r="68133" spans="8:8">
      <c r="H68133" s="12"/>
    </row>
    <row r="68134" spans="8:8">
      <c r="H68134" s="12"/>
    </row>
    <row r="68135" spans="8:8">
      <c r="H68135" s="12"/>
    </row>
    <row r="68136" spans="8:8">
      <c r="H68136" s="12"/>
    </row>
    <row r="68137" spans="8:8">
      <c r="H68137" s="12"/>
    </row>
    <row r="68138" spans="8:8">
      <c r="H68138" s="12"/>
    </row>
    <row r="68139" spans="8:8">
      <c r="H68139" s="12"/>
    </row>
    <row r="68140" spans="8:8">
      <c r="H68140" s="12"/>
    </row>
    <row r="68141" spans="8:8">
      <c r="H68141" s="12"/>
    </row>
    <row r="68142" spans="8:8">
      <c r="H68142" s="12"/>
    </row>
    <row r="68143" spans="8:8">
      <c r="H68143" s="12"/>
    </row>
    <row r="68144" spans="8:8">
      <c r="H68144" s="12"/>
    </row>
    <row r="68145" spans="8:8">
      <c r="H68145" s="12"/>
    </row>
    <row r="68146" spans="8:8">
      <c r="H68146" s="12"/>
    </row>
    <row r="68147" spans="8:8">
      <c r="H68147" s="12"/>
    </row>
    <row r="68148" spans="8:8">
      <c r="H68148" s="12"/>
    </row>
    <row r="68149" spans="8:8">
      <c r="H68149" s="12"/>
    </row>
    <row r="68150" spans="8:8">
      <c r="H68150" s="12"/>
    </row>
    <row r="68151" spans="8:8">
      <c r="H68151" s="12"/>
    </row>
    <row r="68152" spans="8:8">
      <c r="H68152" s="12"/>
    </row>
    <row r="68153" spans="8:8">
      <c r="H68153" s="12"/>
    </row>
    <row r="68154" spans="8:8">
      <c r="H68154" s="12"/>
    </row>
    <row r="68155" spans="8:8">
      <c r="H68155" s="12"/>
    </row>
    <row r="68156" spans="8:8">
      <c r="H68156" s="12"/>
    </row>
    <row r="68157" spans="8:8">
      <c r="H68157" s="12"/>
    </row>
    <row r="68158" spans="8:8">
      <c r="H68158" s="12"/>
    </row>
    <row r="68159" spans="8:8">
      <c r="H68159" s="12"/>
    </row>
    <row r="68160" spans="8:8">
      <c r="H68160" s="12"/>
    </row>
    <row r="68161" spans="8:8">
      <c r="H68161" s="12"/>
    </row>
    <row r="68162" spans="8:8">
      <c r="H68162" s="12"/>
    </row>
    <row r="68163" spans="8:8">
      <c r="H68163" s="12"/>
    </row>
    <row r="68164" spans="8:8">
      <c r="H68164" s="12"/>
    </row>
    <row r="68165" spans="8:8">
      <c r="H68165" s="12"/>
    </row>
    <row r="68166" spans="8:8">
      <c r="H68166" s="12"/>
    </row>
    <row r="68167" spans="8:8">
      <c r="H68167" s="12"/>
    </row>
    <row r="68168" spans="8:8">
      <c r="H68168" s="12"/>
    </row>
    <row r="68169" spans="8:8">
      <c r="H68169" s="12"/>
    </row>
    <row r="68170" spans="8:8">
      <c r="H68170" s="12"/>
    </row>
    <row r="68171" spans="8:8">
      <c r="H68171" s="12"/>
    </row>
    <row r="68172" spans="8:8">
      <c r="H68172" s="12"/>
    </row>
    <row r="68173" spans="8:8">
      <c r="H68173" s="12"/>
    </row>
    <row r="68174" spans="8:8">
      <c r="H68174" s="12"/>
    </row>
    <row r="68175" spans="8:8">
      <c r="H68175" s="12"/>
    </row>
    <row r="68176" spans="8:8">
      <c r="H68176" s="12"/>
    </row>
    <row r="68177" spans="8:8">
      <c r="H68177" s="12"/>
    </row>
    <row r="68178" spans="8:8">
      <c r="H68178" s="12"/>
    </row>
    <row r="68179" spans="8:8">
      <c r="H68179" s="12"/>
    </row>
    <row r="68180" spans="8:8">
      <c r="H68180" s="12"/>
    </row>
    <row r="68181" spans="8:8">
      <c r="H68181" s="12"/>
    </row>
    <row r="68182" spans="8:8">
      <c r="H68182" s="12"/>
    </row>
    <row r="68183" spans="8:8">
      <c r="H68183" s="12"/>
    </row>
    <row r="68184" spans="8:8">
      <c r="H68184" s="12"/>
    </row>
    <row r="68185" spans="8:8">
      <c r="H68185" s="12"/>
    </row>
    <row r="68186" spans="8:8">
      <c r="H68186" s="12"/>
    </row>
    <row r="68187" spans="8:8">
      <c r="H68187" s="12"/>
    </row>
    <row r="68188" spans="8:8">
      <c r="H68188" s="12"/>
    </row>
    <row r="68189" spans="8:8">
      <c r="H68189" s="12"/>
    </row>
    <row r="68190" spans="8:8">
      <c r="H68190" s="12"/>
    </row>
    <row r="68191" spans="8:8">
      <c r="H68191" s="12"/>
    </row>
    <row r="68192" spans="8:8">
      <c r="H68192" s="12"/>
    </row>
    <row r="68193" spans="8:8">
      <c r="H68193" s="12"/>
    </row>
    <row r="68194" spans="8:8">
      <c r="H68194" s="12"/>
    </row>
    <row r="68195" spans="8:8">
      <c r="H68195" s="12"/>
    </row>
    <row r="68196" spans="8:8">
      <c r="H68196" s="12"/>
    </row>
    <row r="68197" spans="8:8">
      <c r="H68197" s="12"/>
    </row>
    <row r="68198" spans="8:8">
      <c r="H68198" s="12"/>
    </row>
    <row r="68199" spans="8:8">
      <c r="H68199" s="12"/>
    </row>
    <row r="68200" spans="8:8">
      <c r="H68200" s="12"/>
    </row>
    <row r="68201" spans="8:8">
      <c r="H68201" s="12"/>
    </row>
    <row r="68202" spans="8:8">
      <c r="H68202" s="12"/>
    </row>
    <row r="68203" spans="8:8">
      <c r="H68203" s="12"/>
    </row>
    <row r="68204" spans="8:8">
      <c r="H68204" s="12"/>
    </row>
    <row r="68205" spans="8:8">
      <c r="H68205" s="12"/>
    </row>
    <row r="68206" spans="8:8">
      <c r="H68206" s="12"/>
    </row>
    <row r="68207" spans="8:8">
      <c r="H68207" s="12"/>
    </row>
    <row r="68208" spans="8:8">
      <c r="H68208" s="12"/>
    </row>
    <row r="68209" spans="8:8">
      <c r="H68209" s="12"/>
    </row>
    <row r="68210" spans="8:8">
      <c r="H68210" s="12"/>
    </row>
    <row r="68211" spans="8:8">
      <c r="H68211" s="12"/>
    </row>
    <row r="68212" spans="8:8">
      <c r="H68212" s="12"/>
    </row>
    <row r="68213" spans="8:8">
      <c r="H68213" s="12"/>
    </row>
    <row r="68214" spans="8:8">
      <c r="H68214" s="12"/>
    </row>
    <row r="68215" spans="8:8">
      <c r="H68215" s="12"/>
    </row>
    <row r="68216" spans="8:8">
      <c r="H68216" s="12"/>
    </row>
    <row r="68217" spans="8:8">
      <c r="H68217" s="12"/>
    </row>
    <row r="68218" spans="8:8">
      <c r="H68218" s="12"/>
    </row>
    <row r="68219" spans="8:8">
      <c r="H68219" s="12"/>
    </row>
    <row r="68220" spans="8:8">
      <c r="H68220" s="12"/>
    </row>
    <row r="68221" spans="8:8">
      <c r="H68221" s="12"/>
    </row>
    <row r="68222" spans="8:8">
      <c r="H68222" s="12"/>
    </row>
    <row r="68223" spans="8:8">
      <c r="H68223" s="12"/>
    </row>
    <row r="68224" spans="8:8">
      <c r="H68224" s="12"/>
    </row>
    <row r="68225" spans="8:8">
      <c r="H68225" s="12"/>
    </row>
    <row r="68226" spans="8:8">
      <c r="H68226" s="12"/>
    </row>
    <row r="68227" spans="8:8">
      <c r="H68227" s="12"/>
    </row>
    <row r="68228" spans="8:8">
      <c r="H68228" s="12"/>
    </row>
    <row r="68229" spans="8:8">
      <c r="H68229" s="12"/>
    </row>
    <row r="68230" spans="8:8">
      <c r="H68230" s="12"/>
    </row>
    <row r="68231" spans="8:8">
      <c r="H68231" s="12"/>
    </row>
    <row r="68232" spans="8:8">
      <c r="H68232" s="12"/>
    </row>
    <row r="68233" spans="8:8">
      <c r="H68233" s="12"/>
    </row>
    <row r="68234" spans="8:8">
      <c r="H68234" s="12"/>
    </row>
    <row r="68235" spans="8:8">
      <c r="H68235" s="12"/>
    </row>
    <row r="68236" spans="8:8">
      <c r="H68236" s="12"/>
    </row>
    <row r="68237" spans="8:8">
      <c r="H68237" s="12"/>
    </row>
    <row r="68238" spans="8:8">
      <c r="H68238" s="12"/>
    </row>
    <row r="68239" spans="8:8">
      <c r="H68239" s="12"/>
    </row>
    <row r="68240" spans="8:8">
      <c r="H68240" s="12"/>
    </row>
    <row r="68241" spans="8:8">
      <c r="H68241" s="12"/>
    </row>
    <row r="68242" spans="8:8">
      <c r="H68242" s="12"/>
    </row>
    <row r="68243" spans="8:8">
      <c r="H68243" s="12"/>
    </row>
    <row r="68244" spans="8:8">
      <c r="H68244" s="12"/>
    </row>
    <row r="68245" spans="8:8">
      <c r="H68245" s="12"/>
    </row>
    <row r="68246" spans="8:8">
      <c r="H68246" s="12"/>
    </row>
    <row r="68247" spans="8:8">
      <c r="H68247" s="12"/>
    </row>
    <row r="68248" spans="8:8">
      <c r="H68248" s="12"/>
    </row>
    <row r="68249" spans="8:8">
      <c r="H68249" s="12"/>
    </row>
    <row r="68250" spans="8:8">
      <c r="H68250" s="12"/>
    </row>
    <row r="68251" spans="8:8">
      <c r="H68251" s="12"/>
    </row>
    <row r="68252" spans="8:8">
      <c r="H68252" s="12"/>
    </row>
    <row r="68253" spans="8:8">
      <c r="H68253" s="12"/>
    </row>
    <row r="68254" spans="8:8">
      <c r="H68254" s="12"/>
    </row>
    <row r="68255" spans="8:8">
      <c r="H68255" s="12"/>
    </row>
    <row r="68256" spans="8:8">
      <c r="H68256" s="12"/>
    </row>
    <row r="68257" spans="8:8">
      <c r="H68257" s="12"/>
    </row>
    <row r="68258" spans="8:8">
      <c r="H68258" s="12"/>
    </row>
    <row r="68259" spans="8:8">
      <c r="H68259" s="12"/>
    </row>
    <row r="68260" spans="8:8">
      <c r="H68260" s="12"/>
    </row>
    <row r="68261" spans="8:8">
      <c r="H68261" s="12"/>
    </row>
    <row r="68262" spans="8:8">
      <c r="H68262" s="12"/>
    </row>
    <row r="68263" spans="8:8">
      <c r="H68263" s="12"/>
    </row>
    <row r="68264" spans="8:8">
      <c r="H68264" s="12"/>
    </row>
    <row r="68265" spans="8:8">
      <c r="H68265" s="12"/>
    </row>
    <row r="68266" spans="8:8">
      <c r="H68266" s="12"/>
    </row>
    <row r="68267" spans="8:8">
      <c r="H68267" s="12"/>
    </row>
    <row r="68268" spans="8:8">
      <c r="H68268" s="12"/>
    </row>
    <row r="68269" spans="8:8">
      <c r="H68269" s="12"/>
    </row>
    <row r="68270" spans="8:8">
      <c r="H68270" s="12"/>
    </row>
    <row r="68271" spans="8:8">
      <c r="H68271" s="12"/>
    </row>
    <row r="68272" spans="8:8">
      <c r="H68272" s="12"/>
    </row>
    <row r="68273" spans="8:8">
      <c r="H68273" s="12"/>
    </row>
    <row r="68274" spans="8:8">
      <c r="H68274" s="12"/>
    </row>
    <row r="68275" spans="8:8">
      <c r="H68275" s="12"/>
    </row>
    <row r="68276" spans="8:8">
      <c r="H68276" s="12"/>
    </row>
    <row r="68277" spans="8:8">
      <c r="H68277" s="12"/>
    </row>
    <row r="68278" spans="8:8">
      <c r="H68278" s="12"/>
    </row>
    <row r="68279" spans="8:8">
      <c r="H68279" s="12"/>
    </row>
    <row r="68280" spans="8:8">
      <c r="H68280" s="12"/>
    </row>
    <row r="68281" spans="8:8">
      <c r="H68281" s="12"/>
    </row>
    <row r="68282" spans="8:8">
      <c r="H68282" s="12"/>
    </row>
    <row r="68283" spans="8:8">
      <c r="H68283" s="12"/>
    </row>
    <row r="68284" spans="8:8">
      <c r="H68284" s="12"/>
    </row>
    <row r="68285" spans="8:8">
      <c r="H68285" s="12"/>
    </row>
    <row r="68286" spans="8:8">
      <c r="H68286" s="12"/>
    </row>
    <row r="68287" spans="8:8">
      <c r="H68287" s="12"/>
    </row>
    <row r="68288" spans="8:8">
      <c r="H68288" s="12"/>
    </row>
    <row r="68289" spans="8:8">
      <c r="H68289" s="12"/>
    </row>
    <row r="68290" spans="8:8">
      <c r="H68290" s="12"/>
    </row>
    <row r="68291" spans="8:8">
      <c r="H68291" s="12"/>
    </row>
    <row r="68292" spans="8:8">
      <c r="H68292" s="12"/>
    </row>
    <row r="68293" spans="8:8">
      <c r="H68293" s="12"/>
    </row>
    <row r="68294" spans="8:8">
      <c r="H68294" s="12"/>
    </row>
    <row r="68295" spans="8:8">
      <c r="H68295" s="12"/>
    </row>
    <row r="68296" spans="8:8">
      <c r="H68296" s="12"/>
    </row>
    <row r="68297" spans="8:8">
      <c r="H68297" s="12"/>
    </row>
    <row r="68298" spans="8:8">
      <c r="H68298" s="12"/>
    </row>
    <row r="68299" spans="8:8">
      <c r="H68299" s="12"/>
    </row>
    <row r="68300" spans="8:8">
      <c r="H68300" s="12"/>
    </row>
    <row r="68301" spans="8:8">
      <c r="H68301" s="12"/>
    </row>
    <row r="68302" spans="8:8">
      <c r="H68302" s="12"/>
    </row>
    <row r="68303" spans="8:8">
      <c r="H68303" s="12"/>
    </row>
    <row r="68304" spans="8:8">
      <c r="H68304" s="12"/>
    </row>
    <row r="68305" spans="8:8">
      <c r="H68305" s="12"/>
    </row>
    <row r="68306" spans="8:8">
      <c r="H68306" s="12"/>
    </row>
    <row r="68307" spans="8:8">
      <c r="H68307" s="12"/>
    </row>
    <row r="68308" spans="8:8">
      <c r="H68308" s="12"/>
    </row>
    <row r="68309" spans="8:8">
      <c r="H68309" s="12"/>
    </row>
    <row r="68310" spans="8:8">
      <c r="H68310" s="12"/>
    </row>
    <row r="68311" spans="8:8">
      <c r="H68311" s="12"/>
    </row>
    <row r="68312" spans="8:8">
      <c r="H68312" s="12"/>
    </row>
    <row r="68313" spans="8:8">
      <c r="H68313" s="12"/>
    </row>
    <row r="68314" spans="8:8">
      <c r="H68314" s="12"/>
    </row>
    <row r="68315" spans="8:8">
      <c r="H68315" s="12"/>
    </row>
    <row r="68316" spans="8:8">
      <c r="H68316" s="12"/>
    </row>
    <row r="68317" spans="8:8">
      <c r="H68317" s="12"/>
    </row>
    <row r="68318" spans="8:8">
      <c r="H68318" s="12"/>
    </row>
    <row r="68319" spans="8:8">
      <c r="H68319" s="12"/>
    </row>
    <row r="68320" spans="8:8">
      <c r="H68320" s="12"/>
    </row>
    <row r="68321" spans="8:8">
      <c r="H68321" s="12"/>
    </row>
    <row r="68322" spans="8:8">
      <c r="H68322" s="12"/>
    </row>
    <row r="68323" spans="8:8">
      <c r="H68323" s="12"/>
    </row>
    <row r="68324" spans="8:8">
      <c r="H68324" s="12"/>
    </row>
    <row r="68325" spans="8:8">
      <c r="H68325" s="12"/>
    </row>
    <row r="68326" spans="8:8">
      <c r="H68326" s="12"/>
    </row>
    <row r="68327" spans="8:8">
      <c r="H68327" s="12"/>
    </row>
    <row r="68328" spans="8:8">
      <c r="H68328" s="12"/>
    </row>
    <row r="68329" spans="8:8">
      <c r="H68329" s="12"/>
    </row>
    <row r="68330" spans="8:8">
      <c r="H68330" s="12"/>
    </row>
    <row r="68331" spans="8:8">
      <c r="H68331" s="12"/>
    </row>
    <row r="68332" spans="8:8">
      <c r="H68332" s="12"/>
    </row>
    <row r="68333" spans="8:8">
      <c r="H68333" s="12"/>
    </row>
    <row r="68334" spans="8:8">
      <c r="H68334" s="12"/>
    </row>
    <row r="68335" spans="8:8">
      <c r="H68335" s="12"/>
    </row>
    <row r="68336" spans="8:8">
      <c r="H68336" s="12"/>
    </row>
    <row r="68337" spans="8:8">
      <c r="H68337" s="12"/>
    </row>
    <row r="68338" spans="8:8">
      <c r="H68338" s="12"/>
    </row>
    <row r="68339" spans="8:8">
      <c r="H68339" s="12"/>
    </row>
    <row r="68340" spans="8:8">
      <c r="H68340" s="12"/>
    </row>
    <row r="68341" spans="8:8">
      <c r="H68341" s="12"/>
    </row>
    <row r="68342" spans="8:8">
      <c r="H68342" s="12"/>
    </row>
    <row r="68343" spans="8:8">
      <c r="H68343" s="12"/>
    </row>
    <row r="68344" spans="8:8">
      <c r="H68344" s="12"/>
    </row>
    <row r="68345" spans="8:8">
      <c r="H68345" s="12"/>
    </row>
    <row r="68346" spans="8:8">
      <c r="H68346" s="12"/>
    </row>
    <row r="68347" spans="8:8">
      <c r="H68347" s="12"/>
    </row>
    <row r="68348" spans="8:8">
      <c r="H68348" s="12"/>
    </row>
    <row r="68349" spans="8:8">
      <c r="H68349" s="12"/>
    </row>
    <row r="68350" spans="8:8">
      <c r="H68350" s="12"/>
    </row>
    <row r="68351" spans="8:8">
      <c r="H68351" s="12"/>
    </row>
    <row r="68352" spans="8:8">
      <c r="H68352" s="12"/>
    </row>
    <row r="68353" spans="8:8">
      <c r="H68353" s="12"/>
    </row>
    <row r="68354" spans="8:8">
      <c r="H68354" s="12"/>
    </row>
    <row r="68355" spans="8:8">
      <c r="H68355" s="12"/>
    </row>
    <row r="68356" spans="8:8">
      <c r="H68356" s="12"/>
    </row>
    <row r="68357" spans="8:8">
      <c r="H68357" s="12"/>
    </row>
    <row r="68358" spans="8:8">
      <c r="H68358" s="12"/>
    </row>
    <row r="68359" spans="8:8">
      <c r="H68359" s="12"/>
    </row>
    <row r="68360" spans="8:8">
      <c r="H68360" s="12"/>
    </row>
    <row r="68361" spans="8:8">
      <c r="H68361" s="12"/>
    </row>
    <row r="68362" spans="8:8">
      <c r="H68362" s="12"/>
    </row>
    <row r="68363" spans="8:8">
      <c r="H68363" s="12"/>
    </row>
    <row r="68364" spans="8:8">
      <c r="H68364" s="12"/>
    </row>
    <row r="68365" spans="8:8">
      <c r="H68365" s="12"/>
    </row>
    <row r="68366" spans="8:8">
      <c r="H68366" s="12"/>
    </row>
    <row r="68367" spans="8:8">
      <c r="H68367" s="12"/>
    </row>
    <row r="68368" spans="8:8">
      <c r="H68368" s="12"/>
    </row>
    <row r="68369" spans="8:8">
      <c r="H68369" s="12"/>
    </row>
    <row r="68370" spans="8:8">
      <c r="H68370" s="12"/>
    </row>
    <row r="68371" spans="8:8">
      <c r="H68371" s="12"/>
    </row>
    <row r="68372" spans="8:8">
      <c r="H68372" s="12"/>
    </row>
    <row r="68373" spans="8:8">
      <c r="H68373" s="12"/>
    </row>
    <row r="68374" spans="8:8">
      <c r="H68374" s="12"/>
    </row>
    <row r="68375" spans="8:8">
      <c r="H68375" s="12"/>
    </row>
    <row r="68376" spans="8:8">
      <c r="H68376" s="12"/>
    </row>
    <row r="68377" spans="8:8">
      <c r="H68377" s="12"/>
    </row>
    <row r="68378" spans="8:8">
      <c r="H68378" s="12"/>
    </row>
    <row r="68379" spans="8:8">
      <c r="H68379" s="12"/>
    </row>
    <row r="68380" spans="8:8">
      <c r="H68380" s="12"/>
    </row>
    <row r="68381" spans="8:8">
      <c r="H68381" s="12"/>
    </row>
    <row r="68382" spans="8:8">
      <c r="H68382" s="12"/>
    </row>
    <row r="68383" spans="8:8">
      <c r="H68383" s="12"/>
    </row>
    <row r="68384" spans="8:8">
      <c r="H68384" s="12"/>
    </row>
    <row r="68385" spans="8:8">
      <c r="H68385" s="12"/>
    </row>
    <row r="68386" spans="8:8">
      <c r="H68386" s="12"/>
    </row>
    <row r="68387" spans="8:8">
      <c r="H68387" s="12"/>
    </row>
    <row r="68388" spans="8:8">
      <c r="H68388" s="12"/>
    </row>
    <row r="68389" spans="8:8">
      <c r="H68389" s="12"/>
    </row>
    <row r="68390" spans="8:8">
      <c r="H68390" s="12"/>
    </row>
    <row r="68391" spans="8:8">
      <c r="H68391" s="12"/>
    </row>
    <row r="68392" spans="8:8">
      <c r="H68392" s="12"/>
    </row>
    <row r="68393" spans="8:8">
      <c r="H68393" s="12"/>
    </row>
    <row r="68394" spans="8:8">
      <c r="H68394" s="12"/>
    </row>
    <row r="68395" spans="8:8">
      <c r="H68395" s="12"/>
    </row>
    <row r="68396" spans="8:8">
      <c r="H68396" s="12"/>
    </row>
    <row r="68397" spans="8:8">
      <c r="H68397" s="12"/>
    </row>
    <row r="68398" spans="8:8">
      <c r="H68398" s="12"/>
    </row>
    <row r="68399" spans="8:8">
      <c r="H68399" s="12"/>
    </row>
    <row r="68400" spans="8:8">
      <c r="H68400" s="12"/>
    </row>
    <row r="68401" spans="8:8">
      <c r="H68401" s="12"/>
    </row>
    <row r="68402" spans="8:8">
      <c r="H68402" s="12"/>
    </row>
    <row r="68403" spans="8:8">
      <c r="H68403" s="12"/>
    </row>
    <row r="68404" spans="8:8">
      <c r="H68404" s="12"/>
    </row>
    <row r="68405" spans="8:8">
      <c r="H68405" s="12"/>
    </row>
    <row r="68406" spans="8:8">
      <c r="H68406" s="12"/>
    </row>
    <row r="68407" spans="8:8">
      <c r="H68407" s="12"/>
    </row>
    <row r="68408" spans="8:8">
      <c r="H68408" s="12"/>
    </row>
    <row r="68409" spans="8:8">
      <c r="H68409" s="12"/>
    </row>
    <row r="68410" spans="8:8">
      <c r="H68410" s="12"/>
    </row>
    <row r="68411" spans="8:8">
      <c r="H68411" s="12"/>
    </row>
    <row r="68412" spans="8:8">
      <c r="H68412" s="12"/>
    </row>
    <row r="68413" spans="8:8">
      <c r="H68413" s="12"/>
    </row>
    <row r="68414" spans="8:8">
      <c r="H68414" s="12"/>
    </row>
    <row r="68415" spans="8:8">
      <c r="H68415" s="12"/>
    </row>
    <row r="68416" spans="8:8">
      <c r="H68416" s="12"/>
    </row>
    <row r="68417" spans="8:8">
      <c r="H68417" s="12"/>
    </row>
    <row r="68418" spans="8:8">
      <c r="H68418" s="12"/>
    </row>
    <row r="68419" spans="8:8">
      <c r="H68419" s="12"/>
    </row>
    <row r="68420" spans="8:8">
      <c r="H68420" s="12"/>
    </row>
    <row r="68421" spans="8:8">
      <c r="H68421" s="12"/>
    </row>
    <row r="68422" spans="8:8">
      <c r="H68422" s="12"/>
    </row>
    <row r="68423" spans="8:8">
      <c r="H68423" s="12"/>
    </row>
    <row r="68424" spans="8:8">
      <c r="H68424" s="12"/>
    </row>
    <row r="68425" spans="8:8">
      <c r="H68425" s="12"/>
    </row>
    <row r="68426" spans="8:8">
      <c r="H68426" s="12"/>
    </row>
    <row r="68427" spans="8:8">
      <c r="H68427" s="12"/>
    </row>
    <row r="68428" spans="8:8">
      <c r="H68428" s="12"/>
    </row>
    <row r="68429" spans="8:8">
      <c r="H68429" s="12"/>
    </row>
    <row r="68430" spans="8:8">
      <c r="H68430" s="12"/>
    </row>
    <row r="68431" spans="8:8">
      <c r="H68431" s="12"/>
    </row>
    <row r="68432" spans="8:8">
      <c r="H68432" s="12"/>
    </row>
    <row r="68433" spans="8:8">
      <c r="H68433" s="12"/>
    </row>
    <row r="68434" spans="8:8">
      <c r="H68434" s="12"/>
    </row>
    <row r="68435" spans="8:8">
      <c r="H68435" s="12"/>
    </row>
    <row r="68436" spans="8:8">
      <c r="H68436" s="12"/>
    </row>
    <row r="68437" spans="8:8">
      <c r="H68437" s="12"/>
    </row>
    <row r="68438" spans="8:8">
      <c r="H68438" s="12"/>
    </row>
    <row r="68439" spans="8:8">
      <c r="H68439" s="12"/>
    </row>
    <row r="68440" spans="8:8">
      <c r="H68440" s="12"/>
    </row>
    <row r="68441" spans="8:8">
      <c r="H68441" s="12"/>
    </row>
    <row r="68442" spans="8:8">
      <c r="H68442" s="12"/>
    </row>
    <row r="68443" spans="8:8">
      <c r="H68443" s="12"/>
    </row>
    <row r="68444" spans="8:8">
      <c r="H68444" s="12"/>
    </row>
    <row r="68445" spans="8:8">
      <c r="H68445" s="12"/>
    </row>
    <row r="68446" spans="8:8">
      <c r="H68446" s="12"/>
    </row>
    <row r="68447" spans="8:8">
      <c r="H68447" s="12"/>
    </row>
    <row r="68448" spans="8:8">
      <c r="H68448" s="12"/>
    </row>
    <row r="68449" spans="8:8">
      <c r="H68449" s="12"/>
    </row>
    <row r="68450" spans="8:8">
      <c r="H68450" s="12"/>
    </row>
    <row r="68451" spans="8:8">
      <c r="H68451" s="12"/>
    </row>
    <row r="68452" spans="8:8">
      <c r="H68452" s="12"/>
    </row>
    <row r="68453" spans="8:8">
      <c r="H68453" s="12"/>
    </row>
    <row r="68454" spans="8:8">
      <c r="H68454" s="12"/>
    </row>
    <row r="68455" spans="8:8">
      <c r="H68455" s="12"/>
    </row>
    <row r="68456" spans="8:8">
      <c r="H68456" s="12"/>
    </row>
    <row r="68457" spans="8:8">
      <c r="H68457" s="12"/>
    </row>
    <row r="68458" spans="8:8">
      <c r="H68458" s="12"/>
    </row>
    <row r="68459" spans="8:8">
      <c r="H68459" s="12"/>
    </row>
    <row r="68460" spans="8:8">
      <c r="H68460" s="12"/>
    </row>
    <row r="68461" spans="8:8">
      <c r="H68461" s="12"/>
    </row>
    <row r="68462" spans="8:8">
      <c r="H68462" s="12"/>
    </row>
    <row r="68463" spans="8:8">
      <c r="H68463" s="12"/>
    </row>
    <row r="68464" spans="8:8">
      <c r="H68464" s="12"/>
    </row>
    <row r="68465" spans="8:8">
      <c r="H68465" s="12"/>
    </row>
    <row r="68466" spans="8:8">
      <c r="H68466" s="12"/>
    </row>
    <row r="68467" spans="8:8">
      <c r="H68467" s="12"/>
    </row>
    <row r="68468" spans="8:8">
      <c r="H68468" s="12"/>
    </row>
    <row r="68469" spans="8:8">
      <c r="H68469" s="12"/>
    </row>
    <row r="68470" spans="8:8">
      <c r="H68470" s="12"/>
    </row>
    <row r="68471" spans="8:8">
      <c r="H68471" s="12"/>
    </row>
    <row r="68472" spans="8:8">
      <c r="H68472" s="12"/>
    </row>
    <row r="68473" spans="8:8">
      <c r="H68473" s="12"/>
    </row>
    <row r="68474" spans="8:8">
      <c r="H68474" s="12"/>
    </row>
    <row r="68475" spans="8:8">
      <c r="H68475" s="12"/>
    </row>
    <row r="68476" spans="8:8">
      <c r="H68476" s="12"/>
    </row>
    <row r="68477" spans="8:8">
      <c r="H68477" s="12"/>
    </row>
    <row r="68478" spans="8:8">
      <c r="H68478" s="12"/>
    </row>
    <row r="68479" spans="8:8">
      <c r="H68479" s="12"/>
    </row>
    <row r="68480" spans="8:8">
      <c r="H68480" s="12"/>
    </row>
    <row r="68481" spans="8:8">
      <c r="H68481" s="12"/>
    </row>
    <row r="68482" spans="8:8">
      <c r="H68482" s="12"/>
    </row>
    <row r="68483" spans="8:8">
      <c r="H68483" s="12"/>
    </row>
    <row r="68484" spans="8:8">
      <c r="H68484" s="12"/>
    </row>
    <row r="68485" spans="8:8">
      <c r="H68485" s="12"/>
    </row>
    <row r="68486" spans="8:8">
      <c r="H68486" s="12"/>
    </row>
    <row r="68487" spans="8:8">
      <c r="H68487" s="12"/>
    </row>
    <row r="68488" spans="8:8">
      <c r="H68488" s="12"/>
    </row>
    <row r="68489" spans="8:8">
      <c r="H68489" s="12"/>
    </row>
    <row r="68490" spans="8:8">
      <c r="H68490" s="12"/>
    </row>
    <row r="68491" spans="8:8">
      <c r="H68491" s="12"/>
    </row>
    <row r="68492" spans="8:8">
      <c r="H68492" s="12"/>
    </row>
    <row r="68493" spans="8:8">
      <c r="H68493" s="12"/>
    </row>
    <row r="68494" spans="8:8">
      <c r="H68494" s="12"/>
    </row>
    <row r="68495" spans="8:8">
      <c r="H68495" s="12"/>
    </row>
    <row r="68496" spans="8:8">
      <c r="H68496" s="12"/>
    </row>
    <row r="68497" spans="8:8">
      <c r="H68497" s="12"/>
    </row>
    <row r="68498" spans="8:8">
      <c r="H68498" s="12"/>
    </row>
    <row r="68499" spans="8:8">
      <c r="H68499" s="12"/>
    </row>
    <row r="68500" spans="8:8">
      <c r="H68500" s="12"/>
    </row>
    <row r="68501" spans="8:8">
      <c r="H68501" s="12"/>
    </row>
    <row r="68502" spans="8:8">
      <c r="H68502" s="12"/>
    </row>
    <row r="68503" spans="8:8">
      <c r="H68503" s="12"/>
    </row>
    <row r="68504" spans="8:8">
      <c r="H68504" s="12"/>
    </row>
    <row r="68505" spans="8:8">
      <c r="H68505" s="12"/>
    </row>
    <row r="68506" spans="8:8">
      <c r="H68506" s="12"/>
    </row>
    <row r="68507" spans="8:8">
      <c r="H68507" s="12"/>
    </row>
    <row r="68508" spans="8:8">
      <c r="H68508" s="12"/>
    </row>
    <row r="68509" spans="8:8">
      <c r="H68509" s="12"/>
    </row>
    <row r="68510" spans="8:8">
      <c r="H68510" s="12"/>
    </row>
    <row r="68511" spans="8:8">
      <c r="H68511" s="12"/>
    </row>
    <row r="68512" spans="8:8">
      <c r="H68512" s="12"/>
    </row>
    <row r="68513" spans="8:8">
      <c r="H68513" s="12"/>
    </row>
    <row r="68514" spans="8:8">
      <c r="H68514" s="12"/>
    </row>
    <row r="68515" spans="8:8">
      <c r="H68515" s="12"/>
    </row>
    <row r="68516" spans="8:8">
      <c r="H68516" s="12"/>
    </row>
    <row r="68517" spans="8:8">
      <c r="H68517" s="12"/>
    </row>
    <row r="68518" spans="8:8">
      <c r="H68518" s="12"/>
    </row>
    <row r="68519" spans="8:8">
      <c r="H68519" s="12"/>
    </row>
    <row r="68520" spans="8:8">
      <c r="H68520" s="12"/>
    </row>
    <row r="68521" spans="8:8">
      <c r="H68521" s="12"/>
    </row>
    <row r="68522" spans="8:8">
      <c r="H68522" s="12"/>
    </row>
    <row r="68523" spans="8:8">
      <c r="H68523" s="12"/>
    </row>
    <row r="68524" spans="8:8">
      <c r="H68524" s="12"/>
    </row>
    <row r="68525" spans="8:8">
      <c r="H68525" s="12"/>
    </row>
    <row r="68526" spans="8:8">
      <c r="H68526" s="12"/>
    </row>
    <row r="68527" spans="8:8">
      <c r="H68527" s="12"/>
    </row>
    <row r="68528" spans="8:8">
      <c r="H68528" s="12"/>
    </row>
    <row r="68529" spans="8:8">
      <c r="H68529" s="12"/>
    </row>
    <row r="68530" spans="8:8">
      <c r="H68530" s="12"/>
    </row>
    <row r="68531" spans="8:8">
      <c r="H68531" s="12"/>
    </row>
    <row r="68532" spans="8:8">
      <c r="H68532" s="12"/>
    </row>
    <row r="68533" spans="8:8">
      <c r="H68533" s="12"/>
    </row>
    <row r="68534" spans="8:8">
      <c r="H68534" s="12"/>
    </row>
    <row r="68535" spans="8:8">
      <c r="H68535" s="12"/>
    </row>
    <row r="68536" spans="8:8">
      <c r="H68536" s="12"/>
    </row>
    <row r="68537" spans="8:8">
      <c r="H68537" s="12"/>
    </row>
    <row r="68538" spans="8:8">
      <c r="H68538" s="12"/>
    </row>
    <row r="68539" spans="8:8">
      <c r="H68539" s="12"/>
    </row>
    <row r="68540" spans="8:8">
      <c r="H68540" s="12"/>
    </row>
    <row r="68541" spans="8:8">
      <c r="H68541" s="12"/>
    </row>
    <row r="68542" spans="8:8">
      <c r="H68542" s="12"/>
    </row>
    <row r="68543" spans="8:8">
      <c r="H68543" s="12"/>
    </row>
    <row r="68544" spans="8:8">
      <c r="H68544" s="12"/>
    </row>
    <row r="68545" spans="8:8">
      <c r="H68545" s="12"/>
    </row>
    <row r="68546" spans="8:8">
      <c r="H68546" s="12"/>
    </row>
    <row r="68547" spans="8:8">
      <c r="H68547" s="12"/>
    </row>
    <row r="68548" spans="8:8">
      <c r="H68548" s="12"/>
    </row>
    <row r="68549" spans="8:8">
      <c r="H68549" s="12"/>
    </row>
    <row r="68550" spans="8:8">
      <c r="H68550" s="12"/>
    </row>
    <row r="68551" spans="8:8">
      <c r="H68551" s="12"/>
    </row>
    <row r="68552" spans="8:8">
      <c r="H68552" s="12"/>
    </row>
    <row r="68553" spans="8:8">
      <c r="H68553" s="12"/>
    </row>
    <row r="68554" spans="8:8">
      <c r="H68554" s="12"/>
    </row>
    <row r="68555" spans="8:8">
      <c r="H68555" s="12"/>
    </row>
    <row r="68556" spans="8:8">
      <c r="H68556" s="12"/>
    </row>
    <row r="68557" spans="8:8">
      <c r="H68557" s="12"/>
    </row>
    <row r="68558" spans="8:8">
      <c r="H68558" s="12"/>
    </row>
    <row r="68559" spans="8:8">
      <c r="H68559" s="12"/>
    </row>
    <row r="68560" spans="8:8">
      <c r="H68560" s="12"/>
    </row>
    <row r="68561" spans="8:8">
      <c r="H68561" s="12"/>
    </row>
    <row r="68562" spans="8:8">
      <c r="H68562" s="12"/>
    </row>
    <row r="68563" spans="8:8">
      <c r="H68563" s="12"/>
    </row>
    <row r="68564" spans="8:8">
      <c r="H68564" s="12"/>
    </row>
    <row r="68565" spans="8:8">
      <c r="H68565" s="12"/>
    </row>
    <row r="68566" spans="8:8">
      <c r="H68566" s="12"/>
    </row>
    <row r="68567" spans="8:8">
      <c r="H68567" s="12"/>
    </row>
    <row r="68568" spans="8:8">
      <c r="H68568" s="12"/>
    </row>
    <row r="68569" spans="8:8">
      <c r="H68569" s="12"/>
    </row>
    <row r="68570" spans="8:8">
      <c r="H68570" s="12"/>
    </row>
    <row r="68571" spans="8:8">
      <c r="H68571" s="12"/>
    </row>
    <row r="68572" spans="8:8">
      <c r="H68572" s="12"/>
    </row>
    <row r="68573" spans="8:8">
      <c r="H68573" s="12"/>
    </row>
    <row r="68574" spans="8:8">
      <c r="H68574" s="12"/>
    </row>
    <row r="68575" spans="8:8">
      <c r="H68575" s="12"/>
    </row>
    <row r="68576" spans="8:8">
      <c r="H68576" s="12"/>
    </row>
    <row r="68577" spans="8:8">
      <c r="H68577" s="12"/>
    </row>
    <row r="68578" spans="8:8">
      <c r="H68578" s="12"/>
    </row>
    <row r="68579" spans="8:8">
      <c r="H68579" s="12"/>
    </row>
    <row r="68580" spans="8:8">
      <c r="H68580" s="12"/>
    </row>
    <row r="68581" spans="8:8">
      <c r="H68581" s="12"/>
    </row>
    <row r="68582" spans="8:8">
      <c r="H68582" s="12"/>
    </row>
    <row r="68583" spans="8:8">
      <c r="H68583" s="12"/>
    </row>
    <row r="68584" spans="8:8">
      <c r="H68584" s="12"/>
    </row>
    <row r="68585" spans="8:8">
      <c r="H68585" s="12"/>
    </row>
    <row r="68586" spans="8:8">
      <c r="H68586" s="12"/>
    </row>
    <row r="68587" spans="8:8">
      <c r="H68587" s="12"/>
    </row>
    <row r="68588" spans="8:8">
      <c r="H68588" s="12"/>
    </row>
    <row r="68589" spans="8:8">
      <c r="H68589" s="12"/>
    </row>
    <row r="68590" spans="8:8">
      <c r="H68590" s="12"/>
    </row>
    <row r="68591" spans="8:8">
      <c r="H68591" s="12"/>
    </row>
    <row r="68592" spans="8:8">
      <c r="H68592" s="12"/>
    </row>
    <row r="68593" spans="8:8">
      <c r="H68593" s="12"/>
    </row>
    <row r="68594" spans="8:8">
      <c r="H68594" s="12"/>
    </row>
    <row r="68595" spans="8:8">
      <c r="H68595" s="12"/>
    </row>
    <row r="68596" spans="8:8">
      <c r="H68596" s="12"/>
    </row>
    <row r="68597" spans="8:8">
      <c r="H68597" s="12"/>
    </row>
    <row r="68598" spans="8:8">
      <c r="H68598" s="12"/>
    </row>
    <row r="68599" spans="8:8">
      <c r="H68599" s="12"/>
    </row>
    <row r="68600" spans="8:8">
      <c r="H68600" s="12"/>
    </row>
    <row r="68601" spans="8:8">
      <c r="H68601" s="12"/>
    </row>
    <row r="68602" spans="8:8">
      <c r="H68602" s="12"/>
    </row>
    <row r="68603" spans="8:8">
      <c r="H68603" s="12"/>
    </row>
    <row r="68604" spans="8:8">
      <c r="H68604" s="12"/>
    </row>
    <row r="68605" spans="8:8">
      <c r="H68605" s="12"/>
    </row>
    <row r="68606" spans="8:8">
      <c r="H68606" s="12"/>
    </row>
    <row r="68607" spans="8:8">
      <c r="H68607" s="12"/>
    </row>
    <row r="68608" spans="8:8">
      <c r="H68608" s="12"/>
    </row>
    <row r="68609" spans="8:8">
      <c r="H68609" s="12"/>
    </row>
    <row r="68610" spans="8:8">
      <c r="H68610" s="12"/>
    </row>
    <row r="68611" spans="8:8">
      <c r="H68611" s="12"/>
    </row>
    <row r="68612" spans="8:8">
      <c r="H68612" s="12"/>
    </row>
    <row r="68613" spans="8:8">
      <c r="H68613" s="12"/>
    </row>
    <row r="68614" spans="8:8">
      <c r="H68614" s="12"/>
    </row>
    <row r="68615" spans="8:8">
      <c r="H68615" s="12"/>
    </row>
    <row r="68616" spans="8:8">
      <c r="H68616" s="12"/>
    </row>
    <row r="68617" spans="8:8">
      <c r="H68617" s="12"/>
    </row>
    <row r="68618" spans="8:8">
      <c r="H68618" s="12"/>
    </row>
    <row r="68619" spans="8:8">
      <c r="H68619" s="12"/>
    </row>
    <row r="68620" spans="8:8">
      <c r="H68620" s="12"/>
    </row>
    <row r="68621" spans="8:8">
      <c r="H68621" s="12"/>
    </row>
    <row r="68622" spans="8:8">
      <c r="H68622" s="12"/>
    </row>
    <row r="68623" spans="8:8">
      <c r="H68623" s="12"/>
    </row>
    <row r="68624" spans="8:8">
      <c r="H68624" s="12"/>
    </row>
    <row r="68625" spans="8:8">
      <c r="H68625" s="12"/>
    </row>
    <row r="68626" spans="8:8">
      <c r="H68626" s="12"/>
    </row>
    <row r="68627" spans="8:8">
      <c r="H68627" s="12"/>
    </row>
    <row r="68628" spans="8:8">
      <c r="H68628" s="12"/>
    </row>
    <row r="68629" spans="8:8">
      <c r="H68629" s="12"/>
    </row>
    <row r="68630" spans="8:8">
      <c r="H68630" s="12"/>
    </row>
    <row r="68631" spans="8:8">
      <c r="H68631" s="12"/>
    </row>
    <row r="68632" spans="8:8">
      <c r="H68632" s="12"/>
    </row>
    <row r="68633" spans="8:8">
      <c r="H68633" s="12"/>
    </row>
    <row r="68634" spans="8:8">
      <c r="H68634" s="12"/>
    </row>
    <row r="68635" spans="8:8">
      <c r="H68635" s="12"/>
    </row>
    <row r="68636" spans="8:8">
      <c r="H68636" s="12"/>
    </row>
    <row r="68637" spans="8:8">
      <c r="H68637" s="12"/>
    </row>
    <row r="68638" spans="8:8">
      <c r="H68638" s="12"/>
    </row>
    <row r="68639" spans="8:8">
      <c r="H68639" s="12"/>
    </row>
    <row r="68640" spans="8:8">
      <c r="H68640" s="12"/>
    </row>
    <row r="68641" spans="8:8">
      <c r="H68641" s="12"/>
    </row>
    <row r="68642" spans="8:8">
      <c r="H68642" s="12"/>
    </row>
    <row r="68643" spans="8:8">
      <c r="H68643" s="12"/>
    </row>
    <row r="68644" spans="8:8">
      <c r="H68644" s="12"/>
    </row>
    <row r="68645" spans="8:8">
      <c r="H68645" s="12"/>
    </row>
    <row r="68646" spans="8:8">
      <c r="H68646" s="12"/>
    </row>
    <row r="68647" spans="8:8">
      <c r="H68647" s="12"/>
    </row>
    <row r="68648" spans="8:8">
      <c r="H68648" s="12"/>
    </row>
    <row r="68649" spans="8:8">
      <c r="H68649" s="12"/>
    </row>
    <row r="68650" spans="8:8">
      <c r="H68650" s="12"/>
    </row>
    <row r="68651" spans="8:8">
      <c r="H68651" s="12"/>
    </row>
    <row r="68652" spans="8:8">
      <c r="H68652" s="12"/>
    </row>
    <row r="68653" spans="8:8">
      <c r="H68653" s="12"/>
    </row>
    <row r="68654" spans="8:8">
      <c r="H68654" s="12"/>
    </row>
    <row r="68655" spans="8:8">
      <c r="H68655" s="12"/>
    </row>
    <row r="68656" spans="8:8">
      <c r="H68656" s="12"/>
    </row>
    <row r="68657" spans="8:8">
      <c r="H68657" s="12"/>
    </row>
    <row r="68658" spans="8:8">
      <c r="H68658" s="12"/>
    </row>
    <row r="68659" spans="8:8">
      <c r="H68659" s="12"/>
    </row>
    <row r="68660" spans="8:8">
      <c r="H68660" s="12"/>
    </row>
    <row r="68661" spans="8:8">
      <c r="H68661" s="12"/>
    </row>
    <row r="68662" spans="8:8">
      <c r="H68662" s="12"/>
    </row>
    <row r="68663" spans="8:8">
      <c r="H68663" s="12"/>
    </row>
    <row r="68664" spans="8:8">
      <c r="H68664" s="12"/>
    </row>
    <row r="68665" spans="8:8">
      <c r="H68665" s="12"/>
    </row>
    <row r="68666" spans="8:8">
      <c r="H68666" s="12"/>
    </row>
    <row r="68667" spans="8:8">
      <c r="H68667" s="12"/>
    </row>
    <row r="68668" spans="8:8">
      <c r="H68668" s="12"/>
    </row>
    <row r="68669" spans="8:8">
      <c r="H68669" s="12"/>
    </row>
    <row r="68670" spans="8:8">
      <c r="H68670" s="12"/>
    </row>
    <row r="68671" spans="8:8">
      <c r="H68671" s="12"/>
    </row>
    <row r="68672" spans="8:8">
      <c r="H68672" s="12"/>
    </row>
    <row r="68673" spans="8:8">
      <c r="H68673" s="12"/>
    </row>
    <row r="68674" spans="8:8">
      <c r="H68674" s="12"/>
    </row>
    <row r="68675" spans="8:8">
      <c r="H68675" s="12"/>
    </row>
    <row r="68676" spans="8:8">
      <c r="H68676" s="12"/>
    </row>
    <row r="68677" spans="8:8">
      <c r="H68677" s="12"/>
    </row>
    <row r="68678" spans="8:8">
      <c r="H68678" s="12"/>
    </row>
    <row r="68679" spans="8:8">
      <c r="H68679" s="12"/>
    </row>
    <row r="68680" spans="8:8">
      <c r="H68680" s="12"/>
    </row>
    <row r="68681" spans="8:8">
      <c r="H68681" s="12"/>
    </row>
    <row r="68682" spans="8:8">
      <c r="H68682" s="12"/>
    </row>
    <row r="68683" spans="8:8">
      <c r="H68683" s="12"/>
    </row>
    <row r="68684" spans="8:8">
      <c r="H68684" s="12"/>
    </row>
    <row r="68685" spans="8:8">
      <c r="H68685" s="12"/>
    </row>
    <row r="68686" spans="8:8">
      <c r="H68686" s="12"/>
    </row>
    <row r="68687" spans="8:8">
      <c r="H68687" s="12"/>
    </row>
    <row r="68688" spans="8:8">
      <c r="H68688" s="12"/>
    </row>
    <row r="68689" spans="8:8">
      <c r="H68689" s="12"/>
    </row>
    <row r="68690" spans="8:8">
      <c r="H68690" s="12"/>
    </row>
    <row r="68691" spans="8:8">
      <c r="H68691" s="12"/>
    </row>
    <row r="68692" spans="8:8">
      <c r="H68692" s="12"/>
    </row>
    <row r="68693" spans="8:8">
      <c r="H68693" s="12"/>
    </row>
    <row r="68694" spans="8:8">
      <c r="H68694" s="12"/>
    </row>
    <row r="68695" spans="8:8">
      <c r="H68695" s="12"/>
    </row>
    <row r="68696" spans="8:8">
      <c r="H68696" s="12"/>
    </row>
    <row r="68697" spans="8:8">
      <c r="H68697" s="12"/>
    </row>
    <row r="68698" spans="8:8">
      <c r="H68698" s="12"/>
    </row>
    <row r="68699" spans="8:8">
      <c r="H68699" s="12"/>
    </row>
    <row r="68700" spans="8:8">
      <c r="H68700" s="12"/>
    </row>
    <row r="68701" spans="8:8">
      <c r="H68701" s="12"/>
    </row>
    <row r="68702" spans="8:8">
      <c r="H68702" s="12"/>
    </row>
    <row r="68703" spans="8:8">
      <c r="H68703" s="12"/>
    </row>
    <row r="68704" spans="8:8">
      <c r="H68704" s="12"/>
    </row>
    <row r="68705" spans="8:8">
      <c r="H68705" s="12"/>
    </row>
    <row r="68706" spans="8:8">
      <c r="H68706" s="12"/>
    </row>
    <row r="68707" spans="8:8">
      <c r="H68707" s="12"/>
    </row>
    <row r="68708" spans="8:8">
      <c r="H68708" s="12"/>
    </row>
    <row r="68709" spans="8:8">
      <c r="H68709" s="12"/>
    </row>
    <row r="68710" spans="8:8">
      <c r="H68710" s="12"/>
    </row>
    <row r="68711" spans="8:8">
      <c r="H68711" s="12"/>
    </row>
    <row r="68712" spans="8:8">
      <c r="H68712" s="12"/>
    </row>
    <row r="68713" spans="8:8">
      <c r="H68713" s="12"/>
    </row>
    <row r="68714" spans="8:8">
      <c r="H68714" s="12"/>
    </row>
    <row r="68715" spans="8:8">
      <c r="H68715" s="12"/>
    </row>
    <row r="68716" spans="8:8">
      <c r="H68716" s="12"/>
    </row>
    <row r="68717" spans="8:8">
      <c r="H68717" s="12"/>
    </row>
    <row r="68718" spans="8:8">
      <c r="H68718" s="12"/>
    </row>
    <row r="68719" spans="8:8">
      <c r="H68719" s="12"/>
    </row>
    <row r="68720" spans="8:8">
      <c r="H68720" s="12"/>
    </row>
    <row r="68721" spans="8:8">
      <c r="H68721" s="12"/>
    </row>
    <row r="68722" spans="8:8">
      <c r="H68722" s="12"/>
    </row>
    <row r="68723" spans="8:8">
      <c r="H68723" s="12"/>
    </row>
    <row r="68724" spans="8:8">
      <c r="H68724" s="12"/>
    </row>
    <row r="68725" spans="8:8">
      <c r="H68725" s="12"/>
    </row>
    <row r="68726" spans="8:8">
      <c r="H68726" s="12"/>
    </row>
    <row r="68727" spans="8:8">
      <c r="H68727" s="12"/>
    </row>
    <row r="68728" spans="8:8">
      <c r="H68728" s="12"/>
    </row>
    <row r="68729" spans="8:8">
      <c r="H68729" s="12"/>
    </row>
    <row r="68730" spans="8:8">
      <c r="H68730" s="12"/>
    </row>
    <row r="68731" spans="8:8">
      <c r="H68731" s="12"/>
    </row>
    <row r="68732" spans="8:8">
      <c r="H68732" s="12"/>
    </row>
    <row r="68733" spans="8:8">
      <c r="H68733" s="12"/>
    </row>
    <row r="68734" spans="8:8">
      <c r="H68734" s="12"/>
    </row>
    <row r="68735" spans="8:8">
      <c r="H68735" s="12"/>
    </row>
    <row r="68736" spans="8:8">
      <c r="H68736" s="12"/>
    </row>
    <row r="68737" spans="8:8">
      <c r="H68737" s="12"/>
    </row>
    <row r="68738" spans="8:8">
      <c r="H68738" s="12"/>
    </row>
    <row r="68739" spans="8:8">
      <c r="H68739" s="12"/>
    </row>
    <row r="68740" spans="8:8">
      <c r="H68740" s="12"/>
    </row>
    <row r="68741" spans="8:8">
      <c r="H68741" s="12"/>
    </row>
    <row r="68742" spans="8:8">
      <c r="H68742" s="12"/>
    </row>
    <row r="68743" spans="8:8">
      <c r="H68743" s="12"/>
    </row>
    <row r="68744" spans="8:8">
      <c r="H68744" s="12"/>
    </row>
    <row r="68745" spans="8:8">
      <c r="H68745" s="12"/>
    </row>
    <row r="68746" spans="8:8">
      <c r="H68746" s="12"/>
    </row>
    <row r="68747" spans="8:8">
      <c r="H68747" s="12"/>
    </row>
    <row r="68748" spans="8:8">
      <c r="H68748" s="12"/>
    </row>
    <row r="68749" spans="8:8">
      <c r="H68749" s="12"/>
    </row>
    <row r="68750" spans="8:8">
      <c r="H68750" s="12"/>
    </row>
    <row r="68751" spans="8:8">
      <c r="H68751" s="12"/>
    </row>
    <row r="68752" spans="8:8">
      <c r="H68752" s="12"/>
    </row>
    <row r="68753" spans="8:8">
      <c r="H68753" s="12"/>
    </row>
    <row r="68754" spans="8:8">
      <c r="H68754" s="12"/>
    </row>
    <row r="68755" spans="8:8">
      <c r="H68755" s="12"/>
    </row>
    <row r="68756" spans="8:8">
      <c r="H68756" s="12"/>
    </row>
    <row r="68757" spans="8:8">
      <c r="H68757" s="12"/>
    </row>
    <row r="68758" spans="8:8">
      <c r="H68758" s="12"/>
    </row>
    <row r="68759" spans="8:8">
      <c r="H68759" s="12"/>
    </row>
    <row r="68760" spans="8:8">
      <c r="H68760" s="12"/>
    </row>
    <row r="68761" spans="8:8">
      <c r="H68761" s="12"/>
    </row>
    <row r="68762" spans="8:8">
      <c r="H68762" s="12"/>
    </row>
    <row r="68763" spans="8:8">
      <c r="H68763" s="12"/>
    </row>
    <row r="68764" spans="8:8">
      <c r="H68764" s="12"/>
    </row>
    <row r="68765" spans="8:8">
      <c r="H68765" s="12"/>
    </row>
    <row r="68766" spans="8:8">
      <c r="H68766" s="12"/>
    </row>
    <row r="68767" spans="8:8">
      <c r="H68767" s="12"/>
    </row>
    <row r="68768" spans="8:8">
      <c r="H68768" s="12"/>
    </row>
    <row r="68769" spans="8:8">
      <c r="H68769" s="12"/>
    </row>
    <row r="68770" spans="8:8">
      <c r="H68770" s="12"/>
    </row>
    <row r="68771" spans="8:8">
      <c r="H68771" s="12"/>
    </row>
    <row r="68772" spans="8:8">
      <c r="H68772" s="12"/>
    </row>
    <row r="68773" spans="8:8">
      <c r="H68773" s="12"/>
    </row>
    <row r="68774" spans="8:8">
      <c r="H68774" s="12"/>
    </row>
    <row r="68775" spans="8:8">
      <c r="H68775" s="12"/>
    </row>
    <row r="68776" spans="8:8">
      <c r="H68776" s="12"/>
    </row>
    <row r="68777" spans="8:8">
      <c r="H68777" s="12"/>
    </row>
    <row r="68778" spans="8:8">
      <c r="H68778" s="12"/>
    </row>
    <row r="68779" spans="8:8">
      <c r="H68779" s="12"/>
    </row>
    <row r="68780" spans="8:8">
      <c r="H68780" s="12"/>
    </row>
    <row r="68781" spans="8:8">
      <c r="H68781" s="12"/>
    </row>
    <row r="68782" spans="8:8">
      <c r="H68782" s="12"/>
    </row>
    <row r="68783" spans="8:8">
      <c r="H68783" s="12"/>
    </row>
    <row r="68784" spans="8:8">
      <c r="H68784" s="12"/>
    </row>
    <row r="68785" spans="8:8">
      <c r="H68785" s="12"/>
    </row>
    <row r="68786" spans="8:8">
      <c r="H68786" s="12"/>
    </row>
    <row r="68787" spans="8:8">
      <c r="H68787" s="12"/>
    </row>
    <row r="68788" spans="8:8">
      <c r="H68788" s="12"/>
    </row>
    <row r="68789" spans="8:8">
      <c r="H68789" s="12"/>
    </row>
    <row r="68790" spans="8:8">
      <c r="H68790" s="12"/>
    </row>
    <row r="68791" spans="8:8">
      <c r="H68791" s="12"/>
    </row>
    <row r="68792" spans="8:8">
      <c r="H68792" s="12"/>
    </row>
    <row r="68793" spans="8:8">
      <c r="H68793" s="12"/>
    </row>
    <row r="68794" spans="8:8">
      <c r="H68794" s="12"/>
    </row>
    <row r="68795" spans="8:8">
      <c r="H68795" s="12"/>
    </row>
    <row r="68796" spans="8:8">
      <c r="H68796" s="12"/>
    </row>
    <row r="68797" spans="8:8">
      <c r="H68797" s="12"/>
    </row>
    <row r="68798" spans="8:8">
      <c r="H68798" s="12"/>
    </row>
    <row r="68799" spans="8:8">
      <c r="H68799" s="12"/>
    </row>
    <row r="68800" spans="8:8">
      <c r="H68800" s="12"/>
    </row>
    <row r="68801" spans="8:8">
      <c r="H68801" s="12"/>
    </row>
    <row r="68802" spans="8:8">
      <c r="H68802" s="12"/>
    </row>
    <row r="68803" spans="8:8">
      <c r="H68803" s="12"/>
    </row>
    <row r="68804" spans="8:8">
      <c r="H68804" s="12"/>
    </row>
    <row r="68805" spans="8:8">
      <c r="H68805" s="12"/>
    </row>
    <row r="68806" spans="8:8">
      <c r="H68806" s="12"/>
    </row>
    <row r="68807" spans="8:8">
      <c r="H68807" s="12"/>
    </row>
    <row r="68808" spans="8:8">
      <c r="H68808" s="12"/>
    </row>
    <row r="68809" spans="8:8">
      <c r="H68809" s="12"/>
    </row>
    <row r="68810" spans="8:8">
      <c r="H68810" s="12"/>
    </row>
    <row r="68811" spans="8:8">
      <c r="H68811" s="12"/>
    </row>
    <row r="68812" spans="8:8">
      <c r="H68812" s="12"/>
    </row>
    <row r="68813" spans="8:8">
      <c r="H68813" s="12"/>
    </row>
    <row r="68814" spans="8:8">
      <c r="H68814" s="12"/>
    </row>
    <row r="68815" spans="8:8">
      <c r="H68815" s="12"/>
    </row>
    <row r="68816" spans="8:8">
      <c r="H68816" s="12"/>
    </row>
    <row r="68817" spans="8:8">
      <c r="H68817" s="12"/>
    </row>
    <row r="68818" spans="8:8">
      <c r="H68818" s="12"/>
    </row>
    <row r="68819" spans="8:8">
      <c r="H68819" s="12"/>
    </row>
    <row r="68820" spans="8:8">
      <c r="H68820" s="12"/>
    </row>
    <row r="68821" spans="8:8">
      <c r="H68821" s="12"/>
    </row>
    <row r="68822" spans="8:8">
      <c r="H68822" s="12"/>
    </row>
    <row r="68823" spans="8:8">
      <c r="H68823" s="12"/>
    </row>
    <row r="68824" spans="8:8">
      <c r="H68824" s="12"/>
    </row>
    <row r="68825" spans="8:8">
      <c r="H68825" s="12"/>
    </row>
    <row r="68826" spans="8:8">
      <c r="H68826" s="12"/>
    </row>
    <row r="68827" spans="8:8">
      <c r="H68827" s="12"/>
    </row>
    <row r="68828" spans="8:8">
      <c r="H68828" s="12"/>
    </row>
    <row r="68829" spans="8:8">
      <c r="H68829" s="12"/>
    </row>
    <row r="68830" spans="8:8">
      <c r="H68830" s="12"/>
    </row>
    <row r="68831" spans="8:8">
      <c r="H68831" s="12"/>
    </row>
    <row r="68832" spans="8:8">
      <c r="H68832" s="12"/>
    </row>
    <row r="68833" spans="8:8">
      <c r="H68833" s="12"/>
    </row>
    <row r="68834" spans="8:8">
      <c r="H68834" s="12"/>
    </row>
    <row r="68835" spans="8:8">
      <c r="H68835" s="12"/>
    </row>
    <row r="68836" spans="8:8">
      <c r="H68836" s="12"/>
    </row>
    <row r="68837" spans="8:8">
      <c r="H68837" s="12"/>
    </row>
    <row r="68838" spans="8:8">
      <c r="H68838" s="12"/>
    </row>
    <row r="68839" spans="8:8">
      <c r="H68839" s="12"/>
    </row>
    <row r="68840" spans="8:8">
      <c r="H68840" s="12"/>
    </row>
    <row r="68841" spans="8:8">
      <c r="H68841" s="12"/>
    </row>
    <row r="68842" spans="8:8">
      <c r="H68842" s="12"/>
    </row>
    <row r="68843" spans="8:8">
      <c r="H68843" s="12"/>
    </row>
    <row r="68844" spans="8:8">
      <c r="H68844" s="12"/>
    </row>
    <row r="68845" spans="8:8">
      <c r="H68845" s="12"/>
    </row>
    <row r="68846" spans="8:8">
      <c r="H68846" s="12"/>
    </row>
    <row r="68847" spans="8:8">
      <c r="H68847" s="12"/>
    </row>
    <row r="68848" spans="8:8">
      <c r="H68848" s="12"/>
    </row>
    <row r="68849" spans="8:8">
      <c r="H68849" s="12"/>
    </row>
    <row r="68850" spans="8:8">
      <c r="H68850" s="12"/>
    </row>
    <row r="68851" spans="8:8">
      <c r="H68851" s="12"/>
    </row>
    <row r="68852" spans="8:8">
      <c r="H68852" s="12"/>
    </row>
    <row r="68853" spans="8:8">
      <c r="H68853" s="12"/>
    </row>
    <row r="68854" spans="8:8">
      <c r="H68854" s="12"/>
    </row>
    <row r="68855" spans="8:8">
      <c r="H68855" s="12"/>
    </row>
    <row r="68856" spans="8:8">
      <c r="H68856" s="12"/>
    </row>
    <row r="68857" spans="8:8">
      <c r="H68857" s="12"/>
    </row>
    <row r="68858" spans="8:8">
      <c r="H68858" s="12"/>
    </row>
    <row r="68859" spans="8:8">
      <c r="H68859" s="12"/>
    </row>
    <row r="68860" spans="8:8">
      <c r="H68860" s="12"/>
    </row>
    <row r="68861" spans="8:8">
      <c r="H68861" s="12"/>
    </row>
    <row r="68862" spans="8:8">
      <c r="H68862" s="12"/>
    </row>
    <row r="68863" spans="8:8">
      <c r="H68863" s="12"/>
    </row>
    <row r="68864" spans="8:8">
      <c r="H68864" s="12"/>
    </row>
    <row r="68865" spans="8:8">
      <c r="H68865" s="12"/>
    </row>
    <row r="68866" spans="8:8">
      <c r="H68866" s="12"/>
    </row>
    <row r="68867" spans="8:8">
      <c r="H68867" s="12"/>
    </row>
    <row r="68868" spans="8:8">
      <c r="H68868" s="12"/>
    </row>
    <row r="68869" spans="8:8">
      <c r="H68869" s="12"/>
    </row>
    <row r="68870" spans="8:8">
      <c r="H68870" s="12"/>
    </row>
    <row r="68871" spans="8:8">
      <c r="H68871" s="12"/>
    </row>
    <row r="68872" spans="8:8">
      <c r="H68872" s="12"/>
    </row>
    <row r="68873" spans="8:8">
      <c r="H68873" s="12"/>
    </row>
    <row r="68874" spans="8:8">
      <c r="H68874" s="12"/>
    </row>
    <row r="68875" spans="8:8">
      <c r="H68875" s="12"/>
    </row>
    <row r="68876" spans="8:8">
      <c r="H68876" s="12"/>
    </row>
    <row r="68877" spans="8:8">
      <c r="H68877" s="12"/>
    </row>
    <row r="68878" spans="8:8">
      <c r="H68878" s="12"/>
    </row>
    <row r="68879" spans="8:8">
      <c r="H68879" s="12"/>
    </row>
    <row r="68880" spans="8:8">
      <c r="H68880" s="12"/>
    </row>
    <row r="68881" spans="8:8">
      <c r="H68881" s="12"/>
    </row>
    <row r="68882" spans="8:8">
      <c r="H68882" s="12"/>
    </row>
    <row r="68883" spans="8:8">
      <c r="H68883" s="12"/>
    </row>
    <row r="68884" spans="8:8">
      <c r="H68884" s="12"/>
    </row>
    <row r="68885" spans="8:8">
      <c r="H68885" s="12"/>
    </row>
    <row r="68886" spans="8:8">
      <c r="H68886" s="12"/>
    </row>
    <row r="68887" spans="8:8">
      <c r="H68887" s="12"/>
    </row>
    <row r="68888" spans="8:8">
      <c r="H68888" s="12"/>
    </row>
    <row r="68889" spans="8:8">
      <c r="H68889" s="12"/>
    </row>
    <row r="68890" spans="8:8">
      <c r="H68890" s="12"/>
    </row>
    <row r="68891" spans="8:8">
      <c r="H68891" s="12"/>
    </row>
    <row r="68892" spans="8:8">
      <c r="H68892" s="12"/>
    </row>
    <row r="68893" spans="8:8">
      <c r="H68893" s="12"/>
    </row>
    <row r="68894" spans="8:8">
      <c r="H68894" s="12"/>
    </row>
    <row r="68895" spans="8:8">
      <c r="H68895" s="12"/>
    </row>
    <row r="68896" spans="8:8">
      <c r="H68896" s="12"/>
    </row>
    <row r="68897" spans="8:8">
      <c r="H68897" s="12"/>
    </row>
    <row r="68898" spans="8:8">
      <c r="H68898" s="12"/>
    </row>
    <row r="68899" spans="8:8">
      <c r="H68899" s="12"/>
    </row>
    <row r="68900" spans="8:8">
      <c r="H68900" s="12"/>
    </row>
    <row r="68901" spans="8:8">
      <c r="H68901" s="12"/>
    </row>
    <row r="68902" spans="8:8">
      <c r="H68902" s="12"/>
    </row>
    <row r="68903" spans="8:8">
      <c r="H68903" s="12"/>
    </row>
    <row r="68904" spans="8:8">
      <c r="H68904" s="12"/>
    </row>
    <row r="68905" spans="8:8">
      <c r="H68905" s="12"/>
    </row>
    <row r="68906" spans="8:8">
      <c r="H68906" s="12"/>
    </row>
    <row r="68907" spans="8:8">
      <c r="H68907" s="12"/>
    </row>
    <row r="68908" spans="8:8">
      <c r="H68908" s="12"/>
    </row>
    <row r="68909" spans="8:8">
      <c r="H68909" s="12"/>
    </row>
    <row r="68910" spans="8:8">
      <c r="H68910" s="12"/>
    </row>
    <row r="68911" spans="8:8">
      <c r="H68911" s="12"/>
    </row>
    <row r="68912" spans="8:8">
      <c r="H68912" s="12"/>
    </row>
    <row r="68913" spans="8:8">
      <c r="H68913" s="12"/>
    </row>
    <row r="68914" spans="8:8">
      <c r="H68914" s="12"/>
    </row>
    <row r="68915" spans="8:8">
      <c r="H68915" s="12"/>
    </row>
    <row r="68916" spans="8:8">
      <c r="H68916" s="12"/>
    </row>
    <row r="68917" spans="8:8">
      <c r="H68917" s="12"/>
    </row>
    <row r="68918" spans="8:8">
      <c r="H68918" s="12"/>
    </row>
    <row r="68919" spans="8:8">
      <c r="H68919" s="12"/>
    </row>
    <row r="68920" spans="8:8">
      <c r="H68920" s="12"/>
    </row>
    <row r="68921" spans="8:8">
      <c r="H68921" s="12"/>
    </row>
    <row r="68922" spans="8:8">
      <c r="H68922" s="12"/>
    </row>
    <row r="68923" spans="8:8">
      <c r="H68923" s="12"/>
    </row>
    <row r="68924" spans="8:8">
      <c r="H68924" s="12"/>
    </row>
    <row r="68925" spans="8:8">
      <c r="H68925" s="12"/>
    </row>
    <row r="68926" spans="8:8">
      <c r="H68926" s="12"/>
    </row>
    <row r="68927" spans="8:8">
      <c r="H68927" s="12"/>
    </row>
    <row r="68928" spans="8:8">
      <c r="H68928" s="12"/>
    </row>
    <row r="68929" spans="8:8">
      <c r="H68929" s="12"/>
    </row>
    <row r="68930" spans="8:8">
      <c r="H68930" s="12"/>
    </row>
    <row r="68931" spans="8:8">
      <c r="H68931" s="12"/>
    </row>
    <row r="68932" spans="8:8">
      <c r="H68932" s="12"/>
    </row>
    <row r="68933" spans="8:8">
      <c r="H68933" s="12"/>
    </row>
    <row r="68934" spans="8:8">
      <c r="H68934" s="12"/>
    </row>
    <row r="68935" spans="8:8">
      <c r="H68935" s="12"/>
    </row>
    <row r="68936" spans="8:8">
      <c r="H68936" s="12"/>
    </row>
    <row r="68937" spans="8:8">
      <c r="H68937" s="12"/>
    </row>
    <row r="68938" spans="8:8">
      <c r="H68938" s="12"/>
    </row>
    <row r="68939" spans="8:8">
      <c r="H68939" s="12"/>
    </row>
    <row r="68940" spans="8:8">
      <c r="H68940" s="12"/>
    </row>
    <row r="68941" spans="8:8">
      <c r="H68941" s="12"/>
    </row>
    <row r="68942" spans="8:8">
      <c r="H68942" s="12"/>
    </row>
    <row r="68943" spans="8:8">
      <c r="H68943" s="12"/>
    </row>
    <row r="68944" spans="8:8">
      <c r="H68944" s="12"/>
    </row>
    <row r="68945" spans="8:8">
      <c r="H68945" s="12"/>
    </row>
    <row r="68946" spans="8:8">
      <c r="H68946" s="12"/>
    </row>
    <row r="68947" spans="8:8">
      <c r="H68947" s="12"/>
    </row>
    <row r="68948" spans="8:8">
      <c r="H68948" s="12"/>
    </row>
    <row r="68949" spans="8:8">
      <c r="H68949" s="12"/>
    </row>
    <row r="68950" spans="8:8">
      <c r="H68950" s="12"/>
    </row>
    <row r="68951" spans="8:8">
      <c r="H68951" s="12"/>
    </row>
    <row r="68952" spans="8:8">
      <c r="H68952" s="12"/>
    </row>
    <row r="68953" spans="8:8">
      <c r="H68953" s="12"/>
    </row>
    <row r="68954" spans="8:8">
      <c r="H68954" s="12"/>
    </row>
    <row r="68955" spans="8:8">
      <c r="H68955" s="12"/>
    </row>
    <row r="68956" spans="8:8">
      <c r="H68956" s="12"/>
    </row>
    <row r="68957" spans="8:8">
      <c r="H68957" s="12"/>
    </row>
    <row r="68958" spans="8:8">
      <c r="H68958" s="12"/>
    </row>
    <row r="68959" spans="8:8">
      <c r="H68959" s="12"/>
    </row>
    <row r="68960" spans="8:8">
      <c r="H68960" s="12"/>
    </row>
    <row r="68961" spans="8:8">
      <c r="H68961" s="12"/>
    </row>
    <row r="68962" spans="8:8">
      <c r="H68962" s="12"/>
    </row>
    <row r="68963" spans="8:8">
      <c r="H68963" s="12"/>
    </row>
    <row r="68964" spans="8:8">
      <c r="H68964" s="12"/>
    </row>
    <row r="68965" spans="8:8">
      <c r="H68965" s="12"/>
    </row>
    <row r="68966" spans="8:8">
      <c r="H68966" s="12"/>
    </row>
    <row r="68967" spans="8:8">
      <c r="H68967" s="12"/>
    </row>
    <row r="68968" spans="8:8">
      <c r="H68968" s="12"/>
    </row>
    <row r="68969" spans="8:8">
      <c r="H68969" s="12"/>
    </row>
    <row r="68970" spans="8:8">
      <c r="H68970" s="12"/>
    </row>
    <row r="68971" spans="8:8">
      <c r="H68971" s="12"/>
    </row>
    <row r="68972" spans="8:8">
      <c r="H68972" s="12"/>
    </row>
    <row r="68973" spans="8:8">
      <c r="H68973" s="12"/>
    </row>
    <row r="68974" spans="8:8">
      <c r="H68974" s="12"/>
    </row>
    <row r="68975" spans="8:8">
      <c r="H68975" s="12"/>
    </row>
    <row r="68976" spans="8:8">
      <c r="H68976" s="12"/>
    </row>
    <row r="68977" spans="8:8">
      <c r="H68977" s="12"/>
    </row>
    <row r="68978" spans="8:8">
      <c r="H68978" s="12"/>
    </row>
    <row r="68979" spans="8:8">
      <c r="H68979" s="12"/>
    </row>
    <row r="68980" spans="8:8">
      <c r="H68980" s="12"/>
    </row>
    <row r="68981" spans="8:8">
      <c r="H68981" s="12"/>
    </row>
    <row r="68982" spans="8:8">
      <c r="H68982" s="12"/>
    </row>
    <row r="68983" spans="8:8">
      <c r="H68983" s="12"/>
    </row>
    <row r="68984" spans="8:8">
      <c r="H68984" s="12"/>
    </row>
    <row r="68985" spans="8:8">
      <c r="H68985" s="12"/>
    </row>
    <row r="68986" spans="8:8">
      <c r="H68986" s="12"/>
    </row>
    <row r="68987" spans="8:8">
      <c r="H68987" s="12"/>
    </row>
    <row r="68988" spans="8:8">
      <c r="H68988" s="12"/>
    </row>
    <row r="68989" spans="8:8">
      <c r="H68989" s="12"/>
    </row>
    <row r="68990" spans="8:8">
      <c r="H68990" s="12"/>
    </row>
    <row r="68991" spans="8:8">
      <c r="H68991" s="12"/>
    </row>
    <row r="68992" spans="8:8">
      <c r="H68992" s="12"/>
    </row>
    <row r="68993" spans="8:8">
      <c r="H68993" s="12"/>
    </row>
    <row r="68994" spans="8:8">
      <c r="H68994" s="12"/>
    </row>
    <row r="68995" spans="8:8">
      <c r="H68995" s="12"/>
    </row>
    <row r="68996" spans="8:8">
      <c r="H68996" s="12"/>
    </row>
    <row r="68997" spans="8:8">
      <c r="H68997" s="12"/>
    </row>
    <row r="68998" spans="8:8">
      <c r="H68998" s="12"/>
    </row>
    <row r="68999" spans="8:8">
      <c r="H68999" s="12"/>
    </row>
    <row r="69000" spans="8:8">
      <c r="H69000" s="12"/>
    </row>
    <row r="69001" spans="8:8">
      <c r="H69001" s="12"/>
    </row>
    <row r="69002" spans="8:8">
      <c r="H69002" s="12"/>
    </row>
    <row r="69003" spans="8:8">
      <c r="H69003" s="12"/>
    </row>
    <row r="69004" spans="8:8">
      <c r="H69004" s="12"/>
    </row>
    <row r="69005" spans="8:8">
      <c r="H69005" s="12"/>
    </row>
    <row r="69006" spans="8:8">
      <c r="H69006" s="12"/>
    </row>
    <row r="69007" spans="8:8">
      <c r="H69007" s="12"/>
    </row>
    <row r="69008" spans="8:8">
      <c r="H69008" s="12"/>
    </row>
    <row r="69009" spans="8:8">
      <c r="H69009" s="12"/>
    </row>
    <row r="69010" spans="8:8">
      <c r="H69010" s="12"/>
    </row>
    <row r="69011" spans="8:8">
      <c r="H69011" s="12"/>
    </row>
    <row r="69012" spans="8:8">
      <c r="H69012" s="12"/>
    </row>
    <row r="69013" spans="8:8">
      <c r="H69013" s="12"/>
    </row>
    <row r="69014" spans="8:8">
      <c r="H69014" s="12"/>
    </row>
    <row r="69015" spans="8:8">
      <c r="H69015" s="12"/>
    </row>
    <row r="69016" spans="8:8">
      <c r="H69016" s="12"/>
    </row>
    <row r="69017" spans="8:8">
      <c r="H69017" s="12"/>
    </row>
    <row r="69018" spans="8:8">
      <c r="H69018" s="12"/>
    </row>
    <row r="69019" spans="8:8">
      <c r="H69019" s="12"/>
    </row>
    <row r="69020" spans="8:8">
      <c r="H69020" s="12"/>
    </row>
    <row r="69021" spans="8:8">
      <c r="H69021" s="12"/>
    </row>
    <row r="69022" spans="8:8">
      <c r="H69022" s="12"/>
    </row>
    <row r="69023" spans="8:8">
      <c r="H69023" s="12"/>
    </row>
    <row r="69024" spans="8:8">
      <c r="H69024" s="12"/>
    </row>
    <row r="69025" spans="8:8">
      <c r="H69025" s="12"/>
    </row>
    <row r="69026" spans="8:8">
      <c r="H69026" s="12"/>
    </row>
    <row r="69027" spans="8:8">
      <c r="H69027" s="12"/>
    </row>
    <row r="69028" spans="8:8">
      <c r="H69028" s="12"/>
    </row>
    <row r="69029" spans="8:8">
      <c r="H69029" s="12"/>
    </row>
    <row r="69030" spans="8:8">
      <c r="H69030" s="12"/>
    </row>
    <row r="69031" spans="8:8">
      <c r="H69031" s="12"/>
    </row>
    <row r="69032" spans="8:8">
      <c r="H69032" s="12"/>
    </row>
    <row r="69033" spans="8:8">
      <c r="H69033" s="12"/>
    </row>
    <row r="69034" spans="8:8">
      <c r="H69034" s="12"/>
    </row>
    <row r="69035" spans="8:8">
      <c r="H69035" s="12"/>
    </row>
    <row r="69036" spans="8:8">
      <c r="H69036" s="12"/>
    </row>
    <row r="69037" spans="8:8">
      <c r="H69037" s="12"/>
    </row>
    <row r="69038" spans="8:8">
      <c r="H69038" s="12"/>
    </row>
    <row r="69039" spans="8:8">
      <c r="H69039" s="12"/>
    </row>
    <row r="69040" spans="8:8">
      <c r="H69040" s="12"/>
    </row>
    <row r="69041" spans="8:8">
      <c r="H69041" s="12"/>
    </row>
    <row r="69042" spans="8:8">
      <c r="H69042" s="12"/>
    </row>
    <row r="69043" spans="8:8">
      <c r="H69043" s="12"/>
    </row>
    <row r="69044" spans="8:8">
      <c r="H69044" s="12"/>
    </row>
    <row r="69045" spans="8:8">
      <c r="H69045" s="12"/>
    </row>
    <row r="69046" spans="8:8">
      <c r="H69046" s="12"/>
    </row>
    <row r="69047" spans="8:8">
      <c r="H69047" s="12"/>
    </row>
    <row r="69048" spans="8:8">
      <c r="H69048" s="12"/>
    </row>
    <row r="69049" spans="8:8">
      <c r="H69049" s="12"/>
    </row>
    <row r="69050" spans="8:8">
      <c r="H69050" s="12"/>
    </row>
    <row r="69051" spans="8:8">
      <c r="H69051" s="12"/>
    </row>
    <row r="69052" spans="8:8">
      <c r="H69052" s="12"/>
    </row>
    <row r="69053" spans="8:8">
      <c r="H69053" s="12"/>
    </row>
    <row r="69054" spans="8:8">
      <c r="H69054" s="12"/>
    </row>
    <row r="69055" spans="8:8">
      <c r="H69055" s="12"/>
    </row>
    <row r="69056" spans="8:8">
      <c r="H69056" s="12"/>
    </row>
    <row r="69057" spans="8:8">
      <c r="H69057" s="12"/>
    </row>
    <row r="69058" spans="8:8">
      <c r="H69058" s="12"/>
    </row>
    <row r="69059" spans="8:8">
      <c r="H69059" s="12"/>
    </row>
    <row r="69060" spans="8:8">
      <c r="H69060" s="12"/>
    </row>
    <row r="69061" spans="8:8">
      <c r="H69061" s="12"/>
    </row>
    <row r="69062" spans="8:8">
      <c r="H69062" s="12"/>
    </row>
    <row r="69063" spans="8:8">
      <c r="H69063" s="12"/>
    </row>
    <row r="69064" spans="8:8">
      <c r="H69064" s="12"/>
    </row>
    <row r="69065" spans="8:8">
      <c r="H69065" s="12"/>
    </row>
    <row r="69066" spans="8:8">
      <c r="H69066" s="12"/>
    </row>
    <row r="69067" spans="8:8">
      <c r="H69067" s="12"/>
    </row>
    <row r="69068" spans="8:8">
      <c r="H69068" s="12"/>
    </row>
    <row r="69069" spans="8:8">
      <c r="H69069" s="12"/>
    </row>
    <row r="69070" spans="8:8">
      <c r="H69070" s="12"/>
    </row>
    <row r="69071" spans="8:8">
      <c r="H69071" s="12"/>
    </row>
    <row r="69072" spans="8:8">
      <c r="H69072" s="12"/>
    </row>
    <row r="69073" spans="8:8">
      <c r="H69073" s="12"/>
    </row>
    <row r="69074" spans="8:8">
      <c r="H69074" s="12"/>
    </row>
    <row r="69075" spans="8:8">
      <c r="H69075" s="12"/>
    </row>
    <row r="69076" spans="8:8">
      <c r="H69076" s="12"/>
    </row>
    <row r="69077" spans="8:8">
      <c r="H69077" s="12"/>
    </row>
    <row r="69078" spans="8:8">
      <c r="H69078" s="12"/>
    </row>
    <row r="69079" spans="8:8">
      <c r="H69079" s="12"/>
    </row>
    <row r="69080" spans="8:8">
      <c r="H69080" s="12"/>
    </row>
    <row r="69081" spans="8:8">
      <c r="H69081" s="12"/>
    </row>
    <row r="69082" spans="8:8">
      <c r="H69082" s="12"/>
    </row>
    <row r="69083" spans="8:8">
      <c r="H69083" s="12"/>
    </row>
    <row r="69084" spans="8:8">
      <c r="H69084" s="12"/>
    </row>
    <row r="69085" spans="8:8">
      <c r="H69085" s="12"/>
    </row>
    <row r="69086" spans="8:8">
      <c r="H69086" s="12"/>
    </row>
    <row r="69087" spans="8:8">
      <c r="H69087" s="12"/>
    </row>
    <row r="69088" spans="8:8">
      <c r="H69088" s="12"/>
    </row>
    <row r="69089" spans="8:8">
      <c r="H69089" s="12"/>
    </row>
    <row r="69090" spans="8:8">
      <c r="H69090" s="12"/>
    </row>
    <row r="69091" spans="8:8">
      <c r="H69091" s="12"/>
    </row>
    <row r="69092" spans="8:8">
      <c r="H69092" s="12"/>
    </row>
    <row r="69093" spans="8:8">
      <c r="H69093" s="12"/>
    </row>
    <row r="69094" spans="8:8">
      <c r="H69094" s="12"/>
    </row>
    <row r="69095" spans="8:8">
      <c r="H69095" s="12"/>
    </row>
    <row r="69096" spans="8:8">
      <c r="H69096" s="12"/>
    </row>
    <row r="69097" spans="8:8">
      <c r="H69097" s="12"/>
    </row>
    <row r="69098" spans="8:8">
      <c r="H69098" s="12"/>
    </row>
    <row r="69099" spans="8:8">
      <c r="H69099" s="12"/>
    </row>
    <row r="69100" spans="8:8">
      <c r="H69100" s="12"/>
    </row>
    <row r="69101" spans="8:8">
      <c r="H69101" s="12"/>
    </row>
    <row r="69102" spans="8:8">
      <c r="H69102" s="12"/>
    </row>
    <row r="69103" spans="8:8">
      <c r="H69103" s="12"/>
    </row>
    <row r="69104" spans="8:8">
      <c r="H69104" s="12"/>
    </row>
    <row r="69105" spans="8:8">
      <c r="H69105" s="12"/>
    </row>
    <row r="69106" spans="8:8">
      <c r="H69106" s="12"/>
    </row>
    <row r="69107" spans="8:8">
      <c r="H69107" s="12"/>
    </row>
    <row r="69108" spans="8:8">
      <c r="H69108" s="12"/>
    </row>
    <row r="69109" spans="8:8">
      <c r="H69109" s="12"/>
    </row>
    <row r="69110" spans="8:8">
      <c r="H69110" s="12"/>
    </row>
    <row r="69111" spans="8:8">
      <c r="H69111" s="12"/>
    </row>
    <row r="69112" spans="8:8">
      <c r="H69112" s="12"/>
    </row>
    <row r="69113" spans="8:8">
      <c r="H69113" s="12"/>
    </row>
    <row r="69114" spans="8:8">
      <c r="H69114" s="12"/>
    </row>
    <row r="69115" spans="8:8">
      <c r="H69115" s="12"/>
    </row>
    <row r="69116" spans="8:8">
      <c r="H69116" s="12"/>
    </row>
    <row r="69117" spans="8:8">
      <c r="H69117" s="12"/>
    </row>
    <row r="69118" spans="8:8">
      <c r="H69118" s="12"/>
    </row>
    <row r="69119" spans="8:8">
      <c r="H69119" s="12"/>
    </row>
    <row r="69120" spans="8:8">
      <c r="H69120" s="12"/>
    </row>
    <row r="69121" spans="8:8">
      <c r="H69121" s="12"/>
    </row>
    <row r="69122" spans="8:8">
      <c r="H69122" s="12"/>
    </row>
    <row r="69123" spans="8:8">
      <c r="H69123" s="12"/>
    </row>
    <row r="69124" spans="8:8">
      <c r="H69124" s="12"/>
    </row>
    <row r="69125" spans="8:8">
      <c r="H69125" s="12"/>
    </row>
    <row r="69126" spans="8:8">
      <c r="H69126" s="12"/>
    </row>
    <row r="69127" spans="8:8">
      <c r="H69127" s="12"/>
    </row>
    <row r="69128" spans="8:8">
      <c r="H69128" s="12"/>
    </row>
    <row r="69129" spans="8:8">
      <c r="H69129" s="12"/>
    </row>
    <row r="69130" spans="8:8">
      <c r="H69130" s="12"/>
    </row>
    <row r="69131" spans="8:8">
      <c r="H69131" s="12"/>
    </row>
    <row r="69132" spans="8:8">
      <c r="H69132" s="12"/>
    </row>
    <row r="69133" spans="8:8">
      <c r="H69133" s="12"/>
    </row>
    <row r="69134" spans="8:8">
      <c r="H69134" s="12"/>
    </row>
    <row r="69135" spans="8:8">
      <c r="H69135" s="12"/>
    </row>
    <row r="69136" spans="8:8">
      <c r="H69136" s="12"/>
    </row>
    <row r="69137" spans="8:8">
      <c r="H69137" s="12"/>
    </row>
    <row r="69138" spans="8:8">
      <c r="H69138" s="12"/>
    </row>
    <row r="69139" spans="8:8">
      <c r="H69139" s="12"/>
    </row>
    <row r="69140" spans="8:8">
      <c r="H69140" s="12"/>
    </row>
    <row r="69141" spans="8:8">
      <c r="H69141" s="12"/>
    </row>
    <row r="69142" spans="8:8">
      <c r="H69142" s="12"/>
    </row>
    <row r="69143" spans="8:8">
      <c r="H69143" s="12"/>
    </row>
    <row r="69144" spans="8:8">
      <c r="H69144" s="12"/>
    </row>
    <row r="69145" spans="8:8">
      <c r="H69145" s="12"/>
    </row>
    <row r="69146" spans="8:8">
      <c r="H69146" s="12"/>
    </row>
    <row r="69147" spans="8:8">
      <c r="H69147" s="12"/>
    </row>
    <row r="69148" spans="8:8">
      <c r="H69148" s="12"/>
    </row>
    <row r="69149" spans="8:8">
      <c r="H69149" s="12"/>
    </row>
    <row r="69150" spans="8:8">
      <c r="H69150" s="12"/>
    </row>
    <row r="69151" spans="8:8">
      <c r="H69151" s="12"/>
    </row>
    <row r="69152" spans="8:8">
      <c r="H69152" s="12"/>
    </row>
    <row r="69153" spans="8:8">
      <c r="H69153" s="12"/>
    </row>
    <row r="69154" spans="8:8">
      <c r="H69154" s="12"/>
    </row>
    <row r="69155" spans="8:8">
      <c r="H69155" s="12"/>
    </row>
    <row r="69156" spans="8:8">
      <c r="H69156" s="12"/>
    </row>
    <row r="69157" spans="8:8">
      <c r="H69157" s="12"/>
    </row>
    <row r="69158" spans="8:8">
      <c r="H69158" s="12"/>
    </row>
    <row r="69159" spans="8:8">
      <c r="H69159" s="12"/>
    </row>
    <row r="69160" spans="8:8">
      <c r="H69160" s="12"/>
    </row>
    <row r="69161" spans="8:8">
      <c r="H69161" s="12"/>
    </row>
    <row r="69162" spans="8:8">
      <c r="H69162" s="12"/>
    </row>
    <row r="69163" spans="8:8">
      <c r="H69163" s="12"/>
    </row>
    <row r="69164" spans="8:8">
      <c r="H69164" s="12"/>
    </row>
    <row r="69165" spans="8:8">
      <c r="H69165" s="12"/>
    </row>
    <row r="69166" spans="8:8">
      <c r="H69166" s="12"/>
    </row>
    <row r="69167" spans="8:8">
      <c r="H69167" s="12"/>
    </row>
    <row r="69168" spans="8:8">
      <c r="H69168" s="12"/>
    </row>
    <row r="69169" spans="8:8">
      <c r="H69169" s="12"/>
    </row>
    <row r="69170" spans="8:8">
      <c r="H69170" s="12"/>
    </row>
    <row r="69171" spans="8:8">
      <c r="H69171" s="12"/>
    </row>
    <row r="69172" spans="8:8">
      <c r="H69172" s="12"/>
    </row>
    <row r="69173" spans="8:8">
      <c r="H69173" s="12"/>
    </row>
    <row r="69174" spans="8:8">
      <c r="H69174" s="12"/>
    </row>
    <row r="69175" spans="8:8">
      <c r="H69175" s="12"/>
    </row>
    <row r="69176" spans="8:8">
      <c r="H69176" s="12"/>
    </row>
    <row r="69177" spans="8:8">
      <c r="H69177" s="12"/>
    </row>
    <row r="69178" spans="8:8">
      <c r="H69178" s="12"/>
    </row>
    <row r="69179" spans="8:8">
      <c r="H69179" s="12"/>
    </row>
    <row r="69180" spans="8:8">
      <c r="H69180" s="12"/>
    </row>
    <row r="69181" spans="8:8">
      <c r="H69181" s="12"/>
    </row>
    <row r="69182" spans="8:8">
      <c r="H69182" s="12"/>
    </row>
    <row r="69183" spans="8:8">
      <c r="H69183" s="12"/>
    </row>
    <row r="69184" spans="8:8">
      <c r="H69184" s="12"/>
    </row>
    <row r="69185" spans="8:8">
      <c r="H69185" s="12"/>
    </row>
    <row r="69186" spans="8:8">
      <c r="H69186" s="12"/>
    </row>
    <row r="69187" spans="8:8">
      <c r="H69187" s="12"/>
    </row>
    <row r="69188" spans="8:8">
      <c r="H69188" s="12"/>
    </row>
    <row r="69189" spans="8:8">
      <c r="H69189" s="12"/>
    </row>
    <row r="69190" spans="8:8">
      <c r="H69190" s="12"/>
    </row>
    <row r="69191" spans="8:8">
      <c r="H69191" s="12"/>
    </row>
    <row r="69192" spans="8:8">
      <c r="H69192" s="12"/>
    </row>
    <row r="69193" spans="8:8">
      <c r="H69193" s="12"/>
    </row>
    <row r="69194" spans="8:8">
      <c r="H69194" s="12"/>
    </row>
    <row r="69195" spans="8:8">
      <c r="H69195" s="12"/>
    </row>
    <row r="69196" spans="8:8">
      <c r="H69196" s="12"/>
    </row>
    <row r="69197" spans="8:8">
      <c r="H69197" s="12"/>
    </row>
    <row r="69198" spans="8:8">
      <c r="H69198" s="12"/>
    </row>
    <row r="69199" spans="8:8">
      <c r="H69199" s="12"/>
    </row>
    <row r="69200" spans="8:8">
      <c r="H69200" s="12"/>
    </row>
    <row r="69201" spans="8:8">
      <c r="H69201" s="12"/>
    </row>
    <row r="69202" spans="8:8">
      <c r="H69202" s="12"/>
    </row>
    <row r="69203" spans="8:8">
      <c r="H69203" s="12"/>
    </row>
    <row r="69204" spans="8:8">
      <c r="H69204" s="12"/>
    </row>
    <row r="69205" spans="8:8">
      <c r="H69205" s="12"/>
    </row>
    <row r="69206" spans="8:8">
      <c r="H69206" s="12"/>
    </row>
    <row r="69207" spans="8:8">
      <c r="H69207" s="12"/>
    </row>
    <row r="69208" spans="8:8">
      <c r="H69208" s="12"/>
    </row>
    <row r="69209" spans="8:8">
      <c r="H69209" s="12"/>
    </row>
    <row r="69210" spans="8:8">
      <c r="H69210" s="12"/>
    </row>
    <row r="69211" spans="8:8">
      <c r="H69211" s="12"/>
    </row>
    <row r="69212" spans="8:8">
      <c r="H69212" s="12"/>
    </row>
    <row r="69213" spans="8:8">
      <c r="H69213" s="12"/>
    </row>
    <row r="69214" spans="8:8">
      <c r="H69214" s="12"/>
    </row>
    <row r="69215" spans="8:8">
      <c r="H69215" s="12"/>
    </row>
    <row r="69216" spans="8:8">
      <c r="H69216" s="12"/>
    </row>
    <row r="69217" spans="8:8">
      <c r="H69217" s="12"/>
    </row>
    <row r="69218" spans="8:8">
      <c r="H69218" s="12"/>
    </row>
    <row r="69219" spans="8:8">
      <c r="H69219" s="12"/>
    </row>
    <row r="69220" spans="8:8">
      <c r="H69220" s="12"/>
    </row>
    <row r="69221" spans="8:8">
      <c r="H69221" s="12"/>
    </row>
    <row r="69222" spans="8:8">
      <c r="H69222" s="12"/>
    </row>
    <row r="69223" spans="8:8">
      <c r="H69223" s="12"/>
    </row>
    <row r="69224" spans="8:8">
      <c r="H69224" s="12"/>
    </row>
    <row r="69225" spans="8:8">
      <c r="H69225" s="12"/>
    </row>
    <row r="69226" spans="8:8">
      <c r="H69226" s="12"/>
    </row>
    <row r="69227" spans="8:8">
      <c r="H69227" s="12"/>
    </row>
    <row r="69228" spans="8:8">
      <c r="H69228" s="12"/>
    </row>
    <row r="69229" spans="8:8">
      <c r="H69229" s="12"/>
    </row>
    <row r="69230" spans="8:8">
      <c r="H69230" s="12"/>
    </row>
    <row r="69231" spans="8:8">
      <c r="H69231" s="12"/>
    </row>
    <row r="69232" spans="8:8">
      <c r="H69232" s="12"/>
    </row>
    <row r="69233" spans="8:8">
      <c r="H69233" s="12"/>
    </row>
    <row r="69234" spans="8:8">
      <c r="H69234" s="12"/>
    </row>
    <row r="69235" spans="8:8">
      <c r="H69235" s="12"/>
    </row>
    <row r="69236" spans="8:8">
      <c r="H69236" s="12"/>
    </row>
    <row r="69237" spans="8:8">
      <c r="H69237" s="12"/>
    </row>
    <row r="69238" spans="8:8">
      <c r="H69238" s="12"/>
    </row>
    <row r="69239" spans="8:8">
      <c r="H69239" s="12"/>
    </row>
    <row r="69240" spans="8:8">
      <c r="H69240" s="12"/>
    </row>
    <row r="69241" spans="8:8">
      <c r="H69241" s="12"/>
    </row>
    <row r="69242" spans="8:8">
      <c r="H69242" s="12"/>
    </row>
    <row r="69243" spans="8:8">
      <c r="H69243" s="12"/>
    </row>
    <row r="69244" spans="8:8">
      <c r="H69244" s="12"/>
    </row>
    <row r="69245" spans="8:8">
      <c r="H69245" s="12"/>
    </row>
    <row r="69246" spans="8:8">
      <c r="H69246" s="12"/>
    </row>
    <row r="69247" spans="8:8">
      <c r="H69247" s="12"/>
    </row>
    <row r="69248" spans="8:8">
      <c r="H69248" s="12"/>
    </row>
    <row r="69249" spans="8:8">
      <c r="H69249" s="12"/>
    </row>
    <row r="69250" spans="8:8">
      <c r="H69250" s="12"/>
    </row>
    <row r="69251" spans="8:8">
      <c r="H69251" s="12"/>
    </row>
    <row r="69252" spans="8:8">
      <c r="H69252" s="12"/>
    </row>
    <row r="69253" spans="8:8">
      <c r="H69253" s="12"/>
    </row>
    <row r="69254" spans="8:8">
      <c r="H69254" s="12"/>
    </row>
    <row r="69255" spans="8:8">
      <c r="H69255" s="12"/>
    </row>
    <row r="69256" spans="8:8">
      <c r="H69256" s="12"/>
    </row>
    <row r="69257" spans="8:8">
      <c r="H69257" s="12"/>
    </row>
    <row r="69258" spans="8:8">
      <c r="H69258" s="12"/>
    </row>
    <row r="69259" spans="8:8">
      <c r="H69259" s="12"/>
    </row>
    <row r="69260" spans="8:8">
      <c r="H69260" s="12"/>
    </row>
    <row r="69261" spans="8:8">
      <c r="H69261" s="12"/>
    </row>
    <row r="69262" spans="8:8">
      <c r="H69262" s="12"/>
    </row>
    <row r="69263" spans="8:8">
      <c r="H69263" s="12"/>
    </row>
    <row r="69264" spans="8:8">
      <c r="H69264" s="12"/>
    </row>
    <row r="69265" spans="8:8">
      <c r="H69265" s="12"/>
    </row>
    <row r="69266" spans="8:8">
      <c r="H69266" s="12"/>
    </row>
    <row r="69267" spans="8:8">
      <c r="H69267" s="12"/>
    </row>
    <row r="69268" spans="8:8">
      <c r="H69268" s="12"/>
    </row>
    <row r="69269" spans="8:8">
      <c r="H69269" s="12"/>
    </row>
    <row r="69270" spans="8:8">
      <c r="H69270" s="12"/>
    </row>
    <row r="69271" spans="8:8">
      <c r="H69271" s="12"/>
    </row>
    <row r="69272" spans="8:8">
      <c r="H69272" s="12"/>
    </row>
    <row r="69273" spans="8:8">
      <c r="H69273" s="12"/>
    </row>
    <row r="69274" spans="8:8">
      <c r="H69274" s="12"/>
    </row>
    <row r="69275" spans="8:8">
      <c r="H69275" s="12"/>
    </row>
    <row r="69276" spans="8:8">
      <c r="H69276" s="12"/>
    </row>
    <row r="69277" spans="8:8">
      <c r="H69277" s="12"/>
    </row>
    <row r="69278" spans="8:8">
      <c r="H69278" s="12"/>
    </row>
    <row r="69279" spans="8:8">
      <c r="H69279" s="12"/>
    </row>
    <row r="69280" spans="8:8">
      <c r="H69280" s="12"/>
    </row>
    <row r="69281" spans="8:8">
      <c r="H69281" s="12"/>
    </row>
    <row r="69282" spans="8:8">
      <c r="H69282" s="12"/>
    </row>
    <row r="69283" spans="8:8">
      <c r="H69283" s="12"/>
    </row>
    <row r="69284" spans="8:8">
      <c r="H69284" s="12"/>
    </row>
    <row r="69285" spans="8:8">
      <c r="H69285" s="12"/>
    </row>
    <row r="69286" spans="8:8">
      <c r="H69286" s="12"/>
    </row>
    <row r="69287" spans="8:8">
      <c r="H69287" s="12"/>
    </row>
    <row r="69288" spans="8:8">
      <c r="H69288" s="12"/>
    </row>
    <row r="69289" spans="8:8">
      <c r="H69289" s="12"/>
    </row>
    <row r="69290" spans="8:8">
      <c r="H69290" s="12"/>
    </row>
    <row r="69291" spans="8:8">
      <c r="H69291" s="12"/>
    </row>
    <row r="69292" spans="8:8">
      <c r="H69292" s="12"/>
    </row>
    <row r="69293" spans="8:8">
      <c r="H69293" s="12"/>
    </row>
    <row r="69294" spans="8:8">
      <c r="H69294" s="12"/>
    </row>
    <row r="69295" spans="8:8">
      <c r="H69295" s="12"/>
    </row>
    <row r="69296" spans="8:8">
      <c r="H69296" s="12"/>
    </row>
    <row r="69297" spans="8:8">
      <c r="H69297" s="12"/>
    </row>
    <row r="69298" spans="8:8">
      <c r="H69298" s="12"/>
    </row>
    <row r="69299" spans="8:8">
      <c r="H69299" s="12"/>
    </row>
    <row r="69300" spans="8:8">
      <c r="H69300" s="12"/>
    </row>
    <row r="69301" spans="8:8">
      <c r="H69301" s="12"/>
    </row>
    <row r="69302" spans="8:8">
      <c r="H69302" s="12"/>
    </row>
    <row r="69303" spans="8:8">
      <c r="H69303" s="12"/>
    </row>
    <row r="69304" spans="8:8">
      <c r="H69304" s="12"/>
    </row>
    <row r="69305" spans="8:8">
      <c r="H69305" s="12"/>
    </row>
    <row r="69306" spans="8:8">
      <c r="H69306" s="12"/>
    </row>
    <row r="69307" spans="8:8">
      <c r="H69307" s="12"/>
    </row>
    <row r="69308" spans="8:8">
      <c r="H69308" s="12"/>
    </row>
    <row r="69309" spans="8:8">
      <c r="H69309" s="12"/>
    </row>
    <row r="69310" spans="8:8">
      <c r="H69310" s="12"/>
    </row>
    <row r="69311" spans="8:8">
      <c r="H69311" s="12"/>
    </row>
    <row r="69312" spans="8:8">
      <c r="H69312" s="12"/>
    </row>
    <row r="69313" spans="8:8">
      <c r="H69313" s="12"/>
    </row>
    <row r="69314" spans="8:8">
      <c r="H69314" s="12"/>
    </row>
    <row r="69315" spans="8:8">
      <c r="H69315" s="12"/>
    </row>
    <row r="69316" spans="8:8">
      <c r="H69316" s="12"/>
    </row>
    <row r="69317" spans="8:8">
      <c r="H69317" s="12"/>
    </row>
    <row r="69318" spans="8:8">
      <c r="H69318" s="12"/>
    </row>
    <row r="69319" spans="8:8">
      <c r="H69319" s="12"/>
    </row>
    <row r="69320" spans="8:8">
      <c r="H69320" s="12"/>
    </row>
    <row r="69321" spans="8:8">
      <c r="H69321" s="12"/>
    </row>
    <row r="69322" spans="8:8">
      <c r="H69322" s="12"/>
    </row>
    <row r="69323" spans="8:8">
      <c r="H69323" s="12"/>
    </row>
    <row r="69324" spans="8:8">
      <c r="H69324" s="12"/>
    </row>
    <row r="69325" spans="8:8">
      <c r="H69325" s="12"/>
    </row>
    <row r="69326" spans="8:8">
      <c r="H69326" s="12"/>
    </row>
    <row r="69327" spans="8:8">
      <c r="H69327" s="12"/>
    </row>
    <row r="69328" spans="8:8">
      <c r="H69328" s="12"/>
    </row>
    <row r="69329" spans="8:8">
      <c r="H69329" s="12"/>
    </row>
    <row r="69330" spans="8:8">
      <c r="H69330" s="12"/>
    </row>
    <row r="69331" spans="8:8">
      <c r="H69331" s="12"/>
    </row>
    <row r="69332" spans="8:8">
      <c r="H69332" s="12"/>
    </row>
    <row r="69333" spans="8:8">
      <c r="H69333" s="12"/>
    </row>
    <row r="69334" spans="8:8">
      <c r="H69334" s="12"/>
    </row>
    <row r="69335" spans="8:8">
      <c r="H69335" s="12"/>
    </row>
    <row r="69336" spans="8:8">
      <c r="H69336" s="12"/>
    </row>
    <row r="69337" spans="8:8">
      <c r="H69337" s="12"/>
    </row>
    <row r="69338" spans="8:8">
      <c r="H69338" s="12"/>
    </row>
    <row r="69339" spans="8:8">
      <c r="H69339" s="12"/>
    </row>
    <row r="69340" spans="8:8">
      <c r="H69340" s="12"/>
    </row>
    <row r="69341" spans="8:8">
      <c r="H69341" s="12"/>
    </row>
    <row r="69342" spans="8:8">
      <c r="H69342" s="12"/>
    </row>
    <row r="69343" spans="8:8">
      <c r="H69343" s="12"/>
    </row>
    <row r="69344" spans="8:8">
      <c r="H69344" s="12"/>
    </row>
    <row r="69345" spans="8:8">
      <c r="H69345" s="12"/>
    </row>
    <row r="69346" spans="8:8">
      <c r="H69346" s="12"/>
    </row>
    <row r="69347" spans="8:8">
      <c r="H69347" s="12"/>
    </row>
    <row r="69348" spans="8:8">
      <c r="H69348" s="12"/>
    </row>
    <row r="69349" spans="8:8">
      <c r="H69349" s="12"/>
    </row>
    <row r="69350" spans="8:8">
      <c r="H69350" s="12"/>
    </row>
    <row r="69351" spans="8:8">
      <c r="H69351" s="12"/>
    </row>
    <row r="69352" spans="8:8">
      <c r="H69352" s="12"/>
    </row>
    <row r="69353" spans="8:8">
      <c r="H69353" s="12"/>
    </row>
    <row r="69354" spans="8:8">
      <c r="H69354" s="12"/>
    </row>
    <row r="69355" spans="8:8">
      <c r="H69355" s="12"/>
    </row>
    <row r="69356" spans="8:8">
      <c r="H69356" s="12"/>
    </row>
    <row r="69357" spans="8:8">
      <c r="H69357" s="12"/>
    </row>
    <row r="69358" spans="8:8">
      <c r="H69358" s="12"/>
    </row>
    <row r="69359" spans="8:8">
      <c r="H69359" s="12"/>
    </row>
    <row r="69360" spans="8:8">
      <c r="H69360" s="12"/>
    </row>
    <row r="69361" spans="8:8">
      <c r="H69361" s="12"/>
    </row>
    <row r="69362" spans="8:8">
      <c r="H69362" s="12"/>
    </row>
    <row r="69363" spans="8:8">
      <c r="H69363" s="12"/>
    </row>
    <row r="69364" spans="8:8">
      <c r="H69364" s="12"/>
    </row>
    <row r="69365" spans="8:8">
      <c r="H69365" s="12"/>
    </row>
    <row r="69366" spans="8:8">
      <c r="H69366" s="12"/>
    </row>
    <row r="69367" spans="8:8">
      <c r="H69367" s="12"/>
    </row>
    <row r="69368" spans="8:8">
      <c r="H69368" s="12"/>
    </row>
    <row r="69369" spans="8:8">
      <c r="H69369" s="12"/>
    </row>
    <row r="69370" spans="8:8">
      <c r="H69370" s="12"/>
    </row>
    <row r="69371" spans="8:8">
      <c r="H69371" s="12"/>
    </row>
    <row r="69372" spans="8:8">
      <c r="H69372" s="12"/>
    </row>
    <row r="69373" spans="8:8">
      <c r="H69373" s="12"/>
    </row>
    <row r="69374" spans="8:8">
      <c r="H69374" s="12"/>
    </row>
    <row r="69375" spans="8:8">
      <c r="H69375" s="12"/>
    </row>
    <row r="69376" spans="8:8">
      <c r="H69376" s="12"/>
    </row>
    <row r="69377" spans="8:8">
      <c r="H69377" s="12"/>
    </row>
    <row r="69378" spans="8:8">
      <c r="H69378" s="12"/>
    </row>
    <row r="69379" spans="8:8">
      <c r="H69379" s="12"/>
    </row>
    <row r="69380" spans="8:8">
      <c r="H69380" s="12"/>
    </row>
    <row r="69381" spans="8:8">
      <c r="H69381" s="12"/>
    </row>
    <row r="69382" spans="8:8">
      <c r="H69382" s="12"/>
    </row>
    <row r="69383" spans="8:8">
      <c r="H69383" s="12"/>
    </row>
    <row r="69384" spans="8:8">
      <c r="H69384" s="12"/>
    </row>
    <row r="69385" spans="8:8">
      <c r="H69385" s="12"/>
    </row>
    <row r="69386" spans="8:8">
      <c r="H69386" s="12"/>
    </row>
    <row r="69387" spans="8:8">
      <c r="H69387" s="12"/>
    </row>
    <row r="69388" spans="8:8">
      <c r="H69388" s="12"/>
    </row>
    <row r="69389" spans="8:8">
      <c r="H69389" s="12"/>
    </row>
    <row r="69390" spans="8:8">
      <c r="H69390" s="12"/>
    </row>
    <row r="69391" spans="8:8">
      <c r="H69391" s="12"/>
    </row>
    <row r="69392" spans="8:8">
      <c r="H69392" s="12"/>
    </row>
    <row r="69393" spans="8:8">
      <c r="H69393" s="12"/>
    </row>
    <row r="69394" spans="8:8">
      <c r="H69394" s="12"/>
    </row>
    <row r="69395" spans="8:8">
      <c r="H69395" s="12"/>
    </row>
    <row r="69396" spans="8:8">
      <c r="H69396" s="12"/>
    </row>
    <row r="69397" spans="8:8">
      <c r="H69397" s="12"/>
    </row>
    <row r="69398" spans="8:8">
      <c r="H69398" s="12"/>
    </row>
    <row r="69399" spans="8:8">
      <c r="H69399" s="12"/>
    </row>
    <row r="69400" spans="8:8">
      <c r="H69400" s="12"/>
    </row>
    <row r="69401" spans="8:8">
      <c r="H69401" s="12"/>
    </row>
    <row r="69402" spans="8:8">
      <c r="H69402" s="12"/>
    </row>
    <row r="69403" spans="8:8">
      <c r="H69403" s="12"/>
    </row>
    <row r="69404" spans="8:8">
      <c r="H69404" s="12"/>
    </row>
    <row r="69405" spans="8:8">
      <c r="H69405" s="12"/>
    </row>
    <row r="69406" spans="8:8">
      <c r="H69406" s="12"/>
    </row>
    <row r="69407" spans="8:8">
      <c r="H69407" s="12"/>
    </row>
    <row r="69408" spans="8:8">
      <c r="H69408" s="12"/>
    </row>
    <row r="69409" spans="8:8">
      <c r="H69409" s="12"/>
    </row>
    <row r="69410" spans="8:8">
      <c r="H69410" s="12"/>
    </row>
    <row r="69411" spans="8:8">
      <c r="H69411" s="12"/>
    </row>
    <row r="69412" spans="8:8">
      <c r="H69412" s="12"/>
    </row>
    <row r="69413" spans="8:8">
      <c r="H69413" s="12"/>
    </row>
    <row r="69414" spans="8:8">
      <c r="H69414" s="12"/>
    </row>
    <row r="69415" spans="8:8">
      <c r="H69415" s="12"/>
    </row>
    <row r="69416" spans="8:8">
      <c r="H69416" s="12"/>
    </row>
    <row r="69417" spans="8:8">
      <c r="H69417" s="12"/>
    </row>
    <row r="69418" spans="8:8">
      <c r="H69418" s="12"/>
    </row>
    <row r="69419" spans="8:8">
      <c r="H69419" s="12"/>
    </row>
    <row r="69420" spans="8:8">
      <c r="H69420" s="12"/>
    </row>
    <row r="69421" spans="8:8">
      <c r="H69421" s="12"/>
    </row>
    <row r="69422" spans="8:8">
      <c r="H69422" s="12"/>
    </row>
    <row r="69423" spans="8:8">
      <c r="H69423" s="12"/>
    </row>
    <row r="69424" spans="8:8">
      <c r="H69424" s="12"/>
    </row>
    <row r="69425" spans="8:8">
      <c r="H69425" s="12"/>
    </row>
    <row r="69426" spans="8:8">
      <c r="H69426" s="12"/>
    </row>
    <row r="69427" spans="8:8">
      <c r="H69427" s="12"/>
    </row>
    <row r="69428" spans="8:8">
      <c r="H69428" s="12"/>
    </row>
    <row r="69429" spans="8:8">
      <c r="H69429" s="12"/>
    </row>
    <row r="69430" spans="8:8">
      <c r="H69430" s="12"/>
    </row>
    <row r="69431" spans="8:8">
      <c r="H69431" s="12"/>
    </row>
    <row r="69432" spans="8:8">
      <c r="H69432" s="12"/>
    </row>
    <row r="69433" spans="8:8">
      <c r="H69433" s="12"/>
    </row>
    <row r="69434" spans="8:8">
      <c r="H69434" s="12"/>
    </row>
    <row r="69435" spans="8:8">
      <c r="H69435" s="12"/>
    </row>
    <row r="69436" spans="8:8">
      <c r="H69436" s="12"/>
    </row>
    <row r="69437" spans="8:8">
      <c r="H69437" s="12"/>
    </row>
    <row r="69438" spans="8:8">
      <c r="H69438" s="12"/>
    </row>
    <row r="69439" spans="8:8">
      <c r="H69439" s="12"/>
    </row>
    <row r="69440" spans="8:8">
      <c r="H69440" s="12"/>
    </row>
    <row r="69441" spans="8:8">
      <c r="H69441" s="12"/>
    </row>
    <row r="69442" spans="8:8">
      <c r="H69442" s="12"/>
    </row>
    <row r="69443" spans="8:8">
      <c r="H69443" s="12"/>
    </row>
    <row r="69444" spans="8:8">
      <c r="H69444" s="12"/>
    </row>
    <row r="69445" spans="8:8">
      <c r="H69445" s="12"/>
    </row>
    <row r="69446" spans="8:8">
      <c r="H69446" s="12"/>
    </row>
    <row r="69447" spans="8:8">
      <c r="H69447" s="12"/>
    </row>
    <row r="69448" spans="8:8">
      <c r="H69448" s="12"/>
    </row>
    <row r="69449" spans="8:8">
      <c r="H69449" s="12"/>
    </row>
    <row r="69450" spans="8:8">
      <c r="H69450" s="12"/>
    </row>
    <row r="69451" spans="8:8">
      <c r="H69451" s="12"/>
    </row>
    <row r="69452" spans="8:8">
      <c r="H69452" s="12"/>
    </row>
    <row r="69453" spans="8:8">
      <c r="H69453" s="12"/>
    </row>
    <row r="69454" spans="8:8">
      <c r="H69454" s="12"/>
    </row>
    <row r="69455" spans="8:8">
      <c r="H69455" s="12"/>
    </row>
    <row r="69456" spans="8:8">
      <c r="H69456" s="12"/>
    </row>
    <row r="69457" spans="8:8">
      <c r="H69457" s="12"/>
    </row>
    <row r="69458" spans="8:8">
      <c r="H69458" s="12"/>
    </row>
    <row r="69459" spans="8:8">
      <c r="H69459" s="12"/>
    </row>
    <row r="69460" spans="8:8">
      <c r="H69460" s="12"/>
    </row>
    <row r="69461" spans="8:8">
      <c r="H69461" s="12"/>
    </row>
    <row r="69462" spans="8:8">
      <c r="H69462" s="12"/>
    </row>
    <row r="69463" spans="8:8">
      <c r="H69463" s="12"/>
    </row>
    <row r="69464" spans="8:8">
      <c r="H69464" s="12"/>
    </row>
    <row r="69465" spans="8:8">
      <c r="H69465" s="12"/>
    </row>
    <row r="69466" spans="8:8">
      <c r="H69466" s="12"/>
    </row>
    <row r="69467" spans="8:8">
      <c r="H69467" s="12"/>
    </row>
    <row r="69468" spans="8:8">
      <c r="H69468" s="12"/>
    </row>
    <row r="69469" spans="8:8">
      <c r="H69469" s="12"/>
    </row>
    <row r="69470" spans="8:8">
      <c r="H69470" s="12"/>
    </row>
    <row r="69471" spans="8:8">
      <c r="H69471" s="12"/>
    </row>
    <row r="69472" spans="8:8">
      <c r="H69472" s="12"/>
    </row>
    <row r="69473" spans="8:8">
      <c r="H69473" s="12"/>
    </row>
    <row r="69474" spans="8:8">
      <c r="H69474" s="12"/>
    </row>
    <row r="69475" spans="8:8">
      <c r="H69475" s="12"/>
    </row>
    <row r="69476" spans="8:8">
      <c r="H69476" s="12"/>
    </row>
    <row r="69477" spans="8:8">
      <c r="H69477" s="12"/>
    </row>
    <row r="69478" spans="8:8">
      <c r="H69478" s="12"/>
    </row>
    <row r="69479" spans="8:8">
      <c r="H69479" s="12"/>
    </row>
    <row r="69480" spans="8:8">
      <c r="H69480" s="12"/>
    </row>
    <row r="69481" spans="8:8">
      <c r="H69481" s="12"/>
    </row>
    <row r="69482" spans="8:8">
      <c r="H69482" s="12"/>
    </row>
    <row r="69483" spans="8:8">
      <c r="H69483" s="12"/>
    </row>
    <row r="69484" spans="8:8">
      <c r="H69484" s="12"/>
    </row>
    <row r="69485" spans="8:8">
      <c r="H69485" s="12"/>
    </row>
    <row r="69486" spans="8:8">
      <c r="H69486" s="12"/>
    </row>
    <row r="69487" spans="8:8">
      <c r="H69487" s="12"/>
    </row>
    <row r="69488" spans="8:8">
      <c r="H69488" s="12"/>
    </row>
    <row r="69489" spans="8:8">
      <c r="H69489" s="12"/>
    </row>
    <row r="69490" spans="8:8">
      <c r="H69490" s="12"/>
    </row>
    <row r="69491" spans="8:8">
      <c r="H69491" s="12"/>
    </row>
    <row r="69492" spans="8:8">
      <c r="H69492" s="12"/>
    </row>
    <row r="69493" spans="8:8">
      <c r="H69493" s="12"/>
    </row>
    <row r="69494" spans="8:8">
      <c r="H69494" s="12"/>
    </row>
    <row r="69495" spans="8:8">
      <c r="H69495" s="12"/>
    </row>
    <row r="69496" spans="8:8">
      <c r="H69496" s="12"/>
    </row>
    <row r="69497" spans="8:8">
      <c r="H69497" s="12"/>
    </row>
    <row r="69498" spans="8:8">
      <c r="H69498" s="12"/>
    </row>
    <row r="69499" spans="8:8">
      <c r="H69499" s="12"/>
    </row>
    <row r="69500" spans="8:8">
      <c r="H69500" s="12"/>
    </row>
    <row r="69501" spans="8:8">
      <c r="H69501" s="12"/>
    </row>
    <row r="69502" spans="8:8">
      <c r="H69502" s="12"/>
    </row>
    <row r="69503" spans="8:8">
      <c r="H69503" s="12"/>
    </row>
    <row r="69504" spans="8:8">
      <c r="H69504" s="12"/>
    </row>
    <row r="69505" spans="8:8">
      <c r="H69505" s="12"/>
    </row>
    <row r="69506" spans="8:8">
      <c r="H69506" s="12"/>
    </row>
    <row r="69507" spans="8:8">
      <c r="H69507" s="12"/>
    </row>
    <row r="69508" spans="8:8">
      <c r="H69508" s="12"/>
    </row>
    <row r="69509" spans="8:8">
      <c r="H69509" s="12"/>
    </row>
    <row r="69510" spans="8:8">
      <c r="H69510" s="12"/>
    </row>
    <row r="69511" spans="8:8">
      <c r="H69511" s="12"/>
    </row>
    <row r="69512" spans="8:8">
      <c r="H69512" s="12"/>
    </row>
    <row r="69513" spans="8:8">
      <c r="H69513" s="12"/>
    </row>
    <row r="69514" spans="8:8">
      <c r="H69514" s="12"/>
    </row>
    <row r="69515" spans="8:8">
      <c r="H69515" s="12"/>
    </row>
    <row r="69516" spans="8:8">
      <c r="H69516" s="12"/>
    </row>
    <row r="69517" spans="8:8">
      <c r="H69517" s="12"/>
    </row>
    <row r="69518" spans="8:8">
      <c r="H69518" s="12"/>
    </row>
    <row r="69519" spans="8:8">
      <c r="H69519" s="12"/>
    </row>
    <row r="69520" spans="8:8">
      <c r="H69520" s="12"/>
    </row>
    <row r="69521" spans="8:8">
      <c r="H69521" s="12"/>
    </row>
    <row r="69522" spans="8:8">
      <c r="H69522" s="12"/>
    </row>
    <row r="69523" spans="8:8">
      <c r="H69523" s="12"/>
    </row>
    <row r="69524" spans="8:8">
      <c r="H69524" s="12"/>
    </row>
    <row r="69525" spans="8:8">
      <c r="H69525" s="12"/>
    </row>
    <row r="69526" spans="8:8">
      <c r="H69526" s="12"/>
    </row>
    <row r="69527" spans="8:8">
      <c r="H69527" s="12"/>
    </row>
    <row r="69528" spans="8:8">
      <c r="H69528" s="12"/>
    </row>
    <row r="69529" spans="8:8">
      <c r="H69529" s="12"/>
    </row>
    <row r="69530" spans="8:8">
      <c r="H69530" s="12"/>
    </row>
    <row r="69531" spans="8:8">
      <c r="H69531" s="12"/>
    </row>
    <row r="69532" spans="8:8">
      <c r="H69532" s="12"/>
    </row>
    <row r="69533" spans="8:8">
      <c r="H69533" s="12"/>
    </row>
    <row r="69534" spans="8:8">
      <c r="H69534" s="12"/>
    </row>
    <row r="69535" spans="8:8">
      <c r="H69535" s="12"/>
    </row>
    <row r="69536" spans="8:8">
      <c r="H69536" s="12"/>
    </row>
    <row r="69537" spans="8:8">
      <c r="H69537" s="12"/>
    </row>
    <row r="69538" spans="8:8">
      <c r="H69538" s="12"/>
    </row>
    <row r="69539" spans="8:8">
      <c r="H69539" s="12"/>
    </row>
    <row r="69540" spans="8:8">
      <c r="H69540" s="12"/>
    </row>
    <row r="69541" spans="8:8">
      <c r="H69541" s="12"/>
    </row>
    <row r="69542" spans="8:8">
      <c r="H69542" s="12"/>
    </row>
    <row r="69543" spans="8:8">
      <c r="H69543" s="12"/>
    </row>
    <row r="69544" spans="8:8">
      <c r="H69544" s="12"/>
    </row>
    <row r="69545" spans="8:8">
      <c r="H69545" s="12"/>
    </row>
    <row r="69546" spans="8:8">
      <c r="H69546" s="12"/>
    </row>
    <row r="69547" spans="8:8">
      <c r="H69547" s="12"/>
    </row>
    <row r="69548" spans="8:8">
      <c r="H69548" s="12"/>
    </row>
    <row r="69549" spans="8:8">
      <c r="H69549" s="12"/>
    </row>
    <row r="69550" spans="8:8">
      <c r="H69550" s="12"/>
    </row>
    <row r="69551" spans="8:8">
      <c r="H69551" s="12"/>
    </row>
    <row r="69552" spans="8:8">
      <c r="H69552" s="12"/>
    </row>
    <row r="69553" spans="8:8">
      <c r="H69553" s="12"/>
    </row>
    <row r="69554" spans="8:8">
      <c r="H69554" s="12"/>
    </row>
    <row r="69555" spans="8:8">
      <c r="H69555" s="12"/>
    </row>
    <row r="69556" spans="8:8">
      <c r="H69556" s="12"/>
    </row>
    <row r="69557" spans="8:8">
      <c r="H69557" s="12"/>
    </row>
    <row r="69558" spans="8:8">
      <c r="H69558" s="12"/>
    </row>
    <row r="69559" spans="8:8">
      <c r="H69559" s="12"/>
    </row>
    <row r="69560" spans="8:8">
      <c r="H69560" s="12"/>
    </row>
    <row r="69561" spans="8:8">
      <c r="H69561" s="12"/>
    </row>
    <row r="69562" spans="8:8">
      <c r="H69562" s="12"/>
    </row>
    <row r="69563" spans="8:8">
      <c r="H69563" s="12"/>
    </row>
    <row r="69564" spans="8:8">
      <c r="H69564" s="12"/>
    </row>
    <row r="69565" spans="8:8">
      <c r="H69565" s="12"/>
    </row>
    <row r="69566" spans="8:8">
      <c r="H69566" s="12"/>
    </row>
    <row r="69567" spans="8:8">
      <c r="H69567" s="12"/>
    </row>
    <row r="69568" spans="8:8">
      <c r="H69568" s="12"/>
    </row>
    <row r="69569" spans="8:8">
      <c r="H69569" s="12"/>
    </row>
    <row r="69570" spans="8:8">
      <c r="H69570" s="12"/>
    </row>
    <row r="69571" spans="8:8">
      <c r="H69571" s="12"/>
    </row>
    <row r="69572" spans="8:8">
      <c r="H69572" s="12"/>
    </row>
    <row r="69573" spans="8:8">
      <c r="H69573" s="12"/>
    </row>
    <row r="69574" spans="8:8">
      <c r="H69574" s="12"/>
    </row>
    <row r="69575" spans="8:8">
      <c r="H69575" s="12"/>
    </row>
    <row r="69576" spans="8:8">
      <c r="H69576" s="12"/>
    </row>
    <row r="69577" spans="8:8">
      <c r="H69577" s="12"/>
    </row>
    <row r="69578" spans="8:8">
      <c r="H69578" s="12"/>
    </row>
    <row r="69579" spans="8:8">
      <c r="H69579" s="12"/>
    </row>
    <row r="69580" spans="8:8">
      <c r="H69580" s="12"/>
    </row>
    <row r="69581" spans="8:8">
      <c r="H69581" s="12"/>
    </row>
    <row r="69582" spans="8:8">
      <c r="H69582" s="12"/>
    </row>
    <row r="69583" spans="8:8">
      <c r="H69583" s="12"/>
    </row>
    <row r="69584" spans="8:8">
      <c r="H69584" s="12"/>
    </row>
    <row r="69585" spans="8:8">
      <c r="H69585" s="12"/>
    </row>
    <row r="69586" spans="8:8">
      <c r="H69586" s="12"/>
    </row>
    <row r="69587" spans="8:8">
      <c r="H69587" s="12"/>
    </row>
    <row r="69588" spans="8:8">
      <c r="H69588" s="12"/>
    </row>
    <row r="69589" spans="8:8">
      <c r="H69589" s="12"/>
    </row>
    <row r="69590" spans="8:8">
      <c r="H69590" s="12"/>
    </row>
    <row r="69591" spans="8:8">
      <c r="H69591" s="12"/>
    </row>
    <row r="69592" spans="8:8">
      <c r="H69592" s="12"/>
    </row>
    <row r="69593" spans="8:8">
      <c r="H69593" s="12"/>
    </row>
    <row r="69594" spans="8:8">
      <c r="H69594" s="12"/>
    </row>
    <row r="69595" spans="8:8">
      <c r="H69595" s="12"/>
    </row>
    <row r="69596" spans="8:8">
      <c r="H69596" s="12"/>
    </row>
    <row r="69597" spans="8:8">
      <c r="H69597" s="12"/>
    </row>
    <row r="69598" spans="8:8">
      <c r="H69598" s="12"/>
    </row>
    <row r="69599" spans="8:8">
      <c r="H69599" s="12"/>
    </row>
    <row r="69600" spans="8:8">
      <c r="H69600" s="12"/>
    </row>
    <row r="69601" spans="8:8">
      <c r="H69601" s="12"/>
    </row>
    <row r="69602" spans="8:8">
      <c r="H69602" s="12"/>
    </row>
    <row r="69603" spans="8:8">
      <c r="H69603" s="12"/>
    </row>
    <row r="69604" spans="8:8">
      <c r="H69604" s="12"/>
    </row>
    <row r="69605" spans="8:8">
      <c r="H69605" s="12"/>
    </row>
    <row r="69606" spans="8:8">
      <c r="H69606" s="12"/>
    </row>
    <row r="69607" spans="8:8">
      <c r="H69607" s="12"/>
    </row>
    <row r="69608" spans="8:8">
      <c r="H69608" s="12"/>
    </row>
    <row r="69609" spans="8:8">
      <c r="H69609" s="12"/>
    </row>
    <row r="69610" spans="8:8">
      <c r="H69610" s="12"/>
    </row>
    <row r="69611" spans="8:8">
      <c r="H69611" s="12"/>
    </row>
    <row r="69612" spans="8:8">
      <c r="H69612" s="12"/>
    </row>
    <row r="69613" spans="8:8">
      <c r="H69613" s="12"/>
    </row>
    <row r="69614" spans="8:8">
      <c r="H69614" s="12"/>
    </row>
    <row r="69615" spans="8:8">
      <c r="H69615" s="12"/>
    </row>
    <row r="69616" spans="8:8">
      <c r="H69616" s="12"/>
    </row>
    <row r="69617" spans="8:8">
      <c r="H69617" s="12"/>
    </row>
    <row r="69618" spans="8:8">
      <c r="H69618" s="12"/>
    </row>
    <row r="69619" spans="8:8">
      <c r="H69619" s="12"/>
    </row>
    <row r="69620" spans="8:8">
      <c r="H69620" s="12"/>
    </row>
    <row r="69621" spans="8:8">
      <c r="H69621" s="12"/>
    </row>
    <row r="69622" spans="8:8">
      <c r="H69622" s="12"/>
    </row>
    <row r="69623" spans="8:8">
      <c r="H69623" s="12"/>
    </row>
    <row r="69624" spans="8:8">
      <c r="H69624" s="12"/>
    </row>
    <row r="69625" spans="8:8">
      <c r="H69625" s="12"/>
    </row>
    <row r="69626" spans="8:8">
      <c r="H69626" s="12"/>
    </row>
    <row r="69627" spans="8:8">
      <c r="H69627" s="12"/>
    </row>
    <row r="69628" spans="8:8">
      <c r="H69628" s="12"/>
    </row>
    <row r="69629" spans="8:8">
      <c r="H69629" s="12"/>
    </row>
    <row r="69630" spans="8:8">
      <c r="H69630" s="12"/>
    </row>
    <row r="69631" spans="8:8">
      <c r="H69631" s="12"/>
    </row>
    <row r="69632" spans="8:8">
      <c r="H69632" s="12"/>
    </row>
    <row r="69633" spans="8:8">
      <c r="H69633" s="12"/>
    </row>
    <row r="69634" spans="8:8">
      <c r="H69634" s="12"/>
    </row>
    <row r="69635" spans="8:8">
      <c r="H69635" s="12"/>
    </row>
    <row r="69636" spans="8:8">
      <c r="H69636" s="12"/>
    </row>
    <row r="69637" spans="8:8">
      <c r="H69637" s="12"/>
    </row>
    <row r="69638" spans="8:8">
      <c r="H69638" s="12"/>
    </row>
    <row r="69639" spans="8:8">
      <c r="H69639" s="12"/>
    </row>
    <row r="69640" spans="8:8">
      <c r="H69640" s="12"/>
    </row>
    <row r="69641" spans="8:8">
      <c r="H69641" s="12"/>
    </row>
    <row r="69642" spans="8:8">
      <c r="H69642" s="12"/>
    </row>
    <row r="69643" spans="8:8">
      <c r="H69643" s="12"/>
    </row>
    <row r="69644" spans="8:8">
      <c r="H69644" s="12"/>
    </row>
    <row r="69645" spans="8:8">
      <c r="H69645" s="12"/>
    </row>
    <row r="69646" spans="8:8">
      <c r="H69646" s="12"/>
    </row>
    <row r="69647" spans="8:8">
      <c r="H69647" s="12"/>
    </row>
    <row r="69648" spans="8:8">
      <c r="H69648" s="12"/>
    </row>
    <row r="69649" spans="8:8">
      <c r="H69649" s="12"/>
    </row>
    <row r="69650" spans="8:8">
      <c r="H69650" s="12"/>
    </row>
    <row r="69651" spans="8:8">
      <c r="H69651" s="12"/>
    </row>
    <row r="69652" spans="8:8">
      <c r="H69652" s="12"/>
    </row>
    <row r="69653" spans="8:8">
      <c r="H69653" s="12"/>
    </row>
    <row r="69654" spans="8:8">
      <c r="H69654" s="12"/>
    </row>
    <row r="69655" spans="8:8">
      <c r="H69655" s="12"/>
    </row>
    <row r="69656" spans="8:8">
      <c r="H69656" s="12"/>
    </row>
    <row r="69657" spans="8:8">
      <c r="H69657" s="12"/>
    </row>
    <row r="69658" spans="8:8">
      <c r="H69658" s="12"/>
    </row>
    <row r="69659" spans="8:8">
      <c r="H69659" s="12"/>
    </row>
    <row r="69660" spans="8:8">
      <c r="H69660" s="12"/>
    </row>
    <row r="69661" spans="8:8">
      <c r="H69661" s="12"/>
    </row>
    <row r="69662" spans="8:8">
      <c r="H69662" s="12"/>
    </row>
    <row r="69663" spans="8:8">
      <c r="H69663" s="12"/>
    </row>
    <row r="69664" spans="8:8">
      <c r="H69664" s="12"/>
    </row>
    <row r="69665" spans="8:8">
      <c r="H69665" s="12"/>
    </row>
    <row r="69666" spans="8:8">
      <c r="H69666" s="12"/>
    </row>
    <row r="69667" spans="8:8">
      <c r="H69667" s="12"/>
    </row>
    <row r="69668" spans="8:8">
      <c r="H69668" s="12"/>
    </row>
    <row r="69669" spans="8:8">
      <c r="H69669" s="12"/>
    </row>
    <row r="69670" spans="8:8">
      <c r="H69670" s="12"/>
    </row>
    <row r="69671" spans="8:8">
      <c r="H69671" s="12"/>
    </row>
    <row r="69672" spans="8:8">
      <c r="H69672" s="12"/>
    </row>
    <row r="69673" spans="8:8">
      <c r="H69673" s="12"/>
    </row>
    <row r="69674" spans="8:8">
      <c r="H69674" s="12"/>
    </row>
    <row r="69675" spans="8:8">
      <c r="H69675" s="12"/>
    </row>
    <row r="69676" spans="8:8">
      <c r="H69676" s="12"/>
    </row>
    <row r="69677" spans="8:8">
      <c r="H69677" s="12"/>
    </row>
    <row r="69678" spans="8:8">
      <c r="H69678" s="12"/>
    </row>
    <row r="69679" spans="8:8">
      <c r="H69679" s="12"/>
    </row>
    <row r="69680" spans="8:8">
      <c r="H69680" s="12"/>
    </row>
    <row r="69681" spans="8:8">
      <c r="H69681" s="12"/>
    </row>
    <row r="69682" spans="8:8">
      <c r="H69682" s="12"/>
    </row>
    <row r="69683" spans="8:8">
      <c r="H69683" s="12"/>
    </row>
    <row r="69684" spans="8:8">
      <c r="H69684" s="12"/>
    </row>
    <row r="69685" spans="8:8">
      <c r="H69685" s="12"/>
    </row>
    <row r="69686" spans="8:8">
      <c r="H69686" s="12"/>
    </row>
    <row r="69687" spans="8:8">
      <c r="H69687" s="12"/>
    </row>
    <row r="69688" spans="8:8">
      <c r="H69688" s="12"/>
    </row>
    <row r="69689" spans="8:8">
      <c r="H69689" s="12"/>
    </row>
    <row r="69690" spans="8:8">
      <c r="H69690" s="12"/>
    </row>
    <row r="69691" spans="8:8">
      <c r="H69691" s="12"/>
    </row>
    <row r="69692" spans="8:8">
      <c r="H69692" s="12"/>
    </row>
    <row r="69693" spans="8:8">
      <c r="H69693" s="12"/>
    </row>
    <row r="69694" spans="8:8">
      <c r="H69694" s="12"/>
    </row>
    <row r="69695" spans="8:8">
      <c r="H69695" s="12"/>
    </row>
    <row r="69696" spans="8:8">
      <c r="H69696" s="12"/>
    </row>
    <row r="69697" spans="8:8">
      <c r="H69697" s="12"/>
    </row>
    <row r="69698" spans="8:8">
      <c r="H69698" s="12"/>
    </row>
    <row r="69699" spans="8:8">
      <c r="H69699" s="12"/>
    </row>
    <row r="69700" spans="8:8">
      <c r="H69700" s="12"/>
    </row>
    <row r="69701" spans="8:8">
      <c r="H69701" s="12"/>
    </row>
    <row r="69702" spans="8:8">
      <c r="H69702" s="12"/>
    </row>
    <row r="69703" spans="8:8">
      <c r="H69703" s="12"/>
    </row>
    <row r="69704" spans="8:8">
      <c r="H69704" s="12"/>
    </row>
    <row r="69705" spans="8:8">
      <c r="H69705" s="12"/>
    </row>
    <row r="69706" spans="8:8">
      <c r="H69706" s="12"/>
    </row>
    <row r="69707" spans="8:8">
      <c r="H69707" s="12"/>
    </row>
    <row r="69708" spans="8:8">
      <c r="H69708" s="12"/>
    </row>
    <row r="69709" spans="8:8">
      <c r="H69709" s="12"/>
    </row>
    <row r="69710" spans="8:8">
      <c r="H69710" s="12"/>
    </row>
    <row r="69711" spans="8:8">
      <c r="H69711" s="12"/>
    </row>
    <row r="69712" spans="8:8">
      <c r="H69712" s="12"/>
    </row>
    <row r="69713" spans="8:8">
      <c r="H69713" s="12"/>
    </row>
    <row r="69714" spans="8:8">
      <c r="H69714" s="12"/>
    </row>
    <row r="69715" spans="8:8">
      <c r="H69715" s="12"/>
    </row>
    <row r="69716" spans="8:8">
      <c r="H69716" s="12"/>
    </row>
    <row r="69717" spans="8:8">
      <c r="H69717" s="12"/>
    </row>
    <row r="69718" spans="8:8">
      <c r="H69718" s="12"/>
    </row>
    <row r="69719" spans="8:8">
      <c r="H69719" s="12"/>
    </row>
    <row r="69720" spans="8:8">
      <c r="H69720" s="12"/>
    </row>
    <row r="69721" spans="8:8">
      <c r="H69721" s="12"/>
    </row>
    <row r="69722" spans="8:8">
      <c r="H69722" s="12"/>
    </row>
    <row r="69723" spans="8:8">
      <c r="H69723" s="12"/>
    </row>
    <row r="69724" spans="8:8">
      <c r="H69724" s="12"/>
    </row>
    <row r="69725" spans="8:8">
      <c r="H69725" s="12"/>
    </row>
    <row r="69726" spans="8:8">
      <c r="H69726" s="12"/>
    </row>
    <row r="69727" spans="8:8">
      <c r="H69727" s="12"/>
    </row>
    <row r="69728" spans="8:8">
      <c r="H69728" s="12"/>
    </row>
    <row r="69729" spans="8:8">
      <c r="H69729" s="12"/>
    </row>
    <row r="69730" spans="8:8">
      <c r="H69730" s="12"/>
    </row>
    <row r="69731" spans="8:8">
      <c r="H69731" s="12"/>
    </row>
    <row r="69732" spans="8:8">
      <c r="H69732" s="12"/>
    </row>
    <row r="69733" spans="8:8">
      <c r="H69733" s="12"/>
    </row>
    <row r="69734" spans="8:8">
      <c r="H69734" s="12"/>
    </row>
    <row r="69735" spans="8:8">
      <c r="H69735" s="12"/>
    </row>
    <row r="69736" spans="8:8">
      <c r="H69736" s="12"/>
    </row>
    <row r="69737" spans="8:8">
      <c r="H69737" s="12"/>
    </row>
    <row r="69738" spans="8:8">
      <c r="H69738" s="12"/>
    </row>
    <row r="69739" spans="8:8">
      <c r="H69739" s="12"/>
    </row>
    <row r="69740" spans="8:8">
      <c r="H69740" s="12"/>
    </row>
    <row r="69741" spans="8:8">
      <c r="H69741" s="12"/>
    </row>
    <row r="69742" spans="8:8">
      <c r="H69742" s="12"/>
    </row>
    <row r="69743" spans="8:8">
      <c r="H69743" s="12"/>
    </row>
    <row r="69744" spans="8:8">
      <c r="H69744" s="12"/>
    </row>
    <row r="69745" spans="8:8">
      <c r="H69745" s="12"/>
    </row>
    <row r="69746" spans="8:8">
      <c r="H69746" s="12"/>
    </row>
    <row r="69747" spans="8:8">
      <c r="H69747" s="12"/>
    </row>
    <row r="69748" spans="8:8">
      <c r="H69748" s="12"/>
    </row>
    <row r="69749" spans="8:8">
      <c r="H69749" s="12"/>
    </row>
    <row r="69750" spans="8:8">
      <c r="H69750" s="12"/>
    </row>
    <row r="69751" spans="8:8">
      <c r="H69751" s="12"/>
    </row>
    <row r="69752" spans="8:8">
      <c r="H69752" s="12"/>
    </row>
    <row r="69753" spans="8:8">
      <c r="H69753" s="12"/>
    </row>
    <row r="69754" spans="8:8">
      <c r="H69754" s="12"/>
    </row>
    <row r="69755" spans="8:8">
      <c r="H69755" s="12"/>
    </row>
    <row r="69756" spans="8:8">
      <c r="H69756" s="12"/>
    </row>
    <row r="69757" spans="8:8">
      <c r="H69757" s="12"/>
    </row>
    <row r="69758" spans="8:8">
      <c r="H69758" s="12"/>
    </row>
    <row r="69759" spans="8:8">
      <c r="H69759" s="12"/>
    </row>
    <row r="69760" spans="8:8">
      <c r="H69760" s="12"/>
    </row>
    <row r="69761" spans="8:8">
      <c r="H69761" s="12"/>
    </row>
    <row r="69762" spans="8:8">
      <c r="H69762" s="12"/>
    </row>
    <row r="69763" spans="8:8">
      <c r="H69763" s="12"/>
    </row>
    <row r="69764" spans="8:8">
      <c r="H69764" s="12"/>
    </row>
    <row r="69765" spans="8:8">
      <c r="H69765" s="12"/>
    </row>
    <row r="69766" spans="8:8">
      <c r="H69766" s="12"/>
    </row>
    <row r="69767" spans="8:8">
      <c r="H69767" s="12"/>
    </row>
    <row r="69768" spans="8:8">
      <c r="H69768" s="12"/>
    </row>
    <row r="69769" spans="8:8">
      <c r="H69769" s="12"/>
    </row>
    <row r="69770" spans="8:8">
      <c r="H69770" s="12"/>
    </row>
    <row r="69771" spans="8:8">
      <c r="H69771" s="12"/>
    </row>
    <row r="69772" spans="8:8">
      <c r="H69772" s="12"/>
    </row>
    <row r="69773" spans="8:8">
      <c r="H69773" s="12"/>
    </row>
    <row r="69774" spans="8:8">
      <c r="H69774" s="12"/>
    </row>
    <row r="69775" spans="8:8">
      <c r="H69775" s="12"/>
    </row>
    <row r="69776" spans="8:8">
      <c r="H69776" s="12"/>
    </row>
    <row r="69777" spans="8:8">
      <c r="H69777" s="12"/>
    </row>
    <row r="69778" spans="8:8">
      <c r="H69778" s="12"/>
    </row>
    <row r="69779" spans="8:8">
      <c r="H69779" s="12"/>
    </row>
    <row r="69780" spans="8:8">
      <c r="H69780" s="12"/>
    </row>
    <row r="69781" spans="8:8">
      <c r="H69781" s="12"/>
    </row>
    <row r="69782" spans="8:8">
      <c r="H69782" s="12"/>
    </row>
    <row r="69783" spans="8:8">
      <c r="H69783" s="12"/>
    </row>
    <row r="69784" spans="8:8">
      <c r="H69784" s="12"/>
    </row>
    <row r="69785" spans="8:8">
      <c r="H69785" s="12"/>
    </row>
    <row r="69786" spans="8:8">
      <c r="H69786" s="12"/>
    </row>
    <row r="69787" spans="8:8">
      <c r="H69787" s="12"/>
    </row>
    <row r="69788" spans="8:8">
      <c r="H69788" s="12"/>
    </row>
    <row r="69789" spans="8:8">
      <c r="H69789" s="12"/>
    </row>
    <row r="69790" spans="8:8">
      <c r="H69790" s="12"/>
    </row>
    <row r="69791" spans="8:8">
      <c r="H69791" s="12"/>
    </row>
    <row r="69792" spans="8:8">
      <c r="H69792" s="12"/>
    </row>
    <row r="69793" spans="8:8">
      <c r="H69793" s="12"/>
    </row>
    <row r="69794" spans="8:8">
      <c r="H69794" s="12"/>
    </row>
    <row r="69795" spans="8:8">
      <c r="H69795" s="12"/>
    </row>
    <row r="69796" spans="8:8">
      <c r="H69796" s="12"/>
    </row>
    <row r="69797" spans="8:8">
      <c r="H69797" s="12"/>
    </row>
    <row r="69798" spans="8:8">
      <c r="H69798" s="12"/>
    </row>
    <row r="69799" spans="8:8">
      <c r="H69799" s="12"/>
    </row>
    <row r="69800" spans="8:8">
      <c r="H69800" s="12"/>
    </row>
    <row r="69801" spans="8:8">
      <c r="H69801" s="12"/>
    </row>
    <row r="69802" spans="8:8">
      <c r="H69802" s="12"/>
    </row>
    <row r="69803" spans="8:8">
      <c r="H69803" s="12"/>
    </row>
    <row r="69804" spans="8:8">
      <c r="H69804" s="12"/>
    </row>
    <row r="69805" spans="8:8">
      <c r="H69805" s="12"/>
    </row>
    <row r="69806" spans="8:8">
      <c r="H69806" s="12"/>
    </row>
    <row r="69807" spans="8:8">
      <c r="H69807" s="12"/>
    </row>
    <row r="69808" spans="8:8">
      <c r="H69808" s="12"/>
    </row>
    <row r="69809" spans="8:8">
      <c r="H69809" s="12"/>
    </row>
    <row r="69810" spans="8:8">
      <c r="H69810" s="12"/>
    </row>
    <row r="69811" spans="8:8">
      <c r="H69811" s="12"/>
    </row>
    <row r="69812" spans="8:8">
      <c r="H69812" s="12"/>
    </row>
    <row r="69813" spans="8:8">
      <c r="H69813" s="12"/>
    </row>
    <row r="69814" spans="8:8">
      <c r="H69814" s="12"/>
    </row>
    <row r="69815" spans="8:8">
      <c r="H69815" s="12"/>
    </row>
    <row r="69816" spans="8:8">
      <c r="H69816" s="12"/>
    </row>
    <row r="69817" spans="8:8">
      <c r="H69817" s="12"/>
    </row>
    <row r="69818" spans="8:8">
      <c r="H69818" s="12"/>
    </row>
    <row r="69819" spans="8:8">
      <c r="H69819" s="12"/>
    </row>
    <row r="69820" spans="8:8">
      <c r="H69820" s="12"/>
    </row>
    <row r="69821" spans="8:8">
      <c r="H69821" s="12"/>
    </row>
    <row r="69822" spans="8:8">
      <c r="H69822" s="12"/>
    </row>
    <row r="69823" spans="8:8">
      <c r="H69823" s="12"/>
    </row>
    <row r="69824" spans="8:8">
      <c r="H69824" s="12"/>
    </row>
    <row r="69825" spans="8:8">
      <c r="H69825" s="12"/>
    </row>
    <row r="69826" spans="8:8">
      <c r="H69826" s="12"/>
    </row>
    <row r="69827" spans="8:8">
      <c r="H69827" s="12"/>
    </row>
    <row r="69828" spans="8:8">
      <c r="H69828" s="12"/>
    </row>
    <row r="69829" spans="8:8">
      <c r="H69829" s="12"/>
    </row>
    <row r="69830" spans="8:8">
      <c r="H69830" s="12"/>
    </row>
    <row r="69831" spans="8:8">
      <c r="H69831" s="12"/>
    </row>
    <row r="69832" spans="8:8">
      <c r="H69832" s="12"/>
    </row>
    <row r="69833" spans="8:8">
      <c r="H69833" s="12"/>
    </row>
    <row r="69834" spans="8:8">
      <c r="H69834" s="12"/>
    </row>
    <row r="69835" spans="8:8">
      <c r="H69835" s="12"/>
    </row>
    <row r="69836" spans="8:8">
      <c r="H69836" s="12"/>
    </row>
    <row r="69837" spans="8:8">
      <c r="H69837" s="12"/>
    </row>
    <row r="69838" spans="8:8">
      <c r="H69838" s="12"/>
    </row>
    <row r="69839" spans="8:8">
      <c r="H69839" s="12"/>
    </row>
    <row r="69840" spans="8:8">
      <c r="H69840" s="12"/>
    </row>
    <row r="69841" spans="8:8">
      <c r="H69841" s="12"/>
    </row>
    <row r="69842" spans="8:8">
      <c r="H69842" s="12"/>
    </row>
    <row r="69843" spans="8:8">
      <c r="H69843" s="12"/>
    </row>
    <row r="69844" spans="8:8">
      <c r="H69844" s="12"/>
    </row>
    <row r="69845" spans="8:8">
      <c r="H69845" s="12"/>
    </row>
    <row r="69846" spans="8:8">
      <c r="H69846" s="12"/>
    </row>
    <row r="69847" spans="8:8">
      <c r="H69847" s="12"/>
    </row>
    <row r="69848" spans="8:8">
      <c r="H69848" s="12"/>
    </row>
    <row r="69849" spans="8:8">
      <c r="H69849" s="12"/>
    </row>
    <row r="69850" spans="8:8">
      <c r="H69850" s="12"/>
    </row>
    <row r="69851" spans="8:8">
      <c r="H69851" s="12"/>
    </row>
    <row r="69852" spans="8:8">
      <c r="H69852" s="12"/>
    </row>
    <row r="69853" spans="8:8">
      <c r="H69853" s="12"/>
    </row>
    <row r="69854" spans="8:8">
      <c r="H69854" s="12"/>
    </row>
    <row r="69855" spans="8:8">
      <c r="H69855" s="12"/>
    </row>
    <row r="69856" spans="8:8">
      <c r="H69856" s="12"/>
    </row>
    <row r="69857" spans="8:8">
      <c r="H69857" s="12"/>
    </row>
    <row r="69858" spans="8:8">
      <c r="H69858" s="12"/>
    </row>
    <row r="69859" spans="8:8">
      <c r="H69859" s="12"/>
    </row>
    <row r="69860" spans="8:8">
      <c r="H69860" s="12"/>
    </row>
    <row r="69861" spans="8:8">
      <c r="H69861" s="12"/>
    </row>
    <row r="69862" spans="8:8">
      <c r="H69862" s="12"/>
    </row>
    <row r="69863" spans="8:8">
      <c r="H69863" s="12"/>
    </row>
    <row r="69864" spans="8:8">
      <c r="H69864" s="12"/>
    </row>
    <row r="69865" spans="8:8">
      <c r="H69865" s="12"/>
    </row>
    <row r="69866" spans="8:8">
      <c r="H69866" s="12"/>
    </row>
    <row r="69867" spans="8:8">
      <c r="H69867" s="12"/>
    </row>
    <row r="69868" spans="8:8">
      <c r="H69868" s="12"/>
    </row>
    <row r="69869" spans="8:8">
      <c r="H69869" s="12"/>
    </row>
    <row r="69870" spans="8:8">
      <c r="H69870" s="12"/>
    </row>
    <row r="69871" spans="8:8">
      <c r="H69871" s="12"/>
    </row>
    <row r="69872" spans="8:8">
      <c r="H69872" s="12"/>
    </row>
    <row r="69873" spans="8:8">
      <c r="H69873" s="12"/>
    </row>
    <row r="69874" spans="8:8">
      <c r="H69874" s="12"/>
    </row>
    <row r="69875" spans="8:8">
      <c r="H69875" s="12"/>
    </row>
    <row r="69876" spans="8:8">
      <c r="H69876" s="12"/>
    </row>
    <row r="69877" spans="8:8">
      <c r="H69877" s="12"/>
    </row>
    <row r="69878" spans="8:8">
      <c r="H69878" s="12"/>
    </row>
    <row r="69879" spans="8:8">
      <c r="H69879" s="12"/>
    </row>
    <row r="69880" spans="8:8">
      <c r="H69880" s="12"/>
    </row>
    <row r="69881" spans="8:8">
      <c r="H69881" s="12"/>
    </row>
    <row r="69882" spans="8:8">
      <c r="H69882" s="12"/>
    </row>
    <row r="69883" spans="8:8">
      <c r="H69883" s="12"/>
    </row>
    <row r="69884" spans="8:8">
      <c r="H69884" s="12"/>
    </row>
    <row r="69885" spans="8:8">
      <c r="H69885" s="12"/>
    </row>
    <row r="69886" spans="8:8">
      <c r="H69886" s="12"/>
    </row>
    <row r="69887" spans="8:8">
      <c r="H69887" s="12"/>
    </row>
    <row r="69888" spans="8:8">
      <c r="H69888" s="12"/>
    </row>
    <row r="69889" spans="8:8">
      <c r="H69889" s="12"/>
    </row>
    <row r="69890" spans="8:8">
      <c r="H69890" s="12"/>
    </row>
    <row r="69891" spans="8:8">
      <c r="H69891" s="12"/>
    </row>
    <row r="69892" spans="8:8">
      <c r="H69892" s="12"/>
    </row>
    <row r="69893" spans="8:8">
      <c r="H69893" s="12"/>
    </row>
    <row r="69894" spans="8:8">
      <c r="H69894" s="12"/>
    </row>
    <row r="69895" spans="8:8">
      <c r="H69895" s="12"/>
    </row>
    <row r="69896" spans="8:8">
      <c r="H69896" s="12"/>
    </row>
    <row r="69897" spans="8:8">
      <c r="H69897" s="12"/>
    </row>
    <row r="69898" spans="8:8">
      <c r="H69898" s="12"/>
    </row>
    <row r="69899" spans="8:8">
      <c r="H69899" s="12"/>
    </row>
    <row r="69900" spans="8:8">
      <c r="H69900" s="12"/>
    </row>
    <row r="69901" spans="8:8">
      <c r="H69901" s="12"/>
    </row>
    <row r="69902" spans="8:8">
      <c r="H69902" s="12"/>
    </row>
    <row r="69903" spans="8:8">
      <c r="H69903" s="12"/>
    </row>
    <row r="69904" spans="8:8">
      <c r="H69904" s="12"/>
    </row>
    <row r="69905" spans="8:8">
      <c r="H69905" s="12"/>
    </row>
    <row r="69906" spans="8:8">
      <c r="H69906" s="12"/>
    </row>
    <row r="69907" spans="8:8">
      <c r="H69907" s="12"/>
    </row>
    <row r="69908" spans="8:8">
      <c r="H69908" s="12"/>
    </row>
    <row r="69909" spans="8:8">
      <c r="H69909" s="12"/>
    </row>
    <row r="69910" spans="8:8">
      <c r="H69910" s="12"/>
    </row>
    <row r="69911" spans="8:8">
      <c r="H69911" s="12"/>
    </row>
    <row r="69912" spans="8:8">
      <c r="H69912" s="12"/>
    </row>
    <row r="69913" spans="8:8">
      <c r="H69913" s="12"/>
    </row>
    <row r="69914" spans="8:8">
      <c r="H69914" s="12"/>
    </row>
    <row r="69915" spans="8:8">
      <c r="H69915" s="12"/>
    </row>
    <row r="69916" spans="8:8">
      <c r="H69916" s="12"/>
    </row>
    <row r="69917" spans="8:8">
      <c r="H69917" s="12"/>
    </row>
    <row r="69918" spans="8:8">
      <c r="H69918" s="12"/>
    </row>
    <row r="69919" spans="8:8">
      <c r="H69919" s="12"/>
    </row>
    <row r="69920" spans="8:8">
      <c r="H69920" s="12"/>
    </row>
    <row r="69921" spans="8:8">
      <c r="H69921" s="12"/>
    </row>
    <row r="69922" spans="8:8">
      <c r="H69922" s="12"/>
    </row>
    <row r="69923" spans="8:8">
      <c r="H69923" s="12"/>
    </row>
    <row r="69924" spans="8:8">
      <c r="H69924" s="12"/>
    </row>
    <row r="69925" spans="8:8">
      <c r="H69925" s="12"/>
    </row>
    <row r="69926" spans="8:8">
      <c r="H69926" s="12"/>
    </row>
    <row r="69927" spans="8:8">
      <c r="H69927" s="12"/>
    </row>
    <row r="69928" spans="8:8">
      <c r="H69928" s="12"/>
    </row>
    <row r="69929" spans="8:8">
      <c r="H69929" s="12"/>
    </row>
    <row r="69930" spans="8:8">
      <c r="H69930" s="12"/>
    </row>
    <row r="69931" spans="8:8">
      <c r="H69931" s="12"/>
    </row>
    <row r="69932" spans="8:8">
      <c r="H69932" s="12"/>
    </row>
    <row r="69933" spans="8:8">
      <c r="H69933" s="12"/>
    </row>
    <row r="69934" spans="8:8">
      <c r="H69934" s="12"/>
    </row>
    <row r="69935" spans="8:8">
      <c r="H69935" s="12"/>
    </row>
    <row r="69936" spans="8:8">
      <c r="H69936" s="12"/>
    </row>
    <row r="69937" spans="8:8">
      <c r="H69937" s="12"/>
    </row>
    <row r="69938" spans="8:8">
      <c r="H69938" s="12"/>
    </row>
    <row r="69939" spans="8:8">
      <c r="H69939" s="12"/>
    </row>
    <row r="69940" spans="8:8">
      <c r="H69940" s="12"/>
    </row>
    <row r="69941" spans="8:8">
      <c r="H69941" s="12"/>
    </row>
    <row r="69942" spans="8:8">
      <c r="H69942" s="12"/>
    </row>
    <row r="69943" spans="8:8">
      <c r="H69943" s="12"/>
    </row>
    <row r="69944" spans="8:8">
      <c r="H69944" s="12"/>
    </row>
    <row r="69945" spans="8:8">
      <c r="H69945" s="12"/>
    </row>
    <row r="69946" spans="8:8">
      <c r="H69946" s="12"/>
    </row>
    <row r="69947" spans="8:8">
      <c r="H69947" s="12"/>
    </row>
    <row r="69948" spans="8:8">
      <c r="H69948" s="12"/>
    </row>
    <row r="69949" spans="8:8">
      <c r="H69949" s="12"/>
    </row>
    <row r="69950" spans="8:8">
      <c r="H69950" s="12"/>
    </row>
    <row r="69951" spans="8:8">
      <c r="H69951" s="12"/>
    </row>
    <row r="69952" spans="8:8">
      <c r="H69952" s="12"/>
    </row>
    <row r="69953" spans="8:8">
      <c r="H69953" s="12"/>
    </row>
    <row r="69954" spans="8:8">
      <c r="H69954" s="12"/>
    </row>
    <row r="69955" spans="8:8">
      <c r="H69955" s="12"/>
    </row>
    <row r="69956" spans="8:8">
      <c r="H69956" s="12"/>
    </row>
    <row r="69957" spans="8:8">
      <c r="H69957" s="12"/>
    </row>
    <row r="69958" spans="8:8">
      <c r="H69958" s="12"/>
    </row>
    <row r="69959" spans="8:8">
      <c r="H69959" s="12"/>
    </row>
    <row r="69960" spans="8:8">
      <c r="H69960" s="12"/>
    </row>
    <row r="69961" spans="8:8">
      <c r="H69961" s="12"/>
    </row>
    <row r="69962" spans="8:8">
      <c r="H69962" s="12"/>
    </row>
    <row r="69963" spans="8:8">
      <c r="H69963" s="12"/>
    </row>
    <row r="69964" spans="8:8">
      <c r="H69964" s="12"/>
    </row>
    <row r="69965" spans="8:8">
      <c r="H69965" s="12"/>
    </row>
    <row r="69966" spans="8:8">
      <c r="H69966" s="12"/>
    </row>
    <row r="69967" spans="8:8">
      <c r="H69967" s="12"/>
    </row>
    <row r="69968" spans="8:8">
      <c r="H69968" s="12"/>
    </row>
    <row r="69969" spans="8:8">
      <c r="H69969" s="12"/>
    </row>
    <row r="69970" spans="8:8">
      <c r="H69970" s="12"/>
    </row>
    <row r="69971" spans="8:8">
      <c r="H69971" s="12"/>
    </row>
    <row r="69972" spans="8:8">
      <c r="H69972" s="12"/>
    </row>
    <row r="69973" spans="8:8">
      <c r="H69973" s="12"/>
    </row>
    <row r="69974" spans="8:8">
      <c r="H69974" s="12"/>
    </row>
    <row r="69975" spans="8:8">
      <c r="H69975" s="12"/>
    </row>
    <row r="69976" spans="8:8">
      <c r="H69976" s="12"/>
    </row>
    <row r="69977" spans="8:8">
      <c r="H69977" s="12"/>
    </row>
    <row r="69978" spans="8:8">
      <c r="H69978" s="12"/>
    </row>
    <row r="69979" spans="8:8">
      <c r="H69979" s="12"/>
    </row>
    <row r="69980" spans="8:8">
      <c r="H69980" s="12"/>
    </row>
    <row r="69981" spans="8:8">
      <c r="H69981" s="12"/>
    </row>
    <row r="69982" spans="8:8">
      <c r="H69982" s="12"/>
    </row>
    <row r="69983" spans="8:8">
      <c r="H69983" s="12"/>
    </row>
    <row r="69984" spans="8:8">
      <c r="H69984" s="12"/>
    </row>
    <row r="69985" spans="8:8">
      <c r="H69985" s="12"/>
    </row>
    <row r="69986" spans="8:8">
      <c r="H69986" s="12"/>
    </row>
    <row r="69987" spans="8:8">
      <c r="H69987" s="12"/>
    </row>
    <row r="69988" spans="8:8">
      <c r="H69988" s="12"/>
    </row>
    <row r="69989" spans="8:8">
      <c r="H69989" s="12"/>
    </row>
    <row r="69990" spans="8:8">
      <c r="H69990" s="12"/>
    </row>
    <row r="69991" spans="8:8">
      <c r="H69991" s="12"/>
    </row>
    <row r="69992" spans="8:8">
      <c r="H69992" s="12"/>
    </row>
    <row r="69993" spans="8:8">
      <c r="H69993" s="12"/>
    </row>
    <row r="69994" spans="8:8">
      <c r="H69994" s="12"/>
    </row>
    <row r="69995" spans="8:8">
      <c r="H69995" s="12"/>
    </row>
    <row r="69996" spans="8:8">
      <c r="H69996" s="12"/>
    </row>
    <row r="69997" spans="8:8">
      <c r="H69997" s="12"/>
    </row>
    <row r="69998" spans="8:8">
      <c r="H69998" s="12"/>
    </row>
    <row r="69999" spans="8:8">
      <c r="H69999" s="12"/>
    </row>
    <row r="70000" spans="8:8">
      <c r="H70000" s="12"/>
    </row>
    <row r="70001" spans="8:8">
      <c r="H70001" s="12"/>
    </row>
    <row r="70002" spans="8:8">
      <c r="H70002" s="12"/>
    </row>
    <row r="70003" spans="8:8">
      <c r="H70003" s="12"/>
    </row>
    <row r="70004" spans="8:8">
      <c r="H70004" s="12"/>
    </row>
    <row r="70005" spans="8:8">
      <c r="H70005" s="12"/>
    </row>
    <row r="70006" spans="8:8">
      <c r="H70006" s="12"/>
    </row>
    <row r="70007" spans="8:8">
      <c r="H70007" s="12"/>
    </row>
    <row r="70008" spans="8:8">
      <c r="H70008" s="12"/>
    </row>
    <row r="70009" spans="8:8">
      <c r="H70009" s="12"/>
    </row>
    <row r="70010" spans="8:8">
      <c r="H70010" s="12"/>
    </row>
    <row r="70011" spans="8:8">
      <c r="H70011" s="12"/>
    </row>
    <row r="70012" spans="8:8">
      <c r="H70012" s="12"/>
    </row>
    <row r="70013" spans="8:8">
      <c r="H70013" s="12"/>
    </row>
    <row r="70014" spans="8:8">
      <c r="H70014" s="12"/>
    </row>
    <row r="70015" spans="8:8">
      <c r="H70015" s="12"/>
    </row>
    <row r="70016" spans="8:8">
      <c r="H70016" s="12"/>
    </row>
    <row r="70017" spans="8:8">
      <c r="H70017" s="12"/>
    </row>
    <row r="70018" spans="8:8">
      <c r="H70018" s="12"/>
    </row>
    <row r="70019" spans="8:8">
      <c r="H70019" s="12"/>
    </row>
    <row r="70020" spans="8:8">
      <c r="H70020" s="12"/>
    </row>
    <row r="70021" spans="8:8">
      <c r="H70021" s="12"/>
    </row>
    <row r="70022" spans="8:8">
      <c r="H70022" s="12"/>
    </row>
    <row r="70023" spans="8:8">
      <c r="H70023" s="12"/>
    </row>
    <row r="70024" spans="8:8">
      <c r="H70024" s="12"/>
    </row>
    <row r="70025" spans="8:8">
      <c r="H70025" s="12"/>
    </row>
    <row r="70026" spans="8:8">
      <c r="H70026" s="12"/>
    </row>
    <row r="70027" spans="8:8">
      <c r="H70027" s="12"/>
    </row>
    <row r="70028" spans="8:8">
      <c r="H70028" s="12"/>
    </row>
    <row r="70029" spans="8:8">
      <c r="H70029" s="12"/>
    </row>
    <row r="70030" spans="8:8">
      <c r="H70030" s="12"/>
    </row>
    <row r="70031" spans="8:8">
      <c r="H70031" s="12"/>
    </row>
    <row r="70032" spans="8:8">
      <c r="H70032" s="12"/>
    </row>
    <row r="70033" spans="8:8">
      <c r="H70033" s="12"/>
    </row>
    <row r="70034" spans="8:8">
      <c r="H70034" s="12"/>
    </row>
    <row r="70035" spans="8:8">
      <c r="H70035" s="12"/>
    </row>
    <row r="70036" spans="8:8">
      <c r="H70036" s="12"/>
    </row>
    <row r="70037" spans="8:8">
      <c r="H70037" s="12"/>
    </row>
    <row r="70038" spans="8:8">
      <c r="H70038" s="12"/>
    </row>
    <row r="70039" spans="8:8">
      <c r="H70039" s="12"/>
    </row>
    <row r="70040" spans="8:8">
      <c r="H70040" s="12"/>
    </row>
    <row r="70041" spans="8:8">
      <c r="H70041" s="12"/>
    </row>
    <row r="70042" spans="8:8">
      <c r="H70042" s="12"/>
    </row>
    <row r="70043" spans="8:8">
      <c r="H70043" s="12"/>
    </row>
    <row r="70044" spans="8:8">
      <c r="H70044" s="12"/>
    </row>
    <row r="70045" spans="8:8">
      <c r="H70045" s="12"/>
    </row>
    <row r="70046" spans="8:8">
      <c r="H70046" s="12"/>
    </row>
    <row r="70047" spans="8:8">
      <c r="H70047" s="12"/>
    </row>
    <row r="70048" spans="8:8">
      <c r="H70048" s="12"/>
    </row>
    <row r="70049" spans="8:8">
      <c r="H70049" s="12"/>
    </row>
    <row r="70050" spans="8:8">
      <c r="H70050" s="12"/>
    </row>
    <row r="70051" spans="8:8">
      <c r="H70051" s="12"/>
    </row>
    <row r="70052" spans="8:8">
      <c r="H70052" s="12"/>
    </row>
    <row r="70053" spans="8:8">
      <c r="H70053" s="12"/>
    </row>
    <row r="70054" spans="8:8">
      <c r="H70054" s="12"/>
    </row>
    <row r="70055" spans="8:8">
      <c r="H70055" s="12"/>
    </row>
    <row r="70056" spans="8:8">
      <c r="H70056" s="12"/>
    </row>
    <row r="70057" spans="8:8">
      <c r="H70057" s="12"/>
    </row>
    <row r="70058" spans="8:8">
      <c r="H70058" s="12"/>
    </row>
    <row r="70059" spans="8:8">
      <c r="H70059" s="12"/>
    </row>
    <row r="70060" spans="8:8">
      <c r="H70060" s="12"/>
    </row>
    <row r="70061" spans="8:8">
      <c r="H70061" s="12"/>
    </row>
    <row r="70062" spans="8:8">
      <c r="H70062" s="12"/>
    </row>
    <row r="70063" spans="8:8">
      <c r="H70063" s="12"/>
    </row>
    <row r="70064" spans="8:8">
      <c r="H70064" s="12"/>
    </row>
    <row r="70065" spans="8:8">
      <c r="H70065" s="12"/>
    </row>
    <row r="70066" spans="8:8">
      <c r="H70066" s="12"/>
    </row>
    <row r="70067" spans="8:8">
      <c r="H70067" s="12"/>
    </row>
    <row r="70068" spans="8:8">
      <c r="H70068" s="12"/>
    </row>
    <row r="70069" spans="8:8">
      <c r="H70069" s="12"/>
    </row>
    <row r="70070" spans="8:8">
      <c r="H70070" s="12"/>
    </row>
    <row r="70071" spans="8:8">
      <c r="H70071" s="12"/>
    </row>
    <row r="70072" spans="8:8">
      <c r="H70072" s="12"/>
    </row>
    <row r="70073" spans="8:8">
      <c r="H70073" s="12"/>
    </row>
    <row r="70074" spans="8:8">
      <c r="H70074" s="12"/>
    </row>
    <row r="70075" spans="8:8">
      <c r="H70075" s="12"/>
    </row>
    <row r="70076" spans="8:8">
      <c r="H70076" s="12"/>
    </row>
    <row r="70077" spans="8:8">
      <c r="H70077" s="12"/>
    </row>
    <row r="70078" spans="8:8">
      <c r="H70078" s="12"/>
    </row>
    <row r="70079" spans="8:8">
      <c r="H70079" s="12"/>
    </row>
    <row r="70080" spans="8:8">
      <c r="H70080" s="12"/>
    </row>
    <row r="70081" spans="8:8">
      <c r="H70081" s="12"/>
    </row>
    <row r="70082" spans="8:8">
      <c r="H70082" s="12"/>
    </row>
    <row r="70083" spans="8:8">
      <c r="H70083" s="12"/>
    </row>
    <row r="70084" spans="8:8">
      <c r="H70084" s="12"/>
    </row>
    <row r="70085" spans="8:8">
      <c r="H70085" s="12"/>
    </row>
    <row r="70086" spans="8:8">
      <c r="H70086" s="12"/>
    </row>
    <row r="70087" spans="8:8">
      <c r="H70087" s="12"/>
    </row>
    <row r="70088" spans="8:8">
      <c r="H70088" s="12"/>
    </row>
    <row r="70089" spans="8:8">
      <c r="H70089" s="12"/>
    </row>
    <row r="70090" spans="8:8">
      <c r="H70090" s="12"/>
    </row>
    <row r="70091" spans="8:8">
      <c r="H70091" s="12"/>
    </row>
    <row r="70092" spans="8:8">
      <c r="H70092" s="12"/>
    </row>
    <row r="70093" spans="8:8">
      <c r="H70093" s="12"/>
    </row>
    <row r="70094" spans="8:8">
      <c r="H70094" s="12"/>
    </row>
    <row r="70095" spans="8:8">
      <c r="H70095" s="12"/>
    </row>
    <row r="70096" spans="8:8">
      <c r="H70096" s="12"/>
    </row>
    <row r="70097" spans="8:8">
      <c r="H70097" s="12"/>
    </row>
    <row r="70098" spans="8:8">
      <c r="H70098" s="12"/>
    </row>
    <row r="70099" spans="8:8">
      <c r="H70099" s="12"/>
    </row>
    <row r="70100" spans="8:8">
      <c r="H70100" s="12"/>
    </row>
    <row r="70101" spans="8:8">
      <c r="H70101" s="12"/>
    </row>
    <row r="70102" spans="8:8">
      <c r="H70102" s="12"/>
    </row>
    <row r="70103" spans="8:8">
      <c r="H70103" s="12"/>
    </row>
    <row r="70104" spans="8:8">
      <c r="H70104" s="12"/>
    </row>
    <row r="70105" spans="8:8">
      <c r="H70105" s="12"/>
    </row>
    <row r="70106" spans="8:8">
      <c r="H70106" s="12"/>
    </row>
    <row r="70107" spans="8:8">
      <c r="H70107" s="12"/>
    </row>
    <row r="70108" spans="8:8">
      <c r="H70108" s="12"/>
    </row>
    <row r="70109" spans="8:8">
      <c r="H70109" s="12"/>
    </row>
    <row r="70110" spans="8:8">
      <c r="H70110" s="12"/>
    </row>
    <row r="70111" spans="8:8">
      <c r="H70111" s="12"/>
    </row>
    <row r="70112" spans="8:8">
      <c r="H70112" s="12"/>
    </row>
    <row r="70113" spans="8:8">
      <c r="H70113" s="12"/>
    </row>
    <row r="70114" spans="8:8">
      <c r="H70114" s="12"/>
    </row>
    <row r="70115" spans="8:8">
      <c r="H70115" s="12"/>
    </row>
    <row r="70116" spans="8:8">
      <c r="H70116" s="12"/>
    </row>
    <row r="70117" spans="8:8">
      <c r="H70117" s="12"/>
    </row>
    <row r="70118" spans="8:8">
      <c r="H70118" s="12"/>
    </row>
    <row r="70119" spans="8:8">
      <c r="H70119" s="12"/>
    </row>
    <row r="70120" spans="8:8">
      <c r="H70120" s="12"/>
    </row>
    <row r="70121" spans="8:8">
      <c r="H70121" s="12"/>
    </row>
    <row r="70122" spans="8:8">
      <c r="H70122" s="12"/>
    </row>
    <row r="70123" spans="8:8">
      <c r="H70123" s="12"/>
    </row>
    <row r="70124" spans="8:8">
      <c r="H70124" s="12"/>
    </row>
    <row r="70125" spans="8:8">
      <c r="H70125" s="12"/>
    </row>
    <row r="70126" spans="8:8">
      <c r="H70126" s="12"/>
    </row>
    <row r="70127" spans="8:8">
      <c r="H70127" s="12"/>
    </row>
    <row r="70128" spans="8:8">
      <c r="H70128" s="12"/>
    </row>
    <row r="70129" spans="8:8">
      <c r="H70129" s="12"/>
    </row>
    <row r="70130" spans="8:8">
      <c r="H70130" s="12"/>
    </row>
    <row r="70131" spans="8:8">
      <c r="H70131" s="12"/>
    </row>
    <row r="70132" spans="8:8">
      <c r="H70132" s="12"/>
    </row>
    <row r="70133" spans="8:8">
      <c r="H70133" s="12"/>
    </row>
    <row r="70134" spans="8:8">
      <c r="H70134" s="12"/>
    </row>
    <row r="70135" spans="8:8">
      <c r="H70135" s="12"/>
    </row>
    <row r="70136" spans="8:8">
      <c r="H70136" s="12"/>
    </row>
    <row r="70137" spans="8:8">
      <c r="H70137" s="12"/>
    </row>
    <row r="70138" spans="8:8">
      <c r="H70138" s="12"/>
    </row>
    <row r="70139" spans="8:8">
      <c r="H70139" s="12"/>
    </row>
    <row r="70140" spans="8:8">
      <c r="H70140" s="12"/>
    </row>
    <row r="70141" spans="8:8">
      <c r="H70141" s="12"/>
    </row>
    <row r="70142" spans="8:8">
      <c r="H70142" s="12"/>
    </row>
    <row r="70143" spans="8:8">
      <c r="H70143" s="12"/>
    </row>
    <row r="70144" spans="8:8">
      <c r="H70144" s="12"/>
    </row>
    <row r="70145" spans="8:8">
      <c r="H70145" s="12"/>
    </row>
    <row r="70146" spans="8:8">
      <c r="H70146" s="12"/>
    </row>
    <row r="70147" spans="8:8">
      <c r="H70147" s="12"/>
    </row>
    <row r="70148" spans="8:8">
      <c r="H70148" s="12"/>
    </row>
    <row r="70149" spans="8:8">
      <c r="H70149" s="12"/>
    </row>
    <row r="70150" spans="8:8">
      <c r="H70150" s="12"/>
    </row>
    <row r="70151" spans="8:8">
      <c r="H70151" s="12"/>
    </row>
    <row r="70152" spans="8:8">
      <c r="H70152" s="12"/>
    </row>
    <row r="70153" spans="8:8">
      <c r="H70153" s="12"/>
    </row>
    <row r="70154" spans="8:8">
      <c r="H70154" s="12"/>
    </row>
    <row r="70155" spans="8:8">
      <c r="H70155" s="12"/>
    </row>
    <row r="70156" spans="8:8">
      <c r="H70156" s="12"/>
    </row>
    <row r="70157" spans="8:8">
      <c r="H70157" s="12"/>
    </row>
    <row r="70158" spans="8:8">
      <c r="H70158" s="12"/>
    </row>
    <row r="70159" spans="8:8">
      <c r="H70159" s="12"/>
    </row>
    <row r="70160" spans="8:8">
      <c r="H70160" s="12"/>
    </row>
    <row r="70161" spans="8:8">
      <c r="H70161" s="12"/>
    </row>
    <row r="70162" spans="8:8">
      <c r="H70162" s="12"/>
    </row>
    <row r="70163" spans="8:8">
      <c r="H70163" s="12"/>
    </row>
    <row r="70164" spans="8:8">
      <c r="H70164" s="12"/>
    </row>
    <row r="70165" spans="8:8">
      <c r="H70165" s="12"/>
    </row>
    <row r="70166" spans="8:8">
      <c r="H70166" s="12"/>
    </row>
    <row r="70167" spans="8:8">
      <c r="H70167" s="12"/>
    </row>
    <row r="70168" spans="8:8">
      <c r="H70168" s="12"/>
    </row>
    <row r="70169" spans="8:8">
      <c r="H70169" s="12"/>
    </row>
    <row r="70170" spans="8:8">
      <c r="H70170" s="12"/>
    </row>
    <row r="70171" spans="8:8">
      <c r="H70171" s="12"/>
    </row>
    <row r="70172" spans="8:8">
      <c r="H70172" s="12"/>
    </row>
    <row r="70173" spans="8:8">
      <c r="H70173" s="12"/>
    </row>
    <row r="70174" spans="8:8">
      <c r="H70174" s="12"/>
    </row>
    <row r="70175" spans="8:8">
      <c r="H70175" s="12"/>
    </row>
    <row r="70176" spans="8:8">
      <c r="H70176" s="12"/>
    </row>
    <row r="70177" spans="8:8">
      <c r="H70177" s="12"/>
    </row>
    <row r="70178" spans="8:8">
      <c r="H70178" s="12"/>
    </row>
    <row r="70179" spans="8:8">
      <c r="H70179" s="12"/>
    </row>
    <row r="70180" spans="8:8">
      <c r="H70180" s="12"/>
    </row>
    <row r="70181" spans="8:8">
      <c r="H70181" s="12"/>
    </row>
    <row r="70182" spans="8:8">
      <c r="H70182" s="12"/>
    </row>
    <row r="70183" spans="8:8">
      <c r="H70183" s="12"/>
    </row>
    <row r="70184" spans="8:8">
      <c r="H70184" s="12"/>
    </row>
    <row r="70185" spans="8:8">
      <c r="H70185" s="12"/>
    </row>
    <row r="70186" spans="8:8">
      <c r="H70186" s="12"/>
    </row>
    <row r="70187" spans="8:8">
      <c r="H70187" s="12"/>
    </row>
    <row r="70188" spans="8:8">
      <c r="H70188" s="12"/>
    </row>
    <row r="70189" spans="8:8">
      <c r="H70189" s="12"/>
    </row>
    <row r="70190" spans="8:8">
      <c r="H70190" s="12"/>
    </row>
    <row r="70191" spans="8:8">
      <c r="H70191" s="12"/>
    </row>
    <row r="70192" spans="8:8">
      <c r="H70192" s="12"/>
    </row>
    <row r="70193" spans="8:8">
      <c r="H70193" s="12"/>
    </row>
    <row r="70194" spans="8:8">
      <c r="H70194" s="12"/>
    </row>
    <row r="70195" spans="8:8">
      <c r="H70195" s="12"/>
    </row>
    <row r="70196" spans="8:8">
      <c r="H70196" s="12"/>
    </row>
    <row r="70197" spans="8:8">
      <c r="H70197" s="12"/>
    </row>
    <row r="70198" spans="8:8">
      <c r="H70198" s="12"/>
    </row>
    <row r="70199" spans="8:8">
      <c r="H70199" s="12"/>
    </row>
    <row r="70200" spans="8:8">
      <c r="H70200" s="12"/>
    </row>
    <row r="70201" spans="8:8">
      <c r="H70201" s="12"/>
    </row>
    <row r="70202" spans="8:8">
      <c r="H70202" s="12"/>
    </row>
    <row r="70203" spans="8:8">
      <c r="H70203" s="12"/>
    </row>
    <row r="70204" spans="8:8">
      <c r="H70204" s="12"/>
    </row>
    <row r="70205" spans="8:8">
      <c r="H70205" s="12"/>
    </row>
    <row r="70206" spans="8:8">
      <c r="H70206" s="12"/>
    </row>
    <row r="70207" spans="8:8">
      <c r="H70207" s="12"/>
    </row>
    <row r="70208" spans="8:8">
      <c r="H70208" s="12"/>
    </row>
    <row r="70209" spans="8:8">
      <c r="H70209" s="12"/>
    </row>
    <row r="70210" spans="8:8">
      <c r="H70210" s="12"/>
    </row>
    <row r="70211" spans="8:8">
      <c r="H70211" s="12"/>
    </row>
    <row r="70212" spans="8:8">
      <c r="H70212" s="12"/>
    </row>
    <row r="70213" spans="8:8">
      <c r="H70213" s="12"/>
    </row>
    <row r="70214" spans="8:8">
      <c r="H70214" s="12"/>
    </row>
    <row r="70215" spans="8:8">
      <c r="H70215" s="12"/>
    </row>
    <row r="70216" spans="8:8">
      <c r="H70216" s="12"/>
    </row>
    <row r="70217" spans="8:8">
      <c r="H70217" s="12"/>
    </row>
    <row r="70218" spans="8:8">
      <c r="H70218" s="12"/>
    </row>
    <row r="70219" spans="8:8">
      <c r="H70219" s="12"/>
    </row>
    <row r="70220" spans="8:8">
      <c r="H70220" s="12"/>
    </row>
    <row r="70221" spans="8:8">
      <c r="H70221" s="12"/>
    </row>
    <row r="70222" spans="8:8">
      <c r="H70222" s="12"/>
    </row>
    <row r="70223" spans="8:8">
      <c r="H70223" s="12"/>
    </row>
    <row r="70224" spans="8:8">
      <c r="H70224" s="12"/>
    </row>
    <row r="70225" spans="8:8">
      <c r="H70225" s="12"/>
    </row>
    <row r="70226" spans="8:8">
      <c r="H70226" s="12"/>
    </row>
    <row r="70227" spans="8:8">
      <c r="H70227" s="12"/>
    </row>
    <row r="70228" spans="8:8">
      <c r="H70228" s="12"/>
    </row>
    <row r="70229" spans="8:8">
      <c r="H70229" s="12"/>
    </row>
    <row r="70230" spans="8:8">
      <c r="H70230" s="12"/>
    </row>
    <row r="70231" spans="8:8">
      <c r="H70231" s="12"/>
    </row>
    <row r="70232" spans="8:8">
      <c r="H70232" s="12"/>
    </row>
    <row r="70233" spans="8:8">
      <c r="H70233" s="12"/>
    </row>
    <row r="70234" spans="8:8">
      <c r="H70234" s="12"/>
    </row>
    <row r="70235" spans="8:8">
      <c r="H70235" s="12"/>
    </row>
    <row r="70236" spans="8:8">
      <c r="H70236" s="12"/>
    </row>
    <row r="70237" spans="8:8">
      <c r="H70237" s="12"/>
    </row>
    <row r="70238" spans="8:8">
      <c r="H70238" s="12"/>
    </row>
    <row r="70239" spans="8:8">
      <c r="H70239" s="12"/>
    </row>
    <row r="70240" spans="8:8">
      <c r="H70240" s="12"/>
    </row>
    <row r="70241" spans="8:8">
      <c r="H70241" s="12"/>
    </row>
    <row r="70242" spans="8:8">
      <c r="H70242" s="12"/>
    </row>
    <row r="70243" spans="8:8">
      <c r="H70243" s="12"/>
    </row>
    <row r="70244" spans="8:8">
      <c r="H70244" s="12"/>
    </row>
    <row r="70245" spans="8:8">
      <c r="H70245" s="12"/>
    </row>
    <row r="70246" spans="8:8">
      <c r="H70246" s="12"/>
    </row>
    <row r="70247" spans="8:8">
      <c r="H70247" s="12"/>
    </row>
    <row r="70248" spans="8:8">
      <c r="H70248" s="12"/>
    </row>
    <row r="70249" spans="8:8">
      <c r="H70249" s="12"/>
    </row>
    <row r="70250" spans="8:8">
      <c r="H70250" s="12"/>
    </row>
    <row r="70251" spans="8:8">
      <c r="H70251" s="12"/>
    </row>
    <row r="70252" spans="8:8">
      <c r="H70252" s="12"/>
    </row>
    <row r="70253" spans="8:8">
      <c r="H70253" s="12"/>
    </row>
    <row r="70254" spans="8:8">
      <c r="H70254" s="12"/>
    </row>
    <row r="70255" spans="8:8">
      <c r="H70255" s="12"/>
    </row>
    <row r="70256" spans="8:8">
      <c r="H70256" s="12"/>
    </row>
    <row r="70257" spans="8:8">
      <c r="H70257" s="12"/>
    </row>
    <row r="70258" spans="8:8">
      <c r="H70258" s="12"/>
    </row>
    <row r="70259" spans="8:8">
      <c r="H70259" s="12"/>
    </row>
    <row r="70260" spans="8:8">
      <c r="H70260" s="12"/>
    </row>
    <row r="70261" spans="8:8">
      <c r="H70261" s="12"/>
    </row>
    <row r="70262" spans="8:8">
      <c r="H70262" s="12"/>
    </row>
    <row r="70263" spans="8:8">
      <c r="H70263" s="12"/>
    </row>
    <row r="70264" spans="8:8">
      <c r="H70264" s="12"/>
    </row>
    <row r="70265" spans="8:8">
      <c r="H70265" s="12"/>
    </row>
    <row r="70266" spans="8:8">
      <c r="H70266" s="12"/>
    </row>
    <row r="70267" spans="8:8">
      <c r="H70267" s="12"/>
    </row>
    <row r="70268" spans="8:8">
      <c r="H70268" s="12"/>
    </row>
    <row r="70269" spans="8:8">
      <c r="H70269" s="12"/>
    </row>
    <row r="70270" spans="8:8">
      <c r="H70270" s="12"/>
    </row>
    <row r="70271" spans="8:8">
      <c r="H70271" s="12"/>
    </row>
    <row r="70272" spans="8:8">
      <c r="H70272" s="12"/>
    </row>
    <row r="70273" spans="8:8">
      <c r="H70273" s="12"/>
    </row>
    <row r="70274" spans="8:8">
      <c r="H70274" s="12"/>
    </row>
    <row r="70275" spans="8:8">
      <c r="H70275" s="12"/>
    </row>
    <row r="70276" spans="8:8">
      <c r="H70276" s="12"/>
    </row>
    <row r="70277" spans="8:8">
      <c r="H70277" s="12"/>
    </row>
    <row r="70278" spans="8:8">
      <c r="H70278" s="12"/>
    </row>
    <row r="70279" spans="8:8">
      <c r="H70279" s="12"/>
    </row>
    <row r="70280" spans="8:8">
      <c r="H70280" s="12"/>
    </row>
    <row r="70281" spans="8:8">
      <c r="H70281" s="12"/>
    </row>
    <row r="70282" spans="8:8">
      <c r="H70282" s="12"/>
    </row>
    <row r="70283" spans="8:8">
      <c r="H70283" s="12"/>
    </row>
    <row r="70284" spans="8:8">
      <c r="H70284" s="12"/>
    </row>
    <row r="70285" spans="8:8">
      <c r="H70285" s="12"/>
    </row>
    <row r="70286" spans="8:8">
      <c r="H70286" s="12"/>
    </row>
    <row r="70287" spans="8:8">
      <c r="H70287" s="12"/>
    </row>
    <row r="70288" spans="8:8">
      <c r="H70288" s="12"/>
    </row>
    <row r="70289" spans="8:8">
      <c r="H70289" s="12"/>
    </row>
    <row r="70290" spans="8:8">
      <c r="H70290" s="12"/>
    </row>
    <row r="70291" spans="8:8">
      <c r="H70291" s="12"/>
    </row>
    <row r="70292" spans="8:8">
      <c r="H70292" s="12"/>
    </row>
    <row r="70293" spans="8:8">
      <c r="H70293" s="12"/>
    </row>
    <row r="70294" spans="8:8">
      <c r="H70294" s="12"/>
    </row>
    <row r="70295" spans="8:8">
      <c r="H70295" s="12"/>
    </row>
    <row r="70296" spans="8:8">
      <c r="H70296" s="12"/>
    </row>
    <row r="70297" spans="8:8">
      <c r="H70297" s="12"/>
    </row>
    <row r="70298" spans="8:8">
      <c r="H70298" s="12"/>
    </row>
    <row r="70299" spans="8:8">
      <c r="H70299" s="12"/>
    </row>
    <row r="70300" spans="8:8">
      <c r="H70300" s="12"/>
    </row>
    <row r="70301" spans="8:8">
      <c r="H70301" s="12"/>
    </row>
    <row r="70302" spans="8:8">
      <c r="H70302" s="12"/>
    </row>
    <row r="70303" spans="8:8">
      <c r="H70303" s="12"/>
    </row>
    <row r="70304" spans="8:8">
      <c r="H70304" s="12"/>
    </row>
    <row r="70305" spans="8:8">
      <c r="H70305" s="12"/>
    </row>
    <row r="70306" spans="8:8">
      <c r="H70306" s="12"/>
    </row>
    <row r="70307" spans="8:8">
      <c r="H70307" s="12"/>
    </row>
    <row r="70308" spans="8:8">
      <c r="H70308" s="12"/>
    </row>
    <row r="70309" spans="8:8">
      <c r="H70309" s="12"/>
    </row>
    <row r="70310" spans="8:8">
      <c r="H70310" s="12"/>
    </row>
    <row r="70311" spans="8:8">
      <c r="H70311" s="12"/>
    </row>
    <row r="70312" spans="8:8">
      <c r="H70312" s="12"/>
    </row>
    <row r="70313" spans="8:8">
      <c r="H70313" s="12"/>
    </row>
    <row r="70314" spans="8:8">
      <c r="H70314" s="12"/>
    </row>
    <row r="70315" spans="8:8">
      <c r="H70315" s="12"/>
    </row>
    <row r="70316" spans="8:8">
      <c r="H70316" s="12"/>
    </row>
    <row r="70317" spans="8:8">
      <c r="H70317" s="12"/>
    </row>
    <row r="70318" spans="8:8">
      <c r="H70318" s="12"/>
    </row>
    <row r="70319" spans="8:8">
      <c r="H70319" s="12"/>
    </row>
    <row r="70320" spans="8:8">
      <c r="H70320" s="12"/>
    </row>
    <row r="70321" spans="8:8">
      <c r="H70321" s="12"/>
    </row>
    <row r="70322" spans="8:8">
      <c r="H70322" s="12"/>
    </row>
    <row r="70323" spans="8:8">
      <c r="H70323" s="12"/>
    </row>
    <row r="70324" spans="8:8">
      <c r="H70324" s="12"/>
    </row>
    <row r="70325" spans="8:8">
      <c r="H70325" s="12"/>
    </row>
    <row r="70326" spans="8:8">
      <c r="H70326" s="12"/>
    </row>
    <row r="70327" spans="8:8">
      <c r="H70327" s="12"/>
    </row>
    <row r="70328" spans="8:8">
      <c r="H70328" s="12"/>
    </row>
    <row r="70329" spans="8:8">
      <c r="H70329" s="12"/>
    </row>
    <row r="70330" spans="8:8">
      <c r="H70330" s="12"/>
    </row>
    <row r="70331" spans="8:8">
      <c r="H70331" s="12"/>
    </row>
    <row r="70332" spans="8:8">
      <c r="H70332" s="12"/>
    </row>
    <row r="70333" spans="8:8">
      <c r="H70333" s="12"/>
    </row>
    <row r="70334" spans="8:8">
      <c r="H70334" s="12"/>
    </row>
    <row r="70335" spans="8:8">
      <c r="H70335" s="12"/>
    </row>
    <row r="70336" spans="8:8">
      <c r="H70336" s="12"/>
    </row>
    <row r="70337" spans="8:8">
      <c r="H70337" s="12"/>
    </row>
    <row r="70338" spans="8:8">
      <c r="H70338" s="12"/>
    </row>
    <row r="70339" spans="8:8">
      <c r="H70339" s="12"/>
    </row>
    <row r="70340" spans="8:8">
      <c r="H70340" s="12"/>
    </row>
    <row r="70341" spans="8:8">
      <c r="H70341" s="12"/>
    </row>
    <row r="70342" spans="8:8">
      <c r="H70342" s="12"/>
    </row>
    <row r="70343" spans="8:8">
      <c r="H70343" s="12"/>
    </row>
    <row r="70344" spans="8:8">
      <c r="H70344" s="12"/>
    </row>
    <row r="70345" spans="8:8">
      <c r="H70345" s="12"/>
    </row>
    <row r="70346" spans="8:8">
      <c r="H70346" s="12"/>
    </row>
    <row r="70347" spans="8:8">
      <c r="H70347" s="12"/>
    </row>
    <row r="70348" spans="8:8">
      <c r="H70348" s="12"/>
    </row>
    <row r="70349" spans="8:8">
      <c r="H70349" s="12"/>
    </row>
    <row r="70350" spans="8:8">
      <c r="H70350" s="12"/>
    </row>
    <row r="70351" spans="8:8">
      <c r="H70351" s="12"/>
    </row>
    <row r="70352" spans="8:8">
      <c r="H70352" s="12"/>
    </row>
    <row r="70353" spans="8:8">
      <c r="H70353" s="12"/>
    </row>
    <row r="70354" spans="8:8">
      <c r="H70354" s="12"/>
    </row>
    <row r="70355" spans="8:8">
      <c r="H70355" s="12"/>
    </row>
    <row r="70356" spans="8:8">
      <c r="H70356" s="12"/>
    </row>
    <row r="70357" spans="8:8">
      <c r="H70357" s="12"/>
    </row>
    <row r="70358" spans="8:8">
      <c r="H70358" s="12"/>
    </row>
    <row r="70359" spans="8:8">
      <c r="H70359" s="12"/>
    </row>
    <row r="70360" spans="8:8">
      <c r="H70360" s="12"/>
    </row>
    <row r="70361" spans="8:8">
      <c r="H70361" s="12"/>
    </row>
    <row r="70362" spans="8:8">
      <c r="H70362" s="12"/>
    </row>
    <row r="70363" spans="8:8">
      <c r="H70363" s="12"/>
    </row>
    <row r="70364" spans="8:8">
      <c r="H70364" s="12"/>
    </row>
    <row r="70365" spans="8:8">
      <c r="H70365" s="12"/>
    </row>
    <row r="70366" spans="8:8">
      <c r="H70366" s="12"/>
    </row>
    <row r="70367" spans="8:8">
      <c r="H70367" s="12"/>
    </row>
    <row r="70368" spans="8:8">
      <c r="H70368" s="12"/>
    </row>
    <row r="70369" spans="8:8">
      <c r="H70369" s="12"/>
    </row>
    <row r="70370" spans="8:8">
      <c r="H70370" s="12"/>
    </row>
    <row r="70371" spans="8:8">
      <c r="H70371" s="12"/>
    </row>
    <row r="70372" spans="8:8">
      <c r="H70372" s="12"/>
    </row>
    <row r="70373" spans="8:8">
      <c r="H70373" s="12"/>
    </row>
    <row r="70374" spans="8:8">
      <c r="H70374" s="12"/>
    </row>
    <row r="70375" spans="8:8">
      <c r="H70375" s="12"/>
    </row>
    <row r="70376" spans="8:8">
      <c r="H70376" s="12"/>
    </row>
    <row r="70377" spans="8:8">
      <c r="H70377" s="12"/>
    </row>
    <row r="70378" spans="8:8">
      <c r="H70378" s="12"/>
    </row>
    <row r="70379" spans="8:8">
      <c r="H70379" s="12"/>
    </row>
    <row r="70380" spans="8:8">
      <c r="H70380" s="12"/>
    </row>
    <row r="70381" spans="8:8">
      <c r="H70381" s="12"/>
    </row>
    <row r="70382" spans="8:8">
      <c r="H70382" s="12"/>
    </row>
    <row r="70383" spans="8:8">
      <c r="H70383" s="12"/>
    </row>
    <row r="70384" spans="8:8">
      <c r="H70384" s="12"/>
    </row>
    <row r="70385" spans="8:8">
      <c r="H70385" s="12"/>
    </row>
    <row r="70386" spans="8:8">
      <c r="H70386" s="12"/>
    </row>
    <row r="70387" spans="8:8">
      <c r="H70387" s="12"/>
    </row>
    <row r="70388" spans="8:8">
      <c r="H70388" s="12"/>
    </row>
    <row r="70389" spans="8:8">
      <c r="H70389" s="12"/>
    </row>
    <row r="70390" spans="8:8">
      <c r="H70390" s="12"/>
    </row>
    <row r="70391" spans="8:8">
      <c r="H70391" s="12"/>
    </row>
    <row r="70392" spans="8:8">
      <c r="H70392" s="12"/>
    </row>
    <row r="70393" spans="8:8">
      <c r="H70393" s="12"/>
    </row>
    <row r="70394" spans="8:8">
      <c r="H70394" s="12"/>
    </row>
    <row r="70395" spans="8:8">
      <c r="H70395" s="12"/>
    </row>
    <row r="70396" spans="8:8">
      <c r="H70396" s="12"/>
    </row>
    <row r="70397" spans="8:8">
      <c r="H70397" s="12"/>
    </row>
    <row r="70398" spans="8:8">
      <c r="H70398" s="12"/>
    </row>
    <row r="70399" spans="8:8">
      <c r="H70399" s="12"/>
    </row>
    <row r="70400" spans="8:8">
      <c r="H70400" s="12"/>
    </row>
    <row r="70401" spans="8:8">
      <c r="H70401" s="12"/>
    </row>
    <row r="70402" spans="8:8">
      <c r="H70402" s="12"/>
    </row>
    <row r="70403" spans="8:8">
      <c r="H70403" s="12"/>
    </row>
    <row r="70404" spans="8:8">
      <c r="H70404" s="12"/>
    </row>
    <row r="70405" spans="8:8">
      <c r="H70405" s="12"/>
    </row>
    <row r="70406" spans="8:8">
      <c r="H70406" s="12"/>
    </row>
    <row r="70407" spans="8:8">
      <c r="H70407" s="12"/>
    </row>
    <row r="70408" spans="8:8">
      <c r="H70408" s="12"/>
    </row>
    <row r="70409" spans="8:8">
      <c r="H70409" s="12"/>
    </row>
    <row r="70410" spans="8:8">
      <c r="H70410" s="12"/>
    </row>
    <row r="70411" spans="8:8">
      <c r="H70411" s="12"/>
    </row>
    <row r="70412" spans="8:8">
      <c r="H70412" s="12"/>
    </row>
    <row r="70413" spans="8:8">
      <c r="H70413" s="12"/>
    </row>
    <row r="70414" spans="8:8">
      <c r="H70414" s="12"/>
    </row>
    <row r="70415" spans="8:8">
      <c r="H70415" s="12"/>
    </row>
    <row r="70416" spans="8:8">
      <c r="H70416" s="12"/>
    </row>
    <row r="70417" spans="8:8">
      <c r="H70417" s="12"/>
    </row>
    <row r="70418" spans="8:8">
      <c r="H70418" s="12"/>
    </row>
    <row r="70419" spans="8:8">
      <c r="H70419" s="12"/>
    </row>
    <row r="70420" spans="8:8">
      <c r="H70420" s="12"/>
    </row>
    <row r="70421" spans="8:8">
      <c r="H70421" s="12"/>
    </row>
    <row r="70422" spans="8:8">
      <c r="H70422" s="12"/>
    </row>
    <row r="70423" spans="8:8">
      <c r="H70423" s="12"/>
    </row>
    <row r="70424" spans="8:8">
      <c r="H70424" s="12"/>
    </row>
    <row r="70425" spans="8:8">
      <c r="H70425" s="12"/>
    </row>
    <row r="70426" spans="8:8">
      <c r="H70426" s="12"/>
    </row>
    <row r="70427" spans="8:8">
      <c r="H70427" s="12"/>
    </row>
    <row r="70428" spans="8:8">
      <c r="H70428" s="12"/>
    </row>
    <row r="70429" spans="8:8">
      <c r="H70429" s="12"/>
    </row>
    <row r="70430" spans="8:8">
      <c r="H70430" s="12"/>
    </row>
    <row r="70431" spans="8:8">
      <c r="H70431" s="12"/>
    </row>
    <row r="70432" spans="8:8">
      <c r="H70432" s="12"/>
    </row>
    <row r="70433" spans="8:8">
      <c r="H70433" s="12"/>
    </row>
    <row r="70434" spans="8:8">
      <c r="H70434" s="12"/>
    </row>
    <row r="70435" spans="8:8">
      <c r="H70435" s="12"/>
    </row>
    <row r="70436" spans="8:8">
      <c r="H70436" s="12"/>
    </row>
    <row r="70437" spans="8:8">
      <c r="H70437" s="12"/>
    </row>
    <row r="70438" spans="8:8">
      <c r="H70438" s="12"/>
    </row>
    <row r="70439" spans="8:8">
      <c r="H70439" s="12"/>
    </row>
    <row r="70440" spans="8:8">
      <c r="H70440" s="12"/>
    </row>
    <row r="70441" spans="8:8">
      <c r="H70441" s="12"/>
    </row>
    <row r="70442" spans="8:8">
      <c r="H70442" s="12"/>
    </row>
    <row r="70443" spans="8:8">
      <c r="H70443" s="12"/>
    </row>
    <row r="70444" spans="8:8">
      <c r="H70444" s="12"/>
    </row>
    <row r="70445" spans="8:8">
      <c r="H70445" s="12"/>
    </row>
    <row r="70446" spans="8:8">
      <c r="H70446" s="12"/>
    </row>
    <row r="70447" spans="8:8">
      <c r="H70447" s="12"/>
    </row>
    <row r="70448" spans="8:8">
      <c r="H70448" s="12"/>
    </row>
    <row r="70449" spans="8:8">
      <c r="H70449" s="12"/>
    </row>
    <row r="70450" spans="8:8">
      <c r="H70450" s="12"/>
    </row>
    <row r="70451" spans="8:8">
      <c r="H70451" s="12"/>
    </row>
    <row r="70452" spans="8:8">
      <c r="H70452" s="12"/>
    </row>
    <row r="70453" spans="8:8">
      <c r="H70453" s="12"/>
    </row>
    <row r="70454" spans="8:8">
      <c r="H70454" s="12"/>
    </row>
    <row r="70455" spans="8:8">
      <c r="H70455" s="12"/>
    </row>
    <row r="70456" spans="8:8">
      <c r="H70456" s="12"/>
    </row>
    <row r="70457" spans="8:8">
      <c r="H70457" s="12"/>
    </row>
    <row r="70458" spans="8:8">
      <c r="H70458" s="12"/>
    </row>
    <row r="70459" spans="8:8">
      <c r="H70459" s="12"/>
    </row>
    <row r="70460" spans="8:8">
      <c r="H70460" s="12"/>
    </row>
    <row r="70461" spans="8:8">
      <c r="H70461" s="12"/>
    </row>
    <row r="70462" spans="8:8">
      <c r="H70462" s="12"/>
    </row>
    <row r="70463" spans="8:8">
      <c r="H70463" s="12"/>
    </row>
    <row r="70464" spans="8:8">
      <c r="H70464" s="12"/>
    </row>
    <row r="70465" spans="8:8">
      <c r="H70465" s="12"/>
    </row>
    <row r="70466" spans="8:8">
      <c r="H70466" s="12"/>
    </row>
    <row r="70467" spans="8:8">
      <c r="H70467" s="12"/>
    </row>
    <row r="70468" spans="8:8">
      <c r="H70468" s="12"/>
    </row>
    <row r="70469" spans="8:8">
      <c r="H70469" s="12"/>
    </row>
    <row r="70470" spans="8:8">
      <c r="H70470" s="12"/>
    </row>
    <row r="70471" spans="8:8">
      <c r="H70471" s="12"/>
    </row>
    <row r="70472" spans="8:8">
      <c r="H70472" s="12"/>
    </row>
    <row r="70473" spans="8:8">
      <c r="H70473" s="12"/>
    </row>
    <row r="70474" spans="8:8">
      <c r="H70474" s="12"/>
    </row>
    <row r="70475" spans="8:8">
      <c r="H70475" s="12"/>
    </row>
    <row r="70476" spans="8:8">
      <c r="H70476" s="12"/>
    </row>
    <row r="70477" spans="8:8">
      <c r="H70477" s="12"/>
    </row>
    <row r="70478" spans="8:8">
      <c r="H70478" s="12"/>
    </row>
    <row r="70479" spans="8:8">
      <c r="H70479" s="12"/>
    </row>
    <row r="70480" spans="8:8">
      <c r="H70480" s="12"/>
    </row>
    <row r="70481" spans="8:8">
      <c r="H70481" s="12"/>
    </row>
    <row r="70482" spans="8:8">
      <c r="H70482" s="12"/>
    </row>
    <row r="70483" spans="8:8">
      <c r="H70483" s="12"/>
    </row>
    <row r="70484" spans="8:8">
      <c r="H70484" s="12"/>
    </row>
    <row r="70485" spans="8:8">
      <c r="H70485" s="12"/>
    </row>
    <row r="70486" spans="8:8">
      <c r="H70486" s="12"/>
    </row>
    <row r="70487" spans="8:8">
      <c r="H70487" s="12"/>
    </row>
    <row r="70488" spans="8:8">
      <c r="H70488" s="12"/>
    </row>
    <row r="70489" spans="8:8">
      <c r="H70489" s="12"/>
    </row>
    <row r="70490" spans="8:8">
      <c r="H70490" s="12"/>
    </row>
    <row r="70491" spans="8:8">
      <c r="H70491" s="12"/>
    </row>
    <row r="70492" spans="8:8">
      <c r="H70492" s="12"/>
    </row>
    <row r="70493" spans="8:8">
      <c r="H70493" s="12"/>
    </row>
    <row r="70494" spans="8:8">
      <c r="H70494" s="12"/>
    </row>
    <row r="70495" spans="8:8">
      <c r="H70495" s="12"/>
    </row>
    <row r="70496" spans="8:8">
      <c r="H70496" s="12"/>
    </row>
    <row r="70497" spans="8:8">
      <c r="H70497" s="12"/>
    </row>
    <row r="70498" spans="8:8">
      <c r="H70498" s="12"/>
    </row>
    <row r="70499" spans="8:8">
      <c r="H70499" s="12"/>
    </row>
    <row r="70500" spans="8:8">
      <c r="H70500" s="12"/>
    </row>
    <row r="70501" spans="8:8">
      <c r="H70501" s="12"/>
    </row>
    <row r="70502" spans="8:8">
      <c r="H70502" s="12"/>
    </row>
    <row r="70503" spans="8:8">
      <c r="H70503" s="12"/>
    </row>
    <row r="70504" spans="8:8">
      <c r="H70504" s="12"/>
    </row>
    <row r="70505" spans="8:8">
      <c r="H70505" s="12"/>
    </row>
    <row r="70506" spans="8:8">
      <c r="H70506" s="12"/>
    </row>
    <row r="70507" spans="8:8">
      <c r="H70507" s="12"/>
    </row>
    <row r="70508" spans="8:8">
      <c r="H70508" s="12"/>
    </row>
    <row r="70509" spans="8:8">
      <c r="H70509" s="12"/>
    </row>
    <row r="70510" spans="8:8">
      <c r="H70510" s="12"/>
    </row>
    <row r="70511" spans="8:8">
      <c r="H70511" s="12"/>
    </row>
    <row r="70512" spans="8:8">
      <c r="H70512" s="12"/>
    </row>
    <row r="70513" spans="8:8">
      <c r="H70513" s="12"/>
    </row>
    <row r="70514" spans="8:8">
      <c r="H70514" s="12"/>
    </row>
    <row r="70515" spans="8:8">
      <c r="H70515" s="12"/>
    </row>
    <row r="70516" spans="8:8">
      <c r="H70516" s="12"/>
    </row>
    <row r="70517" spans="8:8">
      <c r="H70517" s="12"/>
    </row>
    <row r="70518" spans="8:8">
      <c r="H70518" s="12"/>
    </row>
    <row r="70519" spans="8:8">
      <c r="H70519" s="12"/>
    </row>
    <row r="70520" spans="8:8">
      <c r="H70520" s="12"/>
    </row>
    <row r="70521" spans="8:8">
      <c r="H70521" s="12"/>
    </row>
    <row r="70522" spans="8:8">
      <c r="H70522" s="12"/>
    </row>
    <row r="70523" spans="8:8">
      <c r="H70523" s="12"/>
    </row>
    <row r="70524" spans="8:8">
      <c r="H70524" s="12"/>
    </row>
    <row r="70525" spans="8:8">
      <c r="H70525" s="12"/>
    </row>
    <row r="70526" spans="8:8">
      <c r="H70526" s="12"/>
    </row>
    <row r="70527" spans="8:8">
      <c r="H70527" s="12"/>
    </row>
    <row r="70528" spans="8:8">
      <c r="H70528" s="12"/>
    </row>
    <row r="70529" spans="8:8">
      <c r="H70529" s="12"/>
    </row>
    <row r="70530" spans="8:8">
      <c r="H70530" s="12"/>
    </row>
    <row r="70531" spans="8:8">
      <c r="H70531" s="12"/>
    </row>
    <row r="70532" spans="8:8">
      <c r="H70532" s="12"/>
    </row>
    <row r="70533" spans="8:8">
      <c r="H70533" s="12"/>
    </row>
    <row r="70534" spans="8:8">
      <c r="H70534" s="12"/>
    </row>
    <row r="70535" spans="8:8">
      <c r="H70535" s="12"/>
    </row>
    <row r="70536" spans="8:8">
      <c r="H70536" s="12"/>
    </row>
    <row r="70537" spans="8:8">
      <c r="H70537" s="12"/>
    </row>
    <row r="70538" spans="8:8">
      <c r="H70538" s="12"/>
    </row>
    <row r="70539" spans="8:8">
      <c r="H70539" s="12"/>
    </row>
    <row r="70540" spans="8:8">
      <c r="H70540" s="12"/>
    </row>
    <row r="70541" spans="8:8">
      <c r="H70541" s="12"/>
    </row>
    <row r="70542" spans="8:8">
      <c r="H70542" s="12"/>
    </row>
    <row r="70543" spans="8:8">
      <c r="H70543" s="12"/>
    </row>
    <row r="70544" spans="8:8">
      <c r="H70544" s="12"/>
    </row>
    <row r="70545" spans="8:8">
      <c r="H70545" s="12"/>
    </row>
    <row r="70546" spans="8:8">
      <c r="H70546" s="12"/>
    </row>
    <row r="70547" spans="8:8">
      <c r="H70547" s="12"/>
    </row>
    <row r="70548" spans="8:8">
      <c r="H70548" s="12"/>
    </row>
    <row r="70549" spans="8:8">
      <c r="H70549" s="12"/>
    </row>
    <row r="70550" spans="8:8">
      <c r="H70550" s="12"/>
    </row>
    <row r="70551" spans="8:8">
      <c r="H70551" s="12"/>
    </row>
    <row r="70552" spans="8:8">
      <c r="H70552" s="12"/>
    </row>
    <row r="70553" spans="8:8">
      <c r="H70553" s="12"/>
    </row>
    <row r="70554" spans="8:8">
      <c r="H70554" s="12"/>
    </row>
    <row r="70555" spans="8:8">
      <c r="H70555" s="12"/>
    </row>
    <row r="70556" spans="8:8">
      <c r="H70556" s="12"/>
    </row>
    <row r="70557" spans="8:8">
      <c r="H70557" s="12"/>
    </row>
    <row r="70558" spans="8:8">
      <c r="H70558" s="12"/>
    </row>
    <row r="70559" spans="8:8">
      <c r="H70559" s="12"/>
    </row>
    <row r="70560" spans="8:8">
      <c r="H70560" s="12"/>
    </row>
    <row r="70561" spans="8:8">
      <c r="H70561" s="12"/>
    </row>
    <row r="70562" spans="8:8">
      <c r="H70562" s="12"/>
    </row>
    <row r="70563" spans="8:8">
      <c r="H70563" s="12"/>
    </row>
    <row r="70564" spans="8:8">
      <c r="H70564" s="12"/>
    </row>
    <row r="70565" spans="8:8">
      <c r="H70565" s="12"/>
    </row>
    <row r="70566" spans="8:8">
      <c r="H70566" s="12"/>
    </row>
    <row r="70567" spans="8:8">
      <c r="H70567" s="12"/>
    </row>
    <row r="70568" spans="8:8">
      <c r="H70568" s="12"/>
    </row>
    <row r="70569" spans="8:8">
      <c r="H70569" s="12"/>
    </row>
    <row r="70570" spans="8:8">
      <c r="H70570" s="12"/>
    </row>
    <row r="70571" spans="8:8">
      <c r="H70571" s="12"/>
    </row>
    <row r="70572" spans="8:8">
      <c r="H70572" s="12"/>
    </row>
    <row r="70573" spans="8:8">
      <c r="H70573" s="12"/>
    </row>
    <row r="70574" spans="8:8">
      <c r="H70574" s="12"/>
    </row>
    <row r="70575" spans="8:8">
      <c r="H70575" s="12"/>
    </row>
    <row r="70576" spans="8:8">
      <c r="H70576" s="12"/>
    </row>
    <row r="70577" spans="8:8">
      <c r="H70577" s="12"/>
    </row>
    <row r="70578" spans="8:8">
      <c r="H70578" s="12"/>
    </row>
    <row r="70579" spans="8:8">
      <c r="H70579" s="12"/>
    </row>
    <row r="70580" spans="8:8">
      <c r="H70580" s="12"/>
    </row>
    <row r="70581" spans="8:8">
      <c r="H70581" s="12"/>
    </row>
    <row r="70582" spans="8:8">
      <c r="H70582" s="12"/>
    </row>
    <row r="70583" spans="8:8">
      <c r="H70583" s="12"/>
    </row>
    <row r="70584" spans="8:8">
      <c r="H70584" s="12"/>
    </row>
    <row r="70585" spans="8:8">
      <c r="H70585" s="12"/>
    </row>
    <row r="70586" spans="8:8">
      <c r="H70586" s="12"/>
    </row>
    <row r="70587" spans="8:8">
      <c r="H70587" s="12"/>
    </row>
    <row r="70588" spans="8:8">
      <c r="H70588" s="12"/>
    </row>
    <row r="70589" spans="8:8">
      <c r="H70589" s="12"/>
    </row>
    <row r="70590" spans="8:8">
      <c r="H70590" s="12"/>
    </row>
    <row r="70591" spans="8:8">
      <c r="H70591" s="12"/>
    </row>
    <row r="70592" spans="8:8">
      <c r="H70592" s="12"/>
    </row>
    <row r="70593" spans="8:8">
      <c r="H70593" s="12"/>
    </row>
    <row r="70594" spans="8:8">
      <c r="H70594" s="12"/>
    </row>
    <row r="70595" spans="8:8">
      <c r="H70595" s="12"/>
    </row>
    <row r="70596" spans="8:8">
      <c r="H70596" s="12"/>
    </row>
    <row r="70597" spans="8:8">
      <c r="H70597" s="12"/>
    </row>
    <row r="70598" spans="8:8">
      <c r="H70598" s="12"/>
    </row>
    <row r="70599" spans="8:8">
      <c r="H70599" s="12"/>
    </row>
    <row r="70600" spans="8:8">
      <c r="H70600" s="12"/>
    </row>
    <row r="70601" spans="8:8">
      <c r="H70601" s="12"/>
    </row>
    <row r="70602" spans="8:8">
      <c r="H70602" s="12"/>
    </row>
    <row r="70603" spans="8:8">
      <c r="H70603" s="12"/>
    </row>
    <row r="70604" spans="8:8">
      <c r="H70604" s="12"/>
    </row>
    <row r="70605" spans="8:8">
      <c r="H70605" s="12"/>
    </row>
    <row r="70606" spans="8:8">
      <c r="H70606" s="12"/>
    </row>
    <row r="70607" spans="8:8">
      <c r="H70607" s="12"/>
    </row>
    <row r="70608" spans="8:8">
      <c r="H70608" s="12"/>
    </row>
    <row r="70609" spans="8:8">
      <c r="H70609" s="12"/>
    </row>
    <row r="70610" spans="8:8">
      <c r="H70610" s="12"/>
    </row>
    <row r="70611" spans="8:8">
      <c r="H70611" s="12"/>
    </row>
    <row r="70612" spans="8:8">
      <c r="H70612" s="12"/>
    </row>
    <row r="70613" spans="8:8">
      <c r="H70613" s="12"/>
    </row>
    <row r="70614" spans="8:8">
      <c r="H70614" s="12"/>
    </row>
    <row r="70615" spans="8:8">
      <c r="H70615" s="12"/>
    </row>
    <row r="70616" spans="8:8">
      <c r="H70616" s="12"/>
    </row>
    <row r="70617" spans="8:8">
      <c r="H70617" s="12"/>
    </row>
    <row r="70618" spans="8:8">
      <c r="H70618" s="12"/>
    </row>
    <row r="70619" spans="8:8">
      <c r="H70619" s="12"/>
    </row>
    <row r="70620" spans="8:8">
      <c r="H70620" s="12"/>
    </row>
    <row r="70621" spans="8:8">
      <c r="H70621" s="12"/>
    </row>
    <row r="70622" spans="8:8">
      <c r="H70622" s="12"/>
    </row>
    <row r="70623" spans="8:8">
      <c r="H70623" s="12"/>
    </row>
    <row r="70624" spans="8:8">
      <c r="H70624" s="12"/>
    </row>
    <row r="70625" spans="8:8">
      <c r="H70625" s="12"/>
    </row>
    <row r="70626" spans="8:8">
      <c r="H70626" s="12"/>
    </row>
    <row r="70627" spans="8:8">
      <c r="H70627" s="12"/>
    </row>
    <row r="70628" spans="8:8">
      <c r="H70628" s="12"/>
    </row>
    <row r="70629" spans="8:8">
      <c r="H70629" s="12"/>
    </row>
    <row r="70630" spans="8:8">
      <c r="H70630" s="12"/>
    </row>
    <row r="70631" spans="8:8">
      <c r="H70631" s="12"/>
    </row>
    <row r="70632" spans="8:8">
      <c r="H70632" s="12"/>
    </row>
    <row r="70633" spans="8:8">
      <c r="H70633" s="12"/>
    </row>
    <row r="70634" spans="8:8">
      <c r="H70634" s="12"/>
    </row>
    <row r="70635" spans="8:8">
      <c r="H70635" s="12"/>
    </row>
    <row r="70636" spans="8:8">
      <c r="H70636" s="12"/>
    </row>
    <row r="70637" spans="8:8">
      <c r="H70637" s="12"/>
    </row>
    <row r="70638" spans="8:8">
      <c r="H70638" s="12"/>
    </row>
    <row r="70639" spans="8:8">
      <c r="H70639" s="12"/>
    </row>
    <row r="70640" spans="8:8">
      <c r="H70640" s="12"/>
    </row>
    <row r="70641" spans="8:8">
      <c r="H70641" s="12"/>
    </row>
    <row r="70642" spans="8:8">
      <c r="H70642" s="12"/>
    </row>
    <row r="70643" spans="8:8">
      <c r="H70643" s="12"/>
    </row>
    <row r="70644" spans="8:8">
      <c r="H70644" s="12"/>
    </row>
    <row r="70645" spans="8:8">
      <c r="H70645" s="12"/>
    </row>
    <row r="70646" spans="8:8">
      <c r="H70646" s="12"/>
    </row>
    <row r="70647" spans="8:8">
      <c r="H70647" s="12"/>
    </row>
    <row r="70648" spans="8:8">
      <c r="H70648" s="12"/>
    </row>
    <row r="70649" spans="8:8">
      <c r="H70649" s="12"/>
    </row>
    <row r="70650" spans="8:8">
      <c r="H70650" s="12"/>
    </row>
    <row r="70651" spans="8:8">
      <c r="H70651" s="12"/>
    </row>
    <row r="70652" spans="8:8">
      <c r="H70652" s="12"/>
    </row>
    <row r="70653" spans="8:8">
      <c r="H70653" s="12"/>
    </row>
    <row r="70654" spans="8:8">
      <c r="H70654" s="12"/>
    </row>
    <row r="70655" spans="8:8">
      <c r="H70655" s="12"/>
    </row>
    <row r="70656" spans="8:8">
      <c r="H70656" s="12"/>
    </row>
    <row r="70657" spans="8:8">
      <c r="H70657" s="12"/>
    </row>
    <row r="70658" spans="8:8">
      <c r="H70658" s="12"/>
    </row>
    <row r="70659" spans="8:8">
      <c r="H70659" s="12"/>
    </row>
    <row r="70660" spans="8:8">
      <c r="H70660" s="12"/>
    </row>
    <row r="70661" spans="8:8">
      <c r="H70661" s="12"/>
    </row>
    <row r="70662" spans="8:8">
      <c r="H70662" s="12"/>
    </row>
    <row r="70663" spans="8:8">
      <c r="H70663" s="12"/>
    </row>
    <row r="70664" spans="8:8">
      <c r="H70664" s="12"/>
    </row>
    <row r="70665" spans="8:8">
      <c r="H70665" s="12"/>
    </row>
    <row r="70666" spans="8:8">
      <c r="H70666" s="12"/>
    </row>
    <row r="70667" spans="8:8">
      <c r="H70667" s="12"/>
    </row>
    <row r="70668" spans="8:8">
      <c r="H70668" s="12"/>
    </row>
    <row r="70669" spans="8:8">
      <c r="H70669" s="12"/>
    </row>
    <row r="70670" spans="8:8">
      <c r="H70670" s="12"/>
    </row>
    <row r="70671" spans="8:8">
      <c r="H70671" s="12"/>
    </row>
    <row r="70672" spans="8:8">
      <c r="H70672" s="12"/>
    </row>
    <row r="70673" spans="8:8">
      <c r="H70673" s="12"/>
    </row>
    <row r="70674" spans="8:8">
      <c r="H70674" s="12"/>
    </row>
    <row r="70675" spans="8:8">
      <c r="H70675" s="12"/>
    </row>
    <row r="70676" spans="8:8">
      <c r="H70676" s="12"/>
    </row>
    <row r="70677" spans="8:8">
      <c r="H70677" s="12"/>
    </row>
    <row r="70678" spans="8:8">
      <c r="H70678" s="12"/>
    </row>
    <row r="70679" spans="8:8">
      <c r="H70679" s="12"/>
    </row>
    <row r="70680" spans="8:8">
      <c r="H70680" s="12"/>
    </row>
    <row r="70681" spans="8:8">
      <c r="H70681" s="12"/>
    </row>
    <row r="70682" spans="8:8">
      <c r="H70682" s="12"/>
    </row>
    <row r="70683" spans="8:8">
      <c r="H70683" s="12"/>
    </row>
    <row r="70684" spans="8:8">
      <c r="H70684" s="12"/>
    </row>
    <row r="70685" spans="8:8">
      <c r="H70685" s="12"/>
    </row>
    <row r="70686" spans="8:8">
      <c r="H70686" s="12"/>
    </row>
    <row r="70687" spans="8:8">
      <c r="H70687" s="12"/>
    </row>
    <row r="70688" spans="8:8">
      <c r="H70688" s="12"/>
    </row>
    <row r="70689" spans="8:8">
      <c r="H70689" s="12"/>
    </row>
    <row r="70690" spans="8:8">
      <c r="H70690" s="12"/>
    </row>
    <row r="70691" spans="8:8">
      <c r="H70691" s="12"/>
    </row>
    <row r="70692" spans="8:8">
      <c r="H70692" s="12"/>
    </row>
    <row r="70693" spans="8:8">
      <c r="H70693" s="12"/>
    </row>
    <row r="70694" spans="8:8">
      <c r="H70694" s="12"/>
    </row>
    <row r="70695" spans="8:8">
      <c r="H70695" s="12"/>
    </row>
    <row r="70696" spans="8:8">
      <c r="H70696" s="12"/>
    </row>
    <row r="70697" spans="8:8">
      <c r="H70697" s="12"/>
    </row>
    <row r="70698" spans="8:8">
      <c r="H70698" s="12"/>
    </row>
    <row r="70699" spans="8:8">
      <c r="H70699" s="12"/>
    </row>
    <row r="70700" spans="8:8">
      <c r="H70700" s="12"/>
    </row>
    <row r="70701" spans="8:8">
      <c r="H70701" s="12"/>
    </row>
    <row r="70702" spans="8:8">
      <c r="H70702" s="12"/>
    </row>
    <row r="70703" spans="8:8">
      <c r="H70703" s="12"/>
    </row>
    <row r="70704" spans="8:8">
      <c r="H70704" s="12"/>
    </row>
    <row r="70705" spans="8:8">
      <c r="H70705" s="12"/>
    </row>
    <row r="70706" spans="8:8">
      <c r="H70706" s="12"/>
    </row>
    <row r="70707" spans="8:8">
      <c r="H70707" s="12"/>
    </row>
    <row r="70708" spans="8:8">
      <c r="H70708" s="12"/>
    </row>
    <row r="70709" spans="8:8">
      <c r="H70709" s="12"/>
    </row>
    <row r="70710" spans="8:8">
      <c r="H70710" s="12"/>
    </row>
    <row r="70711" spans="8:8">
      <c r="H70711" s="12"/>
    </row>
    <row r="70712" spans="8:8">
      <c r="H70712" s="12"/>
    </row>
    <row r="70713" spans="8:8">
      <c r="H70713" s="12"/>
    </row>
    <row r="70714" spans="8:8">
      <c r="H70714" s="12"/>
    </row>
    <row r="70715" spans="8:8">
      <c r="H70715" s="12"/>
    </row>
    <row r="70716" spans="8:8">
      <c r="H70716" s="12"/>
    </row>
    <row r="70717" spans="8:8">
      <c r="H70717" s="12"/>
    </row>
    <row r="70718" spans="8:8">
      <c r="H70718" s="12"/>
    </row>
    <row r="70719" spans="8:8">
      <c r="H70719" s="12"/>
    </row>
    <row r="70720" spans="8:8">
      <c r="H70720" s="12"/>
    </row>
    <row r="70721" spans="8:8">
      <c r="H70721" s="12"/>
    </row>
    <row r="70722" spans="8:8">
      <c r="H70722" s="12"/>
    </row>
    <row r="70723" spans="8:8">
      <c r="H70723" s="12"/>
    </row>
    <row r="70724" spans="8:8">
      <c r="H70724" s="12"/>
    </row>
    <row r="70725" spans="8:8">
      <c r="H70725" s="12"/>
    </row>
    <row r="70726" spans="8:8">
      <c r="H70726" s="12"/>
    </row>
    <row r="70727" spans="8:8">
      <c r="H70727" s="12"/>
    </row>
    <row r="70728" spans="8:8">
      <c r="H70728" s="12"/>
    </row>
    <row r="70729" spans="8:8">
      <c r="H70729" s="12"/>
    </row>
    <row r="70730" spans="8:8">
      <c r="H70730" s="12"/>
    </row>
    <row r="70731" spans="8:8">
      <c r="H70731" s="12"/>
    </row>
    <row r="70732" spans="8:8">
      <c r="H70732" s="12"/>
    </row>
    <row r="70733" spans="8:8">
      <c r="H70733" s="12"/>
    </row>
    <row r="70734" spans="8:8">
      <c r="H70734" s="12"/>
    </row>
    <row r="70735" spans="8:8">
      <c r="H70735" s="12"/>
    </row>
    <row r="70736" spans="8:8">
      <c r="H70736" s="12"/>
    </row>
    <row r="70737" spans="8:8">
      <c r="H70737" s="12"/>
    </row>
    <row r="70738" spans="8:8">
      <c r="H70738" s="12"/>
    </row>
    <row r="70739" spans="8:8">
      <c r="H70739" s="12"/>
    </row>
    <row r="70740" spans="8:8">
      <c r="H70740" s="12"/>
    </row>
    <row r="70741" spans="8:8">
      <c r="H70741" s="12"/>
    </row>
    <row r="70742" spans="8:8">
      <c r="H70742" s="12"/>
    </row>
    <row r="70743" spans="8:8">
      <c r="H70743" s="12"/>
    </row>
    <row r="70744" spans="8:8">
      <c r="H70744" s="12"/>
    </row>
    <row r="70745" spans="8:8">
      <c r="H70745" s="12"/>
    </row>
    <row r="70746" spans="8:8">
      <c r="H70746" s="12"/>
    </row>
    <row r="70747" spans="8:8">
      <c r="H70747" s="12"/>
    </row>
    <row r="70748" spans="8:8">
      <c r="H70748" s="12"/>
    </row>
    <row r="70749" spans="8:8">
      <c r="H70749" s="12"/>
    </row>
    <row r="70750" spans="8:8">
      <c r="H70750" s="12"/>
    </row>
    <row r="70751" spans="8:8">
      <c r="H70751" s="12"/>
    </row>
    <row r="70752" spans="8:8">
      <c r="H70752" s="12"/>
    </row>
    <row r="70753" spans="8:8">
      <c r="H70753" s="12"/>
    </row>
    <row r="70754" spans="8:8">
      <c r="H70754" s="12"/>
    </row>
    <row r="70755" spans="8:8">
      <c r="H70755" s="12"/>
    </row>
    <row r="70756" spans="8:8">
      <c r="H70756" s="12"/>
    </row>
    <row r="70757" spans="8:8">
      <c r="H70757" s="12"/>
    </row>
    <row r="70758" spans="8:8">
      <c r="H70758" s="12"/>
    </row>
    <row r="70759" spans="8:8">
      <c r="H70759" s="12"/>
    </row>
    <row r="70760" spans="8:8">
      <c r="H70760" s="12"/>
    </row>
    <row r="70761" spans="8:8">
      <c r="H70761" s="12"/>
    </row>
    <row r="70762" spans="8:8">
      <c r="H70762" s="12"/>
    </row>
    <row r="70763" spans="8:8">
      <c r="H70763" s="12"/>
    </row>
    <row r="70764" spans="8:8">
      <c r="H70764" s="12"/>
    </row>
    <row r="70765" spans="8:8">
      <c r="H70765" s="12"/>
    </row>
    <row r="70766" spans="8:8">
      <c r="H70766" s="12"/>
    </row>
    <row r="70767" spans="8:8">
      <c r="H70767" s="12"/>
    </row>
    <row r="70768" spans="8:8">
      <c r="H70768" s="12"/>
    </row>
    <row r="70769" spans="8:8">
      <c r="H70769" s="12"/>
    </row>
    <row r="70770" spans="8:8">
      <c r="H70770" s="12"/>
    </row>
    <row r="70771" spans="8:8">
      <c r="H70771" s="12"/>
    </row>
    <row r="70772" spans="8:8">
      <c r="H70772" s="12"/>
    </row>
    <row r="70773" spans="8:8">
      <c r="H70773" s="12"/>
    </row>
    <row r="70774" spans="8:8">
      <c r="H70774" s="12"/>
    </row>
    <row r="70775" spans="8:8">
      <c r="H70775" s="12"/>
    </row>
    <row r="70776" spans="8:8">
      <c r="H70776" s="12"/>
    </row>
    <row r="70777" spans="8:8">
      <c r="H70777" s="12"/>
    </row>
    <row r="70778" spans="8:8">
      <c r="H70778" s="12"/>
    </row>
    <row r="70779" spans="8:8">
      <c r="H70779" s="12"/>
    </row>
    <row r="70780" spans="8:8">
      <c r="H70780" s="12"/>
    </row>
    <row r="70781" spans="8:8">
      <c r="H70781" s="12"/>
    </row>
    <row r="70782" spans="8:8">
      <c r="H70782" s="12"/>
    </row>
    <row r="70783" spans="8:8">
      <c r="H70783" s="12"/>
    </row>
    <row r="70784" spans="8:8">
      <c r="H70784" s="12"/>
    </row>
    <row r="70785" spans="8:8">
      <c r="H70785" s="12"/>
    </row>
    <row r="70786" spans="8:8">
      <c r="H70786" s="12"/>
    </row>
    <row r="70787" spans="8:8">
      <c r="H70787" s="12"/>
    </row>
    <row r="70788" spans="8:8">
      <c r="H70788" s="12"/>
    </row>
    <row r="70789" spans="8:8">
      <c r="H70789" s="12"/>
    </row>
    <row r="70790" spans="8:8">
      <c r="H70790" s="12"/>
    </row>
    <row r="70791" spans="8:8">
      <c r="H70791" s="12"/>
    </row>
    <row r="70792" spans="8:8">
      <c r="H70792" s="12"/>
    </row>
    <row r="70793" spans="8:8">
      <c r="H70793" s="12"/>
    </row>
    <row r="70794" spans="8:8">
      <c r="H70794" s="12"/>
    </row>
    <row r="70795" spans="8:8">
      <c r="H70795" s="12"/>
    </row>
    <row r="70796" spans="8:8">
      <c r="H70796" s="12"/>
    </row>
    <row r="70797" spans="8:8">
      <c r="H70797" s="12"/>
    </row>
    <row r="70798" spans="8:8">
      <c r="H70798" s="12"/>
    </row>
    <row r="70799" spans="8:8">
      <c r="H70799" s="12"/>
    </row>
    <row r="70800" spans="8:8">
      <c r="H70800" s="12"/>
    </row>
    <row r="70801" spans="8:8">
      <c r="H70801" s="12"/>
    </row>
    <row r="70802" spans="8:8">
      <c r="H70802" s="12"/>
    </row>
    <row r="70803" spans="8:8">
      <c r="H70803" s="12"/>
    </row>
    <row r="70804" spans="8:8">
      <c r="H70804" s="12"/>
    </row>
    <row r="70805" spans="8:8">
      <c r="H70805" s="12"/>
    </row>
    <row r="70806" spans="8:8">
      <c r="H70806" s="12"/>
    </row>
    <row r="70807" spans="8:8">
      <c r="H70807" s="12"/>
    </row>
    <row r="70808" spans="8:8">
      <c r="H70808" s="12"/>
    </row>
    <row r="70809" spans="8:8">
      <c r="H70809" s="12"/>
    </row>
    <row r="70810" spans="8:8">
      <c r="H70810" s="12"/>
    </row>
    <row r="70811" spans="8:8">
      <c r="H70811" s="12"/>
    </row>
    <row r="70812" spans="8:8">
      <c r="H70812" s="12"/>
    </row>
    <row r="70813" spans="8:8">
      <c r="H70813" s="12"/>
    </row>
    <row r="70814" spans="8:8">
      <c r="H70814" s="12"/>
    </row>
    <row r="70815" spans="8:8">
      <c r="H70815" s="12"/>
    </row>
    <row r="70816" spans="8:8">
      <c r="H70816" s="12"/>
    </row>
    <row r="70817" spans="8:8">
      <c r="H70817" s="12"/>
    </row>
    <row r="70818" spans="8:8">
      <c r="H70818" s="12"/>
    </row>
    <row r="70819" spans="8:8">
      <c r="H70819" s="12"/>
    </row>
    <row r="70820" spans="8:8">
      <c r="H70820" s="12"/>
    </row>
    <row r="70821" spans="8:8">
      <c r="H70821" s="12"/>
    </row>
    <row r="70822" spans="8:8">
      <c r="H70822" s="12"/>
    </row>
    <row r="70823" spans="8:8">
      <c r="H70823" s="12"/>
    </row>
    <row r="70824" spans="8:8">
      <c r="H70824" s="12"/>
    </row>
    <row r="70825" spans="8:8">
      <c r="H70825" s="12"/>
    </row>
    <row r="70826" spans="8:8">
      <c r="H70826" s="12"/>
    </row>
    <row r="70827" spans="8:8">
      <c r="H70827" s="12"/>
    </row>
    <row r="70828" spans="8:8">
      <c r="H70828" s="12"/>
    </row>
    <row r="70829" spans="8:8">
      <c r="H70829" s="12"/>
    </row>
    <row r="70830" spans="8:8">
      <c r="H70830" s="12"/>
    </row>
    <row r="70831" spans="8:8">
      <c r="H70831" s="12"/>
    </row>
    <row r="70832" spans="8:8">
      <c r="H70832" s="12"/>
    </row>
    <row r="70833" spans="8:8">
      <c r="H70833" s="12"/>
    </row>
    <row r="70834" spans="8:8">
      <c r="H70834" s="12"/>
    </row>
    <row r="70835" spans="8:8">
      <c r="H70835" s="12"/>
    </row>
    <row r="70836" spans="8:8">
      <c r="H70836" s="12"/>
    </row>
    <row r="70837" spans="8:8">
      <c r="H70837" s="12"/>
    </row>
    <row r="70838" spans="8:8">
      <c r="H70838" s="12"/>
    </row>
    <row r="70839" spans="8:8">
      <c r="H70839" s="12"/>
    </row>
    <row r="70840" spans="8:8">
      <c r="H70840" s="12"/>
    </row>
    <row r="70841" spans="8:8">
      <c r="H70841" s="12"/>
    </row>
    <row r="70842" spans="8:8">
      <c r="H70842" s="12"/>
    </row>
    <row r="70843" spans="8:8">
      <c r="H70843" s="12"/>
    </row>
    <row r="70844" spans="8:8">
      <c r="H70844" s="12"/>
    </row>
    <row r="70845" spans="8:8">
      <c r="H70845" s="12"/>
    </row>
    <row r="70846" spans="8:8">
      <c r="H70846" s="12"/>
    </row>
    <row r="70847" spans="8:8">
      <c r="H70847" s="12"/>
    </row>
    <row r="70848" spans="8:8">
      <c r="H70848" s="12"/>
    </row>
    <row r="70849" spans="8:8">
      <c r="H70849" s="12"/>
    </row>
    <row r="70850" spans="8:8">
      <c r="H70850" s="12"/>
    </row>
    <row r="70851" spans="8:8">
      <c r="H70851" s="12"/>
    </row>
    <row r="70852" spans="8:8">
      <c r="H70852" s="12"/>
    </row>
    <row r="70853" spans="8:8">
      <c r="H70853" s="12"/>
    </row>
    <row r="70854" spans="8:8">
      <c r="H70854" s="12"/>
    </row>
    <row r="70855" spans="8:8">
      <c r="H70855" s="12"/>
    </row>
    <row r="70856" spans="8:8">
      <c r="H70856" s="12"/>
    </row>
    <row r="70857" spans="8:8">
      <c r="H70857" s="12"/>
    </row>
    <row r="70858" spans="8:8">
      <c r="H70858" s="12"/>
    </row>
    <row r="70859" spans="8:8">
      <c r="H70859" s="12"/>
    </row>
    <row r="70860" spans="8:8">
      <c r="H70860" s="12"/>
    </row>
    <row r="70861" spans="8:8">
      <c r="H70861" s="12"/>
    </row>
    <row r="70862" spans="8:8">
      <c r="H70862" s="12"/>
    </row>
    <row r="70863" spans="8:8">
      <c r="H70863" s="12"/>
    </row>
    <row r="70864" spans="8:8">
      <c r="H70864" s="12"/>
    </row>
    <row r="70865" spans="8:8">
      <c r="H70865" s="12"/>
    </row>
    <row r="70866" spans="8:8">
      <c r="H70866" s="12"/>
    </row>
    <row r="70867" spans="8:8">
      <c r="H70867" s="12"/>
    </row>
    <row r="70868" spans="8:8">
      <c r="H70868" s="12"/>
    </row>
    <row r="70869" spans="8:8">
      <c r="H70869" s="12"/>
    </row>
    <row r="70870" spans="8:8">
      <c r="H70870" s="12"/>
    </row>
    <row r="70871" spans="8:8">
      <c r="H70871" s="12"/>
    </row>
    <row r="70872" spans="8:8">
      <c r="H70872" s="12"/>
    </row>
    <row r="70873" spans="8:8">
      <c r="H70873" s="12"/>
    </row>
    <row r="70874" spans="8:8">
      <c r="H70874" s="12"/>
    </row>
    <row r="70875" spans="8:8">
      <c r="H70875" s="12"/>
    </row>
    <row r="70876" spans="8:8">
      <c r="H70876" s="12"/>
    </row>
    <row r="70877" spans="8:8">
      <c r="H70877" s="12"/>
    </row>
    <row r="70878" spans="8:8">
      <c r="H70878" s="12"/>
    </row>
    <row r="70879" spans="8:8">
      <c r="H70879" s="12"/>
    </row>
    <row r="70880" spans="8:8">
      <c r="H70880" s="12"/>
    </row>
    <row r="70881" spans="8:8">
      <c r="H70881" s="12"/>
    </row>
    <row r="70882" spans="8:8">
      <c r="H70882" s="12"/>
    </row>
    <row r="70883" spans="8:8">
      <c r="H70883" s="12"/>
    </row>
    <row r="70884" spans="8:8">
      <c r="H70884" s="12"/>
    </row>
    <row r="70885" spans="8:8">
      <c r="H70885" s="12"/>
    </row>
    <row r="70886" spans="8:8">
      <c r="H70886" s="12"/>
    </row>
    <row r="70887" spans="8:8">
      <c r="H70887" s="12"/>
    </row>
    <row r="70888" spans="8:8">
      <c r="H70888" s="12"/>
    </row>
    <row r="70889" spans="8:8">
      <c r="H70889" s="12"/>
    </row>
    <row r="70890" spans="8:8">
      <c r="H70890" s="12"/>
    </row>
    <row r="70891" spans="8:8">
      <c r="H70891" s="12"/>
    </row>
    <row r="70892" spans="8:8">
      <c r="H70892" s="12"/>
    </row>
    <row r="70893" spans="8:8">
      <c r="H70893" s="12"/>
    </row>
    <row r="70894" spans="8:8">
      <c r="H70894" s="12"/>
    </row>
    <row r="70895" spans="8:8">
      <c r="H70895" s="12"/>
    </row>
    <row r="70896" spans="8:8">
      <c r="H70896" s="12"/>
    </row>
    <row r="70897" spans="8:8">
      <c r="H70897" s="12"/>
    </row>
    <row r="70898" spans="8:8">
      <c r="H70898" s="12"/>
    </row>
    <row r="70899" spans="8:8">
      <c r="H70899" s="12"/>
    </row>
    <row r="70900" spans="8:8">
      <c r="H70900" s="12"/>
    </row>
    <row r="70901" spans="8:8">
      <c r="H70901" s="12"/>
    </row>
    <row r="70902" spans="8:8">
      <c r="H70902" s="12"/>
    </row>
    <row r="70903" spans="8:8">
      <c r="H70903" s="12"/>
    </row>
    <row r="70904" spans="8:8">
      <c r="H70904" s="12"/>
    </row>
    <row r="70905" spans="8:8">
      <c r="H70905" s="12"/>
    </row>
    <row r="70906" spans="8:8">
      <c r="H70906" s="12"/>
    </row>
    <row r="70907" spans="8:8">
      <c r="H70907" s="12"/>
    </row>
    <row r="70908" spans="8:8">
      <c r="H70908" s="12"/>
    </row>
    <row r="70909" spans="8:8">
      <c r="H70909" s="12"/>
    </row>
    <row r="70910" spans="8:8">
      <c r="H70910" s="12"/>
    </row>
    <row r="70911" spans="8:8">
      <c r="H70911" s="12"/>
    </row>
    <row r="70912" spans="8:8">
      <c r="H70912" s="12"/>
    </row>
    <row r="70913" spans="8:8">
      <c r="H70913" s="12"/>
    </row>
    <row r="70914" spans="8:8">
      <c r="H70914" s="12"/>
    </row>
    <row r="70915" spans="8:8">
      <c r="H70915" s="12"/>
    </row>
    <row r="70916" spans="8:8">
      <c r="H70916" s="12"/>
    </row>
    <row r="70917" spans="8:8">
      <c r="H70917" s="12"/>
    </row>
    <row r="70918" spans="8:8">
      <c r="H70918" s="12"/>
    </row>
    <row r="70919" spans="8:8">
      <c r="H70919" s="12"/>
    </row>
    <row r="70920" spans="8:8">
      <c r="H70920" s="12"/>
    </row>
    <row r="70921" spans="8:8">
      <c r="H70921" s="12"/>
    </row>
    <row r="70922" spans="8:8">
      <c r="H70922" s="12"/>
    </row>
    <row r="70923" spans="8:8">
      <c r="H70923" s="12"/>
    </row>
    <row r="70924" spans="8:8">
      <c r="H70924" s="12"/>
    </row>
    <row r="70925" spans="8:8">
      <c r="H70925" s="12"/>
    </row>
    <row r="70926" spans="8:8">
      <c r="H70926" s="12"/>
    </row>
    <row r="70927" spans="8:8">
      <c r="H70927" s="12"/>
    </row>
    <row r="70928" spans="8:8">
      <c r="H70928" s="12"/>
    </row>
    <row r="70929" spans="8:8">
      <c r="H70929" s="12"/>
    </row>
    <row r="70930" spans="8:8">
      <c r="H70930" s="12"/>
    </row>
    <row r="70931" spans="8:8">
      <c r="H70931" s="12"/>
    </row>
    <row r="70932" spans="8:8">
      <c r="H70932" s="12"/>
    </row>
    <row r="70933" spans="8:8">
      <c r="H70933" s="12"/>
    </row>
    <row r="70934" spans="8:8">
      <c r="H70934" s="12"/>
    </row>
    <row r="70935" spans="8:8">
      <c r="H70935" s="12"/>
    </row>
    <row r="70936" spans="8:8">
      <c r="H70936" s="12"/>
    </row>
    <row r="70937" spans="8:8">
      <c r="H70937" s="12"/>
    </row>
    <row r="70938" spans="8:8">
      <c r="H70938" s="12"/>
    </row>
    <row r="70939" spans="8:8">
      <c r="H70939" s="12"/>
    </row>
    <row r="70940" spans="8:8">
      <c r="H70940" s="12"/>
    </row>
    <row r="70941" spans="8:8">
      <c r="H70941" s="12"/>
    </row>
    <row r="70942" spans="8:8">
      <c r="H70942" s="12"/>
    </row>
    <row r="70943" spans="8:8">
      <c r="H70943" s="12"/>
    </row>
    <row r="70944" spans="8:8">
      <c r="H70944" s="12"/>
    </row>
    <row r="70945" spans="8:8">
      <c r="H70945" s="12"/>
    </row>
    <row r="70946" spans="8:8">
      <c r="H70946" s="12"/>
    </row>
    <row r="70947" spans="8:8">
      <c r="H70947" s="12"/>
    </row>
    <row r="70948" spans="8:8">
      <c r="H70948" s="12"/>
    </row>
    <row r="70949" spans="8:8">
      <c r="H70949" s="12"/>
    </row>
    <row r="70950" spans="8:8">
      <c r="H70950" s="12"/>
    </row>
    <row r="70951" spans="8:8">
      <c r="H70951" s="12"/>
    </row>
    <row r="70952" spans="8:8">
      <c r="H70952" s="12"/>
    </row>
    <row r="70953" spans="8:8">
      <c r="H70953" s="12"/>
    </row>
    <row r="70954" spans="8:8">
      <c r="H70954" s="12"/>
    </row>
    <row r="70955" spans="8:8">
      <c r="H70955" s="12"/>
    </row>
    <row r="70956" spans="8:8">
      <c r="H70956" s="12"/>
    </row>
    <row r="70957" spans="8:8">
      <c r="H70957" s="12"/>
    </row>
    <row r="70958" spans="8:8">
      <c r="H70958" s="12"/>
    </row>
    <row r="70959" spans="8:8">
      <c r="H70959" s="12"/>
    </row>
    <row r="70960" spans="8:8">
      <c r="H70960" s="12"/>
    </row>
    <row r="70961" spans="8:8">
      <c r="H70961" s="12"/>
    </row>
    <row r="70962" spans="8:8">
      <c r="H70962" s="12"/>
    </row>
    <row r="70963" spans="8:8">
      <c r="H70963" s="12"/>
    </row>
    <row r="70964" spans="8:8">
      <c r="H70964" s="12"/>
    </row>
    <row r="70965" spans="8:8">
      <c r="H70965" s="12"/>
    </row>
    <row r="70966" spans="8:8">
      <c r="H70966" s="12"/>
    </row>
    <row r="70967" spans="8:8">
      <c r="H70967" s="12"/>
    </row>
    <row r="70968" spans="8:8">
      <c r="H70968" s="12"/>
    </row>
    <row r="70969" spans="8:8">
      <c r="H70969" s="12"/>
    </row>
    <row r="70970" spans="8:8">
      <c r="H70970" s="12"/>
    </row>
    <row r="70971" spans="8:8">
      <c r="H70971" s="12"/>
    </row>
    <row r="70972" spans="8:8">
      <c r="H70972" s="12"/>
    </row>
    <row r="70973" spans="8:8">
      <c r="H70973" s="12"/>
    </row>
    <row r="70974" spans="8:8">
      <c r="H70974" s="12"/>
    </row>
    <row r="70975" spans="8:8">
      <c r="H70975" s="12"/>
    </row>
    <row r="70976" spans="8:8">
      <c r="H70976" s="12"/>
    </row>
    <row r="70977" spans="8:8">
      <c r="H70977" s="12"/>
    </row>
    <row r="70978" spans="8:8">
      <c r="H70978" s="12"/>
    </row>
    <row r="70979" spans="8:8">
      <c r="H70979" s="12"/>
    </row>
    <row r="70980" spans="8:8">
      <c r="H70980" s="12"/>
    </row>
    <row r="70981" spans="8:8">
      <c r="H70981" s="12"/>
    </row>
    <row r="70982" spans="8:8">
      <c r="H70982" s="12"/>
    </row>
    <row r="70983" spans="8:8">
      <c r="H70983" s="12"/>
    </row>
    <row r="70984" spans="8:8">
      <c r="H70984" s="12"/>
    </row>
    <row r="70985" spans="8:8">
      <c r="H70985" s="12"/>
    </row>
    <row r="70986" spans="8:8">
      <c r="H70986" s="12"/>
    </row>
    <row r="70987" spans="8:8">
      <c r="H70987" s="12"/>
    </row>
    <row r="70988" spans="8:8">
      <c r="H70988" s="12"/>
    </row>
    <row r="70989" spans="8:8">
      <c r="H70989" s="12"/>
    </row>
    <row r="70990" spans="8:8">
      <c r="H70990" s="12"/>
    </row>
    <row r="70991" spans="8:8">
      <c r="H70991" s="12"/>
    </row>
    <row r="70992" spans="8:8">
      <c r="H70992" s="12"/>
    </row>
    <row r="70993" spans="8:8">
      <c r="H70993" s="12"/>
    </row>
    <row r="70994" spans="8:8">
      <c r="H70994" s="12"/>
    </row>
    <row r="70995" spans="8:8">
      <c r="H70995" s="12"/>
    </row>
    <row r="70996" spans="8:8">
      <c r="H70996" s="12"/>
    </row>
    <row r="70997" spans="8:8">
      <c r="H70997" s="12"/>
    </row>
    <row r="70998" spans="8:8">
      <c r="H70998" s="12"/>
    </row>
    <row r="70999" spans="8:8">
      <c r="H70999" s="12"/>
    </row>
    <row r="71000" spans="8:8">
      <c r="H71000" s="12"/>
    </row>
    <row r="71001" spans="8:8">
      <c r="H71001" s="12"/>
    </row>
    <row r="71002" spans="8:8">
      <c r="H71002" s="12"/>
    </row>
    <row r="71003" spans="8:8">
      <c r="H71003" s="12"/>
    </row>
    <row r="71004" spans="8:8">
      <c r="H71004" s="12"/>
    </row>
    <row r="71005" spans="8:8">
      <c r="H71005" s="12"/>
    </row>
    <row r="71006" spans="8:8">
      <c r="H71006" s="12"/>
    </row>
    <row r="71007" spans="8:8">
      <c r="H71007" s="12"/>
    </row>
    <row r="71008" spans="8:8">
      <c r="H71008" s="12"/>
    </row>
    <row r="71009" spans="8:8">
      <c r="H71009" s="12"/>
    </row>
    <row r="71010" spans="8:8">
      <c r="H71010" s="12"/>
    </row>
    <row r="71011" spans="8:8">
      <c r="H71011" s="12"/>
    </row>
    <row r="71012" spans="8:8">
      <c r="H71012" s="12"/>
    </row>
    <row r="71013" spans="8:8">
      <c r="H71013" s="12"/>
    </row>
    <row r="71014" spans="8:8">
      <c r="H71014" s="12"/>
    </row>
    <row r="71015" spans="8:8">
      <c r="H71015" s="12"/>
    </row>
    <row r="71016" spans="8:8">
      <c r="H71016" s="12"/>
    </row>
    <row r="71017" spans="8:8">
      <c r="H71017" s="12"/>
    </row>
    <row r="71018" spans="8:8">
      <c r="H71018" s="12"/>
    </row>
    <row r="71019" spans="8:8">
      <c r="H71019" s="12"/>
    </row>
    <row r="71020" spans="8:8">
      <c r="H71020" s="12"/>
    </row>
    <row r="71021" spans="8:8">
      <c r="H71021" s="12"/>
    </row>
    <row r="71022" spans="8:8">
      <c r="H71022" s="12"/>
    </row>
    <row r="71023" spans="8:8">
      <c r="H71023" s="12"/>
    </row>
    <row r="71024" spans="8:8">
      <c r="H71024" s="12"/>
    </row>
    <row r="71025" spans="8:8">
      <c r="H71025" s="12"/>
    </row>
    <row r="71026" spans="8:8">
      <c r="H71026" s="12"/>
    </row>
    <row r="71027" spans="8:8">
      <c r="H71027" s="12"/>
    </row>
    <row r="71028" spans="8:8">
      <c r="H71028" s="12"/>
    </row>
    <row r="71029" spans="8:8">
      <c r="H71029" s="12"/>
    </row>
    <row r="71030" spans="8:8">
      <c r="H71030" s="12"/>
    </row>
    <row r="71031" spans="8:8">
      <c r="H71031" s="12"/>
    </row>
    <row r="71032" spans="8:8">
      <c r="H71032" s="12"/>
    </row>
    <row r="71033" spans="8:8">
      <c r="H71033" s="12"/>
    </row>
    <row r="71034" spans="8:8">
      <c r="H71034" s="12"/>
    </row>
    <row r="71035" spans="8:8">
      <c r="H71035" s="12"/>
    </row>
    <row r="71036" spans="8:8">
      <c r="H71036" s="12"/>
    </row>
    <row r="71037" spans="8:8">
      <c r="H71037" s="12"/>
    </row>
    <row r="71038" spans="8:8">
      <c r="H71038" s="12"/>
    </row>
    <row r="71039" spans="8:8">
      <c r="H71039" s="12"/>
    </row>
    <row r="71040" spans="8:8">
      <c r="H71040" s="12"/>
    </row>
    <row r="71041" spans="8:8">
      <c r="H71041" s="12"/>
    </row>
    <row r="71042" spans="8:8">
      <c r="H71042" s="12"/>
    </row>
    <row r="71043" spans="8:8">
      <c r="H71043" s="12"/>
    </row>
    <row r="71044" spans="8:8">
      <c r="H71044" s="12"/>
    </row>
    <row r="71045" spans="8:8">
      <c r="H71045" s="12"/>
    </row>
    <row r="71046" spans="8:8">
      <c r="H71046" s="12"/>
    </row>
    <row r="71047" spans="8:8">
      <c r="H71047" s="12"/>
    </row>
    <row r="71048" spans="8:8">
      <c r="H71048" s="12"/>
    </row>
    <row r="71049" spans="8:8">
      <c r="H71049" s="12"/>
    </row>
    <row r="71050" spans="8:8">
      <c r="H71050" s="12"/>
    </row>
    <row r="71051" spans="8:8">
      <c r="H71051" s="12"/>
    </row>
    <row r="71052" spans="8:8">
      <c r="H71052" s="12"/>
    </row>
    <row r="71053" spans="8:8">
      <c r="H71053" s="12"/>
    </row>
    <row r="71054" spans="8:8">
      <c r="H71054" s="12"/>
    </row>
    <row r="71055" spans="8:8">
      <c r="H71055" s="12"/>
    </row>
    <row r="71056" spans="8:8">
      <c r="H71056" s="12"/>
    </row>
    <row r="71057" spans="8:8">
      <c r="H71057" s="12"/>
    </row>
    <row r="71058" spans="8:8">
      <c r="H71058" s="12"/>
    </row>
    <row r="71059" spans="8:8">
      <c r="H71059" s="12"/>
    </row>
    <row r="71060" spans="8:8">
      <c r="H71060" s="12"/>
    </row>
    <row r="71061" spans="8:8">
      <c r="H71061" s="12"/>
    </row>
    <row r="71062" spans="8:8">
      <c r="H71062" s="12"/>
    </row>
    <row r="71063" spans="8:8">
      <c r="H71063" s="12"/>
    </row>
    <row r="71064" spans="8:8">
      <c r="H71064" s="12"/>
    </row>
    <row r="71065" spans="8:8">
      <c r="H71065" s="12"/>
    </row>
    <row r="71066" spans="8:8">
      <c r="H71066" s="12"/>
    </row>
    <row r="71067" spans="8:8">
      <c r="H71067" s="12"/>
    </row>
    <row r="71068" spans="8:8">
      <c r="H71068" s="12"/>
    </row>
    <row r="71069" spans="8:8">
      <c r="H71069" s="12"/>
    </row>
    <row r="71070" spans="8:8">
      <c r="H71070" s="12"/>
    </row>
    <row r="71071" spans="8:8">
      <c r="H71071" s="12"/>
    </row>
    <row r="71072" spans="8:8">
      <c r="H71072" s="12"/>
    </row>
    <row r="71073" spans="8:8">
      <c r="H71073" s="12"/>
    </row>
    <row r="71074" spans="8:8">
      <c r="H71074" s="12"/>
    </row>
    <row r="71075" spans="8:8">
      <c r="H71075" s="12"/>
    </row>
    <row r="71076" spans="8:8">
      <c r="H71076" s="12"/>
    </row>
    <row r="71077" spans="8:8">
      <c r="H71077" s="12"/>
    </row>
    <row r="71078" spans="8:8">
      <c r="H71078" s="12"/>
    </row>
    <row r="71079" spans="8:8">
      <c r="H71079" s="12"/>
    </row>
    <row r="71080" spans="8:8">
      <c r="H71080" s="12"/>
    </row>
    <row r="71081" spans="8:8">
      <c r="H71081" s="12"/>
    </row>
    <row r="71082" spans="8:8">
      <c r="H71082" s="12"/>
    </row>
    <row r="71083" spans="8:8">
      <c r="H71083" s="12"/>
    </row>
    <row r="71084" spans="8:8">
      <c r="H71084" s="12"/>
    </row>
    <row r="71085" spans="8:8">
      <c r="H71085" s="12"/>
    </row>
    <row r="71086" spans="8:8">
      <c r="H71086" s="12"/>
    </row>
    <row r="71087" spans="8:8">
      <c r="H71087" s="12"/>
    </row>
    <row r="71088" spans="8:8">
      <c r="H71088" s="12"/>
    </row>
    <row r="71089" spans="8:8">
      <c r="H71089" s="12"/>
    </row>
    <row r="71090" spans="8:8">
      <c r="H71090" s="12"/>
    </row>
    <row r="71091" spans="8:8">
      <c r="H71091" s="12"/>
    </row>
    <row r="71092" spans="8:8">
      <c r="H71092" s="12"/>
    </row>
    <row r="71093" spans="8:8">
      <c r="H71093" s="12"/>
    </row>
    <row r="71094" spans="8:8">
      <c r="H71094" s="12"/>
    </row>
    <row r="71095" spans="8:8">
      <c r="H71095" s="12"/>
    </row>
    <row r="71096" spans="8:8">
      <c r="H71096" s="12"/>
    </row>
    <row r="71097" spans="8:8">
      <c r="H71097" s="12"/>
    </row>
    <row r="71098" spans="8:8">
      <c r="H71098" s="12"/>
    </row>
    <row r="71099" spans="8:8">
      <c r="H71099" s="12"/>
    </row>
    <row r="71100" spans="8:8">
      <c r="H71100" s="12"/>
    </row>
    <row r="71101" spans="8:8">
      <c r="H71101" s="12"/>
    </row>
    <row r="71102" spans="8:8">
      <c r="H71102" s="12"/>
    </row>
    <row r="71103" spans="8:8">
      <c r="H71103" s="12"/>
    </row>
    <row r="71104" spans="8:8">
      <c r="H71104" s="12"/>
    </row>
    <row r="71105" spans="8:8">
      <c r="H71105" s="12"/>
    </row>
    <row r="71106" spans="8:8">
      <c r="H71106" s="12"/>
    </row>
    <row r="71107" spans="8:8">
      <c r="H71107" s="12"/>
    </row>
    <row r="71108" spans="8:8">
      <c r="H71108" s="12"/>
    </row>
    <row r="71109" spans="8:8">
      <c r="H71109" s="12"/>
    </row>
    <row r="71110" spans="8:8">
      <c r="H71110" s="12"/>
    </row>
    <row r="71111" spans="8:8">
      <c r="H71111" s="12"/>
    </row>
    <row r="71112" spans="8:8">
      <c r="H71112" s="12"/>
    </row>
    <row r="71113" spans="8:8">
      <c r="H71113" s="12"/>
    </row>
    <row r="71114" spans="8:8">
      <c r="H71114" s="12"/>
    </row>
    <row r="71115" spans="8:8">
      <c r="H71115" s="12"/>
    </row>
    <row r="71116" spans="8:8">
      <c r="H71116" s="12"/>
    </row>
    <row r="71117" spans="8:8">
      <c r="H71117" s="12"/>
    </row>
    <row r="71118" spans="8:8">
      <c r="H71118" s="12"/>
    </row>
    <row r="71119" spans="8:8">
      <c r="H71119" s="12"/>
    </row>
    <row r="71120" spans="8:8">
      <c r="H71120" s="12"/>
    </row>
    <row r="71121" spans="8:8">
      <c r="H71121" s="12"/>
    </row>
    <row r="71122" spans="8:8">
      <c r="H71122" s="12"/>
    </row>
    <row r="71123" spans="8:8">
      <c r="H71123" s="12"/>
    </row>
    <row r="71124" spans="8:8">
      <c r="H71124" s="12"/>
    </row>
    <row r="71125" spans="8:8">
      <c r="H71125" s="12"/>
    </row>
    <row r="71126" spans="8:8">
      <c r="H71126" s="12"/>
    </row>
    <row r="71127" spans="8:8">
      <c r="H71127" s="12"/>
    </row>
    <row r="71128" spans="8:8">
      <c r="H71128" s="12"/>
    </row>
    <row r="71129" spans="8:8">
      <c r="H71129" s="12"/>
    </row>
    <row r="71130" spans="8:8">
      <c r="H71130" s="12"/>
    </row>
    <row r="71131" spans="8:8">
      <c r="H71131" s="12"/>
    </row>
    <row r="71132" spans="8:8">
      <c r="H71132" s="12"/>
    </row>
    <row r="71133" spans="8:8">
      <c r="H71133" s="12"/>
    </row>
    <row r="71134" spans="8:8">
      <c r="H71134" s="12"/>
    </row>
    <row r="71135" spans="8:8">
      <c r="H71135" s="12"/>
    </row>
    <row r="71136" spans="8:8">
      <c r="H71136" s="12"/>
    </row>
    <row r="71137" spans="8:8">
      <c r="H71137" s="12"/>
    </row>
    <row r="71138" spans="8:8">
      <c r="H71138" s="12"/>
    </row>
    <row r="71139" spans="8:8">
      <c r="H71139" s="12"/>
    </row>
    <row r="71140" spans="8:8">
      <c r="H71140" s="12"/>
    </row>
    <row r="71141" spans="8:8">
      <c r="H71141" s="12"/>
    </row>
    <row r="71142" spans="8:8">
      <c r="H71142" s="12"/>
    </row>
    <row r="71143" spans="8:8">
      <c r="H71143" s="12"/>
    </row>
    <row r="71144" spans="8:8">
      <c r="H71144" s="12"/>
    </row>
    <row r="71145" spans="8:8">
      <c r="H71145" s="12"/>
    </row>
    <row r="71146" spans="8:8">
      <c r="H71146" s="12"/>
    </row>
    <row r="71147" spans="8:8">
      <c r="H71147" s="12"/>
    </row>
    <row r="71148" spans="8:8">
      <c r="H71148" s="12"/>
    </row>
    <row r="71149" spans="8:8">
      <c r="H71149" s="12"/>
    </row>
    <row r="71150" spans="8:8">
      <c r="H71150" s="12"/>
    </row>
    <row r="71151" spans="8:8">
      <c r="H71151" s="12"/>
    </row>
    <row r="71152" spans="8:8">
      <c r="H71152" s="12"/>
    </row>
    <row r="71153" spans="8:8">
      <c r="H71153" s="12"/>
    </row>
    <row r="71154" spans="8:8">
      <c r="H71154" s="12"/>
    </row>
    <row r="71155" spans="8:8">
      <c r="H71155" s="12"/>
    </row>
    <row r="71156" spans="8:8">
      <c r="H71156" s="12"/>
    </row>
    <row r="71157" spans="8:8">
      <c r="H71157" s="12"/>
    </row>
    <row r="71158" spans="8:8">
      <c r="H71158" s="12"/>
    </row>
    <row r="71159" spans="8:8">
      <c r="H71159" s="12"/>
    </row>
    <row r="71160" spans="8:8">
      <c r="H71160" s="12"/>
    </row>
    <row r="71161" spans="8:8">
      <c r="H71161" s="12"/>
    </row>
    <row r="71162" spans="8:8">
      <c r="H71162" s="12"/>
    </row>
    <row r="71163" spans="8:8">
      <c r="H71163" s="12"/>
    </row>
    <row r="71164" spans="8:8">
      <c r="H71164" s="12"/>
    </row>
    <row r="71165" spans="8:8">
      <c r="H71165" s="12"/>
    </row>
    <row r="71166" spans="8:8">
      <c r="H71166" s="12"/>
    </row>
    <row r="71167" spans="8:8">
      <c r="H71167" s="12"/>
    </row>
    <row r="71168" spans="8:8">
      <c r="H71168" s="12"/>
    </row>
    <row r="71169" spans="8:8">
      <c r="H71169" s="12"/>
    </row>
    <row r="71170" spans="8:8">
      <c r="H71170" s="12"/>
    </row>
    <row r="71171" spans="8:8">
      <c r="H71171" s="12"/>
    </row>
    <row r="71172" spans="8:8">
      <c r="H71172" s="12"/>
    </row>
    <row r="71173" spans="8:8">
      <c r="H71173" s="12"/>
    </row>
    <row r="71174" spans="8:8">
      <c r="H71174" s="12"/>
    </row>
    <row r="71175" spans="8:8">
      <c r="H71175" s="12"/>
    </row>
    <row r="71176" spans="8:8">
      <c r="H71176" s="12"/>
    </row>
    <row r="71177" spans="8:8">
      <c r="H71177" s="12"/>
    </row>
    <row r="71178" spans="8:8">
      <c r="H71178" s="12"/>
    </row>
    <row r="71179" spans="8:8">
      <c r="H71179" s="12"/>
    </row>
    <row r="71180" spans="8:8">
      <c r="H71180" s="12"/>
    </row>
    <row r="71181" spans="8:8">
      <c r="H71181" s="12"/>
    </row>
    <row r="71182" spans="8:8">
      <c r="H71182" s="12"/>
    </row>
    <row r="71183" spans="8:8">
      <c r="H71183" s="12"/>
    </row>
    <row r="71184" spans="8:8">
      <c r="H71184" s="12"/>
    </row>
    <row r="71185" spans="8:8">
      <c r="H71185" s="12"/>
    </row>
    <row r="71186" spans="8:8">
      <c r="H71186" s="12"/>
    </row>
    <row r="71187" spans="8:8">
      <c r="H71187" s="12"/>
    </row>
    <row r="71188" spans="8:8">
      <c r="H71188" s="12"/>
    </row>
    <row r="71189" spans="8:8">
      <c r="H71189" s="12"/>
    </row>
    <row r="71190" spans="8:8">
      <c r="H71190" s="12"/>
    </row>
    <row r="71191" spans="8:8">
      <c r="H71191" s="12"/>
    </row>
    <row r="71192" spans="8:8">
      <c r="H71192" s="12"/>
    </row>
    <row r="71193" spans="8:8">
      <c r="H71193" s="12"/>
    </row>
    <row r="71194" spans="8:8">
      <c r="H71194" s="12"/>
    </row>
    <row r="71195" spans="8:8">
      <c r="H71195" s="12"/>
    </row>
    <row r="71196" spans="8:8">
      <c r="H71196" s="12"/>
    </row>
    <row r="71197" spans="8:8">
      <c r="H71197" s="12"/>
    </row>
    <row r="71198" spans="8:8">
      <c r="H71198" s="12"/>
    </row>
    <row r="71199" spans="8:8">
      <c r="H71199" s="12"/>
    </row>
    <row r="71200" spans="8:8">
      <c r="H71200" s="12"/>
    </row>
    <row r="71201" spans="8:8">
      <c r="H71201" s="12"/>
    </row>
    <row r="71202" spans="8:8">
      <c r="H71202" s="12"/>
    </row>
    <row r="71203" spans="8:8">
      <c r="H71203" s="12"/>
    </row>
    <row r="71204" spans="8:8">
      <c r="H71204" s="12"/>
    </row>
    <row r="71205" spans="8:8">
      <c r="H71205" s="12"/>
    </row>
    <row r="71206" spans="8:8">
      <c r="H71206" s="12"/>
    </row>
    <row r="71207" spans="8:8">
      <c r="H71207" s="12"/>
    </row>
    <row r="71208" spans="8:8">
      <c r="H71208" s="12"/>
    </row>
    <row r="71209" spans="8:8">
      <c r="H71209" s="12"/>
    </row>
    <row r="71210" spans="8:8">
      <c r="H71210" s="12"/>
    </row>
    <row r="71211" spans="8:8">
      <c r="H71211" s="12"/>
    </row>
    <row r="71212" spans="8:8">
      <c r="H71212" s="12"/>
    </row>
    <row r="71213" spans="8:8">
      <c r="H71213" s="12"/>
    </row>
    <row r="71214" spans="8:8">
      <c r="H71214" s="12"/>
    </row>
    <row r="71215" spans="8:8">
      <c r="H71215" s="12"/>
    </row>
    <row r="71216" spans="8:8">
      <c r="H71216" s="12"/>
    </row>
    <row r="71217" spans="8:8">
      <c r="H71217" s="12"/>
    </row>
    <row r="71218" spans="8:8">
      <c r="H71218" s="12"/>
    </row>
    <row r="71219" spans="8:8">
      <c r="H71219" s="12"/>
    </row>
    <row r="71220" spans="8:8">
      <c r="H71220" s="12"/>
    </row>
    <row r="71221" spans="8:8">
      <c r="H71221" s="12"/>
    </row>
    <row r="71222" spans="8:8">
      <c r="H71222" s="12"/>
    </row>
    <row r="71223" spans="8:8">
      <c r="H71223" s="12"/>
    </row>
    <row r="71224" spans="8:8">
      <c r="H71224" s="12"/>
    </row>
    <row r="71225" spans="8:8">
      <c r="H71225" s="12"/>
    </row>
    <row r="71226" spans="8:8">
      <c r="H71226" s="12"/>
    </row>
    <row r="71227" spans="8:8">
      <c r="H71227" s="12"/>
    </row>
    <row r="71228" spans="8:8">
      <c r="H71228" s="12"/>
    </row>
    <row r="71229" spans="8:8">
      <c r="H71229" s="12"/>
    </row>
    <row r="71230" spans="8:8">
      <c r="H71230" s="12"/>
    </row>
    <row r="71231" spans="8:8">
      <c r="H71231" s="12"/>
    </row>
    <row r="71232" spans="8:8">
      <c r="H71232" s="12"/>
    </row>
    <row r="71233" spans="8:8">
      <c r="H71233" s="12"/>
    </row>
    <row r="71234" spans="8:8">
      <c r="H71234" s="12"/>
    </row>
    <row r="71235" spans="8:8">
      <c r="H71235" s="12"/>
    </row>
    <row r="71236" spans="8:8">
      <c r="H71236" s="12"/>
    </row>
    <row r="71237" spans="8:8">
      <c r="H71237" s="12"/>
    </row>
    <row r="71238" spans="8:8">
      <c r="H71238" s="12"/>
    </row>
    <row r="71239" spans="8:8">
      <c r="H71239" s="12"/>
    </row>
    <row r="71240" spans="8:8">
      <c r="H71240" s="12"/>
    </row>
    <row r="71241" spans="8:8">
      <c r="H71241" s="12"/>
    </row>
    <row r="71242" spans="8:8">
      <c r="H71242" s="12"/>
    </row>
    <row r="71243" spans="8:8">
      <c r="H71243" s="12"/>
    </row>
    <row r="71244" spans="8:8">
      <c r="H71244" s="12"/>
    </row>
    <row r="71245" spans="8:8">
      <c r="H71245" s="12"/>
    </row>
    <row r="71246" spans="8:8">
      <c r="H71246" s="12"/>
    </row>
    <row r="71247" spans="8:8">
      <c r="H71247" s="12"/>
    </row>
    <row r="71248" spans="8:8">
      <c r="H71248" s="12"/>
    </row>
    <row r="71249" spans="8:8">
      <c r="H71249" s="12"/>
    </row>
    <row r="71250" spans="8:8">
      <c r="H71250" s="12"/>
    </row>
    <row r="71251" spans="8:8">
      <c r="H71251" s="12"/>
    </row>
    <row r="71252" spans="8:8">
      <c r="H71252" s="12"/>
    </row>
    <row r="71253" spans="8:8">
      <c r="H71253" s="12"/>
    </row>
    <row r="71254" spans="8:8">
      <c r="H71254" s="12"/>
    </row>
    <row r="71255" spans="8:8">
      <c r="H71255" s="12"/>
    </row>
    <row r="71256" spans="8:8">
      <c r="H71256" s="12"/>
    </row>
    <row r="71257" spans="8:8">
      <c r="H71257" s="12"/>
    </row>
    <row r="71258" spans="8:8">
      <c r="H71258" s="12"/>
    </row>
    <row r="71259" spans="8:8">
      <c r="H71259" s="12"/>
    </row>
    <row r="71260" spans="8:8">
      <c r="H71260" s="12"/>
    </row>
    <row r="71261" spans="8:8">
      <c r="H71261" s="12"/>
    </row>
    <row r="71262" spans="8:8">
      <c r="H71262" s="12"/>
    </row>
    <row r="71263" spans="8:8">
      <c r="H71263" s="12"/>
    </row>
    <row r="71264" spans="8:8">
      <c r="H71264" s="12"/>
    </row>
    <row r="71265" spans="8:8">
      <c r="H71265" s="12"/>
    </row>
    <row r="71266" spans="8:8">
      <c r="H71266" s="12"/>
    </row>
    <row r="71267" spans="8:8">
      <c r="H71267" s="12"/>
    </row>
    <row r="71268" spans="8:8">
      <c r="H71268" s="12"/>
    </row>
    <row r="71269" spans="8:8">
      <c r="H71269" s="12"/>
    </row>
    <row r="71270" spans="8:8">
      <c r="H71270" s="12"/>
    </row>
    <row r="71271" spans="8:8">
      <c r="H71271" s="12"/>
    </row>
    <row r="71272" spans="8:8">
      <c r="H71272" s="12"/>
    </row>
    <row r="71273" spans="8:8">
      <c r="H71273" s="12"/>
    </row>
    <row r="71274" spans="8:8">
      <c r="H71274" s="12"/>
    </row>
    <row r="71275" spans="8:8">
      <c r="H71275" s="12"/>
    </row>
    <row r="71276" spans="8:8">
      <c r="H71276" s="12"/>
    </row>
    <row r="71277" spans="8:8">
      <c r="H71277" s="12"/>
    </row>
    <row r="71278" spans="8:8">
      <c r="H71278" s="12"/>
    </row>
    <row r="71279" spans="8:8">
      <c r="H71279" s="12"/>
    </row>
    <row r="71280" spans="8:8">
      <c r="H71280" s="12"/>
    </row>
    <row r="71281" spans="8:8">
      <c r="H71281" s="12"/>
    </row>
    <row r="71282" spans="8:8">
      <c r="H71282" s="12"/>
    </row>
    <row r="71283" spans="8:8">
      <c r="H71283" s="12"/>
    </row>
    <row r="71284" spans="8:8">
      <c r="H71284" s="12"/>
    </row>
    <row r="71285" spans="8:8">
      <c r="H71285" s="12"/>
    </row>
    <row r="71286" spans="8:8">
      <c r="H71286" s="12"/>
    </row>
    <row r="71287" spans="8:8">
      <c r="H71287" s="12"/>
    </row>
    <row r="71288" spans="8:8">
      <c r="H71288" s="12"/>
    </row>
    <row r="71289" spans="8:8">
      <c r="H71289" s="12"/>
    </row>
    <row r="71290" spans="8:8">
      <c r="H71290" s="12"/>
    </row>
    <row r="71291" spans="8:8">
      <c r="H71291" s="12"/>
    </row>
    <row r="71292" spans="8:8">
      <c r="H71292" s="12"/>
    </row>
    <row r="71293" spans="8:8">
      <c r="H71293" s="12"/>
    </row>
    <row r="71294" spans="8:8">
      <c r="H71294" s="12"/>
    </row>
    <row r="71295" spans="8:8">
      <c r="H71295" s="12"/>
    </row>
    <row r="71296" spans="8:8">
      <c r="H71296" s="12"/>
    </row>
    <row r="71297" spans="8:8">
      <c r="H71297" s="12"/>
    </row>
    <row r="71298" spans="8:8">
      <c r="H71298" s="12"/>
    </row>
    <row r="71299" spans="8:8">
      <c r="H71299" s="12"/>
    </row>
    <row r="71300" spans="8:8">
      <c r="H71300" s="12"/>
    </row>
    <row r="71301" spans="8:8">
      <c r="H71301" s="12"/>
    </row>
    <row r="71302" spans="8:8">
      <c r="H71302" s="12"/>
    </row>
    <row r="71303" spans="8:8">
      <c r="H71303" s="12"/>
    </row>
    <row r="71304" spans="8:8">
      <c r="H71304" s="12"/>
    </row>
    <row r="71305" spans="8:8">
      <c r="H71305" s="12"/>
    </row>
    <row r="71306" spans="8:8">
      <c r="H71306" s="12"/>
    </row>
    <row r="71307" spans="8:8">
      <c r="H71307" s="12"/>
    </row>
    <row r="71308" spans="8:8">
      <c r="H71308" s="12"/>
    </row>
    <row r="71309" spans="8:8">
      <c r="H71309" s="12"/>
    </row>
    <row r="71310" spans="8:8">
      <c r="H71310" s="12"/>
    </row>
    <row r="71311" spans="8:8">
      <c r="H71311" s="12"/>
    </row>
    <row r="71312" spans="8:8">
      <c r="H71312" s="12"/>
    </row>
    <row r="71313" spans="8:8">
      <c r="H71313" s="12"/>
    </row>
    <row r="71314" spans="8:8">
      <c r="H71314" s="12"/>
    </row>
    <row r="71315" spans="8:8">
      <c r="H71315" s="12"/>
    </row>
    <row r="71316" spans="8:8">
      <c r="H71316" s="12"/>
    </row>
    <row r="71317" spans="8:8">
      <c r="H71317" s="12"/>
    </row>
    <row r="71318" spans="8:8">
      <c r="H71318" s="12"/>
    </row>
    <row r="71319" spans="8:8">
      <c r="H71319" s="12"/>
    </row>
    <row r="71320" spans="8:8">
      <c r="H71320" s="12"/>
    </row>
    <row r="71321" spans="8:8">
      <c r="H71321" s="12"/>
    </row>
    <row r="71322" spans="8:8">
      <c r="H71322" s="12"/>
    </row>
    <row r="71323" spans="8:8">
      <c r="H71323" s="12"/>
    </row>
    <row r="71324" spans="8:8">
      <c r="H71324" s="12"/>
    </row>
    <row r="71325" spans="8:8">
      <c r="H71325" s="12"/>
    </row>
    <row r="71326" spans="8:8">
      <c r="H71326" s="12"/>
    </row>
    <row r="71327" spans="8:8">
      <c r="H71327" s="12"/>
    </row>
    <row r="71328" spans="8:8">
      <c r="H71328" s="12"/>
    </row>
    <row r="71329" spans="8:8">
      <c r="H71329" s="12"/>
    </row>
    <row r="71330" spans="8:8">
      <c r="H71330" s="12"/>
    </row>
    <row r="71331" spans="8:8">
      <c r="H71331" s="12"/>
    </row>
    <row r="71332" spans="8:8">
      <c r="H71332" s="12"/>
    </row>
    <row r="71333" spans="8:8">
      <c r="H71333" s="12"/>
    </row>
    <row r="71334" spans="8:8">
      <c r="H71334" s="12"/>
    </row>
    <row r="71335" spans="8:8">
      <c r="H71335" s="12"/>
    </row>
    <row r="71336" spans="8:8">
      <c r="H71336" s="12"/>
    </row>
    <row r="71337" spans="8:8">
      <c r="H71337" s="12"/>
    </row>
    <row r="71338" spans="8:8">
      <c r="H71338" s="12"/>
    </row>
    <row r="71339" spans="8:8">
      <c r="H71339" s="12"/>
    </row>
    <row r="71340" spans="8:8">
      <c r="H71340" s="12"/>
    </row>
    <row r="71341" spans="8:8">
      <c r="H71341" s="12"/>
    </row>
    <row r="71342" spans="8:8">
      <c r="H71342" s="12"/>
    </row>
    <row r="71343" spans="8:8">
      <c r="H71343" s="12"/>
    </row>
    <row r="71344" spans="8:8">
      <c r="H71344" s="12"/>
    </row>
    <row r="71345" spans="8:8">
      <c r="H71345" s="12"/>
    </row>
    <row r="71346" spans="8:8">
      <c r="H71346" s="12"/>
    </row>
    <row r="71347" spans="8:8">
      <c r="H71347" s="12"/>
    </row>
    <row r="71348" spans="8:8">
      <c r="H71348" s="12"/>
    </row>
    <row r="71349" spans="8:8">
      <c r="H71349" s="12"/>
    </row>
    <row r="71350" spans="8:8">
      <c r="H71350" s="12"/>
    </row>
    <row r="71351" spans="8:8">
      <c r="H71351" s="12"/>
    </row>
    <row r="71352" spans="8:8">
      <c r="H71352" s="12"/>
    </row>
    <row r="71353" spans="8:8">
      <c r="H71353" s="12"/>
    </row>
    <row r="71354" spans="8:8">
      <c r="H71354" s="12"/>
    </row>
    <row r="71355" spans="8:8">
      <c r="H71355" s="12"/>
    </row>
    <row r="71356" spans="8:8">
      <c r="H71356" s="12"/>
    </row>
    <row r="71357" spans="8:8">
      <c r="H71357" s="12"/>
    </row>
    <row r="71358" spans="8:8">
      <c r="H71358" s="12"/>
    </row>
    <row r="71359" spans="8:8">
      <c r="H71359" s="12"/>
    </row>
    <row r="71360" spans="8:8">
      <c r="H71360" s="12"/>
    </row>
    <row r="71361" spans="8:8">
      <c r="H71361" s="12"/>
    </row>
    <row r="71362" spans="8:8">
      <c r="H71362" s="12"/>
    </row>
    <row r="71363" spans="8:8">
      <c r="H71363" s="12"/>
    </row>
    <row r="71364" spans="8:8">
      <c r="H71364" s="12"/>
    </row>
    <row r="71365" spans="8:8">
      <c r="H71365" s="12"/>
    </row>
    <row r="71366" spans="8:8">
      <c r="H71366" s="12"/>
    </row>
    <row r="71367" spans="8:8">
      <c r="H71367" s="12"/>
    </row>
    <row r="71368" spans="8:8">
      <c r="H71368" s="12"/>
    </row>
    <row r="71369" spans="8:8">
      <c r="H71369" s="12"/>
    </row>
    <row r="71370" spans="8:8">
      <c r="H71370" s="12"/>
    </row>
    <row r="71371" spans="8:8">
      <c r="H71371" s="12"/>
    </row>
    <row r="71372" spans="8:8">
      <c r="H71372" s="12"/>
    </row>
    <row r="71373" spans="8:8">
      <c r="H71373" s="12"/>
    </row>
    <row r="71374" spans="8:8">
      <c r="H71374" s="12"/>
    </row>
    <row r="71375" spans="8:8">
      <c r="H71375" s="12"/>
    </row>
    <row r="71376" spans="8:8">
      <c r="H71376" s="12"/>
    </row>
    <row r="71377" spans="8:8">
      <c r="H71377" s="12"/>
    </row>
    <row r="71378" spans="8:8">
      <c r="H71378" s="12"/>
    </row>
    <row r="71379" spans="8:8">
      <c r="H71379" s="12"/>
    </row>
    <row r="71380" spans="8:8">
      <c r="H71380" s="12"/>
    </row>
    <row r="71381" spans="8:8">
      <c r="H71381" s="12"/>
    </row>
    <row r="71382" spans="8:8">
      <c r="H71382" s="12"/>
    </row>
    <row r="71383" spans="8:8">
      <c r="H71383" s="12"/>
    </row>
    <row r="71384" spans="8:8">
      <c r="H71384" s="12"/>
    </row>
    <row r="71385" spans="8:8">
      <c r="H71385" s="12"/>
    </row>
    <row r="71386" spans="8:8">
      <c r="H71386" s="12"/>
    </row>
    <row r="71387" spans="8:8">
      <c r="H71387" s="12"/>
    </row>
    <row r="71388" spans="8:8">
      <c r="H71388" s="12"/>
    </row>
    <row r="71389" spans="8:8">
      <c r="H71389" s="12"/>
    </row>
    <row r="71390" spans="8:8">
      <c r="H71390" s="12"/>
    </row>
    <row r="71391" spans="8:8">
      <c r="H71391" s="12"/>
    </row>
    <row r="71392" spans="8:8">
      <c r="H71392" s="12"/>
    </row>
    <row r="71393" spans="8:8">
      <c r="H71393" s="12"/>
    </row>
    <row r="71394" spans="8:8">
      <c r="H71394" s="12"/>
    </row>
    <row r="71395" spans="8:8">
      <c r="H71395" s="12"/>
    </row>
    <row r="71396" spans="8:8">
      <c r="H71396" s="12"/>
    </row>
    <row r="71397" spans="8:8">
      <c r="H71397" s="12"/>
    </row>
    <row r="71398" spans="8:8">
      <c r="H71398" s="12"/>
    </row>
    <row r="71399" spans="8:8">
      <c r="H71399" s="12"/>
    </row>
    <row r="71400" spans="8:8">
      <c r="H71400" s="12"/>
    </row>
    <row r="71401" spans="8:8">
      <c r="H71401" s="12"/>
    </row>
    <row r="71402" spans="8:8">
      <c r="H71402" s="12"/>
    </row>
    <row r="71403" spans="8:8">
      <c r="H71403" s="12"/>
    </row>
    <row r="71404" spans="8:8">
      <c r="H71404" s="12"/>
    </row>
    <row r="71405" spans="8:8">
      <c r="H71405" s="12"/>
    </row>
    <row r="71406" spans="8:8">
      <c r="H71406" s="12"/>
    </row>
    <row r="71407" spans="8:8">
      <c r="H71407" s="12"/>
    </row>
    <row r="71408" spans="8:8">
      <c r="H71408" s="12"/>
    </row>
    <row r="71409" spans="8:8">
      <c r="H71409" s="12"/>
    </row>
    <row r="71410" spans="8:8">
      <c r="H71410" s="12"/>
    </row>
    <row r="71411" spans="8:8">
      <c r="H71411" s="12"/>
    </row>
    <row r="71412" spans="8:8">
      <c r="H71412" s="12"/>
    </row>
    <row r="71413" spans="8:8">
      <c r="H71413" s="12"/>
    </row>
    <row r="71414" spans="8:8">
      <c r="H71414" s="12"/>
    </row>
    <row r="71415" spans="8:8">
      <c r="H71415" s="12"/>
    </row>
    <row r="71416" spans="8:8">
      <c r="H71416" s="12"/>
    </row>
    <row r="71417" spans="8:8">
      <c r="H71417" s="12"/>
    </row>
    <row r="71418" spans="8:8">
      <c r="H71418" s="12"/>
    </row>
    <row r="71419" spans="8:8">
      <c r="H71419" s="12"/>
    </row>
    <row r="71420" spans="8:8">
      <c r="H71420" s="12"/>
    </row>
    <row r="71421" spans="8:8">
      <c r="H71421" s="12"/>
    </row>
    <row r="71422" spans="8:8">
      <c r="H71422" s="12"/>
    </row>
    <row r="71423" spans="8:8">
      <c r="H71423" s="12"/>
    </row>
    <row r="71424" spans="8:8">
      <c r="H71424" s="12"/>
    </row>
    <row r="71425" spans="8:8">
      <c r="H71425" s="12"/>
    </row>
    <row r="71426" spans="8:8">
      <c r="H71426" s="12"/>
    </row>
    <row r="71427" spans="8:8">
      <c r="H71427" s="12"/>
    </row>
    <row r="71428" spans="8:8">
      <c r="H71428" s="12"/>
    </row>
    <row r="71429" spans="8:8">
      <c r="H71429" s="12"/>
    </row>
    <row r="71430" spans="8:8">
      <c r="H71430" s="12"/>
    </row>
    <row r="71431" spans="8:8">
      <c r="H71431" s="12"/>
    </row>
    <row r="71432" spans="8:8">
      <c r="H71432" s="12"/>
    </row>
    <row r="71433" spans="8:8">
      <c r="H71433" s="12"/>
    </row>
    <row r="71434" spans="8:8">
      <c r="H71434" s="12"/>
    </row>
    <row r="71435" spans="8:8">
      <c r="H71435" s="12"/>
    </row>
    <row r="71436" spans="8:8">
      <c r="H71436" s="12"/>
    </row>
    <row r="71437" spans="8:8">
      <c r="H71437" s="12"/>
    </row>
    <row r="71438" spans="8:8">
      <c r="H71438" s="12"/>
    </row>
    <row r="71439" spans="8:8">
      <c r="H71439" s="12"/>
    </row>
    <row r="71440" spans="8:8">
      <c r="H71440" s="12"/>
    </row>
    <row r="71441" spans="8:8">
      <c r="H71441" s="12"/>
    </row>
    <row r="71442" spans="8:8">
      <c r="H71442" s="12"/>
    </row>
    <row r="71443" spans="8:8">
      <c r="H71443" s="12"/>
    </row>
    <row r="71444" spans="8:8">
      <c r="H71444" s="12"/>
    </row>
    <row r="71445" spans="8:8">
      <c r="H71445" s="12"/>
    </row>
    <row r="71446" spans="8:8">
      <c r="H71446" s="12"/>
    </row>
    <row r="71447" spans="8:8">
      <c r="H71447" s="12"/>
    </row>
    <row r="71448" spans="8:8">
      <c r="H71448" s="12"/>
    </row>
    <row r="71449" spans="8:8">
      <c r="H71449" s="12"/>
    </row>
    <row r="71450" spans="8:8">
      <c r="H71450" s="12"/>
    </row>
    <row r="71451" spans="8:8">
      <c r="H71451" s="12"/>
    </row>
    <row r="71452" spans="8:8">
      <c r="H71452" s="12"/>
    </row>
    <row r="71453" spans="8:8">
      <c r="H71453" s="12"/>
    </row>
    <row r="71454" spans="8:8">
      <c r="H71454" s="12"/>
    </row>
    <row r="71455" spans="8:8">
      <c r="H71455" s="12"/>
    </row>
    <row r="71456" spans="8:8">
      <c r="H71456" s="12"/>
    </row>
    <row r="71457" spans="8:8">
      <c r="H71457" s="12"/>
    </row>
    <row r="71458" spans="8:8">
      <c r="H71458" s="12"/>
    </row>
    <row r="71459" spans="8:8">
      <c r="H71459" s="12"/>
    </row>
    <row r="71460" spans="8:8">
      <c r="H71460" s="12"/>
    </row>
    <row r="71461" spans="8:8">
      <c r="H71461" s="12"/>
    </row>
    <row r="71462" spans="8:8">
      <c r="H71462" s="12"/>
    </row>
    <row r="71463" spans="8:8">
      <c r="H71463" s="12"/>
    </row>
    <row r="71464" spans="8:8">
      <c r="H71464" s="12"/>
    </row>
    <row r="71465" spans="8:8">
      <c r="H71465" s="12"/>
    </row>
    <row r="71466" spans="8:8">
      <c r="H71466" s="12"/>
    </row>
    <row r="71467" spans="8:8">
      <c r="H71467" s="12"/>
    </row>
    <row r="71468" spans="8:8">
      <c r="H71468" s="12"/>
    </row>
    <row r="71469" spans="8:8">
      <c r="H71469" s="12"/>
    </row>
    <row r="71470" spans="8:8">
      <c r="H71470" s="12"/>
    </row>
    <row r="71471" spans="8:8">
      <c r="H71471" s="12"/>
    </row>
    <row r="71472" spans="8:8">
      <c r="H71472" s="12"/>
    </row>
    <row r="71473" spans="8:8">
      <c r="H71473" s="12"/>
    </row>
    <row r="71474" spans="8:8">
      <c r="H71474" s="12"/>
    </row>
    <row r="71475" spans="8:8">
      <c r="H71475" s="12"/>
    </row>
    <row r="71476" spans="8:8">
      <c r="H71476" s="12"/>
    </row>
    <row r="71477" spans="8:8">
      <c r="H71477" s="12"/>
    </row>
    <row r="71478" spans="8:8">
      <c r="H71478" s="12"/>
    </row>
    <row r="71479" spans="8:8">
      <c r="H71479" s="12"/>
    </row>
    <row r="71480" spans="8:8">
      <c r="H71480" s="12"/>
    </row>
    <row r="71481" spans="8:8">
      <c r="H71481" s="12"/>
    </row>
    <row r="71482" spans="8:8">
      <c r="H71482" s="12"/>
    </row>
    <row r="71483" spans="8:8">
      <c r="H71483" s="12"/>
    </row>
    <row r="71484" spans="8:8">
      <c r="H71484" s="12"/>
    </row>
    <row r="71485" spans="8:8">
      <c r="H71485" s="12"/>
    </row>
    <row r="71486" spans="8:8">
      <c r="H71486" s="12"/>
    </row>
    <row r="71487" spans="8:8">
      <c r="H71487" s="12"/>
    </row>
    <row r="71488" spans="8:8">
      <c r="H71488" s="12"/>
    </row>
    <row r="71489" spans="8:8">
      <c r="H71489" s="12"/>
    </row>
    <row r="71490" spans="8:8">
      <c r="H71490" s="12"/>
    </row>
    <row r="71491" spans="8:8">
      <c r="H71491" s="12"/>
    </row>
    <row r="71492" spans="8:8">
      <c r="H71492" s="12"/>
    </row>
    <row r="71493" spans="8:8">
      <c r="H71493" s="12"/>
    </row>
    <row r="71494" spans="8:8">
      <c r="H71494" s="12"/>
    </row>
    <row r="71495" spans="8:8">
      <c r="H71495" s="12"/>
    </row>
    <row r="71496" spans="8:8">
      <c r="H71496" s="12"/>
    </row>
    <row r="71497" spans="8:8">
      <c r="H71497" s="12"/>
    </row>
    <row r="71498" spans="8:8">
      <c r="H71498" s="12"/>
    </row>
    <row r="71499" spans="8:8">
      <c r="H71499" s="12"/>
    </row>
    <row r="71500" spans="8:8">
      <c r="H71500" s="12"/>
    </row>
    <row r="71501" spans="8:8">
      <c r="H71501" s="12"/>
    </row>
    <row r="71502" spans="8:8">
      <c r="H71502" s="12"/>
    </row>
    <row r="71503" spans="8:8">
      <c r="H71503" s="12"/>
    </row>
    <row r="71504" spans="8:8">
      <c r="H71504" s="12"/>
    </row>
    <row r="71505" spans="8:8">
      <c r="H71505" s="12"/>
    </row>
    <row r="71506" spans="8:8">
      <c r="H71506" s="12"/>
    </row>
    <row r="71507" spans="8:8">
      <c r="H71507" s="12"/>
    </row>
    <row r="71508" spans="8:8">
      <c r="H71508" s="12"/>
    </row>
    <row r="71509" spans="8:8">
      <c r="H71509" s="12"/>
    </row>
    <row r="71510" spans="8:8">
      <c r="H71510" s="12"/>
    </row>
    <row r="71511" spans="8:8">
      <c r="H71511" s="12"/>
    </row>
    <row r="71512" spans="8:8">
      <c r="H71512" s="12"/>
    </row>
    <row r="71513" spans="8:8">
      <c r="H71513" s="12"/>
    </row>
    <row r="71514" spans="8:8">
      <c r="H71514" s="12"/>
    </row>
    <row r="71515" spans="8:8">
      <c r="H71515" s="12"/>
    </row>
    <row r="71516" spans="8:8">
      <c r="H71516" s="12"/>
    </row>
    <row r="71517" spans="8:8">
      <c r="H71517" s="12"/>
    </row>
    <row r="71518" spans="8:8">
      <c r="H71518" s="12"/>
    </row>
    <row r="71519" spans="8:8">
      <c r="H71519" s="12"/>
    </row>
    <row r="71520" spans="8:8">
      <c r="H71520" s="12"/>
    </row>
    <row r="71521" spans="8:8">
      <c r="H71521" s="12"/>
    </row>
    <row r="71522" spans="8:8">
      <c r="H71522" s="12"/>
    </row>
    <row r="71523" spans="8:8">
      <c r="H71523" s="12"/>
    </row>
    <row r="71524" spans="8:8">
      <c r="H71524" s="12"/>
    </row>
    <row r="71525" spans="8:8">
      <c r="H71525" s="12"/>
    </row>
    <row r="71526" spans="8:8">
      <c r="H71526" s="12"/>
    </row>
    <row r="71527" spans="8:8">
      <c r="H71527" s="12"/>
    </row>
    <row r="71528" spans="8:8">
      <c r="H71528" s="12"/>
    </row>
    <row r="71529" spans="8:8">
      <c r="H71529" s="12"/>
    </row>
    <row r="71530" spans="8:8">
      <c r="H71530" s="12"/>
    </row>
    <row r="71531" spans="8:8">
      <c r="H71531" s="12"/>
    </row>
    <row r="71532" spans="8:8">
      <c r="H71532" s="12"/>
    </row>
    <row r="71533" spans="8:8">
      <c r="H71533" s="12"/>
    </row>
    <row r="71534" spans="8:8">
      <c r="H71534" s="12"/>
    </row>
    <row r="71535" spans="8:8">
      <c r="H71535" s="12"/>
    </row>
    <row r="71536" spans="8:8">
      <c r="H71536" s="12"/>
    </row>
    <row r="71537" spans="8:8">
      <c r="H71537" s="12"/>
    </row>
    <row r="71538" spans="8:8">
      <c r="H71538" s="12"/>
    </row>
    <row r="71539" spans="8:8">
      <c r="H71539" s="12"/>
    </row>
    <row r="71540" spans="8:8">
      <c r="H71540" s="12"/>
    </row>
    <row r="71541" spans="8:8">
      <c r="H71541" s="12"/>
    </row>
    <row r="71542" spans="8:8">
      <c r="H71542" s="12"/>
    </row>
    <row r="71543" spans="8:8">
      <c r="H71543" s="12"/>
    </row>
    <row r="71544" spans="8:8">
      <c r="H71544" s="12"/>
    </row>
    <row r="71545" spans="8:8">
      <c r="H71545" s="12"/>
    </row>
    <row r="71546" spans="8:8">
      <c r="H71546" s="12"/>
    </row>
    <row r="71547" spans="8:8">
      <c r="H71547" s="12"/>
    </row>
    <row r="71548" spans="8:8">
      <c r="H71548" s="12"/>
    </row>
    <row r="71549" spans="8:8">
      <c r="H71549" s="12"/>
    </row>
    <row r="71550" spans="8:8">
      <c r="H71550" s="12"/>
    </row>
    <row r="71551" spans="8:8">
      <c r="H71551" s="12"/>
    </row>
    <row r="71552" spans="8:8">
      <c r="H71552" s="12"/>
    </row>
    <row r="71553" spans="8:8">
      <c r="H71553" s="12"/>
    </row>
    <row r="71554" spans="8:8">
      <c r="H71554" s="12"/>
    </row>
    <row r="71555" spans="8:8">
      <c r="H71555" s="12"/>
    </row>
    <row r="71556" spans="8:8">
      <c r="H71556" s="12"/>
    </row>
    <row r="71557" spans="8:8">
      <c r="H71557" s="12"/>
    </row>
    <row r="71558" spans="8:8">
      <c r="H71558" s="12"/>
    </row>
    <row r="71559" spans="8:8">
      <c r="H71559" s="12"/>
    </row>
    <row r="71560" spans="8:8">
      <c r="H71560" s="12"/>
    </row>
    <row r="71561" spans="8:8">
      <c r="H71561" s="12"/>
    </row>
    <row r="71562" spans="8:8">
      <c r="H71562" s="12"/>
    </row>
    <row r="71563" spans="8:8">
      <c r="H71563" s="12"/>
    </row>
    <row r="71564" spans="8:8">
      <c r="H71564" s="12"/>
    </row>
    <row r="71565" spans="8:8">
      <c r="H71565" s="12"/>
    </row>
    <row r="71566" spans="8:8">
      <c r="H71566" s="12"/>
    </row>
    <row r="71567" spans="8:8">
      <c r="H71567" s="12"/>
    </row>
    <row r="71568" spans="8:8">
      <c r="H71568" s="12"/>
    </row>
    <row r="71569" spans="8:8">
      <c r="H71569" s="12"/>
    </row>
    <row r="71570" spans="8:8">
      <c r="H71570" s="12"/>
    </row>
    <row r="71571" spans="8:8">
      <c r="H71571" s="12"/>
    </row>
    <row r="71572" spans="8:8">
      <c r="H71572" s="12"/>
    </row>
    <row r="71573" spans="8:8">
      <c r="H71573" s="12"/>
    </row>
    <row r="71574" spans="8:8">
      <c r="H71574" s="12"/>
    </row>
    <row r="71575" spans="8:8">
      <c r="H71575" s="12"/>
    </row>
    <row r="71576" spans="8:8">
      <c r="H71576" s="12"/>
    </row>
    <row r="71577" spans="8:8">
      <c r="H71577" s="12"/>
    </row>
    <row r="71578" spans="8:8">
      <c r="H71578" s="12"/>
    </row>
    <row r="71579" spans="8:8">
      <c r="H71579" s="12"/>
    </row>
    <row r="71580" spans="8:8">
      <c r="H71580" s="12"/>
    </row>
    <row r="71581" spans="8:8">
      <c r="H71581" s="12"/>
    </row>
    <row r="71582" spans="8:8">
      <c r="H71582" s="12"/>
    </row>
    <row r="71583" spans="8:8">
      <c r="H71583" s="12"/>
    </row>
    <row r="71584" spans="8:8">
      <c r="H71584" s="12"/>
    </row>
    <row r="71585" spans="8:8">
      <c r="H71585" s="12"/>
    </row>
    <row r="71586" spans="8:8">
      <c r="H71586" s="12"/>
    </row>
    <row r="71587" spans="8:8">
      <c r="H71587" s="12"/>
    </row>
    <row r="71588" spans="8:8">
      <c r="H71588" s="12"/>
    </row>
    <row r="71589" spans="8:8">
      <c r="H71589" s="12"/>
    </row>
    <row r="71590" spans="8:8">
      <c r="H71590" s="12"/>
    </row>
    <row r="71591" spans="8:8">
      <c r="H71591" s="12"/>
    </row>
    <row r="71592" spans="8:8">
      <c r="H71592" s="12"/>
    </row>
    <row r="71593" spans="8:8">
      <c r="H71593" s="12"/>
    </row>
    <row r="71594" spans="8:8">
      <c r="H71594" s="12"/>
    </row>
    <row r="71595" spans="8:8">
      <c r="H71595" s="12"/>
    </row>
    <row r="71596" spans="8:8">
      <c r="H71596" s="12"/>
    </row>
    <row r="71597" spans="8:8">
      <c r="H71597" s="12"/>
    </row>
    <row r="71598" spans="8:8">
      <c r="H71598" s="12"/>
    </row>
    <row r="71599" spans="8:8">
      <c r="H71599" s="12"/>
    </row>
    <row r="71600" spans="8:8">
      <c r="H71600" s="12"/>
    </row>
    <row r="71601" spans="8:8">
      <c r="H71601" s="12"/>
    </row>
    <row r="71602" spans="8:8">
      <c r="H71602" s="12"/>
    </row>
    <row r="71603" spans="8:8">
      <c r="H71603" s="12"/>
    </row>
    <row r="71604" spans="8:8">
      <c r="H71604" s="12"/>
    </row>
    <row r="71605" spans="8:8">
      <c r="H71605" s="12"/>
    </row>
    <row r="71606" spans="8:8">
      <c r="H71606" s="12"/>
    </row>
    <row r="71607" spans="8:8">
      <c r="H71607" s="12"/>
    </row>
    <row r="71608" spans="8:8">
      <c r="H71608" s="12"/>
    </row>
    <row r="71609" spans="8:8">
      <c r="H71609" s="12"/>
    </row>
    <row r="71610" spans="8:8">
      <c r="H71610" s="12"/>
    </row>
    <row r="71611" spans="8:8">
      <c r="H71611" s="12"/>
    </row>
    <row r="71612" spans="8:8">
      <c r="H71612" s="12"/>
    </row>
    <row r="71613" spans="8:8">
      <c r="H71613" s="12"/>
    </row>
    <row r="71614" spans="8:8">
      <c r="H71614" s="12"/>
    </row>
    <row r="71615" spans="8:8">
      <c r="H71615" s="12"/>
    </row>
    <row r="71616" spans="8:8">
      <c r="H71616" s="12"/>
    </row>
    <row r="71617" spans="8:8">
      <c r="H71617" s="12"/>
    </row>
    <row r="71618" spans="8:8">
      <c r="H71618" s="12"/>
    </row>
    <row r="71619" spans="8:8">
      <c r="H71619" s="12"/>
    </row>
    <row r="71620" spans="8:8">
      <c r="H71620" s="12"/>
    </row>
    <row r="71621" spans="8:8">
      <c r="H71621" s="12"/>
    </row>
    <row r="71622" spans="8:8">
      <c r="H71622" s="12"/>
    </row>
    <row r="71623" spans="8:8">
      <c r="H71623" s="12"/>
    </row>
    <row r="71624" spans="8:8">
      <c r="H71624" s="12"/>
    </row>
    <row r="71625" spans="8:8">
      <c r="H71625" s="12"/>
    </row>
    <row r="71626" spans="8:8">
      <c r="H71626" s="12"/>
    </row>
    <row r="71627" spans="8:8">
      <c r="H71627" s="12"/>
    </row>
    <row r="71628" spans="8:8">
      <c r="H71628" s="12"/>
    </row>
    <row r="71629" spans="8:8">
      <c r="H71629" s="12"/>
    </row>
    <row r="71630" spans="8:8">
      <c r="H71630" s="12"/>
    </row>
    <row r="71631" spans="8:8">
      <c r="H71631" s="12"/>
    </row>
    <row r="71632" spans="8:8">
      <c r="H71632" s="12"/>
    </row>
    <row r="71633" spans="8:8">
      <c r="H71633" s="12"/>
    </row>
    <row r="71634" spans="8:8">
      <c r="H71634" s="12"/>
    </row>
    <row r="71635" spans="8:8">
      <c r="H71635" s="12"/>
    </row>
    <row r="71636" spans="8:8">
      <c r="H71636" s="12"/>
    </row>
    <row r="71637" spans="8:8">
      <c r="H71637" s="12"/>
    </row>
    <row r="71638" spans="8:8">
      <c r="H71638" s="12"/>
    </row>
    <row r="71639" spans="8:8">
      <c r="H71639" s="12"/>
    </row>
    <row r="71640" spans="8:8">
      <c r="H71640" s="12"/>
    </row>
    <row r="71641" spans="8:8">
      <c r="H71641" s="12"/>
    </row>
    <row r="71642" spans="8:8">
      <c r="H71642" s="12"/>
    </row>
    <row r="71643" spans="8:8">
      <c r="H71643" s="12"/>
    </row>
    <row r="71644" spans="8:8">
      <c r="H71644" s="12"/>
    </row>
    <row r="71645" spans="8:8">
      <c r="H71645" s="12"/>
    </row>
    <row r="71646" spans="8:8">
      <c r="H71646" s="12"/>
    </row>
    <row r="71647" spans="8:8">
      <c r="H71647" s="12"/>
    </row>
    <row r="71648" spans="8:8">
      <c r="H71648" s="12"/>
    </row>
    <row r="71649" spans="8:8">
      <c r="H71649" s="12"/>
    </row>
    <row r="71650" spans="8:8">
      <c r="H71650" s="12"/>
    </row>
    <row r="71651" spans="8:8">
      <c r="H71651" s="12"/>
    </row>
    <row r="71652" spans="8:8">
      <c r="H71652" s="12"/>
    </row>
    <row r="71653" spans="8:8">
      <c r="H71653" s="12"/>
    </row>
    <row r="71654" spans="8:8">
      <c r="H71654" s="12"/>
    </row>
    <row r="71655" spans="8:8">
      <c r="H71655" s="12"/>
    </row>
    <row r="71656" spans="8:8">
      <c r="H71656" s="12"/>
    </row>
    <row r="71657" spans="8:8">
      <c r="H71657" s="12"/>
    </row>
    <row r="71658" spans="8:8">
      <c r="H71658" s="12"/>
    </row>
    <row r="71659" spans="8:8">
      <c r="H71659" s="12"/>
    </row>
    <row r="71660" spans="8:8">
      <c r="H71660" s="12"/>
    </row>
    <row r="71661" spans="8:8">
      <c r="H71661" s="12"/>
    </row>
    <row r="71662" spans="8:8">
      <c r="H71662" s="12"/>
    </row>
    <row r="71663" spans="8:8">
      <c r="H71663" s="12"/>
    </row>
    <row r="71664" spans="8:8">
      <c r="H71664" s="12"/>
    </row>
    <row r="71665" spans="8:8">
      <c r="H71665" s="12"/>
    </row>
    <row r="71666" spans="8:8">
      <c r="H71666" s="12"/>
    </row>
    <row r="71667" spans="8:8">
      <c r="H71667" s="12"/>
    </row>
    <row r="71668" spans="8:8">
      <c r="H71668" s="12"/>
    </row>
    <row r="71669" spans="8:8">
      <c r="H71669" s="12"/>
    </row>
    <row r="71670" spans="8:8">
      <c r="H71670" s="12"/>
    </row>
    <row r="71671" spans="8:8">
      <c r="H71671" s="12"/>
    </row>
    <row r="71672" spans="8:8">
      <c r="H71672" s="12"/>
    </row>
    <row r="71673" spans="8:8">
      <c r="H71673" s="12"/>
    </row>
    <row r="71674" spans="8:8">
      <c r="H71674" s="12"/>
    </row>
    <row r="71675" spans="8:8">
      <c r="H71675" s="12"/>
    </row>
    <row r="71676" spans="8:8">
      <c r="H71676" s="12"/>
    </row>
    <row r="71677" spans="8:8">
      <c r="H71677" s="12"/>
    </row>
    <row r="71678" spans="8:8">
      <c r="H71678" s="12"/>
    </row>
    <row r="71679" spans="8:8">
      <c r="H71679" s="12"/>
    </row>
    <row r="71680" spans="8:8">
      <c r="H71680" s="12"/>
    </row>
    <row r="71681" spans="8:8">
      <c r="H71681" s="12"/>
    </row>
    <row r="71682" spans="8:8">
      <c r="H71682" s="12"/>
    </row>
    <row r="71683" spans="8:8">
      <c r="H71683" s="12"/>
    </row>
    <row r="71684" spans="8:8">
      <c r="H71684" s="12"/>
    </row>
    <row r="71685" spans="8:8">
      <c r="H71685" s="12"/>
    </row>
    <row r="71686" spans="8:8">
      <c r="H71686" s="12"/>
    </row>
    <row r="71687" spans="8:8">
      <c r="H71687" s="12"/>
    </row>
    <row r="71688" spans="8:8">
      <c r="H71688" s="12"/>
    </row>
    <row r="71689" spans="8:8">
      <c r="H71689" s="12"/>
    </row>
    <row r="71690" spans="8:8">
      <c r="H71690" s="12"/>
    </row>
    <row r="71691" spans="8:8">
      <c r="H71691" s="12"/>
    </row>
    <row r="71692" spans="8:8">
      <c r="H71692" s="12"/>
    </row>
    <row r="71693" spans="8:8">
      <c r="H71693" s="12"/>
    </row>
    <row r="71694" spans="8:8">
      <c r="H71694" s="12"/>
    </row>
    <row r="71695" spans="8:8">
      <c r="H71695" s="12"/>
    </row>
    <row r="71696" spans="8:8">
      <c r="H71696" s="12"/>
    </row>
    <row r="71697" spans="8:8">
      <c r="H71697" s="12"/>
    </row>
    <row r="71698" spans="8:8">
      <c r="H71698" s="12"/>
    </row>
    <row r="71699" spans="8:8">
      <c r="H71699" s="12"/>
    </row>
    <row r="71700" spans="8:8">
      <c r="H71700" s="12"/>
    </row>
    <row r="71701" spans="8:8">
      <c r="H71701" s="12"/>
    </row>
    <row r="71702" spans="8:8">
      <c r="H71702" s="12"/>
    </row>
    <row r="71703" spans="8:8">
      <c r="H71703" s="12"/>
    </row>
    <row r="71704" spans="8:8">
      <c r="H71704" s="12"/>
    </row>
    <row r="71705" spans="8:8">
      <c r="H71705" s="12"/>
    </row>
    <row r="71706" spans="8:8">
      <c r="H71706" s="12"/>
    </row>
    <row r="71707" spans="8:8">
      <c r="H71707" s="12"/>
    </row>
    <row r="71708" spans="8:8">
      <c r="H71708" s="12"/>
    </row>
    <row r="71709" spans="8:8">
      <c r="H71709" s="12"/>
    </row>
    <row r="71710" spans="8:8">
      <c r="H71710" s="12"/>
    </row>
    <row r="71711" spans="8:8">
      <c r="H71711" s="12"/>
    </row>
    <row r="71712" spans="8:8">
      <c r="H71712" s="12"/>
    </row>
    <row r="71713" spans="8:8">
      <c r="H71713" s="12"/>
    </row>
    <row r="71714" spans="8:8">
      <c r="H71714" s="12"/>
    </row>
    <row r="71715" spans="8:8">
      <c r="H71715" s="12"/>
    </row>
    <row r="71716" spans="8:8">
      <c r="H71716" s="12"/>
    </row>
    <row r="71717" spans="8:8">
      <c r="H71717" s="12"/>
    </row>
    <row r="71718" spans="8:8">
      <c r="H71718" s="12"/>
    </row>
    <row r="71719" spans="8:8">
      <c r="H71719" s="12"/>
    </row>
    <row r="71720" spans="8:8">
      <c r="H71720" s="12"/>
    </row>
    <row r="71721" spans="8:8">
      <c r="H71721" s="12"/>
    </row>
    <row r="71722" spans="8:8">
      <c r="H71722" s="12"/>
    </row>
    <row r="71723" spans="8:8">
      <c r="H71723" s="12"/>
    </row>
    <row r="71724" spans="8:8">
      <c r="H71724" s="12"/>
    </row>
    <row r="71725" spans="8:8">
      <c r="H71725" s="12"/>
    </row>
    <row r="71726" spans="8:8">
      <c r="H71726" s="12"/>
    </row>
    <row r="71727" spans="8:8">
      <c r="H71727" s="12"/>
    </row>
    <row r="71728" spans="8:8">
      <c r="H71728" s="12"/>
    </row>
    <row r="71729" spans="8:8">
      <c r="H71729" s="12"/>
    </row>
    <row r="71730" spans="8:8">
      <c r="H71730" s="12"/>
    </row>
    <row r="71731" spans="8:8">
      <c r="H71731" s="12"/>
    </row>
    <row r="71732" spans="8:8">
      <c r="H71732" s="12"/>
    </row>
    <row r="71733" spans="8:8">
      <c r="H71733" s="12"/>
    </row>
    <row r="71734" spans="8:8">
      <c r="H71734" s="12"/>
    </row>
    <row r="71735" spans="8:8">
      <c r="H71735" s="12"/>
    </row>
    <row r="71736" spans="8:8">
      <c r="H71736" s="12"/>
    </row>
    <row r="71737" spans="8:8">
      <c r="H71737" s="12"/>
    </row>
    <row r="71738" spans="8:8">
      <c r="H71738" s="12"/>
    </row>
    <row r="71739" spans="8:8">
      <c r="H71739" s="12"/>
    </row>
    <row r="71740" spans="8:8">
      <c r="H71740" s="12"/>
    </row>
    <row r="71741" spans="8:8">
      <c r="H71741" s="12"/>
    </row>
    <row r="71742" spans="8:8">
      <c r="H71742" s="12"/>
    </row>
    <row r="71743" spans="8:8">
      <c r="H71743" s="12"/>
    </row>
    <row r="71744" spans="8:8">
      <c r="H71744" s="12"/>
    </row>
    <row r="71745" spans="8:8">
      <c r="H71745" s="12"/>
    </row>
    <row r="71746" spans="8:8">
      <c r="H71746" s="12"/>
    </row>
    <row r="71747" spans="8:8">
      <c r="H71747" s="12"/>
    </row>
    <row r="71748" spans="8:8">
      <c r="H71748" s="12"/>
    </row>
    <row r="71749" spans="8:8">
      <c r="H71749" s="12"/>
    </row>
    <row r="71750" spans="8:8">
      <c r="H71750" s="12"/>
    </row>
    <row r="71751" spans="8:8">
      <c r="H71751" s="12"/>
    </row>
    <row r="71752" spans="8:8">
      <c r="H71752" s="12"/>
    </row>
    <row r="71753" spans="8:8">
      <c r="H71753" s="12"/>
    </row>
    <row r="71754" spans="8:8">
      <c r="H71754" s="12"/>
    </row>
    <row r="71755" spans="8:8">
      <c r="H71755" s="12"/>
    </row>
    <row r="71756" spans="8:8">
      <c r="H71756" s="12"/>
    </row>
    <row r="71757" spans="8:8">
      <c r="H71757" s="12"/>
    </row>
    <row r="71758" spans="8:8">
      <c r="H71758" s="12"/>
    </row>
    <row r="71759" spans="8:8">
      <c r="H71759" s="12"/>
    </row>
    <row r="71760" spans="8:8">
      <c r="H71760" s="12"/>
    </row>
    <row r="71761" spans="8:8">
      <c r="H71761" s="12"/>
    </row>
    <row r="71762" spans="8:8">
      <c r="H71762" s="12"/>
    </row>
    <row r="71763" spans="8:8">
      <c r="H71763" s="12"/>
    </row>
    <row r="71764" spans="8:8">
      <c r="H71764" s="12"/>
    </row>
    <row r="71765" spans="8:8">
      <c r="H71765" s="12"/>
    </row>
    <row r="71766" spans="8:8">
      <c r="H71766" s="12"/>
    </row>
    <row r="71767" spans="8:8">
      <c r="H71767" s="12"/>
    </row>
    <row r="71768" spans="8:8">
      <c r="H71768" s="12"/>
    </row>
    <row r="71769" spans="8:8">
      <c r="H71769" s="12"/>
    </row>
    <row r="71770" spans="8:8">
      <c r="H71770" s="12"/>
    </row>
    <row r="71771" spans="8:8">
      <c r="H71771" s="12"/>
    </row>
    <row r="71772" spans="8:8">
      <c r="H71772" s="12"/>
    </row>
    <row r="71773" spans="8:8">
      <c r="H71773" s="12"/>
    </row>
    <row r="71774" spans="8:8">
      <c r="H71774" s="12"/>
    </row>
    <row r="71775" spans="8:8">
      <c r="H71775" s="12"/>
    </row>
    <row r="71776" spans="8:8">
      <c r="H71776" s="12"/>
    </row>
    <row r="71777" spans="8:8">
      <c r="H71777" s="12"/>
    </row>
    <row r="71778" spans="8:8">
      <c r="H71778" s="12"/>
    </row>
    <row r="71779" spans="8:8">
      <c r="H71779" s="12"/>
    </row>
    <row r="71780" spans="8:8">
      <c r="H71780" s="12"/>
    </row>
    <row r="71781" spans="8:8">
      <c r="H71781" s="12"/>
    </row>
    <row r="71782" spans="8:8">
      <c r="H71782" s="12"/>
    </row>
    <row r="71783" spans="8:8">
      <c r="H71783" s="12"/>
    </row>
    <row r="71784" spans="8:8">
      <c r="H71784" s="12"/>
    </row>
    <row r="71785" spans="8:8">
      <c r="H71785" s="12"/>
    </row>
    <row r="71786" spans="8:8">
      <c r="H71786" s="12"/>
    </row>
    <row r="71787" spans="8:8">
      <c r="H71787" s="12"/>
    </row>
    <row r="71788" spans="8:8">
      <c r="H71788" s="12"/>
    </row>
    <row r="71789" spans="8:8">
      <c r="H71789" s="12"/>
    </row>
    <row r="71790" spans="8:8">
      <c r="H71790" s="12"/>
    </row>
    <row r="71791" spans="8:8">
      <c r="H71791" s="12"/>
    </row>
    <row r="71792" spans="8:8">
      <c r="H71792" s="12"/>
    </row>
    <row r="71793" spans="8:8">
      <c r="H71793" s="12"/>
    </row>
    <row r="71794" spans="8:8">
      <c r="H71794" s="12"/>
    </row>
    <row r="71795" spans="8:8">
      <c r="H71795" s="12"/>
    </row>
    <row r="71796" spans="8:8">
      <c r="H71796" s="12"/>
    </row>
    <row r="71797" spans="8:8">
      <c r="H71797" s="12"/>
    </row>
    <row r="71798" spans="8:8">
      <c r="H71798" s="12"/>
    </row>
    <row r="71799" spans="8:8">
      <c r="H71799" s="12"/>
    </row>
    <row r="71800" spans="8:8">
      <c r="H71800" s="12"/>
    </row>
    <row r="71801" spans="8:8">
      <c r="H71801" s="12"/>
    </row>
    <row r="71802" spans="8:8">
      <c r="H71802" s="12"/>
    </row>
    <row r="71803" spans="8:8">
      <c r="H71803" s="12"/>
    </row>
    <row r="71804" spans="8:8">
      <c r="H71804" s="12"/>
    </row>
    <row r="71805" spans="8:8">
      <c r="H71805" s="12"/>
    </row>
    <row r="71806" spans="8:8">
      <c r="H71806" s="12"/>
    </row>
    <row r="71807" spans="8:8">
      <c r="H71807" s="12"/>
    </row>
    <row r="71808" spans="8:8">
      <c r="H71808" s="12"/>
    </row>
    <row r="71809" spans="8:8">
      <c r="H71809" s="12"/>
    </row>
    <row r="71810" spans="8:8">
      <c r="H71810" s="12"/>
    </row>
    <row r="71811" spans="8:8">
      <c r="H71811" s="12"/>
    </row>
    <row r="71812" spans="8:8">
      <c r="H71812" s="12"/>
    </row>
    <row r="71813" spans="8:8">
      <c r="H71813" s="12"/>
    </row>
    <row r="71814" spans="8:8">
      <c r="H71814" s="12"/>
    </row>
    <row r="71815" spans="8:8">
      <c r="H71815" s="12"/>
    </row>
    <row r="71816" spans="8:8">
      <c r="H71816" s="12"/>
    </row>
    <row r="71817" spans="8:8">
      <c r="H71817" s="12"/>
    </row>
    <row r="71818" spans="8:8">
      <c r="H71818" s="12"/>
    </row>
    <row r="71819" spans="8:8">
      <c r="H71819" s="12"/>
    </row>
    <row r="71820" spans="8:8">
      <c r="H71820" s="12"/>
    </row>
    <row r="71821" spans="8:8">
      <c r="H71821" s="12"/>
    </row>
    <row r="71822" spans="8:8">
      <c r="H71822" s="12"/>
    </row>
    <row r="71823" spans="8:8">
      <c r="H71823" s="12"/>
    </row>
    <row r="71824" spans="8:8">
      <c r="H71824" s="12"/>
    </row>
    <row r="71825" spans="8:8">
      <c r="H71825" s="12"/>
    </row>
    <row r="71826" spans="8:8">
      <c r="H71826" s="12"/>
    </row>
    <row r="71827" spans="8:8">
      <c r="H71827" s="12"/>
    </row>
    <row r="71828" spans="8:8">
      <c r="H71828" s="12"/>
    </row>
    <row r="71829" spans="8:8">
      <c r="H71829" s="12"/>
    </row>
    <row r="71830" spans="8:8">
      <c r="H71830" s="12"/>
    </row>
    <row r="71831" spans="8:8">
      <c r="H71831" s="12"/>
    </row>
    <row r="71832" spans="8:8">
      <c r="H71832" s="12"/>
    </row>
    <row r="71833" spans="8:8">
      <c r="H71833" s="12"/>
    </row>
    <row r="71834" spans="8:8">
      <c r="H71834" s="12"/>
    </row>
    <row r="71835" spans="8:8">
      <c r="H71835" s="12"/>
    </row>
    <row r="71836" spans="8:8">
      <c r="H71836" s="12"/>
    </row>
    <row r="71837" spans="8:8">
      <c r="H71837" s="12"/>
    </row>
    <row r="71838" spans="8:8">
      <c r="H71838" s="12"/>
    </row>
    <row r="71839" spans="8:8">
      <c r="H71839" s="12"/>
    </row>
    <row r="71840" spans="8:8">
      <c r="H71840" s="12"/>
    </row>
    <row r="71841" spans="8:8">
      <c r="H71841" s="12"/>
    </row>
    <row r="71842" spans="8:8">
      <c r="H71842" s="12"/>
    </row>
    <row r="71843" spans="8:8">
      <c r="H71843" s="12"/>
    </row>
    <row r="71844" spans="8:8">
      <c r="H71844" s="12"/>
    </row>
    <row r="71845" spans="8:8">
      <c r="H71845" s="12"/>
    </row>
    <row r="71846" spans="8:8">
      <c r="H71846" s="12"/>
    </row>
    <row r="71847" spans="8:8">
      <c r="H71847" s="12"/>
    </row>
    <row r="71848" spans="8:8">
      <c r="H71848" s="12"/>
    </row>
    <row r="71849" spans="8:8">
      <c r="H71849" s="12"/>
    </row>
    <row r="71850" spans="8:8">
      <c r="H71850" s="12"/>
    </row>
    <row r="71851" spans="8:8">
      <c r="H71851" s="12"/>
    </row>
    <row r="71852" spans="8:8">
      <c r="H71852" s="12"/>
    </row>
    <row r="71853" spans="8:8">
      <c r="H71853" s="12"/>
    </row>
    <row r="71854" spans="8:8">
      <c r="H71854" s="12"/>
    </row>
    <row r="71855" spans="8:8">
      <c r="H71855" s="12"/>
    </row>
    <row r="71856" spans="8:8">
      <c r="H71856" s="12"/>
    </row>
    <row r="71857" spans="8:8">
      <c r="H71857" s="12"/>
    </row>
    <row r="71858" spans="8:8">
      <c r="H71858" s="12"/>
    </row>
    <row r="71859" spans="8:8">
      <c r="H71859" s="12"/>
    </row>
    <row r="71860" spans="8:8">
      <c r="H71860" s="12"/>
    </row>
    <row r="71861" spans="8:8">
      <c r="H71861" s="12"/>
    </row>
    <row r="71862" spans="8:8">
      <c r="H71862" s="12"/>
    </row>
    <row r="71863" spans="8:8">
      <c r="H71863" s="12"/>
    </row>
    <row r="71864" spans="8:8">
      <c r="H71864" s="12"/>
    </row>
    <row r="71865" spans="8:8">
      <c r="H71865" s="12"/>
    </row>
    <row r="71866" spans="8:8">
      <c r="H71866" s="12"/>
    </row>
    <row r="71867" spans="8:8">
      <c r="H71867" s="12"/>
    </row>
    <row r="71868" spans="8:8">
      <c r="H71868" s="12"/>
    </row>
    <row r="71869" spans="8:8">
      <c r="H71869" s="12"/>
    </row>
    <row r="71870" spans="8:8">
      <c r="H71870" s="12"/>
    </row>
    <row r="71871" spans="8:8">
      <c r="H71871" s="12"/>
    </row>
    <row r="71872" spans="8:8">
      <c r="H71872" s="12"/>
    </row>
    <row r="71873" spans="8:8">
      <c r="H71873" s="12"/>
    </row>
    <row r="71874" spans="8:8">
      <c r="H71874" s="12"/>
    </row>
    <row r="71875" spans="8:8">
      <c r="H71875" s="12"/>
    </row>
    <row r="71876" spans="8:8">
      <c r="H71876" s="12"/>
    </row>
    <row r="71877" spans="8:8">
      <c r="H71877" s="12"/>
    </row>
    <row r="71878" spans="8:8">
      <c r="H71878" s="12"/>
    </row>
    <row r="71879" spans="8:8">
      <c r="H71879" s="12"/>
    </row>
    <row r="71880" spans="8:8">
      <c r="H71880" s="12"/>
    </row>
    <row r="71881" spans="8:8">
      <c r="H71881" s="12"/>
    </row>
    <row r="71882" spans="8:8">
      <c r="H71882" s="12"/>
    </row>
    <row r="71883" spans="8:8">
      <c r="H71883" s="12"/>
    </row>
    <row r="71884" spans="8:8">
      <c r="H71884" s="12"/>
    </row>
    <row r="71885" spans="8:8">
      <c r="H71885" s="12"/>
    </row>
    <row r="71886" spans="8:8">
      <c r="H71886" s="12"/>
    </row>
    <row r="71887" spans="8:8">
      <c r="H71887" s="12"/>
    </row>
    <row r="71888" spans="8:8">
      <c r="H71888" s="12"/>
    </row>
    <row r="71889" spans="8:8">
      <c r="H71889" s="12"/>
    </row>
    <row r="71890" spans="8:8">
      <c r="H71890" s="12"/>
    </row>
    <row r="71891" spans="8:8">
      <c r="H71891" s="12"/>
    </row>
    <row r="71892" spans="8:8">
      <c r="H71892" s="12"/>
    </row>
    <row r="71893" spans="8:8">
      <c r="H71893" s="12"/>
    </row>
    <row r="71894" spans="8:8">
      <c r="H71894" s="12"/>
    </row>
    <row r="71895" spans="8:8">
      <c r="H71895" s="12"/>
    </row>
    <row r="71896" spans="8:8">
      <c r="H71896" s="12"/>
    </row>
    <row r="71897" spans="8:8">
      <c r="H71897" s="12"/>
    </row>
    <row r="71898" spans="8:8">
      <c r="H71898" s="12"/>
    </row>
    <row r="71899" spans="8:8">
      <c r="H71899" s="12"/>
    </row>
    <row r="71900" spans="8:8">
      <c r="H71900" s="12"/>
    </row>
    <row r="71901" spans="8:8">
      <c r="H71901" s="12"/>
    </row>
    <row r="71902" spans="8:8">
      <c r="H71902" s="12"/>
    </row>
    <row r="71903" spans="8:8">
      <c r="H71903" s="12"/>
    </row>
    <row r="71904" spans="8:8">
      <c r="H71904" s="12"/>
    </row>
    <row r="71905" spans="8:8">
      <c r="H71905" s="12"/>
    </row>
    <row r="71906" spans="8:8">
      <c r="H71906" s="12"/>
    </row>
    <row r="71907" spans="8:8">
      <c r="H71907" s="12"/>
    </row>
    <row r="71908" spans="8:8">
      <c r="H71908" s="12"/>
    </row>
    <row r="71909" spans="8:8">
      <c r="H71909" s="12"/>
    </row>
    <row r="71910" spans="8:8">
      <c r="H71910" s="12"/>
    </row>
    <row r="71911" spans="8:8">
      <c r="H71911" s="12"/>
    </row>
    <row r="71912" spans="8:8">
      <c r="H71912" s="12"/>
    </row>
    <row r="71913" spans="8:8">
      <c r="H71913" s="12"/>
    </row>
    <row r="71914" spans="8:8">
      <c r="H71914" s="12"/>
    </row>
    <row r="71915" spans="8:8">
      <c r="H71915" s="12"/>
    </row>
    <row r="71916" spans="8:8">
      <c r="H71916" s="12"/>
    </row>
    <row r="71917" spans="8:8">
      <c r="H71917" s="12"/>
    </row>
    <row r="71918" spans="8:8">
      <c r="H71918" s="12"/>
    </row>
    <row r="71919" spans="8:8">
      <c r="H71919" s="12"/>
    </row>
    <row r="71920" spans="8:8">
      <c r="H71920" s="12"/>
    </row>
    <row r="71921" spans="8:8">
      <c r="H71921" s="12"/>
    </row>
    <row r="71922" spans="8:8">
      <c r="H71922" s="12"/>
    </row>
    <row r="71923" spans="8:8">
      <c r="H71923" s="12"/>
    </row>
    <row r="71924" spans="8:8">
      <c r="H71924" s="12"/>
    </row>
    <row r="71925" spans="8:8">
      <c r="H71925" s="12"/>
    </row>
    <row r="71926" spans="8:8">
      <c r="H71926" s="12"/>
    </row>
    <row r="71927" spans="8:8">
      <c r="H71927" s="12"/>
    </row>
    <row r="71928" spans="8:8">
      <c r="H71928" s="12"/>
    </row>
    <row r="71929" spans="8:8">
      <c r="H71929" s="12"/>
    </row>
    <row r="71930" spans="8:8">
      <c r="H71930" s="12"/>
    </row>
    <row r="71931" spans="8:8">
      <c r="H71931" s="12"/>
    </row>
    <row r="71932" spans="8:8">
      <c r="H71932" s="12"/>
    </row>
    <row r="71933" spans="8:8">
      <c r="H71933" s="12"/>
    </row>
    <row r="71934" spans="8:8">
      <c r="H71934" s="12"/>
    </row>
    <row r="71935" spans="8:8">
      <c r="H71935" s="12"/>
    </row>
    <row r="71936" spans="8:8">
      <c r="H71936" s="12"/>
    </row>
    <row r="71937" spans="8:8">
      <c r="H71937" s="12"/>
    </row>
    <row r="71938" spans="8:8">
      <c r="H71938" s="12"/>
    </row>
    <row r="71939" spans="8:8">
      <c r="H71939" s="12"/>
    </row>
    <row r="71940" spans="8:8">
      <c r="H71940" s="12"/>
    </row>
    <row r="71941" spans="8:8">
      <c r="H71941" s="12"/>
    </row>
    <row r="71942" spans="8:8">
      <c r="H71942" s="12"/>
    </row>
    <row r="71943" spans="8:8">
      <c r="H71943" s="12"/>
    </row>
    <row r="71944" spans="8:8">
      <c r="H71944" s="12"/>
    </row>
    <row r="71945" spans="8:8">
      <c r="H71945" s="12"/>
    </row>
    <row r="71946" spans="8:8">
      <c r="H71946" s="12"/>
    </row>
    <row r="71947" spans="8:8">
      <c r="H71947" s="12"/>
    </row>
    <row r="71948" spans="8:8">
      <c r="H71948" s="12"/>
    </row>
    <row r="71949" spans="8:8">
      <c r="H71949" s="12"/>
    </row>
    <row r="71950" spans="8:8">
      <c r="H71950" s="12"/>
    </row>
    <row r="71951" spans="8:8">
      <c r="H71951" s="12"/>
    </row>
    <row r="71952" spans="8:8">
      <c r="H71952" s="12"/>
    </row>
    <row r="71953" spans="8:8">
      <c r="H71953" s="12"/>
    </row>
    <row r="71954" spans="8:8">
      <c r="H71954" s="12"/>
    </row>
    <row r="71955" spans="8:8">
      <c r="H71955" s="12"/>
    </row>
    <row r="71956" spans="8:8">
      <c r="H71956" s="12"/>
    </row>
    <row r="71957" spans="8:8">
      <c r="H71957" s="12"/>
    </row>
    <row r="71958" spans="8:8">
      <c r="H71958" s="12"/>
    </row>
    <row r="71959" spans="8:8">
      <c r="H71959" s="12"/>
    </row>
    <row r="71960" spans="8:8">
      <c r="H71960" s="12"/>
    </row>
    <row r="71961" spans="8:8">
      <c r="H71961" s="12"/>
    </row>
    <row r="71962" spans="8:8">
      <c r="H71962" s="12"/>
    </row>
    <row r="71963" spans="8:8">
      <c r="H71963" s="12"/>
    </row>
    <row r="71964" spans="8:8">
      <c r="H71964" s="12"/>
    </row>
    <row r="71965" spans="8:8">
      <c r="H71965" s="12"/>
    </row>
    <row r="71966" spans="8:8">
      <c r="H71966" s="12"/>
    </row>
    <row r="71967" spans="8:8">
      <c r="H71967" s="12"/>
    </row>
    <row r="71968" spans="8:8">
      <c r="H71968" s="12"/>
    </row>
    <row r="71969" spans="8:8">
      <c r="H71969" s="12"/>
    </row>
    <row r="71970" spans="8:8">
      <c r="H71970" s="12"/>
    </row>
    <row r="71971" spans="8:8">
      <c r="H71971" s="12"/>
    </row>
    <row r="71972" spans="8:8">
      <c r="H71972" s="12"/>
    </row>
    <row r="71973" spans="8:8">
      <c r="H71973" s="12"/>
    </row>
    <row r="71974" spans="8:8">
      <c r="H71974" s="12"/>
    </row>
    <row r="71975" spans="8:8">
      <c r="H71975" s="12"/>
    </row>
    <row r="71976" spans="8:8">
      <c r="H71976" s="12"/>
    </row>
    <row r="71977" spans="8:8">
      <c r="H71977" s="12"/>
    </row>
    <row r="71978" spans="8:8">
      <c r="H71978" s="12"/>
    </row>
    <row r="71979" spans="8:8">
      <c r="H71979" s="12"/>
    </row>
    <row r="71980" spans="8:8">
      <c r="H71980" s="12"/>
    </row>
    <row r="71981" spans="8:8">
      <c r="H71981" s="12"/>
    </row>
    <row r="71982" spans="8:8">
      <c r="H71982" s="12"/>
    </row>
    <row r="71983" spans="8:8">
      <c r="H71983" s="12"/>
    </row>
    <row r="71984" spans="8:8">
      <c r="H71984" s="12"/>
    </row>
    <row r="71985" spans="8:8">
      <c r="H71985" s="12"/>
    </row>
    <row r="71986" spans="8:8">
      <c r="H71986" s="12"/>
    </row>
    <row r="71987" spans="8:8">
      <c r="H71987" s="12"/>
    </row>
    <row r="71988" spans="8:8">
      <c r="H71988" s="12"/>
    </row>
    <row r="71989" spans="8:8">
      <c r="H71989" s="12"/>
    </row>
    <row r="71990" spans="8:8">
      <c r="H71990" s="12"/>
    </row>
    <row r="71991" spans="8:8">
      <c r="H71991" s="12"/>
    </row>
    <row r="71992" spans="8:8">
      <c r="H71992" s="12"/>
    </row>
    <row r="71993" spans="8:8">
      <c r="H71993" s="12"/>
    </row>
    <row r="71994" spans="8:8">
      <c r="H71994" s="12"/>
    </row>
    <row r="71995" spans="8:8">
      <c r="H71995" s="12"/>
    </row>
    <row r="71996" spans="8:8">
      <c r="H71996" s="12"/>
    </row>
    <row r="71997" spans="8:8">
      <c r="H71997" s="12"/>
    </row>
    <row r="71998" spans="8:8">
      <c r="H71998" s="12"/>
    </row>
    <row r="71999" spans="8:8">
      <c r="H71999" s="12"/>
    </row>
    <row r="72000" spans="8:8">
      <c r="H72000" s="12"/>
    </row>
    <row r="72001" spans="8:8">
      <c r="H72001" s="12"/>
    </row>
    <row r="72002" spans="8:8">
      <c r="H72002" s="12"/>
    </row>
    <row r="72003" spans="8:8">
      <c r="H72003" s="12"/>
    </row>
    <row r="72004" spans="8:8">
      <c r="H72004" s="12"/>
    </row>
    <row r="72005" spans="8:8">
      <c r="H72005" s="12"/>
    </row>
    <row r="72006" spans="8:8">
      <c r="H72006" s="12"/>
    </row>
    <row r="72007" spans="8:8">
      <c r="H72007" s="12"/>
    </row>
    <row r="72008" spans="8:8">
      <c r="H72008" s="12"/>
    </row>
    <row r="72009" spans="8:8">
      <c r="H72009" s="12"/>
    </row>
    <row r="72010" spans="8:8">
      <c r="H72010" s="12"/>
    </row>
    <row r="72011" spans="8:8">
      <c r="H72011" s="12"/>
    </row>
    <row r="72012" spans="8:8">
      <c r="H72012" s="12"/>
    </row>
    <row r="72013" spans="8:8">
      <c r="H72013" s="12"/>
    </row>
    <row r="72014" spans="8:8">
      <c r="H72014" s="12"/>
    </row>
    <row r="72015" spans="8:8">
      <c r="H72015" s="12"/>
    </row>
    <row r="72016" spans="8:8">
      <c r="H72016" s="12"/>
    </row>
    <row r="72017" spans="8:8">
      <c r="H72017" s="12"/>
    </row>
    <row r="72018" spans="8:8">
      <c r="H72018" s="12"/>
    </row>
    <row r="72019" spans="8:8">
      <c r="H72019" s="12"/>
    </row>
    <row r="72020" spans="8:8">
      <c r="H72020" s="12"/>
    </row>
    <row r="72021" spans="8:8">
      <c r="H72021" s="12"/>
    </row>
    <row r="72022" spans="8:8">
      <c r="H72022" s="12"/>
    </row>
    <row r="72023" spans="8:8">
      <c r="H72023" s="12"/>
    </row>
    <row r="72024" spans="8:8">
      <c r="H72024" s="12"/>
    </row>
    <row r="72025" spans="8:8">
      <c r="H72025" s="12"/>
    </row>
    <row r="72026" spans="8:8">
      <c r="H72026" s="12"/>
    </row>
    <row r="72027" spans="8:8">
      <c r="H72027" s="12"/>
    </row>
    <row r="72028" spans="8:8">
      <c r="H72028" s="12"/>
    </row>
    <row r="72029" spans="8:8">
      <c r="H72029" s="12"/>
    </row>
    <row r="72030" spans="8:8">
      <c r="H72030" s="12"/>
    </row>
    <row r="72031" spans="8:8">
      <c r="H72031" s="12"/>
    </row>
    <row r="72032" spans="8:8">
      <c r="H72032" s="12"/>
    </row>
    <row r="72033" spans="8:8">
      <c r="H72033" s="12"/>
    </row>
    <row r="72034" spans="8:8">
      <c r="H72034" s="12"/>
    </row>
    <row r="72035" spans="8:8">
      <c r="H72035" s="12"/>
    </row>
    <row r="72036" spans="8:8">
      <c r="H72036" s="12"/>
    </row>
    <row r="72037" spans="8:8">
      <c r="H72037" s="12"/>
    </row>
    <row r="72038" spans="8:8">
      <c r="H72038" s="12"/>
    </row>
    <row r="72039" spans="8:8">
      <c r="H72039" s="12"/>
    </row>
    <row r="72040" spans="8:8">
      <c r="H72040" s="12"/>
    </row>
    <row r="72041" spans="8:8">
      <c r="H72041" s="12"/>
    </row>
    <row r="72042" spans="8:8">
      <c r="H72042" s="12"/>
    </row>
    <row r="72043" spans="8:8">
      <c r="H72043" s="12"/>
    </row>
    <row r="72044" spans="8:8">
      <c r="H72044" s="12"/>
    </row>
    <row r="72045" spans="8:8">
      <c r="H72045" s="12"/>
    </row>
    <row r="72046" spans="8:8">
      <c r="H72046" s="12"/>
    </row>
    <row r="72047" spans="8:8">
      <c r="H72047" s="12"/>
    </row>
    <row r="72048" spans="8:8">
      <c r="H72048" s="12"/>
    </row>
    <row r="72049" spans="8:8">
      <c r="H72049" s="12"/>
    </row>
    <row r="72050" spans="8:8">
      <c r="H72050" s="12"/>
    </row>
    <row r="72051" spans="8:8">
      <c r="H72051" s="12"/>
    </row>
    <row r="72052" spans="8:8">
      <c r="H72052" s="12"/>
    </row>
    <row r="72053" spans="8:8">
      <c r="H72053" s="12"/>
    </row>
    <row r="72054" spans="8:8">
      <c r="H72054" s="12"/>
    </row>
    <row r="72055" spans="8:8">
      <c r="H72055" s="12"/>
    </row>
    <row r="72056" spans="8:8">
      <c r="H72056" s="12"/>
    </row>
    <row r="72057" spans="8:8">
      <c r="H72057" s="12"/>
    </row>
    <row r="72058" spans="8:8">
      <c r="H72058" s="12"/>
    </row>
    <row r="72059" spans="8:8">
      <c r="H72059" s="12"/>
    </row>
    <row r="72060" spans="8:8">
      <c r="H72060" s="12"/>
    </row>
    <row r="72061" spans="8:8">
      <c r="H72061" s="12"/>
    </row>
    <row r="72062" spans="8:8">
      <c r="H72062" s="12"/>
    </row>
    <row r="72063" spans="8:8">
      <c r="H72063" s="12"/>
    </row>
    <row r="72064" spans="8:8">
      <c r="H72064" s="12"/>
    </row>
    <row r="72065" spans="8:8">
      <c r="H72065" s="12"/>
    </row>
    <row r="72066" spans="8:8">
      <c r="H72066" s="12"/>
    </row>
    <row r="72067" spans="8:8">
      <c r="H72067" s="12"/>
    </row>
    <row r="72068" spans="8:8">
      <c r="H72068" s="12"/>
    </row>
    <row r="72069" spans="8:8">
      <c r="H72069" s="12"/>
    </row>
    <row r="72070" spans="8:8">
      <c r="H72070" s="12"/>
    </row>
    <row r="72071" spans="8:8">
      <c r="H72071" s="12"/>
    </row>
    <row r="72072" spans="8:8">
      <c r="H72072" s="12"/>
    </row>
    <row r="72073" spans="8:8">
      <c r="H72073" s="12"/>
    </row>
    <row r="72074" spans="8:8">
      <c r="H72074" s="12"/>
    </row>
    <row r="72075" spans="8:8">
      <c r="H72075" s="12"/>
    </row>
    <row r="72076" spans="8:8">
      <c r="H72076" s="12"/>
    </row>
    <row r="72077" spans="8:8">
      <c r="H72077" s="12"/>
    </row>
    <row r="72078" spans="8:8">
      <c r="H72078" s="12"/>
    </row>
    <row r="72079" spans="8:8">
      <c r="H72079" s="12"/>
    </row>
    <row r="72080" spans="8:8">
      <c r="H72080" s="12"/>
    </row>
    <row r="72081" spans="8:8">
      <c r="H72081" s="12"/>
    </row>
    <row r="72082" spans="8:8">
      <c r="H72082" s="12"/>
    </row>
    <row r="72083" spans="8:8">
      <c r="H72083" s="12"/>
    </row>
    <row r="72084" spans="8:8">
      <c r="H72084" s="12"/>
    </row>
    <row r="72085" spans="8:8">
      <c r="H72085" s="12"/>
    </row>
    <row r="72086" spans="8:8">
      <c r="H72086" s="12"/>
    </row>
    <row r="72087" spans="8:8">
      <c r="H72087" s="12"/>
    </row>
    <row r="72088" spans="8:8">
      <c r="H72088" s="12"/>
    </row>
    <row r="72089" spans="8:8">
      <c r="H72089" s="12"/>
    </row>
    <row r="72090" spans="8:8">
      <c r="H72090" s="12"/>
    </row>
    <row r="72091" spans="8:8">
      <c r="H72091" s="12"/>
    </row>
    <row r="72092" spans="8:8">
      <c r="H72092" s="12"/>
    </row>
    <row r="72093" spans="8:8">
      <c r="H72093" s="12"/>
    </row>
    <row r="72094" spans="8:8">
      <c r="H72094" s="12"/>
    </row>
    <row r="72095" spans="8:8">
      <c r="H72095" s="12"/>
    </row>
    <row r="72096" spans="8:8">
      <c r="H72096" s="12"/>
    </row>
    <row r="72097" spans="8:8">
      <c r="H72097" s="12"/>
    </row>
    <row r="72098" spans="8:8">
      <c r="H72098" s="12"/>
    </row>
    <row r="72099" spans="8:8">
      <c r="H72099" s="12"/>
    </row>
    <row r="72100" spans="8:8">
      <c r="H72100" s="12"/>
    </row>
    <row r="72101" spans="8:8">
      <c r="H72101" s="12"/>
    </row>
    <row r="72102" spans="8:8">
      <c r="H72102" s="12"/>
    </row>
    <row r="72103" spans="8:8">
      <c r="H72103" s="12"/>
    </row>
    <row r="72104" spans="8:8">
      <c r="H72104" s="12"/>
    </row>
    <row r="72105" spans="8:8">
      <c r="H72105" s="12"/>
    </row>
    <row r="72106" spans="8:8">
      <c r="H72106" s="12"/>
    </row>
    <row r="72107" spans="8:8">
      <c r="H72107" s="12"/>
    </row>
    <row r="72108" spans="8:8">
      <c r="H72108" s="12"/>
    </row>
    <row r="72109" spans="8:8">
      <c r="H72109" s="12"/>
    </row>
    <row r="72110" spans="8:8">
      <c r="H72110" s="12"/>
    </row>
    <row r="72111" spans="8:8">
      <c r="H72111" s="12"/>
    </row>
    <row r="72112" spans="8:8">
      <c r="H72112" s="12"/>
    </row>
    <row r="72113" spans="8:8">
      <c r="H72113" s="12"/>
    </row>
    <row r="72114" spans="8:8">
      <c r="H72114" s="12"/>
    </row>
    <row r="72115" spans="8:8">
      <c r="H72115" s="12"/>
    </row>
    <row r="72116" spans="8:8">
      <c r="H72116" s="12"/>
    </row>
    <row r="72117" spans="8:8">
      <c r="H72117" s="12"/>
    </row>
    <row r="72118" spans="8:8">
      <c r="H72118" s="12"/>
    </row>
    <row r="72119" spans="8:8">
      <c r="H72119" s="12"/>
    </row>
    <row r="72120" spans="8:8">
      <c r="H72120" s="12"/>
    </row>
    <row r="72121" spans="8:8">
      <c r="H72121" s="12"/>
    </row>
    <row r="72122" spans="8:8">
      <c r="H72122" s="12"/>
    </row>
    <row r="72123" spans="8:8">
      <c r="H72123" s="12"/>
    </row>
    <row r="72124" spans="8:8">
      <c r="H72124" s="12"/>
    </row>
    <row r="72125" spans="8:8">
      <c r="H72125" s="12"/>
    </row>
    <row r="72126" spans="8:8">
      <c r="H72126" s="12"/>
    </row>
    <row r="72127" spans="8:8">
      <c r="H72127" s="12"/>
    </row>
    <row r="72128" spans="8:8">
      <c r="H72128" s="12"/>
    </row>
    <row r="72129" spans="8:8">
      <c r="H72129" s="12"/>
    </row>
    <row r="72130" spans="8:8">
      <c r="H72130" s="12"/>
    </row>
    <row r="72131" spans="8:8">
      <c r="H72131" s="12"/>
    </row>
    <row r="72132" spans="8:8">
      <c r="H72132" s="12"/>
    </row>
    <row r="72133" spans="8:8">
      <c r="H72133" s="12"/>
    </row>
    <row r="72134" spans="8:8">
      <c r="H72134" s="12"/>
    </row>
    <row r="72135" spans="8:8">
      <c r="H72135" s="12"/>
    </row>
    <row r="72136" spans="8:8">
      <c r="H72136" s="12"/>
    </row>
    <row r="72137" spans="8:8">
      <c r="H72137" s="12"/>
    </row>
    <row r="72138" spans="8:8">
      <c r="H72138" s="12"/>
    </row>
    <row r="72139" spans="8:8">
      <c r="H72139" s="12"/>
    </row>
    <row r="72140" spans="8:8">
      <c r="H72140" s="12"/>
    </row>
    <row r="72141" spans="8:8">
      <c r="H72141" s="12"/>
    </row>
    <row r="72142" spans="8:8">
      <c r="H72142" s="12"/>
    </row>
    <row r="72143" spans="8:8">
      <c r="H72143" s="12"/>
    </row>
    <row r="72144" spans="8:8">
      <c r="H72144" s="12"/>
    </row>
    <row r="72145" spans="8:8">
      <c r="H72145" s="12"/>
    </row>
    <row r="72146" spans="8:8">
      <c r="H72146" s="12"/>
    </row>
    <row r="72147" spans="8:8">
      <c r="H72147" s="12"/>
    </row>
    <row r="72148" spans="8:8">
      <c r="H72148" s="12"/>
    </row>
    <row r="72149" spans="8:8">
      <c r="H72149" s="12"/>
    </row>
    <row r="72150" spans="8:8">
      <c r="H72150" s="12"/>
    </row>
    <row r="72151" spans="8:8">
      <c r="H72151" s="12"/>
    </row>
    <row r="72152" spans="8:8">
      <c r="H72152" s="12"/>
    </row>
    <row r="72153" spans="8:8">
      <c r="H72153" s="12"/>
    </row>
    <row r="72154" spans="8:8">
      <c r="H72154" s="12"/>
    </row>
    <row r="72155" spans="8:8">
      <c r="H72155" s="12"/>
    </row>
    <row r="72156" spans="8:8">
      <c r="H72156" s="12"/>
    </row>
    <row r="72157" spans="8:8">
      <c r="H72157" s="12"/>
    </row>
    <row r="72158" spans="8:8">
      <c r="H72158" s="12"/>
    </row>
    <row r="72159" spans="8:8">
      <c r="H72159" s="12"/>
    </row>
    <row r="72160" spans="8:8">
      <c r="H72160" s="12"/>
    </row>
    <row r="72161" spans="8:8">
      <c r="H72161" s="12"/>
    </row>
    <row r="72162" spans="8:8">
      <c r="H72162" s="12"/>
    </row>
    <row r="72163" spans="8:8">
      <c r="H72163" s="12"/>
    </row>
    <row r="72164" spans="8:8">
      <c r="H72164" s="12"/>
    </row>
    <row r="72165" spans="8:8">
      <c r="H72165" s="12"/>
    </row>
    <row r="72166" spans="8:8">
      <c r="H72166" s="12"/>
    </row>
    <row r="72167" spans="8:8">
      <c r="H72167" s="12"/>
    </row>
    <row r="72168" spans="8:8">
      <c r="H72168" s="12"/>
    </row>
    <row r="72169" spans="8:8">
      <c r="H72169" s="12"/>
    </row>
    <row r="72170" spans="8:8">
      <c r="H72170" s="12"/>
    </row>
    <row r="72171" spans="8:8">
      <c r="H72171" s="12"/>
    </row>
    <row r="72172" spans="8:8">
      <c r="H72172" s="12"/>
    </row>
    <row r="72173" spans="8:8">
      <c r="H72173" s="12"/>
    </row>
    <row r="72174" spans="8:8">
      <c r="H72174" s="12"/>
    </row>
    <row r="72175" spans="8:8">
      <c r="H72175" s="12"/>
    </row>
    <row r="72176" spans="8:8">
      <c r="H72176" s="12"/>
    </row>
    <row r="72177" spans="8:8">
      <c r="H72177" s="12"/>
    </row>
    <row r="72178" spans="8:8">
      <c r="H72178" s="12"/>
    </row>
    <row r="72179" spans="8:8">
      <c r="H72179" s="12"/>
    </row>
    <row r="72180" spans="8:8">
      <c r="H72180" s="12"/>
    </row>
    <row r="72181" spans="8:8">
      <c r="H72181" s="12"/>
    </row>
    <row r="72182" spans="8:8">
      <c r="H72182" s="12"/>
    </row>
    <row r="72183" spans="8:8">
      <c r="H72183" s="12"/>
    </row>
    <row r="72184" spans="8:8">
      <c r="H72184" s="12"/>
    </row>
    <row r="72185" spans="8:8">
      <c r="H72185" s="12"/>
    </row>
    <row r="72186" spans="8:8">
      <c r="H72186" s="12"/>
    </row>
    <row r="72187" spans="8:8">
      <c r="H72187" s="12"/>
    </row>
    <row r="72188" spans="8:8">
      <c r="H72188" s="12"/>
    </row>
    <row r="72189" spans="8:8">
      <c r="H72189" s="12"/>
    </row>
    <row r="72190" spans="8:8">
      <c r="H72190" s="12"/>
    </row>
    <row r="72191" spans="8:8">
      <c r="H72191" s="12"/>
    </row>
    <row r="72192" spans="8:8">
      <c r="H72192" s="12"/>
    </row>
    <row r="72193" spans="8:8">
      <c r="H72193" s="12"/>
    </row>
    <row r="72194" spans="8:8">
      <c r="H72194" s="12"/>
    </row>
    <row r="72195" spans="8:8">
      <c r="H72195" s="12"/>
    </row>
    <row r="72196" spans="8:8">
      <c r="H72196" s="12"/>
    </row>
    <row r="72197" spans="8:8">
      <c r="H72197" s="12"/>
    </row>
    <row r="72198" spans="8:8">
      <c r="H72198" s="12"/>
    </row>
    <row r="72199" spans="8:8">
      <c r="H72199" s="12"/>
    </row>
    <row r="72200" spans="8:8">
      <c r="H72200" s="12"/>
    </row>
    <row r="72201" spans="8:8">
      <c r="H72201" s="12"/>
    </row>
    <row r="72202" spans="8:8">
      <c r="H72202" s="12"/>
    </row>
    <row r="72203" spans="8:8">
      <c r="H72203" s="12"/>
    </row>
    <row r="72204" spans="8:8">
      <c r="H72204" s="12"/>
    </row>
    <row r="72205" spans="8:8">
      <c r="H72205" s="12"/>
    </row>
    <row r="72206" spans="8:8">
      <c r="H72206" s="12"/>
    </row>
    <row r="72207" spans="8:8">
      <c r="H72207" s="12"/>
    </row>
    <row r="72208" spans="8:8">
      <c r="H72208" s="12"/>
    </row>
    <row r="72209" spans="8:8">
      <c r="H72209" s="12"/>
    </row>
    <row r="72210" spans="8:8">
      <c r="H72210" s="12"/>
    </row>
    <row r="72211" spans="8:8">
      <c r="H72211" s="12"/>
    </row>
    <row r="72212" spans="8:8">
      <c r="H72212" s="12"/>
    </row>
    <row r="72213" spans="8:8">
      <c r="H72213" s="12"/>
    </row>
    <row r="72214" spans="8:8">
      <c r="H72214" s="12"/>
    </row>
    <row r="72215" spans="8:8">
      <c r="H72215" s="12"/>
    </row>
    <row r="72216" spans="8:8">
      <c r="H72216" s="12"/>
    </row>
    <row r="72217" spans="8:8">
      <c r="H72217" s="12"/>
    </row>
    <row r="72218" spans="8:8">
      <c r="H72218" s="12"/>
    </row>
    <row r="72219" spans="8:8">
      <c r="H72219" s="12"/>
    </row>
    <row r="72220" spans="8:8">
      <c r="H72220" s="12"/>
    </row>
    <row r="72221" spans="8:8">
      <c r="H72221" s="12"/>
    </row>
    <row r="72222" spans="8:8">
      <c r="H72222" s="12"/>
    </row>
    <row r="72223" spans="8:8">
      <c r="H72223" s="12"/>
    </row>
    <row r="72224" spans="8:8">
      <c r="H72224" s="12"/>
    </row>
    <row r="72225" spans="8:8">
      <c r="H72225" s="12"/>
    </row>
    <row r="72226" spans="8:8">
      <c r="H72226" s="12"/>
    </row>
    <row r="72227" spans="8:8">
      <c r="H72227" s="12"/>
    </row>
    <row r="72228" spans="8:8">
      <c r="H72228" s="12"/>
    </row>
    <row r="72229" spans="8:8">
      <c r="H72229" s="12"/>
    </row>
    <row r="72230" spans="8:8">
      <c r="H72230" s="12"/>
    </row>
    <row r="72231" spans="8:8">
      <c r="H72231" s="12"/>
    </row>
    <row r="72232" spans="8:8">
      <c r="H72232" s="12"/>
    </row>
    <row r="72233" spans="8:8">
      <c r="H72233" s="12"/>
    </row>
    <row r="72234" spans="8:8">
      <c r="H72234" s="12"/>
    </row>
    <row r="72235" spans="8:8">
      <c r="H72235" s="12"/>
    </row>
    <row r="72236" spans="8:8">
      <c r="H72236" s="12"/>
    </row>
    <row r="72237" spans="8:8">
      <c r="H72237" s="12"/>
    </row>
    <row r="72238" spans="8:8">
      <c r="H72238" s="12"/>
    </row>
    <row r="72239" spans="8:8">
      <c r="H72239" s="12"/>
    </row>
    <row r="72240" spans="8:8">
      <c r="H72240" s="12"/>
    </row>
    <row r="72241" spans="8:8">
      <c r="H72241" s="12"/>
    </row>
    <row r="72242" spans="8:8">
      <c r="H72242" s="12"/>
    </row>
    <row r="72243" spans="8:8">
      <c r="H72243" s="12"/>
    </row>
    <row r="72244" spans="8:8">
      <c r="H72244" s="12"/>
    </row>
    <row r="72245" spans="8:8">
      <c r="H72245" s="12"/>
    </row>
    <row r="72246" spans="8:8">
      <c r="H72246" s="12"/>
    </row>
    <row r="72247" spans="8:8">
      <c r="H72247" s="12"/>
    </row>
    <row r="72248" spans="8:8">
      <c r="H72248" s="12"/>
    </row>
    <row r="72249" spans="8:8">
      <c r="H72249" s="12"/>
    </row>
    <row r="72250" spans="8:8">
      <c r="H72250" s="12"/>
    </row>
    <row r="72251" spans="8:8">
      <c r="H72251" s="12"/>
    </row>
    <row r="72252" spans="8:8">
      <c r="H72252" s="12"/>
    </row>
    <row r="72253" spans="8:8">
      <c r="H72253" s="12"/>
    </row>
    <row r="72254" spans="8:8">
      <c r="H72254" s="12"/>
    </row>
    <row r="72255" spans="8:8">
      <c r="H72255" s="12"/>
    </row>
    <row r="72256" spans="8:8">
      <c r="H72256" s="12"/>
    </row>
    <row r="72257" spans="8:8">
      <c r="H72257" s="12"/>
    </row>
    <row r="72258" spans="8:8">
      <c r="H72258" s="12"/>
    </row>
    <row r="72259" spans="8:8">
      <c r="H72259" s="12"/>
    </row>
    <row r="72260" spans="8:8">
      <c r="H72260" s="12"/>
    </row>
    <row r="72261" spans="8:8">
      <c r="H72261" s="12"/>
    </row>
    <row r="72262" spans="8:8">
      <c r="H72262" s="12"/>
    </row>
    <row r="72263" spans="8:8">
      <c r="H72263" s="12"/>
    </row>
    <row r="72264" spans="8:8">
      <c r="H72264" s="12"/>
    </row>
    <row r="72265" spans="8:8">
      <c r="H72265" s="12"/>
    </row>
    <row r="72266" spans="8:8">
      <c r="H72266" s="12"/>
    </row>
    <row r="72267" spans="8:8">
      <c r="H72267" s="12"/>
    </row>
    <row r="72268" spans="8:8">
      <c r="H72268" s="12"/>
    </row>
    <row r="72269" spans="8:8">
      <c r="H72269" s="12"/>
    </row>
    <row r="72270" spans="8:8">
      <c r="H72270" s="12"/>
    </row>
    <row r="72271" spans="8:8">
      <c r="H72271" s="12"/>
    </row>
    <row r="72272" spans="8:8">
      <c r="H72272" s="12"/>
    </row>
    <row r="72273" spans="8:8">
      <c r="H72273" s="12"/>
    </row>
    <row r="72274" spans="8:8">
      <c r="H72274" s="12"/>
    </row>
    <row r="72275" spans="8:8">
      <c r="H72275" s="12"/>
    </row>
    <row r="72276" spans="8:8">
      <c r="H72276" s="12"/>
    </row>
    <row r="72277" spans="8:8">
      <c r="H72277" s="12"/>
    </row>
    <row r="72278" spans="8:8">
      <c r="H72278" s="12"/>
    </row>
    <row r="72279" spans="8:8">
      <c r="H72279" s="12"/>
    </row>
    <row r="72280" spans="8:8">
      <c r="H72280" s="12"/>
    </row>
    <row r="72281" spans="8:8">
      <c r="H72281" s="12"/>
    </row>
    <row r="72282" spans="8:8">
      <c r="H72282" s="12"/>
    </row>
    <row r="72283" spans="8:8">
      <c r="H72283" s="12"/>
    </row>
    <row r="72284" spans="8:8">
      <c r="H72284" s="12"/>
    </row>
    <row r="72285" spans="8:8">
      <c r="H72285" s="12"/>
    </row>
    <row r="72286" spans="8:8">
      <c r="H72286" s="12"/>
    </row>
    <row r="72287" spans="8:8">
      <c r="H72287" s="12"/>
    </row>
    <row r="72288" spans="8:8">
      <c r="H72288" s="12"/>
    </row>
    <row r="72289" spans="8:8">
      <c r="H72289" s="12"/>
    </row>
    <row r="72290" spans="8:8">
      <c r="H72290" s="12"/>
    </row>
    <row r="72291" spans="8:8">
      <c r="H72291" s="12"/>
    </row>
    <row r="72292" spans="8:8">
      <c r="H72292" s="12"/>
    </row>
    <row r="72293" spans="8:8">
      <c r="H72293" s="12"/>
    </row>
    <row r="72294" spans="8:8">
      <c r="H72294" s="12"/>
    </row>
    <row r="72295" spans="8:8">
      <c r="H72295" s="12"/>
    </row>
    <row r="72296" spans="8:8">
      <c r="H72296" s="12"/>
    </row>
    <row r="72297" spans="8:8">
      <c r="H72297" s="12"/>
    </row>
    <row r="72298" spans="8:8">
      <c r="H72298" s="12"/>
    </row>
    <row r="72299" spans="8:8">
      <c r="H72299" s="12"/>
    </row>
    <row r="72300" spans="8:8">
      <c r="H72300" s="12"/>
    </row>
    <row r="72301" spans="8:8">
      <c r="H72301" s="12"/>
    </row>
    <row r="72302" spans="8:8">
      <c r="H72302" s="12"/>
    </row>
    <row r="72303" spans="8:8">
      <c r="H72303" s="12"/>
    </row>
    <row r="72304" spans="8:8">
      <c r="H72304" s="12"/>
    </row>
    <row r="72305" spans="8:8">
      <c r="H72305" s="12"/>
    </row>
    <row r="72306" spans="8:8">
      <c r="H72306" s="12"/>
    </row>
    <row r="72307" spans="8:8">
      <c r="H72307" s="12"/>
    </row>
    <row r="72308" spans="8:8">
      <c r="H72308" s="12"/>
    </row>
    <row r="72309" spans="8:8">
      <c r="H72309" s="12"/>
    </row>
    <row r="72310" spans="8:8">
      <c r="H72310" s="12"/>
    </row>
    <row r="72311" spans="8:8">
      <c r="H72311" s="12"/>
    </row>
    <row r="72312" spans="8:8">
      <c r="H72312" s="12"/>
    </row>
    <row r="72313" spans="8:8">
      <c r="H72313" s="12"/>
    </row>
    <row r="72314" spans="8:8">
      <c r="H72314" s="12"/>
    </row>
    <row r="72315" spans="8:8">
      <c r="H72315" s="12"/>
    </row>
    <row r="72316" spans="8:8">
      <c r="H72316" s="12"/>
    </row>
    <row r="72317" spans="8:8">
      <c r="H72317" s="12"/>
    </row>
    <row r="72318" spans="8:8">
      <c r="H72318" s="12"/>
    </row>
    <row r="72319" spans="8:8">
      <c r="H72319" s="12"/>
    </row>
    <row r="72320" spans="8:8">
      <c r="H72320" s="12"/>
    </row>
    <row r="72321" spans="8:8">
      <c r="H72321" s="12"/>
    </row>
    <row r="72322" spans="8:8">
      <c r="H72322" s="12"/>
    </row>
    <row r="72323" spans="8:8">
      <c r="H72323" s="12"/>
    </row>
    <row r="72324" spans="8:8">
      <c r="H72324" s="12"/>
    </row>
    <row r="72325" spans="8:8">
      <c r="H72325" s="12"/>
    </row>
    <row r="72326" spans="8:8">
      <c r="H72326" s="12"/>
    </row>
    <row r="72327" spans="8:8">
      <c r="H72327" s="12"/>
    </row>
    <row r="72328" spans="8:8">
      <c r="H72328" s="12"/>
    </row>
    <row r="72329" spans="8:8">
      <c r="H72329" s="12"/>
    </row>
    <row r="72330" spans="8:8">
      <c r="H72330" s="12"/>
    </row>
    <row r="72331" spans="8:8">
      <c r="H72331" s="12"/>
    </row>
    <row r="72332" spans="8:8">
      <c r="H72332" s="12"/>
    </row>
    <row r="72333" spans="8:8">
      <c r="H72333" s="12"/>
    </row>
    <row r="72334" spans="8:8">
      <c r="H72334" s="12"/>
    </row>
    <row r="72335" spans="8:8">
      <c r="H72335" s="12"/>
    </row>
    <row r="72336" spans="8:8">
      <c r="H72336" s="12"/>
    </row>
    <row r="72337" spans="8:8">
      <c r="H72337" s="12"/>
    </row>
    <row r="72338" spans="8:8">
      <c r="H72338" s="12"/>
    </row>
    <row r="72339" spans="8:8">
      <c r="H72339" s="12"/>
    </row>
    <row r="72340" spans="8:8">
      <c r="H72340" s="12"/>
    </row>
    <row r="72341" spans="8:8">
      <c r="H72341" s="12"/>
    </row>
    <row r="72342" spans="8:8">
      <c r="H72342" s="12"/>
    </row>
    <row r="72343" spans="8:8">
      <c r="H72343" s="12"/>
    </row>
    <row r="72344" spans="8:8">
      <c r="H72344" s="12"/>
    </row>
    <row r="72345" spans="8:8">
      <c r="H72345" s="12"/>
    </row>
    <row r="72346" spans="8:8">
      <c r="H72346" s="12"/>
    </row>
    <row r="72347" spans="8:8">
      <c r="H72347" s="12"/>
    </row>
    <row r="72348" spans="8:8">
      <c r="H72348" s="12"/>
    </row>
    <row r="72349" spans="8:8">
      <c r="H72349" s="12"/>
    </row>
    <row r="72350" spans="8:8">
      <c r="H72350" s="12"/>
    </row>
    <row r="72351" spans="8:8">
      <c r="H72351" s="12"/>
    </row>
    <row r="72352" spans="8:8">
      <c r="H72352" s="12"/>
    </row>
    <row r="72353" spans="8:8">
      <c r="H72353" s="12"/>
    </row>
    <row r="72354" spans="8:8">
      <c r="H72354" s="12"/>
    </row>
    <row r="72355" spans="8:8">
      <c r="H72355" s="12"/>
    </row>
    <row r="72356" spans="8:8">
      <c r="H72356" s="12"/>
    </row>
    <row r="72357" spans="8:8">
      <c r="H72357" s="12"/>
    </row>
    <row r="72358" spans="8:8">
      <c r="H72358" s="12"/>
    </row>
    <row r="72359" spans="8:8">
      <c r="H72359" s="12"/>
    </row>
    <row r="72360" spans="8:8">
      <c r="H72360" s="12"/>
    </row>
    <row r="72361" spans="8:8">
      <c r="H72361" s="12"/>
    </row>
    <row r="72362" spans="8:8">
      <c r="H72362" s="12"/>
    </row>
    <row r="72363" spans="8:8">
      <c r="H72363" s="12"/>
    </row>
    <row r="72364" spans="8:8">
      <c r="H72364" s="12"/>
    </row>
    <row r="72365" spans="8:8">
      <c r="H72365" s="12"/>
    </row>
    <row r="72366" spans="8:8">
      <c r="H72366" s="12"/>
    </row>
    <row r="72367" spans="8:8">
      <c r="H72367" s="12"/>
    </row>
    <row r="72368" spans="8:8">
      <c r="H72368" s="12"/>
    </row>
    <row r="72369" spans="8:8">
      <c r="H72369" s="12"/>
    </row>
    <row r="72370" spans="8:8">
      <c r="H72370" s="12"/>
    </row>
    <row r="72371" spans="8:8">
      <c r="H72371" s="12"/>
    </row>
    <row r="72372" spans="8:8">
      <c r="H72372" s="12"/>
    </row>
    <row r="72373" spans="8:8">
      <c r="H72373" s="12"/>
    </row>
    <row r="72374" spans="8:8">
      <c r="H72374" s="12"/>
    </row>
    <row r="72375" spans="8:8">
      <c r="H72375" s="12"/>
    </row>
    <row r="72376" spans="8:8">
      <c r="H72376" s="12"/>
    </row>
    <row r="72377" spans="8:8">
      <c r="H72377" s="12"/>
    </row>
    <row r="72378" spans="8:8">
      <c r="H72378" s="12"/>
    </row>
    <row r="72379" spans="8:8">
      <c r="H72379" s="12"/>
    </row>
    <row r="72380" spans="8:8">
      <c r="H72380" s="12"/>
    </row>
    <row r="72381" spans="8:8">
      <c r="H72381" s="12"/>
    </row>
    <row r="72382" spans="8:8">
      <c r="H72382" s="12"/>
    </row>
    <row r="72383" spans="8:8">
      <c r="H72383" s="12"/>
    </row>
    <row r="72384" spans="8:8">
      <c r="H72384" s="12"/>
    </row>
    <row r="72385" spans="8:8">
      <c r="H72385" s="12"/>
    </row>
    <row r="72386" spans="8:8">
      <c r="H72386" s="12"/>
    </row>
    <row r="72387" spans="8:8">
      <c r="H72387" s="12"/>
    </row>
    <row r="72388" spans="8:8">
      <c r="H72388" s="12"/>
    </row>
    <row r="72389" spans="8:8">
      <c r="H72389" s="12"/>
    </row>
    <row r="72390" spans="8:8">
      <c r="H72390" s="12"/>
    </row>
    <row r="72391" spans="8:8">
      <c r="H72391" s="12"/>
    </row>
    <row r="72392" spans="8:8">
      <c r="H72392" s="12"/>
    </row>
    <row r="72393" spans="8:8">
      <c r="H72393" s="12"/>
    </row>
    <row r="72394" spans="8:8">
      <c r="H72394" s="12"/>
    </row>
    <row r="72395" spans="8:8">
      <c r="H72395" s="12"/>
    </row>
    <row r="72396" spans="8:8">
      <c r="H72396" s="12"/>
    </row>
    <row r="72397" spans="8:8">
      <c r="H72397" s="12"/>
    </row>
    <row r="72398" spans="8:8">
      <c r="H72398" s="12"/>
    </row>
    <row r="72399" spans="8:8">
      <c r="H72399" s="12"/>
    </row>
    <row r="72400" spans="8:8">
      <c r="H72400" s="12"/>
    </row>
    <row r="72401" spans="8:8">
      <c r="H72401" s="12"/>
    </row>
    <row r="72402" spans="8:8">
      <c r="H72402" s="12"/>
    </row>
    <row r="72403" spans="8:8">
      <c r="H72403" s="12"/>
    </row>
    <row r="72404" spans="8:8">
      <c r="H72404" s="12"/>
    </row>
    <row r="72405" spans="8:8">
      <c r="H72405" s="12"/>
    </row>
    <row r="72406" spans="8:8">
      <c r="H72406" s="12"/>
    </row>
    <row r="72407" spans="8:8">
      <c r="H72407" s="12"/>
    </row>
    <row r="72408" spans="8:8">
      <c r="H72408" s="12"/>
    </row>
    <row r="72409" spans="8:8">
      <c r="H72409" s="12"/>
    </row>
    <row r="72410" spans="8:8">
      <c r="H72410" s="12"/>
    </row>
    <row r="72411" spans="8:8">
      <c r="H72411" s="12"/>
    </row>
    <row r="72412" spans="8:8">
      <c r="H72412" s="12"/>
    </row>
    <row r="72413" spans="8:8">
      <c r="H72413" s="12"/>
    </row>
    <row r="72414" spans="8:8">
      <c r="H72414" s="12"/>
    </row>
    <row r="72415" spans="8:8">
      <c r="H72415" s="12"/>
    </row>
    <row r="72416" spans="8:8">
      <c r="H72416" s="12"/>
    </row>
    <row r="72417" spans="8:8">
      <c r="H72417" s="12"/>
    </row>
    <row r="72418" spans="8:8">
      <c r="H72418" s="12"/>
    </row>
    <row r="72419" spans="8:8">
      <c r="H72419" s="12"/>
    </row>
    <row r="72420" spans="8:8">
      <c r="H72420" s="12"/>
    </row>
    <row r="72421" spans="8:8">
      <c r="H72421" s="12"/>
    </row>
    <row r="72422" spans="8:8">
      <c r="H72422" s="12"/>
    </row>
    <row r="72423" spans="8:8">
      <c r="H72423" s="12"/>
    </row>
    <row r="72424" spans="8:8">
      <c r="H72424" s="12"/>
    </row>
    <row r="72425" spans="8:8">
      <c r="H72425" s="12"/>
    </row>
    <row r="72426" spans="8:8">
      <c r="H72426" s="12"/>
    </row>
    <row r="72427" spans="8:8">
      <c r="H72427" s="12"/>
    </row>
    <row r="72428" spans="8:8">
      <c r="H72428" s="12"/>
    </row>
    <row r="72429" spans="8:8">
      <c r="H72429" s="12"/>
    </row>
    <row r="72430" spans="8:8">
      <c r="H72430" s="12"/>
    </row>
    <row r="72431" spans="8:8">
      <c r="H72431" s="12"/>
    </row>
    <row r="72432" spans="8:8">
      <c r="H72432" s="12"/>
    </row>
    <row r="72433" spans="8:8">
      <c r="H72433" s="12"/>
    </row>
    <row r="72434" spans="8:8">
      <c r="H72434" s="12"/>
    </row>
    <row r="72435" spans="8:8">
      <c r="H72435" s="12"/>
    </row>
    <row r="72436" spans="8:8">
      <c r="H72436" s="12"/>
    </row>
    <row r="72437" spans="8:8">
      <c r="H72437" s="12"/>
    </row>
    <row r="72438" spans="8:8">
      <c r="H72438" s="12"/>
    </row>
    <row r="72439" spans="8:8">
      <c r="H72439" s="12"/>
    </row>
    <row r="72440" spans="8:8">
      <c r="H72440" s="12"/>
    </row>
    <row r="72441" spans="8:8">
      <c r="H72441" s="12"/>
    </row>
    <row r="72442" spans="8:8">
      <c r="H72442" s="12"/>
    </row>
    <row r="72443" spans="8:8">
      <c r="H72443" s="12"/>
    </row>
    <row r="72444" spans="8:8">
      <c r="H72444" s="12"/>
    </row>
    <row r="72445" spans="8:8">
      <c r="H72445" s="12"/>
    </row>
    <row r="72446" spans="8:8">
      <c r="H72446" s="12"/>
    </row>
    <row r="72447" spans="8:8">
      <c r="H72447" s="12"/>
    </row>
    <row r="72448" spans="8:8">
      <c r="H72448" s="12"/>
    </row>
    <row r="72449" spans="8:8">
      <c r="H72449" s="12"/>
    </row>
    <row r="72450" spans="8:8">
      <c r="H72450" s="12"/>
    </row>
    <row r="72451" spans="8:8">
      <c r="H72451" s="12"/>
    </row>
    <row r="72452" spans="8:8">
      <c r="H72452" s="12"/>
    </row>
    <row r="72453" spans="8:8">
      <c r="H72453" s="12"/>
    </row>
    <row r="72454" spans="8:8">
      <c r="H72454" s="12"/>
    </row>
    <row r="72455" spans="8:8">
      <c r="H72455" s="12"/>
    </row>
    <row r="72456" spans="8:8">
      <c r="H72456" s="12"/>
    </row>
    <row r="72457" spans="8:8">
      <c r="H72457" s="12"/>
    </row>
    <row r="72458" spans="8:8">
      <c r="H72458" s="12"/>
    </row>
    <row r="72459" spans="8:8">
      <c r="H72459" s="12"/>
    </row>
    <row r="72460" spans="8:8">
      <c r="H72460" s="12"/>
    </row>
    <row r="72461" spans="8:8">
      <c r="H72461" s="12"/>
    </row>
    <row r="72462" spans="8:8">
      <c r="H72462" s="12"/>
    </row>
    <row r="72463" spans="8:8">
      <c r="H72463" s="12"/>
    </row>
    <row r="72464" spans="8:8">
      <c r="H72464" s="12"/>
    </row>
    <row r="72465" spans="8:8">
      <c r="H72465" s="12"/>
    </row>
    <row r="72466" spans="8:8">
      <c r="H72466" s="12"/>
    </row>
    <row r="72467" spans="8:8">
      <c r="H72467" s="12"/>
    </row>
    <row r="72468" spans="8:8">
      <c r="H72468" s="12"/>
    </row>
    <row r="72469" spans="8:8">
      <c r="H72469" s="12"/>
    </row>
    <row r="72470" spans="8:8">
      <c r="H72470" s="12"/>
    </row>
    <row r="72471" spans="8:8">
      <c r="H72471" s="12"/>
    </row>
    <row r="72472" spans="8:8">
      <c r="H72472" s="12"/>
    </row>
    <row r="72473" spans="8:8">
      <c r="H72473" s="12"/>
    </row>
    <row r="72474" spans="8:8">
      <c r="H72474" s="12"/>
    </row>
    <row r="72475" spans="8:8">
      <c r="H72475" s="12"/>
    </row>
    <row r="72476" spans="8:8">
      <c r="H72476" s="12"/>
    </row>
    <row r="72477" spans="8:8">
      <c r="H72477" s="12"/>
    </row>
    <row r="72478" spans="8:8">
      <c r="H72478" s="12"/>
    </row>
    <row r="72479" spans="8:8">
      <c r="H72479" s="12"/>
    </row>
    <row r="72480" spans="8:8">
      <c r="H72480" s="12"/>
    </row>
    <row r="72481" spans="8:8">
      <c r="H72481" s="12"/>
    </row>
    <row r="72482" spans="8:8">
      <c r="H72482" s="12"/>
    </row>
    <row r="72483" spans="8:8">
      <c r="H72483" s="12"/>
    </row>
    <row r="72484" spans="8:8">
      <c r="H72484" s="12"/>
    </row>
    <row r="72485" spans="8:8">
      <c r="H72485" s="12"/>
    </row>
    <row r="72486" spans="8:8">
      <c r="H72486" s="12"/>
    </row>
    <row r="72487" spans="8:8">
      <c r="H72487" s="12"/>
    </row>
    <row r="72488" spans="8:8">
      <c r="H72488" s="12"/>
    </row>
    <row r="72489" spans="8:8">
      <c r="H72489" s="12"/>
    </row>
    <row r="72490" spans="8:8">
      <c r="H72490" s="12"/>
    </row>
    <row r="72491" spans="8:8">
      <c r="H72491" s="12"/>
    </row>
    <row r="72492" spans="8:8">
      <c r="H72492" s="12"/>
    </row>
    <row r="72493" spans="8:8">
      <c r="H72493" s="12"/>
    </row>
    <row r="72494" spans="8:8">
      <c r="H72494" s="12"/>
    </row>
    <row r="72495" spans="8:8">
      <c r="H72495" s="12"/>
    </row>
    <row r="72496" spans="8:8">
      <c r="H72496" s="12"/>
    </row>
    <row r="72497" spans="8:8">
      <c r="H72497" s="12"/>
    </row>
    <row r="72498" spans="8:8">
      <c r="H72498" s="12"/>
    </row>
    <row r="72499" spans="8:8">
      <c r="H72499" s="12"/>
    </row>
    <row r="72500" spans="8:8">
      <c r="H72500" s="12"/>
    </row>
    <row r="72501" spans="8:8">
      <c r="H72501" s="12"/>
    </row>
    <row r="72502" spans="8:8">
      <c r="H72502" s="12"/>
    </row>
    <row r="72503" spans="8:8">
      <c r="H72503" s="12"/>
    </row>
    <row r="72504" spans="8:8">
      <c r="H72504" s="12"/>
    </row>
    <row r="72505" spans="8:8">
      <c r="H72505" s="12"/>
    </row>
    <row r="72506" spans="8:8">
      <c r="H72506" s="12"/>
    </row>
    <row r="72507" spans="8:8">
      <c r="H72507" s="12"/>
    </row>
    <row r="72508" spans="8:8">
      <c r="H72508" s="12"/>
    </row>
    <row r="72509" spans="8:8">
      <c r="H72509" s="12"/>
    </row>
    <row r="72510" spans="8:8">
      <c r="H72510" s="12"/>
    </row>
    <row r="72511" spans="8:8">
      <c r="H72511" s="12"/>
    </row>
    <row r="72512" spans="8:8">
      <c r="H72512" s="12"/>
    </row>
    <row r="72513" spans="8:8">
      <c r="H72513" s="12"/>
    </row>
    <row r="72514" spans="8:8">
      <c r="H72514" s="12"/>
    </row>
    <row r="72515" spans="8:8">
      <c r="H72515" s="12"/>
    </row>
    <row r="72516" spans="8:8">
      <c r="H72516" s="12"/>
    </row>
    <row r="72517" spans="8:8">
      <c r="H72517" s="12"/>
    </row>
    <row r="72518" spans="8:8">
      <c r="H72518" s="12"/>
    </row>
    <row r="72519" spans="8:8">
      <c r="H72519" s="12"/>
    </row>
    <row r="72520" spans="8:8">
      <c r="H72520" s="12"/>
    </row>
    <row r="72521" spans="8:8">
      <c r="H72521" s="12"/>
    </row>
    <row r="72522" spans="8:8">
      <c r="H72522" s="12"/>
    </row>
    <row r="72523" spans="8:8">
      <c r="H72523" s="12"/>
    </row>
    <row r="72524" spans="8:8">
      <c r="H72524" s="12"/>
    </row>
    <row r="72525" spans="8:8">
      <c r="H72525" s="12"/>
    </row>
    <row r="72526" spans="8:8">
      <c r="H72526" s="12"/>
    </row>
    <row r="72527" spans="8:8">
      <c r="H72527" s="12"/>
    </row>
    <row r="72528" spans="8:8">
      <c r="H72528" s="12"/>
    </row>
    <row r="72529" spans="8:8">
      <c r="H72529" s="12"/>
    </row>
    <row r="72530" spans="8:8">
      <c r="H72530" s="12"/>
    </row>
    <row r="72531" spans="8:8">
      <c r="H72531" s="12"/>
    </row>
    <row r="72532" spans="8:8">
      <c r="H72532" s="12"/>
    </row>
    <row r="72533" spans="8:8">
      <c r="H72533" s="12"/>
    </row>
    <row r="72534" spans="8:8">
      <c r="H72534" s="12"/>
    </row>
    <row r="72535" spans="8:8">
      <c r="H72535" s="12"/>
    </row>
    <row r="72536" spans="8:8">
      <c r="H72536" s="12"/>
    </row>
    <row r="72537" spans="8:8">
      <c r="H72537" s="12"/>
    </row>
    <row r="72538" spans="8:8">
      <c r="H72538" s="12"/>
    </row>
    <row r="72539" spans="8:8">
      <c r="H72539" s="12"/>
    </row>
    <row r="72540" spans="8:8">
      <c r="H72540" s="12"/>
    </row>
    <row r="72541" spans="8:8">
      <c r="H72541" s="12"/>
    </row>
    <row r="72542" spans="8:8">
      <c r="H72542" s="12"/>
    </row>
    <row r="72543" spans="8:8">
      <c r="H72543" s="12"/>
    </row>
    <row r="72544" spans="8:8">
      <c r="H72544" s="12"/>
    </row>
    <row r="72545" spans="8:8">
      <c r="H72545" s="12"/>
    </row>
    <row r="72546" spans="8:8">
      <c r="H72546" s="12"/>
    </row>
    <row r="72547" spans="8:8">
      <c r="H72547" s="12"/>
    </row>
    <row r="72548" spans="8:8">
      <c r="H72548" s="12"/>
    </row>
    <row r="72549" spans="8:8">
      <c r="H72549" s="12"/>
    </row>
    <row r="72550" spans="8:8">
      <c r="H72550" s="12"/>
    </row>
    <row r="72551" spans="8:8">
      <c r="H72551" s="12"/>
    </row>
    <row r="72552" spans="8:8">
      <c r="H72552" s="12"/>
    </row>
    <row r="72553" spans="8:8">
      <c r="H72553" s="12"/>
    </row>
    <row r="72554" spans="8:8">
      <c r="H72554" s="12"/>
    </row>
    <row r="72555" spans="8:8">
      <c r="H72555" s="12"/>
    </row>
    <row r="72556" spans="8:8">
      <c r="H72556" s="12"/>
    </row>
    <row r="72557" spans="8:8">
      <c r="H72557" s="12"/>
    </row>
    <row r="72558" spans="8:8">
      <c r="H72558" s="12"/>
    </row>
    <row r="72559" spans="8:8">
      <c r="H72559" s="12"/>
    </row>
    <row r="72560" spans="8:8">
      <c r="H72560" s="12"/>
    </row>
    <row r="72561" spans="8:8">
      <c r="H72561" s="12"/>
    </row>
    <row r="72562" spans="8:8">
      <c r="H72562" s="12"/>
    </row>
    <row r="72563" spans="8:8">
      <c r="H72563" s="12"/>
    </row>
    <row r="72564" spans="8:8">
      <c r="H72564" s="12"/>
    </row>
    <row r="72565" spans="8:8">
      <c r="H72565" s="12"/>
    </row>
    <row r="72566" spans="8:8">
      <c r="H72566" s="12"/>
    </row>
    <row r="72567" spans="8:8">
      <c r="H72567" s="12"/>
    </row>
    <row r="72568" spans="8:8">
      <c r="H72568" s="12"/>
    </row>
    <row r="72569" spans="8:8">
      <c r="H72569" s="12"/>
    </row>
    <row r="72570" spans="8:8">
      <c r="H72570" s="12"/>
    </row>
    <row r="72571" spans="8:8">
      <c r="H72571" s="12"/>
    </row>
    <row r="72572" spans="8:8">
      <c r="H72572" s="12"/>
    </row>
    <row r="72573" spans="8:8">
      <c r="H72573" s="12"/>
    </row>
    <row r="72574" spans="8:8">
      <c r="H72574" s="12"/>
    </row>
    <row r="72575" spans="8:8">
      <c r="H72575" s="12"/>
    </row>
    <row r="72576" spans="8:8">
      <c r="H72576" s="12"/>
    </row>
    <row r="72577" spans="8:8">
      <c r="H72577" s="12"/>
    </row>
    <row r="72578" spans="8:8">
      <c r="H72578" s="12"/>
    </row>
    <row r="72579" spans="8:8">
      <c r="H72579" s="12"/>
    </row>
    <row r="72580" spans="8:8">
      <c r="H72580" s="12"/>
    </row>
    <row r="72581" spans="8:8">
      <c r="H72581" s="12"/>
    </row>
    <row r="72582" spans="8:8">
      <c r="H72582" s="12"/>
    </row>
    <row r="72583" spans="8:8">
      <c r="H72583" s="12"/>
    </row>
    <row r="72584" spans="8:8">
      <c r="H72584" s="12"/>
    </row>
    <row r="72585" spans="8:8">
      <c r="H72585" s="12"/>
    </row>
    <row r="72586" spans="8:8">
      <c r="H72586" s="12"/>
    </row>
    <row r="72587" spans="8:8">
      <c r="H72587" s="12"/>
    </row>
    <row r="72588" spans="8:8">
      <c r="H72588" s="12"/>
    </row>
    <row r="72589" spans="8:8">
      <c r="H72589" s="12"/>
    </row>
    <row r="72590" spans="8:8">
      <c r="H72590" s="12"/>
    </row>
    <row r="72591" spans="8:8">
      <c r="H72591" s="12"/>
    </row>
    <row r="72592" spans="8:8">
      <c r="H72592" s="12"/>
    </row>
    <row r="72593" spans="8:8">
      <c r="H72593" s="12"/>
    </row>
    <row r="72594" spans="8:8">
      <c r="H72594" s="12"/>
    </row>
    <row r="72595" spans="8:8">
      <c r="H72595" s="12"/>
    </row>
    <row r="72596" spans="8:8">
      <c r="H72596" s="12"/>
    </row>
    <row r="72597" spans="8:8">
      <c r="H72597" s="12"/>
    </row>
    <row r="72598" spans="8:8">
      <c r="H72598" s="12"/>
    </row>
    <row r="72599" spans="8:8">
      <c r="H72599" s="12"/>
    </row>
    <row r="72600" spans="8:8">
      <c r="H72600" s="12"/>
    </row>
    <row r="72601" spans="8:8">
      <c r="H72601" s="12"/>
    </row>
    <row r="72602" spans="8:8">
      <c r="H72602" s="12"/>
    </row>
    <row r="72603" spans="8:8">
      <c r="H72603" s="12"/>
    </row>
    <row r="72604" spans="8:8">
      <c r="H72604" s="12"/>
    </row>
    <row r="72605" spans="8:8">
      <c r="H72605" s="12"/>
    </row>
    <row r="72606" spans="8:8">
      <c r="H72606" s="12"/>
    </row>
    <row r="72607" spans="8:8">
      <c r="H72607" s="12"/>
    </row>
    <row r="72608" spans="8:8">
      <c r="H72608" s="12"/>
    </row>
    <row r="72609" spans="8:8">
      <c r="H72609" s="12"/>
    </row>
    <row r="72610" spans="8:8">
      <c r="H72610" s="12"/>
    </row>
    <row r="72611" spans="8:8">
      <c r="H72611" s="12"/>
    </row>
    <row r="72612" spans="8:8">
      <c r="H72612" s="12"/>
    </row>
    <row r="72613" spans="8:8">
      <c r="H72613" s="12"/>
    </row>
    <row r="72614" spans="8:8">
      <c r="H72614" s="12"/>
    </row>
    <row r="72615" spans="8:8">
      <c r="H72615" s="12"/>
    </row>
    <row r="72616" spans="8:8">
      <c r="H72616" s="12"/>
    </row>
    <row r="72617" spans="8:8">
      <c r="H72617" s="12"/>
    </row>
    <row r="72618" spans="8:8">
      <c r="H72618" s="12"/>
    </row>
    <row r="72619" spans="8:8">
      <c r="H72619" s="12"/>
    </row>
    <row r="72620" spans="8:8">
      <c r="H72620" s="12"/>
    </row>
    <row r="72621" spans="8:8">
      <c r="H72621" s="12"/>
    </row>
    <row r="72622" spans="8:8">
      <c r="H72622" s="12"/>
    </row>
    <row r="72623" spans="8:8">
      <c r="H72623" s="12"/>
    </row>
    <row r="72624" spans="8:8">
      <c r="H72624" s="12"/>
    </row>
    <row r="72625" spans="8:8">
      <c r="H72625" s="12"/>
    </row>
    <row r="72626" spans="8:8">
      <c r="H72626" s="12"/>
    </row>
    <row r="72627" spans="8:8">
      <c r="H72627" s="12"/>
    </row>
    <row r="72628" spans="8:8">
      <c r="H72628" s="12"/>
    </row>
    <row r="72629" spans="8:8">
      <c r="H72629" s="12"/>
    </row>
    <row r="72630" spans="8:8">
      <c r="H72630" s="12"/>
    </row>
    <row r="72631" spans="8:8">
      <c r="H72631" s="12"/>
    </row>
    <row r="72632" spans="8:8">
      <c r="H72632" s="12"/>
    </row>
    <row r="72633" spans="8:8">
      <c r="H72633" s="12"/>
    </row>
    <row r="72634" spans="8:8">
      <c r="H72634" s="12"/>
    </row>
    <row r="72635" spans="8:8">
      <c r="H72635" s="12"/>
    </row>
    <row r="72636" spans="8:8">
      <c r="H72636" s="12"/>
    </row>
    <row r="72637" spans="8:8">
      <c r="H72637" s="12"/>
    </row>
    <row r="72638" spans="8:8">
      <c r="H72638" s="12"/>
    </row>
    <row r="72639" spans="8:8">
      <c r="H72639" s="12"/>
    </row>
    <row r="72640" spans="8:8">
      <c r="H72640" s="12"/>
    </row>
    <row r="72641" spans="8:8">
      <c r="H72641" s="12"/>
    </row>
    <row r="72642" spans="8:8">
      <c r="H72642" s="12"/>
    </row>
    <row r="72643" spans="8:8">
      <c r="H72643" s="12"/>
    </row>
    <row r="72644" spans="8:8">
      <c r="H72644" s="12"/>
    </row>
    <row r="72645" spans="8:8">
      <c r="H72645" s="12"/>
    </row>
    <row r="72646" spans="8:8">
      <c r="H72646" s="12"/>
    </row>
    <row r="72647" spans="8:8">
      <c r="H72647" s="12"/>
    </row>
    <row r="72648" spans="8:8">
      <c r="H72648" s="12"/>
    </row>
    <row r="72649" spans="8:8">
      <c r="H72649" s="12"/>
    </row>
    <row r="72650" spans="8:8">
      <c r="H72650" s="12"/>
    </row>
    <row r="72651" spans="8:8">
      <c r="H72651" s="12"/>
    </row>
    <row r="72652" spans="8:8">
      <c r="H72652" s="12"/>
    </row>
    <row r="72653" spans="8:8">
      <c r="H72653" s="12"/>
    </row>
    <row r="72654" spans="8:8">
      <c r="H72654" s="12"/>
    </row>
    <row r="72655" spans="8:8">
      <c r="H72655" s="12"/>
    </row>
    <row r="72656" spans="8:8">
      <c r="H72656" s="12"/>
    </row>
    <row r="72657" spans="8:8">
      <c r="H72657" s="12"/>
    </row>
    <row r="72658" spans="8:8">
      <c r="H72658" s="12"/>
    </row>
    <row r="72659" spans="8:8">
      <c r="H72659" s="12"/>
    </row>
    <row r="72660" spans="8:8">
      <c r="H72660" s="12"/>
    </row>
    <row r="72661" spans="8:8">
      <c r="H72661" s="12"/>
    </row>
    <row r="72662" spans="8:8">
      <c r="H72662" s="12"/>
    </row>
    <row r="72663" spans="8:8">
      <c r="H72663" s="12"/>
    </row>
    <row r="72664" spans="8:8">
      <c r="H72664" s="12"/>
    </row>
    <row r="72665" spans="8:8">
      <c r="H72665" s="12"/>
    </row>
    <row r="72666" spans="8:8">
      <c r="H72666" s="12"/>
    </row>
    <row r="72667" spans="8:8">
      <c r="H72667" s="12"/>
    </row>
    <row r="72668" spans="8:8">
      <c r="H72668" s="12"/>
    </row>
    <row r="72669" spans="8:8">
      <c r="H72669" s="12"/>
    </row>
    <row r="72670" spans="8:8">
      <c r="H72670" s="12"/>
    </row>
    <row r="72671" spans="8:8">
      <c r="H72671" s="12"/>
    </row>
    <row r="72672" spans="8:8">
      <c r="H72672" s="12"/>
    </row>
    <row r="72673" spans="8:8">
      <c r="H72673" s="12"/>
    </row>
    <row r="72674" spans="8:8">
      <c r="H72674" s="12"/>
    </row>
    <row r="72675" spans="8:8">
      <c r="H72675" s="12"/>
    </row>
    <row r="72676" spans="8:8">
      <c r="H72676" s="12"/>
    </row>
    <row r="72677" spans="8:8">
      <c r="H72677" s="12"/>
    </row>
    <row r="72678" spans="8:8">
      <c r="H72678" s="12"/>
    </row>
    <row r="72679" spans="8:8">
      <c r="H72679" s="12"/>
    </row>
    <row r="72680" spans="8:8">
      <c r="H72680" s="12"/>
    </row>
    <row r="72681" spans="8:8">
      <c r="H72681" s="12"/>
    </row>
    <row r="72682" spans="8:8">
      <c r="H72682" s="12"/>
    </row>
    <row r="72683" spans="8:8">
      <c r="H72683" s="12"/>
    </row>
    <row r="72684" spans="8:8">
      <c r="H72684" s="12"/>
    </row>
    <row r="72685" spans="8:8">
      <c r="H72685" s="12"/>
    </row>
    <row r="72686" spans="8:8">
      <c r="H72686" s="12"/>
    </row>
    <row r="72687" spans="8:8">
      <c r="H72687" s="12"/>
    </row>
    <row r="72688" spans="8:8">
      <c r="H72688" s="12"/>
    </row>
    <row r="72689" spans="8:8">
      <c r="H72689" s="12"/>
    </row>
    <row r="72690" spans="8:8">
      <c r="H72690" s="12"/>
    </row>
    <row r="72691" spans="8:8">
      <c r="H72691" s="12"/>
    </row>
    <row r="72692" spans="8:8">
      <c r="H72692" s="12"/>
    </row>
    <row r="72693" spans="8:8">
      <c r="H72693" s="12"/>
    </row>
    <row r="72694" spans="8:8">
      <c r="H72694" s="12"/>
    </row>
    <row r="72695" spans="8:8">
      <c r="H72695" s="12"/>
    </row>
    <row r="72696" spans="8:8">
      <c r="H72696" s="12"/>
    </row>
    <row r="72697" spans="8:8">
      <c r="H72697" s="12"/>
    </row>
    <row r="72698" spans="8:8">
      <c r="H72698" s="12"/>
    </row>
    <row r="72699" spans="8:8">
      <c r="H72699" s="12"/>
    </row>
    <row r="72700" spans="8:8">
      <c r="H72700" s="12"/>
    </row>
    <row r="72701" spans="8:8">
      <c r="H72701" s="12"/>
    </row>
    <row r="72702" spans="8:8">
      <c r="H72702" s="12"/>
    </row>
    <row r="72703" spans="8:8">
      <c r="H72703" s="12"/>
    </row>
    <row r="72704" spans="8:8">
      <c r="H72704" s="12"/>
    </row>
    <row r="72705" spans="8:8">
      <c r="H72705" s="12"/>
    </row>
    <row r="72706" spans="8:8">
      <c r="H72706" s="12"/>
    </row>
    <row r="72707" spans="8:8">
      <c r="H72707" s="12"/>
    </row>
    <row r="72708" spans="8:8">
      <c r="H72708" s="12"/>
    </row>
    <row r="72709" spans="8:8">
      <c r="H72709" s="12"/>
    </row>
    <row r="72710" spans="8:8">
      <c r="H72710" s="12"/>
    </row>
    <row r="72711" spans="8:8">
      <c r="H72711" s="12"/>
    </row>
    <row r="72712" spans="8:8">
      <c r="H72712" s="12"/>
    </row>
    <row r="72713" spans="8:8">
      <c r="H72713" s="12"/>
    </row>
    <row r="72714" spans="8:8">
      <c r="H72714" s="12"/>
    </row>
    <row r="72715" spans="8:8">
      <c r="H72715" s="12"/>
    </row>
    <row r="72716" spans="8:8">
      <c r="H72716" s="12"/>
    </row>
    <row r="72717" spans="8:8">
      <c r="H72717" s="12"/>
    </row>
    <row r="72718" spans="8:8">
      <c r="H72718" s="12"/>
    </row>
    <row r="72719" spans="8:8">
      <c r="H72719" s="12"/>
    </row>
    <row r="72720" spans="8:8">
      <c r="H72720" s="12"/>
    </row>
    <row r="72721" spans="8:8">
      <c r="H72721" s="12"/>
    </row>
    <row r="72722" spans="8:8">
      <c r="H72722" s="12"/>
    </row>
    <row r="72723" spans="8:8">
      <c r="H72723" s="12"/>
    </row>
    <row r="72724" spans="8:8">
      <c r="H72724" s="12"/>
    </row>
    <row r="72725" spans="8:8">
      <c r="H72725" s="12"/>
    </row>
    <row r="72726" spans="8:8">
      <c r="H72726" s="12"/>
    </row>
    <row r="72727" spans="8:8">
      <c r="H72727" s="12"/>
    </row>
    <row r="72728" spans="8:8">
      <c r="H72728" s="12"/>
    </row>
    <row r="72729" spans="8:8">
      <c r="H72729" s="12"/>
    </row>
    <row r="72730" spans="8:8">
      <c r="H72730" s="12"/>
    </row>
    <row r="72731" spans="8:8">
      <c r="H72731" s="12"/>
    </row>
    <row r="72732" spans="8:8">
      <c r="H72732" s="12"/>
    </row>
    <row r="72733" spans="8:8">
      <c r="H72733" s="12"/>
    </row>
    <row r="72734" spans="8:8">
      <c r="H72734" s="12"/>
    </row>
    <row r="72735" spans="8:8">
      <c r="H72735" s="12"/>
    </row>
    <row r="72736" spans="8:8">
      <c r="H72736" s="12"/>
    </row>
    <row r="72737" spans="8:8">
      <c r="H72737" s="12"/>
    </row>
    <row r="72738" spans="8:8">
      <c r="H72738" s="12"/>
    </row>
    <row r="72739" spans="8:8">
      <c r="H72739" s="12"/>
    </row>
    <row r="72740" spans="8:8">
      <c r="H72740" s="12"/>
    </row>
    <row r="72741" spans="8:8">
      <c r="H72741" s="12"/>
    </row>
    <row r="72742" spans="8:8">
      <c r="H72742" s="12"/>
    </row>
    <row r="72743" spans="8:8">
      <c r="H72743" s="12"/>
    </row>
    <row r="72744" spans="8:8">
      <c r="H72744" s="12"/>
    </row>
    <row r="72745" spans="8:8">
      <c r="H72745" s="12"/>
    </row>
    <row r="72746" spans="8:8">
      <c r="H72746" s="12"/>
    </row>
    <row r="72747" spans="8:8">
      <c r="H72747" s="12"/>
    </row>
    <row r="72748" spans="8:8">
      <c r="H72748" s="12"/>
    </row>
    <row r="72749" spans="8:8">
      <c r="H72749" s="12"/>
    </row>
    <row r="72750" spans="8:8">
      <c r="H72750" s="12"/>
    </row>
    <row r="72751" spans="8:8">
      <c r="H72751" s="12"/>
    </row>
    <row r="72752" spans="8:8">
      <c r="H72752" s="12"/>
    </row>
    <row r="72753" spans="8:8">
      <c r="H72753" s="12"/>
    </row>
    <row r="72754" spans="8:8">
      <c r="H72754" s="12"/>
    </row>
    <row r="72755" spans="8:8">
      <c r="H72755" s="12"/>
    </row>
    <row r="72756" spans="8:8">
      <c r="H72756" s="12"/>
    </row>
    <row r="72757" spans="8:8">
      <c r="H72757" s="12"/>
    </row>
    <row r="72758" spans="8:8">
      <c r="H72758" s="12"/>
    </row>
    <row r="72759" spans="8:8">
      <c r="H72759" s="12"/>
    </row>
    <row r="72760" spans="8:8">
      <c r="H72760" s="12"/>
    </row>
    <row r="72761" spans="8:8">
      <c r="H72761" s="12"/>
    </row>
    <row r="72762" spans="8:8">
      <c r="H72762" s="12"/>
    </row>
    <row r="72763" spans="8:8">
      <c r="H72763" s="12"/>
    </row>
    <row r="72764" spans="8:8">
      <c r="H72764" s="12"/>
    </row>
    <row r="72765" spans="8:8">
      <c r="H72765" s="12"/>
    </row>
    <row r="72766" spans="8:8">
      <c r="H72766" s="12"/>
    </row>
    <row r="72767" spans="8:8">
      <c r="H72767" s="12"/>
    </row>
    <row r="72768" spans="8:8">
      <c r="H72768" s="12"/>
    </row>
    <row r="72769" spans="8:8">
      <c r="H72769" s="12"/>
    </row>
    <row r="72770" spans="8:8">
      <c r="H72770" s="12"/>
    </row>
    <row r="72771" spans="8:8">
      <c r="H72771" s="12"/>
    </row>
    <row r="72772" spans="8:8">
      <c r="H72772" s="12"/>
    </row>
    <row r="72773" spans="8:8">
      <c r="H72773" s="12"/>
    </row>
    <row r="72774" spans="8:8">
      <c r="H72774" s="12"/>
    </row>
    <row r="72775" spans="8:8">
      <c r="H72775" s="12"/>
    </row>
    <row r="72776" spans="8:8">
      <c r="H72776" s="12"/>
    </row>
    <row r="72777" spans="8:8">
      <c r="H72777" s="12"/>
    </row>
    <row r="72778" spans="8:8">
      <c r="H72778" s="12"/>
    </row>
    <row r="72779" spans="8:8">
      <c r="H72779" s="12"/>
    </row>
    <row r="72780" spans="8:8">
      <c r="H72780" s="12"/>
    </row>
    <row r="72781" spans="8:8">
      <c r="H72781" s="12"/>
    </row>
    <row r="72782" spans="8:8">
      <c r="H72782" s="12"/>
    </row>
    <row r="72783" spans="8:8">
      <c r="H72783" s="12"/>
    </row>
    <row r="72784" spans="8:8">
      <c r="H72784" s="12"/>
    </row>
    <row r="72785" spans="8:8">
      <c r="H72785" s="12"/>
    </row>
    <row r="72786" spans="8:8">
      <c r="H72786" s="12"/>
    </row>
    <row r="72787" spans="8:8">
      <c r="H72787" s="12"/>
    </row>
    <row r="72788" spans="8:8">
      <c r="H72788" s="12"/>
    </row>
    <row r="72789" spans="8:8">
      <c r="H72789" s="12"/>
    </row>
    <row r="72790" spans="8:8">
      <c r="H72790" s="12"/>
    </row>
    <row r="72791" spans="8:8">
      <c r="H72791" s="12"/>
    </row>
    <row r="72792" spans="8:8">
      <c r="H72792" s="12"/>
    </row>
    <row r="72793" spans="8:8">
      <c r="H72793" s="12"/>
    </row>
    <row r="72794" spans="8:8">
      <c r="H72794" s="12"/>
    </row>
    <row r="72795" spans="8:8">
      <c r="H72795" s="12"/>
    </row>
    <row r="72796" spans="8:8">
      <c r="H72796" s="12"/>
    </row>
    <row r="72797" spans="8:8">
      <c r="H72797" s="12"/>
    </row>
    <row r="72798" spans="8:8">
      <c r="H72798" s="12"/>
    </row>
    <row r="72799" spans="8:8">
      <c r="H72799" s="12"/>
    </row>
    <row r="72800" spans="8:8">
      <c r="H72800" s="12"/>
    </row>
    <row r="72801" spans="8:8">
      <c r="H72801" s="12"/>
    </row>
    <row r="72802" spans="8:8">
      <c r="H72802" s="12"/>
    </row>
    <row r="72803" spans="8:8">
      <c r="H72803" s="12"/>
    </row>
    <row r="72804" spans="8:8">
      <c r="H72804" s="12"/>
    </row>
    <row r="72805" spans="8:8">
      <c r="H72805" s="12"/>
    </row>
    <row r="72806" spans="8:8">
      <c r="H72806" s="12"/>
    </row>
    <row r="72807" spans="8:8">
      <c r="H72807" s="12"/>
    </row>
    <row r="72808" spans="8:8">
      <c r="H72808" s="12"/>
    </row>
    <row r="72809" spans="8:8">
      <c r="H72809" s="12"/>
    </row>
    <row r="72810" spans="8:8">
      <c r="H72810" s="12"/>
    </row>
    <row r="72811" spans="8:8">
      <c r="H72811" s="12"/>
    </row>
    <row r="72812" spans="8:8">
      <c r="H72812" s="12"/>
    </row>
    <row r="72813" spans="8:8">
      <c r="H72813" s="12"/>
    </row>
    <row r="72814" spans="8:8">
      <c r="H72814" s="12"/>
    </row>
    <row r="72815" spans="8:8">
      <c r="H72815" s="12"/>
    </row>
    <row r="72816" spans="8:8">
      <c r="H72816" s="12"/>
    </row>
    <row r="72817" spans="8:8">
      <c r="H72817" s="12"/>
    </row>
    <row r="72818" spans="8:8">
      <c r="H72818" s="12"/>
    </row>
    <row r="72819" spans="8:8">
      <c r="H72819" s="12"/>
    </row>
    <row r="72820" spans="8:8">
      <c r="H72820" s="12"/>
    </row>
    <row r="72821" spans="8:8">
      <c r="H72821" s="12"/>
    </row>
    <row r="72822" spans="8:8">
      <c r="H72822" s="12"/>
    </row>
    <row r="72823" spans="8:8">
      <c r="H72823" s="12"/>
    </row>
    <row r="72824" spans="8:8">
      <c r="H72824" s="12"/>
    </row>
    <row r="72825" spans="8:8">
      <c r="H72825" s="12"/>
    </row>
    <row r="72826" spans="8:8">
      <c r="H72826" s="12"/>
    </row>
    <row r="72827" spans="8:8">
      <c r="H72827" s="12"/>
    </row>
    <row r="72828" spans="8:8">
      <c r="H72828" s="12"/>
    </row>
    <row r="72829" spans="8:8">
      <c r="H72829" s="12"/>
    </row>
    <row r="72830" spans="8:8">
      <c r="H72830" s="12"/>
    </row>
    <row r="72831" spans="8:8">
      <c r="H72831" s="12"/>
    </row>
    <row r="72832" spans="8:8">
      <c r="H72832" s="12"/>
    </row>
    <row r="72833" spans="8:8">
      <c r="H72833" s="12"/>
    </row>
    <row r="72834" spans="8:8">
      <c r="H72834" s="12"/>
    </row>
    <row r="72835" spans="8:8">
      <c r="H72835" s="12"/>
    </row>
    <row r="72836" spans="8:8">
      <c r="H72836" s="12"/>
    </row>
    <row r="72837" spans="8:8">
      <c r="H72837" s="12"/>
    </row>
    <row r="72838" spans="8:8">
      <c r="H72838" s="12"/>
    </row>
    <row r="72839" spans="8:8">
      <c r="H72839" s="12"/>
    </row>
    <row r="72840" spans="8:8">
      <c r="H72840" s="12"/>
    </row>
    <row r="72841" spans="8:8">
      <c r="H72841" s="12"/>
    </row>
    <row r="72842" spans="8:8">
      <c r="H72842" s="12"/>
    </row>
    <row r="72843" spans="8:8">
      <c r="H72843" s="12"/>
    </row>
    <row r="72844" spans="8:8">
      <c r="H72844" s="12"/>
    </row>
    <row r="72845" spans="8:8">
      <c r="H72845" s="12"/>
    </row>
    <row r="72846" spans="8:8">
      <c r="H72846" s="12"/>
    </row>
    <row r="72847" spans="8:8">
      <c r="H72847" s="12"/>
    </row>
    <row r="72848" spans="8:8">
      <c r="H72848" s="12"/>
    </row>
    <row r="72849" spans="8:8">
      <c r="H72849" s="12"/>
    </row>
    <row r="72850" spans="8:8">
      <c r="H72850" s="12"/>
    </row>
    <row r="72851" spans="8:8">
      <c r="H72851" s="12"/>
    </row>
    <row r="72852" spans="8:8">
      <c r="H72852" s="12"/>
    </row>
    <row r="72853" spans="8:8">
      <c r="H72853" s="12"/>
    </row>
    <row r="72854" spans="8:8">
      <c r="H72854" s="12"/>
    </row>
    <row r="72855" spans="8:8">
      <c r="H72855" s="12"/>
    </row>
    <row r="72856" spans="8:8">
      <c r="H72856" s="12"/>
    </row>
    <row r="72857" spans="8:8">
      <c r="H72857" s="12"/>
    </row>
    <row r="72858" spans="8:8">
      <c r="H72858" s="12"/>
    </row>
    <row r="72859" spans="8:8">
      <c r="H72859" s="12"/>
    </row>
    <row r="72860" spans="8:8">
      <c r="H72860" s="12"/>
    </row>
    <row r="72861" spans="8:8">
      <c r="H72861" s="12"/>
    </row>
    <row r="72862" spans="8:8">
      <c r="H72862" s="12"/>
    </row>
    <row r="72863" spans="8:8">
      <c r="H72863" s="12"/>
    </row>
    <row r="72864" spans="8:8">
      <c r="H72864" s="12"/>
    </row>
    <row r="72865" spans="8:8">
      <c r="H72865" s="12"/>
    </row>
    <row r="72866" spans="8:8">
      <c r="H72866" s="12"/>
    </row>
    <row r="72867" spans="8:8">
      <c r="H72867" s="12"/>
    </row>
    <row r="72868" spans="8:8">
      <c r="H72868" s="12"/>
    </row>
    <row r="72869" spans="8:8">
      <c r="H72869" s="12"/>
    </row>
    <row r="72870" spans="8:8">
      <c r="H72870" s="12"/>
    </row>
    <row r="72871" spans="8:8">
      <c r="H72871" s="12"/>
    </row>
    <row r="72872" spans="8:8">
      <c r="H72872" s="12"/>
    </row>
    <row r="72873" spans="8:8">
      <c r="H72873" s="12"/>
    </row>
    <row r="72874" spans="8:8">
      <c r="H72874" s="12"/>
    </row>
    <row r="72875" spans="8:8">
      <c r="H72875" s="12"/>
    </row>
    <row r="72876" spans="8:8">
      <c r="H72876" s="12"/>
    </row>
    <row r="72877" spans="8:8">
      <c r="H72877" s="12"/>
    </row>
    <row r="72878" spans="8:8">
      <c r="H72878" s="12"/>
    </row>
    <row r="72879" spans="8:8">
      <c r="H72879" s="12"/>
    </row>
    <row r="72880" spans="8:8">
      <c r="H72880" s="12"/>
    </row>
    <row r="72881" spans="8:8">
      <c r="H72881" s="12"/>
    </row>
    <row r="72882" spans="8:8">
      <c r="H72882" s="12"/>
    </row>
    <row r="72883" spans="8:8">
      <c r="H72883" s="12"/>
    </row>
    <row r="72884" spans="8:8">
      <c r="H72884" s="12"/>
    </row>
    <row r="72885" spans="8:8">
      <c r="H72885" s="12"/>
    </row>
    <row r="72886" spans="8:8">
      <c r="H72886" s="12"/>
    </row>
    <row r="72887" spans="8:8">
      <c r="H72887" s="12"/>
    </row>
    <row r="72888" spans="8:8">
      <c r="H72888" s="12"/>
    </row>
    <row r="72889" spans="8:8">
      <c r="H72889" s="12"/>
    </row>
    <row r="72890" spans="8:8">
      <c r="H72890" s="12"/>
    </row>
    <row r="72891" spans="8:8">
      <c r="H72891" s="12"/>
    </row>
    <row r="72892" spans="8:8">
      <c r="H72892" s="12"/>
    </row>
    <row r="72893" spans="8:8">
      <c r="H72893" s="12"/>
    </row>
    <row r="72894" spans="8:8">
      <c r="H72894" s="12"/>
    </row>
    <row r="72895" spans="8:8">
      <c r="H72895" s="12"/>
    </row>
    <row r="72896" spans="8:8">
      <c r="H72896" s="12"/>
    </row>
    <row r="72897" spans="8:8">
      <c r="H72897" s="12"/>
    </row>
    <row r="72898" spans="8:8">
      <c r="H72898" s="12"/>
    </row>
    <row r="72899" spans="8:8">
      <c r="H72899" s="12"/>
    </row>
    <row r="72900" spans="8:8">
      <c r="H72900" s="12"/>
    </row>
    <row r="72901" spans="8:8">
      <c r="H72901" s="12"/>
    </row>
    <row r="72902" spans="8:8">
      <c r="H72902" s="12"/>
    </row>
    <row r="72903" spans="8:8">
      <c r="H72903" s="12"/>
    </row>
    <row r="72904" spans="8:8">
      <c r="H72904" s="12"/>
    </row>
    <row r="72905" spans="8:8">
      <c r="H72905" s="12"/>
    </row>
    <row r="72906" spans="8:8">
      <c r="H72906" s="12"/>
    </row>
    <row r="72907" spans="8:8">
      <c r="H72907" s="12"/>
    </row>
    <row r="72908" spans="8:8">
      <c r="H72908" s="12"/>
    </row>
    <row r="72909" spans="8:8">
      <c r="H72909" s="12"/>
    </row>
    <row r="72910" spans="8:8">
      <c r="H72910" s="12"/>
    </row>
    <row r="72911" spans="8:8">
      <c r="H72911" s="12"/>
    </row>
    <row r="72912" spans="8:8">
      <c r="H72912" s="12"/>
    </row>
    <row r="72913" spans="8:8">
      <c r="H72913" s="12"/>
    </row>
    <row r="72914" spans="8:8">
      <c r="H72914" s="12"/>
    </row>
    <row r="72915" spans="8:8">
      <c r="H72915" s="12"/>
    </row>
    <row r="72916" spans="8:8">
      <c r="H72916" s="12"/>
    </row>
    <row r="72917" spans="8:8">
      <c r="H72917" s="12"/>
    </row>
    <row r="72918" spans="8:8">
      <c r="H72918" s="12"/>
    </row>
    <row r="72919" spans="8:8">
      <c r="H72919" s="12"/>
    </row>
    <row r="72920" spans="8:8">
      <c r="H72920" s="12"/>
    </row>
    <row r="72921" spans="8:8">
      <c r="H72921" s="12"/>
    </row>
    <row r="72922" spans="8:8">
      <c r="H72922" s="12"/>
    </row>
    <row r="72923" spans="8:8">
      <c r="H72923" s="12"/>
    </row>
    <row r="72924" spans="8:8">
      <c r="H72924" s="12"/>
    </row>
    <row r="72925" spans="8:8">
      <c r="H72925" s="12"/>
    </row>
    <row r="72926" spans="8:8">
      <c r="H72926" s="12"/>
    </row>
    <row r="72927" spans="8:8">
      <c r="H72927" s="12"/>
    </row>
    <row r="72928" spans="8:8">
      <c r="H72928" s="12"/>
    </row>
    <row r="72929" spans="8:8">
      <c r="H72929" s="12"/>
    </row>
    <row r="72930" spans="8:8">
      <c r="H72930" s="12"/>
    </row>
    <row r="72931" spans="8:8">
      <c r="H72931" s="12"/>
    </row>
    <row r="72932" spans="8:8">
      <c r="H72932" s="12"/>
    </row>
    <row r="72933" spans="8:8">
      <c r="H72933" s="12"/>
    </row>
    <row r="72934" spans="8:8">
      <c r="H72934" s="12"/>
    </row>
    <row r="72935" spans="8:8">
      <c r="H72935" s="12"/>
    </row>
    <row r="72936" spans="8:8">
      <c r="H72936" s="12"/>
    </row>
    <row r="72937" spans="8:8">
      <c r="H72937" s="12"/>
    </row>
    <row r="72938" spans="8:8">
      <c r="H72938" s="12"/>
    </row>
    <row r="72939" spans="8:8">
      <c r="H72939" s="12"/>
    </row>
    <row r="72940" spans="8:8">
      <c r="H72940" s="12"/>
    </row>
    <row r="72941" spans="8:8">
      <c r="H72941" s="12"/>
    </row>
    <row r="72942" spans="8:8">
      <c r="H72942" s="12"/>
    </row>
    <row r="72943" spans="8:8">
      <c r="H72943" s="12"/>
    </row>
    <row r="72944" spans="8:8">
      <c r="H72944" s="12"/>
    </row>
    <row r="72945" spans="8:8">
      <c r="H72945" s="12"/>
    </row>
    <row r="72946" spans="8:8">
      <c r="H72946" s="12"/>
    </row>
    <row r="72947" spans="8:8">
      <c r="H72947" s="12"/>
    </row>
    <row r="72948" spans="8:8">
      <c r="H72948" s="12"/>
    </row>
    <row r="72949" spans="8:8">
      <c r="H72949" s="12"/>
    </row>
    <row r="72950" spans="8:8">
      <c r="H72950" s="12"/>
    </row>
    <row r="72951" spans="8:8">
      <c r="H72951" s="12"/>
    </row>
    <row r="72952" spans="8:8">
      <c r="H72952" s="12"/>
    </row>
    <row r="72953" spans="8:8">
      <c r="H72953" s="12"/>
    </row>
    <row r="72954" spans="8:8">
      <c r="H72954" s="12"/>
    </row>
    <row r="72955" spans="8:8">
      <c r="H72955" s="12"/>
    </row>
    <row r="72956" spans="8:8">
      <c r="H72956" s="12"/>
    </row>
    <row r="72957" spans="8:8">
      <c r="H72957" s="12"/>
    </row>
    <row r="72958" spans="8:8">
      <c r="H72958" s="12"/>
    </row>
    <row r="72959" spans="8:8">
      <c r="H72959" s="12"/>
    </row>
    <row r="72960" spans="8:8">
      <c r="H72960" s="12"/>
    </row>
    <row r="72961" spans="8:8">
      <c r="H72961" s="12"/>
    </row>
    <row r="72962" spans="8:8">
      <c r="H72962" s="12"/>
    </row>
    <row r="72963" spans="8:8">
      <c r="H72963" s="12"/>
    </row>
    <row r="72964" spans="8:8">
      <c r="H72964" s="12"/>
    </row>
    <row r="72965" spans="8:8">
      <c r="H72965" s="12"/>
    </row>
    <row r="72966" spans="8:8">
      <c r="H72966" s="12"/>
    </row>
    <row r="72967" spans="8:8">
      <c r="H72967" s="12"/>
    </row>
    <row r="72968" spans="8:8">
      <c r="H72968" s="12"/>
    </row>
    <row r="72969" spans="8:8">
      <c r="H72969" s="12"/>
    </row>
    <row r="72970" spans="8:8">
      <c r="H72970" s="12"/>
    </row>
    <row r="72971" spans="8:8">
      <c r="H72971" s="12"/>
    </row>
    <row r="72972" spans="8:8">
      <c r="H72972" s="12"/>
    </row>
    <row r="72973" spans="8:8">
      <c r="H72973" s="12"/>
    </row>
    <row r="72974" spans="8:8">
      <c r="H72974" s="12"/>
    </row>
    <row r="72975" spans="8:8">
      <c r="H72975" s="12"/>
    </row>
    <row r="72976" spans="8:8">
      <c r="H72976" s="12"/>
    </row>
    <row r="72977" spans="8:8">
      <c r="H72977" s="12"/>
    </row>
    <row r="72978" spans="8:8">
      <c r="H72978" s="12"/>
    </row>
    <row r="72979" spans="8:8">
      <c r="H72979" s="12"/>
    </row>
    <row r="72980" spans="8:8">
      <c r="H72980" s="12"/>
    </row>
    <row r="72981" spans="8:8">
      <c r="H72981" s="12"/>
    </row>
    <row r="72982" spans="8:8">
      <c r="H72982" s="12"/>
    </row>
    <row r="72983" spans="8:8">
      <c r="H72983" s="12"/>
    </row>
    <row r="72984" spans="8:8">
      <c r="H72984" s="12"/>
    </row>
    <row r="72985" spans="8:8">
      <c r="H72985" s="12"/>
    </row>
    <row r="72986" spans="8:8">
      <c r="H72986" s="12"/>
    </row>
    <row r="72987" spans="8:8">
      <c r="H72987" s="12"/>
    </row>
    <row r="72988" spans="8:8">
      <c r="H72988" s="12"/>
    </row>
    <row r="72989" spans="8:8">
      <c r="H72989" s="12"/>
    </row>
    <row r="72990" spans="8:8">
      <c r="H72990" s="12"/>
    </row>
    <row r="72991" spans="8:8">
      <c r="H72991" s="12"/>
    </row>
    <row r="72992" spans="8:8">
      <c r="H72992" s="12"/>
    </row>
    <row r="72993" spans="8:8">
      <c r="H72993" s="12"/>
    </row>
    <row r="72994" spans="8:8">
      <c r="H72994" s="12"/>
    </row>
    <row r="72995" spans="8:8">
      <c r="H72995" s="12"/>
    </row>
    <row r="72996" spans="8:8">
      <c r="H72996" s="12"/>
    </row>
    <row r="72997" spans="8:8">
      <c r="H72997" s="12"/>
    </row>
    <row r="72998" spans="8:8">
      <c r="H72998" s="12"/>
    </row>
    <row r="72999" spans="8:8">
      <c r="H72999" s="12"/>
    </row>
    <row r="73000" spans="8:8">
      <c r="H73000" s="12"/>
    </row>
    <row r="73001" spans="8:8">
      <c r="H73001" s="12"/>
    </row>
    <row r="73002" spans="8:8">
      <c r="H73002" s="12"/>
    </row>
    <row r="73003" spans="8:8">
      <c r="H73003" s="12"/>
    </row>
    <row r="73004" spans="8:8">
      <c r="H73004" s="12"/>
    </row>
    <row r="73005" spans="8:8">
      <c r="H73005" s="12"/>
    </row>
    <row r="73006" spans="8:8">
      <c r="H73006" s="12"/>
    </row>
    <row r="73007" spans="8:8">
      <c r="H73007" s="12"/>
    </row>
    <row r="73008" spans="8:8">
      <c r="H73008" s="12"/>
    </row>
    <row r="73009" spans="8:8">
      <c r="H73009" s="12"/>
    </row>
    <row r="73010" spans="8:8">
      <c r="H73010" s="12"/>
    </row>
    <row r="73011" spans="8:8">
      <c r="H73011" s="12"/>
    </row>
    <row r="73012" spans="8:8">
      <c r="H73012" s="12"/>
    </row>
    <row r="73013" spans="8:8">
      <c r="H73013" s="12"/>
    </row>
    <row r="73014" spans="8:8">
      <c r="H73014" s="12"/>
    </row>
    <row r="73015" spans="8:8">
      <c r="H73015" s="12"/>
    </row>
    <row r="73016" spans="8:8">
      <c r="H73016" s="12"/>
    </row>
    <row r="73017" spans="8:8">
      <c r="H73017" s="12"/>
    </row>
    <row r="73018" spans="8:8">
      <c r="H73018" s="12"/>
    </row>
    <row r="73019" spans="8:8">
      <c r="H73019" s="12"/>
    </row>
    <row r="73020" spans="8:8">
      <c r="H73020" s="12"/>
    </row>
    <row r="73021" spans="8:8">
      <c r="H73021" s="12"/>
    </row>
    <row r="73022" spans="8:8">
      <c r="H73022" s="12"/>
    </row>
    <row r="73023" spans="8:8">
      <c r="H73023" s="12"/>
    </row>
    <row r="73024" spans="8:8">
      <c r="H73024" s="12"/>
    </row>
    <row r="73025" spans="8:8">
      <c r="H73025" s="12"/>
    </row>
    <row r="73026" spans="8:8">
      <c r="H73026" s="12"/>
    </row>
    <row r="73027" spans="8:8">
      <c r="H73027" s="12"/>
    </row>
    <row r="73028" spans="8:8">
      <c r="H73028" s="12"/>
    </row>
    <row r="73029" spans="8:8">
      <c r="H73029" s="12"/>
    </row>
    <row r="73030" spans="8:8">
      <c r="H73030" s="12"/>
    </row>
    <row r="73031" spans="8:8">
      <c r="H73031" s="12"/>
    </row>
    <row r="73032" spans="8:8">
      <c r="H73032" s="12"/>
    </row>
    <row r="73033" spans="8:8">
      <c r="H73033" s="12"/>
    </row>
    <row r="73034" spans="8:8">
      <c r="H73034" s="12"/>
    </row>
    <row r="73035" spans="8:8">
      <c r="H73035" s="12"/>
    </row>
    <row r="73036" spans="8:8">
      <c r="H73036" s="12"/>
    </row>
    <row r="73037" spans="8:8">
      <c r="H73037" s="12"/>
    </row>
    <row r="73038" spans="8:8">
      <c r="H73038" s="12"/>
    </row>
    <row r="73039" spans="8:8">
      <c r="H73039" s="12"/>
    </row>
    <row r="73040" spans="8:8">
      <c r="H73040" s="12"/>
    </row>
    <row r="73041" spans="8:8">
      <c r="H73041" s="12"/>
    </row>
    <row r="73042" spans="8:8">
      <c r="H73042" s="12"/>
    </row>
    <row r="73043" spans="8:8">
      <c r="H73043" s="12"/>
    </row>
    <row r="73044" spans="8:8">
      <c r="H73044" s="12"/>
    </row>
    <row r="73045" spans="8:8">
      <c r="H73045" s="12"/>
    </row>
    <row r="73046" spans="8:8">
      <c r="H73046" s="12"/>
    </row>
    <row r="73047" spans="8:8">
      <c r="H73047" s="12"/>
    </row>
    <row r="73048" spans="8:8">
      <c r="H73048" s="12"/>
    </row>
    <row r="73049" spans="8:8">
      <c r="H73049" s="12"/>
    </row>
    <row r="73050" spans="8:8">
      <c r="H73050" s="12"/>
    </row>
    <row r="73051" spans="8:8">
      <c r="H73051" s="12"/>
    </row>
    <row r="73052" spans="8:8">
      <c r="H73052" s="12"/>
    </row>
    <row r="73053" spans="8:8">
      <c r="H73053" s="12"/>
    </row>
    <row r="73054" spans="8:8">
      <c r="H73054" s="12"/>
    </row>
    <row r="73055" spans="8:8">
      <c r="H73055" s="12"/>
    </row>
    <row r="73056" spans="8:8">
      <c r="H73056" s="12"/>
    </row>
    <row r="73057" spans="8:8">
      <c r="H73057" s="12"/>
    </row>
    <row r="73058" spans="8:8">
      <c r="H73058" s="12"/>
    </row>
    <row r="73059" spans="8:8">
      <c r="H73059" s="12"/>
    </row>
    <row r="73060" spans="8:8">
      <c r="H73060" s="12"/>
    </row>
    <row r="73061" spans="8:8">
      <c r="H73061" s="12"/>
    </row>
    <row r="73062" spans="8:8">
      <c r="H73062" s="12"/>
    </row>
    <row r="73063" spans="8:8">
      <c r="H73063" s="12"/>
    </row>
    <row r="73064" spans="8:8">
      <c r="H73064" s="12"/>
    </row>
    <row r="73065" spans="8:8">
      <c r="H73065" s="12"/>
    </row>
    <row r="73066" spans="8:8">
      <c r="H73066" s="12"/>
    </row>
    <row r="73067" spans="8:8">
      <c r="H73067" s="12"/>
    </row>
    <row r="73068" spans="8:8">
      <c r="H73068" s="12"/>
    </row>
    <row r="73069" spans="8:8">
      <c r="H73069" s="12"/>
    </row>
    <row r="73070" spans="8:8">
      <c r="H73070" s="12"/>
    </row>
    <row r="73071" spans="8:8">
      <c r="H73071" s="12"/>
    </row>
    <row r="73072" spans="8:8">
      <c r="H73072" s="12"/>
    </row>
    <row r="73073" spans="8:8">
      <c r="H73073" s="12"/>
    </row>
    <row r="73074" spans="8:8">
      <c r="H73074" s="12"/>
    </row>
    <row r="73075" spans="8:8">
      <c r="H73075" s="12"/>
    </row>
    <row r="73076" spans="8:8">
      <c r="H73076" s="12"/>
    </row>
    <row r="73077" spans="8:8">
      <c r="H73077" s="12"/>
    </row>
    <row r="73078" spans="8:8">
      <c r="H73078" s="12"/>
    </row>
    <row r="73079" spans="8:8">
      <c r="H73079" s="12"/>
    </row>
    <row r="73080" spans="8:8">
      <c r="H73080" s="12"/>
    </row>
    <row r="73081" spans="8:8">
      <c r="H73081" s="12"/>
    </row>
    <row r="73082" spans="8:8">
      <c r="H73082" s="12"/>
    </row>
    <row r="73083" spans="8:8">
      <c r="H73083" s="12"/>
    </row>
    <row r="73084" spans="8:8">
      <c r="H73084" s="12"/>
    </row>
    <row r="73085" spans="8:8">
      <c r="H73085" s="12"/>
    </row>
    <row r="73086" spans="8:8">
      <c r="H73086" s="12"/>
    </row>
    <row r="73087" spans="8:8">
      <c r="H73087" s="12"/>
    </row>
    <row r="73088" spans="8:8">
      <c r="H73088" s="12"/>
    </row>
    <row r="73089" spans="8:8">
      <c r="H73089" s="12"/>
    </row>
    <row r="73090" spans="8:8">
      <c r="H73090" s="12"/>
    </row>
    <row r="73091" spans="8:8">
      <c r="H73091" s="12"/>
    </row>
    <row r="73092" spans="8:8">
      <c r="H73092" s="12"/>
    </row>
    <row r="73093" spans="8:8">
      <c r="H73093" s="12"/>
    </row>
    <row r="73094" spans="8:8">
      <c r="H73094" s="12"/>
    </row>
    <row r="73095" spans="8:8">
      <c r="H73095" s="12"/>
    </row>
    <row r="73096" spans="8:8">
      <c r="H73096" s="12"/>
    </row>
    <row r="73097" spans="8:8">
      <c r="H73097" s="12"/>
    </row>
    <row r="73098" spans="8:8">
      <c r="H73098" s="12"/>
    </row>
    <row r="73099" spans="8:8">
      <c r="H73099" s="12"/>
    </row>
    <row r="73100" spans="8:8">
      <c r="H73100" s="12"/>
    </row>
    <row r="73101" spans="8:8">
      <c r="H73101" s="12"/>
    </row>
    <row r="73102" spans="8:8">
      <c r="H73102" s="12"/>
    </row>
    <row r="73103" spans="8:8">
      <c r="H73103" s="12"/>
    </row>
    <row r="73104" spans="8:8">
      <c r="H73104" s="12"/>
    </row>
    <row r="73105" spans="8:8">
      <c r="H73105" s="12"/>
    </row>
    <row r="73106" spans="8:8">
      <c r="H73106" s="12"/>
    </row>
    <row r="73107" spans="8:8">
      <c r="H73107" s="12"/>
    </row>
    <row r="73108" spans="8:8">
      <c r="H73108" s="12"/>
    </row>
    <row r="73109" spans="8:8">
      <c r="H73109" s="12"/>
    </row>
    <row r="73110" spans="8:8">
      <c r="H73110" s="12"/>
    </row>
    <row r="73111" spans="8:8">
      <c r="H73111" s="12"/>
    </row>
    <row r="73112" spans="8:8">
      <c r="H73112" s="12"/>
    </row>
    <row r="73113" spans="8:8">
      <c r="H73113" s="12"/>
    </row>
    <row r="73114" spans="8:8">
      <c r="H73114" s="12"/>
    </row>
    <row r="73115" spans="8:8">
      <c r="H73115" s="12"/>
    </row>
    <row r="73116" spans="8:8">
      <c r="H73116" s="12"/>
    </row>
    <row r="73117" spans="8:8">
      <c r="H73117" s="12"/>
    </row>
    <row r="73118" spans="8:8">
      <c r="H73118" s="12"/>
    </row>
    <row r="73119" spans="8:8">
      <c r="H73119" s="12"/>
    </row>
    <row r="73120" spans="8:8">
      <c r="H73120" s="12"/>
    </row>
    <row r="73121" spans="8:8">
      <c r="H73121" s="12"/>
    </row>
    <row r="73122" spans="8:8">
      <c r="H73122" s="12"/>
    </row>
    <row r="73123" spans="8:8">
      <c r="H73123" s="12"/>
    </row>
    <row r="73124" spans="8:8">
      <c r="H73124" s="12"/>
    </row>
    <row r="73125" spans="8:8">
      <c r="H73125" s="12"/>
    </row>
    <row r="73126" spans="8:8">
      <c r="H73126" s="12"/>
    </row>
    <row r="73127" spans="8:8">
      <c r="H73127" s="12"/>
    </row>
    <row r="73128" spans="8:8">
      <c r="H73128" s="12"/>
    </row>
    <row r="73129" spans="8:8">
      <c r="H73129" s="12"/>
    </row>
    <row r="73130" spans="8:8">
      <c r="H73130" s="12"/>
    </row>
    <row r="73131" spans="8:8">
      <c r="H73131" s="12"/>
    </row>
    <row r="73132" spans="8:8">
      <c r="H73132" s="12"/>
    </row>
    <row r="73133" spans="8:8">
      <c r="H73133" s="12"/>
    </row>
    <row r="73134" spans="8:8">
      <c r="H73134" s="12"/>
    </row>
    <row r="73135" spans="8:8">
      <c r="H73135" s="12"/>
    </row>
    <row r="73136" spans="8:8">
      <c r="H73136" s="12"/>
    </row>
    <row r="73137" spans="8:8">
      <c r="H73137" s="12"/>
    </row>
    <row r="73138" spans="8:8">
      <c r="H73138" s="12"/>
    </row>
    <row r="73139" spans="8:8">
      <c r="H73139" s="12"/>
    </row>
    <row r="73140" spans="8:8">
      <c r="H73140" s="12"/>
    </row>
    <row r="73141" spans="8:8">
      <c r="H73141" s="12"/>
    </row>
    <row r="73142" spans="8:8">
      <c r="H73142" s="12"/>
    </row>
    <row r="73143" spans="8:8">
      <c r="H73143" s="12"/>
    </row>
    <row r="73144" spans="8:8">
      <c r="H73144" s="12"/>
    </row>
    <row r="73145" spans="8:8">
      <c r="H73145" s="12"/>
    </row>
    <row r="73146" spans="8:8">
      <c r="H73146" s="12"/>
    </row>
    <row r="73147" spans="8:8">
      <c r="H73147" s="12"/>
    </row>
    <row r="73148" spans="8:8">
      <c r="H73148" s="12"/>
    </row>
    <row r="73149" spans="8:8">
      <c r="H73149" s="12"/>
    </row>
    <row r="73150" spans="8:8">
      <c r="H73150" s="12"/>
    </row>
    <row r="73151" spans="8:8">
      <c r="H73151" s="12"/>
    </row>
    <row r="73152" spans="8:8">
      <c r="H73152" s="12"/>
    </row>
    <row r="73153" spans="8:8">
      <c r="H73153" s="12"/>
    </row>
    <row r="73154" spans="8:8">
      <c r="H73154" s="12"/>
    </row>
    <row r="73155" spans="8:8">
      <c r="H73155" s="12"/>
    </row>
    <row r="73156" spans="8:8">
      <c r="H73156" s="12"/>
    </row>
    <row r="73157" spans="8:8">
      <c r="H73157" s="12"/>
    </row>
    <row r="73158" spans="8:8">
      <c r="H73158" s="12"/>
    </row>
    <row r="73159" spans="8:8">
      <c r="H73159" s="12"/>
    </row>
    <row r="73160" spans="8:8">
      <c r="H73160" s="12"/>
    </row>
    <row r="73161" spans="8:8">
      <c r="H73161" s="12"/>
    </row>
    <row r="73162" spans="8:8">
      <c r="H73162" s="12"/>
    </row>
    <row r="73163" spans="8:8">
      <c r="H73163" s="12"/>
    </row>
    <row r="73164" spans="8:8">
      <c r="H73164" s="12"/>
    </row>
    <row r="73165" spans="8:8">
      <c r="H73165" s="12"/>
    </row>
    <row r="73166" spans="8:8">
      <c r="H73166" s="12"/>
    </row>
    <row r="73167" spans="8:8">
      <c r="H73167" s="12"/>
    </row>
    <row r="73168" spans="8:8">
      <c r="H73168" s="12"/>
    </row>
    <row r="73169" spans="8:8">
      <c r="H73169" s="12"/>
    </row>
    <row r="73170" spans="8:8">
      <c r="H73170" s="12"/>
    </row>
    <row r="73171" spans="8:8">
      <c r="H73171" s="12"/>
    </row>
    <row r="73172" spans="8:8">
      <c r="H73172" s="12"/>
    </row>
    <row r="73173" spans="8:8">
      <c r="H73173" s="12"/>
    </row>
    <row r="73174" spans="8:8">
      <c r="H73174" s="12"/>
    </row>
    <row r="73175" spans="8:8">
      <c r="H73175" s="12"/>
    </row>
    <row r="73176" spans="8:8">
      <c r="H73176" s="12"/>
    </row>
    <row r="73177" spans="8:8">
      <c r="H73177" s="12"/>
    </row>
    <row r="73178" spans="8:8">
      <c r="H73178" s="12"/>
    </row>
    <row r="73179" spans="8:8">
      <c r="H73179" s="12"/>
    </row>
    <row r="73180" spans="8:8">
      <c r="H73180" s="12"/>
    </row>
    <row r="73181" spans="8:8">
      <c r="H73181" s="12"/>
    </row>
    <row r="73182" spans="8:8">
      <c r="H73182" s="12"/>
    </row>
    <row r="73183" spans="8:8">
      <c r="H73183" s="12"/>
    </row>
    <row r="73184" spans="8:8">
      <c r="H73184" s="12"/>
    </row>
    <row r="73185" spans="8:8">
      <c r="H73185" s="12"/>
    </row>
    <row r="73186" spans="8:8">
      <c r="H73186" s="12"/>
    </row>
    <row r="73187" spans="8:8">
      <c r="H73187" s="12"/>
    </row>
    <row r="73188" spans="8:8">
      <c r="H73188" s="12"/>
    </row>
    <row r="73189" spans="8:8">
      <c r="H73189" s="12"/>
    </row>
    <row r="73190" spans="8:8">
      <c r="H73190" s="12"/>
    </row>
    <row r="73191" spans="8:8">
      <c r="H73191" s="12"/>
    </row>
    <row r="73192" spans="8:8">
      <c r="H73192" s="12"/>
    </row>
    <row r="73193" spans="8:8">
      <c r="H73193" s="12"/>
    </row>
    <row r="73194" spans="8:8">
      <c r="H73194" s="12"/>
    </row>
    <row r="73195" spans="8:8">
      <c r="H73195" s="12"/>
    </row>
    <row r="73196" spans="8:8">
      <c r="H73196" s="12"/>
    </row>
    <row r="73197" spans="8:8">
      <c r="H73197" s="12"/>
    </row>
    <row r="73198" spans="8:8">
      <c r="H73198" s="12"/>
    </row>
    <row r="73199" spans="8:8">
      <c r="H73199" s="12"/>
    </row>
    <row r="73200" spans="8:8">
      <c r="H73200" s="12"/>
    </row>
    <row r="73201" spans="8:8">
      <c r="H73201" s="12"/>
    </row>
    <row r="73202" spans="8:8">
      <c r="H73202" s="12"/>
    </row>
    <row r="73203" spans="8:8">
      <c r="H73203" s="12"/>
    </row>
    <row r="73204" spans="8:8">
      <c r="H73204" s="12"/>
    </row>
    <row r="73205" spans="8:8">
      <c r="H73205" s="12"/>
    </row>
    <row r="73206" spans="8:8">
      <c r="H73206" s="12"/>
    </row>
    <row r="73207" spans="8:8">
      <c r="H73207" s="12"/>
    </row>
    <row r="73208" spans="8:8">
      <c r="H73208" s="12"/>
    </row>
    <row r="73209" spans="8:8">
      <c r="H73209" s="12"/>
    </row>
    <row r="73210" spans="8:8">
      <c r="H73210" s="12"/>
    </row>
    <row r="73211" spans="8:8">
      <c r="H73211" s="12"/>
    </row>
    <row r="73212" spans="8:8">
      <c r="H73212" s="12"/>
    </row>
    <row r="73213" spans="8:8">
      <c r="H73213" s="12"/>
    </row>
    <row r="73214" spans="8:8">
      <c r="H73214" s="12"/>
    </row>
    <row r="73215" spans="8:8">
      <c r="H73215" s="12"/>
    </row>
    <row r="73216" spans="8:8">
      <c r="H73216" s="12"/>
    </row>
    <row r="73217" spans="8:8">
      <c r="H73217" s="12"/>
    </row>
    <row r="73218" spans="8:8">
      <c r="H73218" s="12"/>
    </row>
    <row r="73219" spans="8:8">
      <c r="H73219" s="12"/>
    </row>
    <row r="73220" spans="8:8">
      <c r="H73220" s="12"/>
    </row>
    <row r="73221" spans="8:8">
      <c r="H73221" s="12"/>
    </row>
    <row r="73222" spans="8:8">
      <c r="H73222" s="12"/>
    </row>
    <row r="73223" spans="8:8">
      <c r="H73223" s="12"/>
    </row>
    <row r="73224" spans="8:8">
      <c r="H73224" s="12"/>
    </row>
    <row r="73225" spans="8:8">
      <c r="H73225" s="12"/>
    </row>
    <row r="73226" spans="8:8">
      <c r="H73226" s="12"/>
    </row>
    <row r="73227" spans="8:8">
      <c r="H73227" s="12"/>
    </row>
    <row r="73228" spans="8:8">
      <c r="H73228" s="12"/>
    </row>
    <row r="73229" spans="8:8">
      <c r="H73229" s="12"/>
    </row>
    <row r="73230" spans="8:8">
      <c r="H73230" s="12"/>
    </row>
    <row r="73231" spans="8:8">
      <c r="H73231" s="12"/>
    </row>
    <row r="73232" spans="8:8">
      <c r="H73232" s="12"/>
    </row>
    <row r="73233" spans="8:8">
      <c r="H73233" s="12"/>
    </row>
    <row r="73234" spans="8:8">
      <c r="H73234" s="12"/>
    </row>
    <row r="73235" spans="8:8">
      <c r="H73235" s="12"/>
    </row>
    <row r="73236" spans="8:8">
      <c r="H73236" s="12"/>
    </row>
    <row r="73237" spans="8:8">
      <c r="H73237" s="12"/>
    </row>
    <row r="73238" spans="8:8">
      <c r="H73238" s="12"/>
    </row>
    <row r="73239" spans="8:8">
      <c r="H73239" s="12"/>
    </row>
    <row r="73240" spans="8:8">
      <c r="H73240" s="12"/>
    </row>
    <row r="73241" spans="8:8">
      <c r="H73241" s="12"/>
    </row>
    <row r="73242" spans="8:8">
      <c r="H73242" s="12"/>
    </row>
    <row r="73243" spans="8:8">
      <c r="H73243" s="12"/>
    </row>
    <row r="73244" spans="8:8">
      <c r="H73244" s="12"/>
    </row>
    <row r="73245" spans="8:8">
      <c r="H73245" s="12"/>
    </row>
    <row r="73246" spans="8:8">
      <c r="H73246" s="12"/>
    </row>
    <row r="73247" spans="8:8">
      <c r="H73247" s="12"/>
    </row>
    <row r="73248" spans="8:8">
      <c r="H73248" s="12"/>
    </row>
    <row r="73249" spans="8:8">
      <c r="H73249" s="12"/>
    </row>
    <row r="73250" spans="8:8">
      <c r="H73250" s="12"/>
    </row>
    <row r="73251" spans="8:8">
      <c r="H73251" s="12"/>
    </row>
    <row r="73252" spans="8:8">
      <c r="H73252" s="12"/>
    </row>
    <row r="73253" spans="8:8">
      <c r="H73253" s="12"/>
    </row>
    <row r="73254" spans="8:8">
      <c r="H73254" s="12"/>
    </row>
    <row r="73255" spans="8:8">
      <c r="H73255" s="12"/>
    </row>
    <row r="73256" spans="8:8">
      <c r="H73256" s="12"/>
    </row>
    <row r="73257" spans="8:8">
      <c r="H73257" s="12"/>
    </row>
    <row r="73258" spans="8:8">
      <c r="H73258" s="12"/>
    </row>
    <row r="73259" spans="8:8">
      <c r="H73259" s="12"/>
    </row>
    <row r="73260" spans="8:8">
      <c r="H73260" s="12"/>
    </row>
    <row r="73261" spans="8:8">
      <c r="H73261" s="12"/>
    </row>
    <row r="73262" spans="8:8">
      <c r="H73262" s="12"/>
    </row>
    <row r="73263" spans="8:8">
      <c r="H73263" s="12"/>
    </row>
    <row r="73264" spans="8:8">
      <c r="H73264" s="12"/>
    </row>
    <row r="73265" spans="8:8">
      <c r="H73265" s="12"/>
    </row>
    <row r="73266" spans="8:8">
      <c r="H73266" s="12"/>
    </row>
    <row r="73267" spans="8:8">
      <c r="H73267" s="12"/>
    </row>
    <row r="73268" spans="8:8">
      <c r="H73268" s="12"/>
    </row>
    <row r="73269" spans="8:8">
      <c r="H73269" s="12"/>
    </row>
    <row r="73270" spans="8:8">
      <c r="H73270" s="12"/>
    </row>
    <row r="73271" spans="8:8">
      <c r="H73271" s="12"/>
    </row>
    <row r="73272" spans="8:8">
      <c r="H73272" s="12"/>
    </row>
    <row r="73273" spans="8:8">
      <c r="H73273" s="12"/>
    </row>
    <row r="73274" spans="8:8">
      <c r="H73274" s="12"/>
    </row>
    <row r="73275" spans="8:8">
      <c r="H73275" s="12"/>
    </row>
    <row r="73276" spans="8:8">
      <c r="H73276" s="12"/>
    </row>
    <row r="73277" spans="8:8">
      <c r="H73277" s="12"/>
    </row>
    <row r="73278" spans="8:8">
      <c r="H73278" s="12"/>
    </row>
    <row r="73279" spans="8:8">
      <c r="H73279" s="12"/>
    </row>
    <row r="73280" spans="8:8">
      <c r="H73280" s="12"/>
    </row>
    <row r="73281" spans="8:8">
      <c r="H73281" s="12"/>
    </row>
    <row r="73282" spans="8:8">
      <c r="H73282" s="12"/>
    </row>
    <row r="73283" spans="8:8">
      <c r="H73283" s="12"/>
    </row>
    <row r="73284" spans="8:8">
      <c r="H73284" s="12"/>
    </row>
    <row r="73285" spans="8:8">
      <c r="H73285" s="12"/>
    </row>
    <row r="73286" spans="8:8">
      <c r="H73286" s="12"/>
    </row>
    <row r="73287" spans="8:8">
      <c r="H73287" s="12"/>
    </row>
    <row r="73288" spans="8:8">
      <c r="H73288" s="12"/>
    </row>
    <row r="73289" spans="8:8">
      <c r="H73289" s="12"/>
    </row>
    <row r="73290" spans="8:8">
      <c r="H73290" s="12"/>
    </row>
    <row r="73291" spans="8:8">
      <c r="H73291" s="12"/>
    </row>
    <row r="73292" spans="8:8">
      <c r="H73292" s="12"/>
    </row>
    <row r="73293" spans="8:8">
      <c r="H73293" s="12"/>
    </row>
    <row r="73294" spans="8:8">
      <c r="H73294" s="12"/>
    </row>
    <row r="73295" spans="8:8">
      <c r="H73295" s="12"/>
    </row>
    <row r="73296" spans="8:8">
      <c r="H73296" s="12"/>
    </row>
    <row r="73297" spans="8:8">
      <c r="H73297" s="12"/>
    </row>
    <row r="73298" spans="8:8">
      <c r="H73298" s="12"/>
    </row>
    <row r="73299" spans="8:8">
      <c r="H73299" s="12"/>
    </row>
    <row r="73300" spans="8:8">
      <c r="H73300" s="12"/>
    </row>
    <row r="73301" spans="8:8">
      <c r="H73301" s="12"/>
    </row>
    <row r="73302" spans="8:8">
      <c r="H73302" s="12"/>
    </row>
    <row r="73303" spans="8:8">
      <c r="H73303" s="12"/>
    </row>
    <row r="73304" spans="8:8">
      <c r="H73304" s="12"/>
    </row>
    <row r="73305" spans="8:8">
      <c r="H73305" s="12"/>
    </row>
    <row r="73306" spans="8:8">
      <c r="H73306" s="12"/>
    </row>
    <row r="73307" spans="8:8">
      <c r="H73307" s="12"/>
    </row>
    <row r="73308" spans="8:8">
      <c r="H73308" s="12"/>
    </row>
    <row r="73309" spans="8:8">
      <c r="H73309" s="12"/>
    </row>
    <row r="73310" spans="8:8">
      <c r="H73310" s="12"/>
    </row>
    <row r="73311" spans="8:8">
      <c r="H73311" s="12"/>
    </row>
    <row r="73312" spans="8:8">
      <c r="H73312" s="12"/>
    </row>
    <row r="73313" spans="8:8">
      <c r="H73313" s="12"/>
    </row>
    <row r="73314" spans="8:8">
      <c r="H73314" s="12"/>
    </row>
    <row r="73315" spans="8:8">
      <c r="H73315" s="12"/>
    </row>
    <row r="73316" spans="8:8">
      <c r="H73316" s="12"/>
    </row>
    <row r="73317" spans="8:8">
      <c r="H73317" s="12"/>
    </row>
    <row r="73318" spans="8:8">
      <c r="H73318" s="12"/>
    </row>
    <row r="73319" spans="8:8">
      <c r="H73319" s="12"/>
    </row>
    <row r="73320" spans="8:8">
      <c r="H73320" s="12"/>
    </row>
    <row r="73321" spans="8:8">
      <c r="H73321" s="12"/>
    </row>
    <row r="73322" spans="8:8">
      <c r="H73322" s="12"/>
    </row>
    <row r="73323" spans="8:8">
      <c r="H73323" s="12"/>
    </row>
    <row r="73324" spans="8:8">
      <c r="H73324" s="12"/>
    </row>
    <row r="73325" spans="8:8">
      <c r="H73325" s="12"/>
    </row>
    <row r="73326" spans="8:8">
      <c r="H73326" s="12"/>
    </row>
    <row r="73327" spans="8:8">
      <c r="H73327" s="12"/>
    </row>
    <row r="73328" spans="8:8">
      <c r="H73328" s="12"/>
    </row>
    <row r="73329" spans="8:8">
      <c r="H73329" s="12"/>
    </row>
    <row r="73330" spans="8:8">
      <c r="H73330" s="12"/>
    </row>
    <row r="73331" spans="8:8">
      <c r="H73331" s="12"/>
    </row>
    <row r="73332" spans="8:8">
      <c r="H73332" s="12"/>
    </row>
    <row r="73333" spans="8:8">
      <c r="H73333" s="12"/>
    </row>
    <row r="73334" spans="8:8">
      <c r="H73334" s="12"/>
    </row>
    <row r="73335" spans="8:8">
      <c r="H73335" s="12"/>
    </row>
    <row r="73336" spans="8:8">
      <c r="H73336" s="12"/>
    </row>
    <row r="73337" spans="8:8">
      <c r="H73337" s="12"/>
    </row>
    <row r="73338" spans="8:8">
      <c r="H73338" s="12"/>
    </row>
    <row r="73339" spans="8:8">
      <c r="H73339" s="12"/>
    </row>
    <row r="73340" spans="8:8">
      <c r="H73340" s="12"/>
    </row>
    <row r="73341" spans="8:8">
      <c r="H73341" s="12"/>
    </row>
    <row r="73342" spans="8:8">
      <c r="H73342" s="12"/>
    </row>
    <row r="73343" spans="8:8">
      <c r="H73343" s="12"/>
    </row>
    <row r="73344" spans="8:8">
      <c r="H73344" s="12"/>
    </row>
    <row r="73345" spans="8:8">
      <c r="H73345" s="12"/>
    </row>
    <row r="73346" spans="8:8">
      <c r="H73346" s="12"/>
    </row>
    <row r="73347" spans="8:8">
      <c r="H73347" s="12"/>
    </row>
    <row r="73348" spans="8:8">
      <c r="H73348" s="12"/>
    </row>
    <row r="73349" spans="8:8">
      <c r="H73349" s="12"/>
    </row>
    <row r="73350" spans="8:8">
      <c r="H73350" s="12"/>
    </row>
    <row r="73351" spans="8:8">
      <c r="H73351" s="12"/>
    </row>
    <row r="73352" spans="8:8">
      <c r="H73352" s="12"/>
    </row>
    <row r="73353" spans="8:8">
      <c r="H73353" s="12"/>
    </row>
    <row r="73354" spans="8:8">
      <c r="H73354" s="12"/>
    </row>
    <row r="73355" spans="8:8">
      <c r="H73355" s="12"/>
    </row>
    <row r="73356" spans="8:8">
      <c r="H73356" s="12"/>
    </row>
    <row r="73357" spans="8:8">
      <c r="H73357" s="12"/>
    </row>
    <row r="73358" spans="8:8">
      <c r="H73358" s="12"/>
    </row>
    <row r="73359" spans="8:8">
      <c r="H73359" s="12"/>
    </row>
    <row r="73360" spans="8:8">
      <c r="H73360" s="12"/>
    </row>
    <row r="73361" spans="8:8">
      <c r="H73361" s="12"/>
    </row>
    <row r="73362" spans="8:8">
      <c r="H73362" s="12"/>
    </row>
    <row r="73363" spans="8:8">
      <c r="H73363" s="12"/>
    </row>
    <row r="73364" spans="8:8">
      <c r="H73364" s="12"/>
    </row>
    <row r="73365" spans="8:8">
      <c r="H73365" s="12"/>
    </row>
    <row r="73366" spans="8:8">
      <c r="H73366" s="12"/>
    </row>
    <row r="73367" spans="8:8">
      <c r="H73367" s="12"/>
    </row>
    <row r="73368" spans="8:8">
      <c r="H73368" s="12"/>
    </row>
    <row r="73369" spans="8:8">
      <c r="H73369" s="12"/>
    </row>
    <row r="73370" spans="8:8">
      <c r="H73370" s="12"/>
    </row>
    <row r="73371" spans="8:8">
      <c r="H73371" s="12"/>
    </row>
    <row r="73372" spans="8:8">
      <c r="H73372" s="12"/>
    </row>
    <row r="73373" spans="8:8">
      <c r="H73373" s="12"/>
    </row>
    <row r="73374" spans="8:8">
      <c r="H73374" s="12"/>
    </row>
    <row r="73375" spans="8:8">
      <c r="H73375" s="12"/>
    </row>
    <row r="73376" spans="8:8">
      <c r="H73376" s="12"/>
    </row>
    <row r="73377" spans="8:8">
      <c r="H73377" s="12"/>
    </row>
    <row r="73378" spans="8:8">
      <c r="H73378" s="12"/>
    </row>
    <row r="73379" spans="8:8">
      <c r="H73379" s="12"/>
    </row>
    <row r="73380" spans="8:8">
      <c r="H73380" s="12"/>
    </row>
    <row r="73381" spans="8:8">
      <c r="H73381" s="12"/>
    </row>
    <row r="73382" spans="8:8">
      <c r="H73382" s="12"/>
    </row>
    <row r="73383" spans="8:8">
      <c r="H73383" s="12"/>
    </row>
    <row r="73384" spans="8:8">
      <c r="H73384" s="12"/>
    </row>
    <row r="73385" spans="8:8">
      <c r="H73385" s="12"/>
    </row>
    <row r="73386" spans="8:8">
      <c r="H73386" s="12"/>
    </row>
    <row r="73387" spans="8:8">
      <c r="H73387" s="12"/>
    </row>
    <row r="73388" spans="8:8">
      <c r="H73388" s="12"/>
    </row>
    <row r="73389" spans="8:8">
      <c r="H73389" s="12"/>
    </row>
    <row r="73390" spans="8:8">
      <c r="H73390" s="12"/>
    </row>
    <row r="73391" spans="8:8">
      <c r="H73391" s="12"/>
    </row>
    <row r="73392" spans="8:8">
      <c r="H73392" s="12"/>
    </row>
    <row r="73393" spans="8:8">
      <c r="H73393" s="12"/>
    </row>
    <row r="73394" spans="8:8">
      <c r="H73394" s="12"/>
    </row>
    <row r="73395" spans="8:8">
      <c r="H73395" s="12"/>
    </row>
    <row r="73396" spans="8:8">
      <c r="H73396" s="12"/>
    </row>
    <row r="73397" spans="8:8">
      <c r="H73397" s="12"/>
    </row>
    <row r="73398" spans="8:8">
      <c r="H73398" s="12"/>
    </row>
    <row r="73399" spans="8:8">
      <c r="H73399" s="12"/>
    </row>
    <row r="73400" spans="8:8">
      <c r="H73400" s="12"/>
    </row>
    <row r="73401" spans="8:8">
      <c r="H73401" s="12"/>
    </row>
    <row r="73402" spans="8:8">
      <c r="H73402" s="12"/>
    </row>
    <row r="73403" spans="8:8">
      <c r="H73403" s="12"/>
    </row>
    <row r="73404" spans="8:8">
      <c r="H73404" s="12"/>
    </row>
    <row r="73405" spans="8:8">
      <c r="H73405" s="12"/>
    </row>
    <row r="73406" spans="8:8">
      <c r="H73406" s="12"/>
    </row>
    <row r="73407" spans="8:8">
      <c r="H73407" s="12"/>
    </row>
    <row r="73408" spans="8:8">
      <c r="H73408" s="12"/>
    </row>
    <row r="73409" spans="8:8">
      <c r="H73409" s="12"/>
    </row>
    <row r="73410" spans="8:8">
      <c r="H73410" s="12"/>
    </row>
    <row r="73411" spans="8:8">
      <c r="H73411" s="12"/>
    </row>
    <row r="73412" spans="8:8">
      <c r="H73412" s="12"/>
    </row>
    <row r="73413" spans="8:8">
      <c r="H73413" s="12"/>
    </row>
    <row r="73414" spans="8:8">
      <c r="H73414" s="12"/>
    </row>
    <row r="73415" spans="8:8">
      <c r="H73415" s="12"/>
    </row>
    <row r="73416" spans="8:8">
      <c r="H73416" s="12"/>
    </row>
    <row r="73417" spans="8:8">
      <c r="H73417" s="12"/>
    </row>
    <row r="73418" spans="8:8">
      <c r="H73418" s="12"/>
    </row>
    <row r="73419" spans="8:8">
      <c r="H73419" s="12"/>
    </row>
    <row r="73420" spans="8:8">
      <c r="H73420" s="12"/>
    </row>
    <row r="73421" spans="8:8">
      <c r="H73421" s="12"/>
    </row>
    <row r="73422" spans="8:8">
      <c r="H73422" s="12"/>
    </row>
    <row r="73423" spans="8:8">
      <c r="H73423" s="12"/>
    </row>
    <row r="73424" spans="8:8">
      <c r="H73424" s="12"/>
    </row>
    <row r="73425" spans="8:8">
      <c r="H73425" s="12"/>
    </row>
    <row r="73426" spans="8:8">
      <c r="H73426" s="12"/>
    </row>
    <row r="73427" spans="8:8">
      <c r="H73427" s="12"/>
    </row>
    <row r="73428" spans="8:8">
      <c r="H73428" s="12"/>
    </row>
    <row r="73429" spans="8:8">
      <c r="H73429" s="12"/>
    </row>
    <row r="73430" spans="8:8">
      <c r="H73430" s="12"/>
    </row>
    <row r="73431" spans="8:8">
      <c r="H73431" s="12"/>
    </row>
    <row r="73432" spans="8:8">
      <c r="H73432" s="12"/>
    </row>
    <row r="73433" spans="8:8">
      <c r="H73433" s="12"/>
    </row>
    <row r="73434" spans="8:8">
      <c r="H73434" s="12"/>
    </row>
    <row r="73435" spans="8:8">
      <c r="H73435" s="12"/>
    </row>
    <row r="73436" spans="8:8">
      <c r="H73436" s="12"/>
    </row>
    <row r="73437" spans="8:8">
      <c r="H73437" s="12"/>
    </row>
    <row r="73438" spans="8:8">
      <c r="H73438" s="12"/>
    </row>
    <row r="73439" spans="8:8">
      <c r="H73439" s="12"/>
    </row>
    <row r="73440" spans="8:8">
      <c r="H73440" s="12"/>
    </row>
    <row r="73441" spans="8:8">
      <c r="H73441" s="12"/>
    </row>
    <row r="73442" spans="8:8">
      <c r="H73442" s="12"/>
    </row>
    <row r="73443" spans="8:8">
      <c r="H73443" s="12"/>
    </row>
    <row r="73444" spans="8:8">
      <c r="H73444" s="12"/>
    </row>
    <row r="73445" spans="8:8">
      <c r="H73445" s="12"/>
    </row>
    <row r="73446" spans="8:8">
      <c r="H73446" s="12"/>
    </row>
    <row r="73447" spans="8:8">
      <c r="H73447" s="12"/>
    </row>
    <row r="73448" spans="8:8">
      <c r="H73448" s="12"/>
    </row>
    <row r="73449" spans="8:8">
      <c r="H73449" s="12"/>
    </row>
    <row r="73450" spans="8:8">
      <c r="H73450" s="12"/>
    </row>
    <row r="73451" spans="8:8">
      <c r="H73451" s="12"/>
    </row>
    <row r="73452" spans="8:8">
      <c r="H73452" s="12"/>
    </row>
    <row r="73453" spans="8:8">
      <c r="H73453" s="12"/>
    </row>
    <row r="73454" spans="8:8">
      <c r="H73454" s="12"/>
    </row>
    <row r="73455" spans="8:8">
      <c r="H73455" s="12"/>
    </row>
    <row r="73456" spans="8:8">
      <c r="H73456" s="12"/>
    </row>
    <row r="73457" spans="8:8">
      <c r="H73457" s="12"/>
    </row>
    <row r="73458" spans="8:8">
      <c r="H73458" s="12"/>
    </row>
    <row r="73459" spans="8:8">
      <c r="H73459" s="12"/>
    </row>
    <row r="73460" spans="8:8">
      <c r="H73460" s="12"/>
    </row>
    <row r="73461" spans="8:8">
      <c r="H73461" s="12"/>
    </row>
    <row r="73462" spans="8:8">
      <c r="H73462" s="12"/>
    </row>
    <row r="73463" spans="8:8">
      <c r="H73463" s="12"/>
    </row>
    <row r="73464" spans="8:8">
      <c r="H73464" s="12"/>
    </row>
    <row r="73465" spans="8:8">
      <c r="H73465" s="12"/>
    </row>
    <row r="73466" spans="8:8">
      <c r="H73466" s="12"/>
    </row>
    <row r="73467" spans="8:8">
      <c r="H73467" s="12"/>
    </row>
    <row r="73468" spans="8:8">
      <c r="H73468" s="12"/>
    </row>
    <row r="73469" spans="8:8">
      <c r="H73469" s="12"/>
    </row>
    <row r="73470" spans="8:8">
      <c r="H73470" s="12"/>
    </row>
    <row r="73471" spans="8:8">
      <c r="H73471" s="12"/>
    </row>
    <row r="73472" spans="8:8">
      <c r="H73472" s="12"/>
    </row>
    <row r="73473" spans="8:8">
      <c r="H73473" s="12"/>
    </row>
    <row r="73474" spans="8:8">
      <c r="H73474" s="12"/>
    </row>
    <row r="73475" spans="8:8">
      <c r="H73475" s="12"/>
    </row>
    <row r="73476" spans="8:8">
      <c r="H73476" s="12"/>
    </row>
    <row r="73477" spans="8:8">
      <c r="H73477" s="12"/>
    </row>
    <row r="73478" spans="8:8">
      <c r="H73478" s="12"/>
    </row>
    <row r="73479" spans="8:8">
      <c r="H73479" s="12"/>
    </row>
    <row r="73480" spans="8:8">
      <c r="H73480" s="12"/>
    </row>
    <row r="73481" spans="8:8">
      <c r="H73481" s="12"/>
    </row>
    <row r="73482" spans="8:8">
      <c r="H73482" s="12"/>
    </row>
    <row r="73483" spans="8:8">
      <c r="H73483" s="12"/>
    </row>
    <row r="73484" spans="8:8">
      <c r="H73484" s="12"/>
    </row>
    <row r="73485" spans="8:8">
      <c r="H73485" s="12"/>
    </row>
    <row r="73486" spans="8:8">
      <c r="H73486" s="12"/>
    </row>
    <row r="73487" spans="8:8">
      <c r="H73487" s="12"/>
    </row>
    <row r="73488" spans="8:8">
      <c r="H73488" s="12"/>
    </row>
    <row r="73489" spans="8:8">
      <c r="H73489" s="12"/>
    </row>
    <row r="73490" spans="8:8">
      <c r="H73490" s="12"/>
    </row>
    <row r="73491" spans="8:8">
      <c r="H73491" s="12"/>
    </row>
    <row r="73492" spans="8:8">
      <c r="H73492" s="12"/>
    </row>
    <row r="73493" spans="8:8">
      <c r="H73493" s="12"/>
    </row>
    <row r="73494" spans="8:8">
      <c r="H73494" s="12"/>
    </row>
    <row r="73495" spans="8:8">
      <c r="H73495" s="12"/>
    </row>
    <row r="73496" spans="8:8">
      <c r="H73496" s="12"/>
    </row>
    <row r="73497" spans="8:8">
      <c r="H73497" s="12"/>
    </row>
    <row r="73498" spans="8:8">
      <c r="H73498" s="12"/>
    </row>
    <row r="73499" spans="8:8">
      <c r="H73499" s="12"/>
    </row>
    <row r="73500" spans="8:8">
      <c r="H73500" s="12"/>
    </row>
    <row r="73501" spans="8:8">
      <c r="H73501" s="12"/>
    </row>
    <row r="73502" spans="8:8">
      <c r="H73502" s="12"/>
    </row>
    <row r="73503" spans="8:8">
      <c r="H73503" s="12"/>
    </row>
    <row r="73504" spans="8:8">
      <c r="H73504" s="12"/>
    </row>
    <row r="73505" spans="8:8">
      <c r="H73505" s="12"/>
    </row>
    <row r="73506" spans="8:8">
      <c r="H73506" s="12"/>
    </row>
    <row r="73507" spans="8:8">
      <c r="H73507" s="12"/>
    </row>
    <row r="73508" spans="8:8">
      <c r="H73508" s="12"/>
    </row>
    <row r="73509" spans="8:8">
      <c r="H73509" s="12"/>
    </row>
    <row r="73510" spans="8:8">
      <c r="H73510" s="12"/>
    </row>
    <row r="73511" spans="8:8">
      <c r="H73511" s="12"/>
    </row>
    <row r="73512" spans="8:8">
      <c r="H73512" s="12"/>
    </row>
    <row r="73513" spans="8:8">
      <c r="H73513" s="12"/>
    </row>
    <row r="73514" spans="8:8">
      <c r="H73514" s="12"/>
    </row>
    <row r="73515" spans="8:8">
      <c r="H73515" s="12"/>
    </row>
    <row r="73516" spans="8:8">
      <c r="H73516" s="12"/>
    </row>
    <row r="73517" spans="8:8">
      <c r="H73517" s="12"/>
    </row>
    <row r="73518" spans="8:8">
      <c r="H73518" s="12"/>
    </row>
    <row r="73519" spans="8:8">
      <c r="H73519" s="12"/>
    </row>
    <row r="73520" spans="8:8">
      <c r="H73520" s="12"/>
    </row>
    <row r="73521" spans="8:8">
      <c r="H73521" s="12"/>
    </row>
    <row r="73522" spans="8:8">
      <c r="H73522" s="12"/>
    </row>
    <row r="73523" spans="8:8">
      <c r="H73523" s="12"/>
    </row>
    <row r="73524" spans="8:8">
      <c r="H73524" s="12"/>
    </row>
    <row r="73525" spans="8:8">
      <c r="H73525" s="12"/>
    </row>
    <row r="73526" spans="8:8">
      <c r="H73526" s="12"/>
    </row>
    <row r="73527" spans="8:8">
      <c r="H73527" s="12"/>
    </row>
    <row r="73528" spans="8:8">
      <c r="H73528" s="12"/>
    </row>
    <row r="73529" spans="8:8">
      <c r="H73529" s="12"/>
    </row>
    <row r="73530" spans="8:8">
      <c r="H73530" s="12"/>
    </row>
    <row r="73531" spans="8:8">
      <c r="H73531" s="12"/>
    </row>
    <row r="73532" spans="8:8">
      <c r="H73532" s="12"/>
    </row>
    <row r="73533" spans="8:8">
      <c r="H73533" s="12"/>
    </row>
    <row r="73534" spans="8:8">
      <c r="H73534" s="12"/>
    </row>
    <row r="73535" spans="8:8">
      <c r="H73535" s="12"/>
    </row>
    <row r="73536" spans="8:8">
      <c r="H73536" s="12"/>
    </row>
    <row r="73537" spans="8:8">
      <c r="H73537" s="12"/>
    </row>
    <row r="73538" spans="8:8">
      <c r="H73538" s="12"/>
    </row>
    <row r="73539" spans="8:8">
      <c r="H73539" s="12"/>
    </row>
    <row r="73540" spans="8:8">
      <c r="H73540" s="12"/>
    </row>
    <row r="73541" spans="8:8">
      <c r="H73541" s="12"/>
    </row>
    <row r="73542" spans="8:8">
      <c r="H73542" s="12"/>
    </row>
    <row r="73543" spans="8:8">
      <c r="H73543" s="12"/>
    </row>
    <row r="73544" spans="8:8">
      <c r="H73544" s="12"/>
    </row>
    <row r="73545" spans="8:8">
      <c r="H73545" s="12"/>
    </row>
    <row r="73546" spans="8:8">
      <c r="H73546" s="12"/>
    </row>
    <row r="73547" spans="8:8">
      <c r="H73547" s="12"/>
    </row>
    <row r="73548" spans="8:8">
      <c r="H73548" s="12"/>
    </row>
    <row r="73549" spans="8:8">
      <c r="H73549" s="12"/>
    </row>
    <row r="73550" spans="8:8">
      <c r="H73550" s="12"/>
    </row>
    <row r="73551" spans="8:8">
      <c r="H73551" s="12"/>
    </row>
    <row r="73552" spans="8:8">
      <c r="H73552" s="12"/>
    </row>
    <row r="73553" spans="8:8">
      <c r="H73553" s="12"/>
    </row>
    <row r="73554" spans="8:8">
      <c r="H73554" s="12"/>
    </row>
    <row r="73555" spans="8:8">
      <c r="H73555" s="12"/>
    </row>
    <row r="73556" spans="8:8">
      <c r="H73556" s="12"/>
    </row>
    <row r="73557" spans="8:8">
      <c r="H73557" s="12"/>
    </row>
    <row r="73558" spans="8:8">
      <c r="H73558" s="12"/>
    </row>
    <row r="73559" spans="8:8">
      <c r="H73559" s="12"/>
    </row>
    <row r="73560" spans="8:8">
      <c r="H73560" s="12"/>
    </row>
    <row r="73561" spans="8:8">
      <c r="H73561" s="12"/>
    </row>
    <row r="73562" spans="8:8">
      <c r="H73562" s="12"/>
    </row>
    <row r="73563" spans="8:8">
      <c r="H73563" s="12"/>
    </row>
    <row r="73564" spans="8:8">
      <c r="H73564" s="12"/>
    </row>
    <row r="73565" spans="8:8">
      <c r="H73565" s="12"/>
    </row>
    <row r="73566" spans="8:8">
      <c r="H73566" s="12"/>
    </row>
    <row r="73567" spans="8:8">
      <c r="H73567" s="12"/>
    </row>
    <row r="73568" spans="8:8">
      <c r="H73568" s="12"/>
    </row>
    <row r="73569" spans="8:8">
      <c r="H73569" s="12"/>
    </row>
    <row r="73570" spans="8:8">
      <c r="H73570" s="12"/>
    </row>
    <row r="73571" spans="8:8">
      <c r="H73571" s="12"/>
    </row>
    <row r="73572" spans="8:8">
      <c r="H73572" s="12"/>
    </row>
    <row r="73573" spans="8:8">
      <c r="H73573" s="12"/>
    </row>
    <row r="73574" spans="8:8">
      <c r="H73574" s="12"/>
    </row>
    <row r="73575" spans="8:8">
      <c r="H73575" s="12"/>
    </row>
    <row r="73576" spans="8:8">
      <c r="H73576" s="12"/>
    </row>
    <row r="73577" spans="8:8">
      <c r="H73577" s="12"/>
    </row>
    <row r="73578" spans="8:8">
      <c r="H73578" s="12"/>
    </row>
    <row r="73579" spans="8:8">
      <c r="H73579" s="12"/>
    </row>
    <row r="73580" spans="8:8">
      <c r="H73580" s="12"/>
    </row>
    <row r="73581" spans="8:8">
      <c r="H73581" s="12"/>
    </row>
    <row r="73582" spans="8:8">
      <c r="H73582" s="12"/>
    </row>
    <row r="73583" spans="8:8">
      <c r="H73583" s="12"/>
    </row>
    <row r="73584" spans="8:8">
      <c r="H73584" s="12"/>
    </row>
    <row r="73585" spans="8:8">
      <c r="H73585" s="12"/>
    </row>
    <row r="73586" spans="8:8">
      <c r="H73586" s="12"/>
    </row>
    <row r="73587" spans="8:8">
      <c r="H73587" s="12"/>
    </row>
    <row r="73588" spans="8:8">
      <c r="H73588" s="12"/>
    </row>
    <row r="73589" spans="8:8">
      <c r="H73589" s="12"/>
    </row>
    <row r="73590" spans="8:8">
      <c r="H73590" s="12"/>
    </row>
    <row r="73591" spans="8:8">
      <c r="H73591" s="12"/>
    </row>
    <row r="73592" spans="8:8">
      <c r="H73592" s="12"/>
    </row>
    <row r="73593" spans="8:8">
      <c r="H73593" s="12"/>
    </row>
    <row r="73594" spans="8:8">
      <c r="H73594" s="12"/>
    </row>
    <row r="73595" spans="8:8">
      <c r="H73595" s="12"/>
    </row>
    <row r="73596" spans="8:8">
      <c r="H73596" s="12"/>
    </row>
    <row r="73597" spans="8:8">
      <c r="H73597" s="12"/>
    </row>
    <row r="73598" spans="8:8">
      <c r="H73598" s="12"/>
    </row>
    <row r="73599" spans="8:8">
      <c r="H73599" s="12"/>
    </row>
    <row r="73600" spans="8:8">
      <c r="H73600" s="12"/>
    </row>
    <row r="73601" spans="8:8">
      <c r="H73601" s="12"/>
    </row>
    <row r="73602" spans="8:8">
      <c r="H73602" s="12"/>
    </row>
    <row r="73603" spans="8:8">
      <c r="H73603" s="12"/>
    </row>
    <row r="73604" spans="8:8">
      <c r="H73604" s="12"/>
    </row>
    <row r="73605" spans="8:8">
      <c r="H73605" s="12"/>
    </row>
    <row r="73606" spans="8:8">
      <c r="H73606" s="12"/>
    </row>
    <row r="73607" spans="8:8">
      <c r="H73607" s="12"/>
    </row>
    <row r="73608" spans="8:8">
      <c r="H73608" s="12"/>
    </row>
    <row r="73609" spans="8:8">
      <c r="H73609" s="12"/>
    </row>
    <row r="73610" spans="8:8">
      <c r="H73610" s="12"/>
    </row>
    <row r="73611" spans="8:8">
      <c r="H73611" s="12"/>
    </row>
    <row r="73612" spans="8:8">
      <c r="H73612" s="12"/>
    </row>
    <row r="73613" spans="8:8">
      <c r="H73613" s="12"/>
    </row>
    <row r="73614" spans="8:8">
      <c r="H73614" s="12"/>
    </row>
    <row r="73615" spans="8:8">
      <c r="H73615" s="12"/>
    </row>
    <row r="73616" spans="8:8">
      <c r="H73616" s="12"/>
    </row>
    <row r="73617" spans="8:8">
      <c r="H73617" s="12"/>
    </row>
    <row r="73618" spans="8:8">
      <c r="H73618" s="12"/>
    </row>
    <row r="73619" spans="8:8">
      <c r="H73619" s="12"/>
    </row>
    <row r="73620" spans="8:8">
      <c r="H73620" s="12"/>
    </row>
    <row r="73621" spans="8:8">
      <c r="H73621" s="12"/>
    </row>
    <row r="73622" spans="8:8">
      <c r="H73622" s="12"/>
    </row>
    <row r="73623" spans="8:8">
      <c r="H73623" s="12"/>
    </row>
    <row r="73624" spans="8:8">
      <c r="H73624" s="12"/>
    </row>
    <row r="73625" spans="8:8">
      <c r="H73625" s="12"/>
    </row>
    <row r="73626" spans="8:8">
      <c r="H73626" s="12"/>
    </row>
    <row r="73627" spans="8:8">
      <c r="H73627" s="12"/>
    </row>
    <row r="73628" spans="8:8">
      <c r="H73628" s="12"/>
    </row>
    <row r="73629" spans="8:8">
      <c r="H73629" s="12"/>
    </row>
    <row r="73630" spans="8:8">
      <c r="H73630" s="12"/>
    </row>
    <row r="73631" spans="8:8">
      <c r="H73631" s="12"/>
    </row>
    <row r="73632" spans="8:8">
      <c r="H73632" s="12"/>
    </row>
    <row r="73633" spans="8:8">
      <c r="H73633" s="12"/>
    </row>
    <row r="73634" spans="8:8">
      <c r="H73634" s="12"/>
    </row>
    <row r="73635" spans="8:8">
      <c r="H73635" s="12"/>
    </row>
    <row r="73636" spans="8:8">
      <c r="H73636" s="12"/>
    </row>
    <row r="73637" spans="8:8">
      <c r="H73637" s="12"/>
    </row>
    <row r="73638" spans="8:8">
      <c r="H73638" s="12"/>
    </row>
    <row r="73639" spans="8:8">
      <c r="H73639" s="12"/>
    </row>
    <row r="73640" spans="8:8">
      <c r="H73640" s="12"/>
    </row>
    <row r="73641" spans="8:8">
      <c r="H73641" s="12"/>
    </row>
    <row r="73642" spans="8:8">
      <c r="H73642" s="12"/>
    </row>
    <row r="73643" spans="8:8">
      <c r="H73643" s="12"/>
    </row>
    <row r="73644" spans="8:8">
      <c r="H73644" s="12"/>
    </row>
    <row r="73645" spans="8:8">
      <c r="H73645" s="12"/>
    </row>
    <row r="73646" spans="8:8">
      <c r="H73646" s="12"/>
    </row>
    <row r="73647" spans="8:8">
      <c r="H73647" s="12"/>
    </row>
    <row r="73648" spans="8:8">
      <c r="H73648" s="12"/>
    </row>
    <row r="73649" spans="8:8">
      <c r="H73649" s="12"/>
    </row>
    <row r="73650" spans="8:8">
      <c r="H73650" s="12"/>
    </row>
    <row r="73651" spans="8:8">
      <c r="H73651" s="12"/>
    </row>
    <row r="73652" spans="8:8">
      <c r="H73652" s="12"/>
    </row>
    <row r="73653" spans="8:8">
      <c r="H73653" s="12"/>
    </row>
    <row r="73654" spans="8:8">
      <c r="H73654" s="12"/>
    </row>
    <row r="73655" spans="8:8">
      <c r="H73655" s="12"/>
    </row>
    <row r="73656" spans="8:8">
      <c r="H73656" s="12"/>
    </row>
    <row r="73657" spans="8:8">
      <c r="H73657" s="12"/>
    </row>
    <row r="73658" spans="8:8">
      <c r="H73658" s="12"/>
    </row>
    <row r="73659" spans="8:8">
      <c r="H73659" s="12"/>
    </row>
    <row r="73660" spans="8:8">
      <c r="H73660" s="12"/>
    </row>
    <row r="73661" spans="8:8">
      <c r="H73661" s="12"/>
    </row>
    <row r="73662" spans="8:8">
      <c r="H73662" s="12"/>
    </row>
    <row r="73663" spans="8:8">
      <c r="H73663" s="12"/>
    </row>
    <row r="73664" spans="8:8">
      <c r="H73664" s="12"/>
    </row>
    <row r="73665" spans="8:8">
      <c r="H73665" s="12"/>
    </row>
    <row r="73666" spans="8:8">
      <c r="H73666" s="12"/>
    </row>
    <row r="73667" spans="8:8">
      <c r="H73667" s="12"/>
    </row>
    <row r="73668" spans="8:8">
      <c r="H73668" s="12"/>
    </row>
    <row r="73669" spans="8:8">
      <c r="H73669" s="12"/>
    </row>
    <row r="73670" spans="8:8">
      <c r="H73670" s="12"/>
    </row>
    <row r="73671" spans="8:8">
      <c r="H73671" s="12"/>
    </row>
    <row r="73672" spans="8:8">
      <c r="H73672" s="12"/>
    </row>
    <row r="73673" spans="8:8">
      <c r="H73673" s="12"/>
    </row>
    <row r="73674" spans="8:8">
      <c r="H73674" s="12"/>
    </row>
    <row r="73675" spans="8:8">
      <c r="H73675" s="12"/>
    </row>
    <row r="73676" spans="8:8">
      <c r="H73676" s="12"/>
    </row>
    <row r="73677" spans="8:8">
      <c r="H73677" s="12"/>
    </row>
    <row r="73678" spans="8:8">
      <c r="H73678" s="12"/>
    </row>
    <row r="73679" spans="8:8">
      <c r="H73679" s="12"/>
    </row>
    <row r="73680" spans="8:8">
      <c r="H73680" s="12"/>
    </row>
    <row r="73681" spans="8:8">
      <c r="H73681" s="12"/>
    </row>
    <row r="73682" spans="8:8">
      <c r="H73682" s="12"/>
    </row>
    <row r="73683" spans="8:8">
      <c r="H73683" s="12"/>
    </row>
    <row r="73684" spans="8:8">
      <c r="H73684" s="12"/>
    </row>
    <row r="73685" spans="8:8">
      <c r="H73685" s="12"/>
    </row>
    <row r="73686" spans="8:8">
      <c r="H73686" s="12"/>
    </row>
    <row r="73687" spans="8:8">
      <c r="H73687" s="12"/>
    </row>
    <row r="73688" spans="8:8">
      <c r="H73688" s="12"/>
    </row>
    <row r="73689" spans="8:8">
      <c r="H73689" s="12"/>
    </row>
    <row r="73690" spans="8:8">
      <c r="H73690" s="12"/>
    </row>
    <row r="73691" spans="8:8">
      <c r="H73691" s="12"/>
    </row>
    <row r="73692" spans="8:8">
      <c r="H73692" s="12"/>
    </row>
    <row r="73693" spans="8:8">
      <c r="H73693" s="12"/>
    </row>
    <row r="73694" spans="8:8">
      <c r="H73694" s="12"/>
    </row>
    <row r="73695" spans="8:8">
      <c r="H73695" s="12"/>
    </row>
    <row r="73696" spans="8:8">
      <c r="H73696" s="12"/>
    </row>
    <row r="73697" spans="8:8">
      <c r="H73697" s="12"/>
    </row>
    <row r="73698" spans="8:8">
      <c r="H73698" s="12"/>
    </row>
    <row r="73699" spans="8:8">
      <c r="H73699" s="12"/>
    </row>
    <row r="73700" spans="8:8">
      <c r="H73700" s="12"/>
    </row>
    <row r="73701" spans="8:8">
      <c r="H73701" s="12"/>
    </row>
    <row r="73702" spans="8:8">
      <c r="H73702" s="12"/>
    </row>
    <row r="73703" spans="8:8">
      <c r="H73703" s="12"/>
    </row>
    <row r="73704" spans="8:8">
      <c r="H73704" s="12"/>
    </row>
    <row r="73705" spans="8:8">
      <c r="H73705" s="12"/>
    </row>
    <row r="73706" spans="8:8">
      <c r="H73706" s="12"/>
    </row>
    <row r="73707" spans="8:8">
      <c r="H73707" s="12"/>
    </row>
    <row r="73708" spans="8:8">
      <c r="H73708" s="12"/>
    </row>
    <row r="73709" spans="8:8">
      <c r="H73709" s="12"/>
    </row>
    <row r="73710" spans="8:8">
      <c r="H73710" s="12"/>
    </row>
    <row r="73711" spans="8:8">
      <c r="H73711" s="12"/>
    </row>
    <row r="73712" spans="8:8">
      <c r="H73712" s="12"/>
    </row>
    <row r="73713" spans="8:8">
      <c r="H73713" s="12"/>
    </row>
    <row r="73714" spans="8:8">
      <c r="H73714" s="12"/>
    </row>
    <row r="73715" spans="8:8">
      <c r="H73715" s="12"/>
    </row>
    <row r="73716" spans="8:8">
      <c r="H73716" s="12"/>
    </row>
    <row r="73717" spans="8:8">
      <c r="H73717" s="12"/>
    </row>
    <row r="73718" spans="8:8">
      <c r="H73718" s="12"/>
    </row>
    <row r="73719" spans="8:8">
      <c r="H73719" s="12"/>
    </row>
    <row r="73720" spans="8:8">
      <c r="H73720" s="12"/>
    </row>
    <row r="73721" spans="8:8">
      <c r="H73721" s="12"/>
    </row>
    <row r="73722" spans="8:8">
      <c r="H73722" s="12"/>
    </row>
    <row r="73723" spans="8:8">
      <c r="H73723" s="12"/>
    </row>
    <row r="73724" spans="8:8">
      <c r="H73724" s="12"/>
    </row>
    <row r="73725" spans="8:8">
      <c r="H73725" s="12"/>
    </row>
    <row r="73726" spans="8:8">
      <c r="H73726" s="12"/>
    </row>
    <row r="73727" spans="8:8">
      <c r="H73727" s="12"/>
    </row>
    <row r="73728" spans="8:8">
      <c r="H73728" s="12"/>
    </row>
    <row r="73729" spans="8:8">
      <c r="H73729" s="12"/>
    </row>
    <row r="73730" spans="8:8">
      <c r="H73730" s="12"/>
    </row>
    <row r="73731" spans="8:8">
      <c r="H73731" s="12"/>
    </row>
    <row r="73732" spans="8:8">
      <c r="H73732" s="12"/>
    </row>
    <row r="73733" spans="8:8">
      <c r="H73733" s="12"/>
    </row>
    <row r="73734" spans="8:8">
      <c r="H73734" s="12"/>
    </row>
    <row r="73735" spans="8:8">
      <c r="H73735" s="12"/>
    </row>
    <row r="73736" spans="8:8">
      <c r="H73736" s="12"/>
    </row>
    <row r="73737" spans="8:8">
      <c r="H73737" s="12"/>
    </row>
    <row r="73738" spans="8:8">
      <c r="H73738" s="12"/>
    </row>
    <row r="73739" spans="8:8">
      <c r="H73739" s="12"/>
    </row>
    <row r="73740" spans="8:8">
      <c r="H73740" s="12"/>
    </row>
    <row r="73741" spans="8:8">
      <c r="H73741" s="12"/>
    </row>
    <row r="73742" spans="8:8">
      <c r="H73742" s="12"/>
    </row>
    <row r="73743" spans="8:8">
      <c r="H73743" s="12"/>
    </row>
    <row r="73744" spans="8:8">
      <c r="H73744" s="12"/>
    </row>
    <row r="73745" spans="8:8">
      <c r="H73745" s="12"/>
    </row>
    <row r="73746" spans="8:8">
      <c r="H73746" s="12"/>
    </row>
    <row r="73747" spans="8:8">
      <c r="H73747" s="12"/>
    </row>
    <row r="73748" spans="8:8">
      <c r="H73748" s="12"/>
    </row>
    <row r="73749" spans="8:8">
      <c r="H73749" s="12"/>
    </row>
    <row r="73750" spans="8:8">
      <c r="H73750" s="12"/>
    </row>
    <row r="73751" spans="8:8">
      <c r="H73751" s="12"/>
    </row>
    <row r="73752" spans="8:8">
      <c r="H73752" s="12"/>
    </row>
    <row r="73753" spans="8:8">
      <c r="H73753" s="12"/>
    </row>
    <row r="73754" spans="8:8">
      <c r="H73754" s="12"/>
    </row>
    <row r="73755" spans="8:8">
      <c r="H73755" s="12"/>
    </row>
    <row r="73756" spans="8:8">
      <c r="H73756" s="12"/>
    </row>
    <row r="73757" spans="8:8">
      <c r="H73757" s="12"/>
    </row>
    <row r="73758" spans="8:8">
      <c r="H73758" s="12"/>
    </row>
    <row r="73759" spans="8:8">
      <c r="H73759" s="12"/>
    </row>
    <row r="73760" spans="8:8">
      <c r="H73760" s="12"/>
    </row>
    <row r="73761" spans="8:8">
      <c r="H73761" s="12"/>
    </row>
    <row r="73762" spans="8:8">
      <c r="H73762" s="12"/>
    </row>
    <row r="73763" spans="8:8">
      <c r="H73763" s="12"/>
    </row>
    <row r="73764" spans="8:8">
      <c r="H73764" s="12"/>
    </row>
    <row r="73765" spans="8:8">
      <c r="H73765" s="12"/>
    </row>
    <row r="73766" spans="8:8">
      <c r="H73766" s="12"/>
    </row>
    <row r="73767" spans="8:8">
      <c r="H73767" s="12"/>
    </row>
    <row r="73768" spans="8:8">
      <c r="H73768" s="12"/>
    </row>
    <row r="73769" spans="8:8">
      <c r="H73769" s="12"/>
    </row>
    <row r="73770" spans="8:8">
      <c r="H73770" s="12"/>
    </row>
    <row r="73771" spans="8:8">
      <c r="H73771" s="12"/>
    </row>
    <row r="73772" spans="8:8">
      <c r="H73772" s="12"/>
    </row>
    <row r="73773" spans="8:8">
      <c r="H73773" s="12"/>
    </row>
    <row r="73774" spans="8:8">
      <c r="H73774" s="12"/>
    </row>
    <row r="73775" spans="8:8">
      <c r="H73775" s="12"/>
    </row>
    <row r="73776" spans="8:8">
      <c r="H73776" s="12"/>
    </row>
    <row r="73777" spans="8:8">
      <c r="H73777" s="12"/>
    </row>
    <row r="73778" spans="8:8">
      <c r="H73778" s="12"/>
    </row>
    <row r="73779" spans="8:8">
      <c r="H73779" s="12"/>
    </row>
    <row r="73780" spans="8:8">
      <c r="H73780" s="12"/>
    </row>
    <row r="73781" spans="8:8">
      <c r="H73781" s="12"/>
    </row>
    <row r="73782" spans="8:8">
      <c r="H73782" s="12"/>
    </row>
    <row r="73783" spans="8:8">
      <c r="H73783" s="12"/>
    </row>
    <row r="73784" spans="8:8">
      <c r="H73784" s="12"/>
    </row>
    <row r="73785" spans="8:8">
      <c r="H73785" s="12"/>
    </row>
    <row r="73786" spans="8:8">
      <c r="H73786" s="12"/>
    </row>
    <row r="73787" spans="8:8">
      <c r="H73787" s="12"/>
    </row>
    <row r="73788" spans="8:8">
      <c r="H73788" s="12"/>
    </row>
    <row r="73789" spans="8:8">
      <c r="H73789" s="12"/>
    </row>
    <row r="73790" spans="8:8">
      <c r="H73790" s="12"/>
    </row>
    <row r="73791" spans="8:8">
      <c r="H73791" s="12"/>
    </row>
    <row r="73792" spans="8:8">
      <c r="H73792" s="12"/>
    </row>
    <row r="73793" spans="8:8">
      <c r="H73793" s="12"/>
    </row>
    <row r="73794" spans="8:8">
      <c r="H73794" s="12"/>
    </row>
    <row r="73795" spans="8:8">
      <c r="H73795" s="12"/>
    </row>
    <row r="73796" spans="8:8">
      <c r="H73796" s="12"/>
    </row>
    <row r="73797" spans="8:8">
      <c r="H73797" s="12"/>
    </row>
    <row r="73798" spans="8:8">
      <c r="H73798" s="12"/>
    </row>
    <row r="73799" spans="8:8">
      <c r="H73799" s="12"/>
    </row>
    <row r="73800" spans="8:8">
      <c r="H73800" s="12"/>
    </row>
    <row r="73801" spans="8:8">
      <c r="H73801" s="12"/>
    </row>
    <row r="73802" spans="8:8">
      <c r="H73802" s="12"/>
    </row>
    <row r="73803" spans="8:8">
      <c r="H73803" s="12"/>
    </row>
    <row r="73804" spans="8:8">
      <c r="H73804" s="12"/>
    </row>
    <row r="73805" spans="8:8">
      <c r="H73805" s="12"/>
    </row>
    <row r="73806" spans="8:8">
      <c r="H73806" s="12"/>
    </row>
    <row r="73807" spans="8:8">
      <c r="H73807" s="12"/>
    </row>
    <row r="73808" spans="8:8">
      <c r="H73808" s="12"/>
    </row>
    <row r="73809" spans="8:8">
      <c r="H73809" s="12"/>
    </row>
    <row r="73810" spans="8:8">
      <c r="H73810" s="12"/>
    </row>
    <row r="73811" spans="8:8">
      <c r="H73811" s="12"/>
    </row>
    <row r="73812" spans="8:8">
      <c r="H73812" s="12"/>
    </row>
    <row r="73813" spans="8:8">
      <c r="H73813" s="12"/>
    </row>
    <row r="73814" spans="8:8">
      <c r="H73814" s="12"/>
    </row>
    <row r="73815" spans="8:8">
      <c r="H73815" s="12"/>
    </row>
    <row r="73816" spans="8:8">
      <c r="H73816" s="12"/>
    </row>
    <row r="73817" spans="8:8">
      <c r="H73817" s="12"/>
    </row>
    <row r="73818" spans="8:8">
      <c r="H73818" s="12"/>
    </row>
    <row r="73819" spans="8:8">
      <c r="H73819" s="12"/>
    </row>
    <row r="73820" spans="8:8">
      <c r="H73820" s="12"/>
    </row>
    <row r="73821" spans="8:8">
      <c r="H73821" s="12"/>
    </row>
    <row r="73822" spans="8:8">
      <c r="H73822" s="12"/>
    </row>
    <row r="73823" spans="8:8">
      <c r="H73823" s="12"/>
    </row>
    <row r="73824" spans="8:8">
      <c r="H73824" s="12"/>
    </row>
    <row r="73825" spans="8:8">
      <c r="H73825" s="12"/>
    </row>
    <row r="73826" spans="8:8">
      <c r="H73826" s="12"/>
    </row>
    <row r="73827" spans="8:8">
      <c r="H73827" s="12"/>
    </row>
    <row r="73828" spans="8:8">
      <c r="H73828" s="12"/>
    </row>
    <row r="73829" spans="8:8">
      <c r="H73829" s="12"/>
    </row>
    <row r="73830" spans="8:8">
      <c r="H73830" s="12"/>
    </row>
    <row r="73831" spans="8:8">
      <c r="H73831" s="12"/>
    </row>
    <row r="73832" spans="8:8">
      <c r="H73832" s="12"/>
    </row>
    <row r="73833" spans="8:8">
      <c r="H73833" s="12"/>
    </row>
    <row r="73834" spans="8:8">
      <c r="H73834" s="12"/>
    </row>
    <row r="73835" spans="8:8">
      <c r="H73835" s="12"/>
    </row>
    <row r="73836" spans="8:8">
      <c r="H73836" s="12"/>
    </row>
    <row r="73837" spans="8:8">
      <c r="H73837" s="12"/>
    </row>
    <row r="73838" spans="8:8">
      <c r="H73838" s="12"/>
    </row>
    <row r="73839" spans="8:8">
      <c r="H73839" s="12"/>
    </row>
    <row r="73840" spans="8:8">
      <c r="H73840" s="12"/>
    </row>
    <row r="73841" spans="8:8">
      <c r="H73841" s="12"/>
    </row>
    <row r="73842" spans="8:8">
      <c r="H73842" s="12"/>
    </row>
    <row r="73843" spans="8:8">
      <c r="H73843" s="12"/>
    </row>
    <row r="73844" spans="8:8">
      <c r="H73844" s="12"/>
    </row>
    <row r="73845" spans="8:8">
      <c r="H73845" s="12"/>
    </row>
    <row r="73846" spans="8:8">
      <c r="H73846" s="12"/>
    </row>
    <row r="73847" spans="8:8">
      <c r="H73847" s="12"/>
    </row>
    <row r="73848" spans="8:8">
      <c r="H73848" s="12"/>
    </row>
    <row r="73849" spans="8:8">
      <c r="H73849" s="12"/>
    </row>
    <row r="73850" spans="8:8">
      <c r="H73850" s="12"/>
    </row>
    <row r="73851" spans="8:8">
      <c r="H73851" s="12"/>
    </row>
    <row r="73852" spans="8:8">
      <c r="H73852" s="12"/>
    </row>
    <row r="73853" spans="8:8">
      <c r="H73853" s="12"/>
    </row>
    <row r="73854" spans="8:8">
      <c r="H73854" s="12"/>
    </row>
    <row r="73855" spans="8:8">
      <c r="H73855" s="12"/>
    </row>
    <row r="73856" spans="8:8">
      <c r="H73856" s="12"/>
    </row>
    <row r="73857" spans="8:8">
      <c r="H73857" s="12"/>
    </row>
    <row r="73858" spans="8:8">
      <c r="H73858" s="12"/>
    </row>
    <row r="73859" spans="8:8">
      <c r="H73859" s="12"/>
    </row>
    <row r="73860" spans="8:8">
      <c r="H73860" s="12"/>
    </row>
    <row r="73861" spans="8:8">
      <c r="H73861" s="12"/>
    </row>
    <row r="73862" spans="8:8">
      <c r="H73862" s="12"/>
    </row>
    <row r="73863" spans="8:8">
      <c r="H73863" s="12"/>
    </row>
    <row r="73864" spans="8:8">
      <c r="H73864" s="12"/>
    </row>
    <row r="73865" spans="8:8">
      <c r="H73865" s="12"/>
    </row>
    <row r="73866" spans="8:8">
      <c r="H73866" s="12"/>
    </row>
    <row r="73867" spans="8:8">
      <c r="H73867" s="12"/>
    </row>
    <row r="73868" spans="8:8">
      <c r="H73868" s="12"/>
    </row>
    <row r="73869" spans="8:8">
      <c r="H73869" s="12"/>
    </row>
    <row r="73870" spans="8:8">
      <c r="H73870" s="12"/>
    </row>
    <row r="73871" spans="8:8">
      <c r="H73871" s="12"/>
    </row>
    <row r="73872" spans="8:8">
      <c r="H73872" s="12"/>
    </row>
    <row r="73873" spans="8:8">
      <c r="H73873" s="12"/>
    </row>
    <row r="73874" spans="8:8">
      <c r="H73874" s="12"/>
    </row>
    <row r="73875" spans="8:8">
      <c r="H73875" s="12"/>
    </row>
    <row r="73876" spans="8:8">
      <c r="H73876" s="12"/>
    </row>
    <row r="73877" spans="8:8">
      <c r="H73877" s="12"/>
    </row>
    <row r="73878" spans="8:8">
      <c r="H73878" s="12"/>
    </row>
    <row r="73879" spans="8:8">
      <c r="H73879" s="12"/>
    </row>
    <row r="73880" spans="8:8">
      <c r="H73880" s="12"/>
    </row>
    <row r="73881" spans="8:8">
      <c r="H73881" s="12"/>
    </row>
    <row r="73882" spans="8:8">
      <c r="H73882" s="12"/>
    </row>
    <row r="73883" spans="8:8">
      <c r="H73883" s="12"/>
    </row>
    <row r="73884" spans="8:8">
      <c r="H73884" s="12"/>
    </row>
    <row r="73885" spans="8:8">
      <c r="H73885" s="12"/>
    </row>
    <row r="73886" spans="8:8">
      <c r="H73886" s="12"/>
    </row>
    <row r="73887" spans="8:8">
      <c r="H73887" s="12"/>
    </row>
    <row r="73888" spans="8:8">
      <c r="H73888" s="12"/>
    </row>
    <row r="73889" spans="8:8">
      <c r="H73889" s="12"/>
    </row>
    <row r="73890" spans="8:8">
      <c r="H73890" s="12"/>
    </row>
    <row r="73891" spans="8:8">
      <c r="H73891" s="12"/>
    </row>
    <row r="73892" spans="8:8">
      <c r="H73892" s="12"/>
    </row>
    <row r="73893" spans="8:8">
      <c r="H73893" s="12"/>
    </row>
    <row r="73894" spans="8:8">
      <c r="H73894" s="12"/>
    </row>
    <row r="73895" spans="8:8">
      <c r="H73895" s="12"/>
    </row>
    <row r="73896" spans="8:8">
      <c r="H73896" s="12"/>
    </row>
    <row r="73897" spans="8:8">
      <c r="H73897" s="12"/>
    </row>
    <row r="73898" spans="8:8">
      <c r="H73898" s="12"/>
    </row>
    <row r="73899" spans="8:8">
      <c r="H73899" s="12"/>
    </row>
    <row r="73900" spans="8:8">
      <c r="H73900" s="12"/>
    </row>
    <row r="73901" spans="8:8">
      <c r="H73901" s="12"/>
    </row>
    <row r="73902" spans="8:8">
      <c r="H73902" s="12"/>
    </row>
    <row r="73903" spans="8:8">
      <c r="H73903" s="12"/>
    </row>
    <row r="73904" spans="8:8">
      <c r="H73904" s="12"/>
    </row>
    <row r="73905" spans="8:8">
      <c r="H73905" s="12"/>
    </row>
    <row r="73906" spans="8:8">
      <c r="H73906" s="12"/>
    </row>
    <row r="73907" spans="8:8">
      <c r="H73907" s="12"/>
    </row>
    <row r="73908" spans="8:8">
      <c r="H73908" s="12"/>
    </row>
    <row r="73909" spans="8:8">
      <c r="H73909" s="12"/>
    </row>
    <row r="73910" spans="8:8">
      <c r="H73910" s="12"/>
    </row>
    <row r="73911" spans="8:8">
      <c r="H73911" s="12"/>
    </row>
    <row r="73912" spans="8:8">
      <c r="H73912" s="12"/>
    </row>
    <row r="73913" spans="8:8">
      <c r="H73913" s="12"/>
    </row>
    <row r="73914" spans="8:8">
      <c r="H73914" s="12"/>
    </row>
    <row r="73915" spans="8:8">
      <c r="H73915" s="12"/>
    </row>
    <row r="73916" spans="8:8">
      <c r="H73916" s="12"/>
    </row>
    <row r="73917" spans="8:8">
      <c r="H73917" s="12"/>
    </row>
    <row r="73918" spans="8:8">
      <c r="H73918" s="12"/>
    </row>
    <row r="73919" spans="8:8">
      <c r="H73919" s="12"/>
    </row>
    <row r="73920" spans="8:8">
      <c r="H73920" s="12"/>
    </row>
    <row r="73921" spans="8:8">
      <c r="H73921" s="12"/>
    </row>
    <row r="73922" spans="8:8">
      <c r="H73922" s="12"/>
    </row>
    <row r="73923" spans="8:8">
      <c r="H73923" s="12"/>
    </row>
    <row r="73924" spans="8:8">
      <c r="H73924" s="12"/>
    </row>
    <row r="73925" spans="8:8">
      <c r="H73925" s="12"/>
    </row>
    <row r="73926" spans="8:8">
      <c r="H73926" s="12"/>
    </row>
    <row r="73927" spans="8:8">
      <c r="H73927" s="12"/>
    </row>
    <row r="73928" spans="8:8">
      <c r="H73928" s="12"/>
    </row>
    <row r="73929" spans="8:8">
      <c r="H73929" s="12"/>
    </row>
    <row r="73930" spans="8:8">
      <c r="H73930" s="12"/>
    </row>
    <row r="73931" spans="8:8">
      <c r="H73931" s="12"/>
    </row>
    <row r="73932" spans="8:8">
      <c r="H73932" s="12"/>
    </row>
    <row r="73933" spans="8:8">
      <c r="H73933" s="12"/>
    </row>
    <row r="73934" spans="8:8">
      <c r="H73934" s="12"/>
    </row>
    <row r="73935" spans="8:8">
      <c r="H73935" s="12"/>
    </row>
    <row r="73936" spans="8:8">
      <c r="H73936" s="12"/>
    </row>
    <row r="73937" spans="8:8">
      <c r="H73937" s="12"/>
    </row>
    <row r="73938" spans="8:8">
      <c r="H73938" s="12"/>
    </row>
    <row r="73939" spans="8:8">
      <c r="H73939" s="12"/>
    </row>
    <row r="73940" spans="8:8">
      <c r="H73940" s="12"/>
    </row>
    <row r="73941" spans="8:8">
      <c r="H73941" s="12"/>
    </row>
    <row r="73942" spans="8:8">
      <c r="H73942" s="12"/>
    </row>
    <row r="73943" spans="8:8">
      <c r="H73943" s="12"/>
    </row>
    <row r="73944" spans="8:8">
      <c r="H73944" s="12"/>
    </row>
    <row r="73945" spans="8:8">
      <c r="H73945" s="12"/>
    </row>
    <row r="73946" spans="8:8">
      <c r="H73946" s="12"/>
    </row>
    <row r="73947" spans="8:8">
      <c r="H73947" s="12"/>
    </row>
    <row r="73948" spans="8:8">
      <c r="H73948" s="12"/>
    </row>
    <row r="73949" spans="8:8">
      <c r="H73949" s="12"/>
    </row>
    <row r="73950" spans="8:8">
      <c r="H73950" s="12"/>
    </row>
    <row r="73951" spans="8:8">
      <c r="H73951" s="12"/>
    </row>
    <row r="73952" spans="8:8">
      <c r="H73952" s="12"/>
    </row>
    <row r="73953" spans="8:8">
      <c r="H73953" s="12"/>
    </row>
    <row r="73954" spans="8:8">
      <c r="H73954" s="12"/>
    </row>
    <row r="73955" spans="8:8">
      <c r="H73955" s="12"/>
    </row>
    <row r="73956" spans="8:8">
      <c r="H73956" s="12"/>
    </row>
    <row r="73957" spans="8:8">
      <c r="H73957" s="12"/>
    </row>
    <row r="73958" spans="8:8">
      <c r="H73958" s="12"/>
    </row>
    <row r="73959" spans="8:8">
      <c r="H73959" s="12"/>
    </row>
    <row r="73960" spans="8:8">
      <c r="H73960" s="12"/>
    </row>
    <row r="73961" spans="8:8">
      <c r="H73961" s="12"/>
    </row>
    <row r="73962" spans="8:8">
      <c r="H73962" s="12"/>
    </row>
    <row r="73963" spans="8:8">
      <c r="H73963" s="12"/>
    </row>
    <row r="73964" spans="8:8">
      <c r="H73964" s="12"/>
    </row>
    <row r="73965" spans="8:8">
      <c r="H73965" s="12"/>
    </row>
    <row r="73966" spans="8:8">
      <c r="H73966" s="12"/>
    </row>
    <row r="73967" spans="8:8">
      <c r="H73967" s="12"/>
    </row>
    <row r="73968" spans="8:8">
      <c r="H73968" s="12"/>
    </row>
    <row r="73969" spans="8:8">
      <c r="H73969" s="12"/>
    </row>
    <row r="73970" spans="8:8">
      <c r="H73970" s="12"/>
    </row>
    <row r="73971" spans="8:8">
      <c r="H73971" s="12"/>
    </row>
    <row r="73972" spans="8:8">
      <c r="H73972" s="12"/>
    </row>
    <row r="73973" spans="8:8">
      <c r="H73973" s="12"/>
    </row>
    <row r="73974" spans="8:8">
      <c r="H73974" s="12"/>
    </row>
    <row r="73975" spans="8:8">
      <c r="H73975" s="12"/>
    </row>
    <row r="73976" spans="8:8">
      <c r="H73976" s="12"/>
    </row>
    <row r="73977" spans="8:8">
      <c r="H73977" s="12"/>
    </row>
    <row r="73978" spans="8:8">
      <c r="H73978" s="12"/>
    </row>
    <row r="73979" spans="8:8">
      <c r="H73979" s="12"/>
    </row>
    <row r="73980" spans="8:8">
      <c r="H73980" s="12"/>
    </row>
    <row r="73981" spans="8:8">
      <c r="H73981" s="12"/>
    </row>
    <row r="73982" spans="8:8">
      <c r="H73982" s="12"/>
    </row>
    <row r="73983" spans="8:8">
      <c r="H73983" s="12"/>
    </row>
    <row r="73984" spans="8:8">
      <c r="H73984" s="12"/>
    </row>
    <row r="73985" spans="8:8">
      <c r="H73985" s="12"/>
    </row>
    <row r="73986" spans="8:8">
      <c r="H73986" s="12"/>
    </row>
    <row r="73987" spans="8:8">
      <c r="H73987" s="12"/>
    </row>
    <row r="73988" spans="8:8">
      <c r="H73988" s="12"/>
    </row>
    <row r="73989" spans="8:8">
      <c r="H73989" s="12"/>
    </row>
    <row r="73990" spans="8:8">
      <c r="H73990" s="12"/>
    </row>
    <row r="73991" spans="8:8">
      <c r="H73991" s="12"/>
    </row>
    <row r="73992" spans="8:8">
      <c r="H73992" s="12"/>
    </row>
    <row r="73993" spans="8:8">
      <c r="H73993" s="12"/>
    </row>
    <row r="73994" spans="8:8">
      <c r="H73994" s="12"/>
    </row>
    <row r="73995" spans="8:8">
      <c r="H73995" s="12"/>
    </row>
    <row r="73996" spans="8:8">
      <c r="H73996" s="12"/>
    </row>
    <row r="73997" spans="8:8">
      <c r="H73997" s="12"/>
    </row>
    <row r="73998" spans="8:8">
      <c r="H73998" s="12"/>
    </row>
    <row r="73999" spans="8:8">
      <c r="H73999" s="12"/>
    </row>
    <row r="74000" spans="8:8">
      <c r="H74000" s="12"/>
    </row>
    <row r="74001" spans="8:8">
      <c r="H74001" s="12"/>
    </row>
    <row r="74002" spans="8:8">
      <c r="H74002" s="12"/>
    </row>
    <row r="74003" spans="8:8">
      <c r="H74003" s="12"/>
    </row>
    <row r="74004" spans="8:8">
      <c r="H74004" s="12"/>
    </row>
    <row r="74005" spans="8:8">
      <c r="H74005" s="12"/>
    </row>
    <row r="74006" spans="8:8">
      <c r="H74006" s="12"/>
    </row>
    <row r="74007" spans="8:8">
      <c r="H74007" s="12"/>
    </row>
    <row r="74008" spans="8:8">
      <c r="H74008" s="12"/>
    </row>
    <row r="74009" spans="8:8">
      <c r="H74009" s="12"/>
    </row>
    <row r="74010" spans="8:8">
      <c r="H74010" s="12"/>
    </row>
    <row r="74011" spans="8:8">
      <c r="H74011" s="12"/>
    </row>
    <row r="74012" spans="8:8">
      <c r="H74012" s="12"/>
    </row>
    <row r="74013" spans="8:8">
      <c r="H74013" s="12"/>
    </row>
    <row r="74014" spans="8:8">
      <c r="H74014" s="12"/>
    </row>
    <row r="74015" spans="8:8">
      <c r="H74015" s="12"/>
    </row>
    <row r="74016" spans="8:8">
      <c r="H74016" s="12"/>
    </row>
    <row r="74017" spans="8:8">
      <c r="H74017" s="12"/>
    </row>
    <row r="74018" spans="8:8">
      <c r="H74018" s="12"/>
    </row>
    <row r="74019" spans="8:8">
      <c r="H74019" s="12"/>
    </row>
    <row r="74020" spans="8:8">
      <c r="H74020" s="12"/>
    </row>
    <row r="74021" spans="8:8">
      <c r="H74021" s="12"/>
    </row>
    <row r="74022" spans="8:8">
      <c r="H74022" s="12"/>
    </row>
    <row r="74023" spans="8:8">
      <c r="H74023" s="12"/>
    </row>
    <row r="74024" spans="8:8">
      <c r="H74024" s="12"/>
    </row>
    <row r="74025" spans="8:8">
      <c r="H74025" s="12"/>
    </row>
    <row r="74026" spans="8:8">
      <c r="H74026" s="12"/>
    </row>
    <row r="74027" spans="8:8">
      <c r="H74027" s="12"/>
    </row>
    <row r="74028" spans="8:8">
      <c r="H74028" s="12"/>
    </row>
    <row r="74029" spans="8:8">
      <c r="H74029" s="12"/>
    </row>
    <row r="74030" spans="8:8">
      <c r="H74030" s="12"/>
    </row>
    <row r="74031" spans="8:8">
      <c r="H74031" s="12"/>
    </row>
    <row r="74032" spans="8:8">
      <c r="H74032" s="12"/>
    </row>
    <row r="74033" spans="8:8">
      <c r="H74033" s="12"/>
    </row>
    <row r="74034" spans="8:8">
      <c r="H74034" s="12"/>
    </row>
    <row r="74035" spans="8:8">
      <c r="H74035" s="12"/>
    </row>
    <row r="74036" spans="8:8">
      <c r="H74036" s="12"/>
    </row>
    <row r="74037" spans="8:8">
      <c r="H74037" s="12"/>
    </row>
    <row r="74038" spans="8:8">
      <c r="H74038" s="12"/>
    </row>
    <row r="74039" spans="8:8">
      <c r="H74039" s="12"/>
    </row>
    <row r="74040" spans="8:8">
      <c r="H74040" s="12"/>
    </row>
    <row r="74041" spans="8:8">
      <c r="H74041" s="12"/>
    </row>
    <row r="74042" spans="8:8">
      <c r="H74042" s="12"/>
    </row>
    <row r="74043" spans="8:8">
      <c r="H74043" s="12"/>
    </row>
    <row r="74044" spans="8:8">
      <c r="H74044" s="12"/>
    </row>
    <row r="74045" spans="8:8">
      <c r="H74045" s="12"/>
    </row>
    <row r="74046" spans="8:8">
      <c r="H74046" s="12"/>
    </row>
    <row r="74047" spans="8:8">
      <c r="H74047" s="12"/>
    </row>
    <row r="74048" spans="8:8">
      <c r="H74048" s="12"/>
    </row>
    <row r="74049" spans="8:8">
      <c r="H74049" s="12"/>
    </row>
    <row r="74050" spans="8:8">
      <c r="H74050" s="12"/>
    </row>
    <row r="74051" spans="8:8">
      <c r="H74051" s="12"/>
    </row>
    <row r="74052" spans="8:8">
      <c r="H74052" s="12"/>
    </row>
    <row r="74053" spans="8:8">
      <c r="H74053" s="12"/>
    </row>
    <row r="74054" spans="8:8">
      <c r="H74054" s="12"/>
    </row>
    <row r="74055" spans="8:8">
      <c r="H74055" s="12"/>
    </row>
    <row r="74056" spans="8:8">
      <c r="H74056" s="12"/>
    </row>
    <row r="74057" spans="8:8">
      <c r="H74057" s="12"/>
    </row>
    <row r="74058" spans="8:8">
      <c r="H74058" s="12"/>
    </row>
    <row r="74059" spans="8:8">
      <c r="H74059" s="12"/>
    </row>
    <row r="74060" spans="8:8">
      <c r="H74060" s="12"/>
    </row>
    <row r="74061" spans="8:8">
      <c r="H74061" s="12"/>
    </row>
    <row r="74062" spans="8:8">
      <c r="H74062" s="12"/>
    </row>
    <row r="74063" spans="8:8">
      <c r="H74063" s="12"/>
    </row>
    <row r="74064" spans="8:8">
      <c r="H74064" s="12"/>
    </row>
    <row r="74065" spans="8:8">
      <c r="H74065" s="12"/>
    </row>
    <row r="74066" spans="8:8">
      <c r="H74066" s="12"/>
    </row>
    <row r="74067" spans="8:8">
      <c r="H74067" s="12"/>
    </row>
    <row r="74068" spans="8:8">
      <c r="H74068" s="12"/>
    </row>
    <row r="74069" spans="8:8">
      <c r="H74069" s="12"/>
    </row>
    <row r="74070" spans="8:8">
      <c r="H74070" s="12"/>
    </row>
    <row r="74071" spans="8:8">
      <c r="H74071" s="12"/>
    </row>
    <row r="74072" spans="8:8">
      <c r="H74072" s="12"/>
    </row>
    <row r="74073" spans="8:8">
      <c r="H74073" s="12"/>
    </row>
    <row r="74074" spans="8:8">
      <c r="H74074" s="12"/>
    </row>
    <row r="74075" spans="8:8">
      <c r="H74075" s="12"/>
    </row>
    <row r="74076" spans="8:8">
      <c r="H74076" s="12"/>
    </row>
    <row r="74077" spans="8:8">
      <c r="H74077" s="12"/>
    </row>
    <row r="74078" spans="8:8">
      <c r="H74078" s="12"/>
    </row>
    <row r="74079" spans="8:8">
      <c r="H74079" s="12"/>
    </row>
    <row r="74080" spans="8:8">
      <c r="H74080" s="12"/>
    </row>
    <row r="74081" spans="8:8">
      <c r="H74081" s="12"/>
    </row>
    <row r="74082" spans="8:8">
      <c r="H74082" s="12"/>
    </row>
    <row r="74083" spans="8:8">
      <c r="H74083" s="12"/>
    </row>
    <row r="74084" spans="8:8">
      <c r="H74084" s="12"/>
    </row>
    <row r="74085" spans="8:8">
      <c r="H74085" s="12"/>
    </row>
    <row r="74086" spans="8:8">
      <c r="H74086" s="12"/>
    </row>
    <row r="74087" spans="8:8">
      <c r="H74087" s="12"/>
    </row>
    <row r="74088" spans="8:8">
      <c r="H74088" s="12"/>
    </row>
    <row r="74089" spans="8:8">
      <c r="H74089" s="12"/>
    </row>
    <row r="74090" spans="8:8">
      <c r="H74090" s="12"/>
    </row>
    <row r="74091" spans="8:8">
      <c r="H74091" s="12"/>
    </row>
    <row r="74092" spans="8:8">
      <c r="H74092" s="12"/>
    </row>
    <row r="74093" spans="8:8">
      <c r="H74093" s="12"/>
    </row>
    <row r="74094" spans="8:8">
      <c r="H74094" s="12"/>
    </row>
    <row r="74095" spans="8:8">
      <c r="H74095" s="12"/>
    </row>
    <row r="74096" spans="8:8">
      <c r="H74096" s="12"/>
    </row>
    <row r="74097" spans="8:8">
      <c r="H74097" s="12"/>
    </row>
    <row r="74098" spans="8:8">
      <c r="H74098" s="12"/>
    </row>
    <row r="74099" spans="8:8">
      <c r="H74099" s="12"/>
    </row>
    <row r="74100" spans="8:8">
      <c r="H74100" s="12"/>
    </row>
    <row r="74101" spans="8:8">
      <c r="H74101" s="12"/>
    </row>
    <row r="74102" spans="8:8">
      <c r="H74102" s="12"/>
    </row>
    <row r="74103" spans="8:8">
      <c r="H74103" s="12"/>
    </row>
    <row r="74104" spans="8:8">
      <c r="H74104" s="12"/>
    </row>
    <row r="74105" spans="8:8">
      <c r="H74105" s="12"/>
    </row>
    <row r="74106" spans="8:8">
      <c r="H74106" s="12"/>
    </row>
    <row r="74107" spans="8:8">
      <c r="H74107" s="12"/>
    </row>
    <row r="74108" spans="8:8">
      <c r="H74108" s="12"/>
    </row>
    <row r="74109" spans="8:8">
      <c r="H74109" s="12"/>
    </row>
    <row r="74110" spans="8:8">
      <c r="H74110" s="12"/>
    </row>
    <row r="74111" spans="8:8">
      <c r="H74111" s="12"/>
    </row>
    <row r="74112" spans="8:8">
      <c r="H74112" s="12"/>
    </row>
    <row r="74113" spans="8:8">
      <c r="H74113" s="12"/>
    </row>
    <row r="74114" spans="8:8">
      <c r="H74114" s="12"/>
    </row>
    <row r="74115" spans="8:8">
      <c r="H74115" s="12"/>
    </row>
    <row r="74116" spans="8:8">
      <c r="H74116" s="12"/>
    </row>
    <row r="74117" spans="8:8">
      <c r="H74117" s="12"/>
    </row>
    <row r="74118" spans="8:8">
      <c r="H74118" s="12"/>
    </row>
    <row r="74119" spans="8:8">
      <c r="H74119" s="12"/>
    </row>
    <row r="74120" spans="8:8">
      <c r="H74120" s="12"/>
    </row>
    <row r="74121" spans="8:8">
      <c r="H74121" s="12"/>
    </row>
    <row r="74122" spans="8:8">
      <c r="H74122" s="12"/>
    </row>
    <row r="74123" spans="8:8">
      <c r="H74123" s="12"/>
    </row>
    <row r="74124" spans="8:8">
      <c r="H74124" s="12"/>
    </row>
    <row r="74125" spans="8:8">
      <c r="H74125" s="12"/>
    </row>
    <row r="74126" spans="8:8">
      <c r="H74126" s="12"/>
    </row>
    <row r="74127" spans="8:8">
      <c r="H74127" s="12"/>
    </row>
    <row r="74128" spans="8:8">
      <c r="H74128" s="12"/>
    </row>
    <row r="74129" spans="8:8">
      <c r="H74129" s="12"/>
    </row>
    <row r="74130" spans="8:8">
      <c r="H74130" s="12"/>
    </row>
    <row r="74131" spans="8:8">
      <c r="H74131" s="12"/>
    </row>
    <row r="74132" spans="8:8">
      <c r="H74132" s="12"/>
    </row>
    <row r="74133" spans="8:8">
      <c r="H74133" s="12"/>
    </row>
    <row r="74134" spans="8:8">
      <c r="H74134" s="12"/>
    </row>
    <row r="74135" spans="8:8">
      <c r="H74135" s="12"/>
    </row>
    <row r="74136" spans="8:8">
      <c r="H74136" s="12"/>
    </row>
    <row r="74137" spans="8:8">
      <c r="H74137" s="12"/>
    </row>
    <row r="74138" spans="8:8">
      <c r="H74138" s="12"/>
    </row>
    <row r="74139" spans="8:8">
      <c r="H74139" s="12"/>
    </row>
    <row r="74140" spans="8:8">
      <c r="H74140" s="12"/>
    </row>
    <row r="74141" spans="8:8">
      <c r="H74141" s="12"/>
    </row>
    <row r="74142" spans="8:8">
      <c r="H74142" s="12"/>
    </row>
    <row r="74143" spans="8:8">
      <c r="H74143" s="12"/>
    </row>
    <row r="74144" spans="8:8">
      <c r="H74144" s="12"/>
    </row>
    <row r="74145" spans="8:8">
      <c r="H74145" s="12"/>
    </row>
    <row r="74146" spans="8:8">
      <c r="H74146" s="12"/>
    </row>
    <row r="74147" spans="8:8">
      <c r="H74147" s="12"/>
    </row>
    <row r="74148" spans="8:8">
      <c r="H74148" s="12"/>
    </row>
    <row r="74149" spans="8:8">
      <c r="H74149" s="12"/>
    </row>
    <row r="74150" spans="8:8">
      <c r="H74150" s="12"/>
    </row>
    <row r="74151" spans="8:8">
      <c r="H74151" s="12"/>
    </row>
    <row r="74152" spans="8:8">
      <c r="H74152" s="12"/>
    </row>
    <row r="74153" spans="8:8">
      <c r="H74153" s="12"/>
    </row>
    <row r="74154" spans="8:8">
      <c r="H74154" s="12"/>
    </row>
    <row r="74155" spans="8:8">
      <c r="H74155" s="12"/>
    </row>
    <row r="74156" spans="8:8">
      <c r="H74156" s="12"/>
    </row>
    <row r="74157" spans="8:8">
      <c r="H74157" s="12"/>
    </row>
    <row r="74158" spans="8:8">
      <c r="H74158" s="12"/>
    </row>
    <row r="74159" spans="8:8">
      <c r="H74159" s="12"/>
    </row>
    <row r="74160" spans="8:8">
      <c r="H74160" s="12"/>
    </row>
    <row r="74161" spans="8:8">
      <c r="H74161" s="12"/>
    </row>
    <row r="74162" spans="8:8">
      <c r="H74162" s="12"/>
    </row>
    <row r="74163" spans="8:8">
      <c r="H74163" s="12"/>
    </row>
    <row r="74164" spans="8:8">
      <c r="H74164" s="12"/>
    </row>
    <row r="74165" spans="8:8">
      <c r="H74165" s="12"/>
    </row>
    <row r="74166" spans="8:8">
      <c r="H74166" s="12"/>
    </row>
    <row r="74167" spans="8:8">
      <c r="H74167" s="12"/>
    </row>
    <row r="74168" spans="8:8">
      <c r="H74168" s="12"/>
    </row>
    <row r="74169" spans="8:8">
      <c r="H74169" s="12"/>
    </row>
    <row r="74170" spans="8:8">
      <c r="H74170" s="12"/>
    </row>
    <row r="74171" spans="8:8">
      <c r="H74171" s="12"/>
    </row>
    <row r="74172" spans="8:8">
      <c r="H74172" s="12"/>
    </row>
    <row r="74173" spans="8:8">
      <c r="H74173" s="12"/>
    </row>
    <row r="74174" spans="8:8">
      <c r="H74174" s="12"/>
    </row>
    <row r="74175" spans="8:8">
      <c r="H74175" s="12"/>
    </row>
    <row r="74176" spans="8:8">
      <c r="H74176" s="12"/>
    </row>
    <row r="74177" spans="8:8">
      <c r="H74177" s="12"/>
    </row>
    <row r="74178" spans="8:8">
      <c r="H74178" s="12"/>
    </row>
    <row r="74179" spans="8:8">
      <c r="H74179" s="12"/>
    </row>
    <row r="74180" spans="8:8">
      <c r="H74180" s="12"/>
    </row>
    <row r="74181" spans="8:8">
      <c r="H74181" s="12"/>
    </row>
    <row r="74182" spans="8:8">
      <c r="H74182" s="12"/>
    </row>
    <row r="74183" spans="8:8">
      <c r="H74183" s="12"/>
    </row>
    <row r="74184" spans="8:8">
      <c r="H74184" s="12"/>
    </row>
    <row r="74185" spans="8:8">
      <c r="H74185" s="12"/>
    </row>
    <row r="74186" spans="8:8">
      <c r="H74186" s="12"/>
    </row>
    <row r="74187" spans="8:8">
      <c r="H74187" s="12"/>
    </row>
    <row r="74188" spans="8:8">
      <c r="H74188" s="12"/>
    </row>
    <row r="74189" spans="8:8">
      <c r="H74189" s="12"/>
    </row>
    <row r="74190" spans="8:8">
      <c r="H74190" s="12"/>
    </row>
    <row r="74191" spans="8:8">
      <c r="H74191" s="12"/>
    </row>
    <row r="74192" spans="8:8">
      <c r="H74192" s="12"/>
    </row>
    <row r="74193" spans="8:8">
      <c r="H74193" s="12"/>
    </row>
    <row r="74194" spans="8:8">
      <c r="H74194" s="12"/>
    </row>
    <row r="74195" spans="8:8">
      <c r="H74195" s="12"/>
    </row>
    <row r="74196" spans="8:8">
      <c r="H74196" s="12"/>
    </row>
    <row r="74197" spans="8:8">
      <c r="H74197" s="12"/>
    </row>
    <row r="74198" spans="8:8">
      <c r="H74198" s="12"/>
    </row>
    <row r="74199" spans="8:8">
      <c r="H74199" s="12"/>
    </row>
    <row r="74200" spans="8:8">
      <c r="H74200" s="12"/>
    </row>
    <row r="74201" spans="8:8">
      <c r="H74201" s="12"/>
    </row>
    <row r="74202" spans="8:8">
      <c r="H74202" s="12"/>
    </row>
    <row r="74203" spans="8:8">
      <c r="H74203" s="12"/>
    </row>
    <row r="74204" spans="8:8">
      <c r="H74204" s="12"/>
    </row>
    <row r="74205" spans="8:8">
      <c r="H74205" s="12"/>
    </row>
    <row r="74206" spans="8:8">
      <c r="H74206" s="12"/>
    </row>
    <row r="74207" spans="8:8">
      <c r="H74207" s="12"/>
    </row>
    <row r="74208" spans="8:8">
      <c r="H74208" s="12"/>
    </row>
    <row r="74209" spans="8:8">
      <c r="H74209" s="12"/>
    </row>
    <row r="74210" spans="8:8">
      <c r="H74210" s="12"/>
    </row>
    <row r="74211" spans="8:8">
      <c r="H74211" s="12"/>
    </row>
    <row r="74212" spans="8:8">
      <c r="H74212" s="12"/>
    </row>
    <row r="74213" spans="8:8">
      <c r="H74213" s="12"/>
    </row>
    <row r="74214" spans="8:8">
      <c r="H74214" s="12"/>
    </row>
    <row r="74215" spans="8:8">
      <c r="H74215" s="12"/>
    </row>
    <row r="74216" spans="8:8">
      <c r="H74216" s="12"/>
    </row>
    <row r="74217" spans="8:8">
      <c r="H74217" s="12"/>
    </row>
    <row r="74218" spans="8:8">
      <c r="H74218" s="12"/>
    </row>
    <row r="74219" spans="8:8">
      <c r="H74219" s="12"/>
    </row>
    <row r="74220" spans="8:8">
      <c r="H74220" s="12"/>
    </row>
    <row r="74221" spans="8:8">
      <c r="H74221" s="12"/>
    </row>
    <row r="74222" spans="8:8">
      <c r="H74222" s="12"/>
    </row>
    <row r="74223" spans="8:8">
      <c r="H74223" s="12"/>
    </row>
    <row r="74224" spans="8:8">
      <c r="H74224" s="12"/>
    </row>
    <row r="74225" spans="8:8">
      <c r="H74225" s="12"/>
    </row>
    <row r="74226" spans="8:8">
      <c r="H74226" s="12"/>
    </row>
    <row r="74227" spans="8:8">
      <c r="H74227" s="12"/>
    </row>
    <row r="74228" spans="8:8">
      <c r="H74228" s="12"/>
    </row>
    <row r="74229" spans="8:8">
      <c r="H74229" s="12"/>
    </row>
    <row r="74230" spans="8:8">
      <c r="H74230" s="12"/>
    </row>
    <row r="74231" spans="8:8">
      <c r="H74231" s="12"/>
    </row>
    <row r="74232" spans="8:8">
      <c r="H74232" s="12"/>
    </row>
    <row r="74233" spans="8:8">
      <c r="H74233" s="12"/>
    </row>
    <row r="74234" spans="8:8">
      <c r="H74234" s="12"/>
    </row>
    <row r="74235" spans="8:8">
      <c r="H74235" s="12"/>
    </row>
    <row r="74236" spans="8:8">
      <c r="H74236" s="12"/>
    </row>
    <row r="74237" spans="8:8">
      <c r="H74237" s="12"/>
    </row>
    <row r="74238" spans="8:8">
      <c r="H74238" s="12"/>
    </row>
    <row r="74239" spans="8:8">
      <c r="H74239" s="12"/>
    </row>
    <row r="74240" spans="8:8">
      <c r="H74240" s="12"/>
    </row>
    <row r="74241" spans="8:8">
      <c r="H74241" s="12"/>
    </row>
    <row r="74242" spans="8:8">
      <c r="H74242" s="12"/>
    </row>
    <row r="74243" spans="8:8">
      <c r="H74243" s="12"/>
    </row>
    <row r="74244" spans="8:8">
      <c r="H74244" s="12"/>
    </row>
    <row r="74245" spans="8:8">
      <c r="H74245" s="12"/>
    </row>
    <row r="74246" spans="8:8">
      <c r="H74246" s="12"/>
    </row>
    <row r="74247" spans="8:8">
      <c r="H74247" s="12"/>
    </row>
    <row r="74248" spans="8:8">
      <c r="H74248" s="12"/>
    </row>
    <row r="74249" spans="8:8">
      <c r="H74249" s="12"/>
    </row>
    <row r="74250" spans="8:8">
      <c r="H74250" s="12"/>
    </row>
    <row r="74251" spans="8:8">
      <c r="H74251" s="12"/>
    </row>
    <row r="74252" spans="8:8">
      <c r="H74252" s="12"/>
    </row>
    <row r="74253" spans="8:8">
      <c r="H74253" s="12"/>
    </row>
    <row r="74254" spans="8:8">
      <c r="H74254" s="12"/>
    </row>
    <row r="74255" spans="8:8">
      <c r="H74255" s="12"/>
    </row>
    <row r="74256" spans="8:8">
      <c r="H74256" s="12"/>
    </row>
    <row r="74257" spans="8:8">
      <c r="H74257" s="12"/>
    </row>
    <row r="74258" spans="8:8">
      <c r="H74258" s="12"/>
    </row>
    <row r="74259" spans="8:8">
      <c r="H74259" s="12"/>
    </row>
    <row r="74260" spans="8:8">
      <c r="H74260" s="12"/>
    </row>
    <row r="74261" spans="8:8">
      <c r="H74261" s="12"/>
    </row>
    <row r="74262" spans="8:8">
      <c r="H74262" s="12"/>
    </row>
    <row r="74263" spans="8:8">
      <c r="H74263" s="12"/>
    </row>
    <row r="74264" spans="8:8">
      <c r="H74264" s="12"/>
    </row>
    <row r="74265" spans="8:8">
      <c r="H74265" s="12"/>
    </row>
    <row r="74266" spans="8:8">
      <c r="H74266" s="12"/>
    </row>
    <row r="74267" spans="8:8">
      <c r="H74267" s="12"/>
    </row>
    <row r="74268" spans="8:8">
      <c r="H74268" s="12"/>
    </row>
    <row r="74269" spans="8:8">
      <c r="H74269" s="12"/>
    </row>
    <row r="74270" spans="8:8">
      <c r="H74270" s="12"/>
    </row>
    <row r="74271" spans="8:8">
      <c r="H74271" s="12"/>
    </row>
    <row r="74272" spans="8:8">
      <c r="H74272" s="12"/>
    </row>
    <row r="74273" spans="8:8">
      <c r="H74273" s="12"/>
    </row>
    <row r="74274" spans="8:8">
      <c r="H74274" s="12"/>
    </row>
    <row r="74275" spans="8:8">
      <c r="H74275" s="12"/>
    </row>
    <row r="74276" spans="8:8">
      <c r="H74276" s="12"/>
    </row>
    <row r="74277" spans="8:8">
      <c r="H74277" s="12"/>
    </row>
    <row r="74278" spans="8:8">
      <c r="H74278" s="12"/>
    </row>
    <row r="74279" spans="8:8">
      <c r="H74279" s="12"/>
    </row>
    <row r="74280" spans="8:8">
      <c r="H74280" s="12"/>
    </row>
    <row r="74281" spans="8:8">
      <c r="H74281" s="12"/>
    </row>
    <row r="74282" spans="8:8">
      <c r="H74282" s="12"/>
    </row>
    <row r="74283" spans="8:8">
      <c r="H74283" s="12"/>
    </row>
    <row r="74284" spans="8:8">
      <c r="H74284" s="12"/>
    </row>
    <row r="74285" spans="8:8">
      <c r="H74285" s="12"/>
    </row>
    <row r="74286" spans="8:8">
      <c r="H74286" s="12"/>
    </row>
    <row r="74287" spans="8:8">
      <c r="H74287" s="12"/>
    </row>
    <row r="74288" spans="8:8">
      <c r="H74288" s="12"/>
    </row>
    <row r="74289" spans="8:8">
      <c r="H74289" s="12"/>
    </row>
    <row r="74290" spans="8:8">
      <c r="H74290" s="12"/>
    </row>
    <row r="74291" spans="8:8">
      <c r="H74291" s="12"/>
    </row>
    <row r="74292" spans="8:8">
      <c r="H74292" s="12"/>
    </row>
    <row r="74293" spans="8:8">
      <c r="H74293" s="12"/>
    </row>
    <row r="74294" spans="8:8">
      <c r="H74294" s="12"/>
    </row>
    <row r="74295" spans="8:8">
      <c r="H74295" s="12"/>
    </row>
    <row r="74296" spans="8:8">
      <c r="H74296" s="12"/>
    </row>
    <row r="74297" spans="8:8">
      <c r="H74297" s="12"/>
    </row>
    <row r="74298" spans="8:8">
      <c r="H74298" s="12"/>
    </row>
    <row r="74299" spans="8:8">
      <c r="H74299" s="12"/>
    </row>
    <row r="74300" spans="8:8">
      <c r="H74300" s="12"/>
    </row>
    <row r="74301" spans="8:8">
      <c r="H74301" s="12"/>
    </row>
    <row r="74302" spans="8:8">
      <c r="H74302" s="12"/>
    </row>
    <row r="74303" spans="8:8">
      <c r="H74303" s="12"/>
    </row>
    <row r="74304" spans="8:8">
      <c r="H74304" s="12"/>
    </row>
    <row r="74305" spans="8:8">
      <c r="H74305" s="12"/>
    </row>
    <row r="74306" spans="8:8">
      <c r="H74306" s="12"/>
    </row>
    <row r="74307" spans="8:8">
      <c r="H74307" s="12"/>
    </row>
    <row r="74308" spans="8:8">
      <c r="H74308" s="12"/>
    </row>
    <row r="74309" spans="8:8">
      <c r="H74309" s="12"/>
    </row>
    <row r="74310" spans="8:8">
      <c r="H74310" s="12"/>
    </row>
    <row r="74311" spans="8:8">
      <c r="H74311" s="12"/>
    </row>
    <row r="74312" spans="8:8">
      <c r="H74312" s="12"/>
    </row>
    <row r="74313" spans="8:8">
      <c r="H74313" s="12"/>
    </row>
    <row r="74314" spans="8:8">
      <c r="H74314" s="12"/>
    </row>
    <row r="74315" spans="8:8">
      <c r="H74315" s="12"/>
    </row>
    <row r="74316" spans="8:8">
      <c r="H74316" s="12"/>
    </row>
    <row r="74317" spans="8:8">
      <c r="H74317" s="12"/>
    </row>
    <row r="74318" spans="8:8">
      <c r="H74318" s="12"/>
    </row>
    <row r="74319" spans="8:8">
      <c r="H74319" s="12"/>
    </row>
    <row r="74320" spans="8:8">
      <c r="H74320" s="12"/>
    </row>
    <row r="74321" spans="8:8">
      <c r="H74321" s="12"/>
    </row>
    <row r="74322" spans="8:8">
      <c r="H74322" s="12"/>
    </row>
    <row r="74323" spans="8:8">
      <c r="H74323" s="12"/>
    </row>
    <row r="74324" spans="8:8">
      <c r="H74324" s="12"/>
    </row>
    <row r="74325" spans="8:8">
      <c r="H74325" s="12"/>
    </row>
    <row r="74326" spans="8:8">
      <c r="H74326" s="12"/>
    </row>
    <row r="74327" spans="8:8">
      <c r="H74327" s="12"/>
    </row>
    <row r="74328" spans="8:8">
      <c r="H74328" s="12"/>
    </row>
    <row r="74329" spans="8:8">
      <c r="H74329" s="12"/>
    </row>
    <row r="74330" spans="8:8">
      <c r="H74330" s="12"/>
    </row>
    <row r="74331" spans="8:8">
      <c r="H74331" s="12"/>
    </row>
    <row r="74332" spans="8:8">
      <c r="H74332" s="12"/>
    </row>
    <row r="74333" spans="8:8">
      <c r="H74333" s="12"/>
    </row>
    <row r="74334" spans="8:8">
      <c r="H74334" s="12"/>
    </row>
    <row r="74335" spans="8:8">
      <c r="H74335" s="12"/>
    </row>
    <row r="74336" spans="8:8">
      <c r="H74336" s="12"/>
    </row>
    <row r="74337" spans="8:8">
      <c r="H74337" s="12"/>
    </row>
    <row r="74338" spans="8:8">
      <c r="H74338" s="12"/>
    </row>
    <row r="74339" spans="8:8">
      <c r="H74339" s="12"/>
    </row>
    <row r="74340" spans="8:8">
      <c r="H74340" s="12"/>
    </row>
    <row r="74341" spans="8:8">
      <c r="H74341" s="12"/>
    </row>
    <row r="74342" spans="8:8">
      <c r="H74342" s="12"/>
    </row>
    <row r="74343" spans="8:8">
      <c r="H74343" s="12"/>
    </row>
    <row r="74344" spans="8:8">
      <c r="H74344" s="12"/>
    </row>
    <row r="74345" spans="8:8">
      <c r="H74345" s="12"/>
    </row>
    <row r="74346" spans="8:8">
      <c r="H74346" s="12"/>
    </row>
    <row r="74347" spans="8:8">
      <c r="H74347" s="12"/>
    </row>
    <row r="74348" spans="8:8">
      <c r="H74348" s="12"/>
    </row>
    <row r="74349" spans="8:8">
      <c r="H74349" s="12"/>
    </row>
    <row r="74350" spans="8:8">
      <c r="H74350" s="12"/>
    </row>
    <row r="74351" spans="8:8">
      <c r="H74351" s="12"/>
    </row>
    <row r="74352" spans="8:8">
      <c r="H74352" s="12"/>
    </row>
    <row r="74353" spans="8:8">
      <c r="H74353" s="12"/>
    </row>
    <row r="74354" spans="8:8">
      <c r="H74354" s="12"/>
    </row>
    <row r="74355" spans="8:8">
      <c r="H74355" s="12"/>
    </row>
    <row r="74356" spans="8:8">
      <c r="H74356" s="12"/>
    </row>
    <row r="74357" spans="8:8">
      <c r="H74357" s="12"/>
    </row>
    <row r="74358" spans="8:8">
      <c r="H74358" s="12"/>
    </row>
    <row r="74359" spans="8:8">
      <c r="H74359" s="12"/>
    </row>
    <row r="74360" spans="8:8">
      <c r="H74360" s="12"/>
    </row>
    <row r="74361" spans="8:8">
      <c r="H74361" s="12"/>
    </row>
    <row r="74362" spans="8:8">
      <c r="H74362" s="12"/>
    </row>
    <row r="74363" spans="8:8">
      <c r="H74363" s="12"/>
    </row>
    <row r="74364" spans="8:8">
      <c r="H74364" s="12"/>
    </row>
    <row r="74365" spans="8:8">
      <c r="H74365" s="12"/>
    </row>
    <row r="74366" spans="8:8">
      <c r="H74366" s="12"/>
    </row>
    <row r="74367" spans="8:8">
      <c r="H74367" s="12"/>
    </row>
    <row r="74368" spans="8:8">
      <c r="H74368" s="12"/>
    </row>
    <row r="74369" spans="8:8">
      <c r="H74369" s="12"/>
    </row>
    <row r="74370" spans="8:8">
      <c r="H74370" s="12"/>
    </row>
    <row r="74371" spans="8:8">
      <c r="H74371" s="12"/>
    </row>
    <row r="74372" spans="8:8">
      <c r="H74372" s="12"/>
    </row>
    <row r="74373" spans="8:8">
      <c r="H74373" s="12"/>
    </row>
    <row r="74374" spans="8:8">
      <c r="H74374" s="12"/>
    </row>
    <row r="74375" spans="8:8">
      <c r="H74375" s="12"/>
    </row>
    <row r="74376" spans="8:8">
      <c r="H74376" s="12"/>
    </row>
    <row r="74377" spans="8:8">
      <c r="H74377" s="12"/>
    </row>
    <row r="74378" spans="8:8">
      <c r="H74378" s="12"/>
    </row>
    <row r="74379" spans="8:8">
      <c r="H74379" s="12"/>
    </row>
    <row r="74380" spans="8:8">
      <c r="H74380" s="12"/>
    </row>
    <row r="74381" spans="8:8">
      <c r="H74381" s="12"/>
    </row>
    <row r="74382" spans="8:8">
      <c r="H74382" s="12"/>
    </row>
    <row r="74383" spans="8:8">
      <c r="H74383" s="12"/>
    </row>
    <row r="74384" spans="8:8">
      <c r="H74384" s="12"/>
    </row>
    <row r="74385" spans="8:8">
      <c r="H74385" s="12"/>
    </row>
    <row r="74386" spans="8:8">
      <c r="H74386" s="12"/>
    </row>
    <row r="74387" spans="8:8">
      <c r="H74387" s="12"/>
    </row>
    <row r="74388" spans="8:8">
      <c r="H74388" s="12"/>
    </row>
    <row r="74389" spans="8:8">
      <c r="H74389" s="12"/>
    </row>
    <row r="74390" spans="8:8">
      <c r="H74390" s="12"/>
    </row>
    <row r="74391" spans="8:8">
      <c r="H74391" s="12"/>
    </row>
    <row r="74392" spans="8:8">
      <c r="H74392" s="12"/>
    </row>
    <row r="74393" spans="8:8">
      <c r="H74393" s="12"/>
    </row>
    <row r="74394" spans="8:8">
      <c r="H74394" s="12"/>
    </row>
    <row r="74395" spans="8:8">
      <c r="H74395" s="12"/>
    </row>
    <row r="74396" spans="8:8">
      <c r="H74396" s="12"/>
    </row>
    <row r="74397" spans="8:8">
      <c r="H74397" s="12"/>
    </row>
    <row r="74398" spans="8:8">
      <c r="H74398" s="12"/>
    </row>
    <row r="74399" spans="8:8">
      <c r="H74399" s="12"/>
    </row>
    <row r="74400" spans="8:8">
      <c r="H74400" s="12"/>
    </row>
    <row r="74401" spans="8:8">
      <c r="H74401" s="12"/>
    </row>
    <row r="74402" spans="8:8">
      <c r="H74402" s="12"/>
    </row>
    <row r="74403" spans="8:8">
      <c r="H74403" s="12"/>
    </row>
    <row r="74404" spans="8:8">
      <c r="H74404" s="12"/>
    </row>
    <row r="74405" spans="8:8">
      <c r="H74405" s="12"/>
    </row>
    <row r="74406" spans="8:8">
      <c r="H74406" s="12"/>
    </row>
    <row r="74407" spans="8:8">
      <c r="H74407" s="12"/>
    </row>
    <row r="74408" spans="8:8">
      <c r="H74408" s="12"/>
    </row>
    <row r="74409" spans="8:8">
      <c r="H74409" s="12"/>
    </row>
    <row r="74410" spans="8:8">
      <c r="H74410" s="12"/>
    </row>
    <row r="74411" spans="8:8">
      <c r="H74411" s="12"/>
    </row>
    <row r="74412" spans="8:8">
      <c r="H74412" s="12"/>
    </row>
    <row r="74413" spans="8:8">
      <c r="H74413" s="12"/>
    </row>
    <row r="74414" spans="8:8">
      <c r="H74414" s="12"/>
    </row>
    <row r="74415" spans="8:8">
      <c r="H74415" s="12"/>
    </row>
    <row r="74416" spans="8:8">
      <c r="H74416" s="12"/>
    </row>
    <row r="74417" spans="8:8">
      <c r="H74417" s="12"/>
    </row>
    <row r="74418" spans="8:8">
      <c r="H74418" s="12"/>
    </row>
    <row r="74419" spans="8:8">
      <c r="H74419" s="12"/>
    </row>
    <row r="74420" spans="8:8">
      <c r="H74420" s="12"/>
    </row>
    <row r="74421" spans="8:8">
      <c r="H74421" s="12"/>
    </row>
    <row r="74422" spans="8:8">
      <c r="H74422" s="12"/>
    </row>
    <row r="74423" spans="8:8">
      <c r="H74423" s="12"/>
    </row>
    <row r="74424" spans="8:8">
      <c r="H74424" s="12"/>
    </row>
    <row r="74425" spans="8:8">
      <c r="H74425" s="12"/>
    </row>
    <row r="74426" spans="8:8">
      <c r="H74426" s="12"/>
    </row>
    <row r="74427" spans="8:8">
      <c r="H74427" s="12"/>
    </row>
    <row r="74428" spans="8:8">
      <c r="H74428" s="12"/>
    </row>
    <row r="74429" spans="8:8">
      <c r="H74429" s="12"/>
    </row>
    <row r="74430" spans="8:8">
      <c r="H74430" s="12"/>
    </row>
    <row r="74431" spans="8:8">
      <c r="H74431" s="12"/>
    </row>
    <row r="74432" spans="8:8">
      <c r="H74432" s="12"/>
    </row>
    <row r="74433" spans="8:8">
      <c r="H74433" s="12"/>
    </row>
    <row r="74434" spans="8:8">
      <c r="H74434" s="12"/>
    </row>
    <row r="74435" spans="8:8">
      <c r="H74435" s="12"/>
    </row>
    <row r="74436" spans="8:8">
      <c r="H74436" s="12"/>
    </row>
    <row r="74437" spans="8:8">
      <c r="H74437" s="12"/>
    </row>
    <row r="74438" spans="8:8">
      <c r="H74438" s="12"/>
    </row>
    <row r="74439" spans="8:8">
      <c r="H74439" s="12"/>
    </row>
    <row r="74440" spans="8:8">
      <c r="H74440" s="12"/>
    </row>
    <row r="74441" spans="8:8">
      <c r="H74441" s="12"/>
    </row>
    <row r="74442" spans="8:8">
      <c r="H74442" s="12"/>
    </row>
    <row r="74443" spans="8:8">
      <c r="H74443" s="12"/>
    </row>
    <row r="74444" spans="8:8">
      <c r="H74444" s="12"/>
    </row>
    <row r="74445" spans="8:8">
      <c r="H74445" s="12"/>
    </row>
    <row r="74446" spans="8:8">
      <c r="H74446" s="12"/>
    </row>
    <row r="74447" spans="8:8">
      <c r="H74447" s="12"/>
    </row>
    <row r="74448" spans="8:8">
      <c r="H74448" s="12"/>
    </row>
    <row r="74449" spans="8:8">
      <c r="H74449" s="12"/>
    </row>
    <row r="74450" spans="8:8">
      <c r="H74450" s="12"/>
    </row>
    <row r="74451" spans="8:8">
      <c r="H74451" s="12"/>
    </row>
    <row r="74452" spans="8:8">
      <c r="H74452" s="12"/>
    </row>
    <row r="74453" spans="8:8">
      <c r="H74453" s="12"/>
    </row>
    <row r="74454" spans="8:8">
      <c r="H74454" s="12"/>
    </row>
    <row r="74455" spans="8:8">
      <c r="H74455" s="12"/>
    </row>
    <row r="74456" spans="8:8">
      <c r="H74456" s="12"/>
    </row>
    <row r="74457" spans="8:8">
      <c r="H74457" s="12"/>
    </row>
    <row r="74458" spans="8:8">
      <c r="H74458" s="12"/>
    </row>
    <row r="74459" spans="8:8">
      <c r="H74459" s="12"/>
    </row>
    <row r="74460" spans="8:8">
      <c r="H74460" s="12"/>
    </row>
    <row r="74461" spans="8:8">
      <c r="H74461" s="12"/>
    </row>
    <row r="74462" spans="8:8">
      <c r="H74462" s="12"/>
    </row>
    <row r="74463" spans="8:8">
      <c r="H74463" s="12"/>
    </row>
    <row r="74464" spans="8:8">
      <c r="H74464" s="12"/>
    </row>
    <row r="74465" spans="8:8">
      <c r="H74465" s="12"/>
    </row>
    <row r="74466" spans="8:8">
      <c r="H74466" s="12"/>
    </row>
    <row r="74467" spans="8:8">
      <c r="H74467" s="12"/>
    </row>
    <row r="74468" spans="8:8">
      <c r="H74468" s="12"/>
    </row>
    <row r="74469" spans="8:8">
      <c r="H74469" s="12"/>
    </row>
    <row r="74470" spans="8:8">
      <c r="H74470" s="12"/>
    </row>
    <row r="74471" spans="8:8">
      <c r="H74471" s="12"/>
    </row>
    <row r="74472" spans="8:8">
      <c r="H74472" s="12"/>
    </row>
    <row r="74473" spans="8:8">
      <c r="H74473" s="12"/>
    </row>
    <row r="74474" spans="8:8">
      <c r="H74474" s="12"/>
    </row>
    <row r="74475" spans="8:8">
      <c r="H74475" s="12"/>
    </row>
    <row r="74476" spans="8:8">
      <c r="H74476" s="12"/>
    </row>
    <row r="74477" spans="8:8">
      <c r="H74477" s="12"/>
    </row>
    <row r="74478" spans="8:8">
      <c r="H74478" s="12"/>
    </row>
    <row r="74479" spans="8:8">
      <c r="H74479" s="12"/>
    </row>
    <row r="74480" spans="8:8">
      <c r="H74480" s="12"/>
    </row>
    <row r="74481" spans="8:8">
      <c r="H74481" s="12"/>
    </row>
    <row r="74482" spans="8:8">
      <c r="H74482" s="12"/>
    </row>
    <row r="74483" spans="8:8">
      <c r="H74483" s="12"/>
    </row>
    <row r="74484" spans="8:8">
      <c r="H74484" s="12"/>
    </row>
    <row r="74485" spans="8:8">
      <c r="H74485" s="12"/>
    </row>
    <row r="74486" spans="8:8">
      <c r="H74486" s="12"/>
    </row>
    <row r="74487" spans="8:8">
      <c r="H74487" s="12"/>
    </row>
    <row r="74488" spans="8:8">
      <c r="H74488" s="12"/>
    </row>
    <row r="74489" spans="8:8">
      <c r="H74489" s="12"/>
    </row>
    <row r="74490" spans="8:8">
      <c r="H74490" s="12"/>
    </row>
    <row r="74491" spans="8:8">
      <c r="H74491" s="12"/>
    </row>
    <row r="74492" spans="8:8">
      <c r="H74492" s="12"/>
    </row>
    <row r="74493" spans="8:8">
      <c r="H74493" s="12"/>
    </row>
    <row r="74494" spans="8:8">
      <c r="H74494" s="12"/>
    </row>
    <row r="74495" spans="8:8">
      <c r="H74495" s="12"/>
    </row>
    <row r="74496" spans="8:8">
      <c r="H74496" s="12"/>
    </row>
    <row r="74497" spans="8:8">
      <c r="H74497" s="12"/>
    </row>
    <row r="74498" spans="8:8">
      <c r="H74498" s="12"/>
    </row>
    <row r="74499" spans="8:8">
      <c r="H74499" s="12"/>
    </row>
    <row r="74500" spans="8:8">
      <c r="H74500" s="12"/>
    </row>
    <row r="74501" spans="8:8">
      <c r="H74501" s="12"/>
    </row>
    <row r="74502" spans="8:8">
      <c r="H74502" s="12"/>
    </row>
    <row r="74503" spans="8:8">
      <c r="H74503" s="12"/>
    </row>
    <row r="74504" spans="8:8">
      <c r="H74504" s="12"/>
    </row>
    <row r="74505" spans="8:8">
      <c r="H74505" s="12"/>
    </row>
    <row r="74506" spans="8:8">
      <c r="H74506" s="12"/>
    </row>
    <row r="74507" spans="8:8">
      <c r="H74507" s="12"/>
    </row>
    <row r="74508" spans="8:8">
      <c r="H74508" s="12"/>
    </row>
    <row r="74509" spans="8:8">
      <c r="H74509" s="12"/>
    </row>
    <row r="74510" spans="8:8">
      <c r="H74510" s="12"/>
    </row>
    <row r="74511" spans="8:8">
      <c r="H74511" s="12"/>
    </row>
    <row r="74512" spans="8:8">
      <c r="H74512" s="12"/>
    </row>
    <row r="74513" spans="8:8">
      <c r="H74513" s="12"/>
    </row>
    <row r="74514" spans="8:8">
      <c r="H74514" s="12"/>
    </row>
    <row r="74515" spans="8:8">
      <c r="H74515" s="12"/>
    </row>
    <row r="74516" spans="8:8">
      <c r="H74516" s="12"/>
    </row>
    <row r="74517" spans="8:8">
      <c r="H74517" s="12"/>
    </row>
    <row r="74518" spans="8:8">
      <c r="H74518" s="12"/>
    </row>
    <row r="74519" spans="8:8">
      <c r="H74519" s="12"/>
    </row>
    <row r="74520" spans="8:8">
      <c r="H74520" s="12"/>
    </row>
    <row r="74521" spans="8:8">
      <c r="H74521" s="12"/>
    </row>
    <row r="74522" spans="8:8">
      <c r="H74522" s="12"/>
    </row>
    <row r="74523" spans="8:8">
      <c r="H74523" s="12"/>
    </row>
    <row r="74524" spans="8:8">
      <c r="H74524" s="12"/>
    </row>
    <row r="74525" spans="8:8">
      <c r="H74525" s="12"/>
    </row>
    <row r="74526" spans="8:8">
      <c r="H74526" s="12"/>
    </row>
    <row r="74527" spans="8:8">
      <c r="H74527" s="12"/>
    </row>
    <row r="74528" spans="8:8">
      <c r="H74528" s="12"/>
    </row>
    <row r="74529" spans="8:8">
      <c r="H74529" s="12"/>
    </row>
    <row r="74530" spans="8:8">
      <c r="H74530" s="12"/>
    </row>
    <row r="74531" spans="8:8">
      <c r="H74531" s="12"/>
    </row>
    <row r="74532" spans="8:8">
      <c r="H74532" s="12"/>
    </row>
    <row r="74533" spans="8:8">
      <c r="H74533" s="12"/>
    </row>
    <row r="74534" spans="8:8">
      <c r="H74534" s="12"/>
    </row>
    <row r="74535" spans="8:8">
      <c r="H74535" s="12"/>
    </row>
    <row r="74536" spans="8:8">
      <c r="H74536" s="12"/>
    </row>
    <row r="74537" spans="8:8">
      <c r="H74537" s="12"/>
    </row>
    <row r="74538" spans="8:8">
      <c r="H74538" s="12"/>
    </row>
    <row r="74539" spans="8:8">
      <c r="H74539" s="12"/>
    </row>
    <row r="74540" spans="8:8">
      <c r="H74540" s="12"/>
    </row>
    <row r="74541" spans="8:8">
      <c r="H74541" s="12"/>
    </row>
    <row r="74542" spans="8:8">
      <c r="H74542" s="12"/>
    </row>
    <row r="74543" spans="8:8">
      <c r="H74543" s="12"/>
    </row>
    <row r="74544" spans="8:8">
      <c r="H74544" s="12"/>
    </row>
    <row r="74545" spans="8:8">
      <c r="H74545" s="12"/>
    </row>
    <row r="74546" spans="8:8">
      <c r="H74546" s="12"/>
    </row>
    <row r="74547" spans="8:8">
      <c r="H74547" s="12"/>
    </row>
    <row r="74548" spans="8:8">
      <c r="H74548" s="12"/>
    </row>
    <row r="74549" spans="8:8">
      <c r="H74549" s="12"/>
    </row>
    <row r="74550" spans="8:8">
      <c r="H74550" s="12"/>
    </row>
    <row r="74551" spans="8:8">
      <c r="H74551" s="12"/>
    </row>
    <row r="74552" spans="8:8">
      <c r="H74552" s="12"/>
    </row>
    <row r="74553" spans="8:8">
      <c r="H74553" s="12"/>
    </row>
    <row r="74554" spans="8:8">
      <c r="H74554" s="12"/>
    </row>
    <row r="74555" spans="8:8">
      <c r="H74555" s="12"/>
    </row>
    <row r="74556" spans="8:8">
      <c r="H74556" s="12"/>
    </row>
    <row r="74557" spans="8:8">
      <c r="H74557" s="12"/>
    </row>
    <row r="74558" spans="8:8">
      <c r="H74558" s="12"/>
    </row>
    <row r="74559" spans="8:8">
      <c r="H74559" s="12"/>
    </row>
    <row r="74560" spans="8:8">
      <c r="H74560" s="12"/>
    </row>
    <row r="74561" spans="8:8">
      <c r="H74561" s="12"/>
    </row>
    <row r="74562" spans="8:8">
      <c r="H74562" s="12"/>
    </row>
    <row r="74563" spans="8:8">
      <c r="H74563" s="12"/>
    </row>
    <row r="74564" spans="8:8">
      <c r="H74564" s="12"/>
    </row>
    <row r="74565" spans="8:8">
      <c r="H74565" s="12"/>
    </row>
    <row r="74566" spans="8:8">
      <c r="H74566" s="12"/>
    </row>
    <row r="74567" spans="8:8">
      <c r="H74567" s="12"/>
    </row>
    <row r="74568" spans="8:8">
      <c r="H74568" s="12"/>
    </row>
    <row r="74569" spans="8:8">
      <c r="H74569" s="12"/>
    </row>
    <row r="74570" spans="8:8">
      <c r="H74570" s="12"/>
    </row>
    <row r="74571" spans="8:8">
      <c r="H74571" s="12"/>
    </row>
    <row r="74572" spans="8:8">
      <c r="H74572" s="12"/>
    </row>
    <row r="74573" spans="8:8">
      <c r="H74573" s="12"/>
    </row>
    <row r="74574" spans="8:8">
      <c r="H74574" s="12"/>
    </row>
    <row r="74575" spans="8:8">
      <c r="H74575" s="12"/>
    </row>
    <row r="74576" spans="8:8">
      <c r="H74576" s="12"/>
    </row>
    <row r="74577" spans="8:8">
      <c r="H74577" s="12"/>
    </row>
    <row r="74578" spans="8:8">
      <c r="H74578" s="12"/>
    </row>
    <row r="74579" spans="8:8">
      <c r="H74579" s="12"/>
    </row>
    <row r="74580" spans="8:8">
      <c r="H74580" s="12"/>
    </row>
    <row r="74581" spans="8:8">
      <c r="H74581" s="12"/>
    </row>
    <row r="74582" spans="8:8">
      <c r="H74582" s="12"/>
    </row>
    <row r="74583" spans="8:8">
      <c r="H74583" s="12"/>
    </row>
    <row r="74584" spans="8:8">
      <c r="H74584" s="12"/>
    </row>
    <row r="74585" spans="8:8">
      <c r="H74585" s="12"/>
    </row>
    <row r="74586" spans="8:8">
      <c r="H74586" s="12"/>
    </row>
    <row r="74587" spans="8:8">
      <c r="H74587" s="12"/>
    </row>
    <row r="74588" spans="8:8">
      <c r="H74588" s="12"/>
    </row>
    <row r="74589" spans="8:8">
      <c r="H74589" s="12"/>
    </row>
    <row r="74590" spans="8:8">
      <c r="H74590" s="12"/>
    </row>
    <row r="74591" spans="8:8">
      <c r="H74591" s="12"/>
    </row>
    <row r="74592" spans="8:8">
      <c r="H74592" s="12"/>
    </row>
    <row r="74593" spans="8:8">
      <c r="H74593" s="12"/>
    </row>
    <row r="74594" spans="8:8">
      <c r="H74594" s="12"/>
    </row>
    <row r="74595" spans="8:8">
      <c r="H74595" s="12"/>
    </row>
    <row r="74596" spans="8:8">
      <c r="H74596" s="12"/>
    </row>
    <row r="74597" spans="8:8">
      <c r="H74597" s="12"/>
    </row>
    <row r="74598" spans="8:8">
      <c r="H74598" s="12"/>
    </row>
    <row r="74599" spans="8:8">
      <c r="H74599" s="12"/>
    </row>
    <row r="74600" spans="8:8">
      <c r="H74600" s="12"/>
    </row>
    <row r="74601" spans="8:8">
      <c r="H74601" s="12"/>
    </row>
    <row r="74602" spans="8:8">
      <c r="H74602" s="12"/>
    </row>
    <row r="74603" spans="8:8">
      <c r="H74603" s="12"/>
    </row>
    <row r="74604" spans="8:8">
      <c r="H74604" s="12"/>
    </row>
    <row r="74605" spans="8:8">
      <c r="H74605" s="12"/>
    </row>
    <row r="74606" spans="8:8">
      <c r="H74606" s="12"/>
    </row>
    <row r="74607" spans="8:8">
      <c r="H74607" s="12"/>
    </row>
    <row r="74608" spans="8:8">
      <c r="H74608" s="12"/>
    </row>
    <row r="74609" spans="8:8">
      <c r="H74609" s="12"/>
    </row>
    <row r="74610" spans="8:8">
      <c r="H74610" s="12"/>
    </row>
    <row r="74611" spans="8:8">
      <c r="H74611" s="12"/>
    </row>
    <row r="74612" spans="8:8">
      <c r="H74612" s="12"/>
    </row>
    <row r="74613" spans="8:8">
      <c r="H74613" s="12"/>
    </row>
    <row r="74614" spans="8:8">
      <c r="H74614" s="12"/>
    </row>
    <row r="74615" spans="8:8">
      <c r="H74615" s="12"/>
    </row>
    <row r="74616" spans="8:8">
      <c r="H74616" s="12"/>
    </row>
    <row r="74617" spans="8:8">
      <c r="H74617" s="12"/>
    </row>
    <row r="74618" spans="8:8">
      <c r="H74618" s="12"/>
    </row>
    <row r="74619" spans="8:8">
      <c r="H74619" s="12"/>
    </row>
    <row r="74620" spans="8:8">
      <c r="H74620" s="12"/>
    </row>
    <row r="74621" spans="8:8">
      <c r="H74621" s="12"/>
    </row>
    <row r="74622" spans="8:8">
      <c r="H74622" s="12"/>
    </row>
    <row r="74623" spans="8:8">
      <c r="H74623" s="12"/>
    </row>
    <row r="74624" spans="8:8">
      <c r="H74624" s="12"/>
    </row>
    <row r="74625" spans="8:8">
      <c r="H74625" s="12"/>
    </row>
    <row r="74626" spans="8:8">
      <c r="H74626" s="12"/>
    </row>
    <row r="74627" spans="8:8">
      <c r="H74627" s="12"/>
    </row>
    <row r="74628" spans="8:8">
      <c r="H74628" s="12"/>
    </row>
    <row r="74629" spans="8:8">
      <c r="H74629" s="12"/>
    </row>
    <row r="74630" spans="8:8">
      <c r="H74630" s="12"/>
    </row>
    <row r="74631" spans="8:8">
      <c r="H74631" s="12"/>
    </row>
    <row r="74632" spans="8:8">
      <c r="H74632" s="12"/>
    </row>
    <row r="74633" spans="8:8">
      <c r="H74633" s="12"/>
    </row>
    <row r="74634" spans="8:8">
      <c r="H74634" s="12"/>
    </row>
    <row r="74635" spans="8:8">
      <c r="H74635" s="12"/>
    </row>
    <row r="74636" spans="8:8">
      <c r="H74636" s="12"/>
    </row>
    <row r="74637" spans="8:8">
      <c r="H74637" s="12"/>
    </row>
    <row r="74638" spans="8:8">
      <c r="H74638" s="12"/>
    </row>
    <row r="74639" spans="8:8">
      <c r="H74639" s="12"/>
    </row>
    <row r="74640" spans="8:8">
      <c r="H74640" s="12"/>
    </row>
    <row r="74641" spans="8:8">
      <c r="H74641" s="12"/>
    </row>
    <row r="74642" spans="8:8">
      <c r="H74642" s="12"/>
    </row>
    <row r="74643" spans="8:8">
      <c r="H74643" s="12"/>
    </row>
    <row r="74644" spans="8:8">
      <c r="H74644" s="12"/>
    </row>
    <row r="74645" spans="8:8">
      <c r="H74645" s="12"/>
    </row>
    <row r="74646" spans="8:8">
      <c r="H74646" s="12"/>
    </row>
    <row r="74647" spans="8:8">
      <c r="H74647" s="12"/>
    </row>
    <row r="74648" spans="8:8">
      <c r="H74648" s="12"/>
    </row>
    <row r="74649" spans="8:8">
      <c r="H74649" s="12"/>
    </row>
    <row r="74650" spans="8:8">
      <c r="H74650" s="12"/>
    </row>
    <row r="74651" spans="8:8">
      <c r="H74651" s="12"/>
    </row>
    <row r="74652" spans="8:8">
      <c r="H74652" s="12"/>
    </row>
    <row r="74653" spans="8:8">
      <c r="H74653" s="12"/>
    </row>
    <row r="74654" spans="8:8">
      <c r="H74654" s="12"/>
    </row>
    <row r="74655" spans="8:8">
      <c r="H74655" s="12"/>
    </row>
    <row r="74656" spans="8:8">
      <c r="H74656" s="12"/>
    </row>
    <row r="74657" spans="8:8">
      <c r="H74657" s="12"/>
    </row>
    <row r="74658" spans="8:8">
      <c r="H74658" s="12"/>
    </row>
    <row r="74659" spans="8:8">
      <c r="H74659" s="12"/>
    </row>
    <row r="74660" spans="8:8">
      <c r="H74660" s="12"/>
    </row>
    <row r="74661" spans="8:8">
      <c r="H74661" s="12"/>
    </row>
    <row r="74662" spans="8:8">
      <c r="H74662" s="12"/>
    </row>
    <row r="74663" spans="8:8">
      <c r="H74663" s="12"/>
    </row>
    <row r="74664" spans="8:8">
      <c r="H74664" s="12"/>
    </row>
    <row r="74665" spans="8:8">
      <c r="H74665" s="12"/>
    </row>
    <row r="74666" spans="8:8">
      <c r="H74666" s="12"/>
    </row>
    <row r="74667" spans="8:8">
      <c r="H74667" s="12"/>
    </row>
    <row r="74668" spans="8:8">
      <c r="H74668" s="12"/>
    </row>
    <row r="74669" spans="8:8">
      <c r="H74669" s="12"/>
    </row>
    <row r="74670" spans="8:8">
      <c r="H74670" s="12"/>
    </row>
    <row r="74671" spans="8:8">
      <c r="H74671" s="12"/>
    </row>
    <row r="74672" spans="8:8">
      <c r="H74672" s="12"/>
    </row>
    <row r="74673" spans="8:8">
      <c r="H74673" s="12"/>
    </row>
    <row r="74674" spans="8:8">
      <c r="H74674" s="12"/>
    </row>
    <row r="74675" spans="8:8">
      <c r="H74675" s="12"/>
    </row>
    <row r="74676" spans="8:8">
      <c r="H74676" s="12"/>
    </row>
    <row r="74677" spans="8:8">
      <c r="H74677" s="12"/>
    </row>
    <row r="74678" spans="8:8">
      <c r="H74678" s="12"/>
    </row>
    <row r="74679" spans="8:8">
      <c r="H74679" s="12"/>
    </row>
    <row r="74680" spans="8:8">
      <c r="H74680" s="12"/>
    </row>
    <row r="74681" spans="8:8">
      <c r="H74681" s="12"/>
    </row>
    <row r="74682" spans="8:8">
      <c r="H74682" s="12"/>
    </row>
    <row r="74683" spans="8:8">
      <c r="H74683" s="12"/>
    </row>
    <row r="74684" spans="8:8">
      <c r="H74684" s="12"/>
    </row>
    <row r="74685" spans="8:8">
      <c r="H74685" s="12"/>
    </row>
    <row r="74686" spans="8:8">
      <c r="H74686" s="12"/>
    </row>
    <row r="74687" spans="8:8">
      <c r="H74687" s="12"/>
    </row>
    <row r="74688" spans="8:8">
      <c r="H74688" s="12"/>
    </row>
    <row r="74689" spans="8:8">
      <c r="H74689" s="12"/>
    </row>
    <row r="74690" spans="8:8">
      <c r="H74690" s="12"/>
    </row>
    <row r="74691" spans="8:8">
      <c r="H74691" s="12"/>
    </row>
    <row r="74692" spans="8:8">
      <c r="H74692" s="12"/>
    </row>
    <row r="74693" spans="8:8">
      <c r="H74693" s="12"/>
    </row>
    <row r="74694" spans="8:8">
      <c r="H74694" s="12"/>
    </row>
    <row r="74695" spans="8:8">
      <c r="H74695" s="12"/>
    </row>
    <row r="74696" spans="8:8">
      <c r="H74696" s="12"/>
    </row>
    <row r="74697" spans="8:8">
      <c r="H74697" s="12"/>
    </row>
    <row r="74698" spans="8:8">
      <c r="H74698" s="12"/>
    </row>
    <row r="74699" spans="8:8">
      <c r="H74699" s="12"/>
    </row>
    <row r="74700" spans="8:8">
      <c r="H74700" s="12"/>
    </row>
    <row r="74701" spans="8:8">
      <c r="H74701" s="12"/>
    </row>
    <row r="74702" spans="8:8">
      <c r="H74702" s="12"/>
    </row>
    <row r="74703" spans="8:8">
      <c r="H74703" s="12"/>
    </row>
    <row r="74704" spans="8:8">
      <c r="H74704" s="12"/>
    </row>
    <row r="74705" spans="8:8">
      <c r="H74705" s="12"/>
    </row>
    <row r="74706" spans="8:8">
      <c r="H74706" s="12"/>
    </row>
    <row r="74707" spans="8:8">
      <c r="H74707" s="12"/>
    </row>
    <row r="74708" spans="8:8">
      <c r="H74708" s="12"/>
    </row>
    <row r="74709" spans="8:8">
      <c r="H74709" s="12"/>
    </row>
    <row r="74710" spans="8:8">
      <c r="H74710" s="12"/>
    </row>
    <row r="74711" spans="8:8">
      <c r="H74711" s="12"/>
    </row>
    <row r="74712" spans="8:8">
      <c r="H74712" s="12"/>
    </row>
    <row r="74713" spans="8:8">
      <c r="H74713" s="12"/>
    </row>
    <row r="74714" spans="8:8">
      <c r="H74714" s="12"/>
    </row>
    <row r="74715" spans="8:8">
      <c r="H74715" s="12"/>
    </row>
    <row r="74716" spans="8:8">
      <c r="H74716" s="12"/>
    </row>
    <row r="74717" spans="8:8">
      <c r="H74717" s="12"/>
    </row>
    <row r="74718" spans="8:8">
      <c r="H74718" s="12"/>
    </row>
    <row r="74719" spans="8:8">
      <c r="H74719" s="12"/>
    </row>
    <row r="74720" spans="8:8">
      <c r="H74720" s="12"/>
    </row>
    <row r="74721" spans="8:8">
      <c r="H74721" s="12"/>
    </row>
    <row r="74722" spans="8:8">
      <c r="H74722" s="12"/>
    </row>
    <row r="74723" spans="8:8">
      <c r="H74723" s="12"/>
    </row>
    <row r="74724" spans="8:8">
      <c r="H74724" s="12"/>
    </row>
    <row r="74725" spans="8:8">
      <c r="H74725" s="12"/>
    </row>
    <row r="74726" spans="8:8">
      <c r="H74726" s="12"/>
    </row>
    <row r="74727" spans="8:8">
      <c r="H74727" s="12"/>
    </row>
    <row r="74728" spans="8:8">
      <c r="H74728" s="12"/>
    </row>
    <row r="74729" spans="8:8">
      <c r="H74729" s="12"/>
    </row>
    <row r="74730" spans="8:8">
      <c r="H74730" s="12"/>
    </row>
    <row r="74731" spans="8:8">
      <c r="H74731" s="12"/>
    </row>
    <row r="74732" spans="8:8">
      <c r="H74732" s="12"/>
    </row>
    <row r="74733" spans="8:8">
      <c r="H74733" s="12"/>
    </row>
    <row r="74734" spans="8:8">
      <c r="H74734" s="12"/>
    </row>
    <row r="74735" spans="8:8">
      <c r="H74735" s="12"/>
    </row>
    <row r="74736" spans="8:8">
      <c r="H74736" s="12"/>
    </row>
    <row r="74737" spans="8:8">
      <c r="H74737" s="12"/>
    </row>
    <row r="74738" spans="8:8">
      <c r="H74738" s="12"/>
    </row>
    <row r="74739" spans="8:8">
      <c r="H74739" s="12"/>
    </row>
    <row r="74740" spans="8:8">
      <c r="H74740" s="12"/>
    </row>
    <row r="74741" spans="8:8">
      <c r="H74741" s="12"/>
    </row>
    <row r="74742" spans="8:8">
      <c r="H74742" s="12"/>
    </row>
    <row r="74743" spans="8:8">
      <c r="H74743" s="12"/>
    </row>
    <row r="74744" spans="8:8">
      <c r="H74744" s="12"/>
    </row>
    <row r="74745" spans="8:8">
      <c r="H74745" s="12"/>
    </row>
    <row r="74746" spans="8:8">
      <c r="H74746" s="12"/>
    </row>
    <row r="74747" spans="8:8">
      <c r="H74747" s="12"/>
    </row>
    <row r="74748" spans="8:8">
      <c r="H74748" s="12"/>
    </row>
    <row r="74749" spans="8:8">
      <c r="H74749" s="12"/>
    </row>
    <row r="74750" spans="8:8">
      <c r="H74750" s="12"/>
    </row>
    <row r="74751" spans="8:8">
      <c r="H74751" s="12"/>
    </row>
    <row r="74752" spans="8:8">
      <c r="H74752" s="12"/>
    </row>
    <row r="74753" spans="8:8">
      <c r="H74753" s="12"/>
    </row>
    <row r="74754" spans="8:8">
      <c r="H74754" s="12"/>
    </row>
    <row r="74755" spans="8:8">
      <c r="H74755" s="12"/>
    </row>
    <row r="74756" spans="8:8">
      <c r="H74756" s="12"/>
    </row>
    <row r="74757" spans="8:8">
      <c r="H74757" s="12"/>
    </row>
    <row r="74758" spans="8:8">
      <c r="H74758" s="12"/>
    </row>
    <row r="74759" spans="8:8">
      <c r="H74759" s="12"/>
    </row>
    <row r="74760" spans="8:8">
      <c r="H74760" s="12"/>
    </row>
    <row r="74761" spans="8:8">
      <c r="H74761" s="12"/>
    </row>
    <row r="74762" spans="8:8">
      <c r="H74762" s="12"/>
    </row>
    <row r="74763" spans="8:8">
      <c r="H74763" s="12"/>
    </row>
    <row r="74764" spans="8:8">
      <c r="H74764" s="12"/>
    </row>
    <row r="74765" spans="8:8">
      <c r="H74765" s="12"/>
    </row>
    <row r="74766" spans="8:8">
      <c r="H74766" s="12"/>
    </row>
    <row r="74767" spans="8:8">
      <c r="H74767" s="12"/>
    </row>
    <row r="74768" spans="8:8">
      <c r="H74768" s="12"/>
    </row>
    <row r="74769" spans="8:8">
      <c r="H74769" s="12"/>
    </row>
    <row r="74770" spans="8:8">
      <c r="H74770" s="12"/>
    </row>
    <row r="74771" spans="8:8">
      <c r="H74771" s="12"/>
    </row>
    <row r="74772" spans="8:8">
      <c r="H74772" s="12"/>
    </row>
    <row r="74773" spans="8:8">
      <c r="H74773" s="12"/>
    </row>
    <row r="74774" spans="8:8">
      <c r="H74774" s="12"/>
    </row>
    <row r="74775" spans="8:8">
      <c r="H74775" s="12"/>
    </row>
    <row r="74776" spans="8:8">
      <c r="H74776" s="12"/>
    </row>
    <row r="74777" spans="8:8">
      <c r="H74777" s="12"/>
    </row>
    <row r="74778" spans="8:8">
      <c r="H74778" s="12"/>
    </row>
    <row r="74779" spans="8:8">
      <c r="H74779" s="12"/>
    </row>
    <row r="74780" spans="8:8">
      <c r="H74780" s="12"/>
    </row>
    <row r="74781" spans="8:8">
      <c r="H74781" s="12"/>
    </row>
    <row r="74782" spans="8:8">
      <c r="H74782" s="12"/>
    </row>
    <row r="74783" spans="8:8">
      <c r="H74783" s="12"/>
    </row>
    <row r="74784" spans="8:8">
      <c r="H74784" s="12"/>
    </row>
    <row r="74785" spans="8:8">
      <c r="H74785" s="12"/>
    </row>
    <row r="74786" spans="8:8">
      <c r="H74786" s="12"/>
    </row>
    <row r="74787" spans="8:8">
      <c r="H74787" s="12"/>
    </row>
    <row r="74788" spans="8:8">
      <c r="H74788" s="12"/>
    </row>
    <row r="74789" spans="8:8">
      <c r="H74789" s="12"/>
    </row>
    <row r="74790" spans="8:8">
      <c r="H74790" s="12"/>
    </row>
    <row r="74791" spans="8:8">
      <c r="H74791" s="12"/>
    </row>
    <row r="74792" spans="8:8">
      <c r="H74792" s="12"/>
    </row>
    <row r="74793" spans="8:8">
      <c r="H74793" s="12"/>
    </row>
    <row r="74794" spans="8:8">
      <c r="H74794" s="12"/>
    </row>
    <row r="74795" spans="8:8">
      <c r="H74795" s="12"/>
    </row>
    <row r="74796" spans="8:8">
      <c r="H74796" s="12"/>
    </row>
    <row r="74797" spans="8:8">
      <c r="H74797" s="12"/>
    </row>
    <row r="74798" spans="8:8">
      <c r="H74798" s="12"/>
    </row>
    <row r="74799" spans="8:8">
      <c r="H74799" s="12"/>
    </row>
    <row r="74800" spans="8:8">
      <c r="H74800" s="12"/>
    </row>
    <row r="74801" spans="8:8">
      <c r="H74801" s="12"/>
    </row>
    <row r="74802" spans="8:8">
      <c r="H74802" s="12"/>
    </row>
    <row r="74803" spans="8:8">
      <c r="H74803" s="12"/>
    </row>
    <row r="74804" spans="8:8">
      <c r="H74804" s="12"/>
    </row>
    <row r="74805" spans="8:8">
      <c r="H74805" s="12"/>
    </row>
    <row r="74806" spans="8:8">
      <c r="H74806" s="12"/>
    </row>
    <row r="74807" spans="8:8">
      <c r="H74807" s="12"/>
    </row>
    <row r="74808" spans="8:8">
      <c r="H74808" s="12"/>
    </row>
    <row r="74809" spans="8:8">
      <c r="H74809" s="12"/>
    </row>
    <row r="74810" spans="8:8">
      <c r="H74810" s="12"/>
    </row>
    <row r="74811" spans="8:8">
      <c r="H74811" s="12"/>
    </row>
    <row r="74812" spans="8:8">
      <c r="H74812" s="12"/>
    </row>
    <row r="74813" spans="8:8">
      <c r="H74813" s="12"/>
    </row>
    <row r="74814" spans="8:8">
      <c r="H74814" s="12"/>
    </row>
    <row r="74815" spans="8:8">
      <c r="H74815" s="12"/>
    </row>
    <row r="74816" spans="8:8">
      <c r="H74816" s="12"/>
    </row>
    <row r="74817" spans="8:8">
      <c r="H74817" s="12"/>
    </row>
    <row r="74818" spans="8:8">
      <c r="H74818" s="12"/>
    </row>
    <row r="74819" spans="8:8">
      <c r="H74819" s="12"/>
    </row>
    <row r="74820" spans="8:8">
      <c r="H74820" s="12"/>
    </row>
    <row r="74821" spans="8:8">
      <c r="H74821" s="12"/>
    </row>
    <row r="74822" spans="8:8">
      <c r="H74822" s="12"/>
    </row>
    <row r="74823" spans="8:8">
      <c r="H74823" s="12"/>
    </row>
    <row r="74824" spans="8:8">
      <c r="H74824" s="12"/>
    </row>
    <row r="74825" spans="8:8">
      <c r="H74825" s="12"/>
    </row>
    <row r="74826" spans="8:8">
      <c r="H74826" s="12"/>
    </row>
    <row r="74827" spans="8:8">
      <c r="H74827" s="12"/>
    </row>
    <row r="74828" spans="8:8">
      <c r="H74828" s="12"/>
    </row>
    <row r="74829" spans="8:8">
      <c r="H74829" s="12"/>
    </row>
    <row r="74830" spans="8:8">
      <c r="H74830" s="12"/>
    </row>
    <row r="74831" spans="8:8">
      <c r="H74831" s="12"/>
    </row>
    <row r="74832" spans="8:8">
      <c r="H74832" s="12"/>
    </row>
    <row r="74833" spans="8:8">
      <c r="H74833" s="12"/>
    </row>
    <row r="74834" spans="8:8">
      <c r="H74834" s="12"/>
    </row>
    <row r="74835" spans="8:8">
      <c r="H74835" s="12"/>
    </row>
    <row r="74836" spans="8:8">
      <c r="H74836" s="12"/>
    </row>
    <row r="74837" spans="8:8">
      <c r="H74837" s="12"/>
    </row>
    <row r="74838" spans="8:8">
      <c r="H74838" s="12"/>
    </row>
    <row r="74839" spans="8:8">
      <c r="H74839" s="12"/>
    </row>
    <row r="74840" spans="8:8">
      <c r="H74840" s="12"/>
    </row>
    <row r="74841" spans="8:8">
      <c r="H74841" s="12"/>
    </row>
    <row r="74842" spans="8:8">
      <c r="H74842" s="12"/>
    </row>
    <row r="74843" spans="8:8">
      <c r="H74843" s="12"/>
    </row>
    <row r="74844" spans="8:8">
      <c r="H74844" s="12"/>
    </row>
    <row r="74845" spans="8:8">
      <c r="H74845" s="12"/>
    </row>
    <row r="74846" spans="8:8">
      <c r="H74846" s="12"/>
    </row>
    <row r="74847" spans="8:8">
      <c r="H74847" s="12"/>
    </row>
    <row r="74848" spans="8:8">
      <c r="H74848" s="12"/>
    </row>
    <row r="74849" spans="8:8">
      <c r="H74849" s="12"/>
    </row>
    <row r="74850" spans="8:8">
      <c r="H74850" s="12"/>
    </row>
    <row r="74851" spans="8:8">
      <c r="H74851" s="12"/>
    </row>
    <row r="74852" spans="8:8">
      <c r="H74852" s="12"/>
    </row>
    <row r="74853" spans="8:8">
      <c r="H74853" s="12"/>
    </row>
    <row r="74854" spans="8:8">
      <c r="H74854" s="12"/>
    </row>
    <row r="74855" spans="8:8">
      <c r="H74855" s="12"/>
    </row>
    <row r="74856" spans="8:8">
      <c r="H74856" s="12"/>
    </row>
    <row r="74857" spans="8:8">
      <c r="H74857" s="12"/>
    </row>
    <row r="74858" spans="8:8">
      <c r="H74858" s="12"/>
    </row>
    <row r="74859" spans="8:8">
      <c r="H74859" s="12"/>
    </row>
    <row r="74860" spans="8:8">
      <c r="H74860" s="12"/>
    </row>
    <row r="74861" spans="8:8">
      <c r="H74861" s="12"/>
    </row>
    <row r="74862" spans="8:8">
      <c r="H74862" s="12"/>
    </row>
    <row r="74863" spans="8:8">
      <c r="H74863" s="12"/>
    </row>
    <row r="74864" spans="8:8">
      <c r="H74864" s="12"/>
    </row>
    <row r="74865" spans="8:8">
      <c r="H74865" s="12"/>
    </row>
    <row r="74866" spans="8:8">
      <c r="H74866" s="12"/>
    </row>
    <row r="74867" spans="8:8">
      <c r="H74867" s="12"/>
    </row>
    <row r="74868" spans="8:8">
      <c r="H74868" s="12"/>
    </row>
    <row r="74869" spans="8:8">
      <c r="H74869" s="12"/>
    </row>
    <row r="74870" spans="8:8">
      <c r="H74870" s="12"/>
    </row>
    <row r="74871" spans="8:8">
      <c r="H74871" s="12"/>
    </row>
    <row r="74872" spans="8:8">
      <c r="H74872" s="12"/>
    </row>
    <row r="74873" spans="8:8">
      <c r="H74873" s="12"/>
    </row>
    <row r="74874" spans="8:8">
      <c r="H74874" s="12"/>
    </row>
    <row r="74875" spans="8:8">
      <c r="H74875" s="12"/>
    </row>
    <row r="74876" spans="8:8">
      <c r="H74876" s="12"/>
    </row>
    <row r="74877" spans="8:8">
      <c r="H74877" s="12"/>
    </row>
    <row r="74878" spans="8:8">
      <c r="H74878" s="12"/>
    </row>
    <row r="74879" spans="8:8">
      <c r="H74879" s="12"/>
    </row>
    <row r="74880" spans="8:8">
      <c r="H74880" s="12"/>
    </row>
    <row r="74881" spans="8:8">
      <c r="H74881" s="12"/>
    </row>
    <row r="74882" spans="8:8">
      <c r="H74882" s="12"/>
    </row>
    <row r="74883" spans="8:8">
      <c r="H74883" s="12"/>
    </row>
    <row r="74884" spans="8:8">
      <c r="H74884" s="12"/>
    </row>
    <row r="74885" spans="8:8">
      <c r="H74885" s="12"/>
    </row>
    <row r="74886" spans="8:8">
      <c r="H74886" s="12"/>
    </row>
    <row r="74887" spans="8:8">
      <c r="H74887" s="12"/>
    </row>
    <row r="74888" spans="8:8">
      <c r="H74888" s="12"/>
    </row>
    <row r="74889" spans="8:8">
      <c r="H74889" s="12"/>
    </row>
    <row r="74890" spans="8:8">
      <c r="H74890" s="12"/>
    </row>
    <row r="74891" spans="8:8">
      <c r="H74891" s="12"/>
    </row>
    <row r="74892" spans="8:8">
      <c r="H74892" s="12"/>
    </row>
    <row r="74893" spans="8:8">
      <c r="H74893" s="12"/>
    </row>
    <row r="74894" spans="8:8">
      <c r="H74894" s="12"/>
    </row>
    <row r="74895" spans="8:8">
      <c r="H74895" s="12"/>
    </row>
    <row r="74896" spans="8:8">
      <c r="H74896" s="12"/>
    </row>
    <row r="74897" spans="8:8">
      <c r="H74897" s="12"/>
    </row>
    <row r="74898" spans="8:8">
      <c r="H74898" s="12"/>
    </row>
    <row r="74899" spans="8:8">
      <c r="H74899" s="12"/>
    </row>
    <row r="74900" spans="8:8">
      <c r="H74900" s="12"/>
    </row>
    <row r="74901" spans="8:8">
      <c r="H74901" s="12"/>
    </row>
    <row r="74902" spans="8:8">
      <c r="H74902" s="12"/>
    </row>
    <row r="74903" spans="8:8">
      <c r="H74903" s="12"/>
    </row>
    <row r="74904" spans="8:8">
      <c r="H74904" s="12"/>
    </row>
    <row r="74905" spans="8:8">
      <c r="H74905" s="12"/>
    </row>
    <row r="74906" spans="8:8">
      <c r="H74906" s="12"/>
    </row>
    <row r="74907" spans="8:8">
      <c r="H74907" s="12"/>
    </row>
    <row r="74908" spans="8:8">
      <c r="H74908" s="12"/>
    </row>
    <row r="74909" spans="8:8">
      <c r="H74909" s="12"/>
    </row>
    <row r="74910" spans="8:8">
      <c r="H74910" s="12"/>
    </row>
    <row r="74911" spans="8:8">
      <c r="H74911" s="12"/>
    </row>
    <row r="74912" spans="8:8">
      <c r="H74912" s="12"/>
    </row>
    <row r="74913" spans="8:8">
      <c r="H74913" s="12"/>
    </row>
    <row r="74914" spans="8:8">
      <c r="H74914" s="12"/>
    </row>
    <row r="74915" spans="8:8">
      <c r="H74915" s="12"/>
    </row>
    <row r="74916" spans="8:8">
      <c r="H74916" s="12"/>
    </row>
    <row r="74917" spans="8:8">
      <c r="H74917" s="12"/>
    </row>
    <row r="74918" spans="8:8">
      <c r="H74918" s="12"/>
    </row>
    <row r="74919" spans="8:8">
      <c r="H74919" s="12"/>
    </row>
    <row r="74920" spans="8:8">
      <c r="H74920" s="12"/>
    </row>
    <row r="74921" spans="8:8">
      <c r="H74921" s="12"/>
    </row>
    <row r="74922" spans="8:8">
      <c r="H74922" s="12"/>
    </row>
    <row r="74923" spans="8:8">
      <c r="H74923" s="12"/>
    </row>
    <row r="74924" spans="8:8">
      <c r="H74924" s="12"/>
    </row>
    <row r="74925" spans="8:8">
      <c r="H74925" s="12"/>
    </row>
    <row r="74926" spans="8:8">
      <c r="H74926" s="12"/>
    </row>
    <row r="74927" spans="8:8">
      <c r="H74927" s="12"/>
    </row>
    <row r="74928" spans="8:8">
      <c r="H74928" s="12"/>
    </row>
    <row r="74929" spans="8:8">
      <c r="H74929" s="12"/>
    </row>
    <row r="74930" spans="8:8">
      <c r="H74930" s="12"/>
    </row>
    <row r="74931" spans="8:8">
      <c r="H74931" s="12"/>
    </row>
    <row r="74932" spans="8:8">
      <c r="H74932" s="12"/>
    </row>
    <row r="74933" spans="8:8">
      <c r="H74933" s="12"/>
    </row>
    <row r="74934" spans="8:8">
      <c r="H74934" s="12"/>
    </row>
    <row r="74935" spans="8:8">
      <c r="H74935" s="12"/>
    </row>
    <row r="74936" spans="8:8">
      <c r="H74936" s="12"/>
    </row>
    <row r="74937" spans="8:8">
      <c r="H74937" s="12"/>
    </row>
    <row r="74938" spans="8:8">
      <c r="H74938" s="12"/>
    </row>
    <row r="74939" spans="8:8">
      <c r="H74939" s="12"/>
    </row>
    <row r="74940" spans="8:8">
      <c r="H74940" s="12"/>
    </row>
    <row r="74941" spans="8:8">
      <c r="H74941" s="12"/>
    </row>
    <row r="74942" spans="8:8">
      <c r="H74942" s="12"/>
    </row>
    <row r="74943" spans="8:8">
      <c r="H74943" s="12"/>
    </row>
    <row r="74944" spans="8:8">
      <c r="H74944" s="12"/>
    </row>
    <row r="74945" spans="8:8">
      <c r="H74945" s="12"/>
    </row>
    <row r="74946" spans="8:8">
      <c r="H74946" s="12"/>
    </row>
    <row r="74947" spans="8:8">
      <c r="H74947" s="12"/>
    </row>
    <row r="74948" spans="8:8">
      <c r="H74948" s="12"/>
    </row>
    <row r="74949" spans="8:8">
      <c r="H74949" s="12"/>
    </row>
    <row r="74950" spans="8:8">
      <c r="H74950" s="12"/>
    </row>
    <row r="74951" spans="8:8">
      <c r="H74951" s="12"/>
    </row>
    <row r="74952" spans="8:8">
      <c r="H74952" s="12"/>
    </row>
    <row r="74953" spans="8:8">
      <c r="H74953" s="12"/>
    </row>
    <row r="74954" spans="8:8">
      <c r="H74954" s="12"/>
    </row>
    <row r="74955" spans="8:8">
      <c r="H74955" s="12"/>
    </row>
    <row r="74956" spans="8:8">
      <c r="H74956" s="12"/>
    </row>
    <row r="74957" spans="8:8">
      <c r="H74957" s="12"/>
    </row>
    <row r="74958" spans="8:8">
      <c r="H74958" s="12"/>
    </row>
    <row r="74959" spans="8:8">
      <c r="H74959" s="12"/>
    </row>
    <row r="74960" spans="8:8">
      <c r="H74960" s="12"/>
    </row>
    <row r="74961" spans="8:8">
      <c r="H74961" s="12"/>
    </row>
    <row r="74962" spans="8:8">
      <c r="H74962" s="12"/>
    </row>
    <row r="74963" spans="8:8">
      <c r="H74963" s="12"/>
    </row>
    <row r="74964" spans="8:8">
      <c r="H74964" s="12"/>
    </row>
    <row r="74965" spans="8:8">
      <c r="H74965" s="12"/>
    </row>
    <row r="74966" spans="8:8">
      <c r="H74966" s="12"/>
    </row>
    <row r="74967" spans="8:8">
      <c r="H74967" s="12"/>
    </row>
    <row r="74968" spans="8:8">
      <c r="H74968" s="12"/>
    </row>
    <row r="74969" spans="8:8">
      <c r="H74969" s="12"/>
    </row>
    <row r="74970" spans="8:8">
      <c r="H74970" s="12"/>
    </row>
    <row r="74971" spans="8:8">
      <c r="H74971" s="12"/>
    </row>
    <row r="74972" spans="8:8">
      <c r="H74972" s="12"/>
    </row>
    <row r="74973" spans="8:8">
      <c r="H74973" s="12"/>
    </row>
    <row r="74974" spans="8:8">
      <c r="H74974" s="12"/>
    </row>
    <row r="74975" spans="8:8">
      <c r="H74975" s="12"/>
    </row>
    <row r="74976" spans="8:8">
      <c r="H74976" s="12"/>
    </row>
    <row r="74977" spans="8:8">
      <c r="H74977" s="12"/>
    </row>
    <row r="74978" spans="8:8">
      <c r="H74978" s="12"/>
    </row>
    <row r="74979" spans="8:8">
      <c r="H74979" s="12"/>
    </row>
    <row r="74980" spans="8:8">
      <c r="H74980" s="12"/>
    </row>
    <row r="74981" spans="8:8">
      <c r="H74981" s="12"/>
    </row>
    <row r="74982" spans="8:8">
      <c r="H74982" s="12"/>
    </row>
    <row r="74983" spans="8:8">
      <c r="H74983" s="12"/>
    </row>
    <row r="74984" spans="8:8">
      <c r="H74984" s="12"/>
    </row>
    <row r="74985" spans="8:8">
      <c r="H74985" s="12"/>
    </row>
    <row r="74986" spans="8:8">
      <c r="H74986" s="12"/>
    </row>
    <row r="74987" spans="8:8">
      <c r="H74987" s="12"/>
    </row>
    <row r="74988" spans="8:8">
      <c r="H74988" s="12"/>
    </row>
    <row r="74989" spans="8:8">
      <c r="H74989" s="12"/>
    </row>
    <row r="74990" spans="8:8">
      <c r="H74990" s="12"/>
    </row>
    <row r="74991" spans="8:8">
      <c r="H74991" s="12"/>
    </row>
    <row r="74992" spans="8:8">
      <c r="H74992" s="12"/>
    </row>
    <row r="74993" spans="8:8">
      <c r="H74993" s="12"/>
    </row>
    <row r="74994" spans="8:8">
      <c r="H74994" s="12"/>
    </row>
    <row r="74995" spans="8:8">
      <c r="H74995" s="12"/>
    </row>
    <row r="74996" spans="8:8">
      <c r="H74996" s="12"/>
    </row>
    <row r="74997" spans="8:8">
      <c r="H74997" s="12"/>
    </row>
    <row r="74998" spans="8:8">
      <c r="H74998" s="12"/>
    </row>
    <row r="74999" spans="8:8">
      <c r="H74999" s="12"/>
    </row>
    <row r="75000" spans="8:8">
      <c r="H75000" s="12"/>
    </row>
    <row r="75001" spans="8:8">
      <c r="H75001" s="12"/>
    </row>
    <row r="75002" spans="8:8">
      <c r="H75002" s="12"/>
    </row>
    <row r="75003" spans="8:8">
      <c r="H75003" s="12"/>
    </row>
    <row r="75004" spans="8:8">
      <c r="H75004" s="12"/>
    </row>
    <row r="75005" spans="8:8">
      <c r="H75005" s="12"/>
    </row>
    <row r="75006" spans="8:8">
      <c r="H75006" s="12"/>
    </row>
    <row r="75007" spans="8:8">
      <c r="H75007" s="12"/>
    </row>
    <row r="75008" spans="8:8">
      <c r="H75008" s="12"/>
    </row>
    <row r="75009" spans="8:8">
      <c r="H75009" s="12"/>
    </row>
    <row r="75010" spans="8:8">
      <c r="H75010" s="12"/>
    </row>
    <row r="75011" spans="8:8">
      <c r="H75011" s="12"/>
    </row>
    <row r="75012" spans="8:8">
      <c r="H75012" s="12"/>
    </row>
    <row r="75013" spans="8:8">
      <c r="H75013" s="12"/>
    </row>
    <row r="75014" spans="8:8">
      <c r="H75014" s="12"/>
    </row>
    <row r="75015" spans="8:8">
      <c r="H75015" s="12"/>
    </row>
    <row r="75016" spans="8:8">
      <c r="H75016" s="12"/>
    </row>
    <row r="75017" spans="8:8">
      <c r="H75017" s="12"/>
    </row>
    <row r="75018" spans="8:8">
      <c r="H75018" s="12"/>
    </row>
    <row r="75019" spans="8:8">
      <c r="H75019" s="12"/>
    </row>
    <row r="75020" spans="8:8">
      <c r="H75020" s="12"/>
    </row>
    <row r="75021" spans="8:8">
      <c r="H75021" s="12"/>
    </row>
    <row r="75022" spans="8:8">
      <c r="H75022" s="12"/>
    </row>
    <row r="75023" spans="8:8">
      <c r="H75023" s="12"/>
    </row>
    <row r="75024" spans="8:8">
      <c r="H75024" s="12"/>
    </row>
    <row r="75025" spans="8:8">
      <c r="H75025" s="12"/>
    </row>
    <row r="75026" spans="8:8">
      <c r="H75026" s="12"/>
    </row>
    <row r="75027" spans="8:8">
      <c r="H75027" s="12"/>
    </row>
    <row r="75028" spans="8:8">
      <c r="H75028" s="12"/>
    </row>
    <row r="75029" spans="8:8">
      <c r="H75029" s="12"/>
    </row>
    <row r="75030" spans="8:8">
      <c r="H75030" s="12"/>
    </row>
    <row r="75031" spans="8:8">
      <c r="H75031" s="12"/>
    </row>
    <row r="75032" spans="8:8">
      <c r="H75032" s="12"/>
    </row>
    <row r="75033" spans="8:8">
      <c r="H75033" s="12"/>
    </row>
    <row r="75034" spans="8:8">
      <c r="H75034" s="12"/>
    </row>
    <row r="75035" spans="8:8">
      <c r="H75035" s="12"/>
    </row>
    <row r="75036" spans="8:8">
      <c r="H75036" s="12"/>
    </row>
    <row r="75037" spans="8:8">
      <c r="H75037" s="12"/>
    </row>
    <row r="75038" spans="8:8">
      <c r="H75038" s="12"/>
    </row>
    <row r="75039" spans="8:8">
      <c r="H75039" s="12"/>
    </row>
    <row r="75040" spans="8:8">
      <c r="H75040" s="12"/>
    </row>
    <row r="75041" spans="8:8">
      <c r="H75041" s="12"/>
    </row>
    <row r="75042" spans="8:8">
      <c r="H75042" s="12"/>
    </row>
    <row r="75043" spans="8:8">
      <c r="H75043" s="12"/>
    </row>
    <row r="75044" spans="8:8">
      <c r="H75044" s="12"/>
    </row>
    <row r="75045" spans="8:8">
      <c r="H75045" s="12"/>
    </row>
    <row r="75046" spans="8:8">
      <c r="H75046" s="12"/>
    </row>
    <row r="75047" spans="8:8">
      <c r="H75047" s="12"/>
    </row>
    <row r="75048" spans="8:8">
      <c r="H75048" s="12"/>
    </row>
    <row r="75049" spans="8:8">
      <c r="H75049" s="12"/>
    </row>
    <row r="75050" spans="8:8">
      <c r="H75050" s="12"/>
    </row>
    <row r="75051" spans="8:8">
      <c r="H75051" s="12"/>
    </row>
    <row r="75052" spans="8:8">
      <c r="H75052" s="12"/>
    </row>
    <row r="75053" spans="8:8">
      <c r="H75053" s="12"/>
    </row>
    <row r="75054" spans="8:8">
      <c r="H75054" s="12"/>
    </row>
    <row r="75055" spans="8:8">
      <c r="H75055" s="12"/>
    </row>
    <row r="75056" spans="8:8">
      <c r="H75056" s="12"/>
    </row>
    <row r="75057" spans="8:8">
      <c r="H75057" s="12"/>
    </row>
    <row r="75058" spans="8:8">
      <c r="H75058" s="12"/>
    </row>
    <row r="75059" spans="8:8">
      <c r="H75059" s="12"/>
    </row>
    <row r="75060" spans="8:8">
      <c r="H75060" s="12"/>
    </row>
    <row r="75061" spans="8:8">
      <c r="H75061" s="12"/>
    </row>
    <row r="75062" spans="8:8">
      <c r="H75062" s="12"/>
    </row>
    <row r="75063" spans="8:8">
      <c r="H75063" s="12"/>
    </row>
    <row r="75064" spans="8:8">
      <c r="H75064" s="12"/>
    </row>
    <row r="75065" spans="8:8">
      <c r="H75065" s="12"/>
    </row>
    <row r="75066" spans="8:8">
      <c r="H75066" s="12"/>
    </row>
    <row r="75067" spans="8:8">
      <c r="H75067" s="12"/>
    </row>
    <row r="75068" spans="8:8">
      <c r="H75068" s="12"/>
    </row>
    <row r="75069" spans="8:8">
      <c r="H75069" s="12"/>
    </row>
    <row r="75070" spans="8:8">
      <c r="H75070" s="12"/>
    </row>
    <row r="75071" spans="8:8">
      <c r="H75071" s="12"/>
    </row>
    <row r="75072" spans="8:8">
      <c r="H75072" s="12"/>
    </row>
    <row r="75073" spans="8:8">
      <c r="H75073" s="12"/>
    </row>
    <row r="75074" spans="8:8">
      <c r="H75074" s="12"/>
    </row>
    <row r="75075" spans="8:8">
      <c r="H75075" s="12"/>
    </row>
    <row r="75076" spans="8:8">
      <c r="H75076" s="12"/>
    </row>
    <row r="75077" spans="8:8">
      <c r="H75077" s="12"/>
    </row>
    <row r="75078" spans="8:8">
      <c r="H75078" s="12"/>
    </row>
    <row r="75079" spans="8:8">
      <c r="H75079" s="12"/>
    </row>
    <row r="75080" spans="8:8">
      <c r="H75080" s="12"/>
    </row>
    <row r="75081" spans="8:8">
      <c r="H75081" s="12"/>
    </row>
    <row r="75082" spans="8:8">
      <c r="H75082" s="12"/>
    </row>
    <row r="75083" spans="8:8">
      <c r="H75083" s="12"/>
    </row>
    <row r="75084" spans="8:8">
      <c r="H75084" s="12"/>
    </row>
    <row r="75085" spans="8:8">
      <c r="H75085" s="12"/>
    </row>
    <row r="75086" spans="8:8">
      <c r="H75086" s="12"/>
    </row>
    <row r="75087" spans="8:8">
      <c r="H75087" s="12"/>
    </row>
    <row r="75088" spans="8:8">
      <c r="H75088" s="12"/>
    </row>
    <row r="75089" spans="8:8">
      <c r="H75089" s="12"/>
    </row>
    <row r="75090" spans="8:8">
      <c r="H75090" s="12"/>
    </row>
    <row r="75091" spans="8:8">
      <c r="H75091" s="12"/>
    </row>
    <row r="75092" spans="8:8">
      <c r="H75092" s="12"/>
    </row>
    <row r="75093" spans="8:8">
      <c r="H75093" s="12"/>
    </row>
    <row r="75094" spans="8:8">
      <c r="H75094" s="12"/>
    </row>
    <row r="75095" spans="8:8">
      <c r="H75095" s="12"/>
    </row>
    <row r="75096" spans="8:8">
      <c r="H75096" s="12"/>
    </row>
    <row r="75097" spans="8:8">
      <c r="H75097" s="12"/>
    </row>
    <row r="75098" spans="8:8">
      <c r="H75098" s="12"/>
    </row>
    <row r="75099" spans="8:8">
      <c r="H75099" s="12"/>
    </row>
    <row r="75100" spans="8:8">
      <c r="H75100" s="12"/>
    </row>
    <row r="75101" spans="8:8">
      <c r="H75101" s="12"/>
    </row>
    <row r="75102" spans="8:8">
      <c r="H75102" s="12"/>
    </row>
    <row r="75103" spans="8:8">
      <c r="H75103" s="12"/>
    </row>
    <row r="75104" spans="8:8">
      <c r="H75104" s="12"/>
    </row>
    <row r="75105" spans="8:8">
      <c r="H75105" s="12"/>
    </row>
    <row r="75106" spans="8:8">
      <c r="H75106" s="12"/>
    </row>
    <row r="75107" spans="8:8">
      <c r="H75107" s="12"/>
    </row>
    <row r="75108" spans="8:8">
      <c r="H75108" s="12"/>
    </row>
    <row r="75109" spans="8:8">
      <c r="H75109" s="12"/>
    </row>
    <row r="75110" spans="8:8">
      <c r="H75110" s="12"/>
    </row>
    <row r="75111" spans="8:8">
      <c r="H75111" s="12"/>
    </row>
    <row r="75112" spans="8:8">
      <c r="H75112" s="12"/>
    </row>
    <row r="75113" spans="8:8">
      <c r="H75113" s="12"/>
    </row>
    <row r="75114" spans="8:8">
      <c r="H75114" s="12"/>
    </row>
    <row r="75115" spans="8:8">
      <c r="H75115" s="12"/>
    </row>
    <row r="75116" spans="8:8">
      <c r="H75116" s="12"/>
    </row>
    <row r="75117" spans="8:8">
      <c r="H75117" s="12"/>
    </row>
    <row r="75118" spans="8:8">
      <c r="H75118" s="12"/>
    </row>
    <row r="75119" spans="8:8">
      <c r="H75119" s="12"/>
    </row>
    <row r="75120" spans="8:8">
      <c r="H75120" s="12"/>
    </row>
    <row r="75121" spans="8:8">
      <c r="H75121" s="12"/>
    </row>
    <row r="75122" spans="8:8">
      <c r="H75122" s="12"/>
    </row>
    <row r="75123" spans="8:8">
      <c r="H75123" s="12"/>
    </row>
    <row r="75124" spans="8:8">
      <c r="H75124" s="12"/>
    </row>
    <row r="75125" spans="8:8">
      <c r="H75125" s="12"/>
    </row>
    <row r="75126" spans="8:8">
      <c r="H75126" s="12"/>
    </row>
    <row r="75127" spans="8:8">
      <c r="H75127" s="12"/>
    </row>
    <row r="75128" spans="8:8">
      <c r="H75128" s="12"/>
    </row>
    <row r="75129" spans="8:8">
      <c r="H75129" s="12"/>
    </row>
    <row r="75130" spans="8:8">
      <c r="H75130" s="12"/>
    </row>
    <row r="75131" spans="8:8">
      <c r="H75131" s="12"/>
    </row>
    <row r="75132" spans="8:8">
      <c r="H75132" s="12"/>
    </row>
    <row r="75133" spans="8:8">
      <c r="H75133" s="12"/>
    </row>
    <row r="75134" spans="8:8">
      <c r="H75134" s="12"/>
    </row>
    <row r="75135" spans="8:8">
      <c r="H75135" s="12"/>
    </row>
    <row r="75136" spans="8:8">
      <c r="H75136" s="12"/>
    </row>
    <row r="75137" spans="8:8">
      <c r="H75137" s="12"/>
    </row>
    <row r="75138" spans="8:8">
      <c r="H75138" s="12"/>
    </row>
    <row r="75139" spans="8:8">
      <c r="H75139" s="12"/>
    </row>
    <row r="75140" spans="8:8">
      <c r="H75140" s="12"/>
    </row>
    <row r="75141" spans="8:8">
      <c r="H75141" s="12"/>
    </row>
    <row r="75142" spans="8:8">
      <c r="H75142" s="12"/>
    </row>
    <row r="75143" spans="8:8">
      <c r="H75143" s="12"/>
    </row>
    <row r="75144" spans="8:8">
      <c r="H75144" s="12"/>
    </row>
    <row r="75145" spans="8:8">
      <c r="H75145" s="12"/>
    </row>
    <row r="75146" spans="8:8">
      <c r="H75146" s="12"/>
    </row>
    <row r="75147" spans="8:8">
      <c r="H75147" s="12"/>
    </row>
    <row r="75148" spans="8:8">
      <c r="H75148" s="12"/>
    </row>
    <row r="75149" spans="8:8">
      <c r="H75149" s="12"/>
    </row>
    <row r="75150" spans="8:8">
      <c r="H75150" s="12"/>
    </row>
    <row r="75151" spans="8:8">
      <c r="H75151" s="12"/>
    </row>
    <row r="75152" spans="8:8">
      <c r="H75152" s="12"/>
    </row>
    <row r="75153" spans="8:8">
      <c r="H75153" s="12"/>
    </row>
    <row r="75154" spans="8:8">
      <c r="H75154" s="12"/>
    </row>
    <row r="75155" spans="8:8">
      <c r="H75155" s="12"/>
    </row>
    <row r="75156" spans="8:8">
      <c r="H75156" s="12"/>
    </row>
    <row r="75157" spans="8:8">
      <c r="H75157" s="12"/>
    </row>
    <row r="75158" spans="8:8">
      <c r="H75158" s="12"/>
    </row>
    <row r="75159" spans="8:8">
      <c r="H75159" s="12"/>
    </row>
    <row r="75160" spans="8:8">
      <c r="H75160" s="12"/>
    </row>
    <row r="75161" spans="8:8">
      <c r="H75161" s="12"/>
    </row>
    <row r="75162" spans="8:8">
      <c r="H75162" s="12"/>
    </row>
    <row r="75163" spans="8:8">
      <c r="H75163" s="12"/>
    </row>
    <row r="75164" spans="8:8">
      <c r="H75164" s="12"/>
    </row>
    <row r="75165" spans="8:8">
      <c r="H75165" s="12"/>
    </row>
    <row r="75166" spans="8:8">
      <c r="H75166" s="12"/>
    </row>
    <row r="75167" spans="8:8">
      <c r="H75167" s="12"/>
    </row>
    <row r="75168" spans="8:8">
      <c r="H75168" s="12"/>
    </row>
    <row r="75169" spans="8:8">
      <c r="H75169" s="12"/>
    </row>
    <row r="75170" spans="8:8">
      <c r="H75170" s="12"/>
    </row>
    <row r="75171" spans="8:8">
      <c r="H75171" s="12"/>
    </row>
    <row r="75172" spans="8:8">
      <c r="H75172" s="12"/>
    </row>
    <row r="75173" spans="8:8">
      <c r="H75173" s="12"/>
    </row>
    <row r="75174" spans="8:8">
      <c r="H75174" s="12"/>
    </row>
    <row r="75175" spans="8:8">
      <c r="H75175" s="12"/>
    </row>
    <row r="75176" spans="8:8">
      <c r="H75176" s="12"/>
    </row>
    <row r="75177" spans="8:8">
      <c r="H75177" s="12"/>
    </row>
    <row r="75178" spans="8:8">
      <c r="H75178" s="12"/>
    </row>
    <row r="75179" spans="8:8">
      <c r="H75179" s="12"/>
    </row>
    <row r="75180" spans="8:8">
      <c r="H75180" s="12"/>
    </row>
    <row r="75181" spans="8:8">
      <c r="H75181" s="12"/>
    </row>
    <row r="75182" spans="8:8">
      <c r="H75182" s="12"/>
    </row>
    <row r="75183" spans="8:8">
      <c r="H75183" s="12"/>
    </row>
    <row r="75184" spans="8:8">
      <c r="H75184" s="12"/>
    </row>
    <row r="75185" spans="8:8">
      <c r="H75185" s="12"/>
    </row>
    <row r="75186" spans="8:8">
      <c r="H75186" s="12"/>
    </row>
    <row r="75187" spans="8:8">
      <c r="H75187" s="12"/>
    </row>
    <row r="75188" spans="8:8">
      <c r="H75188" s="12"/>
    </row>
    <row r="75189" spans="8:8">
      <c r="H75189" s="12"/>
    </row>
    <row r="75190" spans="8:8">
      <c r="H75190" s="12"/>
    </row>
    <row r="75191" spans="8:8">
      <c r="H75191" s="12"/>
    </row>
    <row r="75192" spans="8:8">
      <c r="H75192" s="12"/>
    </row>
    <row r="75193" spans="8:8">
      <c r="H75193" s="12"/>
    </row>
    <row r="75194" spans="8:8">
      <c r="H75194" s="12"/>
    </row>
    <row r="75195" spans="8:8">
      <c r="H75195" s="12"/>
    </row>
    <row r="75196" spans="8:8">
      <c r="H75196" s="12"/>
    </row>
    <row r="75197" spans="8:8">
      <c r="H75197" s="12"/>
    </row>
    <row r="75198" spans="8:8">
      <c r="H75198" s="12"/>
    </row>
    <row r="75199" spans="8:8">
      <c r="H75199" s="12"/>
    </row>
    <row r="75200" spans="8:8">
      <c r="H75200" s="12"/>
    </row>
    <row r="75201" spans="8:8">
      <c r="H75201" s="12"/>
    </row>
    <row r="75202" spans="8:8">
      <c r="H75202" s="12"/>
    </row>
    <row r="75203" spans="8:8">
      <c r="H75203" s="12"/>
    </row>
    <row r="75204" spans="8:8">
      <c r="H75204" s="12"/>
    </row>
    <row r="75205" spans="8:8">
      <c r="H75205" s="12"/>
    </row>
    <row r="75206" spans="8:8">
      <c r="H75206" s="12"/>
    </row>
    <row r="75207" spans="8:8">
      <c r="H75207" s="12"/>
    </row>
    <row r="75208" spans="8:8">
      <c r="H75208" s="12"/>
    </row>
    <row r="75209" spans="8:8">
      <c r="H75209" s="12"/>
    </row>
    <row r="75210" spans="8:8">
      <c r="H75210" s="12"/>
    </row>
    <row r="75211" spans="8:8">
      <c r="H75211" s="12"/>
    </row>
    <row r="75212" spans="8:8">
      <c r="H75212" s="12"/>
    </row>
    <row r="75213" spans="8:8">
      <c r="H75213" s="12"/>
    </row>
    <row r="75214" spans="8:8">
      <c r="H75214" s="12"/>
    </row>
    <row r="75215" spans="8:8">
      <c r="H75215" s="12"/>
    </row>
    <row r="75216" spans="8:8">
      <c r="H75216" s="12"/>
    </row>
    <row r="75217" spans="8:8">
      <c r="H75217" s="12"/>
    </row>
    <row r="75218" spans="8:8">
      <c r="H75218" s="12"/>
    </row>
    <row r="75219" spans="8:8">
      <c r="H75219" s="12"/>
    </row>
    <row r="75220" spans="8:8">
      <c r="H75220" s="12"/>
    </row>
    <row r="75221" spans="8:8">
      <c r="H75221" s="12"/>
    </row>
    <row r="75222" spans="8:8">
      <c r="H75222" s="12"/>
    </row>
    <row r="75223" spans="8:8">
      <c r="H75223" s="12"/>
    </row>
    <row r="75224" spans="8:8">
      <c r="H75224" s="12"/>
    </row>
    <row r="75225" spans="8:8">
      <c r="H75225" s="12"/>
    </row>
    <row r="75226" spans="8:8">
      <c r="H75226" s="12"/>
    </row>
    <row r="75227" spans="8:8">
      <c r="H75227" s="12"/>
    </row>
    <row r="75228" spans="8:8">
      <c r="H75228" s="12"/>
    </row>
    <row r="75229" spans="8:8">
      <c r="H75229" s="12"/>
    </row>
    <row r="75230" spans="8:8">
      <c r="H75230" s="12"/>
    </row>
    <row r="75231" spans="8:8">
      <c r="H75231" s="12"/>
    </row>
    <row r="75232" spans="8:8">
      <c r="H75232" s="12"/>
    </row>
    <row r="75233" spans="8:8">
      <c r="H75233" s="12"/>
    </row>
    <row r="75234" spans="8:8">
      <c r="H75234" s="12"/>
    </row>
    <row r="75235" spans="8:8">
      <c r="H75235" s="12"/>
    </row>
    <row r="75236" spans="8:8">
      <c r="H75236" s="12"/>
    </row>
    <row r="75237" spans="8:8">
      <c r="H75237" s="12"/>
    </row>
    <row r="75238" spans="8:8">
      <c r="H75238" s="12"/>
    </row>
    <row r="75239" spans="8:8">
      <c r="H75239" s="12"/>
    </row>
    <row r="75240" spans="8:8">
      <c r="H75240" s="12"/>
    </row>
    <row r="75241" spans="8:8">
      <c r="H75241" s="12"/>
    </row>
    <row r="75242" spans="8:8">
      <c r="H75242" s="12"/>
    </row>
    <row r="75243" spans="8:8">
      <c r="H75243" s="12"/>
    </row>
    <row r="75244" spans="8:8">
      <c r="H75244" s="12"/>
    </row>
    <row r="75245" spans="8:8">
      <c r="H75245" s="12"/>
    </row>
    <row r="75246" spans="8:8">
      <c r="H75246" s="12"/>
    </row>
    <row r="75247" spans="8:8">
      <c r="H75247" s="12"/>
    </row>
    <row r="75248" spans="8:8">
      <c r="H75248" s="12"/>
    </row>
    <row r="75249" spans="8:8">
      <c r="H75249" s="12"/>
    </row>
    <row r="75250" spans="8:8">
      <c r="H75250" s="12"/>
    </row>
    <row r="75251" spans="8:8">
      <c r="H75251" s="12"/>
    </row>
    <row r="75252" spans="8:8">
      <c r="H75252" s="12"/>
    </row>
    <row r="75253" spans="8:8">
      <c r="H75253" s="12"/>
    </row>
    <row r="75254" spans="8:8">
      <c r="H75254" s="12"/>
    </row>
    <row r="75255" spans="8:8">
      <c r="H75255" s="12"/>
    </row>
    <row r="75256" spans="8:8">
      <c r="H75256" s="12"/>
    </row>
    <row r="75257" spans="8:8">
      <c r="H75257" s="12"/>
    </row>
    <row r="75258" spans="8:8">
      <c r="H75258" s="12"/>
    </row>
    <row r="75259" spans="8:8">
      <c r="H75259" s="12"/>
    </row>
    <row r="75260" spans="8:8">
      <c r="H75260" s="12"/>
    </row>
    <row r="75261" spans="8:8">
      <c r="H75261" s="12"/>
    </row>
    <row r="75262" spans="8:8">
      <c r="H75262" s="12"/>
    </row>
    <row r="75263" spans="8:8">
      <c r="H75263" s="12"/>
    </row>
    <row r="75264" spans="8:8">
      <c r="H75264" s="12"/>
    </row>
    <row r="75265" spans="8:8">
      <c r="H75265" s="12"/>
    </row>
    <row r="75266" spans="8:8">
      <c r="H75266" s="12"/>
    </row>
    <row r="75267" spans="8:8">
      <c r="H75267" s="12"/>
    </row>
    <row r="75268" spans="8:8">
      <c r="H75268" s="12"/>
    </row>
    <row r="75269" spans="8:8">
      <c r="H75269" s="12"/>
    </row>
    <row r="75270" spans="8:8">
      <c r="H75270" s="12"/>
    </row>
    <row r="75271" spans="8:8">
      <c r="H75271" s="12"/>
    </row>
    <row r="75272" spans="8:8">
      <c r="H75272" s="12"/>
    </row>
    <row r="75273" spans="8:8">
      <c r="H75273" s="12"/>
    </row>
    <row r="75274" spans="8:8">
      <c r="H75274" s="12"/>
    </row>
    <row r="75275" spans="8:8">
      <c r="H75275" s="12"/>
    </row>
    <row r="75276" spans="8:8">
      <c r="H75276" s="12"/>
    </row>
    <row r="75277" spans="8:8">
      <c r="H75277" s="12"/>
    </row>
    <row r="75278" spans="8:8">
      <c r="H75278" s="12"/>
    </row>
    <row r="75279" spans="8:8">
      <c r="H75279" s="12"/>
    </row>
    <row r="75280" spans="8:8">
      <c r="H75280" s="12"/>
    </row>
    <row r="75281" spans="8:8">
      <c r="H75281" s="12"/>
    </row>
    <row r="75282" spans="8:8">
      <c r="H75282" s="12"/>
    </row>
    <row r="75283" spans="8:8">
      <c r="H75283" s="12"/>
    </row>
    <row r="75284" spans="8:8">
      <c r="H75284" s="12"/>
    </row>
    <row r="75285" spans="8:8">
      <c r="H75285" s="12"/>
    </row>
    <row r="75286" spans="8:8">
      <c r="H75286" s="12"/>
    </row>
    <row r="75287" spans="8:8">
      <c r="H75287" s="12"/>
    </row>
    <row r="75288" spans="8:8">
      <c r="H75288" s="12"/>
    </row>
    <row r="75289" spans="8:8">
      <c r="H75289" s="12"/>
    </row>
    <row r="75290" spans="8:8">
      <c r="H75290" s="12"/>
    </row>
    <row r="75291" spans="8:8">
      <c r="H75291" s="12"/>
    </row>
    <row r="75292" spans="8:8">
      <c r="H75292" s="12"/>
    </row>
    <row r="75293" spans="8:8">
      <c r="H75293" s="12"/>
    </row>
    <row r="75294" spans="8:8">
      <c r="H75294" s="12"/>
    </row>
    <row r="75295" spans="8:8">
      <c r="H75295" s="12"/>
    </row>
    <row r="75296" spans="8:8">
      <c r="H75296" s="12"/>
    </row>
    <row r="75297" spans="8:8">
      <c r="H75297" s="12"/>
    </row>
    <row r="75298" spans="8:8">
      <c r="H75298" s="12"/>
    </row>
    <row r="75299" spans="8:8">
      <c r="H75299" s="12"/>
    </row>
    <row r="75300" spans="8:8">
      <c r="H75300" s="12"/>
    </row>
    <row r="75301" spans="8:8">
      <c r="H75301" s="12"/>
    </row>
    <row r="75302" spans="8:8">
      <c r="H75302" s="12"/>
    </row>
    <row r="75303" spans="8:8">
      <c r="H75303" s="12"/>
    </row>
    <row r="75304" spans="8:8">
      <c r="H75304" s="12"/>
    </row>
    <row r="75305" spans="8:8">
      <c r="H75305" s="12"/>
    </row>
    <row r="75306" spans="8:8">
      <c r="H75306" s="12"/>
    </row>
    <row r="75307" spans="8:8">
      <c r="H75307" s="12"/>
    </row>
    <row r="75308" spans="8:8">
      <c r="H75308" s="12"/>
    </row>
    <row r="75309" spans="8:8">
      <c r="H75309" s="12"/>
    </row>
    <row r="75310" spans="8:8">
      <c r="H75310" s="12"/>
    </row>
    <row r="75311" spans="8:8">
      <c r="H75311" s="12"/>
    </row>
    <row r="75312" spans="8:8">
      <c r="H75312" s="12"/>
    </row>
    <row r="75313" spans="8:8">
      <c r="H75313" s="12"/>
    </row>
    <row r="75314" spans="8:8">
      <c r="H75314" s="12"/>
    </row>
    <row r="75315" spans="8:8">
      <c r="H75315" s="12"/>
    </row>
    <row r="75316" spans="8:8">
      <c r="H75316" s="12"/>
    </row>
    <row r="75317" spans="8:8">
      <c r="H75317" s="12"/>
    </row>
    <row r="75318" spans="8:8">
      <c r="H75318" s="12"/>
    </row>
    <row r="75319" spans="8:8">
      <c r="H75319" s="12"/>
    </row>
    <row r="75320" spans="8:8">
      <c r="H75320" s="12"/>
    </row>
    <row r="75321" spans="8:8">
      <c r="H75321" s="12"/>
    </row>
    <row r="75322" spans="8:8">
      <c r="H75322" s="12"/>
    </row>
    <row r="75323" spans="8:8">
      <c r="H75323" s="12"/>
    </row>
    <row r="75324" spans="8:8">
      <c r="H75324" s="12"/>
    </row>
    <row r="75325" spans="8:8">
      <c r="H75325" s="12"/>
    </row>
    <row r="75326" spans="8:8">
      <c r="H75326" s="12"/>
    </row>
    <row r="75327" spans="8:8">
      <c r="H75327" s="12"/>
    </row>
    <row r="75328" spans="8:8">
      <c r="H75328" s="12"/>
    </row>
    <row r="75329" spans="8:8">
      <c r="H75329" s="12"/>
    </row>
    <row r="75330" spans="8:8">
      <c r="H75330" s="12"/>
    </row>
    <row r="75331" spans="8:8">
      <c r="H75331" s="12"/>
    </row>
    <row r="75332" spans="8:8">
      <c r="H75332" s="12"/>
    </row>
    <row r="75333" spans="8:8">
      <c r="H75333" s="12"/>
    </row>
    <row r="75334" spans="8:8">
      <c r="H75334" s="12"/>
    </row>
    <row r="75335" spans="8:8">
      <c r="H75335" s="12"/>
    </row>
    <row r="75336" spans="8:8">
      <c r="H75336" s="12"/>
    </row>
    <row r="75337" spans="8:8">
      <c r="H75337" s="12"/>
    </row>
    <row r="75338" spans="8:8">
      <c r="H75338" s="12"/>
    </row>
    <row r="75339" spans="8:8">
      <c r="H75339" s="12"/>
    </row>
    <row r="75340" spans="8:8">
      <c r="H75340" s="12"/>
    </row>
    <row r="75341" spans="8:8">
      <c r="H75341" s="12"/>
    </row>
    <row r="75342" spans="8:8">
      <c r="H75342" s="12"/>
    </row>
    <row r="75343" spans="8:8">
      <c r="H75343" s="12"/>
    </row>
    <row r="75344" spans="8:8">
      <c r="H75344" s="12"/>
    </row>
    <row r="75345" spans="8:8">
      <c r="H75345" s="12"/>
    </row>
    <row r="75346" spans="8:8">
      <c r="H75346" s="12"/>
    </row>
    <row r="75347" spans="8:8">
      <c r="H75347" s="12"/>
    </row>
    <row r="75348" spans="8:8">
      <c r="H75348" s="12"/>
    </row>
    <row r="75349" spans="8:8">
      <c r="H75349" s="12"/>
    </row>
    <row r="75350" spans="8:8">
      <c r="H75350" s="12"/>
    </row>
    <row r="75351" spans="8:8">
      <c r="H75351" s="12"/>
    </row>
    <row r="75352" spans="8:8">
      <c r="H75352" s="12"/>
    </row>
    <row r="75353" spans="8:8">
      <c r="H75353" s="12"/>
    </row>
    <row r="75354" spans="8:8">
      <c r="H75354" s="12"/>
    </row>
    <row r="75355" spans="8:8">
      <c r="H75355" s="12"/>
    </row>
    <row r="75356" spans="8:8">
      <c r="H75356" s="12"/>
    </row>
    <row r="75357" spans="8:8">
      <c r="H75357" s="12"/>
    </row>
    <row r="75358" spans="8:8">
      <c r="H75358" s="12"/>
    </row>
    <row r="75359" spans="8:8">
      <c r="H75359" s="12"/>
    </row>
    <row r="75360" spans="8:8">
      <c r="H75360" s="12"/>
    </row>
    <row r="75361" spans="8:8">
      <c r="H75361" s="12"/>
    </row>
    <row r="75362" spans="8:8">
      <c r="H75362" s="12"/>
    </row>
    <row r="75363" spans="8:8">
      <c r="H75363" s="12"/>
    </row>
    <row r="75364" spans="8:8">
      <c r="H75364" s="12"/>
    </row>
    <row r="75365" spans="8:8">
      <c r="H75365" s="12"/>
    </row>
    <row r="75366" spans="8:8">
      <c r="H75366" s="12"/>
    </row>
    <row r="75367" spans="8:8">
      <c r="H75367" s="12"/>
    </row>
    <row r="75368" spans="8:8">
      <c r="H75368" s="12"/>
    </row>
    <row r="75369" spans="8:8">
      <c r="H75369" s="12"/>
    </row>
    <row r="75370" spans="8:8">
      <c r="H75370" s="12"/>
    </row>
    <row r="75371" spans="8:8">
      <c r="H75371" s="12"/>
    </row>
    <row r="75372" spans="8:8">
      <c r="H75372" s="12"/>
    </row>
    <row r="75373" spans="8:8">
      <c r="H75373" s="12"/>
    </row>
    <row r="75374" spans="8:8">
      <c r="H75374" s="12"/>
    </row>
    <row r="75375" spans="8:8">
      <c r="H75375" s="12"/>
    </row>
    <row r="75376" spans="8:8">
      <c r="H75376" s="12"/>
    </row>
    <row r="75377" spans="8:8">
      <c r="H75377" s="12"/>
    </row>
    <row r="75378" spans="8:8">
      <c r="H75378" s="12"/>
    </row>
    <row r="75379" spans="8:8">
      <c r="H75379" s="12"/>
    </row>
    <row r="75380" spans="8:8">
      <c r="H75380" s="12"/>
    </row>
    <row r="75381" spans="8:8">
      <c r="H75381" s="12"/>
    </row>
    <row r="75382" spans="8:8">
      <c r="H75382" s="12"/>
    </row>
    <row r="75383" spans="8:8">
      <c r="H75383" s="12"/>
    </row>
    <row r="75384" spans="8:8">
      <c r="H75384" s="12"/>
    </row>
    <row r="75385" spans="8:8">
      <c r="H75385" s="12"/>
    </row>
    <row r="75386" spans="8:8">
      <c r="H75386" s="12"/>
    </row>
    <row r="75387" spans="8:8">
      <c r="H75387" s="12"/>
    </row>
    <row r="75388" spans="8:8">
      <c r="H75388" s="12"/>
    </row>
    <row r="75389" spans="8:8">
      <c r="H75389" s="12"/>
    </row>
    <row r="75390" spans="8:8">
      <c r="H75390" s="12"/>
    </row>
    <row r="75391" spans="8:8">
      <c r="H75391" s="12"/>
    </row>
    <row r="75392" spans="8:8">
      <c r="H75392" s="12"/>
    </row>
    <row r="75393" spans="8:8">
      <c r="H75393" s="12"/>
    </row>
    <row r="75394" spans="8:8">
      <c r="H75394" s="12"/>
    </row>
    <row r="75395" spans="8:8">
      <c r="H75395" s="12"/>
    </row>
    <row r="75396" spans="8:8">
      <c r="H75396" s="12"/>
    </row>
    <row r="75397" spans="8:8">
      <c r="H75397" s="12"/>
    </row>
    <row r="75398" spans="8:8">
      <c r="H75398" s="12"/>
    </row>
    <row r="75399" spans="8:8">
      <c r="H75399" s="12"/>
    </row>
    <row r="75400" spans="8:8">
      <c r="H75400" s="12"/>
    </row>
    <row r="75401" spans="8:8">
      <c r="H75401" s="12"/>
    </row>
    <row r="75402" spans="8:8">
      <c r="H75402" s="12"/>
    </row>
    <row r="75403" spans="8:8">
      <c r="H75403" s="12"/>
    </row>
    <row r="75404" spans="8:8">
      <c r="H75404" s="12"/>
    </row>
    <row r="75405" spans="8:8">
      <c r="H75405" s="12"/>
    </row>
    <row r="75406" spans="8:8">
      <c r="H75406" s="12"/>
    </row>
    <row r="75407" spans="8:8">
      <c r="H75407" s="12"/>
    </row>
    <row r="75408" spans="8:8">
      <c r="H75408" s="12"/>
    </row>
    <row r="75409" spans="8:8">
      <c r="H75409" s="12"/>
    </row>
    <row r="75410" spans="8:8">
      <c r="H75410" s="12"/>
    </row>
    <row r="75411" spans="8:8">
      <c r="H75411" s="12"/>
    </row>
    <row r="75412" spans="8:8">
      <c r="H75412" s="12"/>
    </row>
    <row r="75413" spans="8:8">
      <c r="H75413" s="12"/>
    </row>
    <row r="75414" spans="8:8">
      <c r="H75414" s="12"/>
    </row>
    <row r="75415" spans="8:8">
      <c r="H75415" s="12"/>
    </row>
    <row r="75416" spans="8:8">
      <c r="H75416" s="12"/>
    </row>
    <row r="75417" spans="8:8">
      <c r="H75417" s="12"/>
    </row>
    <row r="75418" spans="8:8">
      <c r="H75418" s="12"/>
    </row>
    <row r="75419" spans="8:8">
      <c r="H75419" s="12"/>
    </row>
    <row r="75420" spans="8:8">
      <c r="H75420" s="12"/>
    </row>
    <row r="75421" spans="8:8">
      <c r="H75421" s="12"/>
    </row>
    <row r="75422" spans="8:8">
      <c r="H75422" s="12"/>
    </row>
    <row r="75423" spans="8:8">
      <c r="H75423" s="12"/>
    </row>
    <row r="75424" spans="8:8">
      <c r="H75424" s="12"/>
    </row>
    <row r="75425" spans="8:8">
      <c r="H75425" s="12"/>
    </row>
    <row r="75426" spans="8:8">
      <c r="H75426" s="12"/>
    </row>
    <row r="75427" spans="8:8">
      <c r="H75427" s="12"/>
    </row>
    <row r="75428" spans="8:8">
      <c r="H75428" s="12"/>
    </row>
    <row r="75429" spans="8:8">
      <c r="H75429" s="12"/>
    </row>
    <row r="75430" spans="8:8">
      <c r="H75430" s="12"/>
    </row>
    <row r="75431" spans="8:8">
      <c r="H75431" s="12"/>
    </row>
    <row r="75432" spans="8:8">
      <c r="H75432" s="12"/>
    </row>
    <row r="75433" spans="8:8">
      <c r="H75433" s="12"/>
    </row>
    <row r="75434" spans="8:8">
      <c r="H75434" s="12"/>
    </row>
    <row r="75435" spans="8:8">
      <c r="H75435" s="12"/>
    </row>
    <row r="75436" spans="8:8">
      <c r="H75436" s="12"/>
    </row>
    <row r="75437" spans="8:8">
      <c r="H75437" s="12"/>
    </row>
    <row r="75438" spans="8:8">
      <c r="H75438" s="12"/>
    </row>
    <row r="75439" spans="8:8">
      <c r="H75439" s="12"/>
    </row>
    <row r="75440" spans="8:8">
      <c r="H75440" s="12"/>
    </row>
    <row r="75441" spans="8:8">
      <c r="H75441" s="12"/>
    </row>
    <row r="75442" spans="8:8">
      <c r="H75442" s="12"/>
    </row>
    <row r="75443" spans="8:8">
      <c r="H75443" s="12"/>
    </row>
    <row r="75444" spans="8:8">
      <c r="H75444" s="12"/>
    </row>
    <row r="75445" spans="8:8">
      <c r="H75445" s="12"/>
    </row>
    <row r="75446" spans="8:8">
      <c r="H75446" s="12"/>
    </row>
    <row r="75447" spans="8:8">
      <c r="H75447" s="12"/>
    </row>
    <row r="75448" spans="8:8">
      <c r="H75448" s="12"/>
    </row>
    <row r="75449" spans="8:8">
      <c r="H75449" s="12"/>
    </row>
    <row r="75450" spans="8:8">
      <c r="H75450" s="12"/>
    </row>
    <row r="75451" spans="8:8">
      <c r="H75451" s="12"/>
    </row>
    <row r="75452" spans="8:8">
      <c r="H75452" s="12"/>
    </row>
    <row r="75453" spans="8:8">
      <c r="H75453" s="12"/>
    </row>
    <row r="75454" spans="8:8">
      <c r="H75454" s="12"/>
    </row>
    <row r="75455" spans="8:8">
      <c r="H75455" s="12"/>
    </row>
    <row r="75456" spans="8:8">
      <c r="H75456" s="12"/>
    </row>
    <row r="75457" spans="8:8">
      <c r="H75457" s="12"/>
    </row>
    <row r="75458" spans="8:8">
      <c r="H75458" s="12"/>
    </row>
    <row r="75459" spans="8:8">
      <c r="H75459" s="12"/>
    </row>
    <row r="75460" spans="8:8">
      <c r="H75460" s="12"/>
    </row>
    <row r="75461" spans="8:8">
      <c r="H75461" s="12"/>
    </row>
    <row r="75462" spans="8:8">
      <c r="H75462" s="12"/>
    </row>
    <row r="75463" spans="8:8">
      <c r="H75463" s="12"/>
    </row>
    <row r="75464" spans="8:8">
      <c r="H75464" s="12"/>
    </row>
    <row r="75465" spans="8:8">
      <c r="H75465" s="12"/>
    </row>
    <row r="75466" spans="8:8">
      <c r="H75466" s="12"/>
    </row>
    <row r="75467" spans="8:8">
      <c r="H75467" s="12"/>
    </row>
    <row r="75468" spans="8:8">
      <c r="H75468" s="12"/>
    </row>
    <row r="75469" spans="8:8">
      <c r="H75469" s="12"/>
    </row>
    <row r="75470" spans="8:8">
      <c r="H75470" s="12"/>
    </row>
    <row r="75471" spans="8:8">
      <c r="H75471" s="12"/>
    </row>
    <row r="75472" spans="8:8">
      <c r="H75472" s="12"/>
    </row>
    <row r="75473" spans="8:8">
      <c r="H75473" s="12"/>
    </row>
    <row r="75474" spans="8:8">
      <c r="H75474" s="12"/>
    </row>
    <row r="75475" spans="8:8">
      <c r="H75475" s="12"/>
    </row>
    <row r="75476" spans="8:8">
      <c r="H75476" s="12"/>
    </row>
    <row r="75477" spans="8:8">
      <c r="H75477" s="12"/>
    </row>
    <row r="75478" spans="8:8">
      <c r="H75478" s="12"/>
    </row>
    <row r="75479" spans="8:8">
      <c r="H75479" s="12"/>
    </row>
    <row r="75480" spans="8:8">
      <c r="H75480" s="12"/>
    </row>
    <row r="75481" spans="8:8">
      <c r="H75481" s="12"/>
    </row>
    <row r="75482" spans="8:8">
      <c r="H75482" s="12"/>
    </row>
    <row r="75483" spans="8:8">
      <c r="H75483" s="12"/>
    </row>
    <row r="75484" spans="8:8">
      <c r="H75484" s="12"/>
    </row>
    <row r="75485" spans="8:8">
      <c r="H75485" s="12"/>
    </row>
    <row r="75486" spans="8:8">
      <c r="H75486" s="12"/>
    </row>
    <row r="75487" spans="8:8">
      <c r="H75487" s="12"/>
    </row>
    <row r="75488" spans="8:8">
      <c r="H75488" s="12"/>
    </row>
    <row r="75489" spans="8:8">
      <c r="H75489" s="12"/>
    </row>
    <row r="75490" spans="8:8">
      <c r="H75490" s="12"/>
    </row>
    <row r="75491" spans="8:8">
      <c r="H75491" s="12"/>
    </row>
    <row r="75492" spans="8:8">
      <c r="H75492" s="12"/>
    </row>
    <row r="75493" spans="8:8">
      <c r="H75493" s="12"/>
    </row>
    <row r="75494" spans="8:8">
      <c r="H75494" s="12"/>
    </row>
    <row r="75495" spans="8:8">
      <c r="H75495" s="12"/>
    </row>
    <row r="75496" spans="8:8">
      <c r="H75496" s="12"/>
    </row>
    <row r="75497" spans="8:8">
      <c r="H75497" s="12"/>
    </row>
    <row r="75498" spans="8:8">
      <c r="H75498" s="12"/>
    </row>
    <row r="75499" spans="8:8">
      <c r="H75499" s="12"/>
    </row>
    <row r="75500" spans="8:8">
      <c r="H75500" s="12"/>
    </row>
    <row r="75501" spans="8:8">
      <c r="H75501" s="12"/>
    </row>
    <row r="75502" spans="8:8">
      <c r="H75502" s="12"/>
    </row>
    <row r="75503" spans="8:8">
      <c r="H75503" s="12"/>
    </row>
    <row r="75504" spans="8:8">
      <c r="H75504" s="12"/>
    </row>
    <row r="75505" spans="8:8">
      <c r="H75505" s="12"/>
    </row>
    <row r="75506" spans="8:8">
      <c r="H75506" s="12"/>
    </row>
    <row r="75507" spans="8:8">
      <c r="H75507" s="12"/>
    </row>
    <row r="75508" spans="8:8">
      <c r="H75508" s="12"/>
    </row>
    <row r="75509" spans="8:8">
      <c r="H75509" s="12"/>
    </row>
    <row r="75510" spans="8:8">
      <c r="H75510" s="12"/>
    </row>
    <row r="75511" spans="8:8">
      <c r="H75511" s="12"/>
    </row>
    <row r="75512" spans="8:8">
      <c r="H75512" s="12"/>
    </row>
    <row r="75513" spans="8:8">
      <c r="H75513" s="12"/>
    </row>
    <row r="75514" spans="8:8">
      <c r="H75514" s="12"/>
    </row>
    <row r="75515" spans="8:8">
      <c r="H75515" s="12"/>
    </row>
    <row r="75516" spans="8:8">
      <c r="H75516" s="12"/>
    </row>
    <row r="75517" spans="8:8">
      <c r="H75517" s="12"/>
    </row>
    <row r="75518" spans="8:8">
      <c r="H75518" s="12"/>
    </row>
    <row r="75519" spans="8:8">
      <c r="H75519" s="12"/>
    </row>
    <row r="75520" spans="8:8">
      <c r="H75520" s="12"/>
    </row>
    <row r="75521" spans="8:8">
      <c r="H75521" s="12"/>
    </row>
    <row r="75522" spans="8:8">
      <c r="H75522" s="12"/>
    </row>
    <row r="75523" spans="8:8">
      <c r="H75523" s="12"/>
    </row>
    <row r="75524" spans="8:8">
      <c r="H75524" s="12"/>
    </row>
    <row r="75525" spans="8:8">
      <c r="H75525" s="12"/>
    </row>
    <row r="75526" spans="8:8">
      <c r="H75526" s="12"/>
    </row>
    <row r="75527" spans="8:8">
      <c r="H75527" s="12"/>
    </row>
    <row r="75528" spans="8:8">
      <c r="H75528" s="12"/>
    </row>
    <row r="75529" spans="8:8">
      <c r="H75529" s="12"/>
    </row>
    <row r="75530" spans="8:8">
      <c r="H75530" s="12"/>
    </row>
    <row r="75531" spans="8:8">
      <c r="H75531" s="12"/>
    </row>
    <row r="75532" spans="8:8">
      <c r="H75532" s="12"/>
    </row>
    <row r="75533" spans="8:8">
      <c r="H75533" s="12"/>
    </row>
    <row r="75534" spans="8:8">
      <c r="H75534" s="12"/>
    </row>
    <row r="75535" spans="8:8">
      <c r="H75535" s="12"/>
    </row>
    <row r="75536" spans="8:8">
      <c r="H75536" s="12"/>
    </row>
    <row r="75537" spans="8:8">
      <c r="H75537" s="12"/>
    </row>
    <row r="75538" spans="8:8">
      <c r="H75538" s="12"/>
    </row>
    <row r="75539" spans="8:8">
      <c r="H75539" s="12"/>
    </row>
    <row r="75540" spans="8:8">
      <c r="H75540" s="12"/>
    </row>
    <row r="75541" spans="8:8">
      <c r="H75541" s="12"/>
    </row>
    <row r="75542" spans="8:8">
      <c r="H75542" s="12"/>
    </row>
    <row r="75543" spans="8:8">
      <c r="H75543" s="12"/>
    </row>
    <row r="75544" spans="8:8">
      <c r="H75544" s="12"/>
    </row>
    <row r="75545" spans="8:8">
      <c r="H75545" s="12"/>
    </row>
    <row r="75546" spans="8:8">
      <c r="H75546" s="12"/>
    </row>
    <row r="75547" spans="8:8">
      <c r="H75547" s="12"/>
    </row>
    <row r="75548" spans="8:8">
      <c r="H75548" s="12"/>
    </row>
    <row r="75549" spans="8:8">
      <c r="H75549" s="12"/>
    </row>
    <row r="75550" spans="8:8">
      <c r="H75550" s="12"/>
    </row>
    <row r="75551" spans="8:8">
      <c r="H75551" s="12"/>
    </row>
    <row r="75552" spans="8:8">
      <c r="H75552" s="12"/>
    </row>
    <row r="75553" spans="8:8">
      <c r="H75553" s="12"/>
    </row>
    <row r="75554" spans="8:8">
      <c r="H75554" s="12"/>
    </row>
    <row r="75555" spans="8:8">
      <c r="H75555" s="12"/>
    </row>
    <row r="75556" spans="8:8">
      <c r="H75556" s="12"/>
    </row>
    <row r="75557" spans="8:8">
      <c r="H75557" s="12"/>
    </row>
    <row r="75558" spans="8:8">
      <c r="H75558" s="12"/>
    </row>
    <row r="75559" spans="8:8">
      <c r="H75559" s="12"/>
    </row>
    <row r="75560" spans="8:8">
      <c r="H75560" s="12"/>
    </row>
    <row r="75561" spans="8:8">
      <c r="H75561" s="12"/>
    </row>
    <row r="75562" spans="8:8">
      <c r="H75562" s="12"/>
    </row>
    <row r="75563" spans="8:8">
      <c r="H75563" s="12"/>
    </row>
    <row r="75564" spans="8:8">
      <c r="H75564" s="12"/>
    </row>
    <row r="75565" spans="8:8">
      <c r="H75565" s="12"/>
    </row>
    <row r="75566" spans="8:8">
      <c r="H75566" s="12"/>
    </row>
    <row r="75567" spans="8:8">
      <c r="H75567" s="12"/>
    </row>
    <row r="75568" spans="8:8">
      <c r="H75568" s="12"/>
    </row>
    <row r="75569" spans="8:8">
      <c r="H75569" s="12"/>
    </row>
    <row r="75570" spans="8:8">
      <c r="H75570" s="12"/>
    </row>
    <row r="75571" spans="8:8">
      <c r="H75571" s="12"/>
    </row>
    <row r="75572" spans="8:8">
      <c r="H75572" s="12"/>
    </row>
    <row r="75573" spans="8:8">
      <c r="H75573" s="12"/>
    </row>
    <row r="75574" spans="8:8">
      <c r="H75574" s="12"/>
    </row>
    <row r="75575" spans="8:8">
      <c r="H75575" s="12"/>
    </row>
    <row r="75576" spans="8:8">
      <c r="H75576" s="12"/>
    </row>
    <row r="75577" spans="8:8">
      <c r="H75577" s="12"/>
    </row>
    <row r="75578" spans="8:8">
      <c r="H75578" s="12"/>
    </row>
    <row r="75579" spans="8:8">
      <c r="H75579" s="12"/>
    </row>
    <row r="75580" spans="8:8">
      <c r="H75580" s="12"/>
    </row>
    <row r="75581" spans="8:8">
      <c r="H75581" s="12"/>
    </row>
    <row r="75582" spans="8:8">
      <c r="H75582" s="12"/>
    </row>
    <row r="75583" spans="8:8">
      <c r="H75583" s="12"/>
    </row>
    <row r="75584" spans="8:8">
      <c r="H75584" s="12"/>
    </row>
    <row r="75585" spans="8:8">
      <c r="H75585" s="12"/>
    </row>
    <row r="75586" spans="8:8">
      <c r="H75586" s="12"/>
    </row>
    <row r="75587" spans="8:8">
      <c r="H75587" s="12"/>
    </row>
    <row r="75588" spans="8:8">
      <c r="H75588" s="12"/>
    </row>
    <row r="75589" spans="8:8">
      <c r="H75589" s="12"/>
    </row>
    <row r="75590" spans="8:8">
      <c r="H75590" s="12"/>
    </row>
    <row r="75591" spans="8:8">
      <c r="H75591" s="12"/>
    </row>
    <row r="75592" spans="8:8">
      <c r="H75592" s="12"/>
    </row>
    <row r="75593" spans="8:8">
      <c r="H75593" s="12"/>
    </row>
    <row r="75594" spans="8:8">
      <c r="H75594" s="12"/>
    </row>
    <row r="75595" spans="8:8">
      <c r="H75595" s="12"/>
    </row>
    <row r="75596" spans="8:8">
      <c r="H75596" s="12"/>
    </row>
    <row r="75597" spans="8:8">
      <c r="H75597" s="12"/>
    </row>
    <row r="75598" spans="8:8">
      <c r="H75598" s="12"/>
    </row>
    <row r="75599" spans="8:8">
      <c r="H75599" s="12"/>
    </row>
    <row r="75600" spans="8:8">
      <c r="H75600" s="12"/>
    </row>
    <row r="75601" spans="8:8">
      <c r="H75601" s="12"/>
    </row>
    <row r="75602" spans="8:8">
      <c r="H75602" s="12"/>
    </row>
    <row r="75603" spans="8:8">
      <c r="H75603" s="12"/>
    </row>
    <row r="75604" spans="8:8">
      <c r="H75604" s="12"/>
    </row>
    <row r="75605" spans="8:8">
      <c r="H75605" s="12"/>
    </row>
    <row r="75606" spans="8:8">
      <c r="H75606" s="12"/>
    </row>
    <row r="75607" spans="8:8">
      <c r="H75607" s="12"/>
    </row>
    <row r="75608" spans="8:8">
      <c r="H75608" s="12"/>
    </row>
    <row r="75609" spans="8:8">
      <c r="H75609" s="12"/>
    </row>
    <row r="75610" spans="8:8">
      <c r="H75610" s="12"/>
    </row>
    <row r="75611" spans="8:8">
      <c r="H75611" s="12"/>
    </row>
    <row r="75612" spans="8:8">
      <c r="H75612" s="12"/>
    </row>
    <row r="75613" spans="8:8">
      <c r="H75613" s="12"/>
    </row>
    <row r="75614" spans="8:8">
      <c r="H75614" s="12"/>
    </row>
    <row r="75615" spans="8:8">
      <c r="H75615" s="12"/>
    </row>
    <row r="75616" spans="8:8">
      <c r="H75616" s="12"/>
    </row>
    <row r="75617" spans="8:8">
      <c r="H75617" s="12"/>
    </row>
    <row r="75618" spans="8:8">
      <c r="H75618" s="12"/>
    </row>
    <row r="75619" spans="8:8">
      <c r="H75619" s="12"/>
    </row>
    <row r="75620" spans="8:8">
      <c r="H75620" s="12"/>
    </row>
    <row r="75621" spans="8:8">
      <c r="H75621" s="12"/>
    </row>
    <row r="75622" spans="8:8">
      <c r="H75622" s="12"/>
    </row>
    <row r="75623" spans="8:8">
      <c r="H75623" s="12"/>
    </row>
    <row r="75624" spans="8:8">
      <c r="H75624" s="12"/>
    </row>
    <row r="75625" spans="8:8">
      <c r="H75625" s="12"/>
    </row>
    <row r="75626" spans="8:8">
      <c r="H75626" s="12"/>
    </row>
    <row r="75627" spans="8:8">
      <c r="H75627" s="12"/>
    </row>
    <row r="75628" spans="8:8">
      <c r="H75628" s="12"/>
    </row>
    <row r="75629" spans="8:8">
      <c r="H75629" s="12"/>
    </row>
    <row r="75630" spans="8:8">
      <c r="H75630" s="12"/>
    </row>
    <row r="75631" spans="8:8">
      <c r="H75631" s="12"/>
    </row>
    <row r="75632" spans="8:8">
      <c r="H75632" s="12"/>
    </row>
    <row r="75633" spans="8:8">
      <c r="H75633" s="12"/>
    </row>
    <row r="75634" spans="8:8">
      <c r="H75634" s="12"/>
    </row>
    <row r="75635" spans="8:8">
      <c r="H75635" s="12"/>
    </row>
    <row r="75636" spans="8:8">
      <c r="H75636" s="12"/>
    </row>
    <row r="75637" spans="8:8">
      <c r="H75637" s="12"/>
    </row>
    <row r="75638" spans="8:8">
      <c r="H75638" s="12"/>
    </row>
    <row r="75639" spans="8:8">
      <c r="H75639" s="12"/>
    </row>
    <row r="75640" spans="8:8">
      <c r="H75640" s="12"/>
    </row>
    <row r="75641" spans="8:8">
      <c r="H75641" s="12"/>
    </row>
    <row r="75642" spans="8:8">
      <c r="H75642" s="12"/>
    </row>
    <row r="75643" spans="8:8">
      <c r="H75643" s="12"/>
    </row>
    <row r="75644" spans="8:8">
      <c r="H75644" s="12"/>
    </row>
    <row r="75645" spans="8:8">
      <c r="H75645" s="12"/>
    </row>
    <row r="75646" spans="8:8">
      <c r="H75646" s="12"/>
    </row>
    <row r="75647" spans="8:8">
      <c r="H75647" s="12"/>
    </row>
    <row r="75648" spans="8:8">
      <c r="H75648" s="12"/>
    </row>
    <row r="75649" spans="8:8">
      <c r="H75649" s="12"/>
    </row>
    <row r="75650" spans="8:8">
      <c r="H75650" s="12"/>
    </row>
    <row r="75651" spans="8:8">
      <c r="H75651" s="12"/>
    </row>
    <row r="75652" spans="8:8">
      <c r="H75652" s="12"/>
    </row>
    <row r="75653" spans="8:8">
      <c r="H75653" s="12"/>
    </row>
    <row r="75654" spans="8:8">
      <c r="H75654" s="12"/>
    </row>
    <row r="75655" spans="8:8">
      <c r="H75655" s="12"/>
    </row>
    <row r="75656" spans="8:8">
      <c r="H75656" s="12"/>
    </row>
    <row r="75657" spans="8:8">
      <c r="H75657" s="12"/>
    </row>
    <row r="75658" spans="8:8">
      <c r="H75658" s="12"/>
    </row>
    <row r="75659" spans="8:8">
      <c r="H75659" s="12"/>
    </row>
    <row r="75660" spans="8:8">
      <c r="H75660" s="12"/>
    </row>
    <row r="75661" spans="8:8">
      <c r="H75661" s="12"/>
    </row>
    <row r="75662" spans="8:8">
      <c r="H75662" s="12"/>
    </row>
    <row r="75663" spans="8:8">
      <c r="H75663" s="12"/>
    </row>
    <row r="75664" spans="8:8">
      <c r="H75664" s="12"/>
    </row>
    <row r="75665" spans="8:8">
      <c r="H75665" s="12"/>
    </row>
    <row r="75666" spans="8:8">
      <c r="H75666" s="12"/>
    </row>
    <row r="75667" spans="8:8">
      <c r="H75667" s="12"/>
    </row>
    <row r="75668" spans="8:8">
      <c r="H75668" s="12"/>
    </row>
    <row r="75669" spans="8:8">
      <c r="H75669" s="12"/>
    </row>
    <row r="75670" spans="8:8">
      <c r="H75670" s="12"/>
    </row>
    <row r="75671" spans="8:8">
      <c r="H75671" s="12"/>
    </row>
    <row r="75672" spans="8:8">
      <c r="H75672" s="12"/>
    </row>
    <row r="75673" spans="8:8">
      <c r="H75673" s="12"/>
    </row>
    <row r="75674" spans="8:8">
      <c r="H75674" s="12"/>
    </row>
    <row r="75675" spans="8:8">
      <c r="H75675" s="12"/>
    </row>
    <row r="75676" spans="8:8">
      <c r="H75676" s="12"/>
    </row>
    <row r="75677" spans="8:8">
      <c r="H75677" s="12"/>
    </row>
    <row r="75678" spans="8:8">
      <c r="H75678" s="12"/>
    </row>
    <row r="75679" spans="8:8">
      <c r="H75679" s="12"/>
    </row>
    <row r="75680" spans="8:8">
      <c r="H75680" s="12"/>
    </row>
    <row r="75681" spans="8:8">
      <c r="H75681" s="12"/>
    </row>
    <row r="75682" spans="8:8">
      <c r="H75682" s="12"/>
    </row>
    <row r="75683" spans="8:8">
      <c r="H75683" s="12"/>
    </row>
    <row r="75684" spans="8:8">
      <c r="H75684" s="12"/>
    </row>
    <row r="75685" spans="8:8">
      <c r="H75685" s="12"/>
    </row>
    <row r="75686" spans="8:8">
      <c r="H75686" s="12"/>
    </row>
    <row r="75687" spans="8:8">
      <c r="H75687" s="12"/>
    </row>
    <row r="75688" spans="8:8">
      <c r="H75688" s="12"/>
    </row>
    <row r="75689" spans="8:8">
      <c r="H75689" s="12"/>
    </row>
    <row r="75690" spans="8:8">
      <c r="H75690" s="12"/>
    </row>
    <row r="75691" spans="8:8">
      <c r="H75691" s="12"/>
    </row>
    <row r="75692" spans="8:8">
      <c r="H75692" s="12"/>
    </row>
    <row r="75693" spans="8:8">
      <c r="H75693" s="12"/>
    </row>
    <row r="75694" spans="8:8">
      <c r="H75694" s="12"/>
    </row>
    <row r="75695" spans="8:8">
      <c r="H75695" s="12"/>
    </row>
    <row r="75696" spans="8:8">
      <c r="H75696" s="12"/>
    </row>
    <row r="75697" spans="8:8">
      <c r="H75697" s="12"/>
    </row>
    <row r="75698" spans="8:8">
      <c r="H75698" s="12"/>
    </row>
    <row r="75699" spans="8:8">
      <c r="H75699" s="12"/>
    </row>
    <row r="75700" spans="8:8">
      <c r="H75700" s="12"/>
    </row>
    <row r="75701" spans="8:8">
      <c r="H75701" s="12"/>
    </row>
    <row r="75702" spans="8:8">
      <c r="H75702" s="12"/>
    </row>
    <row r="75703" spans="8:8">
      <c r="H75703" s="12"/>
    </row>
    <row r="75704" spans="8:8">
      <c r="H75704" s="12"/>
    </row>
    <row r="75705" spans="8:8">
      <c r="H75705" s="12"/>
    </row>
    <row r="75706" spans="8:8">
      <c r="H75706" s="12"/>
    </row>
    <row r="75707" spans="8:8">
      <c r="H75707" s="12"/>
    </row>
    <row r="75708" spans="8:8">
      <c r="H75708" s="12"/>
    </row>
    <row r="75709" spans="8:8">
      <c r="H75709" s="12"/>
    </row>
    <row r="75710" spans="8:8">
      <c r="H75710" s="12"/>
    </row>
    <row r="75711" spans="8:8">
      <c r="H75711" s="12"/>
    </row>
    <row r="75712" spans="8:8">
      <c r="H75712" s="12"/>
    </row>
    <row r="75713" spans="8:8">
      <c r="H75713" s="12"/>
    </row>
    <row r="75714" spans="8:8">
      <c r="H75714" s="12"/>
    </row>
    <row r="75715" spans="8:8">
      <c r="H75715" s="12"/>
    </row>
    <row r="75716" spans="8:8">
      <c r="H75716" s="12"/>
    </row>
    <row r="75717" spans="8:8">
      <c r="H75717" s="12"/>
    </row>
    <row r="75718" spans="8:8">
      <c r="H75718" s="12"/>
    </row>
    <row r="75719" spans="8:8">
      <c r="H75719" s="12"/>
    </row>
    <row r="75720" spans="8:8">
      <c r="H75720" s="12"/>
    </row>
    <row r="75721" spans="8:8">
      <c r="H75721" s="12"/>
    </row>
    <row r="75722" spans="8:8">
      <c r="H75722" s="12"/>
    </row>
    <row r="75723" spans="8:8">
      <c r="H75723" s="12"/>
    </row>
    <row r="75724" spans="8:8">
      <c r="H75724" s="12"/>
    </row>
    <row r="75725" spans="8:8">
      <c r="H75725" s="12"/>
    </row>
    <row r="75726" spans="8:8">
      <c r="H75726" s="12"/>
    </row>
    <row r="75727" spans="8:8">
      <c r="H75727" s="12"/>
    </row>
    <row r="75728" spans="8:8">
      <c r="H75728" s="12"/>
    </row>
    <row r="75729" spans="8:8">
      <c r="H75729" s="12"/>
    </row>
    <row r="75730" spans="8:8">
      <c r="H75730" s="12"/>
    </row>
    <row r="75731" spans="8:8">
      <c r="H75731" s="12"/>
    </row>
    <row r="75732" spans="8:8">
      <c r="H75732" s="12"/>
    </row>
    <row r="75733" spans="8:8">
      <c r="H75733" s="12"/>
    </row>
    <row r="75734" spans="8:8">
      <c r="H75734" s="12"/>
    </row>
    <row r="75735" spans="8:8">
      <c r="H75735" s="12"/>
    </row>
    <row r="75736" spans="8:8">
      <c r="H75736" s="12"/>
    </row>
    <row r="75737" spans="8:8">
      <c r="H75737" s="12"/>
    </row>
    <row r="75738" spans="8:8">
      <c r="H75738" s="12"/>
    </row>
    <row r="75739" spans="8:8">
      <c r="H75739" s="12"/>
    </row>
    <row r="75740" spans="8:8">
      <c r="H75740" s="12"/>
    </row>
    <row r="75741" spans="8:8">
      <c r="H75741" s="12"/>
    </row>
    <row r="75742" spans="8:8">
      <c r="H75742" s="12"/>
    </row>
    <row r="75743" spans="8:8">
      <c r="H75743" s="12"/>
    </row>
    <row r="75744" spans="8:8">
      <c r="H75744" s="12"/>
    </row>
    <row r="75745" spans="8:8">
      <c r="H75745" s="12"/>
    </row>
    <row r="75746" spans="8:8">
      <c r="H75746" s="12"/>
    </row>
    <row r="75747" spans="8:8">
      <c r="H75747" s="12"/>
    </row>
    <row r="75748" spans="8:8">
      <c r="H75748" s="12"/>
    </row>
    <row r="75749" spans="8:8">
      <c r="H75749" s="12"/>
    </row>
    <row r="75750" spans="8:8">
      <c r="H75750" s="12"/>
    </row>
    <row r="75751" spans="8:8">
      <c r="H75751" s="12"/>
    </row>
    <row r="75752" spans="8:8">
      <c r="H75752" s="12"/>
    </row>
    <row r="75753" spans="8:8">
      <c r="H75753" s="12"/>
    </row>
    <row r="75754" spans="8:8">
      <c r="H75754" s="12"/>
    </row>
    <row r="75755" spans="8:8">
      <c r="H75755" s="12"/>
    </row>
    <row r="75756" spans="8:8">
      <c r="H75756" s="12"/>
    </row>
    <row r="75757" spans="8:8">
      <c r="H75757" s="12"/>
    </row>
    <row r="75758" spans="8:8">
      <c r="H75758" s="12"/>
    </row>
    <row r="75759" spans="8:8">
      <c r="H75759" s="12"/>
    </row>
    <row r="75760" spans="8:8">
      <c r="H75760" s="12"/>
    </row>
    <row r="75761" spans="8:8">
      <c r="H75761" s="12"/>
    </row>
    <row r="75762" spans="8:8">
      <c r="H75762" s="12"/>
    </row>
    <row r="75763" spans="8:8">
      <c r="H75763" s="12"/>
    </row>
    <row r="75764" spans="8:8">
      <c r="H75764" s="12"/>
    </row>
    <row r="75765" spans="8:8">
      <c r="H75765" s="12"/>
    </row>
    <row r="75766" spans="8:8">
      <c r="H75766" s="12"/>
    </row>
    <row r="75767" spans="8:8">
      <c r="H75767" s="12"/>
    </row>
    <row r="75768" spans="8:8">
      <c r="H75768" s="12"/>
    </row>
    <row r="75769" spans="8:8">
      <c r="H75769" s="12"/>
    </row>
    <row r="75770" spans="8:8">
      <c r="H75770" s="12"/>
    </row>
    <row r="75771" spans="8:8">
      <c r="H75771" s="12"/>
    </row>
    <row r="75772" spans="8:8">
      <c r="H75772" s="12"/>
    </row>
    <row r="75773" spans="8:8">
      <c r="H75773" s="12"/>
    </row>
    <row r="75774" spans="8:8">
      <c r="H75774" s="12"/>
    </row>
    <row r="75775" spans="8:8">
      <c r="H75775" s="12"/>
    </row>
    <row r="75776" spans="8:8">
      <c r="H75776" s="12"/>
    </row>
    <row r="75777" spans="8:8">
      <c r="H75777" s="12"/>
    </row>
    <row r="75778" spans="8:8">
      <c r="H75778" s="12"/>
    </row>
    <row r="75779" spans="8:8">
      <c r="H75779" s="12"/>
    </row>
    <row r="75780" spans="8:8">
      <c r="H75780" s="12"/>
    </row>
    <row r="75781" spans="8:8">
      <c r="H75781" s="12"/>
    </row>
    <row r="75782" spans="8:8">
      <c r="H75782" s="12"/>
    </row>
    <row r="75783" spans="8:8">
      <c r="H75783" s="12"/>
    </row>
    <row r="75784" spans="8:8">
      <c r="H75784" s="12"/>
    </row>
    <row r="75785" spans="8:8">
      <c r="H75785" s="12"/>
    </row>
    <row r="75786" spans="8:8">
      <c r="H75786" s="12"/>
    </row>
    <row r="75787" spans="8:8">
      <c r="H75787" s="12"/>
    </row>
    <row r="75788" spans="8:8">
      <c r="H75788" s="12"/>
    </row>
    <row r="75789" spans="8:8">
      <c r="H75789" s="12"/>
    </row>
    <row r="75790" spans="8:8">
      <c r="H75790" s="12"/>
    </row>
    <row r="75791" spans="8:8">
      <c r="H75791" s="12"/>
    </row>
    <row r="75792" spans="8:8">
      <c r="H75792" s="12"/>
    </row>
    <row r="75793" spans="8:8">
      <c r="H75793" s="12"/>
    </row>
    <row r="75794" spans="8:8">
      <c r="H75794" s="12"/>
    </row>
    <row r="75795" spans="8:8">
      <c r="H75795" s="12"/>
    </row>
    <row r="75796" spans="8:8">
      <c r="H75796" s="12"/>
    </row>
    <row r="75797" spans="8:8">
      <c r="H75797" s="12"/>
    </row>
    <row r="75798" spans="8:8">
      <c r="H75798" s="12"/>
    </row>
    <row r="75799" spans="8:8">
      <c r="H75799" s="12"/>
    </row>
    <row r="75800" spans="8:8">
      <c r="H75800" s="12"/>
    </row>
    <row r="75801" spans="8:8">
      <c r="H75801" s="12"/>
    </row>
    <row r="75802" spans="8:8">
      <c r="H75802" s="12"/>
    </row>
    <row r="75803" spans="8:8">
      <c r="H75803" s="12"/>
    </row>
    <row r="75804" spans="8:8">
      <c r="H75804" s="12"/>
    </row>
    <row r="75805" spans="8:8">
      <c r="H75805" s="12"/>
    </row>
    <row r="75806" spans="8:8">
      <c r="H75806" s="12"/>
    </row>
    <row r="75807" spans="8:8">
      <c r="H75807" s="12"/>
    </row>
    <row r="75808" spans="8:8">
      <c r="H75808" s="12"/>
    </row>
    <row r="75809" spans="8:8">
      <c r="H75809" s="12"/>
    </row>
    <row r="75810" spans="8:8">
      <c r="H75810" s="12"/>
    </row>
    <row r="75811" spans="8:8">
      <c r="H75811" s="12"/>
    </row>
    <row r="75812" spans="8:8">
      <c r="H75812" s="12"/>
    </row>
    <row r="75813" spans="8:8">
      <c r="H75813" s="12"/>
    </row>
    <row r="75814" spans="8:8">
      <c r="H75814" s="12"/>
    </row>
    <row r="75815" spans="8:8">
      <c r="H75815" s="12"/>
    </row>
    <row r="75816" spans="8:8">
      <c r="H75816" s="12"/>
    </row>
    <row r="75817" spans="8:8">
      <c r="H75817" s="12"/>
    </row>
    <row r="75818" spans="8:8">
      <c r="H75818" s="12"/>
    </row>
    <row r="75819" spans="8:8">
      <c r="H75819" s="12"/>
    </row>
    <row r="75820" spans="8:8">
      <c r="H75820" s="12"/>
    </row>
    <row r="75821" spans="8:8">
      <c r="H75821" s="12"/>
    </row>
    <row r="75822" spans="8:8">
      <c r="H75822" s="12"/>
    </row>
    <row r="75823" spans="8:8">
      <c r="H75823" s="12"/>
    </row>
    <row r="75824" spans="8:8">
      <c r="H75824" s="12"/>
    </row>
    <row r="75825" spans="8:8">
      <c r="H75825" s="12"/>
    </row>
    <row r="75826" spans="8:8">
      <c r="H75826" s="12"/>
    </row>
    <row r="75827" spans="8:8">
      <c r="H75827" s="12"/>
    </row>
    <row r="75828" spans="8:8">
      <c r="H75828" s="12"/>
    </row>
    <row r="75829" spans="8:8">
      <c r="H75829" s="12"/>
    </row>
    <row r="75830" spans="8:8">
      <c r="H75830" s="12"/>
    </row>
    <row r="75831" spans="8:8">
      <c r="H75831" s="12"/>
    </row>
    <row r="75832" spans="8:8">
      <c r="H75832" s="12"/>
    </row>
    <row r="75833" spans="8:8">
      <c r="H75833" s="12"/>
    </row>
    <row r="75834" spans="8:8">
      <c r="H75834" s="12"/>
    </row>
    <row r="75835" spans="8:8">
      <c r="H75835" s="12"/>
    </row>
    <row r="75836" spans="8:8">
      <c r="H75836" s="12"/>
    </row>
    <row r="75837" spans="8:8">
      <c r="H75837" s="12"/>
    </row>
    <row r="75838" spans="8:8">
      <c r="H75838" s="12"/>
    </row>
    <row r="75839" spans="8:8">
      <c r="H75839" s="12"/>
    </row>
    <row r="75840" spans="8:8">
      <c r="H75840" s="12"/>
    </row>
    <row r="75841" spans="8:8">
      <c r="H75841" s="12"/>
    </row>
    <row r="75842" spans="8:8">
      <c r="H75842" s="12"/>
    </row>
    <row r="75843" spans="8:8">
      <c r="H75843" s="12"/>
    </row>
    <row r="75844" spans="8:8">
      <c r="H75844" s="12"/>
    </row>
    <row r="75845" spans="8:8">
      <c r="H75845" s="12"/>
    </row>
    <row r="75846" spans="8:8">
      <c r="H75846" s="12"/>
    </row>
    <row r="75847" spans="8:8">
      <c r="H75847" s="12"/>
    </row>
    <row r="75848" spans="8:8">
      <c r="H75848" s="12"/>
    </row>
    <row r="75849" spans="8:8">
      <c r="H75849" s="12"/>
    </row>
    <row r="75850" spans="8:8">
      <c r="H75850" s="12"/>
    </row>
    <row r="75851" spans="8:8">
      <c r="H75851" s="12"/>
    </row>
    <row r="75852" spans="8:8">
      <c r="H75852" s="12"/>
    </row>
    <row r="75853" spans="8:8">
      <c r="H75853" s="12"/>
    </row>
    <row r="75854" spans="8:8">
      <c r="H75854" s="12"/>
    </row>
    <row r="75855" spans="8:8">
      <c r="H75855" s="12"/>
    </row>
    <row r="75856" spans="8:8">
      <c r="H75856" s="12"/>
    </row>
    <row r="75857" spans="8:8">
      <c r="H75857" s="12"/>
    </row>
    <row r="75858" spans="8:8">
      <c r="H75858" s="12"/>
    </row>
    <row r="75859" spans="8:8">
      <c r="H75859" s="12"/>
    </row>
    <row r="75860" spans="8:8">
      <c r="H75860" s="12"/>
    </row>
    <row r="75861" spans="8:8">
      <c r="H75861" s="12"/>
    </row>
    <row r="75862" spans="8:8">
      <c r="H75862" s="12"/>
    </row>
    <row r="75863" spans="8:8">
      <c r="H75863" s="12"/>
    </row>
    <row r="75864" spans="8:8">
      <c r="H75864" s="12"/>
    </row>
    <row r="75865" spans="8:8">
      <c r="H75865" s="12"/>
    </row>
    <row r="75866" spans="8:8">
      <c r="H75866" s="12"/>
    </row>
    <row r="75867" spans="8:8">
      <c r="H75867" s="12"/>
    </row>
    <row r="75868" spans="8:8">
      <c r="H75868" s="12"/>
    </row>
    <row r="75869" spans="8:8">
      <c r="H75869" s="12"/>
    </row>
    <row r="75870" spans="8:8">
      <c r="H75870" s="12"/>
    </row>
    <row r="75871" spans="8:8">
      <c r="H75871" s="12"/>
    </row>
    <row r="75872" spans="8:8">
      <c r="H75872" s="12"/>
    </row>
    <row r="75873" spans="8:8">
      <c r="H75873" s="12"/>
    </row>
    <row r="75874" spans="8:8">
      <c r="H75874" s="12"/>
    </row>
    <row r="75875" spans="8:8">
      <c r="H75875" s="12"/>
    </row>
    <row r="75876" spans="8:8">
      <c r="H75876" s="12"/>
    </row>
    <row r="75877" spans="8:8">
      <c r="H75877" s="12"/>
    </row>
    <row r="75878" spans="8:8">
      <c r="H75878" s="12"/>
    </row>
    <row r="75879" spans="8:8">
      <c r="H75879" s="12"/>
    </row>
    <row r="75880" spans="8:8">
      <c r="H75880" s="12"/>
    </row>
    <row r="75881" spans="8:8">
      <c r="H75881" s="12"/>
    </row>
    <row r="75882" spans="8:8">
      <c r="H75882" s="12"/>
    </row>
    <row r="75883" spans="8:8">
      <c r="H75883" s="12"/>
    </row>
    <row r="75884" spans="8:8">
      <c r="H75884" s="12"/>
    </row>
    <row r="75885" spans="8:8">
      <c r="H75885" s="12"/>
    </row>
    <row r="75886" spans="8:8">
      <c r="H75886" s="12"/>
    </row>
    <row r="75887" spans="8:8">
      <c r="H75887" s="12"/>
    </row>
    <row r="75888" spans="8:8">
      <c r="H75888" s="12"/>
    </row>
    <row r="75889" spans="8:8">
      <c r="H75889" s="12"/>
    </row>
    <row r="75890" spans="8:8">
      <c r="H75890" s="12"/>
    </row>
    <row r="75891" spans="8:8">
      <c r="H75891" s="12"/>
    </row>
    <row r="75892" spans="8:8">
      <c r="H75892" s="12"/>
    </row>
    <row r="75893" spans="8:8">
      <c r="H75893" s="12"/>
    </row>
    <row r="75894" spans="8:8">
      <c r="H75894" s="12"/>
    </row>
    <row r="75895" spans="8:8">
      <c r="H75895" s="12"/>
    </row>
    <row r="75896" spans="8:8">
      <c r="H75896" s="12"/>
    </row>
    <row r="75897" spans="8:8">
      <c r="H75897" s="12"/>
    </row>
    <row r="75898" spans="8:8">
      <c r="H75898" s="12"/>
    </row>
    <row r="75899" spans="8:8">
      <c r="H75899" s="12"/>
    </row>
    <row r="75900" spans="8:8">
      <c r="H75900" s="12"/>
    </row>
    <row r="75901" spans="8:8">
      <c r="H75901" s="12"/>
    </row>
    <row r="75902" spans="8:8">
      <c r="H75902" s="12"/>
    </row>
    <row r="75903" spans="8:8">
      <c r="H75903" s="12"/>
    </row>
    <row r="75904" spans="8:8">
      <c r="H75904" s="12"/>
    </row>
    <row r="75905" spans="8:8">
      <c r="H75905" s="12"/>
    </row>
    <row r="75906" spans="8:8">
      <c r="H75906" s="12"/>
    </row>
    <row r="75907" spans="8:8">
      <c r="H75907" s="12"/>
    </row>
    <row r="75908" spans="8:8">
      <c r="H75908" s="12"/>
    </row>
    <row r="75909" spans="8:8">
      <c r="H75909" s="12"/>
    </row>
    <row r="75910" spans="8:8">
      <c r="H75910" s="12"/>
    </row>
    <row r="75911" spans="8:8">
      <c r="H75911" s="12"/>
    </row>
    <row r="75912" spans="8:8">
      <c r="H75912" s="12"/>
    </row>
    <row r="75913" spans="8:8">
      <c r="H75913" s="12"/>
    </row>
    <row r="75914" spans="8:8">
      <c r="H75914" s="12"/>
    </row>
    <row r="75915" spans="8:8">
      <c r="H75915" s="12"/>
    </row>
    <row r="75916" spans="8:8">
      <c r="H75916" s="12"/>
    </row>
    <row r="75917" spans="8:8">
      <c r="H75917" s="12"/>
    </row>
    <row r="75918" spans="8:8">
      <c r="H75918" s="12"/>
    </row>
    <row r="75919" spans="8:8">
      <c r="H75919" s="12"/>
    </row>
    <row r="75920" spans="8:8">
      <c r="H75920" s="12"/>
    </row>
    <row r="75921" spans="8:8">
      <c r="H75921" s="12"/>
    </row>
    <row r="75922" spans="8:8">
      <c r="H75922" s="12"/>
    </row>
    <row r="75923" spans="8:8">
      <c r="H75923" s="12"/>
    </row>
    <row r="75924" spans="8:8">
      <c r="H75924" s="12"/>
    </row>
    <row r="75925" spans="8:8">
      <c r="H75925" s="12"/>
    </row>
    <row r="75926" spans="8:8">
      <c r="H75926" s="12"/>
    </row>
    <row r="75927" spans="8:8">
      <c r="H75927" s="12"/>
    </row>
    <row r="75928" spans="8:8">
      <c r="H75928" s="12"/>
    </row>
    <row r="75929" spans="8:8">
      <c r="H75929" s="12"/>
    </row>
    <row r="75930" spans="8:8">
      <c r="H75930" s="12"/>
    </row>
    <row r="75931" spans="8:8">
      <c r="H75931" s="12"/>
    </row>
    <row r="75932" spans="8:8">
      <c r="H75932" s="12"/>
    </row>
    <row r="75933" spans="8:8">
      <c r="H75933" s="12"/>
    </row>
    <row r="75934" spans="8:8">
      <c r="H75934" s="12"/>
    </row>
    <row r="75935" spans="8:8">
      <c r="H75935" s="12"/>
    </row>
    <row r="75936" spans="8:8">
      <c r="H75936" s="12"/>
    </row>
    <row r="75937" spans="8:8">
      <c r="H75937" s="12"/>
    </row>
    <row r="75938" spans="8:8">
      <c r="H75938" s="12"/>
    </row>
    <row r="75939" spans="8:8">
      <c r="H75939" s="12"/>
    </row>
    <row r="75940" spans="8:8">
      <c r="H75940" s="12"/>
    </row>
    <row r="75941" spans="8:8">
      <c r="H75941" s="12"/>
    </row>
    <row r="75942" spans="8:8">
      <c r="H75942" s="12"/>
    </row>
    <row r="75943" spans="8:8">
      <c r="H75943" s="12"/>
    </row>
    <row r="75944" spans="8:8">
      <c r="H75944" s="12"/>
    </row>
    <row r="75945" spans="8:8">
      <c r="H75945" s="12"/>
    </row>
    <row r="75946" spans="8:8">
      <c r="H75946" s="12"/>
    </row>
    <row r="75947" spans="8:8">
      <c r="H75947" s="12"/>
    </row>
    <row r="75948" spans="8:8">
      <c r="H75948" s="12"/>
    </row>
    <row r="75949" spans="8:8">
      <c r="H75949" s="12"/>
    </row>
    <row r="75950" spans="8:8">
      <c r="H75950" s="12"/>
    </row>
    <row r="75951" spans="8:8">
      <c r="H75951" s="12"/>
    </row>
    <row r="75952" spans="8:8">
      <c r="H75952" s="12"/>
    </row>
    <row r="75953" spans="8:8">
      <c r="H75953" s="12"/>
    </row>
    <row r="75954" spans="8:8">
      <c r="H75954" s="12"/>
    </row>
    <row r="75955" spans="8:8">
      <c r="H75955" s="12"/>
    </row>
    <row r="75956" spans="8:8">
      <c r="H75956" s="12"/>
    </row>
    <row r="75957" spans="8:8">
      <c r="H75957" s="12"/>
    </row>
    <row r="75958" spans="8:8">
      <c r="H75958" s="12"/>
    </row>
    <row r="75959" spans="8:8">
      <c r="H75959" s="12"/>
    </row>
    <row r="75960" spans="8:8">
      <c r="H75960" s="12"/>
    </row>
    <row r="75961" spans="8:8">
      <c r="H75961" s="12"/>
    </row>
    <row r="75962" spans="8:8">
      <c r="H75962" s="12"/>
    </row>
    <row r="75963" spans="8:8">
      <c r="H75963" s="12"/>
    </row>
    <row r="75964" spans="8:8">
      <c r="H75964" s="12"/>
    </row>
    <row r="75965" spans="8:8">
      <c r="H75965" s="12"/>
    </row>
    <row r="75966" spans="8:8">
      <c r="H75966" s="12"/>
    </row>
    <row r="75967" spans="8:8">
      <c r="H75967" s="12"/>
    </row>
    <row r="75968" spans="8:8">
      <c r="H75968" s="12"/>
    </row>
    <row r="75969" spans="8:8">
      <c r="H75969" s="12"/>
    </row>
    <row r="75970" spans="8:8">
      <c r="H75970" s="12"/>
    </row>
    <row r="75971" spans="8:8">
      <c r="H75971" s="12"/>
    </row>
    <row r="75972" spans="8:8">
      <c r="H75972" s="12"/>
    </row>
    <row r="75973" spans="8:8">
      <c r="H75973" s="12"/>
    </row>
    <row r="75974" spans="8:8">
      <c r="H75974" s="12"/>
    </row>
    <row r="75975" spans="8:8">
      <c r="H75975" s="12"/>
    </row>
    <row r="75976" spans="8:8">
      <c r="H75976" s="12"/>
    </row>
    <row r="75977" spans="8:8">
      <c r="H75977" s="12"/>
    </row>
    <row r="75978" spans="8:8">
      <c r="H75978" s="12"/>
    </row>
    <row r="75979" spans="8:8">
      <c r="H75979" s="12"/>
    </row>
    <row r="75980" spans="8:8">
      <c r="H75980" s="12"/>
    </row>
    <row r="75981" spans="8:8">
      <c r="H75981" s="12"/>
    </row>
    <row r="75982" spans="8:8">
      <c r="H75982" s="12"/>
    </row>
    <row r="75983" spans="8:8">
      <c r="H75983" s="12"/>
    </row>
    <row r="75984" spans="8:8">
      <c r="H75984" s="12"/>
    </row>
    <row r="75985" spans="8:8">
      <c r="H75985" s="12"/>
    </row>
    <row r="75986" spans="8:8">
      <c r="H75986" s="12"/>
    </row>
    <row r="75987" spans="8:8">
      <c r="H75987" s="12"/>
    </row>
    <row r="75988" spans="8:8">
      <c r="H75988" s="12"/>
    </row>
    <row r="75989" spans="8:8">
      <c r="H75989" s="12"/>
    </row>
    <row r="75990" spans="8:8">
      <c r="H75990" s="12"/>
    </row>
    <row r="75991" spans="8:8">
      <c r="H75991" s="12"/>
    </row>
    <row r="75992" spans="8:8">
      <c r="H75992" s="12"/>
    </row>
    <row r="75993" spans="8:8">
      <c r="H75993" s="12"/>
    </row>
    <row r="75994" spans="8:8">
      <c r="H75994" s="12"/>
    </row>
    <row r="75995" spans="8:8">
      <c r="H75995" s="12"/>
    </row>
    <row r="75996" spans="8:8">
      <c r="H75996" s="12"/>
    </row>
    <row r="75997" spans="8:8">
      <c r="H75997" s="12"/>
    </row>
    <row r="75998" spans="8:8">
      <c r="H75998" s="12"/>
    </row>
    <row r="75999" spans="8:8">
      <c r="H75999" s="12"/>
    </row>
    <row r="76000" spans="8:8">
      <c r="H76000" s="12"/>
    </row>
    <row r="76001" spans="8:8">
      <c r="H76001" s="12"/>
    </row>
    <row r="76002" spans="8:8">
      <c r="H76002" s="12"/>
    </row>
    <row r="76003" spans="8:8">
      <c r="H76003" s="12"/>
    </row>
    <row r="76004" spans="8:8">
      <c r="H76004" s="12"/>
    </row>
    <row r="76005" spans="8:8">
      <c r="H76005" s="12"/>
    </row>
    <row r="76006" spans="8:8">
      <c r="H76006" s="12"/>
    </row>
    <row r="76007" spans="8:8">
      <c r="H76007" s="12"/>
    </row>
    <row r="76008" spans="8:8">
      <c r="H76008" s="12"/>
    </row>
    <row r="76009" spans="8:8">
      <c r="H76009" s="12"/>
    </row>
    <row r="76010" spans="8:8">
      <c r="H76010" s="12"/>
    </row>
    <row r="76011" spans="8:8">
      <c r="H76011" s="12"/>
    </row>
    <row r="76012" spans="8:8">
      <c r="H76012" s="12"/>
    </row>
    <row r="76013" spans="8:8">
      <c r="H76013" s="12"/>
    </row>
    <row r="76014" spans="8:8">
      <c r="H76014" s="12"/>
    </row>
    <row r="76015" spans="8:8">
      <c r="H76015" s="12"/>
    </row>
    <row r="76016" spans="8:8">
      <c r="H76016" s="12"/>
    </row>
    <row r="76017" spans="8:8">
      <c r="H76017" s="12"/>
    </row>
    <row r="76018" spans="8:8">
      <c r="H76018" s="12"/>
    </row>
    <row r="76019" spans="8:8">
      <c r="H76019" s="12"/>
    </row>
    <row r="76020" spans="8:8">
      <c r="H76020" s="12"/>
    </row>
    <row r="76021" spans="8:8">
      <c r="H76021" s="12"/>
    </row>
    <row r="76022" spans="8:8">
      <c r="H76022" s="12"/>
    </row>
    <row r="76023" spans="8:8">
      <c r="H76023" s="12"/>
    </row>
    <row r="76024" spans="8:8">
      <c r="H76024" s="12"/>
    </row>
    <row r="76025" spans="8:8">
      <c r="H76025" s="12"/>
    </row>
    <row r="76026" spans="8:8">
      <c r="H76026" s="12"/>
    </row>
    <row r="76027" spans="8:8">
      <c r="H76027" s="12"/>
    </row>
    <row r="76028" spans="8:8">
      <c r="H76028" s="12"/>
    </row>
    <row r="76029" spans="8:8">
      <c r="H76029" s="12"/>
    </row>
    <row r="76030" spans="8:8">
      <c r="H76030" s="12"/>
    </row>
    <row r="76031" spans="8:8">
      <c r="H76031" s="12"/>
    </row>
    <row r="76032" spans="8:8">
      <c r="H76032" s="12"/>
    </row>
    <row r="76033" spans="8:8">
      <c r="H76033" s="12"/>
    </row>
    <row r="76034" spans="8:8">
      <c r="H76034" s="12"/>
    </row>
    <row r="76035" spans="8:8">
      <c r="H76035" s="12"/>
    </row>
    <row r="76036" spans="8:8">
      <c r="H76036" s="12"/>
    </row>
    <row r="76037" spans="8:8">
      <c r="H76037" s="12"/>
    </row>
    <row r="76038" spans="8:8">
      <c r="H76038" s="12"/>
    </row>
    <row r="76039" spans="8:8">
      <c r="H76039" s="12"/>
    </row>
    <row r="76040" spans="8:8">
      <c r="H76040" s="12"/>
    </row>
    <row r="76041" spans="8:8">
      <c r="H76041" s="12"/>
    </row>
    <row r="76042" spans="8:8">
      <c r="H76042" s="12"/>
    </row>
    <row r="76043" spans="8:8">
      <c r="H76043" s="12"/>
    </row>
    <row r="76044" spans="8:8">
      <c r="H76044" s="12"/>
    </row>
    <row r="76045" spans="8:8">
      <c r="H76045" s="12"/>
    </row>
    <row r="76046" spans="8:8">
      <c r="H76046" s="12"/>
    </row>
    <row r="76047" spans="8:8">
      <c r="H76047" s="12"/>
    </row>
    <row r="76048" spans="8:8">
      <c r="H76048" s="12"/>
    </row>
    <row r="76049" spans="8:8">
      <c r="H76049" s="12"/>
    </row>
    <row r="76050" spans="8:8">
      <c r="H76050" s="12"/>
    </row>
    <row r="76051" spans="8:8">
      <c r="H76051" s="12"/>
    </row>
    <row r="76052" spans="8:8">
      <c r="H76052" s="12"/>
    </row>
    <row r="76053" spans="8:8">
      <c r="H76053" s="12"/>
    </row>
    <row r="76054" spans="8:8">
      <c r="H76054" s="12"/>
    </row>
    <row r="76055" spans="8:8">
      <c r="H76055" s="12"/>
    </row>
    <row r="76056" spans="8:8">
      <c r="H76056" s="12"/>
    </row>
    <row r="76057" spans="8:8">
      <c r="H76057" s="12"/>
    </row>
    <row r="76058" spans="8:8">
      <c r="H76058" s="12"/>
    </row>
    <row r="76059" spans="8:8">
      <c r="H76059" s="12"/>
    </row>
    <row r="76060" spans="8:8">
      <c r="H76060" s="12"/>
    </row>
    <row r="76061" spans="8:8">
      <c r="H76061" s="12"/>
    </row>
    <row r="76062" spans="8:8">
      <c r="H76062" s="12"/>
    </row>
    <row r="76063" spans="8:8">
      <c r="H76063" s="12"/>
    </row>
    <row r="76064" spans="8:8">
      <c r="H76064" s="12"/>
    </row>
    <row r="76065" spans="8:8">
      <c r="H76065" s="12"/>
    </row>
    <row r="76066" spans="8:8">
      <c r="H76066" s="12"/>
    </row>
    <row r="76067" spans="8:8">
      <c r="H76067" s="12"/>
    </row>
    <row r="76068" spans="8:8">
      <c r="H76068" s="12"/>
    </row>
    <row r="76069" spans="8:8">
      <c r="H76069" s="12"/>
    </row>
    <row r="76070" spans="8:8">
      <c r="H76070" s="12"/>
    </row>
    <row r="76071" spans="8:8">
      <c r="H76071" s="12"/>
    </row>
    <row r="76072" spans="8:8">
      <c r="H76072" s="12"/>
    </row>
    <row r="76073" spans="8:8">
      <c r="H76073" s="12"/>
    </row>
    <row r="76074" spans="8:8">
      <c r="H76074" s="12"/>
    </row>
    <row r="76075" spans="8:8">
      <c r="H76075" s="12"/>
    </row>
    <row r="76076" spans="8:8">
      <c r="H76076" s="12"/>
    </row>
    <row r="76077" spans="8:8">
      <c r="H76077" s="12"/>
    </row>
    <row r="76078" spans="8:8">
      <c r="H76078" s="12"/>
    </row>
    <row r="76079" spans="8:8">
      <c r="H76079" s="12"/>
    </row>
    <row r="76080" spans="8:8">
      <c r="H76080" s="12"/>
    </row>
    <row r="76081" spans="8:8">
      <c r="H76081" s="12"/>
    </row>
    <row r="76082" spans="8:8">
      <c r="H76082" s="12"/>
    </row>
    <row r="76083" spans="8:8">
      <c r="H76083" s="12"/>
    </row>
    <row r="76084" spans="8:8">
      <c r="H76084" s="12"/>
    </row>
    <row r="76085" spans="8:8">
      <c r="H76085" s="12"/>
    </row>
    <row r="76086" spans="8:8">
      <c r="H76086" s="12"/>
    </row>
    <row r="76087" spans="8:8">
      <c r="H76087" s="12"/>
    </row>
    <row r="76088" spans="8:8">
      <c r="H76088" s="12"/>
    </row>
    <row r="76089" spans="8:8">
      <c r="H76089" s="12"/>
    </row>
    <row r="76090" spans="8:8">
      <c r="H76090" s="12"/>
    </row>
    <row r="76091" spans="8:8">
      <c r="H76091" s="12"/>
    </row>
    <row r="76092" spans="8:8">
      <c r="H76092" s="12"/>
    </row>
    <row r="76093" spans="8:8">
      <c r="H76093" s="12"/>
    </row>
    <row r="76094" spans="8:8">
      <c r="H76094" s="12"/>
    </row>
    <row r="76095" spans="8:8">
      <c r="H76095" s="12"/>
    </row>
    <row r="76096" spans="8:8">
      <c r="H76096" s="12"/>
    </row>
    <row r="76097" spans="8:8">
      <c r="H76097" s="12"/>
    </row>
    <row r="76098" spans="8:8">
      <c r="H76098" s="12"/>
    </row>
    <row r="76099" spans="8:8">
      <c r="H76099" s="12"/>
    </row>
    <row r="76100" spans="8:8">
      <c r="H76100" s="12"/>
    </row>
    <row r="76101" spans="8:8">
      <c r="H76101" s="12"/>
    </row>
    <row r="76102" spans="8:8">
      <c r="H76102" s="12"/>
    </row>
    <row r="76103" spans="8:8">
      <c r="H76103" s="12"/>
    </row>
    <row r="76104" spans="8:8">
      <c r="H76104" s="12"/>
    </row>
    <row r="76105" spans="8:8">
      <c r="H76105" s="12"/>
    </row>
    <row r="76106" spans="8:8">
      <c r="H76106" s="12"/>
    </row>
    <row r="76107" spans="8:8">
      <c r="H76107" s="12"/>
    </row>
    <row r="76108" spans="8:8">
      <c r="H76108" s="12"/>
    </row>
    <row r="76109" spans="8:8">
      <c r="H76109" s="12"/>
    </row>
    <row r="76110" spans="8:8">
      <c r="H76110" s="12"/>
    </row>
    <row r="76111" spans="8:8">
      <c r="H76111" s="12"/>
    </row>
    <row r="76112" spans="8:8">
      <c r="H76112" s="12"/>
    </row>
    <row r="76113" spans="8:8">
      <c r="H76113" s="12"/>
    </row>
    <row r="76114" spans="8:8">
      <c r="H76114" s="12"/>
    </row>
    <row r="76115" spans="8:8">
      <c r="H76115" s="12"/>
    </row>
    <row r="76116" spans="8:8">
      <c r="H76116" s="12"/>
    </row>
    <row r="76117" spans="8:8">
      <c r="H76117" s="12"/>
    </row>
    <row r="76118" spans="8:8">
      <c r="H76118" s="12"/>
    </row>
    <row r="76119" spans="8:8">
      <c r="H76119" s="12"/>
    </row>
    <row r="76120" spans="8:8">
      <c r="H76120" s="12"/>
    </row>
    <row r="76121" spans="8:8">
      <c r="H76121" s="12"/>
    </row>
    <row r="76122" spans="8:8">
      <c r="H76122" s="12"/>
    </row>
    <row r="76123" spans="8:8">
      <c r="H76123" s="12"/>
    </row>
    <row r="76124" spans="8:8">
      <c r="H76124" s="12"/>
    </row>
    <row r="76125" spans="8:8">
      <c r="H76125" s="12"/>
    </row>
    <row r="76126" spans="8:8">
      <c r="H76126" s="12"/>
    </row>
    <row r="76127" spans="8:8">
      <c r="H76127" s="12"/>
    </row>
    <row r="76128" spans="8:8">
      <c r="H76128" s="12"/>
    </row>
    <row r="76129" spans="8:8">
      <c r="H76129" s="12"/>
    </row>
    <row r="76130" spans="8:8">
      <c r="H76130" s="12"/>
    </row>
    <row r="76131" spans="8:8">
      <c r="H76131" s="12"/>
    </row>
    <row r="76132" spans="8:8">
      <c r="H76132" s="12"/>
    </row>
    <row r="76133" spans="8:8">
      <c r="H76133" s="12"/>
    </row>
    <row r="76134" spans="8:8">
      <c r="H76134" s="12"/>
    </row>
    <row r="76135" spans="8:8">
      <c r="H76135" s="12"/>
    </row>
    <row r="76136" spans="8:8">
      <c r="H76136" s="12"/>
    </row>
    <row r="76137" spans="8:8">
      <c r="H76137" s="12"/>
    </row>
    <row r="76138" spans="8:8">
      <c r="H76138" s="12"/>
    </row>
    <row r="76139" spans="8:8">
      <c r="H76139" s="12"/>
    </row>
    <row r="76140" spans="8:8">
      <c r="H76140" s="12"/>
    </row>
    <row r="76141" spans="8:8">
      <c r="H76141" s="12"/>
    </row>
    <row r="76142" spans="8:8">
      <c r="H76142" s="12"/>
    </row>
    <row r="76143" spans="8:8">
      <c r="H76143" s="12"/>
    </row>
    <row r="76144" spans="8:8">
      <c r="H76144" s="12"/>
    </row>
    <row r="76145" spans="8:8">
      <c r="H76145" s="12"/>
    </row>
    <row r="76146" spans="8:8">
      <c r="H76146" s="12"/>
    </row>
    <row r="76147" spans="8:8">
      <c r="H76147" s="12"/>
    </row>
    <row r="76148" spans="8:8">
      <c r="H76148" s="12"/>
    </row>
    <row r="76149" spans="8:8">
      <c r="H76149" s="12"/>
    </row>
    <row r="76150" spans="8:8">
      <c r="H76150" s="12"/>
    </row>
    <row r="76151" spans="8:8">
      <c r="H76151" s="12"/>
    </row>
    <row r="76152" spans="8:8">
      <c r="H76152" s="12"/>
    </row>
    <row r="76153" spans="8:8">
      <c r="H76153" s="12"/>
    </row>
    <row r="76154" spans="8:8">
      <c r="H76154" s="12"/>
    </row>
    <row r="76155" spans="8:8">
      <c r="H76155" s="12"/>
    </row>
    <row r="76156" spans="8:8">
      <c r="H76156" s="12"/>
    </row>
    <row r="76157" spans="8:8">
      <c r="H76157" s="12"/>
    </row>
    <row r="76158" spans="8:8">
      <c r="H76158" s="12"/>
    </row>
    <row r="76159" spans="8:8">
      <c r="H76159" s="12"/>
    </row>
    <row r="76160" spans="8:8">
      <c r="H76160" s="12"/>
    </row>
    <row r="76161" spans="8:8">
      <c r="H76161" s="12"/>
    </row>
    <row r="76162" spans="8:8">
      <c r="H76162" s="12"/>
    </row>
    <row r="76163" spans="8:8">
      <c r="H76163" s="12"/>
    </row>
    <row r="76164" spans="8:8">
      <c r="H76164" s="12"/>
    </row>
    <row r="76165" spans="8:8">
      <c r="H76165" s="12"/>
    </row>
    <row r="76166" spans="8:8">
      <c r="H76166" s="12"/>
    </row>
    <row r="76167" spans="8:8">
      <c r="H76167" s="12"/>
    </row>
    <row r="76168" spans="8:8">
      <c r="H76168" s="12"/>
    </row>
    <row r="76169" spans="8:8">
      <c r="H76169" s="12"/>
    </row>
    <row r="76170" spans="8:8">
      <c r="H76170" s="12"/>
    </row>
    <row r="76171" spans="8:8">
      <c r="H76171" s="12"/>
    </row>
    <row r="76172" spans="8:8">
      <c r="H76172" s="12"/>
    </row>
    <row r="76173" spans="8:8">
      <c r="H76173" s="12"/>
    </row>
    <row r="76174" spans="8:8">
      <c r="H76174" s="12"/>
    </row>
    <row r="76175" spans="8:8">
      <c r="H76175" s="12"/>
    </row>
    <row r="76176" spans="8:8">
      <c r="H76176" s="12"/>
    </row>
    <row r="76177" spans="8:8">
      <c r="H76177" s="12"/>
    </row>
    <row r="76178" spans="8:8">
      <c r="H76178" s="12"/>
    </row>
    <row r="76179" spans="8:8">
      <c r="H76179" s="12"/>
    </row>
    <row r="76180" spans="8:8">
      <c r="H76180" s="12"/>
    </row>
    <row r="76181" spans="8:8">
      <c r="H76181" s="12"/>
    </row>
    <row r="76182" spans="8:8">
      <c r="H76182" s="12"/>
    </row>
    <row r="76183" spans="8:8">
      <c r="H76183" s="12"/>
    </row>
    <row r="76184" spans="8:8">
      <c r="H76184" s="12"/>
    </row>
    <row r="76185" spans="8:8">
      <c r="H76185" s="12"/>
    </row>
    <row r="76186" spans="8:8">
      <c r="H76186" s="12"/>
    </row>
    <row r="76187" spans="8:8">
      <c r="H76187" s="12"/>
    </row>
    <row r="76188" spans="8:8">
      <c r="H76188" s="12"/>
    </row>
    <row r="76189" spans="8:8">
      <c r="H76189" s="12"/>
    </row>
    <row r="76190" spans="8:8">
      <c r="H76190" s="12"/>
    </row>
    <row r="76191" spans="8:8">
      <c r="H76191" s="12"/>
    </row>
    <row r="76192" spans="8:8">
      <c r="H76192" s="12"/>
    </row>
    <row r="76193" spans="8:8">
      <c r="H76193" s="12"/>
    </row>
    <row r="76194" spans="8:8">
      <c r="H76194" s="12"/>
    </row>
    <row r="76195" spans="8:8">
      <c r="H76195" s="12"/>
    </row>
    <row r="76196" spans="8:8">
      <c r="H76196" s="12"/>
    </row>
    <row r="76197" spans="8:8">
      <c r="H76197" s="12"/>
    </row>
    <row r="76198" spans="8:8">
      <c r="H76198" s="12"/>
    </row>
    <row r="76199" spans="8:8">
      <c r="H76199" s="12"/>
    </row>
    <row r="76200" spans="8:8">
      <c r="H76200" s="12"/>
    </row>
    <row r="76201" spans="8:8">
      <c r="H76201" s="12"/>
    </row>
    <row r="76202" spans="8:8">
      <c r="H76202" s="12"/>
    </row>
    <row r="76203" spans="8:8">
      <c r="H76203" s="12"/>
    </row>
    <row r="76204" spans="8:8">
      <c r="H76204" s="12"/>
    </row>
    <row r="76205" spans="8:8">
      <c r="H76205" s="12"/>
    </row>
    <row r="76206" spans="8:8">
      <c r="H76206" s="12"/>
    </row>
    <row r="76207" spans="8:8">
      <c r="H76207" s="12"/>
    </row>
    <row r="76208" spans="8:8">
      <c r="H76208" s="12"/>
    </row>
    <row r="76209" spans="8:8">
      <c r="H76209" s="12"/>
    </row>
    <row r="76210" spans="8:8">
      <c r="H76210" s="12"/>
    </row>
    <row r="76211" spans="8:8">
      <c r="H76211" s="12"/>
    </row>
    <row r="76212" spans="8:8">
      <c r="H76212" s="12"/>
    </row>
    <row r="76213" spans="8:8">
      <c r="H76213" s="12"/>
    </row>
    <row r="76214" spans="8:8">
      <c r="H76214" s="12"/>
    </row>
    <row r="76215" spans="8:8">
      <c r="H76215" s="12"/>
    </row>
    <row r="76216" spans="8:8">
      <c r="H76216" s="12"/>
    </row>
    <row r="76217" spans="8:8">
      <c r="H76217" s="12"/>
    </row>
    <row r="76218" spans="8:8">
      <c r="H76218" s="12"/>
    </row>
    <row r="76219" spans="8:8">
      <c r="H76219" s="12"/>
    </row>
    <row r="76220" spans="8:8">
      <c r="H76220" s="12"/>
    </row>
    <row r="76221" spans="8:8">
      <c r="H76221" s="12"/>
    </row>
    <row r="76222" spans="8:8">
      <c r="H76222" s="12"/>
    </row>
    <row r="76223" spans="8:8">
      <c r="H76223" s="12"/>
    </row>
    <row r="76224" spans="8:8">
      <c r="H76224" s="12"/>
    </row>
    <row r="76225" spans="8:8">
      <c r="H76225" s="12"/>
    </row>
    <row r="76226" spans="8:8">
      <c r="H76226" s="12"/>
    </row>
    <row r="76227" spans="8:8">
      <c r="H76227" s="12"/>
    </row>
    <row r="76228" spans="8:8">
      <c r="H76228" s="12"/>
    </row>
    <row r="76229" spans="8:8">
      <c r="H76229" s="12"/>
    </row>
    <row r="76230" spans="8:8">
      <c r="H76230" s="12"/>
    </row>
    <row r="76231" spans="8:8">
      <c r="H76231" s="12"/>
    </row>
    <row r="76232" spans="8:8">
      <c r="H76232" s="12"/>
    </row>
    <row r="76233" spans="8:8">
      <c r="H76233" s="12"/>
    </row>
    <row r="76234" spans="8:8">
      <c r="H76234" s="12"/>
    </row>
    <row r="76235" spans="8:8">
      <c r="H76235" s="12"/>
    </row>
    <row r="76236" spans="8:8">
      <c r="H76236" s="12"/>
    </row>
    <row r="76237" spans="8:8">
      <c r="H76237" s="12"/>
    </row>
    <row r="76238" spans="8:8">
      <c r="H76238" s="12"/>
    </row>
    <row r="76239" spans="8:8">
      <c r="H76239" s="12"/>
    </row>
    <row r="76240" spans="8:8">
      <c r="H76240" s="12"/>
    </row>
    <row r="76241" spans="8:8">
      <c r="H76241" s="12"/>
    </row>
    <row r="76242" spans="8:8">
      <c r="H76242" s="12"/>
    </row>
    <row r="76243" spans="8:8">
      <c r="H76243" s="12"/>
    </row>
    <row r="76244" spans="8:8">
      <c r="H76244" s="12"/>
    </row>
    <row r="76245" spans="8:8">
      <c r="H76245" s="12"/>
    </row>
    <row r="76246" spans="8:8">
      <c r="H76246" s="12"/>
    </row>
    <row r="76247" spans="8:8">
      <c r="H76247" s="12"/>
    </row>
    <row r="76248" spans="8:8">
      <c r="H76248" s="12"/>
    </row>
    <row r="76249" spans="8:8">
      <c r="H76249" s="12"/>
    </row>
    <row r="76250" spans="8:8">
      <c r="H76250" s="12"/>
    </row>
    <row r="76251" spans="8:8">
      <c r="H76251" s="12"/>
    </row>
    <row r="76252" spans="8:8">
      <c r="H76252" s="12"/>
    </row>
    <row r="76253" spans="8:8">
      <c r="H76253" s="12"/>
    </row>
    <row r="76254" spans="8:8">
      <c r="H76254" s="12"/>
    </row>
    <row r="76255" spans="8:8">
      <c r="H76255" s="12"/>
    </row>
    <row r="76256" spans="8:8">
      <c r="H76256" s="12"/>
    </row>
    <row r="76257" spans="8:8">
      <c r="H76257" s="12"/>
    </row>
    <row r="76258" spans="8:8">
      <c r="H76258" s="12"/>
    </row>
    <row r="76259" spans="8:8">
      <c r="H76259" s="12"/>
    </row>
    <row r="76260" spans="8:8">
      <c r="H76260" s="12"/>
    </row>
    <row r="76261" spans="8:8">
      <c r="H76261" s="12"/>
    </row>
    <row r="76262" spans="8:8">
      <c r="H76262" s="12"/>
    </row>
    <row r="76263" spans="8:8">
      <c r="H76263" s="12"/>
    </row>
    <row r="76264" spans="8:8">
      <c r="H76264" s="12"/>
    </row>
    <row r="76265" spans="8:8">
      <c r="H76265" s="12"/>
    </row>
    <row r="76266" spans="8:8">
      <c r="H76266" s="12"/>
    </row>
    <row r="76267" spans="8:8">
      <c r="H76267" s="12"/>
    </row>
    <row r="76268" spans="8:8">
      <c r="H76268" s="12"/>
    </row>
    <row r="76269" spans="8:8">
      <c r="H76269" s="12"/>
    </row>
    <row r="76270" spans="8:8">
      <c r="H76270" s="12"/>
    </row>
    <row r="76271" spans="8:8">
      <c r="H76271" s="12"/>
    </row>
    <row r="76272" spans="8:8">
      <c r="H76272" s="12"/>
    </row>
    <row r="76273" spans="8:8">
      <c r="H76273" s="12"/>
    </row>
    <row r="76274" spans="8:8">
      <c r="H76274" s="12"/>
    </row>
    <row r="76275" spans="8:8">
      <c r="H76275" s="12"/>
    </row>
    <row r="76276" spans="8:8">
      <c r="H76276" s="12"/>
    </row>
    <row r="76277" spans="8:8">
      <c r="H76277" s="12"/>
    </row>
    <row r="76278" spans="8:8">
      <c r="H76278" s="12"/>
    </row>
    <row r="76279" spans="8:8">
      <c r="H76279" s="12"/>
    </row>
    <row r="76280" spans="8:8">
      <c r="H76280" s="12"/>
    </row>
    <row r="76281" spans="8:8">
      <c r="H76281" s="12"/>
    </row>
    <row r="76282" spans="8:8">
      <c r="H76282" s="12"/>
    </row>
    <row r="76283" spans="8:8">
      <c r="H76283" s="12"/>
    </row>
    <row r="76284" spans="8:8">
      <c r="H76284" s="12"/>
    </row>
    <row r="76285" spans="8:8">
      <c r="H76285" s="12"/>
    </row>
    <row r="76286" spans="8:8">
      <c r="H76286" s="12"/>
    </row>
    <row r="76287" spans="8:8">
      <c r="H76287" s="12"/>
    </row>
    <row r="76288" spans="8:8">
      <c r="H76288" s="12"/>
    </row>
    <row r="76289" spans="8:8">
      <c r="H76289" s="12"/>
    </row>
    <row r="76290" spans="8:8">
      <c r="H76290" s="12"/>
    </row>
    <row r="76291" spans="8:8">
      <c r="H76291" s="12"/>
    </row>
    <row r="76292" spans="8:8">
      <c r="H76292" s="12"/>
    </row>
    <row r="76293" spans="8:8">
      <c r="H76293" s="12"/>
    </row>
    <row r="76294" spans="8:8">
      <c r="H76294" s="12"/>
    </row>
    <row r="76295" spans="8:8">
      <c r="H76295" s="12"/>
    </row>
    <row r="76296" spans="8:8">
      <c r="H76296" s="12"/>
    </row>
    <row r="76297" spans="8:8">
      <c r="H76297" s="12"/>
    </row>
    <row r="76298" spans="8:8">
      <c r="H76298" s="12"/>
    </row>
    <row r="76299" spans="8:8">
      <c r="H76299" s="12"/>
    </row>
    <row r="76300" spans="8:8">
      <c r="H76300" s="12"/>
    </row>
    <row r="76301" spans="8:8">
      <c r="H76301" s="12"/>
    </row>
    <row r="76302" spans="8:8">
      <c r="H76302" s="12"/>
    </row>
    <row r="76303" spans="8:8">
      <c r="H76303" s="12"/>
    </row>
    <row r="76304" spans="8:8">
      <c r="H76304" s="12"/>
    </row>
    <row r="76305" spans="8:8">
      <c r="H76305" s="12"/>
    </row>
    <row r="76306" spans="8:8">
      <c r="H76306" s="12"/>
    </row>
    <row r="76307" spans="8:8">
      <c r="H76307" s="12"/>
    </row>
    <row r="76308" spans="8:8">
      <c r="H76308" s="12"/>
    </row>
    <row r="76309" spans="8:8">
      <c r="H76309" s="12"/>
    </row>
    <row r="76310" spans="8:8">
      <c r="H76310" s="12"/>
    </row>
    <row r="76311" spans="8:8">
      <c r="H76311" s="12"/>
    </row>
    <row r="76312" spans="8:8">
      <c r="H76312" s="12"/>
    </row>
    <row r="76313" spans="8:8">
      <c r="H76313" s="12"/>
    </row>
    <row r="76314" spans="8:8">
      <c r="H76314" s="12"/>
    </row>
    <row r="76315" spans="8:8">
      <c r="H76315" s="12"/>
    </row>
    <row r="76316" spans="8:8">
      <c r="H76316" s="12"/>
    </row>
    <row r="76317" spans="8:8">
      <c r="H76317" s="12"/>
    </row>
    <row r="76318" spans="8:8">
      <c r="H76318" s="12"/>
    </row>
    <row r="76319" spans="8:8">
      <c r="H76319" s="12"/>
    </row>
    <row r="76320" spans="8:8">
      <c r="H76320" s="12"/>
    </row>
    <row r="76321" spans="8:8">
      <c r="H76321" s="12"/>
    </row>
    <row r="76322" spans="8:8">
      <c r="H76322" s="12"/>
    </row>
    <row r="76323" spans="8:8">
      <c r="H76323" s="12"/>
    </row>
    <row r="76324" spans="8:8">
      <c r="H76324" s="12"/>
    </row>
    <row r="76325" spans="8:8">
      <c r="H76325" s="12"/>
    </row>
    <row r="76326" spans="8:8">
      <c r="H76326" s="12"/>
    </row>
    <row r="76327" spans="8:8">
      <c r="H76327" s="12"/>
    </row>
    <row r="76328" spans="8:8">
      <c r="H76328" s="12"/>
    </row>
    <row r="76329" spans="8:8">
      <c r="H76329" s="12"/>
    </row>
    <row r="76330" spans="8:8">
      <c r="H76330" s="12"/>
    </row>
    <row r="76331" spans="8:8">
      <c r="H76331" s="12"/>
    </row>
    <row r="76332" spans="8:8">
      <c r="H76332" s="12"/>
    </row>
    <row r="76333" spans="8:8">
      <c r="H76333" s="12"/>
    </row>
    <row r="76334" spans="8:8">
      <c r="H76334" s="12"/>
    </row>
    <row r="76335" spans="8:8">
      <c r="H76335" s="12"/>
    </row>
    <row r="76336" spans="8:8">
      <c r="H76336" s="12"/>
    </row>
    <row r="76337" spans="8:8">
      <c r="H76337" s="12"/>
    </row>
    <row r="76338" spans="8:8">
      <c r="H76338" s="12"/>
    </row>
    <row r="76339" spans="8:8">
      <c r="H76339" s="12"/>
    </row>
    <row r="76340" spans="8:8">
      <c r="H76340" s="12"/>
    </row>
    <row r="76341" spans="8:8">
      <c r="H76341" s="12"/>
    </row>
    <row r="76342" spans="8:8">
      <c r="H76342" s="12"/>
    </row>
    <row r="76343" spans="8:8">
      <c r="H76343" s="12"/>
    </row>
    <row r="76344" spans="8:8">
      <c r="H76344" s="12"/>
    </row>
    <row r="76345" spans="8:8">
      <c r="H76345" s="12"/>
    </row>
    <row r="76346" spans="8:8">
      <c r="H76346" s="12"/>
    </row>
    <row r="76347" spans="8:8">
      <c r="H76347" s="12"/>
    </row>
    <row r="76348" spans="8:8">
      <c r="H76348" s="12"/>
    </row>
    <row r="76349" spans="8:8">
      <c r="H76349" s="12"/>
    </row>
    <row r="76350" spans="8:8">
      <c r="H76350" s="12"/>
    </row>
    <row r="76351" spans="8:8">
      <c r="H76351" s="12"/>
    </row>
    <row r="76352" spans="8:8">
      <c r="H76352" s="12"/>
    </row>
    <row r="76353" spans="8:8">
      <c r="H76353" s="12"/>
    </row>
    <row r="76354" spans="8:8">
      <c r="H76354" s="12"/>
    </row>
    <row r="76355" spans="8:8">
      <c r="H76355" s="12"/>
    </row>
    <row r="76356" spans="8:8">
      <c r="H76356" s="12"/>
    </row>
    <row r="76357" spans="8:8">
      <c r="H76357" s="12"/>
    </row>
    <row r="76358" spans="8:8">
      <c r="H76358" s="12"/>
    </row>
    <row r="76359" spans="8:8">
      <c r="H76359" s="12"/>
    </row>
    <row r="76360" spans="8:8">
      <c r="H76360" s="12"/>
    </row>
    <row r="76361" spans="8:8">
      <c r="H76361" s="12"/>
    </row>
    <row r="76362" spans="8:8">
      <c r="H76362" s="12"/>
    </row>
    <row r="76363" spans="8:8">
      <c r="H76363" s="12"/>
    </row>
    <row r="76364" spans="8:8">
      <c r="H76364" s="12"/>
    </row>
    <row r="76365" spans="8:8">
      <c r="H76365" s="12"/>
    </row>
    <row r="76366" spans="8:8">
      <c r="H76366" s="12"/>
    </row>
    <row r="76367" spans="8:8">
      <c r="H76367" s="12"/>
    </row>
    <row r="76368" spans="8:8">
      <c r="H76368" s="12"/>
    </row>
    <row r="76369" spans="8:8">
      <c r="H76369" s="12"/>
    </row>
    <row r="76370" spans="8:8">
      <c r="H76370" s="12"/>
    </row>
    <row r="76371" spans="8:8">
      <c r="H76371" s="12"/>
    </row>
    <row r="76372" spans="8:8">
      <c r="H76372" s="12"/>
    </row>
    <row r="76373" spans="8:8">
      <c r="H76373" s="12"/>
    </row>
    <row r="76374" spans="8:8">
      <c r="H76374" s="12"/>
    </row>
    <row r="76375" spans="8:8">
      <c r="H76375" s="12"/>
    </row>
    <row r="76376" spans="8:8">
      <c r="H76376" s="12"/>
    </row>
    <row r="76377" spans="8:8">
      <c r="H76377" s="12"/>
    </row>
    <row r="76378" spans="8:8">
      <c r="H76378" s="12"/>
    </row>
    <row r="76379" spans="8:8">
      <c r="H76379" s="12"/>
    </row>
    <row r="76380" spans="8:8">
      <c r="H76380" s="12"/>
    </row>
    <row r="76381" spans="8:8">
      <c r="H76381" s="12"/>
    </row>
    <row r="76382" spans="8:8">
      <c r="H76382" s="12"/>
    </row>
    <row r="76383" spans="8:8">
      <c r="H76383" s="12"/>
    </row>
    <row r="76384" spans="8:8">
      <c r="H76384" s="12"/>
    </row>
    <row r="76385" spans="8:8">
      <c r="H76385" s="12"/>
    </row>
    <row r="76386" spans="8:8">
      <c r="H76386" s="12"/>
    </row>
    <row r="76387" spans="8:8">
      <c r="H76387" s="12"/>
    </row>
    <row r="76388" spans="8:8">
      <c r="H76388" s="12"/>
    </row>
    <row r="76389" spans="8:8">
      <c r="H76389" s="12"/>
    </row>
    <row r="76390" spans="8:8">
      <c r="H76390" s="12"/>
    </row>
    <row r="76391" spans="8:8">
      <c r="H76391" s="12"/>
    </row>
    <row r="76392" spans="8:8">
      <c r="H76392" s="12"/>
    </row>
    <row r="76393" spans="8:8">
      <c r="H76393" s="12"/>
    </row>
    <row r="76394" spans="8:8">
      <c r="H76394" s="12"/>
    </row>
    <row r="76395" spans="8:8">
      <c r="H76395" s="12"/>
    </row>
    <row r="76396" spans="8:8">
      <c r="H76396" s="12"/>
    </row>
    <row r="76397" spans="8:8">
      <c r="H76397" s="12"/>
    </row>
    <row r="76398" spans="8:8">
      <c r="H76398" s="12"/>
    </row>
    <row r="76399" spans="8:8">
      <c r="H76399" s="12"/>
    </row>
    <row r="76400" spans="8:8">
      <c r="H76400" s="12"/>
    </row>
    <row r="76401" spans="8:8">
      <c r="H76401" s="12"/>
    </row>
    <row r="76402" spans="8:8">
      <c r="H76402" s="12"/>
    </row>
    <row r="76403" spans="8:8">
      <c r="H76403" s="12"/>
    </row>
    <row r="76404" spans="8:8">
      <c r="H76404" s="12"/>
    </row>
    <row r="76405" spans="8:8">
      <c r="H76405" s="12"/>
    </row>
    <row r="76406" spans="8:8">
      <c r="H76406" s="12"/>
    </row>
    <row r="76407" spans="8:8">
      <c r="H76407" s="12"/>
    </row>
    <row r="76408" spans="8:8">
      <c r="H76408" s="12"/>
    </row>
    <row r="76409" spans="8:8">
      <c r="H76409" s="12"/>
    </row>
    <row r="76410" spans="8:8">
      <c r="H76410" s="12"/>
    </row>
    <row r="76411" spans="8:8">
      <c r="H76411" s="12"/>
    </row>
    <row r="76412" spans="8:8">
      <c r="H76412" s="12"/>
    </row>
    <row r="76413" spans="8:8">
      <c r="H76413" s="12"/>
    </row>
    <row r="76414" spans="8:8">
      <c r="H76414" s="12"/>
    </row>
    <row r="76415" spans="8:8">
      <c r="H76415" s="12"/>
    </row>
    <row r="76416" spans="8:8">
      <c r="H76416" s="12"/>
    </row>
    <row r="76417" spans="8:8">
      <c r="H76417" s="12"/>
    </row>
    <row r="76418" spans="8:8">
      <c r="H76418" s="12"/>
    </row>
    <row r="76419" spans="8:8">
      <c r="H76419" s="12"/>
    </row>
    <row r="76420" spans="8:8">
      <c r="H76420" s="12"/>
    </row>
    <row r="76421" spans="8:8">
      <c r="H76421" s="12"/>
    </row>
    <row r="76422" spans="8:8">
      <c r="H76422" s="12"/>
    </row>
    <row r="76423" spans="8:8">
      <c r="H76423" s="12"/>
    </row>
    <row r="76424" spans="8:8">
      <c r="H76424" s="12"/>
    </row>
    <row r="76425" spans="8:8">
      <c r="H76425" s="12"/>
    </row>
    <row r="76426" spans="8:8">
      <c r="H76426" s="12"/>
    </row>
    <row r="76427" spans="8:8">
      <c r="H76427" s="12"/>
    </row>
    <row r="76428" spans="8:8">
      <c r="H76428" s="12"/>
    </row>
    <row r="76429" spans="8:8">
      <c r="H76429" s="12"/>
    </row>
    <row r="76430" spans="8:8">
      <c r="H76430" s="12"/>
    </row>
    <row r="76431" spans="8:8">
      <c r="H76431" s="12"/>
    </row>
    <row r="76432" spans="8:8">
      <c r="H76432" s="12"/>
    </row>
    <row r="76433" spans="8:8">
      <c r="H76433" s="12"/>
    </row>
    <row r="76434" spans="8:8">
      <c r="H76434" s="12"/>
    </row>
    <row r="76435" spans="8:8">
      <c r="H76435" s="12"/>
    </row>
    <row r="76436" spans="8:8">
      <c r="H76436" s="12"/>
    </row>
    <row r="76437" spans="8:8">
      <c r="H76437" s="12"/>
    </row>
    <row r="76438" spans="8:8">
      <c r="H76438" s="12"/>
    </row>
    <row r="76439" spans="8:8">
      <c r="H76439" s="12"/>
    </row>
    <row r="76440" spans="8:8">
      <c r="H76440" s="12"/>
    </row>
    <row r="76441" spans="8:8">
      <c r="H76441" s="12"/>
    </row>
    <row r="76442" spans="8:8">
      <c r="H76442" s="12"/>
    </row>
    <row r="76443" spans="8:8">
      <c r="H76443" s="12"/>
    </row>
    <row r="76444" spans="8:8">
      <c r="H76444" s="12"/>
    </row>
    <row r="76445" spans="8:8">
      <c r="H76445" s="12"/>
    </row>
    <row r="76446" spans="8:8">
      <c r="H76446" s="12"/>
    </row>
    <row r="76447" spans="8:8">
      <c r="H76447" s="12"/>
    </row>
    <row r="76448" spans="8:8">
      <c r="H76448" s="12"/>
    </row>
    <row r="76449" spans="8:8">
      <c r="H76449" s="12"/>
    </row>
    <row r="76450" spans="8:8">
      <c r="H76450" s="12"/>
    </row>
    <row r="76451" spans="8:8">
      <c r="H76451" s="12"/>
    </row>
    <row r="76452" spans="8:8">
      <c r="H76452" s="12"/>
    </row>
    <row r="76453" spans="8:8">
      <c r="H76453" s="12"/>
    </row>
    <row r="76454" spans="8:8">
      <c r="H76454" s="12"/>
    </row>
    <row r="76455" spans="8:8">
      <c r="H76455" s="12"/>
    </row>
    <row r="76456" spans="8:8">
      <c r="H76456" s="12"/>
    </row>
    <row r="76457" spans="8:8">
      <c r="H76457" s="12"/>
    </row>
    <row r="76458" spans="8:8">
      <c r="H76458" s="12"/>
    </row>
    <row r="76459" spans="8:8">
      <c r="H76459" s="12"/>
    </row>
    <row r="76460" spans="8:8">
      <c r="H76460" s="12"/>
    </row>
    <row r="76461" spans="8:8">
      <c r="H76461" s="12"/>
    </row>
    <row r="76462" spans="8:8">
      <c r="H76462" s="12"/>
    </row>
    <row r="76463" spans="8:8">
      <c r="H76463" s="12"/>
    </row>
    <row r="76464" spans="8:8">
      <c r="H76464" s="12"/>
    </row>
    <row r="76465" spans="8:8">
      <c r="H76465" s="12"/>
    </row>
    <row r="76466" spans="8:8">
      <c r="H76466" s="12"/>
    </row>
    <row r="76467" spans="8:8">
      <c r="H76467" s="12"/>
    </row>
    <row r="76468" spans="8:8">
      <c r="H76468" s="12"/>
    </row>
    <row r="76469" spans="8:8">
      <c r="H76469" s="12"/>
    </row>
    <row r="76470" spans="8:8">
      <c r="H76470" s="12"/>
    </row>
    <row r="76471" spans="8:8">
      <c r="H76471" s="12"/>
    </row>
    <row r="76472" spans="8:8">
      <c r="H76472" s="12"/>
    </row>
    <row r="76473" spans="8:8">
      <c r="H76473" s="12"/>
    </row>
    <row r="76474" spans="8:8">
      <c r="H76474" s="12"/>
    </row>
    <row r="76475" spans="8:8">
      <c r="H76475" s="12"/>
    </row>
    <row r="76476" spans="8:8">
      <c r="H76476" s="12"/>
    </row>
    <row r="76477" spans="8:8">
      <c r="H76477" s="12"/>
    </row>
    <row r="76478" spans="8:8">
      <c r="H76478" s="12"/>
    </row>
    <row r="76479" spans="8:8">
      <c r="H76479" s="12"/>
    </row>
    <row r="76480" spans="8:8">
      <c r="H76480" s="12"/>
    </row>
    <row r="76481" spans="8:8">
      <c r="H76481" s="12"/>
    </row>
    <row r="76482" spans="8:8">
      <c r="H76482" s="12"/>
    </row>
    <row r="76483" spans="8:8">
      <c r="H76483" s="12"/>
    </row>
    <row r="76484" spans="8:8">
      <c r="H76484" s="12"/>
    </row>
    <row r="76485" spans="8:8">
      <c r="H76485" s="12"/>
    </row>
    <row r="76486" spans="8:8">
      <c r="H76486" s="12"/>
    </row>
    <row r="76487" spans="8:8">
      <c r="H76487" s="12"/>
    </row>
    <row r="76488" spans="8:8">
      <c r="H76488" s="12"/>
    </row>
    <row r="76489" spans="8:8">
      <c r="H76489" s="12"/>
    </row>
    <row r="76490" spans="8:8">
      <c r="H76490" s="12"/>
    </row>
    <row r="76491" spans="8:8">
      <c r="H76491" s="12"/>
    </row>
    <row r="76492" spans="8:8">
      <c r="H76492" s="12"/>
    </row>
    <row r="76493" spans="8:8">
      <c r="H76493" s="12"/>
    </row>
    <row r="76494" spans="8:8">
      <c r="H76494" s="12"/>
    </row>
    <row r="76495" spans="8:8">
      <c r="H76495" s="12"/>
    </row>
    <row r="76496" spans="8:8">
      <c r="H76496" s="12"/>
    </row>
    <row r="76497" spans="8:8">
      <c r="H76497" s="12"/>
    </row>
    <row r="76498" spans="8:8">
      <c r="H76498" s="12"/>
    </row>
    <row r="76499" spans="8:8">
      <c r="H76499" s="12"/>
    </row>
    <row r="76500" spans="8:8">
      <c r="H76500" s="12"/>
    </row>
    <row r="76501" spans="8:8">
      <c r="H76501" s="12"/>
    </row>
    <row r="76502" spans="8:8">
      <c r="H76502" s="12"/>
    </row>
    <row r="76503" spans="8:8">
      <c r="H76503" s="12"/>
    </row>
    <row r="76504" spans="8:8">
      <c r="H76504" s="12"/>
    </row>
    <row r="76505" spans="8:8">
      <c r="H76505" s="12"/>
    </row>
    <row r="76506" spans="8:8">
      <c r="H76506" s="12"/>
    </row>
    <row r="76507" spans="8:8">
      <c r="H76507" s="12"/>
    </row>
    <row r="76508" spans="8:8">
      <c r="H76508" s="12"/>
    </row>
    <row r="76509" spans="8:8">
      <c r="H76509" s="12"/>
    </row>
    <row r="76510" spans="8:8">
      <c r="H76510" s="12"/>
    </row>
    <row r="76511" spans="8:8">
      <c r="H76511" s="12"/>
    </row>
    <row r="76512" spans="8:8">
      <c r="H76512" s="12"/>
    </row>
    <row r="76513" spans="8:8">
      <c r="H76513" s="12"/>
    </row>
    <row r="76514" spans="8:8">
      <c r="H76514" s="12"/>
    </row>
    <row r="76515" spans="8:8">
      <c r="H76515" s="12"/>
    </row>
    <row r="76516" spans="8:8">
      <c r="H76516" s="12"/>
    </row>
    <row r="76517" spans="8:8">
      <c r="H76517" s="12"/>
    </row>
    <row r="76518" spans="8:8">
      <c r="H76518" s="12"/>
    </row>
    <row r="76519" spans="8:8">
      <c r="H76519" s="12"/>
    </row>
    <row r="76520" spans="8:8">
      <c r="H76520" s="12"/>
    </row>
    <row r="76521" spans="8:8">
      <c r="H76521" s="12"/>
    </row>
    <row r="76522" spans="8:8">
      <c r="H76522" s="12"/>
    </row>
    <row r="76523" spans="8:8">
      <c r="H76523" s="12"/>
    </row>
    <row r="76524" spans="8:8">
      <c r="H76524" s="12"/>
    </row>
    <row r="76525" spans="8:8">
      <c r="H76525" s="12"/>
    </row>
    <row r="76526" spans="8:8">
      <c r="H76526" s="12"/>
    </row>
    <row r="76527" spans="8:8">
      <c r="H76527" s="12"/>
    </row>
    <row r="76528" spans="8:8">
      <c r="H76528" s="12"/>
    </row>
    <row r="76529" spans="8:8">
      <c r="H76529" s="12"/>
    </row>
    <row r="76530" spans="8:8">
      <c r="H76530" s="12"/>
    </row>
    <row r="76531" spans="8:8">
      <c r="H76531" s="12"/>
    </row>
    <row r="76532" spans="8:8">
      <c r="H76532" s="12"/>
    </row>
    <row r="76533" spans="8:8">
      <c r="H76533" s="12"/>
    </row>
    <row r="76534" spans="8:8">
      <c r="H76534" s="12"/>
    </row>
    <row r="76535" spans="8:8">
      <c r="H76535" s="12"/>
    </row>
    <row r="76536" spans="8:8">
      <c r="H76536" s="12"/>
    </row>
    <row r="76537" spans="8:8">
      <c r="H76537" s="12"/>
    </row>
    <row r="76538" spans="8:8">
      <c r="H76538" s="12"/>
    </row>
    <row r="76539" spans="8:8">
      <c r="H76539" s="12"/>
    </row>
    <row r="76540" spans="8:8">
      <c r="H76540" s="12"/>
    </row>
    <row r="76541" spans="8:8">
      <c r="H76541" s="12"/>
    </row>
    <row r="76542" spans="8:8">
      <c r="H76542" s="12"/>
    </row>
    <row r="76543" spans="8:8">
      <c r="H76543" s="12"/>
    </row>
    <row r="76544" spans="8:8">
      <c r="H76544" s="12"/>
    </row>
    <row r="76545" spans="8:8">
      <c r="H76545" s="12"/>
    </row>
    <row r="76546" spans="8:8">
      <c r="H76546" s="12"/>
    </row>
    <row r="76547" spans="8:8">
      <c r="H76547" s="12"/>
    </row>
    <row r="76548" spans="8:8">
      <c r="H76548" s="12"/>
    </row>
    <row r="76549" spans="8:8">
      <c r="H76549" s="12"/>
    </row>
    <row r="76550" spans="8:8">
      <c r="H76550" s="12"/>
    </row>
    <row r="76551" spans="8:8">
      <c r="H76551" s="12"/>
    </row>
    <row r="76552" spans="8:8">
      <c r="H76552" s="12"/>
    </row>
    <row r="76553" spans="8:8">
      <c r="H76553" s="12"/>
    </row>
    <row r="76554" spans="8:8">
      <c r="H76554" s="12"/>
    </row>
    <row r="76555" spans="8:8">
      <c r="H76555" s="12"/>
    </row>
    <row r="76556" spans="8:8">
      <c r="H76556" s="12"/>
    </row>
    <row r="76557" spans="8:8">
      <c r="H76557" s="12"/>
    </row>
    <row r="76558" spans="8:8">
      <c r="H76558" s="12"/>
    </row>
    <row r="76559" spans="8:8">
      <c r="H76559" s="12"/>
    </row>
    <row r="76560" spans="8:8">
      <c r="H76560" s="12"/>
    </row>
    <row r="76561" spans="8:8">
      <c r="H76561" s="12"/>
    </row>
    <row r="76562" spans="8:8">
      <c r="H76562" s="12"/>
    </row>
    <row r="76563" spans="8:8">
      <c r="H76563" s="12"/>
    </row>
    <row r="76564" spans="8:8">
      <c r="H76564" s="12"/>
    </row>
    <row r="76565" spans="8:8">
      <c r="H76565" s="12"/>
    </row>
    <row r="76566" spans="8:8">
      <c r="H76566" s="12"/>
    </row>
    <row r="76567" spans="8:8">
      <c r="H76567" s="12"/>
    </row>
    <row r="76568" spans="8:8">
      <c r="H76568" s="12"/>
    </row>
    <row r="76569" spans="8:8">
      <c r="H76569" s="12"/>
    </row>
    <row r="76570" spans="8:8">
      <c r="H76570" s="12"/>
    </row>
    <row r="76571" spans="8:8">
      <c r="H76571" s="12"/>
    </row>
    <row r="76572" spans="8:8">
      <c r="H76572" s="12"/>
    </row>
    <row r="76573" spans="8:8">
      <c r="H76573" s="12"/>
    </row>
    <row r="76574" spans="8:8">
      <c r="H76574" s="12"/>
    </row>
    <row r="76575" spans="8:8">
      <c r="H76575" s="12"/>
    </row>
    <row r="76576" spans="8:8">
      <c r="H76576" s="12"/>
    </row>
    <row r="76577" spans="8:8">
      <c r="H76577" s="12"/>
    </row>
    <row r="76578" spans="8:8">
      <c r="H76578" s="12"/>
    </row>
    <row r="76579" spans="8:8">
      <c r="H76579" s="12"/>
    </row>
    <row r="76580" spans="8:8">
      <c r="H76580" s="12"/>
    </row>
    <row r="76581" spans="8:8">
      <c r="H76581" s="12"/>
    </row>
    <row r="76582" spans="8:8">
      <c r="H76582" s="12"/>
    </row>
    <row r="76583" spans="8:8">
      <c r="H76583" s="12"/>
    </row>
    <row r="76584" spans="8:8">
      <c r="H76584" s="12"/>
    </row>
    <row r="76585" spans="8:8">
      <c r="H76585" s="12"/>
    </row>
    <row r="76586" spans="8:8">
      <c r="H76586" s="12"/>
    </row>
    <row r="76587" spans="8:8">
      <c r="H76587" s="12"/>
    </row>
    <row r="76588" spans="8:8">
      <c r="H76588" s="12"/>
    </row>
    <row r="76589" spans="8:8">
      <c r="H76589" s="12"/>
    </row>
    <row r="76590" spans="8:8">
      <c r="H76590" s="12"/>
    </row>
    <row r="76591" spans="8:8">
      <c r="H76591" s="12"/>
    </row>
    <row r="76592" spans="8:8">
      <c r="H76592" s="12"/>
    </row>
    <row r="76593" spans="8:8">
      <c r="H76593" s="12"/>
    </row>
    <row r="76594" spans="8:8">
      <c r="H76594" s="12"/>
    </row>
    <row r="76595" spans="8:8">
      <c r="H76595" s="12"/>
    </row>
    <row r="76596" spans="8:8">
      <c r="H76596" s="12"/>
    </row>
    <row r="76597" spans="8:8">
      <c r="H76597" s="12"/>
    </row>
    <row r="76598" spans="8:8">
      <c r="H76598" s="12"/>
    </row>
    <row r="76599" spans="8:8">
      <c r="H76599" s="12"/>
    </row>
    <row r="76600" spans="8:8">
      <c r="H76600" s="12"/>
    </row>
    <row r="76601" spans="8:8">
      <c r="H76601" s="12"/>
    </row>
    <row r="76602" spans="8:8">
      <c r="H76602" s="12"/>
    </row>
    <row r="76603" spans="8:8">
      <c r="H76603" s="12"/>
    </row>
    <row r="76604" spans="8:8">
      <c r="H76604" s="12"/>
    </row>
    <row r="76605" spans="8:8">
      <c r="H76605" s="12"/>
    </row>
    <row r="76606" spans="8:8">
      <c r="H76606" s="12"/>
    </row>
    <row r="76607" spans="8:8">
      <c r="H76607" s="12"/>
    </row>
    <row r="76608" spans="8:8">
      <c r="H76608" s="12"/>
    </row>
    <row r="76609" spans="8:8">
      <c r="H76609" s="12"/>
    </row>
    <row r="76610" spans="8:8">
      <c r="H76610" s="12"/>
    </row>
    <row r="76611" spans="8:8">
      <c r="H76611" s="12"/>
    </row>
    <row r="76612" spans="8:8">
      <c r="H76612" s="12"/>
    </row>
    <row r="76613" spans="8:8">
      <c r="H76613" s="12"/>
    </row>
    <row r="76614" spans="8:8">
      <c r="H76614" s="12"/>
    </row>
    <row r="76615" spans="8:8">
      <c r="H76615" s="12"/>
    </row>
    <row r="76616" spans="8:8">
      <c r="H76616" s="12"/>
    </row>
    <row r="76617" spans="8:8">
      <c r="H76617" s="12"/>
    </row>
    <row r="76618" spans="8:8">
      <c r="H76618" s="12"/>
    </row>
    <row r="76619" spans="8:8">
      <c r="H76619" s="12"/>
    </row>
    <row r="76620" spans="8:8">
      <c r="H76620" s="12"/>
    </row>
    <row r="76621" spans="8:8">
      <c r="H76621" s="12"/>
    </row>
    <row r="76622" spans="8:8">
      <c r="H76622" s="12"/>
    </row>
    <row r="76623" spans="8:8">
      <c r="H76623" s="12"/>
    </row>
    <row r="76624" spans="8:8">
      <c r="H76624" s="12"/>
    </row>
    <row r="76625" spans="8:8">
      <c r="H76625" s="12"/>
    </row>
    <row r="76626" spans="8:8">
      <c r="H76626" s="12"/>
    </row>
    <row r="76627" spans="8:8">
      <c r="H76627" s="12"/>
    </row>
    <row r="76628" spans="8:8">
      <c r="H76628" s="12"/>
    </row>
    <row r="76629" spans="8:8">
      <c r="H76629" s="12"/>
    </row>
    <row r="76630" spans="8:8">
      <c r="H76630" s="12"/>
    </row>
    <row r="76631" spans="8:8">
      <c r="H76631" s="12"/>
    </row>
    <row r="76632" spans="8:8">
      <c r="H76632" s="12"/>
    </row>
    <row r="76633" spans="8:8">
      <c r="H76633" s="12"/>
    </row>
    <row r="76634" spans="8:8">
      <c r="H76634" s="12"/>
    </row>
    <row r="76635" spans="8:8">
      <c r="H76635" s="12"/>
    </row>
    <row r="76636" spans="8:8">
      <c r="H76636" s="12"/>
    </row>
    <row r="76637" spans="8:8">
      <c r="H76637" s="12"/>
    </row>
    <row r="76638" spans="8:8">
      <c r="H76638" s="12"/>
    </row>
    <row r="76639" spans="8:8">
      <c r="H76639" s="12"/>
    </row>
    <row r="76640" spans="8:8">
      <c r="H76640" s="12"/>
    </row>
    <row r="76641" spans="8:8">
      <c r="H76641" s="12"/>
    </row>
    <row r="76642" spans="8:8">
      <c r="H76642" s="12"/>
    </row>
    <row r="76643" spans="8:8">
      <c r="H76643" s="12"/>
    </row>
    <row r="76644" spans="8:8">
      <c r="H76644" s="12"/>
    </row>
    <row r="76645" spans="8:8">
      <c r="H76645" s="12"/>
    </row>
    <row r="76646" spans="8:8">
      <c r="H76646" s="12"/>
    </row>
    <row r="76647" spans="8:8">
      <c r="H76647" s="12"/>
    </row>
    <row r="76648" spans="8:8">
      <c r="H76648" s="12"/>
    </row>
    <row r="76649" spans="8:8">
      <c r="H76649" s="12"/>
    </row>
    <row r="76650" spans="8:8">
      <c r="H76650" s="12"/>
    </row>
    <row r="76651" spans="8:8">
      <c r="H76651" s="12"/>
    </row>
    <row r="76652" spans="8:8">
      <c r="H76652" s="12"/>
    </row>
    <row r="76653" spans="8:8">
      <c r="H76653" s="12"/>
    </row>
    <row r="76654" spans="8:8">
      <c r="H76654" s="12"/>
    </row>
    <row r="76655" spans="8:8">
      <c r="H76655" s="12"/>
    </row>
    <row r="76656" spans="8:8">
      <c r="H76656" s="12"/>
    </row>
    <row r="76657" spans="8:8">
      <c r="H76657" s="12"/>
    </row>
    <row r="76658" spans="8:8">
      <c r="H76658" s="12"/>
    </row>
    <row r="76659" spans="8:8">
      <c r="H76659" s="12"/>
    </row>
    <row r="76660" spans="8:8">
      <c r="H76660" s="12"/>
    </row>
    <row r="76661" spans="8:8">
      <c r="H76661" s="12"/>
    </row>
    <row r="76662" spans="8:8">
      <c r="H76662" s="12"/>
    </row>
    <row r="76663" spans="8:8">
      <c r="H76663" s="12"/>
    </row>
    <row r="76664" spans="8:8">
      <c r="H76664" s="12"/>
    </row>
    <row r="76665" spans="8:8">
      <c r="H76665" s="12"/>
    </row>
    <row r="76666" spans="8:8">
      <c r="H76666" s="12"/>
    </row>
    <row r="76667" spans="8:8">
      <c r="H76667" s="12"/>
    </row>
    <row r="76668" spans="8:8">
      <c r="H76668" s="12"/>
    </row>
    <row r="76669" spans="8:8">
      <c r="H76669" s="12"/>
    </row>
    <row r="76670" spans="8:8">
      <c r="H76670" s="12"/>
    </row>
    <row r="76671" spans="8:8">
      <c r="H76671" s="12"/>
    </row>
    <row r="76672" spans="8:8">
      <c r="H76672" s="12"/>
    </row>
    <row r="76673" spans="8:8">
      <c r="H76673" s="12"/>
    </row>
    <row r="76674" spans="8:8">
      <c r="H76674" s="12"/>
    </row>
    <row r="76675" spans="8:8">
      <c r="H76675" s="12"/>
    </row>
    <row r="76676" spans="8:8">
      <c r="H76676" s="12"/>
    </row>
    <row r="76677" spans="8:8">
      <c r="H76677" s="12"/>
    </row>
    <row r="76678" spans="8:8">
      <c r="H76678" s="12"/>
    </row>
    <row r="76679" spans="8:8">
      <c r="H76679" s="12"/>
    </row>
    <row r="76680" spans="8:8">
      <c r="H76680" s="12"/>
    </row>
    <row r="76681" spans="8:8">
      <c r="H76681" s="12"/>
    </row>
    <row r="76682" spans="8:8">
      <c r="H76682" s="12"/>
    </row>
    <row r="76683" spans="8:8">
      <c r="H76683" s="12"/>
    </row>
    <row r="76684" spans="8:8">
      <c r="H76684" s="12"/>
    </row>
    <row r="76685" spans="8:8">
      <c r="H76685" s="12"/>
    </row>
    <row r="76686" spans="8:8">
      <c r="H76686" s="12"/>
    </row>
    <row r="76687" spans="8:8">
      <c r="H76687" s="12"/>
    </row>
    <row r="76688" spans="8:8">
      <c r="H76688" s="12"/>
    </row>
    <row r="76689" spans="8:8">
      <c r="H76689" s="12"/>
    </row>
    <row r="76690" spans="8:8">
      <c r="H76690" s="12"/>
    </row>
    <row r="76691" spans="8:8">
      <c r="H76691" s="12"/>
    </row>
    <row r="76692" spans="8:8">
      <c r="H76692" s="12"/>
    </row>
    <row r="76693" spans="8:8">
      <c r="H76693" s="12"/>
    </row>
    <row r="76694" spans="8:8">
      <c r="H76694" s="12"/>
    </row>
    <row r="76695" spans="8:8">
      <c r="H76695" s="12"/>
    </row>
    <row r="76696" spans="8:8">
      <c r="H76696" s="12"/>
    </row>
    <row r="76697" spans="8:8">
      <c r="H76697" s="12"/>
    </row>
    <row r="76698" spans="8:8">
      <c r="H76698" s="12"/>
    </row>
    <row r="76699" spans="8:8">
      <c r="H76699" s="12"/>
    </row>
    <row r="76700" spans="8:8">
      <c r="H76700" s="12"/>
    </row>
    <row r="76701" spans="8:8">
      <c r="H76701" s="12"/>
    </row>
    <row r="76702" spans="8:8">
      <c r="H76702" s="12"/>
    </row>
    <row r="76703" spans="8:8">
      <c r="H76703" s="12"/>
    </row>
    <row r="76704" spans="8:8">
      <c r="H76704" s="12"/>
    </row>
    <row r="76705" spans="8:8">
      <c r="H76705" s="12"/>
    </row>
    <row r="76706" spans="8:8">
      <c r="H76706" s="12"/>
    </row>
    <row r="76707" spans="8:8">
      <c r="H76707" s="12"/>
    </row>
    <row r="76708" spans="8:8">
      <c r="H76708" s="12"/>
    </row>
    <row r="76709" spans="8:8">
      <c r="H76709" s="12"/>
    </row>
    <row r="76710" spans="8:8">
      <c r="H76710" s="12"/>
    </row>
    <row r="76711" spans="8:8">
      <c r="H76711" s="12"/>
    </row>
    <row r="76712" spans="8:8">
      <c r="H76712" s="12"/>
    </row>
    <row r="76713" spans="8:8">
      <c r="H76713" s="12"/>
    </row>
    <row r="76714" spans="8:8">
      <c r="H76714" s="12"/>
    </row>
    <row r="76715" spans="8:8">
      <c r="H76715" s="12"/>
    </row>
    <row r="76716" spans="8:8">
      <c r="H76716" s="12"/>
    </row>
    <row r="76717" spans="8:8">
      <c r="H76717" s="12"/>
    </row>
    <row r="76718" spans="8:8">
      <c r="H76718" s="12"/>
    </row>
    <row r="76719" spans="8:8">
      <c r="H76719" s="12"/>
    </row>
    <row r="76720" spans="8:8">
      <c r="H76720" s="12"/>
    </row>
    <row r="76721" spans="8:8">
      <c r="H76721" s="12"/>
    </row>
    <row r="76722" spans="8:8">
      <c r="H76722" s="12"/>
    </row>
    <row r="76723" spans="8:8">
      <c r="H76723" s="12"/>
    </row>
    <row r="76724" spans="8:8">
      <c r="H76724" s="12"/>
    </row>
    <row r="76725" spans="8:8">
      <c r="H76725" s="12"/>
    </row>
    <row r="76726" spans="8:8">
      <c r="H76726" s="12"/>
    </row>
    <row r="76727" spans="8:8">
      <c r="H76727" s="12"/>
    </row>
    <row r="76728" spans="8:8">
      <c r="H76728" s="12"/>
    </row>
    <row r="76729" spans="8:8">
      <c r="H76729" s="12"/>
    </row>
    <row r="76730" spans="8:8">
      <c r="H76730" s="12"/>
    </row>
    <row r="76731" spans="8:8">
      <c r="H76731" s="12"/>
    </row>
    <row r="76732" spans="8:8">
      <c r="H76732" s="12"/>
    </row>
    <row r="76733" spans="8:8">
      <c r="H76733" s="12"/>
    </row>
    <row r="76734" spans="8:8">
      <c r="H76734" s="12"/>
    </row>
    <row r="76735" spans="8:8">
      <c r="H76735" s="12"/>
    </row>
    <row r="76736" spans="8:8">
      <c r="H76736" s="12"/>
    </row>
    <row r="76737" spans="8:8">
      <c r="H76737" s="12"/>
    </row>
    <row r="76738" spans="8:8">
      <c r="H76738" s="12"/>
    </row>
    <row r="76739" spans="8:8">
      <c r="H76739" s="12"/>
    </row>
    <row r="76740" spans="8:8">
      <c r="H76740" s="12"/>
    </row>
    <row r="76741" spans="8:8">
      <c r="H76741" s="12"/>
    </row>
    <row r="76742" spans="8:8">
      <c r="H76742" s="12"/>
    </row>
    <row r="76743" spans="8:8">
      <c r="H76743" s="12"/>
    </row>
    <row r="76744" spans="8:8">
      <c r="H76744" s="12"/>
    </row>
    <row r="76745" spans="8:8">
      <c r="H76745" s="12"/>
    </row>
    <row r="76746" spans="8:8">
      <c r="H76746" s="12"/>
    </row>
    <row r="76747" spans="8:8">
      <c r="H76747" s="12"/>
    </row>
    <row r="76748" spans="8:8">
      <c r="H76748" s="12"/>
    </row>
    <row r="76749" spans="8:8">
      <c r="H76749" s="12"/>
    </row>
    <row r="76750" spans="8:8">
      <c r="H76750" s="12"/>
    </row>
    <row r="76751" spans="8:8">
      <c r="H76751" s="12"/>
    </row>
    <row r="76752" spans="8:8">
      <c r="H76752" s="12"/>
    </row>
    <row r="76753" spans="8:8">
      <c r="H76753" s="12"/>
    </row>
    <row r="76754" spans="8:8">
      <c r="H76754" s="12"/>
    </row>
    <row r="76755" spans="8:8">
      <c r="H76755" s="12"/>
    </row>
    <row r="76756" spans="8:8">
      <c r="H76756" s="12"/>
    </row>
    <row r="76757" spans="8:8">
      <c r="H76757" s="12"/>
    </row>
    <row r="76758" spans="8:8">
      <c r="H76758" s="12"/>
    </row>
    <row r="76759" spans="8:8">
      <c r="H76759" s="12"/>
    </row>
    <row r="76760" spans="8:8">
      <c r="H76760" s="12"/>
    </row>
    <row r="76761" spans="8:8">
      <c r="H76761" s="12"/>
    </row>
    <row r="76762" spans="8:8">
      <c r="H76762" s="12"/>
    </row>
    <row r="76763" spans="8:8">
      <c r="H76763" s="12"/>
    </row>
    <row r="76764" spans="8:8">
      <c r="H76764" s="12"/>
    </row>
    <row r="76765" spans="8:8">
      <c r="H76765" s="12"/>
    </row>
    <row r="76766" spans="8:8">
      <c r="H76766" s="12"/>
    </row>
    <row r="76767" spans="8:8">
      <c r="H76767" s="12"/>
    </row>
    <row r="76768" spans="8:8">
      <c r="H76768" s="12"/>
    </row>
    <row r="76769" spans="8:8">
      <c r="H76769" s="12"/>
    </row>
    <row r="76770" spans="8:8">
      <c r="H76770" s="12"/>
    </row>
    <row r="76771" spans="8:8">
      <c r="H76771" s="12"/>
    </row>
    <row r="76772" spans="8:8">
      <c r="H76772" s="12"/>
    </row>
    <row r="76773" spans="8:8">
      <c r="H76773" s="12"/>
    </row>
    <row r="76774" spans="8:8">
      <c r="H76774" s="12"/>
    </row>
    <row r="76775" spans="8:8">
      <c r="H76775" s="12"/>
    </row>
    <row r="76776" spans="8:8">
      <c r="H76776" s="12"/>
    </row>
    <row r="76777" spans="8:8">
      <c r="H76777" s="12"/>
    </row>
    <row r="76778" spans="8:8">
      <c r="H76778" s="12"/>
    </row>
    <row r="76779" spans="8:8">
      <c r="H76779" s="12"/>
    </row>
    <row r="76780" spans="8:8">
      <c r="H76780" s="12"/>
    </row>
    <row r="76781" spans="8:8">
      <c r="H76781" s="12"/>
    </row>
    <row r="76782" spans="8:8">
      <c r="H76782" s="12"/>
    </row>
    <row r="76783" spans="8:8">
      <c r="H76783" s="12"/>
    </row>
    <row r="76784" spans="8:8">
      <c r="H76784" s="12"/>
    </row>
    <row r="76785" spans="8:8">
      <c r="H76785" s="12"/>
    </row>
    <row r="76786" spans="8:8">
      <c r="H76786" s="12"/>
    </row>
    <row r="76787" spans="8:8">
      <c r="H76787" s="12"/>
    </row>
    <row r="76788" spans="8:8">
      <c r="H76788" s="12"/>
    </row>
    <row r="76789" spans="8:8">
      <c r="H76789" s="12"/>
    </row>
    <row r="76790" spans="8:8">
      <c r="H76790" s="12"/>
    </row>
    <row r="76791" spans="8:8">
      <c r="H76791" s="12"/>
    </row>
    <row r="76792" spans="8:8">
      <c r="H76792" s="12"/>
    </row>
    <row r="76793" spans="8:8">
      <c r="H76793" s="12"/>
    </row>
    <row r="76794" spans="8:8">
      <c r="H76794" s="12"/>
    </row>
    <row r="76795" spans="8:8">
      <c r="H76795" s="12"/>
    </row>
    <row r="76796" spans="8:8">
      <c r="H76796" s="12"/>
    </row>
    <row r="76797" spans="8:8">
      <c r="H76797" s="12"/>
    </row>
    <row r="76798" spans="8:8">
      <c r="H76798" s="12"/>
    </row>
    <row r="76799" spans="8:8">
      <c r="H76799" s="12"/>
    </row>
    <row r="76800" spans="8:8">
      <c r="H76800" s="12"/>
    </row>
    <row r="76801" spans="8:8">
      <c r="H76801" s="12"/>
    </row>
    <row r="76802" spans="8:8">
      <c r="H76802" s="12"/>
    </row>
    <row r="76803" spans="8:8">
      <c r="H76803" s="12"/>
    </row>
    <row r="76804" spans="8:8">
      <c r="H76804" s="12"/>
    </row>
    <row r="76805" spans="8:8">
      <c r="H76805" s="12"/>
    </row>
    <row r="76806" spans="8:8">
      <c r="H76806" s="12"/>
    </row>
    <row r="76807" spans="8:8">
      <c r="H76807" s="12"/>
    </row>
    <row r="76808" spans="8:8">
      <c r="H76808" s="12"/>
    </row>
    <row r="76809" spans="8:8">
      <c r="H76809" s="12"/>
    </row>
    <row r="76810" spans="8:8">
      <c r="H76810" s="12"/>
    </row>
    <row r="76811" spans="8:8">
      <c r="H76811" s="12"/>
    </row>
    <row r="76812" spans="8:8">
      <c r="H76812" s="12"/>
    </row>
    <row r="76813" spans="8:8">
      <c r="H76813" s="12"/>
    </row>
    <row r="76814" spans="8:8">
      <c r="H76814" s="12"/>
    </row>
    <row r="76815" spans="8:8">
      <c r="H76815" s="12"/>
    </row>
    <row r="76816" spans="8:8">
      <c r="H76816" s="12"/>
    </row>
    <row r="76817" spans="8:8">
      <c r="H76817" s="12"/>
    </row>
    <row r="76818" spans="8:8">
      <c r="H76818" s="12"/>
    </row>
    <row r="76819" spans="8:8">
      <c r="H76819" s="12"/>
    </row>
    <row r="76820" spans="8:8">
      <c r="H76820" s="12"/>
    </row>
    <row r="76821" spans="8:8">
      <c r="H76821" s="12"/>
    </row>
    <row r="76822" spans="8:8">
      <c r="H76822" s="12"/>
    </row>
    <row r="76823" spans="8:8">
      <c r="H76823" s="12"/>
    </row>
    <row r="76824" spans="8:8">
      <c r="H76824" s="12"/>
    </row>
    <row r="76825" spans="8:8">
      <c r="H76825" s="12"/>
    </row>
    <row r="76826" spans="8:8">
      <c r="H76826" s="12"/>
    </row>
    <row r="76827" spans="8:8">
      <c r="H76827" s="12"/>
    </row>
    <row r="76828" spans="8:8">
      <c r="H76828" s="12"/>
    </row>
    <row r="76829" spans="8:8">
      <c r="H76829" s="12"/>
    </row>
    <row r="76830" spans="8:8">
      <c r="H76830" s="12"/>
    </row>
    <row r="76831" spans="8:8">
      <c r="H76831" s="12"/>
    </row>
    <row r="76832" spans="8:8">
      <c r="H76832" s="12"/>
    </row>
    <row r="76833" spans="8:8">
      <c r="H76833" s="12"/>
    </row>
    <row r="76834" spans="8:8">
      <c r="H76834" s="12"/>
    </row>
    <row r="76835" spans="8:8">
      <c r="H76835" s="12"/>
    </row>
    <row r="76836" spans="8:8">
      <c r="H76836" s="12"/>
    </row>
    <row r="76837" spans="8:8">
      <c r="H76837" s="12"/>
    </row>
    <row r="76838" spans="8:8">
      <c r="H76838" s="12"/>
    </row>
    <row r="76839" spans="8:8">
      <c r="H76839" s="12"/>
    </row>
    <row r="76840" spans="8:8">
      <c r="H76840" s="12"/>
    </row>
    <row r="76841" spans="8:8">
      <c r="H76841" s="12"/>
    </row>
    <row r="76842" spans="8:8">
      <c r="H76842" s="12"/>
    </row>
    <row r="76843" spans="8:8">
      <c r="H76843" s="12"/>
    </row>
    <row r="76844" spans="8:8">
      <c r="H76844" s="12"/>
    </row>
    <row r="76845" spans="8:8">
      <c r="H76845" s="12"/>
    </row>
    <row r="76846" spans="8:8">
      <c r="H76846" s="12"/>
    </row>
    <row r="76847" spans="8:8">
      <c r="H76847" s="12"/>
    </row>
    <row r="76848" spans="8:8">
      <c r="H76848" s="12"/>
    </row>
    <row r="76849" spans="8:8">
      <c r="H76849" s="12"/>
    </row>
    <row r="76850" spans="8:8">
      <c r="H76850" s="12"/>
    </row>
    <row r="76851" spans="8:8">
      <c r="H76851" s="12"/>
    </row>
    <row r="76852" spans="8:8">
      <c r="H76852" s="12"/>
    </row>
    <row r="76853" spans="8:8">
      <c r="H76853" s="12"/>
    </row>
    <row r="76854" spans="8:8">
      <c r="H76854" s="12"/>
    </row>
    <row r="76855" spans="8:8">
      <c r="H76855" s="12"/>
    </row>
    <row r="76856" spans="8:8">
      <c r="H76856" s="12"/>
    </row>
    <row r="76857" spans="8:8">
      <c r="H76857" s="12"/>
    </row>
    <row r="76858" spans="8:8">
      <c r="H76858" s="12"/>
    </row>
    <row r="76859" spans="8:8">
      <c r="H76859" s="12"/>
    </row>
    <row r="76860" spans="8:8">
      <c r="H76860" s="12"/>
    </row>
    <row r="76861" spans="8:8">
      <c r="H76861" s="12"/>
    </row>
    <row r="76862" spans="8:8">
      <c r="H76862" s="12"/>
    </row>
    <row r="76863" spans="8:8">
      <c r="H76863" s="12"/>
    </row>
    <row r="76864" spans="8:8">
      <c r="H76864" s="12"/>
    </row>
    <row r="76865" spans="8:8">
      <c r="H76865" s="12"/>
    </row>
    <row r="76866" spans="8:8">
      <c r="H76866" s="12"/>
    </row>
    <row r="76867" spans="8:8">
      <c r="H76867" s="12"/>
    </row>
    <row r="76868" spans="8:8">
      <c r="H76868" s="12"/>
    </row>
    <row r="76869" spans="8:8">
      <c r="H76869" s="12"/>
    </row>
    <row r="76870" spans="8:8">
      <c r="H76870" s="12"/>
    </row>
    <row r="76871" spans="8:8">
      <c r="H76871" s="12"/>
    </row>
    <row r="76872" spans="8:8">
      <c r="H76872" s="12"/>
    </row>
    <row r="76873" spans="8:8">
      <c r="H76873" s="12"/>
    </row>
    <row r="76874" spans="8:8">
      <c r="H76874" s="12"/>
    </row>
    <row r="76875" spans="8:8">
      <c r="H76875" s="12"/>
    </row>
    <row r="76876" spans="8:8">
      <c r="H76876" s="12"/>
    </row>
    <row r="76877" spans="8:8">
      <c r="H76877" s="12"/>
    </row>
    <row r="76878" spans="8:8">
      <c r="H76878" s="12"/>
    </row>
    <row r="76879" spans="8:8">
      <c r="H76879" s="12"/>
    </row>
    <row r="76880" spans="8:8">
      <c r="H76880" s="12"/>
    </row>
    <row r="76881" spans="8:8">
      <c r="H76881" s="12"/>
    </row>
    <row r="76882" spans="8:8">
      <c r="H76882" s="12"/>
    </row>
    <row r="76883" spans="8:8">
      <c r="H76883" s="12"/>
    </row>
    <row r="76884" spans="8:8">
      <c r="H76884" s="12"/>
    </row>
    <row r="76885" spans="8:8">
      <c r="H76885" s="12"/>
    </row>
    <row r="76886" spans="8:8">
      <c r="H76886" s="12"/>
    </row>
    <row r="76887" spans="8:8">
      <c r="H76887" s="12"/>
    </row>
    <row r="76888" spans="8:8">
      <c r="H76888" s="12"/>
    </row>
    <row r="76889" spans="8:8">
      <c r="H76889" s="12"/>
    </row>
    <row r="76890" spans="8:8">
      <c r="H76890" s="12"/>
    </row>
    <row r="76891" spans="8:8">
      <c r="H76891" s="12"/>
    </row>
    <row r="76892" spans="8:8">
      <c r="H76892" s="12"/>
    </row>
    <row r="76893" spans="8:8">
      <c r="H76893" s="12"/>
    </row>
    <row r="76894" spans="8:8">
      <c r="H76894" s="12"/>
    </row>
    <row r="76895" spans="8:8">
      <c r="H76895" s="12"/>
    </row>
    <row r="76896" spans="8:8">
      <c r="H76896" s="12"/>
    </row>
    <row r="76897" spans="8:8">
      <c r="H76897" s="12"/>
    </row>
    <row r="76898" spans="8:8">
      <c r="H76898" s="12"/>
    </row>
    <row r="76899" spans="8:8">
      <c r="H76899" s="12"/>
    </row>
    <row r="76900" spans="8:8">
      <c r="H76900" s="12"/>
    </row>
    <row r="76901" spans="8:8">
      <c r="H76901" s="12"/>
    </row>
    <row r="76902" spans="8:8">
      <c r="H76902" s="12"/>
    </row>
    <row r="76903" spans="8:8">
      <c r="H76903" s="12"/>
    </row>
    <row r="76904" spans="8:8">
      <c r="H76904" s="12"/>
    </row>
    <row r="76905" spans="8:8">
      <c r="H76905" s="12"/>
    </row>
    <row r="76906" spans="8:8">
      <c r="H76906" s="12"/>
    </row>
    <row r="76907" spans="8:8">
      <c r="H76907" s="12"/>
    </row>
    <row r="76908" spans="8:8">
      <c r="H76908" s="12"/>
    </row>
    <row r="76909" spans="8:8">
      <c r="H76909" s="12"/>
    </row>
    <row r="76910" spans="8:8">
      <c r="H76910" s="12"/>
    </row>
    <row r="76911" spans="8:8">
      <c r="H76911" s="12"/>
    </row>
    <row r="76912" spans="8:8">
      <c r="H76912" s="12"/>
    </row>
    <row r="76913" spans="8:8">
      <c r="H76913" s="12"/>
    </row>
    <row r="76914" spans="8:8">
      <c r="H76914" s="12"/>
    </row>
    <row r="76915" spans="8:8">
      <c r="H76915" s="12"/>
    </row>
    <row r="76916" spans="8:8">
      <c r="H76916" s="12"/>
    </row>
    <row r="76917" spans="8:8">
      <c r="H76917" s="12"/>
    </row>
    <row r="76918" spans="8:8">
      <c r="H76918" s="12"/>
    </row>
    <row r="76919" spans="8:8">
      <c r="H76919" s="12"/>
    </row>
    <row r="76920" spans="8:8">
      <c r="H76920" s="12"/>
    </row>
    <row r="76921" spans="8:8">
      <c r="H76921" s="12"/>
    </row>
    <row r="76922" spans="8:8">
      <c r="H76922" s="12"/>
    </row>
    <row r="76923" spans="8:8">
      <c r="H76923" s="12"/>
    </row>
    <row r="76924" spans="8:8">
      <c r="H76924" s="12"/>
    </row>
    <row r="76925" spans="8:8">
      <c r="H76925" s="12"/>
    </row>
    <row r="76926" spans="8:8">
      <c r="H76926" s="12"/>
    </row>
    <row r="76927" spans="8:8">
      <c r="H76927" s="12"/>
    </row>
    <row r="76928" spans="8:8">
      <c r="H76928" s="12"/>
    </row>
    <row r="76929" spans="8:8">
      <c r="H76929" s="12"/>
    </row>
    <row r="76930" spans="8:8">
      <c r="H76930" s="12"/>
    </row>
    <row r="76931" spans="8:8">
      <c r="H76931" s="12"/>
    </row>
    <row r="76932" spans="8:8">
      <c r="H76932" s="12"/>
    </row>
    <row r="76933" spans="8:8">
      <c r="H76933" s="12"/>
    </row>
    <row r="76934" spans="8:8">
      <c r="H76934" s="12"/>
    </row>
    <row r="76935" spans="8:8">
      <c r="H76935" s="12"/>
    </row>
    <row r="76936" spans="8:8">
      <c r="H76936" s="12"/>
    </row>
    <row r="76937" spans="8:8">
      <c r="H76937" s="12"/>
    </row>
    <row r="76938" spans="8:8">
      <c r="H76938" s="12"/>
    </row>
    <row r="76939" spans="8:8">
      <c r="H76939" s="12"/>
    </row>
    <row r="76940" spans="8:8">
      <c r="H76940" s="12"/>
    </row>
    <row r="76941" spans="8:8">
      <c r="H76941" s="12"/>
    </row>
    <row r="76942" spans="8:8">
      <c r="H76942" s="12"/>
    </row>
    <row r="76943" spans="8:8">
      <c r="H76943" s="12"/>
    </row>
    <row r="76944" spans="8:8">
      <c r="H76944" s="12"/>
    </row>
    <row r="76945" spans="8:8">
      <c r="H76945" s="12"/>
    </row>
    <row r="76946" spans="8:8">
      <c r="H76946" s="12"/>
    </row>
    <row r="76947" spans="8:8">
      <c r="H76947" s="12"/>
    </row>
    <row r="76948" spans="8:8">
      <c r="H76948" s="12"/>
    </row>
    <row r="76949" spans="8:8">
      <c r="H76949" s="12"/>
    </row>
    <row r="76950" spans="8:8">
      <c r="H76950" s="12"/>
    </row>
    <row r="76951" spans="8:8">
      <c r="H76951" s="12"/>
    </row>
    <row r="76952" spans="8:8">
      <c r="H76952" s="12"/>
    </row>
    <row r="76953" spans="8:8">
      <c r="H76953" s="12"/>
    </row>
    <row r="76954" spans="8:8">
      <c r="H76954" s="12"/>
    </row>
    <row r="76955" spans="8:8">
      <c r="H76955" s="12"/>
    </row>
    <row r="76956" spans="8:8">
      <c r="H76956" s="12"/>
    </row>
    <row r="76957" spans="8:8">
      <c r="H76957" s="12"/>
    </row>
    <row r="76958" spans="8:8">
      <c r="H76958" s="12"/>
    </row>
    <row r="76959" spans="8:8">
      <c r="H76959" s="12"/>
    </row>
    <row r="76960" spans="8:8">
      <c r="H76960" s="12"/>
    </row>
    <row r="76961" spans="8:8">
      <c r="H76961" s="12"/>
    </row>
    <row r="76962" spans="8:8">
      <c r="H76962" s="12"/>
    </row>
    <row r="76963" spans="8:8">
      <c r="H76963" s="12"/>
    </row>
    <row r="76964" spans="8:8">
      <c r="H76964" s="12"/>
    </row>
    <row r="76965" spans="8:8">
      <c r="H76965" s="12"/>
    </row>
    <row r="76966" spans="8:8">
      <c r="H76966" s="12"/>
    </row>
    <row r="76967" spans="8:8">
      <c r="H76967" s="12"/>
    </row>
    <row r="76968" spans="8:8">
      <c r="H76968" s="12"/>
    </row>
    <row r="76969" spans="8:8">
      <c r="H76969" s="12"/>
    </row>
    <row r="76970" spans="8:8">
      <c r="H76970" s="12"/>
    </row>
    <row r="76971" spans="8:8">
      <c r="H76971" s="12"/>
    </row>
    <row r="76972" spans="8:8">
      <c r="H76972" s="12"/>
    </row>
    <row r="76973" spans="8:8">
      <c r="H76973" s="12"/>
    </row>
    <row r="76974" spans="8:8">
      <c r="H76974" s="12"/>
    </row>
    <row r="76975" spans="8:8">
      <c r="H76975" s="12"/>
    </row>
    <row r="76976" spans="8:8">
      <c r="H76976" s="12"/>
    </row>
    <row r="76977" spans="8:8">
      <c r="H76977" s="12"/>
    </row>
    <row r="76978" spans="8:8">
      <c r="H76978" s="12"/>
    </row>
    <row r="76979" spans="8:8">
      <c r="H76979" s="12"/>
    </row>
    <row r="76980" spans="8:8">
      <c r="H76980" s="12"/>
    </row>
    <row r="76981" spans="8:8">
      <c r="H76981" s="12"/>
    </row>
    <row r="76982" spans="8:8">
      <c r="H76982" s="12"/>
    </row>
    <row r="76983" spans="8:8">
      <c r="H76983" s="12"/>
    </row>
    <row r="76984" spans="8:8">
      <c r="H76984" s="12"/>
    </row>
    <row r="76985" spans="8:8">
      <c r="H76985" s="12"/>
    </row>
    <row r="76986" spans="8:8">
      <c r="H76986" s="12"/>
    </row>
    <row r="76987" spans="8:8">
      <c r="H76987" s="12"/>
    </row>
    <row r="76988" spans="8:8">
      <c r="H76988" s="12"/>
    </row>
    <row r="76989" spans="8:8">
      <c r="H76989" s="12"/>
    </row>
    <row r="76990" spans="8:8">
      <c r="H76990" s="12"/>
    </row>
    <row r="76991" spans="8:8">
      <c r="H76991" s="12"/>
    </row>
    <row r="76992" spans="8:8">
      <c r="H76992" s="12"/>
    </row>
    <row r="76993" spans="8:8">
      <c r="H76993" s="12"/>
    </row>
    <row r="76994" spans="8:8">
      <c r="H76994" s="12"/>
    </row>
    <row r="76995" spans="8:8">
      <c r="H76995" s="12"/>
    </row>
    <row r="76996" spans="8:8">
      <c r="H76996" s="12"/>
    </row>
    <row r="76997" spans="8:8">
      <c r="H76997" s="12"/>
    </row>
    <row r="76998" spans="8:8">
      <c r="H76998" s="12"/>
    </row>
    <row r="76999" spans="8:8">
      <c r="H76999" s="12"/>
    </row>
    <row r="77000" spans="8:8">
      <c r="H77000" s="12"/>
    </row>
    <row r="77001" spans="8:8">
      <c r="H77001" s="12"/>
    </row>
    <row r="77002" spans="8:8">
      <c r="H77002" s="12"/>
    </row>
    <row r="77003" spans="8:8">
      <c r="H77003" s="12"/>
    </row>
    <row r="77004" spans="8:8">
      <c r="H77004" s="12"/>
    </row>
    <row r="77005" spans="8:8">
      <c r="H77005" s="12"/>
    </row>
    <row r="77006" spans="8:8">
      <c r="H77006" s="12"/>
    </row>
    <row r="77007" spans="8:8">
      <c r="H77007" s="12"/>
    </row>
    <row r="77008" spans="8:8">
      <c r="H77008" s="12"/>
    </row>
    <row r="77009" spans="8:8">
      <c r="H77009" s="12"/>
    </row>
    <row r="77010" spans="8:8">
      <c r="H77010" s="12"/>
    </row>
    <row r="77011" spans="8:8">
      <c r="H77011" s="12"/>
    </row>
    <row r="77012" spans="8:8">
      <c r="H77012" s="12"/>
    </row>
    <row r="77013" spans="8:8">
      <c r="H77013" s="12"/>
    </row>
    <row r="77014" spans="8:8">
      <c r="H77014" s="12"/>
    </row>
    <row r="77015" spans="8:8">
      <c r="H77015" s="12"/>
    </row>
    <row r="77016" spans="8:8">
      <c r="H77016" s="12"/>
    </row>
    <row r="77017" spans="8:8">
      <c r="H77017" s="12"/>
    </row>
    <row r="77018" spans="8:8">
      <c r="H77018" s="12"/>
    </row>
    <row r="77019" spans="8:8">
      <c r="H77019" s="12"/>
    </row>
    <row r="77020" spans="8:8">
      <c r="H77020" s="12"/>
    </row>
    <row r="77021" spans="8:8">
      <c r="H77021" s="12"/>
    </row>
    <row r="77022" spans="8:8">
      <c r="H77022" s="12"/>
    </row>
    <row r="77023" spans="8:8">
      <c r="H77023" s="12"/>
    </row>
    <row r="77024" spans="8:8">
      <c r="H77024" s="12"/>
    </row>
    <row r="77025" spans="8:8">
      <c r="H77025" s="12"/>
    </row>
    <row r="77026" spans="8:8">
      <c r="H77026" s="12"/>
    </row>
    <row r="77027" spans="8:8">
      <c r="H77027" s="12"/>
    </row>
    <row r="77028" spans="8:8">
      <c r="H77028" s="12"/>
    </row>
    <row r="77029" spans="8:8">
      <c r="H77029" s="12"/>
    </row>
    <row r="77030" spans="8:8">
      <c r="H77030" s="12"/>
    </row>
    <row r="77031" spans="8:8">
      <c r="H77031" s="12"/>
    </row>
    <row r="77032" spans="8:8">
      <c r="H77032" s="12"/>
    </row>
    <row r="77033" spans="8:8">
      <c r="H77033" s="12"/>
    </row>
    <row r="77034" spans="8:8">
      <c r="H77034" s="12"/>
    </row>
    <row r="77035" spans="8:8">
      <c r="H77035" s="12"/>
    </row>
    <row r="77036" spans="8:8">
      <c r="H77036" s="12"/>
    </row>
    <row r="77037" spans="8:8">
      <c r="H77037" s="12"/>
    </row>
    <row r="77038" spans="8:8">
      <c r="H77038" s="12"/>
    </row>
    <row r="77039" spans="8:8">
      <c r="H77039" s="12"/>
    </row>
    <row r="77040" spans="8:8">
      <c r="H77040" s="12"/>
    </row>
    <row r="77041" spans="8:8">
      <c r="H77041" s="12"/>
    </row>
    <row r="77042" spans="8:8">
      <c r="H77042" s="12"/>
    </row>
    <row r="77043" spans="8:8">
      <c r="H77043" s="12"/>
    </row>
    <row r="77044" spans="8:8">
      <c r="H77044" s="12"/>
    </row>
    <row r="77045" spans="8:8">
      <c r="H77045" s="12"/>
    </row>
    <row r="77046" spans="8:8">
      <c r="H77046" s="12"/>
    </row>
    <row r="77047" spans="8:8">
      <c r="H77047" s="12"/>
    </row>
    <row r="77048" spans="8:8">
      <c r="H77048" s="12"/>
    </row>
    <row r="77049" spans="8:8">
      <c r="H77049" s="12"/>
    </row>
    <row r="77050" spans="8:8">
      <c r="H77050" s="12"/>
    </row>
    <row r="77051" spans="8:8">
      <c r="H77051" s="12"/>
    </row>
    <row r="77052" spans="8:8">
      <c r="H77052" s="12"/>
    </row>
    <row r="77053" spans="8:8">
      <c r="H77053" s="12"/>
    </row>
    <row r="77054" spans="8:8">
      <c r="H77054" s="12"/>
    </row>
    <row r="77055" spans="8:8">
      <c r="H77055" s="12"/>
    </row>
    <row r="77056" spans="8:8">
      <c r="H77056" s="12"/>
    </row>
    <row r="77057" spans="8:8">
      <c r="H77057" s="12"/>
    </row>
    <row r="77058" spans="8:8">
      <c r="H77058" s="12"/>
    </row>
    <row r="77059" spans="8:8">
      <c r="H77059" s="12"/>
    </row>
    <row r="77060" spans="8:8">
      <c r="H77060" s="12"/>
    </row>
    <row r="77061" spans="8:8">
      <c r="H77061" s="12"/>
    </row>
    <row r="77062" spans="8:8">
      <c r="H77062" s="12"/>
    </row>
    <row r="77063" spans="8:8">
      <c r="H77063" s="12"/>
    </row>
    <row r="77064" spans="8:8">
      <c r="H77064" s="12"/>
    </row>
    <row r="77065" spans="8:8">
      <c r="H77065" s="12"/>
    </row>
    <row r="77066" spans="8:8">
      <c r="H77066" s="12"/>
    </row>
    <row r="77067" spans="8:8">
      <c r="H77067" s="12"/>
    </row>
    <row r="77068" spans="8:8">
      <c r="H77068" s="12"/>
    </row>
    <row r="77069" spans="8:8">
      <c r="H77069" s="12"/>
    </row>
    <row r="77070" spans="8:8">
      <c r="H77070" s="12"/>
    </row>
    <row r="77071" spans="8:8">
      <c r="H77071" s="12"/>
    </row>
    <row r="77072" spans="8:8">
      <c r="H77072" s="12"/>
    </row>
    <row r="77073" spans="8:8">
      <c r="H77073" s="12"/>
    </row>
    <row r="77074" spans="8:8">
      <c r="H77074" s="12"/>
    </row>
    <row r="77075" spans="8:8">
      <c r="H77075" s="12"/>
    </row>
    <row r="77076" spans="8:8">
      <c r="H77076" s="12"/>
    </row>
    <row r="77077" spans="8:8">
      <c r="H77077" s="12"/>
    </row>
    <row r="77078" spans="8:8">
      <c r="H77078" s="12"/>
    </row>
    <row r="77079" spans="8:8">
      <c r="H77079" s="12"/>
    </row>
    <row r="77080" spans="8:8">
      <c r="H77080" s="12"/>
    </row>
    <row r="77081" spans="8:8">
      <c r="H77081" s="12"/>
    </row>
    <row r="77082" spans="8:8">
      <c r="H77082" s="12"/>
    </row>
    <row r="77083" spans="8:8">
      <c r="H77083" s="12"/>
    </row>
    <row r="77084" spans="8:8">
      <c r="H77084" s="12"/>
    </row>
    <row r="77085" spans="8:8">
      <c r="H77085" s="12"/>
    </row>
    <row r="77086" spans="8:8">
      <c r="H77086" s="12"/>
    </row>
    <row r="77087" spans="8:8">
      <c r="H77087" s="12"/>
    </row>
    <row r="77088" spans="8:8">
      <c r="H77088" s="12"/>
    </row>
    <row r="77089" spans="8:8">
      <c r="H77089" s="12"/>
    </row>
    <row r="77090" spans="8:8">
      <c r="H77090" s="12"/>
    </row>
    <row r="77091" spans="8:8">
      <c r="H77091" s="12"/>
    </row>
    <row r="77092" spans="8:8">
      <c r="H77092" s="12"/>
    </row>
    <row r="77093" spans="8:8">
      <c r="H77093" s="12"/>
    </row>
    <row r="77094" spans="8:8">
      <c r="H77094" s="12"/>
    </row>
    <row r="77095" spans="8:8">
      <c r="H77095" s="12"/>
    </row>
    <row r="77096" spans="8:8">
      <c r="H77096" s="12"/>
    </row>
    <row r="77097" spans="8:8">
      <c r="H77097" s="12"/>
    </row>
    <row r="77098" spans="8:8">
      <c r="H77098" s="12"/>
    </row>
    <row r="77099" spans="8:8">
      <c r="H77099" s="12"/>
    </row>
    <row r="77100" spans="8:8">
      <c r="H77100" s="12"/>
    </row>
    <row r="77101" spans="8:8">
      <c r="H77101" s="12"/>
    </row>
    <row r="77102" spans="8:8">
      <c r="H77102" s="12"/>
    </row>
    <row r="77103" spans="8:8">
      <c r="H77103" s="12"/>
    </row>
    <row r="77104" spans="8:8">
      <c r="H77104" s="12"/>
    </row>
    <row r="77105" spans="8:8">
      <c r="H77105" s="12"/>
    </row>
    <row r="77106" spans="8:8">
      <c r="H77106" s="12"/>
    </row>
    <row r="77107" spans="8:8">
      <c r="H77107" s="12"/>
    </row>
    <row r="77108" spans="8:8">
      <c r="H77108" s="12"/>
    </row>
    <row r="77109" spans="8:8">
      <c r="H77109" s="12"/>
    </row>
    <row r="77110" spans="8:8">
      <c r="H77110" s="12"/>
    </row>
    <row r="77111" spans="8:8">
      <c r="H77111" s="12"/>
    </row>
    <row r="77112" spans="8:8">
      <c r="H77112" s="12"/>
    </row>
    <row r="77113" spans="8:8">
      <c r="H77113" s="12"/>
    </row>
    <row r="77114" spans="8:8">
      <c r="H77114" s="12"/>
    </row>
    <row r="77115" spans="8:8">
      <c r="H77115" s="12"/>
    </row>
    <row r="77116" spans="8:8">
      <c r="H77116" s="12"/>
    </row>
    <row r="77117" spans="8:8">
      <c r="H77117" s="12"/>
    </row>
    <row r="77118" spans="8:8">
      <c r="H77118" s="12"/>
    </row>
    <row r="77119" spans="8:8">
      <c r="H77119" s="12"/>
    </row>
    <row r="77120" spans="8:8">
      <c r="H77120" s="12"/>
    </row>
    <row r="77121" spans="8:8">
      <c r="H77121" s="12"/>
    </row>
    <row r="77122" spans="8:8">
      <c r="H77122" s="12"/>
    </row>
    <row r="77123" spans="8:8">
      <c r="H77123" s="12"/>
    </row>
    <row r="77124" spans="8:8">
      <c r="H77124" s="12"/>
    </row>
    <row r="77125" spans="8:8">
      <c r="H77125" s="12"/>
    </row>
    <row r="77126" spans="8:8">
      <c r="H77126" s="12"/>
    </row>
    <row r="77127" spans="8:8">
      <c r="H77127" s="12"/>
    </row>
    <row r="77128" spans="8:8">
      <c r="H77128" s="12"/>
    </row>
    <row r="77129" spans="8:8">
      <c r="H77129" s="12"/>
    </row>
    <row r="77130" spans="8:8">
      <c r="H77130" s="12"/>
    </row>
    <row r="77131" spans="8:8">
      <c r="H77131" s="12"/>
    </row>
    <row r="77132" spans="8:8">
      <c r="H77132" s="12"/>
    </row>
    <row r="77133" spans="8:8">
      <c r="H77133" s="12"/>
    </row>
    <row r="77134" spans="8:8">
      <c r="H77134" s="12"/>
    </row>
    <row r="77135" spans="8:8">
      <c r="H77135" s="12"/>
    </row>
    <row r="77136" spans="8:8">
      <c r="H77136" s="12"/>
    </row>
    <row r="77137" spans="8:8">
      <c r="H77137" s="12"/>
    </row>
    <row r="77138" spans="8:8">
      <c r="H77138" s="12"/>
    </row>
    <row r="77139" spans="8:8">
      <c r="H77139" s="12"/>
    </row>
    <row r="77140" spans="8:8">
      <c r="H77140" s="12"/>
    </row>
    <row r="77141" spans="8:8">
      <c r="H77141" s="12"/>
    </row>
    <row r="77142" spans="8:8">
      <c r="H77142" s="12"/>
    </row>
    <row r="77143" spans="8:8">
      <c r="H77143" s="12"/>
    </row>
    <row r="77144" spans="8:8">
      <c r="H77144" s="12"/>
    </row>
    <row r="77145" spans="8:8">
      <c r="H77145" s="12"/>
    </row>
    <row r="77146" spans="8:8">
      <c r="H77146" s="12"/>
    </row>
    <row r="77147" spans="8:8">
      <c r="H77147" s="12"/>
    </row>
    <row r="77148" spans="8:8">
      <c r="H77148" s="12"/>
    </row>
    <row r="77149" spans="8:8">
      <c r="H77149" s="12"/>
    </row>
    <row r="77150" spans="8:8">
      <c r="H77150" s="12"/>
    </row>
    <row r="77151" spans="8:8">
      <c r="H77151" s="12"/>
    </row>
    <row r="77152" spans="8:8">
      <c r="H77152" s="12"/>
    </row>
    <row r="77153" spans="8:8">
      <c r="H77153" s="12"/>
    </row>
    <row r="77154" spans="8:8">
      <c r="H77154" s="12"/>
    </row>
    <row r="77155" spans="8:8">
      <c r="H77155" s="12"/>
    </row>
    <row r="77156" spans="8:8">
      <c r="H77156" s="12"/>
    </row>
    <row r="77157" spans="8:8">
      <c r="H77157" s="12"/>
    </row>
    <row r="77158" spans="8:8">
      <c r="H77158" s="12"/>
    </row>
    <row r="77159" spans="8:8">
      <c r="H77159" s="12"/>
    </row>
    <row r="77160" spans="8:8">
      <c r="H77160" s="12"/>
    </row>
    <row r="77161" spans="8:8">
      <c r="H77161" s="12"/>
    </row>
    <row r="77162" spans="8:8">
      <c r="H77162" s="12"/>
    </row>
    <row r="77163" spans="8:8">
      <c r="H77163" s="12"/>
    </row>
    <row r="77164" spans="8:8">
      <c r="H77164" s="12"/>
    </row>
    <row r="77165" spans="8:8">
      <c r="H77165" s="12"/>
    </row>
    <row r="77166" spans="8:8">
      <c r="H77166" s="12"/>
    </row>
    <row r="77167" spans="8:8">
      <c r="H77167" s="12"/>
    </row>
    <row r="77168" spans="8:8">
      <c r="H77168" s="12"/>
    </row>
    <row r="77169" spans="8:8">
      <c r="H77169" s="12"/>
    </row>
    <row r="77170" spans="8:8">
      <c r="H77170" s="12"/>
    </row>
    <row r="77171" spans="8:8">
      <c r="H77171" s="12"/>
    </row>
    <row r="77172" spans="8:8">
      <c r="H77172" s="12"/>
    </row>
    <row r="77173" spans="8:8">
      <c r="H77173" s="12"/>
    </row>
    <row r="77174" spans="8:8">
      <c r="H77174" s="12"/>
    </row>
    <row r="77175" spans="8:8">
      <c r="H77175" s="12"/>
    </row>
    <row r="77176" spans="8:8">
      <c r="H77176" s="12"/>
    </row>
    <row r="77177" spans="8:8">
      <c r="H77177" s="12"/>
    </row>
    <row r="77178" spans="8:8">
      <c r="H77178" s="12"/>
    </row>
    <row r="77179" spans="8:8">
      <c r="H77179" s="12"/>
    </row>
    <row r="77180" spans="8:8">
      <c r="H77180" s="12"/>
    </row>
    <row r="77181" spans="8:8">
      <c r="H77181" s="12"/>
    </row>
    <row r="77182" spans="8:8">
      <c r="H77182" s="12"/>
    </row>
    <row r="77183" spans="8:8">
      <c r="H77183" s="12"/>
    </row>
    <row r="77184" spans="8:8">
      <c r="H77184" s="12"/>
    </row>
    <row r="77185" spans="8:8">
      <c r="H77185" s="12"/>
    </row>
    <row r="77186" spans="8:8">
      <c r="H77186" s="12"/>
    </row>
    <row r="77187" spans="8:8">
      <c r="H77187" s="12"/>
    </row>
    <row r="77188" spans="8:8">
      <c r="H77188" s="12"/>
    </row>
    <row r="77189" spans="8:8">
      <c r="H77189" s="12"/>
    </row>
    <row r="77190" spans="8:8">
      <c r="H77190" s="12"/>
    </row>
    <row r="77191" spans="8:8">
      <c r="H77191" s="12"/>
    </row>
    <row r="77192" spans="8:8">
      <c r="H77192" s="12"/>
    </row>
    <row r="77193" spans="8:8">
      <c r="H77193" s="12"/>
    </row>
    <row r="77194" spans="8:8">
      <c r="H77194" s="12"/>
    </row>
    <row r="77195" spans="8:8">
      <c r="H77195" s="12"/>
    </row>
    <row r="77196" spans="8:8">
      <c r="H77196" s="12"/>
    </row>
    <row r="77197" spans="8:8">
      <c r="H77197" s="12"/>
    </row>
    <row r="77198" spans="8:8">
      <c r="H77198" s="12"/>
    </row>
    <row r="77199" spans="8:8">
      <c r="H77199" s="12"/>
    </row>
    <row r="77200" spans="8:8">
      <c r="H77200" s="12"/>
    </row>
    <row r="77201" spans="8:8">
      <c r="H77201" s="12"/>
    </row>
    <row r="77202" spans="8:8">
      <c r="H77202" s="12"/>
    </row>
    <row r="77203" spans="8:8">
      <c r="H77203" s="12"/>
    </row>
    <row r="77204" spans="8:8">
      <c r="H77204" s="12"/>
    </row>
    <row r="77205" spans="8:8">
      <c r="H77205" s="12"/>
    </row>
    <row r="77206" spans="8:8">
      <c r="H77206" s="12"/>
    </row>
    <row r="77207" spans="8:8">
      <c r="H77207" s="12"/>
    </row>
    <row r="77208" spans="8:8">
      <c r="H77208" s="12"/>
    </row>
    <row r="77209" spans="8:8">
      <c r="H77209" s="12"/>
    </row>
    <row r="77210" spans="8:8">
      <c r="H77210" s="12"/>
    </row>
    <row r="77211" spans="8:8">
      <c r="H77211" s="12"/>
    </row>
    <row r="77212" spans="8:8">
      <c r="H77212" s="12"/>
    </row>
    <row r="77213" spans="8:8">
      <c r="H77213" s="12"/>
    </row>
    <row r="77214" spans="8:8">
      <c r="H77214" s="12"/>
    </row>
    <row r="77215" spans="8:8">
      <c r="H77215" s="12"/>
    </row>
    <row r="77216" spans="8:8">
      <c r="H77216" s="12"/>
    </row>
    <row r="77217" spans="8:8">
      <c r="H77217" s="12"/>
    </row>
    <row r="77218" spans="8:8">
      <c r="H77218" s="12"/>
    </row>
    <row r="77219" spans="8:8">
      <c r="H77219" s="12"/>
    </row>
    <row r="77220" spans="8:8">
      <c r="H77220" s="12"/>
    </row>
    <row r="77221" spans="8:8">
      <c r="H77221" s="12"/>
    </row>
    <row r="77222" spans="8:8">
      <c r="H77222" s="12"/>
    </row>
    <row r="77223" spans="8:8">
      <c r="H77223" s="12"/>
    </row>
    <row r="77224" spans="8:8">
      <c r="H77224" s="12"/>
    </row>
    <row r="77225" spans="8:8">
      <c r="H77225" s="12"/>
    </row>
    <row r="77226" spans="8:8">
      <c r="H77226" s="12"/>
    </row>
    <row r="77227" spans="8:8">
      <c r="H77227" s="12"/>
    </row>
    <row r="77228" spans="8:8">
      <c r="H77228" s="12"/>
    </row>
    <row r="77229" spans="8:8">
      <c r="H77229" s="12"/>
    </row>
    <row r="77230" spans="8:8">
      <c r="H77230" s="12"/>
    </row>
    <row r="77231" spans="8:8">
      <c r="H77231" s="12"/>
    </row>
    <row r="77232" spans="8:8">
      <c r="H77232" s="12"/>
    </row>
    <row r="77233" spans="8:8">
      <c r="H77233" s="12"/>
    </row>
    <row r="77234" spans="8:8">
      <c r="H77234" s="12"/>
    </row>
    <row r="77235" spans="8:8">
      <c r="H77235" s="12"/>
    </row>
    <row r="77236" spans="8:8">
      <c r="H77236" s="12"/>
    </row>
    <row r="77237" spans="8:8">
      <c r="H77237" s="12"/>
    </row>
    <row r="77238" spans="8:8">
      <c r="H77238" s="12"/>
    </row>
    <row r="77239" spans="8:8">
      <c r="H77239" s="12"/>
    </row>
    <row r="77240" spans="8:8">
      <c r="H77240" s="12"/>
    </row>
    <row r="77241" spans="8:8">
      <c r="H77241" s="12"/>
    </row>
    <row r="77242" spans="8:8">
      <c r="H77242" s="12"/>
    </row>
    <row r="77243" spans="8:8">
      <c r="H77243" s="12"/>
    </row>
    <row r="77244" spans="8:8">
      <c r="H77244" s="12"/>
    </row>
    <row r="77245" spans="8:8">
      <c r="H77245" s="12"/>
    </row>
    <row r="77246" spans="8:8">
      <c r="H77246" s="12"/>
    </row>
    <row r="77247" spans="8:8">
      <c r="H77247" s="12"/>
    </row>
    <row r="77248" spans="8:8">
      <c r="H77248" s="12"/>
    </row>
    <row r="77249" spans="8:8">
      <c r="H77249" s="12"/>
    </row>
    <row r="77250" spans="8:8">
      <c r="H77250" s="12"/>
    </row>
    <row r="77251" spans="8:8">
      <c r="H77251" s="12"/>
    </row>
    <row r="77252" spans="8:8">
      <c r="H77252" s="12"/>
    </row>
    <row r="77253" spans="8:8">
      <c r="H77253" s="12"/>
    </row>
    <row r="77254" spans="8:8">
      <c r="H77254" s="12"/>
    </row>
    <row r="77255" spans="8:8">
      <c r="H77255" s="12"/>
    </row>
    <row r="77256" spans="8:8">
      <c r="H77256" s="12"/>
    </row>
    <row r="77257" spans="8:8">
      <c r="H77257" s="12"/>
    </row>
    <row r="77258" spans="8:8">
      <c r="H77258" s="12"/>
    </row>
    <row r="77259" spans="8:8">
      <c r="H77259" s="12"/>
    </row>
    <row r="77260" spans="8:8">
      <c r="H77260" s="12"/>
    </row>
    <row r="77261" spans="8:8">
      <c r="H77261" s="12"/>
    </row>
    <row r="77262" spans="8:8">
      <c r="H77262" s="12"/>
    </row>
    <row r="77263" spans="8:8">
      <c r="H77263" s="12"/>
    </row>
    <row r="77264" spans="8:8">
      <c r="H77264" s="12"/>
    </row>
    <row r="77265" spans="8:8">
      <c r="H77265" s="12"/>
    </row>
    <row r="77266" spans="8:8">
      <c r="H77266" s="12"/>
    </row>
    <row r="77267" spans="8:8">
      <c r="H77267" s="12"/>
    </row>
    <row r="77268" spans="8:8">
      <c r="H77268" s="12"/>
    </row>
    <row r="77269" spans="8:8">
      <c r="H77269" s="12"/>
    </row>
    <row r="77270" spans="8:8">
      <c r="H77270" s="12"/>
    </row>
    <row r="77271" spans="8:8">
      <c r="H77271" s="12"/>
    </row>
    <row r="77272" spans="8:8">
      <c r="H77272" s="12"/>
    </row>
    <row r="77273" spans="8:8">
      <c r="H77273" s="12"/>
    </row>
    <row r="77274" spans="8:8">
      <c r="H77274" s="12"/>
    </row>
    <row r="77275" spans="8:8">
      <c r="H77275" s="12"/>
    </row>
    <row r="77276" spans="8:8">
      <c r="H77276" s="12"/>
    </row>
    <row r="77277" spans="8:8">
      <c r="H77277" s="12"/>
    </row>
    <row r="77278" spans="8:8">
      <c r="H77278" s="12"/>
    </row>
    <row r="77279" spans="8:8">
      <c r="H77279" s="12"/>
    </row>
    <row r="77280" spans="8:8">
      <c r="H77280" s="12"/>
    </row>
    <row r="77281" spans="8:8">
      <c r="H77281" s="12"/>
    </row>
    <row r="77282" spans="8:8">
      <c r="H77282" s="12"/>
    </row>
    <row r="77283" spans="8:8">
      <c r="H77283" s="12"/>
    </row>
    <row r="77284" spans="8:8">
      <c r="H77284" s="12"/>
    </row>
    <row r="77285" spans="8:8">
      <c r="H77285" s="12"/>
    </row>
    <row r="77286" spans="8:8">
      <c r="H77286" s="12"/>
    </row>
    <row r="77287" spans="8:8">
      <c r="H77287" s="12"/>
    </row>
    <row r="77288" spans="8:8">
      <c r="H77288" s="12"/>
    </row>
    <row r="77289" spans="8:8">
      <c r="H77289" s="12"/>
    </row>
    <row r="77290" spans="8:8">
      <c r="H77290" s="12"/>
    </row>
    <row r="77291" spans="8:8">
      <c r="H77291" s="12"/>
    </row>
    <row r="77292" spans="8:8">
      <c r="H77292" s="12"/>
    </row>
    <row r="77293" spans="8:8">
      <c r="H77293" s="12"/>
    </row>
    <row r="77294" spans="8:8">
      <c r="H77294" s="12"/>
    </row>
    <row r="77295" spans="8:8">
      <c r="H77295" s="12"/>
    </row>
    <row r="77296" spans="8:8">
      <c r="H77296" s="12"/>
    </row>
    <row r="77297" spans="8:8">
      <c r="H77297" s="12"/>
    </row>
    <row r="77298" spans="8:8">
      <c r="H77298" s="12"/>
    </row>
    <row r="77299" spans="8:8">
      <c r="H77299" s="12"/>
    </row>
    <row r="77300" spans="8:8">
      <c r="H77300" s="12"/>
    </row>
    <row r="77301" spans="8:8">
      <c r="H77301" s="12"/>
    </row>
    <row r="77302" spans="8:8">
      <c r="H77302" s="12"/>
    </row>
    <row r="77303" spans="8:8">
      <c r="H77303" s="12"/>
    </row>
    <row r="77304" spans="8:8">
      <c r="H77304" s="12"/>
    </row>
    <row r="77305" spans="8:8">
      <c r="H77305" s="12"/>
    </row>
    <row r="77306" spans="8:8">
      <c r="H77306" s="12"/>
    </row>
    <row r="77307" spans="8:8">
      <c r="H77307" s="12"/>
    </row>
    <row r="77308" spans="8:8">
      <c r="H77308" s="12"/>
    </row>
    <row r="77309" spans="8:8">
      <c r="H77309" s="12"/>
    </row>
    <row r="77310" spans="8:8">
      <c r="H77310" s="12"/>
    </row>
    <row r="77311" spans="8:8">
      <c r="H77311" s="12"/>
    </row>
    <row r="77312" spans="8:8">
      <c r="H77312" s="12"/>
    </row>
    <row r="77313" spans="8:8">
      <c r="H77313" s="12"/>
    </row>
    <row r="77314" spans="8:8">
      <c r="H77314" s="12"/>
    </row>
    <row r="77315" spans="8:8">
      <c r="H77315" s="12"/>
    </row>
    <row r="77316" spans="8:8">
      <c r="H77316" s="12"/>
    </row>
    <row r="77317" spans="8:8">
      <c r="H77317" s="12"/>
    </row>
    <row r="77318" spans="8:8">
      <c r="H77318" s="12"/>
    </row>
    <row r="77319" spans="8:8">
      <c r="H77319" s="12"/>
    </row>
    <row r="77320" spans="8:8">
      <c r="H77320" s="12"/>
    </row>
    <row r="77321" spans="8:8">
      <c r="H77321" s="12"/>
    </row>
    <row r="77322" spans="8:8">
      <c r="H77322" s="12"/>
    </row>
    <row r="77323" spans="8:8">
      <c r="H77323" s="12"/>
    </row>
    <row r="77324" spans="8:8">
      <c r="H77324" s="12"/>
    </row>
    <row r="77325" spans="8:8">
      <c r="H77325" s="12"/>
    </row>
    <row r="77326" spans="8:8">
      <c r="H77326" s="12"/>
    </row>
    <row r="77327" spans="8:8">
      <c r="H77327" s="12"/>
    </row>
    <row r="77328" spans="8:8">
      <c r="H77328" s="12"/>
    </row>
    <row r="77329" spans="8:8">
      <c r="H77329" s="12"/>
    </row>
    <row r="77330" spans="8:8">
      <c r="H77330" s="12"/>
    </row>
    <row r="77331" spans="8:8">
      <c r="H77331" s="12"/>
    </row>
    <row r="77332" spans="8:8">
      <c r="H77332" s="12"/>
    </row>
    <row r="77333" spans="8:8">
      <c r="H77333" s="12"/>
    </row>
    <row r="77334" spans="8:8">
      <c r="H77334" s="12"/>
    </row>
    <row r="77335" spans="8:8">
      <c r="H77335" s="12"/>
    </row>
    <row r="77336" spans="8:8">
      <c r="H77336" s="12"/>
    </row>
    <row r="77337" spans="8:8">
      <c r="H77337" s="12"/>
    </row>
    <row r="77338" spans="8:8">
      <c r="H77338" s="12"/>
    </row>
    <row r="77339" spans="8:8">
      <c r="H77339" s="12"/>
    </row>
    <row r="77340" spans="8:8">
      <c r="H77340" s="12"/>
    </row>
    <row r="77341" spans="8:8">
      <c r="H77341" s="12"/>
    </row>
    <row r="77342" spans="8:8">
      <c r="H77342" s="12"/>
    </row>
    <row r="77343" spans="8:8">
      <c r="H77343" s="12"/>
    </row>
    <row r="77344" spans="8:8">
      <c r="H77344" s="12"/>
    </row>
    <row r="77345" spans="8:8">
      <c r="H77345" s="12"/>
    </row>
    <row r="77346" spans="8:8">
      <c r="H77346" s="12"/>
    </row>
    <row r="77347" spans="8:8">
      <c r="H77347" s="12"/>
    </row>
    <row r="77348" spans="8:8">
      <c r="H77348" s="12"/>
    </row>
    <row r="77349" spans="8:8">
      <c r="H77349" s="12"/>
    </row>
    <row r="77350" spans="8:8">
      <c r="H77350" s="12"/>
    </row>
    <row r="77351" spans="8:8">
      <c r="H77351" s="12"/>
    </row>
    <row r="77352" spans="8:8">
      <c r="H77352" s="12"/>
    </row>
    <row r="77353" spans="8:8">
      <c r="H77353" s="12"/>
    </row>
    <row r="77354" spans="8:8">
      <c r="H77354" s="12"/>
    </row>
    <row r="77355" spans="8:8">
      <c r="H77355" s="12"/>
    </row>
    <row r="77356" spans="8:8">
      <c r="H77356" s="12"/>
    </row>
    <row r="77357" spans="8:8">
      <c r="H77357" s="12"/>
    </row>
    <row r="77358" spans="8:8">
      <c r="H77358" s="12"/>
    </row>
    <row r="77359" spans="8:8">
      <c r="H77359" s="12"/>
    </row>
    <row r="77360" spans="8:8">
      <c r="H77360" s="12"/>
    </row>
    <row r="77361" spans="8:8">
      <c r="H77361" s="12"/>
    </row>
    <row r="77362" spans="8:8">
      <c r="H77362" s="12"/>
    </row>
    <row r="77363" spans="8:8">
      <c r="H77363" s="12"/>
    </row>
    <row r="77364" spans="8:8">
      <c r="H77364" s="12"/>
    </row>
    <row r="77365" spans="8:8">
      <c r="H77365" s="12"/>
    </row>
    <row r="77366" spans="8:8">
      <c r="H77366" s="12"/>
    </row>
    <row r="77367" spans="8:8">
      <c r="H77367" s="12"/>
    </row>
    <row r="77368" spans="8:8">
      <c r="H77368" s="12"/>
    </row>
    <row r="77369" spans="8:8">
      <c r="H77369" s="12"/>
    </row>
    <row r="77370" spans="8:8">
      <c r="H77370" s="12"/>
    </row>
    <row r="77371" spans="8:8">
      <c r="H77371" s="12"/>
    </row>
    <row r="77372" spans="8:8">
      <c r="H77372" s="12"/>
    </row>
    <row r="77373" spans="8:8">
      <c r="H77373" s="12"/>
    </row>
    <row r="77374" spans="8:8">
      <c r="H77374" s="12"/>
    </row>
    <row r="77375" spans="8:8">
      <c r="H77375" s="12"/>
    </row>
    <row r="77376" spans="8:8">
      <c r="H77376" s="12"/>
    </row>
    <row r="77377" spans="8:8">
      <c r="H77377" s="12"/>
    </row>
    <row r="77378" spans="8:8">
      <c r="H77378" s="12"/>
    </row>
    <row r="77379" spans="8:8">
      <c r="H77379" s="12"/>
    </row>
    <row r="77380" spans="8:8">
      <c r="H77380" s="12"/>
    </row>
    <row r="77381" spans="8:8">
      <c r="H77381" s="12"/>
    </row>
    <row r="77382" spans="8:8">
      <c r="H77382" s="12"/>
    </row>
    <row r="77383" spans="8:8">
      <c r="H77383" s="12"/>
    </row>
    <row r="77384" spans="8:8">
      <c r="H77384" s="12"/>
    </row>
    <row r="77385" spans="8:8">
      <c r="H77385" s="12"/>
    </row>
    <row r="77386" spans="8:8">
      <c r="H77386" s="12"/>
    </row>
    <row r="77387" spans="8:8">
      <c r="H77387" s="12"/>
    </row>
    <row r="77388" spans="8:8">
      <c r="H77388" s="12"/>
    </row>
    <row r="77389" spans="8:8">
      <c r="H77389" s="12"/>
    </row>
    <row r="77390" spans="8:8">
      <c r="H77390" s="12"/>
    </row>
    <row r="77391" spans="8:8">
      <c r="H77391" s="12"/>
    </row>
    <row r="77392" spans="8:8">
      <c r="H77392" s="12"/>
    </row>
    <row r="77393" spans="8:8">
      <c r="H77393" s="12"/>
    </row>
    <row r="77394" spans="8:8">
      <c r="H77394" s="12"/>
    </row>
    <row r="77395" spans="8:8">
      <c r="H77395" s="12"/>
    </row>
    <row r="77396" spans="8:8">
      <c r="H77396" s="12"/>
    </row>
    <row r="77397" spans="8:8">
      <c r="H77397" s="12"/>
    </row>
    <row r="77398" spans="8:8">
      <c r="H77398" s="12"/>
    </row>
    <row r="77399" spans="8:8">
      <c r="H77399" s="12"/>
    </row>
    <row r="77400" spans="8:8">
      <c r="H77400" s="12"/>
    </row>
    <row r="77401" spans="8:8">
      <c r="H77401" s="12"/>
    </row>
    <row r="77402" spans="8:8">
      <c r="H77402" s="12"/>
    </row>
    <row r="77403" spans="8:8">
      <c r="H77403" s="12"/>
    </row>
    <row r="77404" spans="8:8">
      <c r="H77404" s="12"/>
    </row>
    <row r="77405" spans="8:8">
      <c r="H77405" s="12"/>
    </row>
    <row r="77406" spans="8:8">
      <c r="H77406" s="12"/>
    </row>
    <row r="77407" spans="8:8">
      <c r="H77407" s="12"/>
    </row>
    <row r="77408" spans="8:8">
      <c r="H77408" s="12"/>
    </row>
    <row r="77409" spans="8:8">
      <c r="H77409" s="12"/>
    </row>
    <row r="77410" spans="8:8">
      <c r="H77410" s="12"/>
    </row>
    <row r="77411" spans="8:8">
      <c r="H77411" s="12"/>
    </row>
    <row r="77412" spans="8:8">
      <c r="H77412" s="12"/>
    </row>
    <row r="77413" spans="8:8">
      <c r="H77413" s="12"/>
    </row>
    <row r="77414" spans="8:8">
      <c r="H77414" s="12"/>
    </row>
    <row r="77415" spans="8:8">
      <c r="H77415" s="12"/>
    </row>
    <row r="77416" spans="8:8">
      <c r="H77416" s="12"/>
    </row>
    <row r="77417" spans="8:8">
      <c r="H77417" s="12"/>
    </row>
    <row r="77418" spans="8:8">
      <c r="H77418" s="12"/>
    </row>
    <row r="77419" spans="8:8">
      <c r="H77419" s="12"/>
    </row>
    <row r="77420" spans="8:8">
      <c r="H77420" s="12"/>
    </row>
    <row r="77421" spans="8:8">
      <c r="H77421" s="12"/>
    </row>
    <row r="77422" spans="8:8">
      <c r="H77422" s="12"/>
    </row>
    <row r="77423" spans="8:8">
      <c r="H77423" s="12"/>
    </row>
    <row r="77424" spans="8:8">
      <c r="H77424" s="12"/>
    </row>
    <row r="77425" spans="8:8">
      <c r="H77425" s="12"/>
    </row>
    <row r="77426" spans="8:8">
      <c r="H77426" s="12"/>
    </row>
    <row r="77427" spans="8:8">
      <c r="H77427" s="12"/>
    </row>
    <row r="77428" spans="8:8">
      <c r="H77428" s="12"/>
    </row>
    <row r="77429" spans="8:8">
      <c r="H77429" s="12"/>
    </row>
    <row r="77430" spans="8:8">
      <c r="H77430" s="12"/>
    </row>
    <row r="77431" spans="8:8">
      <c r="H77431" s="12"/>
    </row>
    <row r="77432" spans="8:8">
      <c r="H77432" s="12"/>
    </row>
    <row r="77433" spans="8:8">
      <c r="H77433" s="12"/>
    </row>
    <row r="77434" spans="8:8">
      <c r="H77434" s="12"/>
    </row>
    <row r="77435" spans="8:8">
      <c r="H77435" s="12"/>
    </row>
    <row r="77436" spans="8:8">
      <c r="H77436" s="12"/>
    </row>
    <row r="77437" spans="8:8">
      <c r="H77437" s="12"/>
    </row>
    <row r="77438" spans="8:8">
      <c r="H77438" s="12"/>
    </row>
    <row r="77439" spans="8:8">
      <c r="H77439" s="12"/>
    </row>
    <row r="77440" spans="8:8">
      <c r="H77440" s="12"/>
    </row>
    <row r="77441" spans="8:8">
      <c r="H77441" s="12"/>
    </row>
    <row r="77442" spans="8:8">
      <c r="H77442" s="12"/>
    </row>
    <row r="77443" spans="8:8">
      <c r="H77443" s="12"/>
    </row>
    <row r="77444" spans="8:8">
      <c r="H77444" s="12"/>
    </row>
    <row r="77445" spans="8:8">
      <c r="H77445" s="12"/>
    </row>
    <row r="77446" spans="8:8">
      <c r="H77446" s="12"/>
    </row>
    <row r="77447" spans="8:8">
      <c r="H77447" s="12"/>
    </row>
    <row r="77448" spans="8:8">
      <c r="H77448" s="12"/>
    </row>
    <row r="77449" spans="8:8">
      <c r="H77449" s="12"/>
    </row>
    <row r="77450" spans="8:8">
      <c r="H77450" s="12"/>
    </row>
    <row r="77451" spans="8:8">
      <c r="H77451" s="12"/>
    </row>
    <row r="77452" spans="8:8">
      <c r="H77452" s="12"/>
    </row>
    <row r="77453" spans="8:8">
      <c r="H77453" s="12"/>
    </row>
    <row r="77454" spans="8:8">
      <c r="H77454" s="12"/>
    </row>
    <row r="77455" spans="8:8">
      <c r="H77455" s="12"/>
    </row>
    <row r="77456" spans="8:8">
      <c r="H77456" s="12"/>
    </row>
    <row r="77457" spans="8:8">
      <c r="H77457" s="12"/>
    </row>
    <row r="77458" spans="8:8">
      <c r="H77458" s="12"/>
    </row>
    <row r="77459" spans="8:8">
      <c r="H77459" s="12"/>
    </row>
    <row r="77460" spans="8:8">
      <c r="H77460" s="12"/>
    </row>
    <row r="77461" spans="8:8">
      <c r="H77461" s="12"/>
    </row>
    <row r="77462" spans="8:8">
      <c r="H77462" s="12"/>
    </row>
    <row r="77463" spans="8:8">
      <c r="H77463" s="12"/>
    </row>
    <row r="77464" spans="8:8">
      <c r="H77464" s="12"/>
    </row>
    <row r="77465" spans="8:8">
      <c r="H77465" s="12"/>
    </row>
    <row r="77466" spans="8:8">
      <c r="H77466" s="12"/>
    </row>
    <row r="77467" spans="8:8">
      <c r="H77467" s="12"/>
    </row>
    <row r="77468" spans="8:8">
      <c r="H77468" s="12"/>
    </row>
    <row r="77469" spans="8:8">
      <c r="H77469" s="12"/>
    </row>
    <row r="77470" spans="8:8">
      <c r="H77470" s="12"/>
    </row>
    <row r="77471" spans="8:8">
      <c r="H77471" s="12"/>
    </row>
    <row r="77472" spans="8:8">
      <c r="H77472" s="12"/>
    </row>
    <row r="77473" spans="8:8">
      <c r="H77473" s="12"/>
    </row>
    <row r="77474" spans="8:8">
      <c r="H77474" s="12"/>
    </row>
    <row r="77475" spans="8:8">
      <c r="H77475" s="12"/>
    </row>
    <row r="77476" spans="8:8">
      <c r="H77476" s="12"/>
    </row>
    <row r="77477" spans="8:8">
      <c r="H77477" s="12"/>
    </row>
    <row r="77478" spans="8:8">
      <c r="H77478" s="12"/>
    </row>
    <row r="77479" spans="8:8">
      <c r="H77479" s="12"/>
    </row>
    <row r="77480" spans="8:8">
      <c r="H77480" s="12"/>
    </row>
    <row r="77481" spans="8:8">
      <c r="H77481" s="12"/>
    </row>
    <row r="77482" spans="8:8">
      <c r="H77482" s="12"/>
    </row>
    <row r="77483" spans="8:8">
      <c r="H77483" s="12"/>
    </row>
    <row r="77484" spans="8:8">
      <c r="H77484" s="12"/>
    </row>
    <row r="77485" spans="8:8">
      <c r="H77485" s="12"/>
    </row>
    <row r="77486" spans="8:8">
      <c r="H77486" s="12"/>
    </row>
    <row r="77487" spans="8:8">
      <c r="H77487" s="12"/>
    </row>
    <row r="77488" spans="8:8">
      <c r="H77488" s="12"/>
    </row>
    <row r="77489" spans="8:8">
      <c r="H77489" s="12"/>
    </row>
    <row r="77490" spans="8:8">
      <c r="H77490" s="12"/>
    </row>
    <row r="77491" spans="8:8">
      <c r="H77491" s="12"/>
    </row>
    <row r="77492" spans="8:8">
      <c r="H77492" s="12"/>
    </row>
    <row r="77493" spans="8:8">
      <c r="H77493" s="12"/>
    </row>
    <row r="77494" spans="8:8">
      <c r="H77494" s="12"/>
    </row>
    <row r="77495" spans="8:8">
      <c r="H77495" s="12"/>
    </row>
    <row r="77496" spans="8:8">
      <c r="H77496" s="12"/>
    </row>
    <row r="77497" spans="8:8">
      <c r="H77497" s="12"/>
    </row>
    <row r="77498" spans="8:8">
      <c r="H77498" s="12"/>
    </row>
    <row r="77499" spans="8:8">
      <c r="H77499" s="12"/>
    </row>
    <row r="77500" spans="8:8">
      <c r="H77500" s="12"/>
    </row>
    <row r="77501" spans="8:8">
      <c r="H77501" s="12"/>
    </row>
    <row r="77502" spans="8:8">
      <c r="H77502" s="12"/>
    </row>
    <row r="77503" spans="8:8">
      <c r="H77503" s="12"/>
    </row>
    <row r="77504" spans="8:8">
      <c r="H77504" s="12"/>
    </row>
    <row r="77505" spans="8:8">
      <c r="H77505" s="12"/>
    </row>
    <row r="77506" spans="8:8">
      <c r="H77506" s="12"/>
    </row>
    <row r="77507" spans="8:8">
      <c r="H77507" s="12"/>
    </row>
    <row r="77508" spans="8:8">
      <c r="H77508" s="12"/>
    </row>
    <row r="77509" spans="8:8">
      <c r="H77509" s="12"/>
    </row>
    <row r="77510" spans="8:8">
      <c r="H77510" s="12"/>
    </row>
    <row r="77511" spans="8:8">
      <c r="H77511" s="12"/>
    </row>
    <row r="77512" spans="8:8">
      <c r="H77512" s="12"/>
    </row>
    <row r="77513" spans="8:8">
      <c r="H77513" s="12"/>
    </row>
    <row r="77514" spans="8:8">
      <c r="H77514" s="12"/>
    </row>
    <row r="77515" spans="8:8">
      <c r="H77515" s="12"/>
    </row>
    <row r="77516" spans="8:8">
      <c r="H77516" s="12"/>
    </row>
    <row r="77517" spans="8:8">
      <c r="H77517" s="12"/>
    </row>
    <row r="77518" spans="8:8">
      <c r="H77518" s="12"/>
    </row>
    <row r="77519" spans="8:8">
      <c r="H77519" s="12"/>
    </row>
    <row r="77520" spans="8:8">
      <c r="H77520" s="12"/>
    </row>
    <row r="77521" spans="8:8">
      <c r="H77521" s="12"/>
    </row>
    <row r="77522" spans="8:8">
      <c r="H77522" s="12"/>
    </row>
    <row r="77523" spans="8:8">
      <c r="H77523" s="12"/>
    </row>
    <row r="77524" spans="8:8">
      <c r="H77524" s="12"/>
    </row>
    <row r="77525" spans="8:8">
      <c r="H77525" s="12"/>
    </row>
    <row r="77526" spans="8:8">
      <c r="H77526" s="12"/>
    </row>
    <row r="77527" spans="8:8">
      <c r="H77527" s="12"/>
    </row>
    <row r="77528" spans="8:8">
      <c r="H77528" s="12"/>
    </row>
    <row r="77529" spans="8:8">
      <c r="H77529" s="12"/>
    </row>
    <row r="77530" spans="8:8">
      <c r="H77530" s="12"/>
    </row>
    <row r="77531" spans="8:8">
      <c r="H77531" s="12"/>
    </row>
    <row r="77532" spans="8:8">
      <c r="H77532" s="12"/>
    </row>
    <row r="77533" spans="8:8">
      <c r="H77533" s="12"/>
    </row>
    <row r="77534" spans="8:8">
      <c r="H77534" s="12"/>
    </row>
    <row r="77535" spans="8:8">
      <c r="H77535" s="12"/>
    </row>
    <row r="77536" spans="8:8">
      <c r="H77536" s="12"/>
    </row>
    <row r="77537" spans="8:8">
      <c r="H77537" s="12"/>
    </row>
    <row r="77538" spans="8:8">
      <c r="H77538" s="12"/>
    </row>
    <row r="77539" spans="8:8">
      <c r="H77539" s="12"/>
    </row>
    <row r="77540" spans="8:8">
      <c r="H77540" s="12"/>
    </row>
    <row r="77541" spans="8:8">
      <c r="H77541" s="12"/>
    </row>
    <row r="77542" spans="8:8">
      <c r="H77542" s="12"/>
    </row>
    <row r="77543" spans="8:8">
      <c r="H77543" s="12"/>
    </row>
    <row r="77544" spans="8:8">
      <c r="H77544" s="12"/>
    </row>
    <row r="77545" spans="8:8">
      <c r="H77545" s="12"/>
    </row>
    <row r="77546" spans="8:8">
      <c r="H77546" s="12"/>
    </row>
    <row r="77547" spans="8:8">
      <c r="H77547" s="12"/>
    </row>
    <row r="77548" spans="8:8">
      <c r="H77548" s="12"/>
    </row>
    <row r="77549" spans="8:8">
      <c r="H77549" s="12"/>
    </row>
    <row r="77550" spans="8:8">
      <c r="H77550" s="12"/>
    </row>
    <row r="77551" spans="8:8">
      <c r="H77551" s="12"/>
    </row>
    <row r="77552" spans="8:8">
      <c r="H77552" s="12"/>
    </row>
    <row r="77553" spans="8:8">
      <c r="H77553" s="12"/>
    </row>
    <row r="77554" spans="8:8">
      <c r="H77554" s="12"/>
    </row>
    <row r="77555" spans="8:8">
      <c r="H77555" s="12"/>
    </row>
    <row r="77556" spans="8:8">
      <c r="H77556" s="12"/>
    </row>
    <row r="77557" spans="8:8">
      <c r="H77557" s="12"/>
    </row>
    <row r="77558" spans="8:8">
      <c r="H77558" s="12"/>
    </row>
    <row r="77559" spans="8:8">
      <c r="H77559" s="12"/>
    </row>
    <row r="77560" spans="8:8">
      <c r="H77560" s="12"/>
    </row>
    <row r="77561" spans="8:8">
      <c r="H77561" s="12"/>
    </row>
    <row r="77562" spans="8:8">
      <c r="H77562" s="12"/>
    </row>
    <row r="77563" spans="8:8">
      <c r="H77563" s="12"/>
    </row>
    <row r="77564" spans="8:8">
      <c r="H77564" s="12"/>
    </row>
    <row r="77565" spans="8:8">
      <c r="H77565" s="12"/>
    </row>
    <row r="77566" spans="8:8">
      <c r="H77566" s="12"/>
    </row>
    <row r="77567" spans="8:8">
      <c r="H77567" s="12"/>
    </row>
    <row r="77568" spans="8:8">
      <c r="H77568" s="12"/>
    </row>
    <row r="77569" spans="8:8">
      <c r="H77569" s="12"/>
    </row>
    <row r="77570" spans="8:8">
      <c r="H77570" s="12"/>
    </row>
    <row r="77571" spans="8:8">
      <c r="H77571" s="12"/>
    </row>
    <row r="77572" spans="8:8">
      <c r="H77572" s="12"/>
    </row>
    <row r="77573" spans="8:8">
      <c r="H77573" s="12"/>
    </row>
    <row r="77574" spans="8:8">
      <c r="H77574" s="12"/>
    </row>
    <row r="77575" spans="8:8">
      <c r="H77575" s="12"/>
    </row>
    <row r="77576" spans="8:8">
      <c r="H77576" s="12"/>
    </row>
    <row r="77577" spans="8:8">
      <c r="H77577" s="12"/>
    </row>
    <row r="77578" spans="8:8">
      <c r="H77578" s="12"/>
    </row>
    <row r="77579" spans="8:8">
      <c r="H77579" s="12"/>
    </row>
    <row r="77580" spans="8:8">
      <c r="H77580" s="12"/>
    </row>
    <row r="77581" spans="8:8">
      <c r="H77581" s="12"/>
    </row>
    <row r="77582" spans="8:8">
      <c r="H77582" s="12"/>
    </row>
    <row r="77583" spans="8:8">
      <c r="H77583" s="12"/>
    </row>
    <row r="77584" spans="8:8">
      <c r="H77584" s="12"/>
    </row>
    <row r="77585" spans="8:8">
      <c r="H77585" s="12"/>
    </row>
    <row r="77586" spans="8:8">
      <c r="H77586" s="12"/>
    </row>
    <row r="77587" spans="8:8">
      <c r="H77587" s="12"/>
    </row>
    <row r="77588" spans="8:8">
      <c r="H77588" s="12"/>
    </row>
    <row r="77589" spans="8:8">
      <c r="H77589" s="12"/>
    </row>
    <row r="77590" spans="8:8">
      <c r="H77590" s="12"/>
    </row>
    <row r="77591" spans="8:8">
      <c r="H77591" s="12"/>
    </row>
    <row r="77592" spans="8:8">
      <c r="H77592" s="12"/>
    </row>
    <row r="77593" spans="8:8">
      <c r="H77593" s="12"/>
    </row>
    <row r="77594" spans="8:8">
      <c r="H77594" s="12"/>
    </row>
    <row r="77595" spans="8:8">
      <c r="H77595" s="12"/>
    </row>
    <row r="77596" spans="8:8">
      <c r="H77596" s="12"/>
    </row>
    <row r="77597" spans="8:8">
      <c r="H77597" s="12"/>
    </row>
    <row r="77598" spans="8:8">
      <c r="H77598" s="12"/>
    </row>
    <row r="77599" spans="8:8">
      <c r="H77599" s="12"/>
    </row>
    <row r="77600" spans="8:8">
      <c r="H77600" s="12"/>
    </row>
    <row r="77601" spans="8:8">
      <c r="H77601" s="12"/>
    </row>
    <row r="77602" spans="8:8">
      <c r="H77602" s="12"/>
    </row>
    <row r="77603" spans="8:8">
      <c r="H77603" s="12"/>
    </row>
    <row r="77604" spans="8:8">
      <c r="H77604" s="12"/>
    </row>
    <row r="77605" spans="8:8">
      <c r="H77605" s="12"/>
    </row>
    <row r="77606" spans="8:8">
      <c r="H77606" s="12"/>
    </row>
    <row r="77607" spans="8:8">
      <c r="H77607" s="12"/>
    </row>
    <row r="77608" spans="8:8">
      <c r="H77608" s="12"/>
    </row>
    <row r="77609" spans="8:8">
      <c r="H77609" s="12"/>
    </row>
    <row r="77610" spans="8:8">
      <c r="H77610" s="12"/>
    </row>
    <row r="77611" spans="8:8">
      <c r="H77611" s="12"/>
    </row>
    <row r="77612" spans="8:8">
      <c r="H77612" s="12"/>
    </row>
    <row r="77613" spans="8:8">
      <c r="H77613" s="12"/>
    </row>
    <row r="77614" spans="8:8">
      <c r="H77614" s="12"/>
    </row>
    <row r="77615" spans="8:8">
      <c r="H77615" s="12"/>
    </row>
    <row r="77616" spans="8:8">
      <c r="H77616" s="12"/>
    </row>
    <row r="77617" spans="8:8">
      <c r="H77617" s="12"/>
    </row>
    <row r="77618" spans="8:8">
      <c r="H77618" s="12"/>
    </row>
    <row r="77619" spans="8:8">
      <c r="H77619" s="12"/>
    </row>
    <row r="77620" spans="8:8">
      <c r="H77620" s="12"/>
    </row>
    <row r="77621" spans="8:8">
      <c r="H77621" s="12"/>
    </row>
    <row r="77622" spans="8:8">
      <c r="H77622" s="12"/>
    </row>
    <row r="77623" spans="8:8">
      <c r="H77623" s="12"/>
    </row>
    <row r="77624" spans="8:8">
      <c r="H77624" s="12"/>
    </row>
    <row r="77625" spans="8:8">
      <c r="H77625" s="12"/>
    </row>
    <row r="77626" spans="8:8">
      <c r="H77626" s="12"/>
    </row>
    <row r="77627" spans="8:8">
      <c r="H77627" s="12"/>
    </row>
    <row r="77628" spans="8:8">
      <c r="H77628" s="12"/>
    </row>
    <row r="77629" spans="8:8">
      <c r="H77629" s="12"/>
    </row>
    <row r="77630" spans="8:8">
      <c r="H77630" s="12"/>
    </row>
    <row r="77631" spans="8:8">
      <c r="H77631" s="12"/>
    </row>
    <row r="77632" spans="8:8">
      <c r="H77632" s="12"/>
    </row>
    <row r="77633" spans="8:8">
      <c r="H77633" s="12"/>
    </row>
    <row r="77634" spans="8:8">
      <c r="H77634" s="12"/>
    </row>
    <row r="77635" spans="8:8">
      <c r="H77635" s="12"/>
    </row>
    <row r="77636" spans="8:8">
      <c r="H77636" s="12"/>
    </row>
    <row r="77637" spans="8:8">
      <c r="H77637" s="12"/>
    </row>
    <row r="77638" spans="8:8">
      <c r="H77638" s="12"/>
    </row>
    <row r="77639" spans="8:8">
      <c r="H77639" s="12"/>
    </row>
    <row r="77640" spans="8:8">
      <c r="H77640" s="12"/>
    </row>
    <row r="77641" spans="8:8">
      <c r="H77641" s="12"/>
    </row>
    <row r="77642" spans="8:8">
      <c r="H77642" s="12"/>
    </row>
    <row r="77643" spans="8:8">
      <c r="H77643" s="12"/>
    </row>
    <row r="77644" spans="8:8">
      <c r="H77644" s="12"/>
    </row>
    <row r="77645" spans="8:8">
      <c r="H77645" s="12"/>
    </row>
    <row r="77646" spans="8:8">
      <c r="H77646" s="12"/>
    </row>
    <row r="77647" spans="8:8">
      <c r="H77647" s="12"/>
    </row>
    <row r="77648" spans="8:8">
      <c r="H77648" s="12"/>
    </row>
    <row r="77649" spans="8:8">
      <c r="H77649" s="12"/>
    </row>
    <row r="77650" spans="8:8">
      <c r="H77650" s="12"/>
    </row>
    <row r="77651" spans="8:8">
      <c r="H77651" s="12"/>
    </row>
    <row r="77652" spans="8:8">
      <c r="H77652" s="12"/>
    </row>
    <row r="77653" spans="8:8">
      <c r="H77653" s="12"/>
    </row>
    <row r="77654" spans="8:8">
      <c r="H77654" s="12"/>
    </row>
    <row r="77655" spans="8:8">
      <c r="H77655" s="12"/>
    </row>
    <row r="77656" spans="8:8">
      <c r="H77656" s="12"/>
    </row>
    <row r="77657" spans="8:8">
      <c r="H77657" s="12"/>
    </row>
    <row r="77658" spans="8:8">
      <c r="H77658" s="12"/>
    </row>
    <row r="77659" spans="8:8">
      <c r="H77659" s="12"/>
    </row>
    <row r="77660" spans="8:8">
      <c r="H77660" s="12"/>
    </row>
    <row r="77661" spans="8:8">
      <c r="H77661" s="12"/>
    </row>
    <row r="77662" spans="8:8">
      <c r="H77662" s="12"/>
    </row>
    <row r="77663" spans="8:8">
      <c r="H77663" s="12"/>
    </row>
    <row r="77664" spans="8:8">
      <c r="H77664" s="12"/>
    </row>
    <row r="77665" spans="8:8">
      <c r="H77665" s="12"/>
    </row>
    <row r="77666" spans="8:8">
      <c r="H77666" s="12"/>
    </row>
    <row r="77667" spans="8:8">
      <c r="H77667" s="12"/>
    </row>
    <row r="77668" spans="8:8">
      <c r="H77668" s="12"/>
    </row>
    <row r="77669" spans="8:8">
      <c r="H77669" s="12"/>
    </row>
    <row r="77670" spans="8:8">
      <c r="H77670" s="12"/>
    </row>
    <row r="77671" spans="8:8">
      <c r="H77671" s="12"/>
    </row>
    <row r="77672" spans="8:8">
      <c r="H77672" s="12"/>
    </row>
    <row r="77673" spans="8:8">
      <c r="H77673" s="12"/>
    </row>
    <row r="77674" spans="8:8">
      <c r="H77674" s="12"/>
    </row>
    <row r="77675" spans="8:8">
      <c r="H77675" s="12"/>
    </row>
    <row r="77676" spans="8:8">
      <c r="H77676" s="12"/>
    </row>
    <row r="77677" spans="8:8">
      <c r="H77677" s="12"/>
    </row>
    <row r="77678" spans="8:8">
      <c r="H77678" s="12"/>
    </row>
    <row r="77679" spans="8:8">
      <c r="H77679" s="12"/>
    </row>
    <row r="77680" spans="8:8">
      <c r="H77680" s="12"/>
    </row>
    <row r="77681" spans="8:8">
      <c r="H77681" s="12"/>
    </row>
    <row r="77682" spans="8:8">
      <c r="H77682" s="12"/>
    </row>
    <row r="77683" spans="8:8">
      <c r="H77683" s="12"/>
    </row>
    <row r="77684" spans="8:8">
      <c r="H77684" s="12"/>
    </row>
    <row r="77685" spans="8:8">
      <c r="H77685" s="12"/>
    </row>
    <row r="77686" spans="8:8">
      <c r="H77686" s="12"/>
    </row>
    <row r="77687" spans="8:8">
      <c r="H77687" s="12"/>
    </row>
    <row r="77688" spans="8:8">
      <c r="H77688" s="12"/>
    </row>
    <row r="77689" spans="8:8">
      <c r="H77689" s="12"/>
    </row>
    <row r="77690" spans="8:8">
      <c r="H77690" s="12"/>
    </row>
    <row r="77691" spans="8:8">
      <c r="H77691" s="12"/>
    </row>
    <row r="77692" spans="8:8">
      <c r="H77692" s="12"/>
    </row>
    <row r="77693" spans="8:8">
      <c r="H77693" s="12"/>
    </row>
    <row r="77694" spans="8:8">
      <c r="H77694" s="12"/>
    </row>
    <row r="77695" spans="8:8">
      <c r="H77695" s="12"/>
    </row>
    <row r="77696" spans="8:8">
      <c r="H77696" s="12"/>
    </row>
    <row r="77697" spans="8:8">
      <c r="H77697" s="12"/>
    </row>
    <row r="77698" spans="8:8">
      <c r="H77698" s="12"/>
    </row>
    <row r="77699" spans="8:8">
      <c r="H77699" s="12"/>
    </row>
    <row r="77700" spans="8:8">
      <c r="H77700" s="12"/>
    </row>
    <row r="77701" spans="8:8">
      <c r="H77701" s="12"/>
    </row>
    <row r="77702" spans="8:8">
      <c r="H77702" s="12"/>
    </row>
    <row r="77703" spans="8:8">
      <c r="H77703" s="12"/>
    </row>
    <row r="77704" spans="8:8">
      <c r="H77704" s="12"/>
    </row>
    <row r="77705" spans="8:8">
      <c r="H77705" s="12"/>
    </row>
    <row r="77706" spans="8:8">
      <c r="H77706" s="12"/>
    </row>
    <row r="77707" spans="8:8">
      <c r="H77707" s="12"/>
    </row>
    <row r="77708" spans="8:8">
      <c r="H77708" s="12"/>
    </row>
    <row r="77709" spans="8:8">
      <c r="H77709" s="12"/>
    </row>
    <row r="77710" spans="8:8">
      <c r="H77710" s="12"/>
    </row>
    <row r="77711" spans="8:8">
      <c r="H77711" s="12"/>
    </row>
    <row r="77712" spans="8:8">
      <c r="H77712" s="12"/>
    </row>
    <row r="77713" spans="8:8">
      <c r="H77713" s="12"/>
    </row>
    <row r="77714" spans="8:8">
      <c r="H77714" s="12"/>
    </row>
    <row r="77715" spans="8:8">
      <c r="H77715" s="12"/>
    </row>
    <row r="77716" spans="8:8">
      <c r="H77716" s="12"/>
    </row>
    <row r="77717" spans="8:8">
      <c r="H77717" s="12"/>
    </row>
    <row r="77718" spans="8:8">
      <c r="H77718" s="12"/>
    </row>
    <row r="77719" spans="8:8">
      <c r="H77719" s="12"/>
    </row>
    <row r="77720" spans="8:8">
      <c r="H77720" s="12"/>
    </row>
    <row r="77721" spans="8:8">
      <c r="H77721" s="12"/>
    </row>
    <row r="77722" spans="8:8">
      <c r="H77722" s="12"/>
    </row>
    <row r="77723" spans="8:8">
      <c r="H77723" s="12"/>
    </row>
    <row r="77724" spans="8:8">
      <c r="H77724" s="12"/>
    </row>
    <row r="77725" spans="8:8">
      <c r="H77725" s="12"/>
    </row>
    <row r="77726" spans="8:8">
      <c r="H77726" s="12"/>
    </row>
    <row r="77727" spans="8:8">
      <c r="H77727" s="12"/>
    </row>
    <row r="77728" spans="8:8">
      <c r="H77728" s="12"/>
    </row>
    <row r="77729" spans="8:8">
      <c r="H77729" s="12"/>
    </row>
    <row r="77730" spans="8:8">
      <c r="H77730" s="12"/>
    </row>
    <row r="77731" spans="8:8">
      <c r="H77731" s="12"/>
    </row>
    <row r="77732" spans="8:8">
      <c r="H77732" s="12"/>
    </row>
    <row r="77733" spans="8:8">
      <c r="H77733" s="12"/>
    </row>
    <row r="77734" spans="8:8">
      <c r="H77734" s="12"/>
    </row>
    <row r="77735" spans="8:8">
      <c r="H77735" s="12"/>
    </row>
    <row r="77736" spans="8:8">
      <c r="H77736" s="12"/>
    </row>
    <row r="77737" spans="8:8">
      <c r="H77737" s="12"/>
    </row>
    <row r="77738" spans="8:8">
      <c r="H77738" s="12"/>
    </row>
    <row r="77739" spans="8:8">
      <c r="H77739" s="12"/>
    </row>
    <row r="77740" spans="8:8">
      <c r="H77740" s="12"/>
    </row>
    <row r="77741" spans="8:8">
      <c r="H77741" s="12"/>
    </row>
    <row r="77742" spans="8:8">
      <c r="H77742" s="12"/>
    </row>
    <row r="77743" spans="8:8">
      <c r="H77743" s="12"/>
    </row>
    <row r="77744" spans="8:8">
      <c r="H77744" s="12"/>
    </row>
    <row r="77745" spans="8:8">
      <c r="H77745" s="12"/>
    </row>
    <row r="77746" spans="8:8">
      <c r="H77746" s="12"/>
    </row>
    <row r="77747" spans="8:8">
      <c r="H77747" s="12"/>
    </row>
    <row r="77748" spans="8:8">
      <c r="H77748" s="12"/>
    </row>
    <row r="77749" spans="8:8">
      <c r="H77749" s="12"/>
    </row>
    <row r="77750" spans="8:8">
      <c r="H77750" s="12"/>
    </row>
    <row r="77751" spans="8:8">
      <c r="H77751" s="12"/>
    </row>
    <row r="77752" spans="8:8">
      <c r="H77752" s="12"/>
    </row>
    <row r="77753" spans="8:8">
      <c r="H77753" s="12"/>
    </row>
    <row r="77754" spans="8:8">
      <c r="H77754" s="12"/>
    </row>
    <row r="77755" spans="8:8">
      <c r="H77755" s="12"/>
    </row>
    <row r="77756" spans="8:8">
      <c r="H77756" s="12"/>
    </row>
    <row r="77757" spans="8:8">
      <c r="H77757" s="12"/>
    </row>
    <row r="77758" spans="8:8">
      <c r="H77758" s="12"/>
    </row>
    <row r="77759" spans="8:8">
      <c r="H77759" s="12"/>
    </row>
    <row r="77760" spans="8:8">
      <c r="H77760" s="12"/>
    </row>
    <row r="77761" spans="8:8">
      <c r="H77761" s="12"/>
    </row>
    <row r="77762" spans="8:8">
      <c r="H77762" s="12"/>
    </row>
    <row r="77763" spans="8:8">
      <c r="H77763" s="12"/>
    </row>
    <row r="77764" spans="8:8">
      <c r="H77764" s="12"/>
    </row>
    <row r="77765" spans="8:8">
      <c r="H77765" s="12"/>
    </row>
    <row r="77766" spans="8:8">
      <c r="H77766" s="12"/>
    </row>
    <row r="77767" spans="8:8">
      <c r="H77767" s="12"/>
    </row>
    <row r="77768" spans="8:8">
      <c r="H77768" s="12"/>
    </row>
    <row r="77769" spans="8:8">
      <c r="H77769" s="12"/>
    </row>
    <row r="77770" spans="8:8">
      <c r="H77770" s="12"/>
    </row>
    <row r="77771" spans="8:8">
      <c r="H77771" s="12"/>
    </row>
    <row r="77772" spans="8:8">
      <c r="H77772" s="12"/>
    </row>
    <row r="77773" spans="8:8">
      <c r="H77773" s="12"/>
    </row>
    <row r="77774" spans="8:8">
      <c r="H77774" s="12"/>
    </row>
    <row r="77775" spans="8:8">
      <c r="H77775" s="12"/>
    </row>
    <row r="77776" spans="8:8">
      <c r="H77776" s="12"/>
    </row>
    <row r="77777" spans="8:8">
      <c r="H77777" s="12"/>
    </row>
    <row r="77778" spans="8:8">
      <c r="H77778" s="12"/>
    </row>
    <row r="77779" spans="8:8">
      <c r="H77779" s="12"/>
    </row>
    <row r="77780" spans="8:8">
      <c r="H77780" s="12"/>
    </row>
    <row r="77781" spans="8:8">
      <c r="H77781" s="12"/>
    </row>
    <row r="77782" spans="8:8">
      <c r="H77782" s="12"/>
    </row>
    <row r="77783" spans="8:8">
      <c r="H77783" s="12"/>
    </row>
    <row r="77784" spans="8:8">
      <c r="H77784" s="12"/>
    </row>
    <row r="77785" spans="8:8">
      <c r="H77785" s="12"/>
    </row>
    <row r="77786" spans="8:8">
      <c r="H77786" s="12"/>
    </row>
    <row r="77787" spans="8:8">
      <c r="H77787" s="12"/>
    </row>
    <row r="77788" spans="8:8">
      <c r="H77788" s="12"/>
    </row>
    <row r="77789" spans="8:8">
      <c r="H77789" s="12"/>
    </row>
    <row r="77790" spans="8:8">
      <c r="H77790" s="12"/>
    </row>
    <row r="77791" spans="8:8">
      <c r="H77791" s="12"/>
    </row>
    <row r="77792" spans="8:8">
      <c r="H77792" s="12"/>
    </row>
    <row r="77793" spans="8:8">
      <c r="H77793" s="12"/>
    </row>
    <row r="77794" spans="8:8">
      <c r="H77794" s="12"/>
    </row>
    <row r="77795" spans="8:8">
      <c r="H77795" s="12"/>
    </row>
    <row r="77796" spans="8:8">
      <c r="H77796" s="12"/>
    </row>
    <row r="77797" spans="8:8">
      <c r="H77797" s="12"/>
    </row>
    <row r="77798" spans="8:8">
      <c r="H77798" s="12"/>
    </row>
    <row r="77799" spans="8:8">
      <c r="H77799" s="12"/>
    </row>
    <row r="77800" spans="8:8">
      <c r="H77800" s="12"/>
    </row>
    <row r="77801" spans="8:8">
      <c r="H77801" s="12"/>
    </row>
    <row r="77802" spans="8:8">
      <c r="H77802" s="12"/>
    </row>
    <row r="77803" spans="8:8">
      <c r="H77803" s="12"/>
    </row>
    <row r="77804" spans="8:8">
      <c r="H77804" s="12"/>
    </row>
    <row r="77805" spans="8:8">
      <c r="H77805" s="12"/>
    </row>
    <row r="77806" spans="8:8">
      <c r="H77806" s="12"/>
    </row>
    <row r="77807" spans="8:8">
      <c r="H77807" s="12"/>
    </row>
    <row r="77808" spans="8:8">
      <c r="H77808" s="12"/>
    </row>
    <row r="77809" spans="8:8">
      <c r="H77809" s="12"/>
    </row>
    <row r="77810" spans="8:8">
      <c r="H77810" s="12"/>
    </row>
    <row r="77811" spans="8:8">
      <c r="H77811" s="12"/>
    </row>
    <row r="77812" spans="8:8">
      <c r="H77812" s="12"/>
    </row>
    <row r="77813" spans="8:8">
      <c r="H77813" s="12"/>
    </row>
    <row r="77814" spans="8:8">
      <c r="H77814" s="12"/>
    </row>
    <row r="77815" spans="8:8">
      <c r="H77815" s="12"/>
    </row>
    <row r="77816" spans="8:8">
      <c r="H77816" s="12"/>
    </row>
    <row r="77817" spans="8:8">
      <c r="H77817" s="12"/>
    </row>
    <row r="77818" spans="8:8">
      <c r="H77818" s="12"/>
    </row>
    <row r="77819" spans="8:8">
      <c r="H77819" s="12"/>
    </row>
    <row r="77820" spans="8:8">
      <c r="H77820" s="12"/>
    </row>
    <row r="77821" spans="8:8">
      <c r="H77821" s="12"/>
    </row>
    <row r="77822" spans="8:8">
      <c r="H77822" s="12"/>
    </row>
    <row r="77823" spans="8:8">
      <c r="H77823" s="12"/>
    </row>
    <row r="77824" spans="8:8">
      <c r="H77824" s="12"/>
    </row>
    <row r="77825" spans="8:8">
      <c r="H77825" s="12"/>
    </row>
    <row r="77826" spans="8:8">
      <c r="H77826" s="12"/>
    </row>
    <row r="77827" spans="8:8">
      <c r="H77827" s="12"/>
    </row>
    <row r="77828" spans="8:8">
      <c r="H77828" s="12"/>
    </row>
    <row r="77829" spans="8:8">
      <c r="H77829" s="12"/>
    </row>
    <row r="77830" spans="8:8">
      <c r="H77830" s="12"/>
    </row>
    <row r="77831" spans="8:8">
      <c r="H77831" s="12"/>
    </row>
    <row r="77832" spans="8:8">
      <c r="H77832" s="12"/>
    </row>
    <row r="77833" spans="8:8">
      <c r="H77833" s="12"/>
    </row>
    <row r="77834" spans="8:8">
      <c r="H77834" s="12"/>
    </row>
    <row r="77835" spans="8:8">
      <c r="H77835" s="12"/>
    </row>
    <row r="77836" spans="8:8">
      <c r="H77836" s="12"/>
    </row>
    <row r="77837" spans="8:8">
      <c r="H77837" s="12"/>
    </row>
    <row r="77838" spans="8:8">
      <c r="H77838" s="12"/>
    </row>
    <row r="77839" spans="8:8">
      <c r="H77839" s="12"/>
    </row>
    <row r="77840" spans="8:8">
      <c r="H77840" s="12"/>
    </row>
    <row r="77841" spans="8:8">
      <c r="H77841" s="12"/>
    </row>
    <row r="77842" spans="8:8">
      <c r="H77842" s="12"/>
    </row>
    <row r="77843" spans="8:8">
      <c r="H77843" s="12"/>
    </row>
    <row r="77844" spans="8:8">
      <c r="H77844" s="12"/>
    </row>
    <row r="77845" spans="8:8">
      <c r="H77845" s="12"/>
    </row>
    <row r="77846" spans="8:8">
      <c r="H77846" s="12"/>
    </row>
    <row r="77847" spans="8:8">
      <c r="H77847" s="12"/>
    </row>
    <row r="77848" spans="8:8">
      <c r="H77848" s="12"/>
    </row>
    <row r="77849" spans="8:8">
      <c r="H77849" s="12"/>
    </row>
    <row r="77850" spans="8:8">
      <c r="H77850" s="12"/>
    </row>
    <row r="77851" spans="8:8">
      <c r="H77851" s="12"/>
    </row>
    <row r="77852" spans="8:8">
      <c r="H77852" s="12"/>
    </row>
    <row r="77853" spans="8:8">
      <c r="H77853" s="12"/>
    </row>
    <row r="77854" spans="8:8">
      <c r="H77854" s="12"/>
    </row>
    <row r="77855" spans="8:8">
      <c r="H77855" s="12"/>
    </row>
    <row r="77856" spans="8:8">
      <c r="H77856" s="12"/>
    </row>
    <row r="77857" spans="8:8">
      <c r="H77857" s="12"/>
    </row>
    <row r="77858" spans="8:8">
      <c r="H77858" s="12"/>
    </row>
    <row r="77859" spans="8:8">
      <c r="H77859" s="12"/>
    </row>
    <row r="77860" spans="8:8">
      <c r="H77860" s="12"/>
    </row>
    <row r="77861" spans="8:8">
      <c r="H77861" s="12"/>
    </row>
    <row r="77862" spans="8:8">
      <c r="H77862" s="12"/>
    </row>
    <row r="77863" spans="8:8">
      <c r="H77863" s="12"/>
    </row>
    <row r="77864" spans="8:8">
      <c r="H77864" s="12"/>
    </row>
    <row r="77865" spans="8:8">
      <c r="H77865" s="12"/>
    </row>
    <row r="77866" spans="8:8">
      <c r="H77866" s="12"/>
    </row>
    <row r="77867" spans="8:8">
      <c r="H77867" s="12"/>
    </row>
    <row r="77868" spans="8:8">
      <c r="H77868" s="12"/>
    </row>
    <row r="77869" spans="8:8">
      <c r="H77869" s="12"/>
    </row>
    <row r="77870" spans="8:8">
      <c r="H77870" s="12"/>
    </row>
    <row r="77871" spans="8:8">
      <c r="H77871" s="12"/>
    </row>
    <row r="77872" spans="8:8">
      <c r="H77872" s="12"/>
    </row>
    <row r="77873" spans="8:8">
      <c r="H77873" s="12"/>
    </row>
    <row r="77874" spans="8:8">
      <c r="H77874" s="12"/>
    </row>
    <row r="77875" spans="8:8">
      <c r="H77875" s="12"/>
    </row>
    <row r="77876" spans="8:8">
      <c r="H77876" s="12"/>
    </row>
    <row r="77877" spans="8:8">
      <c r="H77877" s="12"/>
    </row>
    <row r="77878" spans="8:8">
      <c r="H77878" s="12"/>
    </row>
    <row r="77879" spans="8:8">
      <c r="H77879" s="12"/>
    </row>
    <row r="77880" spans="8:8">
      <c r="H77880" s="12"/>
    </row>
    <row r="77881" spans="8:8">
      <c r="H77881" s="12"/>
    </row>
    <row r="77882" spans="8:8">
      <c r="H77882" s="12"/>
    </row>
    <row r="77883" spans="8:8">
      <c r="H77883" s="12"/>
    </row>
    <row r="77884" spans="8:8">
      <c r="H77884" s="12"/>
    </row>
    <row r="77885" spans="8:8">
      <c r="H77885" s="12"/>
    </row>
    <row r="77886" spans="8:8">
      <c r="H77886" s="12"/>
    </row>
    <row r="77887" spans="8:8">
      <c r="H77887" s="12"/>
    </row>
    <row r="77888" spans="8:8">
      <c r="H77888" s="12"/>
    </row>
    <row r="77889" spans="8:8">
      <c r="H77889" s="12"/>
    </row>
    <row r="77890" spans="8:8">
      <c r="H77890" s="12"/>
    </row>
    <row r="77891" spans="8:8">
      <c r="H77891" s="12"/>
    </row>
    <row r="77892" spans="8:8">
      <c r="H77892" s="12"/>
    </row>
    <row r="77893" spans="8:8">
      <c r="H77893" s="12"/>
    </row>
    <row r="77894" spans="8:8">
      <c r="H77894" s="12"/>
    </row>
    <row r="77895" spans="8:8">
      <c r="H77895" s="12"/>
    </row>
    <row r="77896" spans="8:8">
      <c r="H77896" s="12"/>
    </row>
    <row r="77897" spans="8:8">
      <c r="H77897" s="12"/>
    </row>
    <row r="77898" spans="8:8">
      <c r="H77898" s="12"/>
    </row>
    <row r="77899" spans="8:8">
      <c r="H77899" s="12"/>
    </row>
    <row r="77900" spans="8:8">
      <c r="H77900" s="12"/>
    </row>
    <row r="77901" spans="8:8">
      <c r="H77901" s="12"/>
    </row>
    <row r="77902" spans="8:8">
      <c r="H77902" s="12"/>
    </row>
    <row r="77903" spans="8:8">
      <c r="H77903" s="12"/>
    </row>
    <row r="77904" spans="8:8">
      <c r="H77904" s="12"/>
    </row>
    <row r="77905" spans="8:8">
      <c r="H77905" s="12"/>
    </row>
    <row r="77906" spans="8:8">
      <c r="H77906" s="12"/>
    </row>
    <row r="77907" spans="8:8">
      <c r="H77907" s="12"/>
    </row>
    <row r="77908" spans="8:8">
      <c r="H77908" s="12"/>
    </row>
    <row r="77909" spans="8:8">
      <c r="H77909" s="12"/>
    </row>
    <row r="77910" spans="8:8">
      <c r="H77910" s="12"/>
    </row>
    <row r="77911" spans="8:8">
      <c r="H77911" s="12"/>
    </row>
    <row r="77912" spans="8:8">
      <c r="H77912" s="12"/>
    </row>
    <row r="77913" spans="8:8">
      <c r="H77913" s="12"/>
    </row>
    <row r="77914" spans="8:8">
      <c r="H77914" s="12"/>
    </row>
    <row r="77915" spans="8:8">
      <c r="H77915" s="12"/>
    </row>
    <row r="77916" spans="8:8">
      <c r="H77916" s="12"/>
    </row>
    <row r="77917" spans="8:8">
      <c r="H77917" s="12"/>
    </row>
    <row r="77918" spans="8:8">
      <c r="H77918" s="12"/>
    </row>
    <row r="77919" spans="8:8">
      <c r="H77919" s="12"/>
    </row>
    <row r="77920" spans="8:8">
      <c r="H77920" s="12"/>
    </row>
    <row r="77921" spans="8:8">
      <c r="H77921" s="12"/>
    </row>
    <row r="77922" spans="8:8">
      <c r="H77922" s="12"/>
    </row>
    <row r="77923" spans="8:8">
      <c r="H77923" s="12"/>
    </row>
    <row r="77924" spans="8:8">
      <c r="H77924" s="12"/>
    </row>
    <row r="77925" spans="8:8">
      <c r="H77925" s="12"/>
    </row>
    <row r="77926" spans="8:8">
      <c r="H77926" s="12"/>
    </row>
    <row r="77927" spans="8:8">
      <c r="H77927" s="12"/>
    </row>
    <row r="77928" spans="8:8">
      <c r="H77928" s="12"/>
    </row>
    <row r="77929" spans="8:8">
      <c r="H77929" s="12"/>
    </row>
    <row r="77930" spans="8:8">
      <c r="H77930" s="12"/>
    </row>
    <row r="77931" spans="8:8">
      <c r="H77931" s="12"/>
    </row>
    <row r="77932" spans="8:8">
      <c r="H77932" s="12"/>
    </row>
    <row r="77933" spans="8:8">
      <c r="H77933" s="12"/>
    </row>
    <row r="77934" spans="8:8">
      <c r="H77934" s="12"/>
    </row>
    <row r="77935" spans="8:8">
      <c r="H77935" s="12"/>
    </row>
    <row r="77936" spans="8:8">
      <c r="H77936" s="12"/>
    </row>
    <row r="77937" spans="8:8">
      <c r="H77937" s="12"/>
    </row>
    <row r="77938" spans="8:8">
      <c r="H77938" s="12"/>
    </row>
    <row r="77939" spans="8:8">
      <c r="H77939" s="12"/>
    </row>
    <row r="77940" spans="8:8">
      <c r="H77940" s="12"/>
    </row>
    <row r="77941" spans="8:8">
      <c r="H77941" s="12"/>
    </row>
    <row r="77942" spans="8:8">
      <c r="H77942" s="12"/>
    </row>
    <row r="77943" spans="8:8">
      <c r="H77943" s="12"/>
    </row>
    <row r="77944" spans="8:8">
      <c r="H77944" s="12"/>
    </row>
    <row r="77945" spans="8:8">
      <c r="H77945" s="12"/>
    </row>
    <row r="77946" spans="8:8">
      <c r="H77946" s="12"/>
    </row>
    <row r="77947" spans="8:8">
      <c r="H77947" s="12"/>
    </row>
    <row r="77948" spans="8:8">
      <c r="H77948" s="12"/>
    </row>
    <row r="77949" spans="8:8">
      <c r="H77949" s="12"/>
    </row>
    <row r="77950" spans="8:8">
      <c r="H77950" s="12"/>
    </row>
    <row r="77951" spans="8:8">
      <c r="H77951" s="12"/>
    </row>
    <row r="77952" spans="8:8">
      <c r="H77952" s="12"/>
    </row>
    <row r="77953" spans="8:8">
      <c r="H77953" s="12"/>
    </row>
    <row r="77954" spans="8:8">
      <c r="H77954" s="12"/>
    </row>
    <row r="77955" spans="8:8">
      <c r="H77955" s="12"/>
    </row>
    <row r="77956" spans="8:8">
      <c r="H77956" s="12"/>
    </row>
    <row r="77957" spans="8:8">
      <c r="H77957" s="12"/>
    </row>
    <row r="77958" spans="8:8">
      <c r="H77958" s="12"/>
    </row>
    <row r="77959" spans="8:8">
      <c r="H77959" s="12"/>
    </row>
    <row r="77960" spans="8:8">
      <c r="H77960" s="12"/>
    </row>
    <row r="77961" spans="8:8">
      <c r="H77961" s="12"/>
    </row>
    <row r="77962" spans="8:8">
      <c r="H77962" s="12"/>
    </row>
    <row r="77963" spans="8:8">
      <c r="H77963" s="12"/>
    </row>
    <row r="77964" spans="8:8">
      <c r="H77964" s="12"/>
    </row>
    <row r="77965" spans="8:8">
      <c r="H77965" s="12"/>
    </row>
    <row r="77966" spans="8:8">
      <c r="H77966" s="12"/>
    </row>
    <row r="77967" spans="8:8">
      <c r="H77967" s="12"/>
    </row>
    <row r="77968" spans="8:8">
      <c r="H77968" s="12"/>
    </row>
    <row r="77969" spans="8:8">
      <c r="H77969" s="12"/>
    </row>
    <row r="77970" spans="8:8">
      <c r="H77970" s="12"/>
    </row>
    <row r="77971" spans="8:8">
      <c r="H77971" s="12"/>
    </row>
    <row r="77972" spans="8:8">
      <c r="H77972" s="12"/>
    </row>
    <row r="77973" spans="8:8">
      <c r="H77973" s="12"/>
    </row>
    <row r="77974" spans="8:8">
      <c r="H77974" s="12"/>
    </row>
    <row r="77975" spans="8:8">
      <c r="H77975" s="12"/>
    </row>
    <row r="77976" spans="8:8">
      <c r="H77976" s="12"/>
    </row>
    <row r="77977" spans="8:8">
      <c r="H77977" s="12"/>
    </row>
    <row r="77978" spans="8:8">
      <c r="H77978" s="12"/>
    </row>
    <row r="77979" spans="8:8">
      <c r="H77979" s="12"/>
    </row>
    <row r="77980" spans="8:8">
      <c r="H77980" s="12"/>
    </row>
    <row r="77981" spans="8:8">
      <c r="H77981" s="12"/>
    </row>
    <row r="77982" spans="8:8">
      <c r="H77982" s="12"/>
    </row>
    <row r="77983" spans="8:8">
      <c r="H77983" s="12"/>
    </row>
    <row r="77984" spans="8:8">
      <c r="H77984" s="12"/>
    </row>
    <row r="77985" spans="8:8">
      <c r="H77985" s="12"/>
    </row>
    <row r="77986" spans="8:8">
      <c r="H77986" s="12"/>
    </row>
    <row r="77987" spans="8:8">
      <c r="H77987" s="12"/>
    </row>
    <row r="77988" spans="8:8">
      <c r="H77988" s="12"/>
    </row>
    <row r="77989" spans="8:8">
      <c r="H77989" s="12"/>
    </row>
    <row r="77990" spans="8:8">
      <c r="H77990" s="12"/>
    </row>
    <row r="77991" spans="8:8">
      <c r="H77991" s="12"/>
    </row>
    <row r="77992" spans="8:8">
      <c r="H77992" s="12"/>
    </row>
    <row r="77993" spans="8:8">
      <c r="H77993" s="12"/>
    </row>
    <row r="77994" spans="8:8">
      <c r="H77994" s="12"/>
    </row>
    <row r="77995" spans="8:8">
      <c r="H77995" s="12"/>
    </row>
    <row r="77996" spans="8:8">
      <c r="H77996" s="12"/>
    </row>
    <row r="77997" spans="8:8">
      <c r="H77997" s="12"/>
    </row>
    <row r="77998" spans="8:8">
      <c r="H77998" s="12"/>
    </row>
    <row r="77999" spans="8:8">
      <c r="H77999" s="12"/>
    </row>
    <row r="78000" spans="8:8">
      <c r="H78000" s="12"/>
    </row>
    <row r="78001" spans="8:8">
      <c r="H78001" s="12"/>
    </row>
    <row r="78002" spans="8:8">
      <c r="H78002" s="12"/>
    </row>
    <row r="78003" spans="8:8">
      <c r="H78003" s="12"/>
    </row>
    <row r="78004" spans="8:8">
      <c r="H78004" s="12"/>
    </row>
    <row r="78005" spans="8:8">
      <c r="H78005" s="12"/>
    </row>
    <row r="78006" spans="8:8">
      <c r="H78006" s="12"/>
    </row>
    <row r="78007" spans="8:8">
      <c r="H78007" s="12"/>
    </row>
    <row r="78008" spans="8:8">
      <c r="H78008" s="12"/>
    </row>
    <row r="78009" spans="8:8">
      <c r="H78009" s="12"/>
    </row>
    <row r="78010" spans="8:8">
      <c r="H78010" s="12"/>
    </row>
    <row r="78011" spans="8:8">
      <c r="H78011" s="12"/>
    </row>
    <row r="78012" spans="8:8">
      <c r="H78012" s="12"/>
    </row>
    <row r="78013" spans="8:8">
      <c r="H78013" s="12"/>
    </row>
    <row r="78014" spans="8:8">
      <c r="H78014" s="12"/>
    </row>
    <row r="78015" spans="8:8">
      <c r="H78015" s="12"/>
    </row>
    <row r="78016" spans="8:8">
      <c r="H78016" s="12"/>
    </row>
    <row r="78017" spans="8:8">
      <c r="H78017" s="12"/>
    </row>
    <row r="78018" spans="8:8">
      <c r="H78018" s="12"/>
    </row>
    <row r="78019" spans="8:8">
      <c r="H78019" s="12"/>
    </row>
    <row r="78020" spans="8:8">
      <c r="H78020" s="12"/>
    </row>
    <row r="78021" spans="8:8">
      <c r="H78021" s="12"/>
    </row>
    <row r="78022" spans="8:8">
      <c r="H78022" s="12"/>
    </row>
    <row r="78023" spans="8:8">
      <c r="H78023" s="12"/>
    </row>
    <row r="78024" spans="8:8">
      <c r="H78024" s="12"/>
    </row>
    <row r="78025" spans="8:8">
      <c r="H78025" s="12"/>
    </row>
    <row r="78026" spans="8:8">
      <c r="H78026" s="12"/>
    </row>
    <row r="78027" spans="8:8">
      <c r="H78027" s="12"/>
    </row>
    <row r="78028" spans="8:8">
      <c r="H78028" s="12"/>
    </row>
    <row r="78029" spans="8:8">
      <c r="H78029" s="12"/>
    </row>
    <row r="78030" spans="8:8">
      <c r="H78030" s="12"/>
    </row>
    <row r="78031" spans="8:8">
      <c r="H78031" s="12"/>
    </row>
    <row r="78032" spans="8:8">
      <c r="H78032" s="12"/>
    </row>
    <row r="78033" spans="8:8">
      <c r="H78033" s="12"/>
    </row>
    <row r="78034" spans="8:8">
      <c r="H78034" s="12"/>
    </row>
    <row r="78035" spans="8:8">
      <c r="H78035" s="12"/>
    </row>
    <row r="78036" spans="8:8">
      <c r="H78036" s="12"/>
    </row>
    <row r="78037" spans="8:8">
      <c r="H78037" s="12"/>
    </row>
    <row r="78038" spans="8:8">
      <c r="H78038" s="12"/>
    </row>
    <row r="78039" spans="8:8">
      <c r="H78039" s="12"/>
    </row>
    <row r="78040" spans="8:8">
      <c r="H78040" s="12"/>
    </row>
    <row r="78041" spans="8:8">
      <c r="H78041" s="12"/>
    </row>
    <row r="78042" spans="8:8">
      <c r="H78042" s="12"/>
    </row>
    <row r="78043" spans="8:8">
      <c r="H78043" s="12"/>
    </row>
    <row r="78044" spans="8:8">
      <c r="H78044" s="12"/>
    </row>
    <row r="78045" spans="8:8">
      <c r="H78045" s="12"/>
    </row>
    <row r="78046" spans="8:8">
      <c r="H78046" s="12"/>
    </row>
    <row r="78047" spans="8:8">
      <c r="H78047" s="12"/>
    </row>
    <row r="78048" spans="8:8">
      <c r="H78048" s="12"/>
    </row>
    <row r="78049" spans="8:8">
      <c r="H78049" s="12"/>
    </row>
    <row r="78050" spans="8:8">
      <c r="H78050" s="12"/>
    </row>
    <row r="78051" spans="8:8">
      <c r="H78051" s="12"/>
    </row>
    <row r="78052" spans="8:8">
      <c r="H78052" s="12"/>
    </row>
    <row r="78053" spans="8:8">
      <c r="H78053" s="12"/>
    </row>
    <row r="78054" spans="8:8">
      <c r="H78054" s="12"/>
    </row>
    <row r="78055" spans="8:8">
      <c r="H78055" s="12"/>
    </row>
    <row r="78056" spans="8:8">
      <c r="H78056" s="12"/>
    </row>
    <row r="78057" spans="8:8">
      <c r="H78057" s="12"/>
    </row>
    <row r="78058" spans="8:8">
      <c r="H78058" s="12"/>
    </row>
    <row r="78059" spans="8:8">
      <c r="H78059" s="12"/>
    </row>
    <row r="78060" spans="8:8">
      <c r="H78060" s="12"/>
    </row>
    <row r="78061" spans="8:8">
      <c r="H78061" s="12"/>
    </row>
    <row r="78062" spans="8:8">
      <c r="H78062" s="12"/>
    </row>
    <row r="78063" spans="8:8">
      <c r="H78063" s="12"/>
    </row>
    <row r="78064" spans="8:8">
      <c r="H78064" s="12"/>
    </row>
    <row r="78065" spans="8:8">
      <c r="H78065" s="12"/>
    </row>
    <row r="78066" spans="8:8">
      <c r="H78066" s="12"/>
    </row>
    <row r="78067" spans="8:8">
      <c r="H78067" s="12"/>
    </row>
    <row r="78068" spans="8:8">
      <c r="H78068" s="12"/>
    </row>
    <row r="78069" spans="8:8">
      <c r="H78069" s="12"/>
    </row>
    <row r="78070" spans="8:8">
      <c r="H78070" s="12"/>
    </row>
    <row r="78071" spans="8:8">
      <c r="H78071" s="12"/>
    </row>
    <row r="78072" spans="8:8">
      <c r="H78072" s="12"/>
    </row>
    <row r="78073" spans="8:8">
      <c r="H78073" s="12"/>
    </row>
    <row r="78074" spans="8:8">
      <c r="H78074" s="12"/>
    </row>
    <row r="78075" spans="8:8">
      <c r="H78075" s="12"/>
    </row>
    <row r="78076" spans="8:8">
      <c r="H78076" s="12"/>
    </row>
    <row r="78077" spans="8:8">
      <c r="H78077" s="12"/>
    </row>
    <row r="78078" spans="8:8">
      <c r="H78078" s="12"/>
    </row>
    <row r="78079" spans="8:8">
      <c r="H78079" s="12"/>
    </row>
    <row r="78080" spans="8:8">
      <c r="H78080" s="12"/>
    </row>
    <row r="78081" spans="8:8">
      <c r="H78081" s="12"/>
    </row>
    <row r="78082" spans="8:8">
      <c r="H78082" s="12"/>
    </row>
    <row r="78083" spans="8:8">
      <c r="H78083" s="12"/>
    </row>
    <row r="78084" spans="8:8">
      <c r="H78084" s="12"/>
    </row>
    <row r="78085" spans="8:8">
      <c r="H78085" s="12"/>
    </row>
    <row r="78086" spans="8:8">
      <c r="H78086" s="12"/>
    </row>
    <row r="78087" spans="8:8">
      <c r="H78087" s="12"/>
    </row>
    <row r="78088" spans="8:8">
      <c r="H78088" s="12"/>
    </row>
    <row r="78089" spans="8:8">
      <c r="H78089" s="12"/>
    </row>
    <row r="78090" spans="8:8">
      <c r="H78090" s="12"/>
    </row>
    <row r="78091" spans="8:8">
      <c r="H78091" s="12"/>
    </row>
    <row r="78092" spans="8:8">
      <c r="H78092" s="12"/>
    </row>
    <row r="78093" spans="8:8">
      <c r="H78093" s="12"/>
    </row>
    <row r="78094" spans="8:8">
      <c r="H78094" s="12"/>
    </row>
    <row r="78095" spans="8:8">
      <c r="H78095" s="12"/>
    </row>
    <row r="78096" spans="8:8">
      <c r="H78096" s="12"/>
    </row>
    <row r="78097" spans="8:8">
      <c r="H78097" s="12"/>
    </row>
    <row r="78098" spans="8:8">
      <c r="H78098" s="12"/>
    </row>
    <row r="78099" spans="8:8">
      <c r="H78099" s="12"/>
    </row>
    <row r="78100" spans="8:8">
      <c r="H78100" s="12"/>
    </row>
    <row r="78101" spans="8:8">
      <c r="H78101" s="12"/>
    </row>
    <row r="78102" spans="8:8">
      <c r="H78102" s="12"/>
    </row>
    <row r="78103" spans="8:8">
      <c r="H78103" s="12"/>
    </row>
    <row r="78104" spans="8:8">
      <c r="H78104" s="12"/>
    </row>
    <row r="78105" spans="8:8">
      <c r="H78105" s="12"/>
    </row>
    <row r="78106" spans="8:8">
      <c r="H78106" s="12"/>
    </row>
    <row r="78107" spans="8:8">
      <c r="H78107" s="12"/>
    </row>
    <row r="78108" spans="8:8">
      <c r="H78108" s="12"/>
    </row>
    <row r="78109" spans="8:8">
      <c r="H78109" s="12"/>
    </row>
    <row r="78110" spans="8:8">
      <c r="H78110" s="12"/>
    </row>
    <row r="78111" spans="8:8">
      <c r="H78111" s="12"/>
    </row>
    <row r="78112" spans="8:8">
      <c r="H78112" s="12"/>
    </row>
    <row r="78113" spans="8:8">
      <c r="H78113" s="12"/>
    </row>
    <row r="78114" spans="8:8">
      <c r="H78114" s="12"/>
    </row>
    <row r="78115" spans="8:8">
      <c r="H78115" s="12"/>
    </row>
    <row r="78116" spans="8:8">
      <c r="H78116" s="12"/>
    </row>
    <row r="78117" spans="8:8">
      <c r="H78117" s="12"/>
    </row>
    <row r="78118" spans="8:8">
      <c r="H78118" s="12"/>
    </row>
    <row r="78119" spans="8:8">
      <c r="H78119" s="12"/>
    </row>
    <row r="78120" spans="8:8">
      <c r="H78120" s="12"/>
    </row>
    <row r="78121" spans="8:8">
      <c r="H78121" s="12"/>
    </row>
    <row r="78122" spans="8:8">
      <c r="H78122" s="12"/>
    </row>
    <row r="78123" spans="8:8">
      <c r="H78123" s="12"/>
    </row>
    <row r="78124" spans="8:8">
      <c r="H78124" s="12"/>
    </row>
    <row r="78125" spans="8:8">
      <c r="H78125" s="12"/>
    </row>
    <row r="78126" spans="8:8">
      <c r="H78126" s="12"/>
    </row>
    <row r="78127" spans="8:8">
      <c r="H78127" s="12"/>
    </row>
    <row r="78128" spans="8:8">
      <c r="H78128" s="12"/>
    </row>
    <row r="78129" spans="8:8">
      <c r="H78129" s="12"/>
    </row>
    <row r="78130" spans="8:8">
      <c r="H78130" s="12"/>
    </row>
    <row r="78131" spans="8:8">
      <c r="H78131" s="12"/>
    </row>
    <row r="78132" spans="8:8">
      <c r="H78132" s="12"/>
    </row>
    <row r="78133" spans="8:8">
      <c r="H78133" s="12"/>
    </row>
    <row r="78134" spans="8:8">
      <c r="H78134" s="12"/>
    </row>
    <row r="78135" spans="8:8">
      <c r="H78135" s="12"/>
    </row>
    <row r="78136" spans="8:8">
      <c r="H78136" s="12"/>
    </row>
    <row r="78137" spans="8:8">
      <c r="H78137" s="12"/>
    </row>
    <row r="78138" spans="8:8">
      <c r="H78138" s="12"/>
    </row>
    <row r="78139" spans="8:8">
      <c r="H78139" s="12"/>
    </row>
    <row r="78140" spans="8:8">
      <c r="H78140" s="12"/>
    </row>
    <row r="78141" spans="8:8">
      <c r="H78141" s="12"/>
    </row>
    <row r="78142" spans="8:8">
      <c r="H78142" s="12"/>
    </row>
    <row r="78143" spans="8:8">
      <c r="H78143" s="12"/>
    </row>
    <row r="78144" spans="8:8">
      <c r="H78144" s="12"/>
    </row>
    <row r="78145" spans="8:8">
      <c r="H78145" s="12"/>
    </row>
    <row r="78146" spans="8:8">
      <c r="H78146" s="12"/>
    </row>
    <row r="78147" spans="8:8">
      <c r="H78147" s="12"/>
    </row>
    <row r="78148" spans="8:8">
      <c r="H78148" s="12"/>
    </row>
    <row r="78149" spans="8:8">
      <c r="H78149" s="12"/>
    </row>
    <row r="78150" spans="8:8">
      <c r="H78150" s="12"/>
    </row>
    <row r="78151" spans="8:8">
      <c r="H78151" s="12"/>
    </row>
    <row r="78152" spans="8:8">
      <c r="H78152" s="12"/>
    </row>
    <row r="78153" spans="8:8">
      <c r="H78153" s="12"/>
    </row>
    <row r="78154" spans="8:8">
      <c r="H78154" s="12"/>
    </row>
    <row r="78155" spans="8:8">
      <c r="H78155" s="12"/>
    </row>
    <row r="78156" spans="8:8">
      <c r="H78156" s="12"/>
    </row>
    <row r="78157" spans="8:8">
      <c r="H78157" s="12"/>
    </row>
    <row r="78158" spans="8:8">
      <c r="H78158" s="12"/>
    </row>
    <row r="78159" spans="8:8">
      <c r="H78159" s="12"/>
    </row>
    <row r="78160" spans="8:8">
      <c r="H78160" s="12"/>
    </row>
    <row r="78161" spans="8:8">
      <c r="H78161" s="12"/>
    </row>
    <row r="78162" spans="8:8">
      <c r="H78162" s="12"/>
    </row>
    <row r="78163" spans="8:8">
      <c r="H78163" s="12"/>
    </row>
    <row r="78164" spans="8:8">
      <c r="H78164" s="12"/>
    </row>
    <row r="78165" spans="8:8">
      <c r="H78165" s="12"/>
    </row>
    <row r="78166" spans="8:8">
      <c r="H78166" s="12"/>
    </row>
    <row r="78167" spans="8:8">
      <c r="H78167" s="12"/>
    </row>
    <row r="78168" spans="8:8">
      <c r="H78168" s="12"/>
    </row>
    <row r="78169" spans="8:8">
      <c r="H78169" s="12"/>
    </row>
    <row r="78170" spans="8:8">
      <c r="H78170" s="12"/>
    </row>
    <row r="78171" spans="8:8">
      <c r="H78171" s="12"/>
    </row>
    <row r="78172" spans="8:8">
      <c r="H78172" s="12"/>
    </row>
    <row r="78173" spans="8:8">
      <c r="H78173" s="12"/>
    </row>
    <row r="78174" spans="8:8">
      <c r="H78174" s="12"/>
    </row>
    <row r="78175" spans="8:8">
      <c r="H78175" s="12"/>
    </row>
    <row r="78176" spans="8:8">
      <c r="H78176" s="12"/>
    </row>
    <row r="78177" spans="8:8">
      <c r="H78177" s="12"/>
    </row>
    <row r="78178" spans="8:8">
      <c r="H78178" s="12"/>
    </row>
    <row r="78179" spans="8:8">
      <c r="H78179" s="12"/>
    </row>
    <row r="78180" spans="8:8">
      <c r="H78180" s="12"/>
    </row>
    <row r="78181" spans="8:8">
      <c r="H78181" s="12"/>
    </row>
    <row r="78182" spans="8:8">
      <c r="H78182" s="12"/>
    </row>
    <row r="78183" spans="8:8">
      <c r="H78183" s="12"/>
    </row>
    <row r="78184" spans="8:8">
      <c r="H78184" s="12"/>
    </row>
    <row r="78185" spans="8:8">
      <c r="H78185" s="12"/>
    </row>
    <row r="78186" spans="8:8">
      <c r="H78186" s="12"/>
    </row>
    <row r="78187" spans="8:8">
      <c r="H78187" s="12"/>
    </row>
    <row r="78188" spans="8:8">
      <c r="H78188" s="12"/>
    </row>
    <row r="78189" spans="8:8">
      <c r="H78189" s="12"/>
    </row>
    <row r="78190" spans="8:8">
      <c r="H78190" s="12"/>
    </row>
    <row r="78191" spans="8:8">
      <c r="H78191" s="12"/>
    </row>
    <row r="78192" spans="8:8">
      <c r="H78192" s="12"/>
    </row>
    <row r="78193" spans="8:8">
      <c r="H78193" s="12"/>
    </row>
    <row r="78194" spans="8:8">
      <c r="H78194" s="12"/>
    </row>
    <row r="78195" spans="8:8">
      <c r="H78195" s="12"/>
    </row>
    <row r="78196" spans="8:8">
      <c r="H78196" s="12"/>
    </row>
    <row r="78197" spans="8:8">
      <c r="H78197" s="12"/>
    </row>
    <row r="78198" spans="8:8">
      <c r="H78198" s="12"/>
    </row>
    <row r="78199" spans="8:8">
      <c r="H78199" s="12"/>
    </row>
    <row r="78200" spans="8:8">
      <c r="H78200" s="12"/>
    </row>
    <row r="78201" spans="8:8">
      <c r="H78201" s="12"/>
    </row>
    <row r="78202" spans="8:8">
      <c r="H78202" s="12"/>
    </row>
    <row r="78203" spans="8:8">
      <c r="H78203" s="12"/>
    </row>
    <row r="78204" spans="8:8">
      <c r="H78204" s="12"/>
    </row>
    <row r="78205" spans="8:8">
      <c r="H78205" s="12"/>
    </row>
    <row r="78206" spans="8:8">
      <c r="H78206" s="12"/>
    </row>
    <row r="78207" spans="8:8">
      <c r="H78207" s="12"/>
    </row>
    <row r="78208" spans="8:8">
      <c r="H78208" s="12"/>
    </row>
    <row r="78209" spans="8:8">
      <c r="H78209" s="12"/>
    </row>
    <row r="78210" spans="8:8">
      <c r="H78210" s="12"/>
    </row>
    <row r="78211" spans="8:8">
      <c r="H78211" s="12"/>
    </row>
    <row r="78212" spans="8:8">
      <c r="H78212" s="12"/>
    </row>
    <row r="78213" spans="8:8">
      <c r="H78213" s="12"/>
    </row>
    <row r="78214" spans="8:8">
      <c r="H78214" s="12"/>
    </row>
    <row r="78215" spans="8:8">
      <c r="H78215" s="12"/>
    </row>
    <row r="78216" spans="8:8">
      <c r="H78216" s="12"/>
    </row>
    <row r="78217" spans="8:8">
      <c r="H78217" s="12"/>
    </row>
    <row r="78218" spans="8:8">
      <c r="H78218" s="12"/>
    </row>
    <row r="78219" spans="8:8">
      <c r="H78219" s="12"/>
    </row>
    <row r="78220" spans="8:8">
      <c r="H78220" s="12"/>
    </row>
    <row r="78221" spans="8:8">
      <c r="H78221" s="12"/>
    </row>
    <row r="78222" spans="8:8">
      <c r="H78222" s="12"/>
    </row>
    <row r="78223" spans="8:8">
      <c r="H78223" s="12"/>
    </row>
    <row r="78224" spans="8:8">
      <c r="H78224" s="12"/>
    </row>
    <row r="78225" spans="8:8">
      <c r="H78225" s="12"/>
    </row>
    <row r="78226" spans="8:8">
      <c r="H78226" s="12"/>
    </row>
    <row r="78227" spans="8:8">
      <c r="H78227" s="12"/>
    </row>
    <row r="78228" spans="8:8">
      <c r="H78228" s="12"/>
    </row>
    <row r="78229" spans="8:8">
      <c r="H78229" s="12"/>
    </row>
    <row r="78230" spans="8:8">
      <c r="H78230" s="12"/>
    </row>
    <row r="78231" spans="8:8">
      <c r="H78231" s="12"/>
    </row>
    <row r="78232" spans="8:8">
      <c r="H78232" s="12"/>
    </row>
    <row r="78233" spans="8:8">
      <c r="H78233" s="12"/>
    </row>
    <row r="78234" spans="8:8">
      <c r="H78234" s="12"/>
    </row>
    <row r="78235" spans="8:8">
      <c r="H78235" s="12"/>
    </row>
    <row r="78236" spans="8:8">
      <c r="H78236" s="12"/>
    </row>
    <row r="78237" spans="8:8">
      <c r="H78237" s="12"/>
    </row>
    <row r="78238" spans="8:8">
      <c r="H78238" s="12"/>
    </row>
    <row r="78239" spans="8:8">
      <c r="H78239" s="12"/>
    </row>
    <row r="78240" spans="8:8">
      <c r="H78240" s="12"/>
    </row>
    <row r="78241" spans="8:8">
      <c r="H78241" s="12"/>
    </row>
    <row r="78242" spans="8:8">
      <c r="H78242" s="12"/>
    </row>
    <row r="78243" spans="8:8">
      <c r="H78243" s="12"/>
    </row>
    <row r="78244" spans="8:8">
      <c r="H78244" s="12"/>
    </row>
    <row r="78245" spans="8:8">
      <c r="H78245" s="12"/>
    </row>
    <row r="78246" spans="8:8">
      <c r="H78246" s="12"/>
    </row>
    <row r="78247" spans="8:8">
      <c r="H78247" s="12"/>
    </row>
    <row r="78248" spans="8:8">
      <c r="H78248" s="12"/>
    </row>
    <row r="78249" spans="8:8">
      <c r="H78249" s="12"/>
    </row>
    <row r="78250" spans="8:8">
      <c r="H78250" s="12"/>
    </row>
    <row r="78251" spans="8:8">
      <c r="H78251" s="12"/>
    </row>
    <row r="78252" spans="8:8">
      <c r="H78252" s="12"/>
    </row>
    <row r="78253" spans="8:8">
      <c r="H78253" s="12"/>
    </row>
    <row r="78254" spans="8:8">
      <c r="H78254" s="12"/>
    </row>
    <row r="78255" spans="8:8">
      <c r="H78255" s="12"/>
    </row>
    <row r="78256" spans="8:8">
      <c r="H78256" s="12"/>
    </row>
    <row r="78257" spans="8:8">
      <c r="H78257" s="12"/>
    </row>
    <row r="78258" spans="8:8">
      <c r="H78258" s="12"/>
    </row>
    <row r="78259" spans="8:8">
      <c r="H78259" s="12"/>
    </row>
    <row r="78260" spans="8:8">
      <c r="H78260" s="12"/>
    </row>
    <row r="78261" spans="8:8">
      <c r="H78261" s="12"/>
    </row>
    <row r="78262" spans="8:8">
      <c r="H78262" s="12"/>
    </row>
    <row r="78263" spans="8:8">
      <c r="H78263" s="12"/>
    </row>
    <row r="78264" spans="8:8">
      <c r="H78264" s="12"/>
    </row>
    <row r="78265" spans="8:8">
      <c r="H78265" s="12"/>
    </row>
    <row r="78266" spans="8:8">
      <c r="H78266" s="12"/>
    </row>
    <row r="78267" spans="8:8">
      <c r="H78267" s="12"/>
    </row>
    <row r="78268" spans="8:8">
      <c r="H78268" s="12"/>
    </row>
    <row r="78269" spans="8:8">
      <c r="H78269" s="12"/>
    </row>
    <row r="78270" spans="8:8">
      <c r="H78270" s="12"/>
    </row>
    <row r="78271" spans="8:8">
      <c r="H78271" s="12"/>
    </row>
    <row r="78272" spans="8:8">
      <c r="H78272" s="12"/>
    </row>
    <row r="78273" spans="8:8">
      <c r="H78273" s="12"/>
    </row>
    <row r="78274" spans="8:8">
      <c r="H78274" s="12"/>
    </row>
    <row r="78275" spans="8:8">
      <c r="H78275" s="12"/>
    </row>
    <row r="78276" spans="8:8">
      <c r="H78276" s="12"/>
    </row>
    <row r="78277" spans="8:8">
      <c r="H78277" s="12"/>
    </row>
    <row r="78278" spans="8:8">
      <c r="H78278" s="12"/>
    </row>
    <row r="78279" spans="8:8">
      <c r="H78279" s="12"/>
    </row>
    <row r="78280" spans="8:8">
      <c r="H78280" s="12"/>
    </row>
    <row r="78281" spans="8:8">
      <c r="H78281" s="12"/>
    </row>
    <row r="78282" spans="8:8">
      <c r="H78282" s="12"/>
    </row>
    <row r="78283" spans="8:8">
      <c r="H78283" s="12"/>
    </row>
    <row r="78284" spans="8:8">
      <c r="H78284" s="12"/>
    </row>
    <row r="78285" spans="8:8">
      <c r="H78285" s="12"/>
    </row>
    <row r="78286" spans="8:8">
      <c r="H78286" s="12"/>
    </row>
    <row r="78287" spans="8:8">
      <c r="H78287" s="12"/>
    </row>
    <row r="78288" spans="8:8">
      <c r="H78288" s="12"/>
    </row>
    <row r="78289" spans="8:8">
      <c r="H78289" s="12"/>
    </row>
    <row r="78290" spans="8:8">
      <c r="H78290" s="12"/>
    </row>
    <row r="78291" spans="8:8">
      <c r="H78291" s="12"/>
    </row>
    <row r="78292" spans="8:8">
      <c r="H78292" s="12"/>
    </row>
    <row r="78293" spans="8:8">
      <c r="H78293" s="12"/>
    </row>
    <row r="78294" spans="8:8">
      <c r="H78294" s="12"/>
    </row>
    <row r="78295" spans="8:8">
      <c r="H78295" s="12"/>
    </row>
    <row r="78296" spans="8:8">
      <c r="H78296" s="12"/>
    </row>
    <row r="78297" spans="8:8">
      <c r="H78297" s="12"/>
    </row>
    <row r="78298" spans="8:8">
      <c r="H78298" s="12"/>
    </row>
    <row r="78299" spans="8:8">
      <c r="H78299" s="12"/>
    </row>
    <row r="78300" spans="8:8">
      <c r="H78300" s="12"/>
    </row>
    <row r="78301" spans="8:8">
      <c r="H78301" s="12"/>
    </row>
    <row r="78302" spans="8:8">
      <c r="H78302" s="12"/>
    </row>
    <row r="78303" spans="8:8">
      <c r="H78303" s="12"/>
    </row>
    <row r="78304" spans="8:8">
      <c r="H78304" s="12"/>
    </row>
    <row r="78305" spans="8:8">
      <c r="H78305" s="12"/>
    </row>
    <row r="78306" spans="8:8">
      <c r="H78306" s="12"/>
    </row>
    <row r="78307" spans="8:8">
      <c r="H78307" s="12"/>
    </row>
    <row r="78308" spans="8:8">
      <c r="H78308" s="12"/>
    </row>
    <row r="78309" spans="8:8">
      <c r="H78309" s="12"/>
    </row>
    <row r="78310" spans="8:8">
      <c r="H78310" s="12"/>
    </row>
    <row r="78311" spans="8:8">
      <c r="H78311" s="12"/>
    </row>
    <row r="78312" spans="8:8">
      <c r="H78312" s="12"/>
    </row>
    <row r="78313" spans="8:8">
      <c r="H78313" s="12"/>
    </row>
    <row r="78314" spans="8:8">
      <c r="H78314" s="12"/>
    </row>
    <row r="78315" spans="8:8">
      <c r="H78315" s="12"/>
    </row>
    <row r="78316" spans="8:8">
      <c r="H78316" s="12"/>
    </row>
    <row r="78317" spans="8:8">
      <c r="H78317" s="12"/>
    </row>
    <row r="78318" spans="8:8">
      <c r="H78318" s="12"/>
    </row>
    <row r="78319" spans="8:8">
      <c r="H78319" s="12"/>
    </row>
    <row r="78320" spans="8:8">
      <c r="H78320" s="12"/>
    </row>
    <row r="78321" spans="8:8">
      <c r="H78321" s="12"/>
    </row>
    <row r="78322" spans="8:8">
      <c r="H78322" s="12"/>
    </row>
    <row r="78323" spans="8:8">
      <c r="H78323" s="12"/>
    </row>
    <row r="78324" spans="8:8">
      <c r="H78324" s="12"/>
    </row>
    <row r="78325" spans="8:8">
      <c r="H78325" s="12"/>
    </row>
    <row r="78326" spans="8:8">
      <c r="H78326" s="12"/>
    </row>
    <row r="78327" spans="8:8">
      <c r="H78327" s="12"/>
    </row>
    <row r="78328" spans="8:8">
      <c r="H78328" s="12"/>
    </row>
    <row r="78329" spans="8:8">
      <c r="H78329" s="12"/>
    </row>
    <row r="78330" spans="8:8">
      <c r="H78330" s="12"/>
    </row>
    <row r="78331" spans="8:8">
      <c r="H78331" s="12"/>
    </row>
    <row r="78332" spans="8:8">
      <c r="H78332" s="12"/>
    </row>
    <row r="78333" spans="8:8">
      <c r="H78333" s="12"/>
    </row>
    <row r="78334" spans="8:8">
      <c r="H78334" s="12"/>
    </row>
    <row r="78335" spans="8:8">
      <c r="H78335" s="12"/>
    </row>
    <row r="78336" spans="8:8">
      <c r="H78336" s="12"/>
    </row>
    <row r="78337" spans="8:8">
      <c r="H78337" s="12"/>
    </row>
    <row r="78338" spans="8:8">
      <c r="H78338" s="12"/>
    </row>
    <row r="78339" spans="8:8">
      <c r="H78339" s="12"/>
    </row>
    <row r="78340" spans="8:8">
      <c r="H78340" s="12"/>
    </row>
    <row r="78341" spans="8:8">
      <c r="H78341" s="12"/>
    </row>
    <row r="78342" spans="8:8">
      <c r="H78342" s="12"/>
    </row>
    <row r="78343" spans="8:8">
      <c r="H78343" s="12"/>
    </row>
    <row r="78344" spans="8:8">
      <c r="H78344" s="12"/>
    </row>
    <row r="78345" spans="8:8">
      <c r="H78345" s="12"/>
    </row>
    <row r="78346" spans="8:8">
      <c r="H78346" s="12"/>
    </row>
    <row r="78347" spans="8:8">
      <c r="H78347" s="12"/>
    </row>
    <row r="78348" spans="8:8">
      <c r="H78348" s="12"/>
    </row>
    <row r="78349" spans="8:8">
      <c r="H78349" s="12"/>
    </row>
    <row r="78350" spans="8:8">
      <c r="H78350" s="12"/>
    </row>
    <row r="78351" spans="8:8">
      <c r="H78351" s="12"/>
    </row>
    <row r="78352" spans="8:8">
      <c r="H78352" s="12"/>
    </row>
    <row r="78353" spans="8:8">
      <c r="H78353" s="12"/>
    </row>
    <row r="78354" spans="8:8">
      <c r="H78354" s="12"/>
    </row>
    <row r="78355" spans="8:8">
      <c r="H78355" s="12"/>
    </row>
    <row r="78356" spans="8:8">
      <c r="H78356" s="12"/>
    </row>
    <row r="78357" spans="8:8">
      <c r="H78357" s="12"/>
    </row>
    <row r="78358" spans="8:8">
      <c r="H78358" s="12"/>
    </row>
    <row r="78359" spans="8:8">
      <c r="H78359" s="12"/>
    </row>
    <row r="78360" spans="8:8">
      <c r="H78360" s="12"/>
    </row>
    <row r="78361" spans="8:8">
      <c r="H78361" s="12"/>
    </row>
    <row r="78362" spans="8:8">
      <c r="H78362" s="12"/>
    </row>
    <row r="78363" spans="8:8">
      <c r="H78363" s="12"/>
    </row>
    <row r="78364" spans="8:8">
      <c r="H78364" s="12"/>
    </row>
    <row r="78365" spans="8:8">
      <c r="H78365" s="12"/>
    </row>
    <row r="78366" spans="8:8">
      <c r="H78366" s="12"/>
    </row>
    <row r="78367" spans="8:8">
      <c r="H78367" s="12"/>
    </row>
    <row r="78368" spans="8:8">
      <c r="H78368" s="12"/>
    </row>
    <row r="78369" spans="8:8">
      <c r="H78369" s="12"/>
    </row>
    <row r="78370" spans="8:8">
      <c r="H78370" s="12"/>
    </row>
    <row r="78371" spans="8:8">
      <c r="H78371" s="12"/>
    </row>
    <row r="78372" spans="8:8">
      <c r="H78372" s="12"/>
    </row>
    <row r="78373" spans="8:8">
      <c r="H78373" s="12"/>
    </row>
    <row r="78374" spans="8:8">
      <c r="H78374" s="12"/>
    </row>
    <row r="78375" spans="8:8">
      <c r="H78375" s="12"/>
    </row>
    <row r="78376" spans="8:8">
      <c r="H78376" s="12"/>
    </row>
    <row r="78377" spans="8:8">
      <c r="H78377" s="12"/>
    </row>
    <row r="78378" spans="8:8">
      <c r="H78378" s="12"/>
    </row>
    <row r="78379" spans="8:8">
      <c r="H78379" s="12"/>
    </row>
    <row r="78380" spans="8:8">
      <c r="H78380" s="12"/>
    </row>
    <row r="78381" spans="8:8">
      <c r="H78381" s="12"/>
    </row>
    <row r="78382" spans="8:8">
      <c r="H78382" s="12"/>
    </row>
    <row r="78383" spans="8:8">
      <c r="H78383" s="12"/>
    </row>
    <row r="78384" spans="8:8">
      <c r="H78384" s="12"/>
    </row>
    <row r="78385" spans="8:8">
      <c r="H78385" s="12"/>
    </row>
    <row r="78386" spans="8:8">
      <c r="H78386" s="12"/>
    </row>
    <row r="78387" spans="8:8">
      <c r="H78387" s="12"/>
    </row>
    <row r="78388" spans="8:8">
      <c r="H78388" s="12"/>
    </row>
    <row r="78389" spans="8:8">
      <c r="H78389" s="12"/>
    </row>
    <row r="78390" spans="8:8">
      <c r="H78390" s="12"/>
    </row>
    <row r="78391" spans="8:8">
      <c r="H78391" s="12"/>
    </row>
    <row r="78392" spans="8:8">
      <c r="H78392" s="12"/>
    </row>
    <row r="78393" spans="8:8">
      <c r="H78393" s="12"/>
    </row>
    <row r="78394" spans="8:8">
      <c r="H78394" s="12"/>
    </row>
    <row r="78395" spans="8:8">
      <c r="H78395" s="12"/>
    </row>
    <row r="78396" spans="8:8">
      <c r="H78396" s="12"/>
    </row>
    <row r="78397" spans="8:8">
      <c r="H78397" s="12"/>
    </row>
    <row r="78398" spans="8:8">
      <c r="H78398" s="12"/>
    </row>
    <row r="78399" spans="8:8">
      <c r="H78399" s="12"/>
    </row>
    <row r="78400" spans="8:8">
      <c r="H78400" s="12"/>
    </row>
    <row r="78401" spans="8:8">
      <c r="H78401" s="12"/>
    </row>
    <row r="78402" spans="8:8">
      <c r="H78402" s="12"/>
    </row>
    <row r="78403" spans="8:8">
      <c r="H78403" s="12"/>
    </row>
    <row r="78404" spans="8:8">
      <c r="H78404" s="12"/>
    </row>
    <row r="78405" spans="8:8">
      <c r="H78405" s="12"/>
    </row>
    <row r="78406" spans="8:8">
      <c r="H78406" s="12"/>
    </row>
    <row r="78407" spans="8:8">
      <c r="H78407" s="12"/>
    </row>
    <row r="78408" spans="8:8">
      <c r="H78408" s="12"/>
    </row>
    <row r="78409" spans="8:8">
      <c r="H78409" s="12"/>
    </row>
    <row r="78410" spans="8:8">
      <c r="H78410" s="12"/>
    </row>
    <row r="78411" spans="8:8">
      <c r="H78411" s="12"/>
    </row>
    <row r="78412" spans="8:8">
      <c r="H78412" s="12"/>
    </row>
    <row r="78413" spans="8:8">
      <c r="H78413" s="12"/>
    </row>
    <row r="78414" spans="8:8">
      <c r="H78414" s="12"/>
    </row>
    <row r="78415" spans="8:8">
      <c r="H78415" s="12"/>
    </row>
    <row r="78416" spans="8:8">
      <c r="H78416" s="12"/>
    </row>
    <row r="78417" spans="8:8">
      <c r="H78417" s="12"/>
    </row>
    <row r="78418" spans="8:8">
      <c r="H78418" s="12"/>
    </row>
    <row r="78419" spans="8:8">
      <c r="H78419" s="12"/>
    </row>
    <row r="78420" spans="8:8">
      <c r="H78420" s="12"/>
    </row>
    <row r="78421" spans="8:8">
      <c r="H78421" s="12"/>
    </row>
    <row r="78422" spans="8:8">
      <c r="H78422" s="12"/>
    </row>
    <row r="78423" spans="8:8">
      <c r="H78423" s="12"/>
    </row>
    <row r="78424" spans="8:8">
      <c r="H78424" s="12"/>
    </row>
    <row r="78425" spans="8:8">
      <c r="H78425" s="12"/>
    </row>
    <row r="78426" spans="8:8">
      <c r="H78426" s="12"/>
    </row>
    <row r="78427" spans="8:8">
      <c r="H78427" s="12"/>
    </row>
    <row r="78428" spans="8:8">
      <c r="H78428" s="12"/>
    </row>
    <row r="78429" spans="8:8">
      <c r="H78429" s="12"/>
    </row>
    <row r="78430" spans="8:8">
      <c r="H78430" s="12"/>
    </row>
    <row r="78431" spans="8:8">
      <c r="H78431" s="12"/>
    </row>
    <row r="78432" spans="8:8">
      <c r="H78432" s="12"/>
    </row>
    <row r="78433" spans="8:8">
      <c r="H78433" s="12"/>
    </row>
    <row r="78434" spans="8:8">
      <c r="H78434" s="12"/>
    </row>
    <row r="78435" spans="8:8">
      <c r="H78435" s="12"/>
    </row>
    <row r="78436" spans="8:8">
      <c r="H78436" s="12"/>
    </row>
    <row r="78437" spans="8:8">
      <c r="H78437" s="12"/>
    </row>
    <row r="78438" spans="8:8">
      <c r="H78438" s="12"/>
    </row>
    <row r="78439" spans="8:8">
      <c r="H78439" s="12"/>
    </row>
    <row r="78440" spans="8:8">
      <c r="H78440" s="12"/>
    </row>
    <row r="78441" spans="8:8">
      <c r="H78441" s="12"/>
    </row>
    <row r="78442" spans="8:8">
      <c r="H78442" s="12"/>
    </row>
    <row r="78443" spans="8:8">
      <c r="H78443" s="12"/>
    </row>
    <row r="78444" spans="8:8">
      <c r="H78444" s="12"/>
    </row>
    <row r="78445" spans="8:8">
      <c r="H78445" s="12"/>
    </row>
    <row r="78446" spans="8:8">
      <c r="H78446" s="12"/>
    </row>
    <row r="78447" spans="8:8">
      <c r="H78447" s="12"/>
    </row>
    <row r="78448" spans="8:8">
      <c r="H78448" s="12"/>
    </row>
    <row r="78449" spans="8:8">
      <c r="H78449" s="12"/>
    </row>
    <row r="78450" spans="8:8">
      <c r="H78450" s="12"/>
    </row>
    <row r="78451" spans="8:8">
      <c r="H78451" s="12"/>
    </row>
    <row r="78452" spans="8:8">
      <c r="H78452" s="12"/>
    </row>
    <row r="78453" spans="8:8">
      <c r="H78453" s="12"/>
    </row>
    <row r="78454" spans="8:8">
      <c r="H78454" s="12"/>
    </row>
    <row r="78455" spans="8:8">
      <c r="H78455" s="12"/>
    </row>
    <row r="78456" spans="8:8">
      <c r="H78456" s="12"/>
    </row>
    <row r="78457" spans="8:8">
      <c r="H78457" s="12"/>
    </row>
    <row r="78458" spans="8:8">
      <c r="H78458" s="12"/>
    </row>
    <row r="78459" spans="8:8">
      <c r="H78459" s="12"/>
    </row>
    <row r="78460" spans="8:8">
      <c r="H78460" s="12"/>
    </row>
    <row r="78461" spans="8:8">
      <c r="H78461" s="12"/>
    </row>
    <row r="78462" spans="8:8">
      <c r="H78462" s="12"/>
    </row>
    <row r="78463" spans="8:8">
      <c r="H78463" s="12"/>
    </row>
    <row r="78464" spans="8:8">
      <c r="H78464" s="12"/>
    </row>
    <row r="78465" spans="8:8">
      <c r="H78465" s="12"/>
    </row>
    <row r="78466" spans="8:8">
      <c r="H78466" s="12"/>
    </row>
    <row r="78467" spans="8:8">
      <c r="H78467" s="12"/>
    </row>
    <row r="78468" spans="8:8">
      <c r="H78468" s="12"/>
    </row>
    <row r="78469" spans="8:8">
      <c r="H78469" s="12"/>
    </row>
    <row r="78470" spans="8:8">
      <c r="H78470" s="12"/>
    </row>
    <row r="78471" spans="8:8">
      <c r="H78471" s="12"/>
    </row>
    <row r="78472" spans="8:8">
      <c r="H78472" s="12"/>
    </row>
    <row r="78473" spans="8:8">
      <c r="H78473" s="12"/>
    </row>
    <row r="78474" spans="8:8">
      <c r="H78474" s="12"/>
    </row>
    <row r="78475" spans="8:8">
      <c r="H78475" s="12"/>
    </row>
    <row r="78476" spans="8:8">
      <c r="H78476" s="12"/>
    </row>
    <row r="78477" spans="8:8">
      <c r="H78477" s="12"/>
    </row>
    <row r="78478" spans="8:8">
      <c r="H78478" s="12"/>
    </row>
    <row r="78479" spans="8:8">
      <c r="H78479" s="12"/>
    </row>
    <row r="78480" spans="8:8">
      <c r="H78480" s="12"/>
    </row>
    <row r="78481" spans="8:8">
      <c r="H78481" s="12"/>
    </row>
    <row r="78482" spans="8:8">
      <c r="H78482" s="12"/>
    </row>
    <row r="78483" spans="8:8">
      <c r="H78483" s="12"/>
    </row>
    <row r="78484" spans="8:8">
      <c r="H78484" s="12"/>
    </row>
    <row r="78485" spans="8:8">
      <c r="H78485" s="12"/>
    </row>
    <row r="78486" spans="8:8">
      <c r="H78486" s="12"/>
    </row>
    <row r="78487" spans="8:8">
      <c r="H78487" s="12"/>
    </row>
    <row r="78488" spans="8:8">
      <c r="H78488" s="12"/>
    </row>
    <row r="78489" spans="8:8">
      <c r="H78489" s="12"/>
    </row>
    <row r="78490" spans="8:8">
      <c r="H78490" s="12"/>
    </row>
    <row r="78491" spans="8:8">
      <c r="H78491" s="12"/>
    </row>
    <row r="78492" spans="8:8">
      <c r="H78492" s="12"/>
    </row>
    <row r="78493" spans="8:8">
      <c r="H78493" s="12"/>
    </row>
    <row r="78494" spans="8:8">
      <c r="H78494" s="12"/>
    </row>
    <row r="78495" spans="8:8">
      <c r="H78495" s="12"/>
    </row>
    <row r="78496" spans="8:8">
      <c r="H78496" s="12"/>
    </row>
    <row r="78497" spans="8:8">
      <c r="H78497" s="12"/>
    </row>
    <row r="78498" spans="8:8">
      <c r="H78498" s="12"/>
    </row>
    <row r="78499" spans="8:8">
      <c r="H78499" s="12"/>
    </row>
    <row r="78500" spans="8:8">
      <c r="H78500" s="12"/>
    </row>
    <row r="78501" spans="8:8">
      <c r="H78501" s="12"/>
    </row>
    <row r="78502" spans="8:8">
      <c r="H78502" s="12"/>
    </row>
    <row r="78503" spans="8:8">
      <c r="H78503" s="12"/>
    </row>
    <row r="78504" spans="8:8">
      <c r="H78504" s="12"/>
    </row>
    <row r="78505" spans="8:8">
      <c r="H78505" s="12"/>
    </row>
    <row r="78506" spans="8:8">
      <c r="H78506" s="12"/>
    </row>
    <row r="78507" spans="8:8">
      <c r="H78507" s="12"/>
    </row>
    <row r="78508" spans="8:8">
      <c r="H78508" s="12"/>
    </row>
    <row r="78509" spans="8:8">
      <c r="H78509" s="12"/>
    </row>
    <row r="78510" spans="8:8">
      <c r="H78510" s="12"/>
    </row>
    <row r="78511" spans="8:8">
      <c r="H78511" s="12"/>
    </row>
    <row r="78512" spans="8:8">
      <c r="H78512" s="12"/>
    </row>
    <row r="78513" spans="8:8">
      <c r="H78513" s="12"/>
    </row>
    <row r="78514" spans="8:8">
      <c r="H78514" s="12"/>
    </row>
    <row r="78515" spans="8:8">
      <c r="H78515" s="12"/>
    </row>
    <row r="78516" spans="8:8">
      <c r="H78516" s="12"/>
    </row>
    <row r="78517" spans="8:8">
      <c r="H78517" s="12"/>
    </row>
    <row r="78518" spans="8:8">
      <c r="H78518" s="12"/>
    </row>
    <row r="78519" spans="8:8">
      <c r="H78519" s="12"/>
    </row>
    <row r="78520" spans="8:8">
      <c r="H78520" s="12"/>
    </row>
    <row r="78521" spans="8:8">
      <c r="H78521" s="12"/>
    </row>
    <row r="78522" spans="8:8">
      <c r="H78522" s="12"/>
    </row>
    <row r="78523" spans="8:8">
      <c r="H78523" s="12"/>
    </row>
    <row r="78524" spans="8:8">
      <c r="H78524" s="12"/>
    </row>
    <row r="78525" spans="8:8">
      <c r="H78525" s="12"/>
    </row>
    <row r="78526" spans="8:8">
      <c r="H78526" s="12"/>
    </row>
    <row r="78527" spans="8:8">
      <c r="H78527" s="12"/>
    </row>
    <row r="78528" spans="8:8">
      <c r="H78528" s="12"/>
    </row>
    <row r="78529" spans="8:8">
      <c r="H78529" s="12"/>
    </row>
    <row r="78530" spans="8:8">
      <c r="H78530" s="12"/>
    </row>
    <row r="78531" spans="8:8">
      <c r="H78531" s="12"/>
    </row>
    <row r="78532" spans="8:8">
      <c r="H78532" s="12"/>
    </row>
    <row r="78533" spans="8:8">
      <c r="H78533" s="12"/>
    </row>
    <row r="78534" spans="8:8">
      <c r="H78534" s="12"/>
    </row>
    <row r="78535" spans="8:8">
      <c r="H78535" s="12"/>
    </row>
    <row r="78536" spans="8:8">
      <c r="H78536" s="12"/>
    </row>
    <row r="78537" spans="8:8">
      <c r="H78537" s="12"/>
    </row>
    <row r="78538" spans="8:8">
      <c r="H78538" s="12"/>
    </row>
    <row r="78539" spans="8:8">
      <c r="H78539" s="12"/>
    </row>
    <row r="78540" spans="8:8">
      <c r="H78540" s="12"/>
    </row>
    <row r="78541" spans="8:8">
      <c r="H78541" s="12"/>
    </row>
    <row r="78542" spans="8:8">
      <c r="H78542" s="12"/>
    </row>
    <row r="78543" spans="8:8">
      <c r="H78543" s="12"/>
    </row>
    <row r="78544" spans="8:8">
      <c r="H78544" s="12"/>
    </row>
    <row r="78545" spans="8:8">
      <c r="H78545" s="12"/>
    </row>
    <row r="78546" spans="8:8">
      <c r="H78546" s="12"/>
    </row>
    <row r="78547" spans="8:8">
      <c r="H78547" s="12"/>
    </row>
    <row r="78548" spans="8:8">
      <c r="H78548" s="12"/>
    </row>
    <row r="78549" spans="8:8">
      <c r="H78549" s="12"/>
    </row>
    <row r="78550" spans="8:8">
      <c r="H78550" s="12"/>
    </row>
    <row r="78551" spans="8:8">
      <c r="H78551" s="12"/>
    </row>
    <row r="78552" spans="8:8">
      <c r="H78552" s="12"/>
    </row>
    <row r="78553" spans="8:8">
      <c r="H78553" s="12"/>
    </row>
    <row r="78554" spans="8:8">
      <c r="H78554" s="12"/>
    </row>
    <row r="78555" spans="8:8">
      <c r="H78555" s="12"/>
    </row>
    <row r="78556" spans="8:8">
      <c r="H78556" s="12"/>
    </row>
    <row r="78557" spans="8:8">
      <c r="H78557" s="12"/>
    </row>
    <row r="78558" spans="8:8">
      <c r="H78558" s="12"/>
    </row>
    <row r="78559" spans="8:8">
      <c r="H78559" s="12"/>
    </row>
    <row r="78560" spans="8:8">
      <c r="H78560" s="12"/>
    </row>
    <row r="78561" spans="8:8">
      <c r="H78561" s="12"/>
    </row>
    <row r="78562" spans="8:8">
      <c r="H78562" s="12"/>
    </row>
    <row r="78563" spans="8:8">
      <c r="H78563" s="12"/>
    </row>
    <row r="78564" spans="8:8">
      <c r="H78564" s="12"/>
    </row>
    <row r="78565" spans="8:8">
      <c r="H78565" s="12"/>
    </row>
    <row r="78566" spans="8:8">
      <c r="H78566" s="12"/>
    </row>
    <row r="78567" spans="8:8">
      <c r="H78567" s="12"/>
    </row>
    <row r="78568" spans="8:8">
      <c r="H78568" s="12"/>
    </row>
    <row r="78569" spans="8:8">
      <c r="H78569" s="12"/>
    </row>
    <row r="78570" spans="8:8">
      <c r="H78570" s="12"/>
    </row>
    <row r="78571" spans="8:8">
      <c r="H78571" s="12"/>
    </row>
    <row r="78572" spans="8:8">
      <c r="H78572" s="12"/>
    </row>
    <row r="78573" spans="8:8">
      <c r="H78573" s="12"/>
    </row>
    <row r="78574" spans="8:8">
      <c r="H78574" s="12"/>
    </row>
    <row r="78575" spans="8:8">
      <c r="H78575" s="12"/>
    </row>
    <row r="78576" spans="8:8">
      <c r="H78576" s="12"/>
    </row>
    <row r="78577" spans="8:8">
      <c r="H78577" s="12"/>
    </row>
    <row r="78578" spans="8:8">
      <c r="H78578" s="12"/>
    </row>
    <row r="78579" spans="8:8">
      <c r="H78579" s="12"/>
    </row>
    <row r="78580" spans="8:8">
      <c r="H78580" s="12"/>
    </row>
    <row r="78581" spans="8:8">
      <c r="H78581" s="12"/>
    </row>
    <row r="78582" spans="8:8">
      <c r="H78582" s="12"/>
    </row>
    <row r="78583" spans="8:8">
      <c r="H78583" s="12"/>
    </row>
    <row r="78584" spans="8:8">
      <c r="H78584" s="12"/>
    </row>
    <row r="78585" spans="8:8">
      <c r="H78585" s="12"/>
    </row>
    <row r="78586" spans="8:8">
      <c r="H78586" s="12"/>
    </row>
    <row r="78587" spans="8:8">
      <c r="H78587" s="12"/>
    </row>
    <row r="78588" spans="8:8">
      <c r="H78588" s="12"/>
    </row>
    <row r="78589" spans="8:8">
      <c r="H78589" s="12"/>
    </row>
    <row r="78590" spans="8:8">
      <c r="H78590" s="12"/>
    </row>
    <row r="78591" spans="8:8">
      <c r="H78591" s="12"/>
    </row>
    <row r="78592" spans="8:8">
      <c r="H78592" s="12"/>
    </row>
    <row r="78593" spans="8:8">
      <c r="H78593" s="12"/>
    </row>
    <row r="78594" spans="8:8">
      <c r="H78594" s="12"/>
    </row>
    <row r="78595" spans="8:8">
      <c r="H78595" s="12"/>
    </row>
    <row r="78596" spans="8:8">
      <c r="H78596" s="12"/>
    </row>
    <row r="78597" spans="8:8">
      <c r="H78597" s="12"/>
    </row>
    <row r="78598" spans="8:8">
      <c r="H78598" s="12"/>
    </row>
    <row r="78599" spans="8:8">
      <c r="H78599" s="12"/>
    </row>
    <row r="78600" spans="8:8">
      <c r="H78600" s="12"/>
    </row>
    <row r="78601" spans="8:8">
      <c r="H78601" s="12"/>
    </row>
    <row r="78602" spans="8:8">
      <c r="H78602" s="12"/>
    </row>
    <row r="78603" spans="8:8">
      <c r="H78603" s="12"/>
    </row>
    <row r="78604" spans="8:8">
      <c r="H78604" s="12"/>
    </row>
    <row r="78605" spans="8:8">
      <c r="H78605" s="12"/>
    </row>
    <row r="78606" spans="8:8">
      <c r="H78606" s="12"/>
    </row>
    <row r="78607" spans="8:8">
      <c r="H78607" s="12"/>
    </row>
    <row r="78608" spans="8:8">
      <c r="H78608" s="12"/>
    </row>
    <row r="78609" spans="8:8">
      <c r="H78609" s="12"/>
    </row>
    <row r="78610" spans="8:8">
      <c r="H78610" s="12"/>
    </row>
    <row r="78611" spans="8:8">
      <c r="H78611" s="12"/>
    </row>
    <row r="78612" spans="8:8">
      <c r="H78612" s="12"/>
    </row>
    <row r="78613" spans="8:8">
      <c r="H78613" s="12"/>
    </row>
    <row r="78614" spans="8:8">
      <c r="H78614" s="12"/>
    </row>
    <row r="78615" spans="8:8">
      <c r="H78615" s="12"/>
    </row>
    <row r="78616" spans="8:8">
      <c r="H78616" s="12"/>
    </row>
    <row r="78617" spans="8:8">
      <c r="H78617" s="12"/>
    </row>
    <row r="78618" spans="8:8">
      <c r="H78618" s="12"/>
    </row>
    <row r="78619" spans="8:8">
      <c r="H78619" s="12"/>
    </row>
    <row r="78620" spans="8:8">
      <c r="H78620" s="12"/>
    </row>
    <row r="78621" spans="8:8">
      <c r="H78621" s="12"/>
    </row>
    <row r="78622" spans="8:8">
      <c r="H78622" s="12"/>
    </row>
    <row r="78623" spans="8:8">
      <c r="H78623" s="12"/>
    </row>
    <row r="78624" spans="8:8">
      <c r="H78624" s="12"/>
    </row>
    <row r="78625" spans="8:8">
      <c r="H78625" s="12"/>
    </row>
    <row r="78626" spans="8:8">
      <c r="H78626" s="12"/>
    </row>
    <row r="78627" spans="8:8">
      <c r="H78627" s="12"/>
    </row>
    <row r="78628" spans="8:8">
      <c r="H78628" s="12"/>
    </row>
    <row r="78629" spans="8:8">
      <c r="H78629" s="12"/>
    </row>
    <row r="78630" spans="8:8">
      <c r="H78630" s="12"/>
    </row>
    <row r="78631" spans="8:8">
      <c r="H78631" s="12"/>
    </row>
    <row r="78632" spans="8:8">
      <c r="H78632" s="12"/>
    </row>
    <row r="78633" spans="8:8">
      <c r="H78633" s="12"/>
    </row>
    <row r="78634" spans="8:8">
      <c r="H78634" s="12"/>
    </row>
    <row r="78635" spans="8:8">
      <c r="H78635" s="12"/>
    </row>
    <row r="78636" spans="8:8">
      <c r="H78636" s="12"/>
    </row>
    <row r="78637" spans="8:8">
      <c r="H78637" s="12"/>
    </row>
    <row r="78638" spans="8:8">
      <c r="H78638" s="12"/>
    </row>
    <row r="78639" spans="8:8">
      <c r="H78639" s="12"/>
    </row>
    <row r="78640" spans="8:8">
      <c r="H78640" s="12"/>
    </row>
    <row r="78641" spans="8:8">
      <c r="H78641" s="12"/>
    </row>
    <row r="78642" spans="8:8">
      <c r="H78642" s="12"/>
    </row>
    <row r="78643" spans="8:8">
      <c r="H78643" s="12"/>
    </row>
    <row r="78644" spans="8:8">
      <c r="H78644" s="12"/>
    </row>
    <row r="78645" spans="8:8">
      <c r="H78645" s="12"/>
    </row>
    <row r="78646" spans="8:8">
      <c r="H78646" s="12"/>
    </row>
    <row r="78647" spans="8:8">
      <c r="H78647" s="12"/>
    </row>
    <row r="78648" spans="8:8">
      <c r="H78648" s="12"/>
    </row>
    <row r="78649" spans="8:8">
      <c r="H78649" s="12"/>
    </row>
    <row r="78650" spans="8:8">
      <c r="H78650" s="12"/>
    </row>
    <row r="78651" spans="8:8">
      <c r="H78651" s="12"/>
    </row>
    <row r="78652" spans="8:8">
      <c r="H78652" s="12"/>
    </row>
    <row r="78653" spans="8:8">
      <c r="H78653" s="12"/>
    </row>
    <row r="78654" spans="8:8">
      <c r="H78654" s="12"/>
    </row>
    <row r="78655" spans="8:8">
      <c r="H78655" s="12"/>
    </row>
    <row r="78656" spans="8:8">
      <c r="H78656" s="12"/>
    </row>
    <row r="78657" spans="8:8">
      <c r="H78657" s="12"/>
    </row>
    <row r="78658" spans="8:8">
      <c r="H78658" s="12"/>
    </row>
    <row r="78659" spans="8:8">
      <c r="H78659" s="12"/>
    </row>
    <row r="78660" spans="8:8">
      <c r="H78660" s="12"/>
    </row>
    <row r="78661" spans="8:8">
      <c r="H78661" s="12"/>
    </row>
    <row r="78662" spans="8:8">
      <c r="H78662" s="12"/>
    </row>
    <row r="78663" spans="8:8">
      <c r="H78663" s="12"/>
    </row>
    <row r="78664" spans="8:8">
      <c r="H78664" s="12"/>
    </row>
    <row r="78665" spans="8:8">
      <c r="H78665" s="12"/>
    </row>
    <row r="78666" spans="8:8">
      <c r="H78666" s="12"/>
    </row>
    <row r="78667" spans="8:8">
      <c r="H78667" s="12"/>
    </row>
    <row r="78668" spans="8:8">
      <c r="H78668" s="12"/>
    </row>
    <row r="78669" spans="8:8">
      <c r="H78669" s="12"/>
    </row>
    <row r="78670" spans="8:8">
      <c r="H78670" s="12"/>
    </row>
    <row r="78671" spans="8:8">
      <c r="H78671" s="12"/>
    </row>
    <row r="78672" spans="8:8">
      <c r="H78672" s="12"/>
    </row>
    <row r="78673" spans="8:8">
      <c r="H78673" s="12"/>
    </row>
    <row r="78674" spans="8:8">
      <c r="H78674" s="12"/>
    </row>
    <row r="78675" spans="8:8">
      <c r="H78675" s="12"/>
    </row>
    <row r="78676" spans="8:8">
      <c r="H78676" s="12"/>
    </row>
    <row r="78677" spans="8:8">
      <c r="H78677" s="12"/>
    </row>
    <row r="78678" spans="8:8">
      <c r="H78678" s="12"/>
    </row>
    <row r="78679" spans="8:8">
      <c r="H78679" s="12"/>
    </row>
    <row r="78680" spans="8:8">
      <c r="H78680" s="12"/>
    </row>
    <row r="78681" spans="8:8">
      <c r="H78681" s="12"/>
    </row>
    <row r="78682" spans="8:8">
      <c r="H78682" s="12"/>
    </row>
    <row r="78683" spans="8:8">
      <c r="H78683" s="12"/>
    </row>
    <row r="78684" spans="8:8">
      <c r="H78684" s="12"/>
    </row>
    <row r="78685" spans="8:8">
      <c r="H78685" s="12"/>
    </row>
    <row r="78686" spans="8:8">
      <c r="H78686" s="12"/>
    </row>
    <row r="78687" spans="8:8">
      <c r="H78687" s="12"/>
    </row>
    <row r="78688" spans="8:8">
      <c r="H78688" s="12"/>
    </row>
    <row r="78689" spans="8:8">
      <c r="H78689" s="12"/>
    </row>
    <row r="78690" spans="8:8">
      <c r="H78690" s="12"/>
    </row>
    <row r="78691" spans="8:8">
      <c r="H78691" s="12"/>
    </row>
    <row r="78692" spans="8:8">
      <c r="H78692" s="12"/>
    </row>
    <row r="78693" spans="8:8">
      <c r="H78693" s="12"/>
    </row>
    <row r="78694" spans="8:8">
      <c r="H78694" s="12"/>
    </row>
    <row r="78695" spans="8:8">
      <c r="H78695" s="12"/>
    </row>
    <row r="78696" spans="8:8">
      <c r="H78696" s="12"/>
    </row>
    <row r="78697" spans="8:8">
      <c r="H78697" s="12"/>
    </row>
    <row r="78698" spans="8:8">
      <c r="H78698" s="12"/>
    </row>
    <row r="78699" spans="8:8">
      <c r="H78699" s="12"/>
    </row>
    <row r="78700" spans="8:8">
      <c r="H78700" s="12"/>
    </row>
    <row r="78701" spans="8:8">
      <c r="H78701" s="12"/>
    </row>
    <row r="78702" spans="8:8">
      <c r="H78702" s="12"/>
    </row>
    <row r="78703" spans="8:8">
      <c r="H78703" s="12"/>
    </row>
    <row r="78704" spans="8:8">
      <c r="H78704" s="12"/>
    </row>
    <row r="78705" spans="8:8">
      <c r="H78705" s="12"/>
    </row>
    <row r="78706" spans="8:8">
      <c r="H78706" s="12"/>
    </row>
    <row r="78707" spans="8:8">
      <c r="H78707" s="12"/>
    </row>
    <row r="78708" spans="8:8">
      <c r="H78708" s="12"/>
    </row>
    <row r="78709" spans="8:8">
      <c r="H78709" s="12"/>
    </row>
    <row r="78710" spans="8:8">
      <c r="H78710" s="12"/>
    </row>
    <row r="78711" spans="8:8">
      <c r="H78711" s="12"/>
    </row>
    <row r="78712" spans="8:8">
      <c r="H78712" s="12"/>
    </row>
    <row r="78713" spans="8:8">
      <c r="H78713" s="12"/>
    </row>
    <row r="78714" spans="8:8">
      <c r="H78714" s="12"/>
    </row>
    <row r="78715" spans="8:8">
      <c r="H78715" s="12"/>
    </row>
    <row r="78716" spans="8:8">
      <c r="H78716" s="12"/>
    </row>
    <row r="78717" spans="8:8">
      <c r="H78717" s="12"/>
    </row>
    <row r="78718" spans="8:8">
      <c r="H78718" s="12"/>
    </row>
    <row r="78719" spans="8:8">
      <c r="H78719" s="12"/>
    </row>
    <row r="78720" spans="8:8">
      <c r="H78720" s="12"/>
    </row>
    <row r="78721" spans="8:8">
      <c r="H78721" s="12"/>
    </row>
    <row r="78722" spans="8:8">
      <c r="H78722" s="12"/>
    </row>
    <row r="78723" spans="8:8">
      <c r="H78723" s="12"/>
    </row>
    <row r="78724" spans="8:8">
      <c r="H78724" s="12"/>
    </row>
    <row r="78725" spans="8:8">
      <c r="H78725" s="12"/>
    </row>
    <row r="78726" spans="8:8">
      <c r="H78726" s="12"/>
    </row>
    <row r="78727" spans="8:8">
      <c r="H78727" s="12"/>
    </row>
    <row r="78728" spans="8:8">
      <c r="H78728" s="12"/>
    </row>
    <row r="78729" spans="8:8">
      <c r="H78729" s="12"/>
    </row>
    <row r="78730" spans="8:8">
      <c r="H78730" s="12"/>
    </row>
    <row r="78731" spans="8:8">
      <c r="H78731" s="12"/>
    </row>
    <row r="78732" spans="8:8">
      <c r="H78732" s="12"/>
    </row>
    <row r="78733" spans="8:8">
      <c r="H78733" s="12"/>
    </row>
    <row r="78734" spans="8:8">
      <c r="H78734" s="12"/>
    </row>
    <row r="78735" spans="8:8">
      <c r="H78735" s="12"/>
    </row>
    <row r="78736" spans="8:8">
      <c r="H78736" s="12"/>
    </row>
    <row r="78737" spans="8:8">
      <c r="H78737" s="12"/>
    </row>
    <row r="78738" spans="8:8">
      <c r="H78738" s="12"/>
    </row>
    <row r="78739" spans="8:8">
      <c r="H78739" s="12"/>
    </row>
    <row r="78740" spans="8:8">
      <c r="H78740" s="12"/>
    </row>
    <row r="78741" spans="8:8">
      <c r="H78741" s="12"/>
    </row>
    <row r="78742" spans="8:8">
      <c r="H78742" s="12"/>
    </row>
    <row r="78743" spans="8:8">
      <c r="H78743" s="12"/>
    </row>
    <row r="78744" spans="8:8">
      <c r="H78744" s="12"/>
    </row>
    <row r="78745" spans="8:8">
      <c r="H78745" s="12"/>
    </row>
    <row r="78746" spans="8:8">
      <c r="H78746" s="12"/>
    </row>
    <row r="78747" spans="8:8">
      <c r="H78747" s="12"/>
    </row>
    <row r="78748" spans="8:8">
      <c r="H78748" s="12"/>
    </row>
    <row r="78749" spans="8:8">
      <c r="H78749" s="12"/>
    </row>
    <row r="78750" spans="8:8">
      <c r="H78750" s="12"/>
    </row>
    <row r="78751" spans="8:8">
      <c r="H78751" s="12"/>
    </row>
    <row r="78752" spans="8:8">
      <c r="H78752" s="12"/>
    </row>
    <row r="78753" spans="8:8">
      <c r="H78753" s="12"/>
    </row>
    <row r="78754" spans="8:8">
      <c r="H78754" s="12"/>
    </row>
    <row r="78755" spans="8:8">
      <c r="H78755" s="12"/>
    </row>
    <row r="78756" spans="8:8">
      <c r="H78756" s="12"/>
    </row>
    <row r="78757" spans="8:8">
      <c r="H78757" s="12"/>
    </row>
    <row r="78758" spans="8:8">
      <c r="H78758" s="12"/>
    </row>
    <row r="78759" spans="8:8">
      <c r="H78759" s="12"/>
    </row>
    <row r="78760" spans="8:8">
      <c r="H78760" s="12"/>
    </row>
    <row r="78761" spans="8:8">
      <c r="H78761" s="12"/>
    </row>
    <row r="78762" spans="8:8">
      <c r="H78762" s="12"/>
    </row>
    <row r="78763" spans="8:8">
      <c r="H78763" s="12"/>
    </row>
    <row r="78764" spans="8:8">
      <c r="H78764" s="12"/>
    </row>
    <row r="78765" spans="8:8">
      <c r="H78765" s="12"/>
    </row>
    <row r="78766" spans="8:8">
      <c r="H78766" s="12"/>
    </row>
    <row r="78767" spans="8:8">
      <c r="H78767" s="12"/>
    </row>
    <row r="78768" spans="8:8">
      <c r="H78768" s="12"/>
    </row>
    <row r="78769" spans="8:8">
      <c r="H78769" s="12"/>
    </row>
    <row r="78770" spans="8:8">
      <c r="H78770" s="12"/>
    </row>
    <row r="78771" spans="8:8">
      <c r="H78771" s="12"/>
    </row>
    <row r="78772" spans="8:8">
      <c r="H78772" s="12"/>
    </row>
    <row r="78773" spans="8:8">
      <c r="H78773" s="12"/>
    </row>
    <row r="78774" spans="8:8">
      <c r="H78774" s="12"/>
    </row>
    <row r="78775" spans="8:8">
      <c r="H78775" s="12"/>
    </row>
    <row r="78776" spans="8:8">
      <c r="H78776" s="12"/>
    </row>
    <row r="78777" spans="8:8">
      <c r="H78777" s="12"/>
    </row>
    <row r="78778" spans="8:8">
      <c r="H78778" s="12"/>
    </row>
    <row r="78779" spans="8:8">
      <c r="H78779" s="12"/>
    </row>
    <row r="78780" spans="8:8">
      <c r="H78780" s="12"/>
    </row>
    <row r="78781" spans="8:8">
      <c r="H78781" s="12"/>
    </row>
    <row r="78782" spans="8:8">
      <c r="H78782" s="12"/>
    </row>
    <row r="78783" spans="8:8">
      <c r="H78783" s="12"/>
    </row>
    <row r="78784" spans="8:8">
      <c r="H78784" s="12"/>
    </row>
    <row r="78785" spans="8:8">
      <c r="H78785" s="12"/>
    </row>
    <row r="78786" spans="8:8">
      <c r="H78786" s="12"/>
    </row>
    <row r="78787" spans="8:8">
      <c r="H78787" s="12"/>
    </row>
    <row r="78788" spans="8:8">
      <c r="H78788" s="12"/>
    </row>
    <row r="78789" spans="8:8">
      <c r="H78789" s="12"/>
    </row>
    <row r="78790" spans="8:8">
      <c r="H78790" s="12"/>
    </row>
    <row r="78791" spans="8:8">
      <c r="H78791" s="12"/>
    </row>
    <row r="78792" spans="8:8">
      <c r="H78792" s="12"/>
    </row>
    <row r="78793" spans="8:8">
      <c r="H78793" s="12"/>
    </row>
    <row r="78794" spans="8:8">
      <c r="H78794" s="12"/>
    </row>
    <row r="78795" spans="8:8">
      <c r="H78795" s="12"/>
    </row>
    <row r="78796" spans="8:8">
      <c r="H78796" s="12"/>
    </row>
    <row r="78797" spans="8:8">
      <c r="H78797" s="12"/>
    </row>
    <row r="78798" spans="8:8">
      <c r="H78798" s="12"/>
    </row>
    <row r="78799" spans="8:8">
      <c r="H78799" s="12"/>
    </row>
    <row r="78800" spans="8:8">
      <c r="H78800" s="12"/>
    </row>
    <row r="78801" spans="8:8">
      <c r="H78801" s="12"/>
    </row>
    <row r="78802" spans="8:8">
      <c r="H78802" s="12"/>
    </row>
    <row r="78803" spans="8:8">
      <c r="H78803" s="12"/>
    </row>
    <row r="78804" spans="8:8">
      <c r="H78804" s="12"/>
    </row>
    <row r="78805" spans="8:8">
      <c r="H78805" s="12"/>
    </row>
    <row r="78806" spans="8:8">
      <c r="H78806" s="12"/>
    </row>
    <row r="78807" spans="8:8">
      <c r="H78807" s="12"/>
    </row>
    <row r="78808" spans="8:8">
      <c r="H78808" s="12"/>
    </row>
    <row r="78809" spans="8:8">
      <c r="H78809" s="12"/>
    </row>
    <row r="78810" spans="8:8">
      <c r="H78810" s="12"/>
    </row>
    <row r="78811" spans="8:8">
      <c r="H78811" s="12"/>
    </row>
    <row r="78812" spans="8:8">
      <c r="H78812" s="12"/>
    </row>
    <row r="78813" spans="8:8">
      <c r="H78813" s="12"/>
    </row>
    <row r="78814" spans="8:8">
      <c r="H78814" s="12"/>
    </row>
    <row r="78815" spans="8:8">
      <c r="H78815" s="12"/>
    </row>
    <row r="78816" spans="8:8">
      <c r="H78816" s="12"/>
    </row>
    <row r="78817" spans="8:8">
      <c r="H78817" s="12"/>
    </row>
    <row r="78818" spans="8:8">
      <c r="H78818" s="12"/>
    </row>
    <row r="78819" spans="8:8">
      <c r="H78819" s="12"/>
    </row>
    <row r="78820" spans="8:8">
      <c r="H78820" s="12"/>
    </row>
    <row r="78821" spans="8:8">
      <c r="H78821" s="12"/>
    </row>
    <row r="78822" spans="8:8">
      <c r="H78822" s="12"/>
    </row>
    <row r="78823" spans="8:8">
      <c r="H78823" s="12"/>
    </row>
    <row r="78824" spans="8:8">
      <c r="H78824" s="12"/>
    </row>
    <row r="78825" spans="8:8">
      <c r="H78825" s="12"/>
    </row>
    <row r="78826" spans="8:8">
      <c r="H78826" s="12"/>
    </row>
    <row r="78827" spans="8:8">
      <c r="H78827" s="12"/>
    </row>
    <row r="78828" spans="8:8">
      <c r="H78828" s="12"/>
    </row>
    <row r="78829" spans="8:8">
      <c r="H78829" s="12"/>
    </row>
    <row r="78830" spans="8:8">
      <c r="H78830" s="12"/>
    </row>
    <row r="78831" spans="8:8">
      <c r="H78831" s="12"/>
    </row>
    <row r="78832" spans="8:8">
      <c r="H78832" s="12"/>
    </row>
    <row r="78833" spans="8:8">
      <c r="H78833" s="12"/>
    </row>
    <row r="78834" spans="8:8">
      <c r="H78834" s="12"/>
    </row>
    <row r="78835" spans="8:8">
      <c r="H78835" s="12"/>
    </row>
    <row r="78836" spans="8:8">
      <c r="H78836" s="12"/>
    </row>
    <row r="78837" spans="8:8">
      <c r="H78837" s="12"/>
    </row>
    <row r="78838" spans="8:8">
      <c r="H78838" s="12"/>
    </row>
    <row r="78839" spans="8:8">
      <c r="H78839" s="12"/>
    </row>
    <row r="78840" spans="8:8">
      <c r="H78840" s="12"/>
    </row>
    <row r="78841" spans="8:8">
      <c r="H78841" s="12"/>
    </row>
    <row r="78842" spans="8:8">
      <c r="H78842" s="12"/>
    </row>
    <row r="78843" spans="8:8">
      <c r="H78843" s="12"/>
    </row>
    <row r="78844" spans="8:8">
      <c r="H78844" s="12"/>
    </row>
    <row r="78845" spans="8:8">
      <c r="H78845" s="12"/>
    </row>
    <row r="78846" spans="8:8">
      <c r="H78846" s="12"/>
    </row>
    <row r="78847" spans="8:8">
      <c r="H78847" s="12"/>
    </row>
    <row r="78848" spans="8:8">
      <c r="H78848" s="12"/>
    </row>
    <row r="78849" spans="8:8">
      <c r="H78849" s="12"/>
    </row>
    <row r="78850" spans="8:8">
      <c r="H78850" s="12"/>
    </row>
    <row r="78851" spans="8:8">
      <c r="H78851" s="12"/>
    </row>
    <row r="78852" spans="8:8">
      <c r="H78852" s="12"/>
    </row>
    <row r="78853" spans="8:8">
      <c r="H78853" s="12"/>
    </row>
    <row r="78854" spans="8:8">
      <c r="H78854" s="12"/>
    </row>
    <row r="78855" spans="8:8">
      <c r="H78855" s="12"/>
    </row>
    <row r="78856" spans="8:8">
      <c r="H78856" s="12"/>
    </row>
    <row r="78857" spans="8:8">
      <c r="H78857" s="12"/>
    </row>
    <row r="78858" spans="8:8">
      <c r="H78858" s="12"/>
    </row>
    <row r="78859" spans="8:8">
      <c r="H78859" s="12"/>
    </row>
    <row r="78860" spans="8:8">
      <c r="H78860" s="12"/>
    </row>
    <row r="78861" spans="8:8">
      <c r="H78861" s="12"/>
    </row>
    <row r="78862" spans="8:8">
      <c r="H78862" s="12"/>
    </row>
    <row r="78863" spans="8:8">
      <c r="H78863" s="12"/>
    </row>
    <row r="78864" spans="8:8">
      <c r="H78864" s="12"/>
    </row>
    <row r="78865" spans="8:8">
      <c r="H78865" s="12"/>
    </row>
    <row r="78866" spans="8:8">
      <c r="H78866" s="12"/>
    </row>
    <row r="78867" spans="8:8">
      <c r="H78867" s="12"/>
    </row>
    <row r="78868" spans="8:8">
      <c r="H78868" s="12"/>
    </row>
    <row r="78869" spans="8:8">
      <c r="H78869" s="12"/>
    </row>
    <row r="78870" spans="8:8">
      <c r="H78870" s="12"/>
    </row>
    <row r="78871" spans="8:8">
      <c r="H78871" s="12"/>
    </row>
    <row r="78872" spans="8:8">
      <c r="H78872" s="12"/>
    </row>
    <row r="78873" spans="8:8">
      <c r="H78873" s="12"/>
    </row>
    <row r="78874" spans="8:8">
      <c r="H78874" s="12"/>
    </row>
    <row r="78875" spans="8:8">
      <c r="H78875" s="12"/>
    </row>
    <row r="78876" spans="8:8">
      <c r="H78876" s="12"/>
    </row>
    <row r="78877" spans="8:8">
      <c r="H78877" s="12"/>
    </row>
    <row r="78878" spans="8:8">
      <c r="H78878" s="12"/>
    </row>
    <row r="78879" spans="8:8">
      <c r="H78879" s="12"/>
    </row>
    <row r="78880" spans="8:8">
      <c r="H78880" s="12"/>
    </row>
    <row r="78881" spans="8:8">
      <c r="H78881" s="12"/>
    </row>
    <row r="78882" spans="8:8">
      <c r="H78882" s="12"/>
    </row>
    <row r="78883" spans="8:8">
      <c r="H78883" s="12"/>
    </row>
    <row r="78884" spans="8:8">
      <c r="H78884" s="12"/>
    </row>
    <row r="78885" spans="8:8">
      <c r="H78885" s="12"/>
    </row>
    <row r="78886" spans="8:8">
      <c r="H78886" s="12"/>
    </row>
    <row r="78887" spans="8:8">
      <c r="H78887" s="12"/>
    </row>
    <row r="78888" spans="8:8">
      <c r="H78888" s="12"/>
    </row>
    <row r="78889" spans="8:8">
      <c r="H78889" s="12"/>
    </row>
    <row r="78890" spans="8:8">
      <c r="H78890" s="12"/>
    </row>
    <row r="78891" spans="8:8">
      <c r="H78891" s="12"/>
    </row>
    <row r="78892" spans="8:8">
      <c r="H78892" s="12"/>
    </row>
    <row r="78893" spans="8:8">
      <c r="H78893" s="12"/>
    </row>
    <row r="78894" spans="8:8">
      <c r="H78894" s="12"/>
    </row>
    <row r="78895" spans="8:8">
      <c r="H78895" s="12"/>
    </row>
    <row r="78896" spans="8:8">
      <c r="H78896" s="12"/>
    </row>
    <row r="78897" spans="8:8">
      <c r="H78897" s="12"/>
    </row>
    <row r="78898" spans="8:8">
      <c r="H78898" s="12"/>
    </row>
    <row r="78899" spans="8:8">
      <c r="H78899" s="12"/>
    </row>
    <row r="78900" spans="8:8">
      <c r="H78900" s="12"/>
    </row>
    <row r="78901" spans="8:8">
      <c r="H78901" s="12"/>
    </row>
    <row r="78902" spans="8:8">
      <c r="H78902" s="12"/>
    </row>
    <row r="78903" spans="8:8">
      <c r="H78903" s="12"/>
    </row>
    <row r="78904" spans="8:8">
      <c r="H78904" s="12"/>
    </row>
    <row r="78905" spans="8:8">
      <c r="H78905" s="12"/>
    </row>
    <row r="78906" spans="8:8">
      <c r="H78906" s="12"/>
    </row>
    <row r="78907" spans="8:8">
      <c r="H78907" s="12"/>
    </row>
    <row r="78908" spans="8:8">
      <c r="H78908" s="12"/>
    </row>
    <row r="78909" spans="8:8">
      <c r="H78909" s="12"/>
    </row>
    <row r="78910" spans="8:8">
      <c r="H78910" s="12"/>
    </row>
    <row r="78911" spans="8:8">
      <c r="H78911" s="12"/>
    </row>
    <row r="78912" spans="8:8">
      <c r="H78912" s="12"/>
    </row>
    <row r="78913" spans="8:8">
      <c r="H78913" s="12"/>
    </row>
    <row r="78914" spans="8:8">
      <c r="H78914" s="12"/>
    </row>
    <row r="78915" spans="8:8">
      <c r="H78915" s="12"/>
    </row>
    <row r="78916" spans="8:8">
      <c r="H78916" s="12"/>
    </row>
    <row r="78917" spans="8:8">
      <c r="H78917" s="12"/>
    </row>
    <row r="78918" spans="8:8">
      <c r="H78918" s="12"/>
    </row>
    <row r="78919" spans="8:8">
      <c r="H78919" s="12"/>
    </row>
    <row r="78920" spans="8:8">
      <c r="H78920" s="12"/>
    </row>
    <row r="78921" spans="8:8">
      <c r="H78921" s="12"/>
    </row>
    <row r="78922" spans="8:8">
      <c r="H78922" s="12"/>
    </row>
    <row r="78923" spans="8:8">
      <c r="H78923" s="12"/>
    </row>
    <row r="78924" spans="8:8">
      <c r="H78924" s="12"/>
    </row>
    <row r="78925" spans="8:8">
      <c r="H78925" s="12"/>
    </row>
    <row r="78926" spans="8:8">
      <c r="H78926" s="12"/>
    </row>
    <row r="78927" spans="8:8">
      <c r="H78927" s="12"/>
    </row>
    <row r="78928" spans="8:8">
      <c r="H78928" s="12"/>
    </row>
    <row r="78929" spans="8:8">
      <c r="H78929" s="12"/>
    </row>
    <row r="78930" spans="8:8">
      <c r="H78930" s="12"/>
    </row>
    <row r="78931" spans="8:8">
      <c r="H78931" s="12"/>
    </row>
    <row r="78932" spans="8:8">
      <c r="H78932" s="12"/>
    </row>
    <row r="78933" spans="8:8">
      <c r="H78933" s="12"/>
    </row>
    <row r="78934" spans="8:8">
      <c r="H78934" s="12"/>
    </row>
    <row r="78935" spans="8:8">
      <c r="H78935" s="12"/>
    </row>
    <row r="78936" spans="8:8">
      <c r="H78936" s="12"/>
    </row>
    <row r="78937" spans="8:8">
      <c r="H78937" s="12"/>
    </row>
    <row r="78938" spans="8:8">
      <c r="H78938" s="12"/>
    </row>
    <row r="78939" spans="8:8">
      <c r="H78939" s="12"/>
    </row>
    <row r="78940" spans="8:8">
      <c r="H78940" s="12"/>
    </row>
    <row r="78941" spans="8:8">
      <c r="H78941" s="12"/>
    </row>
    <row r="78942" spans="8:8">
      <c r="H78942" s="12"/>
    </row>
    <row r="78943" spans="8:8">
      <c r="H78943" s="12"/>
    </row>
    <row r="78944" spans="8:8">
      <c r="H78944" s="12"/>
    </row>
    <row r="78945" spans="8:8">
      <c r="H78945" s="12"/>
    </row>
    <row r="78946" spans="8:8">
      <c r="H78946" s="12"/>
    </row>
    <row r="78947" spans="8:8">
      <c r="H78947" s="12"/>
    </row>
    <row r="78948" spans="8:8">
      <c r="H78948" s="12"/>
    </row>
    <row r="78949" spans="8:8">
      <c r="H78949" s="12"/>
    </row>
    <row r="78950" spans="8:8">
      <c r="H78950" s="12"/>
    </row>
    <row r="78951" spans="8:8">
      <c r="H78951" s="12"/>
    </row>
    <row r="78952" spans="8:8">
      <c r="H78952" s="12"/>
    </row>
    <row r="78953" spans="8:8">
      <c r="H78953" s="12"/>
    </row>
    <row r="78954" spans="8:8">
      <c r="H78954" s="12"/>
    </row>
    <row r="78955" spans="8:8">
      <c r="H78955" s="12"/>
    </row>
    <row r="78956" spans="8:8">
      <c r="H78956" s="12"/>
    </row>
    <row r="78957" spans="8:8">
      <c r="H78957" s="12"/>
    </row>
    <row r="78958" spans="8:8">
      <c r="H78958" s="12"/>
    </row>
    <row r="78959" spans="8:8">
      <c r="H78959" s="12"/>
    </row>
    <row r="78960" spans="8:8">
      <c r="H78960" s="12"/>
    </row>
    <row r="78961" spans="8:8">
      <c r="H78961" s="12"/>
    </row>
    <row r="78962" spans="8:8">
      <c r="H78962" s="12"/>
    </row>
    <row r="78963" spans="8:8">
      <c r="H78963" s="12"/>
    </row>
    <row r="78964" spans="8:8">
      <c r="H78964" s="12"/>
    </row>
    <row r="78965" spans="8:8">
      <c r="H78965" s="12"/>
    </row>
    <row r="78966" spans="8:8">
      <c r="H78966" s="12"/>
    </row>
    <row r="78967" spans="8:8">
      <c r="H78967" s="12"/>
    </row>
    <row r="78968" spans="8:8">
      <c r="H78968" s="12"/>
    </row>
    <row r="78969" spans="8:8">
      <c r="H78969" s="12"/>
    </row>
    <row r="78970" spans="8:8">
      <c r="H78970" s="12"/>
    </row>
    <row r="78971" spans="8:8">
      <c r="H78971" s="12"/>
    </row>
    <row r="78972" spans="8:8">
      <c r="H78972" s="12"/>
    </row>
    <row r="78973" spans="8:8">
      <c r="H78973" s="12"/>
    </row>
    <row r="78974" spans="8:8">
      <c r="H78974" s="12"/>
    </row>
    <row r="78975" spans="8:8">
      <c r="H78975" s="12"/>
    </row>
    <row r="78976" spans="8:8">
      <c r="H78976" s="12"/>
    </row>
    <row r="78977" spans="8:8">
      <c r="H78977" s="12"/>
    </row>
    <row r="78978" spans="8:8">
      <c r="H78978" s="12"/>
    </row>
    <row r="78979" spans="8:8">
      <c r="H78979" s="12"/>
    </row>
    <row r="78980" spans="8:8">
      <c r="H78980" s="12"/>
    </row>
    <row r="78981" spans="8:8">
      <c r="H78981" s="12"/>
    </row>
    <row r="78982" spans="8:8">
      <c r="H78982" s="12"/>
    </row>
    <row r="78983" spans="8:8">
      <c r="H78983" s="12"/>
    </row>
    <row r="78984" spans="8:8">
      <c r="H78984" s="12"/>
    </row>
    <row r="78985" spans="8:8">
      <c r="H78985" s="12"/>
    </row>
    <row r="78986" spans="8:8">
      <c r="H78986" s="12"/>
    </row>
    <row r="78987" spans="8:8">
      <c r="H78987" s="12"/>
    </row>
    <row r="78988" spans="8:8">
      <c r="H78988" s="12"/>
    </row>
    <row r="78989" spans="8:8">
      <c r="H78989" s="12"/>
    </row>
    <row r="78990" spans="8:8">
      <c r="H78990" s="12"/>
    </row>
    <row r="78991" spans="8:8">
      <c r="H78991" s="12"/>
    </row>
    <row r="78992" spans="8:8">
      <c r="H78992" s="12"/>
    </row>
    <row r="78993" spans="8:8">
      <c r="H78993" s="12"/>
    </row>
    <row r="78994" spans="8:8">
      <c r="H78994" s="12"/>
    </row>
    <row r="78995" spans="8:8">
      <c r="H78995" s="12"/>
    </row>
    <row r="78996" spans="8:8">
      <c r="H78996" s="12"/>
    </row>
    <row r="78997" spans="8:8">
      <c r="H78997" s="12"/>
    </row>
    <row r="78998" spans="8:8">
      <c r="H78998" s="12"/>
    </row>
    <row r="78999" spans="8:8">
      <c r="H78999" s="12"/>
    </row>
    <row r="79000" spans="8:8">
      <c r="H79000" s="12"/>
    </row>
    <row r="79001" spans="8:8">
      <c r="H79001" s="12"/>
    </row>
    <row r="79002" spans="8:8">
      <c r="H79002" s="12"/>
    </row>
    <row r="79003" spans="8:8">
      <c r="H79003" s="12"/>
    </row>
    <row r="79004" spans="8:8">
      <c r="H79004" s="12"/>
    </row>
    <row r="79005" spans="8:8">
      <c r="H79005" s="12"/>
    </row>
    <row r="79006" spans="8:8">
      <c r="H79006" s="12"/>
    </row>
    <row r="79007" spans="8:8">
      <c r="H79007" s="12"/>
    </row>
    <row r="79008" spans="8:8">
      <c r="H79008" s="12"/>
    </row>
    <row r="79009" spans="8:8">
      <c r="H79009" s="12"/>
    </row>
    <row r="79010" spans="8:8">
      <c r="H79010" s="12"/>
    </row>
    <row r="79011" spans="8:8">
      <c r="H79011" s="12"/>
    </row>
    <row r="79012" spans="8:8">
      <c r="H79012" s="12"/>
    </row>
    <row r="79013" spans="8:8">
      <c r="H79013" s="12"/>
    </row>
    <row r="79014" spans="8:8">
      <c r="H79014" s="12"/>
    </row>
    <row r="79015" spans="8:8">
      <c r="H79015" s="12"/>
    </row>
    <row r="79016" spans="8:8">
      <c r="H79016" s="12"/>
    </row>
    <row r="79017" spans="8:8">
      <c r="H79017" s="12"/>
    </row>
    <row r="79018" spans="8:8">
      <c r="H79018" s="12"/>
    </row>
    <row r="79019" spans="8:8">
      <c r="H79019" s="12"/>
    </row>
    <row r="79020" spans="8:8">
      <c r="H79020" s="12"/>
    </row>
    <row r="79021" spans="8:8">
      <c r="H79021" s="12"/>
    </row>
    <row r="79022" spans="8:8">
      <c r="H79022" s="12"/>
    </row>
    <row r="79023" spans="8:8">
      <c r="H79023" s="12"/>
    </row>
    <row r="79024" spans="8:8">
      <c r="H79024" s="12"/>
    </row>
    <row r="79025" spans="8:8">
      <c r="H79025" s="12"/>
    </row>
    <row r="79026" spans="8:8">
      <c r="H79026" s="12"/>
    </row>
    <row r="79027" spans="8:8">
      <c r="H79027" s="12"/>
    </row>
    <row r="79028" spans="8:8">
      <c r="H79028" s="12"/>
    </row>
    <row r="79029" spans="8:8">
      <c r="H79029" s="12"/>
    </row>
    <row r="79030" spans="8:8">
      <c r="H79030" s="12"/>
    </row>
    <row r="79031" spans="8:8">
      <c r="H79031" s="12"/>
    </row>
    <row r="79032" spans="8:8">
      <c r="H79032" s="12"/>
    </row>
    <row r="79033" spans="8:8">
      <c r="H79033" s="12"/>
    </row>
    <row r="79034" spans="8:8">
      <c r="H79034" s="12"/>
    </row>
    <row r="79035" spans="8:8">
      <c r="H79035" s="12"/>
    </row>
    <row r="79036" spans="8:8">
      <c r="H79036" s="12"/>
    </row>
    <row r="79037" spans="8:8">
      <c r="H79037" s="12"/>
    </row>
    <row r="79038" spans="8:8">
      <c r="H79038" s="12"/>
    </row>
    <row r="79039" spans="8:8">
      <c r="H79039" s="12"/>
    </row>
    <row r="79040" spans="8:8">
      <c r="H79040" s="12"/>
    </row>
    <row r="79041" spans="8:8">
      <c r="H79041" s="12"/>
    </row>
    <row r="79042" spans="8:8">
      <c r="H79042" s="12"/>
    </row>
    <row r="79043" spans="8:8">
      <c r="H79043" s="12"/>
    </row>
    <row r="79044" spans="8:8">
      <c r="H79044" s="12"/>
    </row>
    <row r="79045" spans="8:8">
      <c r="H79045" s="12"/>
    </row>
    <row r="79046" spans="8:8">
      <c r="H79046" s="12"/>
    </row>
    <row r="79047" spans="8:8">
      <c r="H79047" s="12"/>
    </row>
    <row r="79048" spans="8:8">
      <c r="H79048" s="12"/>
    </row>
    <row r="79049" spans="8:8">
      <c r="H79049" s="12"/>
    </row>
    <row r="79050" spans="8:8">
      <c r="H79050" s="12"/>
    </row>
    <row r="79051" spans="8:8">
      <c r="H79051" s="12"/>
    </row>
    <row r="79052" spans="8:8">
      <c r="H79052" s="12"/>
    </row>
    <row r="79053" spans="8:8">
      <c r="H79053" s="12"/>
    </row>
    <row r="79054" spans="8:8">
      <c r="H79054" s="12"/>
    </row>
    <row r="79055" spans="8:8">
      <c r="H79055" s="12"/>
    </row>
    <row r="79056" spans="8:8">
      <c r="H79056" s="12"/>
    </row>
    <row r="79057" spans="8:8">
      <c r="H79057" s="12"/>
    </row>
    <row r="79058" spans="8:8">
      <c r="H79058" s="12"/>
    </row>
    <row r="79059" spans="8:8">
      <c r="H79059" s="12"/>
    </row>
    <row r="79060" spans="8:8">
      <c r="H79060" s="12"/>
    </row>
    <row r="79061" spans="8:8">
      <c r="H79061" s="12"/>
    </row>
    <row r="79062" spans="8:8">
      <c r="H79062" s="12"/>
    </row>
    <row r="79063" spans="8:8">
      <c r="H79063" s="12"/>
    </row>
    <row r="79064" spans="8:8">
      <c r="H79064" s="12"/>
    </row>
    <row r="79065" spans="8:8">
      <c r="H79065" s="12"/>
    </row>
    <row r="79066" spans="8:8">
      <c r="H79066" s="12"/>
    </row>
    <row r="79067" spans="8:8">
      <c r="H79067" s="12"/>
    </row>
    <row r="79068" spans="8:8">
      <c r="H79068" s="12"/>
    </row>
    <row r="79069" spans="8:8">
      <c r="H79069" s="12"/>
    </row>
    <row r="79070" spans="8:8">
      <c r="H79070" s="12"/>
    </row>
    <row r="79071" spans="8:8">
      <c r="H79071" s="12"/>
    </row>
    <row r="79072" spans="8:8">
      <c r="H79072" s="12"/>
    </row>
    <row r="79073" spans="8:8">
      <c r="H79073" s="12"/>
    </row>
    <row r="79074" spans="8:8">
      <c r="H79074" s="12"/>
    </row>
    <row r="79075" spans="8:8">
      <c r="H79075" s="12"/>
    </row>
    <row r="79076" spans="8:8">
      <c r="H79076" s="12"/>
    </row>
    <row r="79077" spans="8:8">
      <c r="H79077" s="12"/>
    </row>
    <row r="79078" spans="8:8">
      <c r="H79078" s="12"/>
    </row>
    <row r="79079" spans="8:8">
      <c r="H79079" s="12"/>
    </row>
    <row r="79080" spans="8:8">
      <c r="H79080" s="12"/>
    </row>
    <row r="79081" spans="8:8">
      <c r="H79081" s="12"/>
    </row>
    <row r="79082" spans="8:8">
      <c r="H79082" s="12"/>
    </row>
    <row r="79083" spans="8:8">
      <c r="H79083" s="12"/>
    </row>
    <row r="79084" spans="8:8">
      <c r="H79084" s="12"/>
    </row>
    <row r="79085" spans="8:8">
      <c r="H79085" s="12"/>
    </row>
    <row r="79086" spans="8:8">
      <c r="H79086" s="12"/>
    </row>
    <row r="79087" spans="8:8">
      <c r="H79087" s="12"/>
    </row>
    <row r="79088" spans="8:8">
      <c r="H79088" s="12"/>
    </row>
    <row r="79089" spans="8:8">
      <c r="H79089" s="12"/>
    </row>
    <row r="79090" spans="8:8">
      <c r="H79090" s="12"/>
    </row>
    <row r="79091" spans="8:8">
      <c r="H79091" s="12"/>
    </row>
    <row r="79092" spans="8:8">
      <c r="H79092" s="12"/>
    </row>
    <row r="79093" spans="8:8">
      <c r="H79093" s="12"/>
    </row>
    <row r="79094" spans="8:8">
      <c r="H79094" s="12"/>
    </row>
    <row r="79095" spans="8:8">
      <c r="H79095" s="12"/>
    </row>
    <row r="79096" spans="8:8">
      <c r="H79096" s="12"/>
    </row>
    <row r="79097" spans="8:8">
      <c r="H79097" s="12"/>
    </row>
    <row r="79098" spans="8:8">
      <c r="H79098" s="12"/>
    </row>
    <row r="79099" spans="8:8">
      <c r="H79099" s="12"/>
    </row>
    <row r="79100" spans="8:8">
      <c r="H79100" s="12"/>
    </row>
    <row r="79101" spans="8:8">
      <c r="H79101" s="12"/>
    </row>
    <row r="79102" spans="8:8">
      <c r="H79102" s="12"/>
    </row>
    <row r="79103" spans="8:8">
      <c r="H79103" s="12"/>
    </row>
    <row r="79104" spans="8:8">
      <c r="H79104" s="12"/>
    </row>
    <row r="79105" spans="8:8">
      <c r="H79105" s="12"/>
    </row>
    <row r="79106" spans="8:8">
      <c r="H79106" s="12"/>
    </row>
    <row r="79107" spans="8:8">
      <c r="H79107" s="12"/>
    </row>
    <row r="79108" spans="8:8">
      <c r="H79108" s="12"/>
    </row>
    <row r="79109" spans="8:8">
      <c r="H79109" s="12"/>
    </row>
    <row r="79110" spans="8:8">
      <c r="H79110" s="12"/>
    </row>
    <row r="79111" spans="8:8">
      <c r="H79111" s="12"/>
    </row>
    <row r="79112" spans="8:8">
      <c r="H79112" s="12"/>
    </row>
    <row r="79113" spans="8:8">
      <c r="H79113" s="12"/>
    </row>
    <row r="79114" spans="8:8">
      <c r="H79114" s="12"/>
    </row>
    <row r="79115" spans="8:8">
      <c r="H79115" s="12"/>
    </row>
    <row r="79116" spans="8:8">
      <c r="H79116" s="12"/>
    </row>
    <row r="79117" spans="8:8">
      <c r="H79117" s="12"/>
    </row>
    <row r="79118" spans="8:8">
      <c r="H79118" s="12"/>
    </row>
    <row r="79119" spans="8:8">
      <c r="H79119" s="12"/>
    </row>
    <row r="79120" spans="8:8">
      <c r="H79120" s="12"/>
    </row>
    <row r="79121" spans="8:8">
      <c r="H79121" s="12"/>
    </row>
    <row r="79122" spans="8:8">
      <c r="H79122" s="12"/>
    </row>
    <row r="79123" spans="8:8">
      <c r="H79123" s="12"/>
    </row>
    <row r="79124" spans="8:8">
      <c r="H79124" s="12"/>
    </row>
    <row r="79125" spans="8:8">
      <c r="H79125" s="12"/>
    </row>
    <row r="79126" spans="8:8">
      <c r="H79126" s="12"/>
    </row>
    <row r="79127" spans="8:8">
      <c r="H79127" s="12"/>
    </row>
    <row r="79128" spans="8:8">
      <c r="H79128" s="12"/>
    </row>
    <row r="79129" spans="8:8">
      <c r="H79129" s="12"/>
    </row>
    <row r="79130" spans="8:8">
      <c r="H79130" s="12"/>
    </row>
    <row r="79131" spans="8:8">
      <c r="H79131" s="12"/>
    </row>
    <row r="79132" spans="8:8">
      <c r="H79132" s="12"/>
    </row>
    <row r="79133" spans="8:8">
      <c r="H79133" s="12"/>
    </row>
    <row r="79134" spans="8:8">
      <c r="H79134" s="12"/>
    </row>
    <row r="79135" spans="8:8">
      <c r="H79135" s="12"/>
    </row>
    <row r="79136" spans="8:8">
      <c r="H79136" s="12"/>
    </row>
    <row r="79137" spans="8:8">
      <c r="H79137" s="12"/>
    </row>
    <row r="79138" spans="8:8">
      <c r="H79138" s="12"/>
    </row>
    <row r="79139" spans="8:8">
      <c r="H79139" s="12"/>
    </row>
    <row r="79140" spans="8:8">
      <c r="H79140" s="12"/>
    </row>
    <row r="79141" spans="8:8">
      <c r="H79141" s="12"/>
    </row>
    <row r="79142" spans="8:8">
      <c r="H79142" s="12"/>
    </row>
    <row r="79143" spans="8:8">
      <c r="H79143" s="12"/>
    </row>
    <row r="79144" spans="8:8">
      <c r="H79144" s="12"/>
    </row>
    <row r="79145" spans="8:8">
      <c r="H79145" s="12"/>
    </row>
    <row r="79146" spans="8:8">
      <c r="H79146" s="12"/>
    </row>
    <row r="79147" spans="8:8">
      <c r="H79147" s="12"/>
    </row>
    <row r="79148" spans="8:8">
      <c r="H79148" s="12"/>
    </row>
    <row r="79149" spans="8:8">
      <c r="H79149" s="12"/>
    </row>
    <row r="79150" spans="8:8">
      <c r="H79150" s="12"/>
    </row>
    <row r="79151" spans="8:8">
      <c r="H79151" s="12"/>
    </row>
    <row r="79152" spans="8:8">
      <c r="H79152" s="12"/>
    </row>
    <row r="79153" spans="8:8">
      <c r="H79153" s="12"/>
    </row>
    <row r="79154" spans="8:8">
      <c r="H79154" s="12"/>
    </row>
    <row r="79155" spans="8:8">
      <c r="H79155" s="12"/>
    </row>
    <row r="79156" spans="8:8">
      <c r="H79156" s="12"/>
    </row>
    <row r="79157" spans="8:8">
      <c r="H79157" s="12"/>
    </row>
    <row r="79158" spans="8:8">
      <c r="H79158" s="12"/>
    </row>
    <row r="79159" spans="8:8">
      <c r="H79159" s="12"/>
    </row>
    <row r="79160" spans="8:8">
      <c r="H79160" s="12"/>
    </row>
    <row r="79161" spans="8:8">
      <c r="H79161" s="12"/>
    </row>
    <row r="79162" spans="8:8">
      <c r="H79162" s="12"/>
    </row>
    <row r="79163" spans="8:8">
      <c r="H79163" s="12"/>
    </row>
    <row r="79164" spans="8:8">
      <c r="H79164" s="12"/>
    </row>
    <row r="79165" spans="8:8">
      <c r="H79165" s="12"/>
    </row>
    <row r="79166" spans="8:8">
      <c r="H79166" s="12"/>
    </row>
    <row r="79167" spans="8:8">
      <c r="H79167" s="12"/>
    </row>
    <row r="79168" spans="8:8">
      <c r="H79168" s="12"/>
    </row>
    <row r="79169" spans="8:8">
      <c r="H79169" s="12"/>
    </row>
    <row r="79170" spans="8:8">
      <c r="H79170" s="12"/>
    </row>
    <row r="79171" spans="8:8">
      <c r="H79171" s="12"/>
    </row>
    <row r="79172" spans="8:8">
      <c r="H79172" s="12"/>
    </row>
    <row r="79173" spans="8:8">
      <c r="H79173" s="12"/>
    </row>
    <row r="79174" spans="8:8">
      <c r="H79174" s="12"/>
    </row>
    <row r="79175" spans="8:8">
      <c r="H79175" s="12"/>
    </row>
    <row r="79176" spans="8:8">
      <c r="H79176" s="12"/>
    </row>
    <row r="79177" spans="8:8">
      <c r="H79177" s="12"/>
    </row>
    <row r="79178" spans="8:8">
      <c r="H79178" s="12"/>
    </row>
    <row r="79179" spans="8:8">
      <c r="H79179" s="12"/>
    </row>
    <row r="79180" spans="8:8">
      <c r="H79180" s="12"/>
    </row>
    <row r="79181" spans="8:8">
      <c r="H79181" s="12"/>
    </row>
    <row r="79182" spans="8:8">
      <c r="H79182" s="12"/>
    </row>
    <row r="79183" spans="8:8">
      <c r="H79183" s="12"/>
    </row>
    <row r="79184" spans="8:8">
      <c r="H79184" s="12"/>
    </row>
    <row r="79185" spans="8:8">
      <c r="H79185" s="12"/>
    </row>
    <row r="79186" spans="8:8">
      <c r="H79186" s="12"/>
    </row>
    <row r="79187" spans="8:8">
      <c r="H79187" s="12"/>
    </row>
    <row r="79188" spans="8:8">
      <c r="H79188" s="12"/>
    </row>
    <row r="79189" spans="8:8">
      <c r="H79189" s="12"/>
    </row>
    <row r="79190" spans="8:8">
      <c r="H79190" s="12"/>
    </row>
    <row r="79191" spans="8:8">
      <c r="H79191" s="12"/>
    </row>
    <row r="79192" spans="8:8">
      <c r="H79192" s="12"/>
    </row>
    <row r="79193" spans="8:8">
      <c r="H79193" s="12"/>
    </row>
    <row r="79194" spans="8:8">
      <c r="H79194" s="12"/>
    </row>
    <row r="79195" spans="8:8">
      <c r="H79195" s="12"/>
    </row>
    <row r="79196" spans="8:8">
      <c r="H79196" s="12"/>
    </row>
    <row r="79197" spans="8:8">
      <c r="H79197" s="12"/>
    </row>
    <row r="79198" spans="8:8">
      <c r="H79198" s="12"/>
    </row>
    <row r="79199" spans="8:8">
      <c r="H79199" s="12"/>
    </row>
    <row r="79200" spans="8:8">
      <c r="H79200" s="12"/>
    </row>
    <row r="79201" spans="8:8">
      <c r="H79201" s="12"/>
    </row>
    <row r="79202" spans="8:8">
      <c r="H79202" s="12"/>
    </row>
    <row r="79203" spans="8:8">
      <c r="H79203" s="12"/>
    </row>
    <row r="79204" spans="8:8">
      <c r="H79204" s="12"/>
    </row>
    <row r="79205" spans="8:8">
      <c r="H79205" s="12"/>
    </row>
    <row r="79206" spans="8:8">
      <c r="H79206" s="12"/>
    </row>
    <row r="79207" spans="8:8">
      <c r="H79207" s="12"/>
    </row>
    <row r="79208" spans="8:8">
      <c r="H79208" s="12"/>
    </row>
    <row r="79209" spans="8:8">
      <c r="H79209" s="12"/>
    </row>
    <row r="79210" spans="8:8">
      <c r="H79210" s="12"/>
    </row>
    <row r="79211" spans="8:8">
      <c r="H79211" s="12"/>
    </row>
    <row r="79212" spans="8:8">
      <c r="H79212" s="12"/>
    </row>
    <row r="79213" spans="8:8">
      <c r="H79213" s="12"/>
    </row>
    <row r="79214" spans="8:8">
      <c r="H79214" s="12"/>
    </row>
    <row r="79215" spans="8:8">
      <c r="H79215" s="12"/>
    </row>
    <row r="79216" spans="8:8">
      <c r="H79216" s="12"/>
    </row>
    <row r="79217" spans="8:8">
      <c r="H79217" s="12"/>
    </row>
    <row r="79218" spans="8:8">
      <c r="H79218" s="12"/>
    </row>
    <row r="79219" spans="8:8">
      <c r="H79219" s="12"/>
    </row>
    <row r="79220" spans="8:8">
      <c r="H79220" s="12"/>
    </row>
    <row r="79221" spans="8:8">
      <c r="H79221" s="12"/>
    </row>
    <row r="79222" spans="8:8">
      <c r="H79222" s="12"/>
    </row>
    <row r="79223" spans="8:8">
      <c r="H79223" s="12"/>
    </row>
    <row r="79224" spans="8:8">
      <c r="H79224" s="12"/>
    </row>
    <row r="79225" spans="8:8">
      <c r="H79225" s="12"/>
    </row>
    <row r="79226" spans="8:8">
      <c r="H79226" s="12"/>
    </row>
    <row r="79227" spans="8:8">
      <c r="H79227" s="12"/>
    </row>
    <row r="79228" spans="8:8">
      <c r="H79228" s="12"/>
    </row>
    <row r="79229" spans="8:8">
      <c r="H79229" s="12"/>
    </row>
    <row r="79230" spans="8:8">
      <c r="H79230" s="12"/>
    </row>
    <row r="79231" spans="8:8">
      <c r="H79231" s="12"/>
    </row>
    <row r="79232" spans="8:8">
      <c r="H79232" s="12"/>
    </row>
    <row r="79233" spans="8:8">
      <c r="H79233" s="12"/>
    </row>
    <row r="79234" spans="8:8">
      <c r="H79234" s="12"/>
    </row>
    <row r="79235" spans="8:8">
      <c r="H79235" s="12"/>
    </row>
    <row r="79236" spans="8:8">
      <c r="H79236" s="12"/>
    </row>
    <row r="79237" spans="8:8">
      <c r="H79237" s="12"/>
    </row>
    <row r="79238" spans="8:8">
      <c r="H79238" s="12"/>
    </row>
    <row r="79239" spans="8:8">
      <c r="H79239" s="12"/>
    </row>
    <row r="79240" spans="8:8">
      <c r="H79240" s="12"/>
    </row>
    <row r="79241" spans="8:8">
      <c r="H79241" s="12"/>
    </row>
    <row r="79242" spans="8:8">
      <c r="H79242" s="12"/>
    </row>
    <row r="79243" spans="8:8">
      <c r="H79243" s="12"/>
    </row>
    <row r="79244" spans="8:8">
      <c r="H79244" s="12"/>
    </row>
    <row r="79245" spans="8:8">
      <c r="H79245" s="12"/>
    </row>
    <row r="79246" spans="8:8">
      <c r="H79246" s="12"/>
    </row>
    <row r="79247" spans="8:8">
      <c r="H79247" s="12"/>
    </row>
    <row r="79248" spans="8:8">
      <c r="H79248" s="12"/>
    </row>
    <row r="79249" spans="8:8">
      <c r="H79249" s="12"/>
    </row>
    <row r="79250" spans="8:8">
      <c r="H79250" s="12"/>
    </row>
    <row r="79251" spans="8:8">
      <c r="H79251" s="12"/>
    </row>
    <row r="79252" spans="8:8">
      <c r="H79252" s="12"/>
    </row>
    <row r="79253" spans="8:8">
      <c r="H79253" s="12"/>
    </row>
    <row r="79254" spans="8:8">
      <c r="H79254" s="12"/>
    </row>
    <row r="79255" spans="8:8">
      <c r="H79255" s="12"/>
    </row>
    <row r="79256" spans="8:8">
      <c r="H79256" s="12"/>
    </row>
    <row r="79257" spans="8:8">
      <c r="H79257" s="12"/>
    </row>
    <row r="79258" spans="8:8">
      <c r="H79258" s="12"/>
    </row>
    <row r="79259" spans="8:8">
      <c r="H79259" s="12"/>
    </row>
    <row r="79260" spans="8:8">
      <c r="H79260" s="12"/>
    </row>
    <row r="79261" spans="8:8">
      <c r="H79261" s="12"/>
    </row>
    <row r="79262" spans="8:8">
      <c r="H79262" s="12"/>
    </row>
    <row r="79263" spans="8:8">
      <c r="H79263" s="12"/>
    </row>
    <row r="79264" spans="8:8">
      <c r="H79264" s="12"/>
    </row>
    <row r="79265" spans="8:8">
      <c r="H79265" s="12"/>
    </row>
    <row r="79266" spans="8:8">
      <c r="H79266" s="12"/>
    </row>
    <row r="79267" spans="8:8">
      <c r="H79267" s="12"/>
    </row>
    <row r="79268" spans="8:8">
      <c r="H79268" s="12"/>
    </row>
    <row r="79269" spans="8:8">
      <c r="H79269" s="12"/>
    </row>
    <row r="79270" spans="8:8">
      <c r="H79270" s="12"/>
    </row>
    <row r="79271" spans="8:8">
      <c r="H79271" s="12"/>
    </row>
    <row r="79272" spans="8:8">
      <c r="H79272" s="12"/>
    </row>
    <row r="79273" spans="8:8">
      <c r="H79273" s="12"/>
    </row>
    <row r="79274" spans="8:8">
      <c r="H79274" s="12"/>
    </row>
    <row r="79275" spans="8:8">
      <c r="H79275" s="12"/>
    </row>
    <row r="79276" spans="8:8">
      <c r="H79276" s="12"/>
    </row>
    <row r="79277" spans="8:8">
      <c r="H79277" s="12"/>
    </row>
    <row r="79278" spans="8:8">
      <c r="H79278" s="12"/>
    </row>
    <row r="79279" spans="8:8">
      <c r="H79279" s="12"/>
    </row>
    <row r="79280" spans="8:8">
      <c r="H79280" s="12"/>
    </row>
    <row r="79281" spans="8:8">
      <c r="H79281" s="12"/>
    </row>
    <row r="79282" spans="8:8">
      <c r="H79282" s="12"/>
    </row>
    <row r="79283" spans="8:8">
      <c r="H79283" s="12"/>
    </row>
    <row r="79284" spans="8:8">
      <c r="H79284" s="12"/>
    </row>
    <row r="79285" spans="8:8">
      <c r="H79285" s="12"/>
    </row>
    <row r="79286" spans="8:8">
      <c r="H79286" s="12"/>
    </row>
    <row r="79287" spans="8:8">
      <c r="H79287" s="12"/>
    </row>
    <row r="79288" spans="8:8">
      <c r="H79288" s="12"/>
    </row>
    <row r="79289" spans="8:8">
      <c r="H79289" s="12"/>
    </row>
    <row r="79290" spans="8:8">
      <c r="H79290" s="12"/>
    </row>
    <row r="79291" spans="8:8">
      <c r="H79291" s="12"/>
    </row>
    <row r="79292" spans="8:8">
      <c r="H79292" s="12"/>
    </row>
    <row r="79293" spans="8:8">
      <c r="H79293" s="12"/>
    </row>
    <row r="79294" spans="8:8">
      <c r="H79294" s="12"/>
    </row>
    <row r="79295" spans="8:8">
      <c r="H79295" s="12"/>
    </row>
    <row r="79296" spans="8:8">
      <c r="H79296" s="12"/>
    </row>
    <row r="79297" spans="8:8">
      <c r="H79297" s="12"/>
    </row>
    <row r="79298" spans="8:8">
      <c r="H79298" s="12"/>
    </row>
    <row r="79299" spans="8:8">
      <c r="H79299" s="12"/>
    </row>
    <row r="79300" spans="8:8">
      <c r="H79300" s="12"/>
    </row>
    <row r="79301" spans="8:8">
      <c r="H79301" s="12"/>
    </row>
    <row r="79302" spans="8:8">
      <c r="H79302" s="12"/>
    </row>
    <row r="79303" spans="8:8">
      <c r="H79303" s="12"/>
    </row>
    <row r="79304" spans="8:8">
      <c r="H79304" s="12"/>
    </row>
    <row r="79305" spans="8:8">
      <c r="H79305" s="12"/>
    </row>
    <row r="79306" spans="8:8">
      <c r="H79306" s="12"/>
    </row>
    <row r="79307" spans="8:8">
      <c r="H79307" s="12"/>
    </row>
    <row r="79308" spans="8:8">
      <c r="H79308" s="12"/>
    </row>
    <row r="79309" spans="8:8">
      <c r="H79309" s="12"/>
    </row>
    <row r="79310" spans="8:8">
      <c r="H79310" s="12"/>
    </row>
    <row r="79311" spans="8:8">
      <c r="H79311" s="12"/>
    </row>
    <row r="79312" spans="8:8">
      <c r="H79312" s="12"/>
    </row>
    <row r="79313" spans="8:8">
      <c r="H79313" s="12"/>
    </row>
    <row r="79314" spans="8:8">
      <c r="H79314" s="12"/>
    </row>
    <row r="79315" spans="8:8">
      <c r="H79315" s="12"/>
    </row>
    <row r="79316" spans="8:8">
      <c r="H79316" s="12"/>
    </row>
    <row r="79317" spans="8:8">
      <c r="H79317" s="12"/>
    </row>
    <row r="79318" spans="8:8">
      <c r="H79318" s="12"/>
    </row>
    <row r="79319" spans="8:8">
      <c r="H79319" s="12"/>
    </row>
    <row r="79320" spans="8:8">
      <c r="H79320" s="12"/>
    </row>
    <row r="79321" spans="8:8">
      <c r="H79321" s="12"/>
    </row>
    <row r="79322" spans="8:8">
      <c r="H79322" s="12"/>
    </row>
    <row r="79323" spans="8:8">
      <c r="H79323" s="12"/>
    </row>
    <row r="79324" spans="8:8">
      <c r="H79324" s="12"/>
    </row>
    <row r="79325" spans="8:8">
      <c r="H79325" s="12"/>
    </row>
    <row r="79326" spans="8:8">
      <c r="H79326" s="12"/>
    </row>
    <row r="79327" spans="8:8">
      <c r="H79327" s="12"/>
    </row>
    <row r="79328" spans="8:8">
      <c r="H79328" s="12"/>
    </row>
    <row r="79329" spans="8:8">
      <c r="H79329" s="12"/>
    </row>
    <row r="79330" spans="8:8">
      <c r="H79330" s="12"/>
    </row>
    <row r="79331" spans="8:8">
      <c r="H79331" s="12"/>
    </row>
    <row r="79332" spans="8:8">
      <c r="H79332" s="12"/>
    </row>
    <row r="79333" spans="8:8">
      <c r="H79333" s="12"/>
    </row>
    <row r="79334" spans="8:8">
      <c r="H79334" s="12"/>
    </row>
    <row r="79335" spans="8:8">
      <c r="H79335" s="12"/>
    </row>
    <row r="79336" spans="8:8">
      <c r="H79336" s="12"/>
    </row>
    <row r="79337" spans="8:8">
      <c r="H79337" s="12"/>
    </row>
    <row r="79338" spans="8:8">
      <c r="H79338" s="12"/>
    </row>
    <row r="79339" spans="8:8">
      <c r="H79339" s="12"/>
    </row>
    <row r="79340" spans="8:8">
      <c r="H79340" s="12"/>
    </row>
    <row r="79341" spans="8:8">
      <c r="H79341" s="12"/>
    </row>
    <row r="79342" spans="8:8">
      <c r="H79342" s="12"/>
    </row>
    <row r="79343" spans="8:8">
      <c r="H79343" s="12"/>
    </row>
    <row r="79344" spans="8:8">
      <c r="H79344" s="12"/>
    </row>
    <row r="79345" spans="8:8">
      <c r="H79345" s="12"/>
    </row>
    <row r="79346" spans="8:8">
      <c r="H79346" s="12"/>
    </row>
    <row r="79347" spans="8:8">
      <c r="H79347" s="12"/>
    </row>
    <row r="79348" spans="8:8">
      <c r="H79348" s="12"/>
    </row>
    <row r="79349" spans="8:8">
      <c r="H79349" s="12"/>
    </row>
    <row r="79350" spans="8:8">
      <c r="H79350" s="12"/>
    </row>
    <row r="79351" spans="8:8">
      <c r="H79351" s="12"/>
    </row>
    <row r="79352" spans="8:8">
      <c r="H79352" s="12"/>
    </row>
    <row r="79353" spans="8:8">
      <c r="H79353" s="12"/>
    </row>
    <row r="79354" spans="8:8">
      <c r="H79354" s="12"/>
    </row>
    <row r="79355" spans="8:8">
      <c r="H79355" s="12"/>
    </row>
    <row r="79356" spans="8:8">
      <c r="H79356" s="12"/>
    </row>
    <row r="79357" spans="8:8">
      <c r="H79357" s="12"/>
    </row>
    <row r="79358" spans="8:8">
      <c r="H79358" s="12"/>
    </row>
    <row r="79359" spans="8:8">
      <c r="H79359" s="12"/>
    </row>
    <row r="79360" spans="8:8">
      <c r="H79360" s="12"/>
    </row>
    <row r="79361" spans="8:8">
      <c r="H79361" s="12"/>
    </row>
    <row r="79362" spans="8:8">
      <c r="H79362" s="12"/>
    </row>
    <row r="79363" spans="8:8">
      <c r="H79363" s="12"/>
    </row>
    <row r="79364" spans="8:8">
      <c r="H79364" s="12"/>
    </row>
    <row r="79365" spans="8:8">
      <c r="H79365" s="12"/>
    </row>
    <row r="79366" spans="8:8">
      <c r="H79366" s="12"/>
    </row>
    <row r="79367" spans="8:8">
      <c r="H79367" s="12"/>
    </row>
    <row r="79368" spans="8:8">
      <c r="H79368" s="12"/>
    </row>
    <row r="79369" spans="8:8">
      <c r="H79369" s="12"/>
    </row>
    <row r="79370" spans="8:8">
      <c r="H79370" s="12"/>
    </row>
    <row r="79371" spans="8:8">
      <c r="H79371" s="12"/>
    </row>
    <row r="79372" spans="8:8">
      <c r="H79372" s="12"/>
    </row>
    <row r="79373" spans="8:8">
      <c r="H79373" s="12"/>
    </row>
    <row r="79374" spans="8:8">
      <c r="H79374" s="12"/>
    </row>
    <row r="79375" spans="8:8">
      <c r="H79375" s="12"/>
    </row>
    <row r="79376" spans="8:8">
      <c r="H79376" s="12"/>
    </row>
    <row r="79377" spans="8:8">
      <c r="H79377" s="12"/>
    </row>
    <row r="79378" spans="8:8">
      <c r="H79378" s="12"/>
    </row>
    <row r="79379" spans="8:8">
      <c r="H79379" s="12"/>
    </row>
    <row r="79380" spans="8:8">
      <c r="H79380" s="12"/>
    </row>
    <row r="79381" spans="8:8">
      <c r="H79381" s="12"/>
    </row>
    <row r="79382" spans="8:8">
      <c r="H79382" s="12"/>
    </row>
    <row r="79383" spans="8:8">
      <c r="H79383" s="12"/>
    </row>
    <row r="79384" spans="8:8">
      <c r="H79384" s="12"/>
    </row>
    <row r="79385" spans="8:8">
      <c r="H79385" s="12"/>
    </row>
    <row r="79386" spans="8:8">
      <c r="H79386" s="12"/>
    </row>
    <row r="79387" spans="8:8">
      <c r="H79387" s="12"/>
    </row>
    <row r="79388" spans="8:8">
      <c r="H79388" s="12"/>
    </row>
    <row r="79389" spans="8:8">
      <c r="H79389" s="12"/>
    </row>
    <row r="79390" spans="8:8">
      <c r="H79390" s="12"/>
    </row>
    <row r="79391" spans="8:8">
      <c r="H79391" s="12"/>
    </row>
    <row r="79392" spans="8:8">
      <c r="H79392" s="12"/>
    </row>
    <row r="79393" spans="8:8">
      <c r="H79393" s="12"/>
    </row>
    <row r="79394" spans="8:8">
      <c r="H79394" s="12"/>
    </row>
    <row r="79395" spans="8:8">
      <c r="H79395" s="12"/>
    </row>
    <row r="79396" spans="8:8">
      <c r="H79396" s="12"/>
    </row>
    <row r="79397" spans="8:8">
      <c r="H79397" s="12"/>
    </row>
    <row r="79398" spans="8:8">
      <c r="H79398" s="12"/>
    </row>
    <row r="79399" spans="8:8">
      <c r="H79399" s="12"/>
    </row>
    <row r="79400" spans="8:8">
      <c r="H79400" s="12"/>
    </row>
    <row r="79401" spans="8:8">
      <c r="H79401" s="12"/>
    </row>
    <row r="79402" spans="8:8">
      <c r="H79402" s="12"/>
    </row>
    <row r="79403" spans="8:8">
      <c r="H79403" s="12"/>
    </row>
    <row r="79404" spans="8:8">
      <c r="H79404" s="12"/>
    </row>
    <row r="79405" spans="8:8">
      <c r="H79405" s="12"/>
    </row>
    <row r="79406" spans="8:8">
      <c r="H79406" s="12"/>
    </row>
    <row r="79407" spans="8:8">
      <c r="H79407" s="12"/>
    </row>
    <row r="79408" spans="8:8">
      <c r="H79408" s="12"/>
    </row>
    <row r="79409" spans="8:8">
      <c r="H79409" s="12"/>
    </row>
    <row r="79410" spans="8:8">
      <c r="H79410" s="12"/>
    </row>
    <row r="79411" spans="8:8">
      <c r="H79411" s="12"/>
    </row>
    <row r="79412" spans="8:8">
      <c r="H79412" s="12"/>
    </row>
    <row r="79413" spans="8:8">
      <c r="H79413" s="12"/>
    </row>
    <row r="79414" spans="8:8">
      <c r="H79414" s="12"/>
    </row>
    <row r="79415" spans="8:8">
      <c r="H79415" s="12"/>
    </row>
    <row r="79416" spans="8:8">
      <c r="H79416" s="12"/>
    </row>
    <row r="79417" spans="8:8">
      <c r="H79417" s="12"/>
    </row>
    <row r="79418" spans="8:8">
      <c r="H79418" s="12"/>
    </row>
    <row r="79419" spans="8:8">
      <c r="H79419" s="12"/>
    </row>
    <row r="79420" spans="8:8">
      <c r="H79420" s="12"/>
    </row>
    <row r="79421" spans="8:8">
      <c r="H79421" s="12"/>
    </row>
    <row r="79422" spans="8:8">
      <c r="H79422" s="12"/>
    </row>
    <row r="79423" spans="8:8">
      <c r="H79423" s="12"/>
    </row>
    <row r="79424" spans="8:8">
      <c r="H79424" s="12"/>
    </row>
    <row r="79425" spans="8:8">
      <c r="H79425" s="12"/>
    </row>
    <row r="79426" spans="8:8">
      <c r="H79426" s="12"/>
    </row>
    <row r="79427" spans="8:8">
      <c r="H79427" s="12"/>
    </row>
    <row r="79428" spans="8:8">
      <c r="H79428" s="12"/>
    </row>
    <row r="79429" spans="8:8">
      <c r="H79429" s="12"/>
    </row>
    <row r="79430" spans="8:8">
      <c r="H79430" s="12"/>
    </row>
    <row r="79431" spans="8:8">
      <c r="H79431" s="12"/>
    </row>
    <row r="79432" spans="8:8">
      <c r="H79432" s="12"/>
    </row>
    <row r="79433" spans="8:8">
      <c r="H79433" s="12"/>
    </row>
    <row r="79434" spans="8:8">
      <c r="H79434" s="12"/>
    </row>
    <row r="79435" spans="8:8">
      <c r="H79435" s="12"/>
    </row>
    <row r="79436" spans="8:8">
      <c r="H79436" s="12"/>
    </row>
    <row r="79437" spans="8:8">
      <c r="H79437" s="12"/>
    </row>
    <row r="79438" spans="8:8">
      <c r="H79438" s="12"/>
    </row>
    <row r="79439" spans="8:8">
      <c r="H79439" s="12"/>
    </row>
    <row r="79440" spans="8:8">
      <c r="H79440" s="12"/>
    </row>
    <row r="79441" spans="8:8">
      <c r="H79441" s="12"/>
    </row>
    <row r="79442" spans="8:8">
      <c r="H79442" s="12"/>
    </row>
    <row r="79443" spans="8:8">
      <c r="H79443" s="12"/>
    </row>
    <row r="79444" spans="8:8">
      <c r="H79444" s="12"/>
    </row>
    <row r="79445" spans="8:8">
      <c r="H79445" s="12"/>
    </row>
    <row r="79446" spans="8:8">
      <c r="H79446" s="12"/>
    </row>
    <row r="79447" spans="8:8">
      <c r="H79447" s="12"/>
    </row>
    <row r="79448" spans="8:8">
      <c r="H79448" s="12"/>
    </row>
    <row r="79449" spans="8:8">
      <c r="H79449" s="12"/>
    </row>
    <row r="79450" spans="8:8">
      <c r="H79450" s="12"/>
    </row>
    <row r="79451" spans="8:8">
      <c r="H79451" s="12"/>
    </row>
    <row r="79452" spans="8:8">
      <c r="H79452" s="12"/>
    </row>
    <row r="79453" spans="8:8">
      <c r="H79453" s="12"/>
    </row>
    <row r="79454" spans="8:8">
      <c r="H79454" s="12"/>
    </row>
    <row r="79455" spans="8:8">
      <c r="H79455" s="12"/>
    </row>
    <row r="79456" spans="8:8">
      <c r="H79456" s="12"/>
    </row>
    <row r="79457" spans="8:8">
      <c r="H79457" s="12"/>
    </row>
    <row r="79458" spans="8:8">
      <c r="H79458" s="12"/>
    </row>
    <row r="79459" spans="8:8">
      <c r="H79459" s="12"/>
    </row>
    <row r="79460" spans="8:8">
      <c r="H79460" s="12"/>
    </row>
    <row r="79461" spans="8:8">
      <c r="H79461" s="12"/>
    </row>
    <row r="79462" spans="8:8">
      <c r="H79462" s="12"/>
    </row>
    <row r="79463" spans="8:8">
      <c r="H79463" s="12"/>
    </row>
    <row r="79464" spans="8:8">
      <c r="H79464" s="12"/>
    </row>
    <row r="79465" spans="8:8">
      <c r="H79465" s="12"/>
    </row>
    <row r="79466" spans="8:8">
      <c r="H79466" s="12"/>
    </row>
    <row r="79467" spans="8:8">
      <c r="H79467" s="12"/>
    </row>
    <row r="79468" spans="8:8">
      <c r="H79468" s="12"/>
    </row>
    <row r="79469" spans="8:8">
      <c r="H79469" s="12"/>
    </row>
    <row r="79470" spans="8:8">
      <c r="H79470" s="12"/>
    </row>
    <row r="79471" spans="8:8">
      <c r="H79471" s="12"/>
    </row>
    <row r="79472" spans="8:8">
      <c r="H79472" s="12"/>
    </row>
    <row r="79473" spans="8:8">
      <c r="H79473" s="12"/>
    </row>
    <row r="79474" spans="8:8">
      <c r="H79474" s="12"/>
    </row>
    <row r="79475" spans="8:8">
      <c r="H79475" s="12"/>
    </row>
    <row r="79476" spans="8:8">
      <c r="H79476" s="12"/>
    </row>
    <row r="79477" spans="8:8">
      <c r="H79477" s="12"/>
    </row>
    <row r="79478" spans="8:8">
      <c r="H79478" s="12"/>
    </row>
    <row r="79479" spans="8:8">
      <c r="H79479" s="12"/>
    </row>
    <row r="79480" spans="8:8">
      <c r="H79480" s="12"/>
    </row>
    <row r="79481" spans="8:8">
      <c r="H79481" s="12"/>
    </row>
    <row r="79482" spans="8:8">
      <c r="H79482" s="12"/>
    </row>
    <row r="79483" spans="8:8">
      <c r="H79483" s="12"/>
    </row>
    <row r="79484" spans="8:8">
      <c r="H79484" s="12"/>
    </row>
    <row r="79485" spans="8:8">
      <c r="H79485" s="12"/>
    </row>
    <row r="79486" spans="8:8">
      <c r="H79486" s="12"/>
    </row>
    <row r="79487" spans="8:8">
      <c r="H79487" s="12"/>
    </row>
    <row r="79488" spans="8:8">
      <c r="H79488" s="12"/>
    </row>
    <row r="79489" spans="8:8">
      <c r="H79489" s="12"/>
    </row>
    <row r="79490" spans="8:8">
      <c r="H79490" s="12"/>
    </row>
    <row r="79491" spans="8:8">
      <c r="H79491" s="12"/>
    </row>
    <row r="79492" spans="8:8">
      <c r="H79492" s="12"/>
    </row>
    <row r="79493" spans="8:8">
      <c r="H79493" s="12"/>
    </row>
    <row r="79494" spans="8:8">
      <c r="H79494" s="12"/>
    </row>
    <row r="79495" spans="8:8">
      <c r="H79495" s="12"/>
    </row>
    <row r="79496" spans="8:8">
      <c r="H79496" s="12"/>
    </row>
    <row r="79497" spans="8:8">
      <c r="H79497" s="12"/>
    </row>
    <row r="79498" spans="8:8">
      <c r="H79498" s="12"/>
    </row>
    <row r="79499" spans="8:8">
      <c r="H79499" s="12"/>
    </row>
    <row r="79500" spans="8:8">
      <c r="H79500" s="12"/>
    </row>
    <row r="79501" spans="8:8">
      <c r="H79501" s="12"/>
    </row>
    <row r="79502" spans="8:8">
      <c r="H79502" s="12"/>
    </row>
    <row r="79503" spans="8:8">
      <c r="H79503" s="12"/>
    </row>
    <row r="79504" spans="8:8">
      <c r="H79504" s="12"/>
    </row>
    <row r="79505" spans="8:8">
      <c r="H79505" s="12"/>
    </row>
    <row r="79506" spans="8:8">
      <c r="H79506" s="12"/>
    </row>
    <row r="79507" spans="8:8">
      <c r="H79507" s="12"/>
    </row>
    <row r="79508" spans="8:8">
      <c r="H79508" s="12"/>
    </row>
    <row r="79509" spans="8:8">
      <c r="H79509" s="12"/>
    </row>
    <row r="79510" spans="8:8">
      <c r="H79510" s="12"/>
    </row>
    <row r="79511" spans="8:8">
      <c r="H79511" s="12"/>
    </row>
    <row r="79512" spans="8:8">
      <c r="H79512" s="12"/>
    </row>
    <row r="79513" spans="8:8">
      <c r="H79513" s="12"/>
    </row>
    <row r="79514" spans="8:8">
      <c r="H79514" s="12"/>
    </row>
    <row r="79515" spans="8:8">
      <c r="H79515" s="12"/>
    </row>
    <row r="79516" spans="8:8">
      <c r="H79516" s="12"/>
    </row>
    <row r="79517" spans="8:8">
      <c r="H79517" s="12"/>
    </row>
    <row r="79518" spans="8:8">
      <c r="H79518" s="12"/>
    </row>
    <row r="79519" spans="8:8">
      <c r="H79519" s="12"/>
    </row>
    <row r="79520" spans="8:8">
      <c r="H79520" s="12"/>
    </row>
    <row r="79521" spans="8:8">
      <c r="H79521" s="12"/>
    </row>
    <row r="79522" spans="8:8">
      <c r="H79522" s="12"/>
    </row>
    <row r="79523" spans="8:8">
      <c r="H79523" s="12"/>
    </row>
    <row r="79524" spans="8:8">
      <c r="H79524" s="12"/>
    </row>
    <row r="79525" spans="8:8">
      <c r="H79525" s="12"/>
    </row>
    <row r="79526" spans="8:8">
      <c r="H79526" s="12"/>
    </row>
    <row r="79527" spans="8:8">
      <c r="H79527" s="12"/>
    </row>
    <row r="79528" spans="8:8">
      <c r="H79528" s="12"/>
    </row>
    <row r="79529" spans="8:8">
      <c r="H79529" s="12"/>
    </row>
    <row r="79530" spans="8:8">
      <c r="H79530" s="12"/>
    </row>
    <row r="79531" spans="8:8">
      <c r="H79531" s="12"/>
    </row>
    <row r="79532" spans="8:8">
      <c r="H79532" s="12"/>
    </row>
    <row r="79533" spans="8:8">
      <c r="H79533" s="12"/>
    </row>
    <row r="79534" spans="8:8">
      <c r="H79534" s="12"/>
    </row>
    <row r="79535" spans="8:8">
      <c r="H79535" s="12"/>
    </row>
    <row r="79536" spans="8:8">
      <c r="H79536" s="12"/>
    </row>
    <row r="79537" spans="8:8">
      <c r="H79537" s="12"/>
    </row>
    <row r="79538" spans="8:8">
      <c r="H79538" s="12"/>
    </row>
    <row r="79539" spans="8:8">
      <c r="H79539" s="12"/>
    </row>
    <row r="79540" spans="8:8">
      <c r="H79540" s="12"/>
    </row>
    <row r="79541" spans="8:8">
      <c r="H79541" s="12"/>
    </row>
    <row r="79542" spans="8:8">
      <c r="H79542" s="12"/>
    </row>
    <row r="79543" spans="8:8">
      <c r="H79543" s="12"/>
    </row>
    <row r="79544" spans="8:8">
      <c r="H79544" s="12"/>
    </row>
    <row r="79545" spans="8:8">
      <c r="H79545" s="12"/>
    </row>
    <row r="79546" spans="8:8">
      <c r="H79546" s="12"/>
    </row>
    <row r="79547" spans="8:8">
      <c r="H79547" s="12"/>
    </row>
    <row r="79548" spans="8:8">
      <c r="H79548" s="12"/>
    </row>
    <row r="79549" spans="8:8">
      <c r="H79549" s="12"/>
    </row>
    <row r="79550" spans="8:8">
      <c r="H79550" s="12"/>
    </row>
    <row r="79551" spans="8:8">
      <c r="H79551" s="12"/>
    </row>
    <row r="79552" spans="8:8">
      <c r="H79552" s="12"/>
    </row>
    <row r="79553" spans="8:8">
      <c r="H79553" s="12"/>
    </row>
    <row r="79554" spans="8:8">
      <c r="H79554" s="12"/>
    </row>
    <row r="79555" spans="8:8">
      <c r="H79555" s="12"/>
    </row>
    <row r="79556" spans="8:8">
      <c r="H79556" s="12"/>
    </row>
    <row r="79557" spans="8:8">
      <c r="H79557" s="12"/>
    </row>
    <row r="79558" spans="8:8">
      <c r="H79558" s="12"/>
    </row>
    <row r="79559" spans="8:8">
      <c r="H79559" s="12"/>
    </row>
    <row r="79560" spans="8:8">
      <c r="H79560" s="12"/>
    </row>
    <row r="79561" spans="8:8">
      <c r="H79561" s="12"/>
    </row>
    <row r="79562" spans="8:8">
      <c r="H79562" s="12"/>
    </row>
    <row r="79563" spans="8:8">
      <c r="H79563" s="12"/>
    </row>
    <row r="79564" spans="8:8">
      <c r="H79564" s="12"/>
    </row>
    <row r="79565" spans="8:8">
      <c r="H79565" s="12"/>
    </row>
    <row r="79566" spans="8:8">
      <c r="H79566" s="12"/>
    </row>
    <row r="79567" spans="8:8">
      <c r="H79567" s="12"/>
    </row>
    <row r="79568" spans="8:8">
      <c r="H79568" s="12"/>
    </row>
    <row r="79569" spans="8:8">
      <c r="H79569" s="12"/>
    </row>
    <row r="79570" spans="8:8">
      <c r="H79570" s="12"/>
    </row>
    <row r="79571" spans="8:8">
      <c r="H79571" s="12"/>
    </row>
    <row r="79572" spans="8:8">
      <c r="H79572" s="12"/>
    </row>
    <row r="79573" spans="8:8">
      <c r="H79573" s="12"/>
    </row>
    <row r="79574" spans="8:8">
      <c r="H79574" s="12"/>
    </row>
    <row r="79575" spans="8:8">
      <c r="H79575" s="12"/>
    </row>
    <row r="79576" spans="8:8">
      <c r="H79576" s="12"/>
    </row>
    <row r="79577" spans="8:8">
      <c r="H79577" s="12"/>
    </row>
    <row r="79578" spans="8:8">
      <c r="H79578" s="12"/>
    </row>
    <row r="79579" spans="8:8">
      <c r="H79579" s="12"/>
    </row>
    <row r="79580" spans="8:8">
      <c r="H79580" s="12"/>
    </row>
    <row r="79581" spans="8:8">
      <c r="H79581" s="12"/>
    </row>
    <row r="79582" spans="8:8">
      <c r="H79582" s="12"/>
    </row>
    <row r="79583" spans="8:8">
      <c r="H79583" s="12"/>
    </row>
    <row r="79584" spans="8:8">
      <c r="H79584" s="12"/>
    </row>
    <row r="79585" spans="8:8">
      <c r="H79585" s="12"/>
    </row>
    <row r="79586" spans="8:8">
      <c r="H79586" s="12"/>
    </row>
    <row r="79587" spans="8:8">
      <c r="H79587" s="12"/>
    </row>
    <row r="79588" spans="8:8">
      <c r="H79588" s="12"/>
    </row>
    <row r="79589" spans="8:8">
      <c r="H79589" s="12"/>
    </row>
    <row r="79590" spans="8:8">
      <c r="H79590" s="12"/>
    </row>
    <row r="79591" spans="8:8">
      <c r="H79591" s="12"/>
    </row>
    <row r="79592" spans="8:8">
      <c r="H79592" s="12"/>
    </row>
    <row r="79593" spans="8:8">
      <c r="H79593" s="12"/>
    </row>
    <row r="79594" spans="8:8">
      <c r="H79594" s="12"/>
    </row>
    <row r="79595" spans="8:8">
      <c r="H79595" s="12"/>
    </row>
    <row r="79596" spans="8:8">
      <c r="H79596" s="12"/>
    </row>
    <row r="79597" spans="8:8">
      <c r="H79597" s="12"/>
    </row>
    <row r="79598" spans="8:8">
      <c r="H79598" s="12"/>
    </row>
    <row r="79599" spans="8:8">
      <c r="H79599" s="12"/>
    </row>
    <row r="79600" spans="8:8">
      <c r="H79600" s="12"/>
    </row>
    <row r="79601" spans="8:8">
      <c r="H79601" s="12"/>
    </row>
    <row r="79602" spans="8:8">
      <c r="H79602" s="12"/>
    </row>
    <row r="79603" spans="8:8">
      <c r="H79603" s="12"/>
    </row>
    <row r="79604" spans="8:8">
      <c r="H79604" s="12"/>
    </row>
    <row r="79605" spans="8:8">
      <c r="H79605" s="12"/>
    </row>
    <row r="79606" spans="8:8">
      <c r="H79606" s="12"/>
    </row>
    <row r="79607" spans="8:8">
      <c r="H79607" s="12"/>
    </row>
    <row r="79608" spans="8:8">
      <c r="H79608" s="12"/>
    </row>
    <row r="79609" spans="8:8">
      <c r="H79609" s="12"/>
    </row>
    <row r="79610" spans="8:8">
      <c r="H79610" s="12"/>
    </row>
    <row r="79611" spans="8:8">
      <c r="H79611" s="12"/>
    </row>
    <row r="79612" spans="8:8">
      <c r="H79612" s="12"/>
    </row>
    <row r="79613" spans="8:8">
      <c r="H79613" s="12"/>
    </row>
    <row r="79614" spans="8:8">
      <c r="H79614" s="12"/>
    </row>
    <row r="79615" spans="8:8">
      <c r="H79615" s="12"/>
    </row>
    <row r="79616" spans="8:8">
      <c r="H79616" s="12"/>
    </row>
    <row r="79617" spans="8:8">
      <c r="H79617" s="12"/>
    </row>
    <row r="79618" spans="8:8">
      <c r="H79618" s="12"/>
    </row>
    <row r="79619" spans="8:8">
      <c r="H79619" s="12"/>
    </row>
    <row r="79620" spans="8:8">
      <c r="H79620" s="12"/>
    </row>
    <row r="79621" spans="8:8">
      <c r="H79621" s="12"/>
    </row>
    <row r="79622" spans="8:8">
      <c r="H79622" s="12"/>
    </row>
    <row r="79623" spans="8:8">
      <c r="H79623" s="12"/>
    </row>
    <row r="79624" spans="8:8">
      <c r="H79624" s="12"/>
    </row>
    <row r="79625" spans="8:8">
      <c r="H79625" s="12"/>
    </row>
    <row r="79626" spans="8:8">
      <c r="H79626" s="12"/>
    </row>
    <row r="79627" spans="8:8">
      <c r="H79627" s="12"/>
    </row>
    <row r="79628" spans="8:8">
      <c r="H79628" s="12"/>
    </row>
    <row r="79629" spans="8:8">
      <c r="H79629" s="12"/>
    </row>
    <row r="79630" spans="8:8">
      <c r="H79630" s="12"/>
    </row>
    <row r="79631" spans="8:8">
      <c r="H79631" s="12"/>
    </row>
    <row r="79632" spans="8:8">
      <c r="H79632" s="12"/>
    </row>
    <row r="79633" spans="8:8">
      <c r="H79633" s="12"/>
    </row>
    <row r="79634" spans="8:8">
      <c r="H79634" s="12"/>
    </row>
    <row r="79635" spans="8:8">
      <c r="H79635" s="12"/>
    </row>
    <row r="79636" spans="8:8">
      <c r="H79636" s="12"/>
    </row>
    <row r="79637" spans="8:8">
      <c r="H79637" s="12"/>
    </row>
    <row r="79638" spans="8:8">
      <c r="H79638" s="12"/>
    </row>
    <row r="79639" spans="8:8">
      <c r="H79639" s="12"/>
    </row>
    <row r="79640" spans="8:8">
      <c r="H79640" s="12"/>
    </row>
    <row r="79641" spans="8:8">
      <c r="H79641" s="12"/>
    </row>
    <row r="79642" spans="8:8">
      <c r="H79642" s="12"/>
    </row>
    <row r="79643" spans="8:8">
      <c r="H79643" s="12"/>
    </row>
    <row r="79644" spans="8:8">
      <c r="H79644" s="12"/>
    </row>
    <row r="79645" spans="8:8">
      <c r="H79645" s="12"/>
    </row>
    <row r="79646" spans="8:8">
      <c r="H79646" s="12"/>
    </row>
    <row r="79647" spans="8:8">
      <c r="H79647" s="12"/>
    </row>
    <row r="79648" spans="8:8">
      <c r="H79648" s="12"/>
    </row>
    <row r="79649" spans="8:8">
      <c r="H79649" s="12"/>
    </row>
    <row r="79650" spans="8:8">
      <c r="H79650" s="12"/>
    </row>
    <row r="79651" spans="8:8">
      <c r="H79651" s="12"/>
    </row>
    <row r="79652" spans="8:8">
      <c r="H79652" s="12"/>
    </row>
    <row r="79653" spans="8:8">
      <c r="H79653" s="12"/>
    </row>
    <row r="79654" spans="8:8">
      <c r="H79654" s="12"/>
    </row>
    <row r="79655" spans="8:8">
      <c r="H79655" s="12"/>
    </row>
    <row r="79656" spans="8:8">
      <c r="H79656" s="12"/>
    </row>
    <row r="79657" spans="8:8">
      <c r="H79657" s="12"/>
    </row>
    <row r="79658" spans="8:8">
      <c r="H79658" s="12"/>
    </row>
    <row r="79659" spans="8:8">
      <c r="H79659" s="12"/>
    </row>
    <row r="79660" spans="8:8">
      <c r="H79660" s="12"/>
    </row>
    <row r="79661" spans="8:8">
      <c r="H79661" s="12"/>
    </row>
    <row r="79662" spans="8:8">
      <c r="H79662" s="12"/>
    </row>
    <row r="79663" spans="8:8">
      <c r="H79663" s="12"/>
    </row>
    <row r="79664" spans="8:8">
      <c r="H79664" s="12"/>
    </row>
    <row r="79665" spans="8:8">
      <c r="H79665" s="12"/>
    </row>
    <row r="79666" spans="8:8">
      <c r="H79666" s="12"/>
    </row>
    <row r="79667" spans="8:8">
      <c r="H79667" s="12"/>
    </row>
    <row r="79668" spans="8:8">
      <c r="H79668" s="12"/>
    </row>
    <row r="79669" spans="8:8">
      <c r="H79669" s="12"/>
    </row>
    <row r="79670" spans="8:8">
      <c r="H79670" s="12"/>
    </row>
    <row r="79671" spans="8:8">
      <c r="H79671" s="12"/>
    </row>
    <row r="79672" spans="8:8">
      <c r="H79672" s="12"/>
    </row>
    <row r="79673" spans="8:8">
      <c r="H79673" s="12"/>
    </row>
    <row r="79674" spans="8:8">
      <c r="H79674" s="12"/>
    </row>
    <row r="79675" spans="8:8">
      <c r="H79675" s="12"/>
    </row>
    <row r="79676" spans="8:8">
      <c r="H79676" s="12"/>
    </row>
    <row r="79677" spans="8:8">
      <c r="H79677" s="12"/>
    </row>
    <row r="79678" spans="8:8">
      <c r="H79678" s="12"/>
    </row>
    <row r="79679" spans="8:8">
      <c r="H79679" s="12"/>
    </row>
    <row r="79680" spans="8:8">
      <c r="H79680" s="12"/>
    </row>
    <row r="79681" spans="8:8">
      <c r="H79681" s="12"/>
    </row>
    <row r="79682" spans="8:8">
      <c r="H79682" s="12"/>
    </row>
    <row r="79683" spans="8:8">
      <c r="H79683" s="12"/>
    </row>
    <row r="79684" spans="8:8">
      <c r="H79684" s="12"/>
    </row>
    <row r="79685" spans="8:8">
      <c r="H79685" s="12"/>
    </row>
    <row r="79686" spans="8:8">
      <c r="H79686" s="12"/>
    </row>
    <row r="79687" spans="8:8">
      <c r="H79687" s="12"/>
    </row>
    <row r="79688" spans="8:8">
      <c r="H79688" s="12"/>
    </row>
    <row r="79689" spans="8:8">
      <c r="H79689" s="12"/>
    </row>
    <row r="79690" spans="8:8">
      <c r="H79690" s="12"/>
    </row>
    <row r="79691" spans="8:8">
      <c r="H79691" s="12"/>
    </row>
    <row r="79692" spans="8:8">
      <c r="H79692" s="12"/>
    </row>
    <row r="79693" spans="8:8">
      <c r="H79693" s="12"/>
    </row>
    <row r="79694" spans="8:8">
      <c r="H79694" s="12"/>
    </row>
    <row r="79695" spans="8:8">
      <c r="H79695" s="12"/>
    </row>
    <row r="79696" spans="8:8">
      <c r="H79696" s="12"/>
    </row>
    <row r="79697" spans="8:8">
      <c r="H79697" s="12"/>
    </row>
    <row r="79698" spans="8:8">
      <c r="H79698" s="12"/>
    </row>
    <row r="79699" spans="8:8">
      <c r="H79699" s="12"/>
    </row>
    <row r="79700" spans="8:8">
      <c r="H79700" s="12"/>
    </row>
    <row r="79701" spans="8:8">
      <c r="H79701" s="12"/>
    </row>
    <row r="79702" spans="8:8">
      <c r="H79702" s="12"/>
    </row>
    <row r="79703" spans="8:8">
      <c r="H79703" s="12"/>
    </row>
    <row r="79704" spans="8:8">
      <c r="H79704" s="12"/>
    </row>
    <row r="79705" spans="8:8">
      <c r="H79705" s="12"/>
    </row>
    <row r="79706" spans="8:8">
      <c r="H79706" s="12"/>
    </row>
    <row r="79707" spans="8:8">
      <c r="H79707" s="12"/>
    </row>
    <row r="79708" spans="8:8">
      <c r="H79708" s="12"/>
    </row>
    <row r="79709" spans="8:8">
      <c r="H79709" s="12"/>
    </row>
    <row r="79710" spans="8:8">
      <c r="H79710" s="12"/>
    </row>
    <row r="79711" spans="8:8">
      <c r="H79711" s="12"/>
    </row>
    <row r="79712" spans="8:8">
      <c r="H79712" s="12"/>
    </row>
    <row r="79713" spans="8:8">
      <c r="H79713" s="12"/>
    </row>
    <row r="79714" spans="8:8">
      <c r="H79714" s="12"/>
    </row>
    <row r="79715" spans="8:8">
      <c r="H79715" s="12"/>
    </row>
    <row r="79716" spans="8:8">
      <c r="H79716" s="12"/>
    </row>
    <row r="79717" spans="8:8">
      <c r="H79717" s="12"/>
    </row>
    <row r="79718" spans="8:8">
      <c r="H79718" s="12"/>
    </row>
    <row r="79719" spans="8:8">
      <c r="H79719" s="12"/>
    </row>
    <row r="79720" spans="8:8">
      <c r="H79720" s="12"/>
    </row>
    <row r="79721" spans="8:8">
      <c r="H79721" s="12"/>
    </row>
    <row r="79722" spans="8:8">
      <c r="H79722" s="12"/>
    </row>
    <row r="79723" spans="8:8">
      <c r="H79723" s="12"/>
    </row>
    <row r="79724" spans="8:8">
      <c r="H79724" s="12"/>
    </row>
    <row r="79725" spans="8:8">
      <c r="H79725" s="12"/>
    </row>
    <row r="79726" spans="8:8">
      <c r="H79726" s="12"/>
    </row>
    <row r="79727" spans="8:8">
      <c r="H79727" s="12"/>
    </row>
    <row r="79728" spans="8:8">
      <c r="H79728" s="12"/>
    </row>
    <row r="79729" spans="8:8">
      <c r="H79729" s="12"/>
    </row>
    <row r="79730" spans="8:8">
      <c r="H79730" s="12"/>
    </row>
    <row r="79731" spans="8:8">
      <c r="H79731" s="12"/>
    </row>
    <row r="79732" spans="8:8">
      <c r="H79732" s="12"/>
    </row>
    <row r="79733" spans="8:8">
      <c r="H79733" s="12"/>
    </row>
    <row r="79734" spans="8:8">
      <c r="H79734" s="12"/>
    </row>
    <row r="79735" spans="8:8">
      <c r="H79735" s="12"/>
    </row>
    <row r="79736" spans="8:8">
      <c r="H79736" s="12"/>
    </row>
    <row r="79737" spans="8:8">
      <c r="H79737" s="12"/>
    </row>
    <row r="79738" spans="8:8">
      <c r="H79738" s="12"/>
    </row>
    <row r="79739" spans="8:8">
      <c r="H79739" s="12"/>
    </row>
    <row r="79740" spans="8:8">
      <c r="H79740" s="12"/>
    </row>
    <row r="79741" spans="8:8">
      <c r="H79741" s="12"/>
    </row>
    <row r="79742" spans="8:8">
      <c r="H79742" s="12"/>
    </row>
    <row r="79743" spans="8:8">
      <c r="H79743" s="12"/>
    </row>
    <row r="79744" spans="8:8">
      <c r="H79744" s="12"/>
    </row>
    <row r="79745" spans="8:8">
      <c r="H79745" s="12"/>
    </row>
    <row r="79746" spans="8:8">
      <c r="H79746" s="12"/>
    </row>
    <row r="79747" spans="8:8">
      <c r="H79747" s="12"/>
    </row>
    <row r="79748" spans="8:8">
      <c r="H79748" s="12"/>
    </row>
    <row r="79749" spans="8:8">
      <c r="H79749" s="12"/>
    </row>
    <row r="79750" spans="8:8">
      <c r="H79750" s="12"/>
    </row>
    <row r="79751" spans="8:8">
      <c r="H79751" s="12"/>
    </row>
    <row r="79752" spans="8:8">
      <c r="H79752" s="12"/>
    </row>
    <row r="79753" spans="8:8">
      <c r="H79753" s="12"/>
    </row>
    <row r="79754" spans="8:8">
      <c r="H79754" s="12"/>
    </row>
    <row r="79755" spans="8:8">
      <c r="H79755" s="12"/>
    </row>
    <row r="79756" spans="8:8">
      <c r="H79756" s="12"/>
    </row>
    <row r="79757" spans="8:8">
      <c r="H79757" s="12"/>
    </row>
    <row r="79758" spans="8:8">
      <c r="H79758" s="12"/>
    </row>
    <row r="79759" spans="8:8">
      <c r="H79759" s="12"/>
    </row>
    <row r="79760" spans="8:8">
      <c r="H79760" s="12"/>
    </row>
    <row r="79761" spans="8:8">
      <c r="H79761" s="12"/>
    </row>
    <row r="79762" spans="8:8">
      <c r="H79762" s="12"/>
    </row>
    <row r="79763" spans="8:8">
      <c r="H79763" s="12"/>
    </row>
    <row r="79764" spans="8:8">
      <c r="H79764" s="12"/>
    </row>
    <row r="79765" spans="8:8">
      <c r="H79765" s="12"/>
    </row>
    <row r="79766" spans="8:8">
      <c r="H79766" s="12"/>
    </row>
    <row r="79767" spans="8:8">
      <c r="H79767" s="12"/>
    </row>
    <row r="79768" spans="8:8">
      <c r="H79768" s="12"/>
    </row>
    <row r="79769" spans="8:8">
      <c r="H79769" s="12"/>
    </row>
    <row r="79770" spans="8:8">
      <c r="H79770" s="12"/>
    </row>
    <row r="79771" spans="8:8">
      <c r="H79771" s="12"/>
    </row>
    <row r="79772" spans="8:8">
      <c r="H79772" s="12"/>
    </row>
    <row r="79773" spans="8:8">
      <c r="H79773" s="12"/>
    </row>
    <row r="79774" spans="8:8">
      <c r="H79774" s="12"/>
    </row>
    <row r="79775" spans="8:8">
      <c r="H79775" s="12"/>
    </row>
    <row r="79776" spans="8:8">
      <c r="H79776" s="12"/>
    </row>
    <row r="79777" spans="8:8">
      <c r="H79777" s="12"/>
    </row>
    <row r="79778" spans="8:8">
      <c r="H79778" s="12"/>
    </row>
    <row r="79779" spans="8:8">
      <c r="H79779" s="12"/>
    </row>
    <row r="79780" spans="8:8">
      <c r="H79780" s="12"/>
    </row>
    <row r="79781" spans="8:8">
      <c r="H79781" s="12"/>
    </row>
    <row r="79782" spans="8:8">
      <c r="H79782" s="12"/>
    </row>
    <row r="79783" spans="8:8">
      <c r="H79783" s="12"/>
    </row>
    <row r="79784" spans="8:8">
      <c r="H79784" s="12"/>
    </row>
    <row r="79785" spans="8:8">
      <c r="H79785" s="12"/>
    </row>
    <row r="79786" spans="8:8">
      <c r="H79786" s="12"/>
    </row>
    <row r="79787" spans="8:8">
      <c r="H79787" s="12"/>
    </row>
    <row r="79788" spans="8:8">
      <c r="H79788" s="12"/>
    </row>
    <row r="79789" spans="8:8">
      <c r="H79789" s="12"/>
    </row>
    <row r="79790" spans="8:8">
      <c r="H79790" s="12"/>
    </row>
    <row r="79791" spans="8:8">
      <c r="H79791" s="12"/>
    </row>
    <row r="79792" spans="8:8">
      <c r="H79792" s="12"/>
    </row>
    <row r="79793" spans="8:8">
      <c r="H79793" s="12"/>
    </row>
    <row r="79794" spans="8:8">
      <c r="H79794" s="12"/>
    </row>
    <row r="79795" spans="8:8">
      <c r="H79795" s="12"/>
    </row>
    <row r="79796" spans="8:8">
      <c r="H79796" s="12"/>
    </row>
    <row r="79797" spans="8:8">
      <c r="H79797" s="12"/>
    </row>
    <row r="79798" spans="8:8">
      <c r="H79798" s="12"/>
    </row>
    <row r="79799" spans="8:8">
      <c r="H79799" s="12"/>
    </row>
    <row r="79800" spans="8:8">
      <c r="H79800" s="12"/>
    </row>
    <row r="79801" spans="8:8">
      <c r="H79801" s="12"/>
    </row>
    <row r="79802" spans="8:8">
      <c r="H79802" s="12"/>
    </row>
    <row r="79803" spans="8:8">
      <c r="H79803" s="12"/>
    </row>
    <row r="79804" spans="8:8">
      <c r="H79804" s="12"/>
    </row>
    <row r="79805" spans="8:8">
      <c r="H79805" s="12"/>
    </row>
    <row r="79806" spans="8:8">
      <c r="H79806" s="12"/>
    </row>
    <row r="79807" spans="8:8">
      <c r="H79807" s="12"/>
    </row>
    <row r="79808" spans="8:8">
      <c r="H79808" s="12"/>
    </row>
    <row r="79809" spans="8:8">
      <c r="H79809" s="12"/>
    </row>
    <row r="79810" spans="8:8">
      <c r="H79810" s="12"/>
    </row>
    <row r="79811" spans="8:8">
      <c r="H79811" s="12"/>
    </row>
    <row r="79812" spans="8:8">
      <c r="H79812" s="12"/>
    </row>
    <row r="79813" spans="8:8">
      <c r="H79813" s="12"/>
    </row>
    <row r="79814" spans="8:8">
      <c r="H79814" s="12"/>
    </row>
    <row r="79815" spans="8:8">
      <c r="H79815" s="12"/>
    </row>
    <row r="79816" spans="8:8">
      <c r="H79816" s="12"/>
    </row>
    <row r="79817" spans="8:8">
      <c r="H79817" s="12"/>
    </row>
    <row r="79818" spans="8:8">
      <c r="H79818" s="12"/>
    </row>
    <row r="79819" spans="8:8">
      <c r="H79819" s="12"/>
    </row>
    <row r="79820" spans="8:8">
      <c r="H79820" s="12"/>
    </row>
    <row r="79821" spans="8:8">
      <c r="H79821" s="12"/>
    </row>
    <row r="79822" spans="8:8">
      <c r="H79822" s="12"/>
    </row>
    <row r="79823" spans="8:8">
      <c r="H79823" s="12"/>
    </row>
    <row r="79824" spans="8:8">
      <c r="H79824" s="12"/>
    </row>
    <row r="79825" spans="8:8">
      <c r="H79825" s="12"/>
    </row>
    <row r="79826" spans="8:8">
      <c r="H79826" s="12"/>
    </row>
    <row r="79827" spans="8:8">
      <c r="H79827" s="12"/>
    </row>
    <row r="79828" spans="8:8">
      <c r="H79828" s="12"/>
    </row>
    <row r="79829" spans="8:8">
      <c r="H79829" s="12"/>
    </row>
    <row r="79830" spans="8:8">
      <c r="H79830" s="12"/>
    </row>
    <row r="79831" spans="8:8">
      <c r="H79831" s="12"/>
    </row>
    <row r="79832" spans="8:8">
      <c r="H79832" s="12"/>
    </row>
    <row r="79833" spans="8:8">
      <c r="H79833" s="12"/>
    </row>
    <row r="79834" spans="8:8">
      <c r="H79834" s="12"/>
    </row>
    <row r="79835" spans="8:8">
      <c r="H79835" s="12"/>
    </row>
    <row r="79836" spans="8:8">
      <c r="H79836" s="12"/>
    </row>
    <row r="79837" spans="8:8">
      <c r="H79837" s="12"/>
    </row>
    <row r="79838" spans="8:8">
      <c r="H79838" s="12"/>
    </row>
    <row r="79839" spans="8:8">
      <c r="H79839" s="12"/>
    </row>
    <row r="79840" spans="8:8">
      <c r="H79840" s="12"/>
    </row>
    <row r="79841" spans="8:8">
      <c r="H79841" s="12"/>
    </row>
    <row r="79842" spans="8:8">
      <c r="H79842" s="12"/>
    </row>
    <row r="79843" spans="8:8">
      <c r="H79843" s="12"/>
    </row>
    <row r="79844" spans="8:8">
      <c r="H79844" s="12"/>
    </row>
    <row r="79845" spans="8:8">
      <c r="H79845" s="12"/>
    </row>
    <row r="79846" spans="8:8">
      <c r="H79846" s="12"/>
    </row>
    <row r="79847" spans="8:8">
      <c r="H79847" s="12"/>
    </row>
    <row r="79848" spans="8:8">
      <c r="H79848" s="12"/>
    </row>
    <row r="79849" spans="8:8">
      <c r="H79849" s="12"/>
    </row>
    <row r="79850" spans="8:8">
      <c r="H79850" s="12"/>
    </row>
    <row r="79851" spans="8:8">
      <c r="H79851" s="12"/>
    </row>
    <row r="79852" spans="8:8">
      <c r="H79852" s="12"/>
    </row>
    <row r="79853" spans="8:8">
      <c r="H79853" s="12"/>
    </row>
    <row r="79854" spans="8:8">
      <c r="H79854" s="12"/>
    </row>
    <row r="79855" spans="8:8">
      <c r="H79855" s="12"/>
    </row>
    <row r="79856" spans="8:8">
      <c r="H79856" s="12"/>
    </row>
    <row r="79857" spans="8:8">
      <c r="H79857" s="12"/>
    </row>
    <row r="79858" spans="8:8">
      <c r="H79858" s="12"/>
    </row>
    <row r="79859" spans="8:8">
      <c r="H79859" s="12"/>
    </row>
    <row r="79860" spans="8:8">
      <c r="H79860" s="12"/>
    </row>
    <row r="79861" spans="8:8">
      <c r="H79861" s="12"/>
    </row>
    <row r="79862" spans="8:8">
      <c r="H79862" s="12"/>
    </row>
    <row r="79863" spans="8:8">
      <c r="H79863" s="12"/>
    </row>
    <row r="79864" spans="8:8">
      <c r="H79864" s="12"/>
    </row>
    <row r="79865" spans="8:8">
      <c r="H79865" s="12"/>
    </row>
    <row r="79866" spans="8:8">
      <c r="H79866" s="12"/>
    </row>
    <row r="79867" spans="8:8">
      <c r="H79867" s="12"/>
    </row>
    <row r="79868" spans="8:8">
      <c r="H79868" s="12"/>
    </row>
    <row r="79869" spans="8:8">
      <c r="H79869" s="12"/>
    </row>
    <row r="79870" spans="8:8">
      <c r="H79870" s="12"/>
    </row>
    <row r="79871" spans="8:8">
      <c r="H79871" s="12"/>
    </row>
    <row r="79872" spans="8:8">
      <c r="H79872" s="12"/>
    </row>
    <row r="79873" spans="8:8">
      <c r="H79873" s="12"/>
    </row>
    <row r="79874" spans="8:8">
      <c r="H79874" s="12"/>
    </row>
    <row r="79875" spans="8:8">
      <c r="H79875" s="12"/>
    </row>
    <row r="79876" spans="8:8">
      <c r="H79876" s="12"/>
    </row>
    <row r="79877" spans="8:8">
      <c r="H79877" s="12"/>
    </row>
    <row r="79878" spans="8:8">
      <c r="H79878" s="12"/>
    </row>
    <row r="79879" spans="8:8">
      <c r="H79879" s="12"/>
    </row>
    <row r="79880" spans="8:8">
      <c r="H79880" s="12"/>
    </row>
    <row r="79881" spans="8:8">
      <c r="H79881" s="12"/>
    </row>
    <row r="79882" spans="8:8">
      <c r="H79882" s="12"/>
    </row>
    <row r="79883" spans="8:8">
      <c r="H79883" s="12"/>
    </row>
    <row r="79884" spans="8:8">
      <c r="H79884" s="12"/>
    </row>
    <row r="79885" spans="8:8">
      <c r="H79885" s="12"/>
    </row>
    <row r="79886" spans="8:8">
      <c r="H79886" s="12"/>
    </row>
    <row r="79887" spans="8:8">
      <c r="H79887" s="12"/>
    </row>
    <row r="79888" spans="8:8">
      <c r="H79888" s="12"/>
    </row>
    <row r="79889" spans="8:8">
      <c r="H79889" s="12"/>
    </row>
    <row r="79890" spans="8:8">
      <c r="H79890" s="12"/>
    </row>
    <row r="79891" spans="8:8">
      <c r="H79891" s="12"/>
    </row>
    <row r="79892" spans="8:8">
      <c r="H79892" s="12"/>
    </row>
    <row r="79893" spans="8:8">
      <c r="H79893" s="12"/>
    </row>
    <row r="79894" spans="8:8">
      <c r="H79894" s="12"/>
    </row>
    <row r="79895" spans="8:8">
      <c r="H79895" s="12"/>
    </row>
    <row r="79896" spans="8:8">
      <c r="H79896" s="12"/>
    </row>
    <row r="79897" spans="8:8">
      <c r="H79897" s="12"/>
    </row>
    <row r="79898" spans="8:8">
      <c r="H79898" s="12"/>
    </row>
    <row r="79899" spans="8:8">
      <c r="H79899" s="12"/>
    </row>
    <row r="79900" spans="8:8">
      <c r="H79900" s="12"/>
    </row>
    <row r="79901" spans="8:8">
      <c r="H79901" s="12"/>
    </row>
    <row r="79902" spans="8:8">
      <c r="H79902" s="12"/>
    </row>
    <row r="79903" spans="8:8">
      <c r="H79903" s="12"/>
    </row>
    <row r="79904" spans="8:8">
      <c r="H79904" s="12"/>
    </row>
    <row r="79905" spans="8:8">
      <c r="H79905" s="12"/>
    </row>
    <row r="79906" spans="8:8">
      <c r="H79906" s="12"/>
    </row>
    <row r="79907" spans="8:8">
      <c r="H79907" s="12"/>
    </row>
    <row r="79908" spans="8:8">
      <c r="H79908" s="12"/>
    </row>
    <row r="79909" spans="8:8">
      <c r="H79909" s="12"/>
    </row>
    <row r="79910" spans="8:8">
      <c r="H79910" s="12"/>
    </row>
    <row r="79911" spans="8:8">
      <c r="H79911" s="12"/>
    </row>
    <row r="79912" spans="8:8">
      <c r="H79912" s="12"/>
    </row>
    <row r="79913" spans="8:8">
      <c r="H79913" s="12"/>
    </row>
    <row r="79914" spans="8:8">
      <c r="H79914" s="12"/>
    </row>
    <row r="79915" spans="8:8">
      <c r="H79915" s="12"/>
    </row>
    <row r="79916" spans="8:8">
      <c r="H79916" s="12"/>
    </row>
    <row r="79917" spans="8:8">
      <c r="H79917" s="12"/>
    </row>
    <row r="79918" spans="8:8">
      <c r="H79918" s="12"/>
    </row>
    <row r="79919" spans="8:8">
      <c r="H79919" s="12"/>
    </row>
    <row r="79920" spans="8:8">
      <c r="H79920" s="12"/>
    </row>
    <row r="79921" spans="8:8">
      <c r="H79921" s="12"/>
    </row>
    <row r="79922" spans="8:8">
      <c r="H79922" s="12"/>
    </row>
    <row r="79923" spans="8:8">
      <c r="H79923" s="12"/>
    </row>
    <row r="79924" spans="8:8">
      <c r="H79924" s="12"/>
    </row>
    <row r="79925" spans="8:8">
      <c r="H79925" s="12"/>
    </row>
    <row r="79926" spans="8:8">
      <c r="H79926" s="12"/>
    </row>
    <row r="79927" spans="8:8">
      <c r="H79927" s="12"/>
    </row>
    <row r="79928" spans="8:8">
      <c r="H79928" s="12"/>
    </row>
    <row r="79929" spans="8:8">
      <c r="H79929" s="12"/>
    </row>
    <row r="79930" spans="8:8">
      <c r="H79930" s="12"/>
    </row>
    <row r="79931" spans="8:8">
      <c r="H79931" s="12"/>
    </row>
    <row r="79932" spans="8:8">
      <c r="H79932" s="12"/>
    </row>
    <row r="79933" spans="8:8">
      <c r="H79933" s="12"/>
    </row>
    <row r="79934" spans="8:8">
      <c r="H79934" s="12"/>
    </row>
    <row r="79935" spans="8:8">
      <c r="H79935" s="12"/>
    </row>
    <row r="79936" spans="8:8">
      <c r="H79936" s="12"/>
    </row>
    <row r="79937" spans="8:8">
      <c r="H79937" s="12"/>
    </row>
    <row r="79938" spans="8:8">
      <c r="H79938" s="12"/>
    </row>
    <row r="79939" spans="8:8">
      <c r="H79939" s="12"/>
    </row>
    <row r="79940" spans="8:8">
      <c r="H79940" s="12"/>
    </row>
    <row r="79941" spans="8:8">
      <c r="H79941" s="12"/>
    </row>
    <row r="79942" spans="8:8">
      <c r="H79942" s="12"/>
    </row>
    <row r="79943" spans="8:8">
      <c r="H79943" s="12"/>
    </row>
    <row r="79944" spans="8:8">
      <c r="H79944" s="12"/>
    </row>
    <row r="79945" spans="8:8">
      <c r="H79945" s="12"/>
    </row>
    <row r="79946" spans="8:8">
      <c r="H79946" s="12"/>
    </row>
    <row r="79947" spans="8:8">
      <c r="H79947" s="12"/>
    </row>
    <row r="79948" spans="8:8">
      <c r="H79948" s="12"/>
    </row>
    <row r="79949" spans="8:8">
      <c r="H79949" s="12"/>
    </row>
    <row r="79950" spans="8:8">
      <c r="H79950" s="12"/>
    </row>
    <row r="79951" spans="8:8">
      <c r="H79951" s="12"/>
    </row>
    <row r="79952" spans="8:8">
      <c r="H79952" s="12"/>
    </row>
    <row r="79953" spans="8:8">
      <c r="H79953" s="12"/>
    </row>
    <row r="79954" spans="8:8">
      <c r="H79954" s="12"/>
    </row>
    <row r="79955" spans="8:8">
      <c r="H79955" s="12"/>
    </row>
    <row r="79956" spans="8:8">
      <c r="H79956" s="12"/>
    </row>
    <row r="79957" spans="8:8">
      <c r="H79957" s="12"/>
    </row>
    <row r="79958" spans="8:8">
      <c r="H79958" s="12"/>
    </row>
    <row r="79959" spans="8:8">
      <c r="H79959" s="12"/>
    </row>
    <row r="79960" spans="8:8">
      <c r="H79960" s="12"/>
    </row>
    <row r="79961" spans="8:8">
      <c r="H79961" s="12"/>
    </row>
    <row r="79962" spans="8:8">
      <c r="H79962" s="12"/>
    </row>
    <row r="79963" spans="8:8">
      <c r="H79963" s="12"/>
    </row>
    <row r="79964" spans="8:8">
      <c r="H79964" s="12"/>
    </row>
    <row r="79965" spans="8:8">
      <c r="H79965" s="12"/>
    </row>
    <row r="79966" spans="8:8">
      <c r="H79966" s="12"/>
    </row>
    <row r="79967" spans="8:8">
      <c r="H79967" s="12"/>
    </row>
    <row r="79968" spans="8:8">
      <c r="H79968" s="12"/>
    </row>
    <row r="79969" spans="8:8">
      <c r="H79969" s="12"/>
    </row>
    <row r="79970" spans="8:8">
      <c r="H79970" s="12"/>
    </row>
    <row r="79971" spans="8:8">
      <c r="H79971" s="12"/>
    </row>
    <row r="79972" spans="8:8">
      <c r="H79972" s="12"/>
    </row>
    <row r="79973" spans="8:8">
      <c r="H79973" s="12"/>
    </row>
    <row r="79974" spans="8:8">
      <c r="H79974" s="12"/>
    </row>
    <row r="79975" spans="8:8">
      <c r="H79975" s="12"/>
    </row>
    <row r="79976" spans="8:8">
      <c r="H79976" s="12"/>
    </row>
    <row r="79977" spans="8:8">
      <c r="H79977" s="12"/>
    </row>
    <row r="79978" spans="8:8">
      <c r="H79978" s="12"/>
    </row>
    <row r="79979" spans="8:8">
      <c r="H79979" s="12"/>
    </row>
    <row r="79980" spans="8:8">
      <c r="H79980" s="12"/>
    </row>
    <row r="79981" spans="8:8">
      <c r="H79981" s="12"/>
    </row>
    <row r="79982" spans="8:8">
      <c r="H79982" s="12"/>
    </row>
    <row r="79983" spans="8:8">
      <c r="H79983" s="12"/>
    </row>
    <row r="79984" spans="8:8">
      <c r="H79984" s="12"/>
    </row>
    <row r="79985" spans="8:8">
      <c r="H79985" s="12"/>
    </row>
    <row r="79986" spans="8:8">
      <c r="H79986" s="12"/>
    </row>
    <row r="79987" spans="8:8">
      <c r="H79987" s="12"/>
    </row>
    <row r="79988" spans="8:8">
      <c r="H79988" s="12"/>
    </row>
    <row r="79989" spans="8:8">
      <c r="H79989" s="12"/>
    </row>
    <row r="79990" spans="8:8">
      <c r="H79990" s="12"/>
    </row>
    <row r="79991" spans="8:8">
      <c r="H79991" s="12"/>
    </row>
    <row r="79992" spans="8:8">
      <c r="H79992" s="12"/>
    </row>
    <row r="79993" spans="8:8">
      <c r="H79993" s="12"/>
    </row>
    <row r="79994" spans="8:8">
      <c r="H79994" s="12"/>
    </row>
    <row r="79995" spans="8:8">
      <c r="H79995" s="12"/>
    </row>
    <row r="79996" spans="8:8">
      <c r="H79996" s="12"/>
    </row>
    <row r="79997" spans="8:8">
      <c r="H79997" s="12"/>
    </row>
    <row r="79998" spans="8:8">
      <c r="H79998" s="12"/>
    </row>
    <row r="79999" spans="8:8">
      <c r="H79999" s="12"/>
    </row>
    <row r="80000" spans="8:8">
      <c r="H80000" s="12"/>
    </row>
    <row r="80001" spans="8:8">
      <c r="H80001" s="12"/>
    </row>
    <row r="80002" spans="8:8">
      <c r="H80002" s="12"/>
    </row>
    <row r="80003" spans="8:8">
      <c r="H80003" s="12"/>
    </row>
    <row r="80004" spans="8:8">
      <c r="H80004" s="12"/>
    </row>
    <row r="80005" spans="8:8">
      <c r="H80005" s="12"/>
    </row>
    <row r="80006" spans="8:8">
      <c r="H80006" s="12"/>
    </row>
    <row r="80007" spans="8:8">
      <c r="H80007" s="12"/>
    </row>
    <row r="80008" spans="8:8">
      <c r="H80008" s="12"/>
    </row>
    <row r="80009" spans="8:8">
      <c r="H80009" s="12"/>
    </row>
    <row r="80010" spans="8:8">
      <c r="H80010" s="12"/>
    </row>
    <row r="80011" spans="8:8">
      <c r="H80011" s="12"/>
    </row>
    <row r="80012" spans="8:8">
      <c r="H80012" s="12"/>
    </row>
    <row r="80013" spans="8:8">
      <c r="H80013" s="12"/>
    </row>
    <row r="80014" spans="8:8">
      <c r="H80014" s="12"/>
    </row>
    <row r="80015" spans="8:8">
      <c r="H80015" s="12"/>
    </row>
    <row r="80016" spans="8:8">
      <c r="H80016" s="12"/>
    </row>
    <row r="80017" spans="8:8">
      <c r="H80017" s="12"/>
    </row>
    <row r="80018" spans="8:8">
      <c r="H80018" s="12"/>
    </row>
    <row r="80019" spans="8:8">
      <c r="H80019" s="12"/>
    </row>
    <row r="80020" spans="8:8">
      <c r="H80020" s="12"/>
    </row>
    <row r="80021" spans="8:8">
      <c r="H80021" s="12"/>
    </row>
    <row r="80022" spans="8:8">
      <c r="H80022" s="12"/>
    </row>
    <row r="80023" spans="8:8">
      <c r="H80023" s="12"/>
    </row>
    <row r="80024" spans="8:8">
      <c r="H80024" s="12"/>
    </row>
    <row r="80025" spans="8:8">
      <c r="H80025" s="12"/>
    </row>
    <row r="80026" spans="8:8">
      <c r="H80026" s="12"/>
    </row>
    <row r="80027" spans="8:8">
      <c r="H80027" s="12"/>
    </row>
    <row r="80028" spans="8:8">
      <c r="H80028" s="12"/>
    </row>
    <row r="80029" spans="8:8">
      <c r="H80029" s="12"/>
    </row>
    <row r="80030" spans="8:8">
      <c r="H80030" s="12"/>
    </row>
    <row r="80031" spans="8:8">
      <c r="H80031" s="12"/>
    </row>
    <row r="80032" spans="8:8">
      <c r="H80032" s="12"/>
    </row>
    <row r="80033" spans="8:8">
      <c r="H80033" s="12"/>
    </row>
    <row r="80034" spans="8:8">
      <c r="H80034" s="12"/>
    </row>
    <row r="80035" spans="8:8">
      <c r="H80035" s="12"/>
    </row>
    <row r="80036" spans="8:8">
      <c r="H80036" s="12"/>
    </row>
    <row r="80037" spans="8:8">
      <c r="H80037" s="12"/>
    </row>
    <row r="80038" spans="8:8">
      <c r="H80038" s="12"/>
    </row>
    <row r="80039" spans="8:8">
      <c r="H80039" s="12"/>
    </row>
    <row r="80040" spans="8:8">
      <c r="H80040" s="12"/>
    </row>
    <row r="80041" spans="8:8">
      <c r="H80041" s="12"/>
    </row>
    <row r="80042" spans="8:8">
      <c r="H80042" s="12"/>
    </row>
    <row r="80043" spans="8:8">
      <c r="H80043" s="12"/>
    </row>
    <row r="80044" spans="8:8">
      <c r="H80044" s="12"/>
    </row>
    <row r="80045" spans="8:8">
      <c r="H80045" s="12"/>
    </row>
    <row r="80046" spans="8:8">
      <c r="H80046" s="12"/>
    </row>
    <row r="80047" spans="8:8">
      <c r="H80047" s="12"/>
    </row>
    <row r="80048" spans="8:8">
      <c r="H80048" s="12"/>
    </row>
    <row r="80049" spans="8:8">
      <c r="H80049" s="12"/>
    </row>
    <row r="80050" spans="8:8">
      <c r="H80050" s="12"/>
    </row>
    <row r="80051" spans="8:8">
      <c r="H80051" s="12"/>
    </row>
    <row r="80052" spans="8:8">
      <c r="H80052" s="12"/>
    </row>
    <row r="80053" spans="8:8">
      <c r="H80053" s="12"/>
    </row>
    <row r="80054" spans="8:8">
      <c r="H80054" s="12"/>
    </row>
    <row r="80055" spans="8:8">
      <c r="H80055" s="12"/>
    </row>
    <row r="80056" spans="8:8">
      <c r="H80056" s="12"/>
    </row>
    <row r="80057" spans="8:8">
      <c r="H80057" s="12"/>
    </row>
    <row r="80058" spans="8:8">
      <c r="H80058" s="12"/>
    </row>
    <row r="80059" spans="8:8">
      <c r="H80059" s="12"/>
    </row>
    <row r="80060" spans="8:8">
      <c r="H80060" s="12"/>
    </row>
    <row r="80061" spans="8:8">
      <c r="H80061" s="12"/>
    </row>
    <row r="80062" spans="8:8">
      <c r="H80062" s="12"/>
    </row>
    <row r="80063" spans="8:8">
      <c r="H80063" s="12"/>
    </row>
    <row r="80064" spans="8:8">
      <c r="H80064" s="12"/>
    </row>
    <row r="80065" spans="8:8">
      <c r="H80065" s="12"/>
    </row>
    <row r="80066" spans="8:8">
      <c r="H80066" s="12"/>
    </row>
    <row r="80067" spans="8:8">
      <c r="H80067" s="12"/>
    </row>
    <row r="80068" spans="8:8">
      <c r="H80068" s="12"/>
    </row>
    <row r="80069" spans="8:8">
      <c r="H80069" s="12"/>
    </row>
    <row r="80070" spans="8:8">
      <c r="H80070" s="12"/>
    </row>
    <row r="80071" spans="8:8">
      <c r="H80071" s="12"/>
    </row>
    <row r="80072" spans="8:8">
      <c r="H80072" s="12"/>
    </row>
    <row r="80073" spans="8:8">
      <c r="H80073" s="12"/>
    </row>
    <row r="80074" spans="8:8">
      <c r="H80074" s="12"/>
    </row>
    <row r="80075" spans="8:8">
      <c r="H80075" s="12"/>
    </row>
    <row r="80076" spans="8:8">
      <c r="H80076" s="12"/>
    </row>
    <row r="80077" spans="8:8">
      <c r="H80077" s="12"/>
    </row>
    <row r="80078" spans="8:8">
      <c r="H80078" s="12"/>
    </row>
    <row r="80079" spans="8:8">
      <c r="H80079" s="12"/>
    </row>
    <row r="80080" spans="8:8">
      <c r="H80080" s="12"/>
    </row>
    <row r="80081" spans="8:8">
      <c r="H80081" s="12"/>
    </row>
    <row r="80082" spans="8:8">
      <c r="H80082" s="12"/>
    </row>
    <row r="80083" spans="8:8">
      <c r="H80083" s="12"/>
    </row>
    <row r="80084" spans="8:8">
      <c r="H80084" s="12"/>
    </row>
    <row r="80085" spans="8:8">
      <c r="H80085" s="12"/>
    </row>
    <row r="80086" spans="8:8">
      <c r="H80086" s="12"/>
    </row>
    <row r="80087" spans="8:8">
      <c r="H80087" s="12"/>
    </row>
    <row r="80088" spans="8:8">
      <c r="H80088" s="12"/>
    </row>
    <row r="80089" spans="8:8">
      <c r="H80089" s="12"/>
    </row>
    <row r="80090" spans="8:8">
      <c r="H80090" s="12"/>
    </row>
    <row r="80091" spans="8:8">
      <c r="H80091" s="12"/>
    </row>
    <row r="80092" spans="8:8">
      <c r="H80092" s="12"/>
    </row>
    <row r="80093" spans="8:8">
      <c r="H80093" s="12"/>
    </row>
    <row r="80094" spans="8:8">
      <c r="H80094" s="12"/>
    </row>
    <row r="80095" spans="8:8">
      <c r="H80095" s="12"/>
    </row>
    <row r="80096" spans="8:8">
      <c r="H80096" s="12"/>
    </row>
    <row r="80097" spans="8:8">
      <c r="H80097" s="12"/>
    </row>
    <row r="80098" spans="8:8">
      <c r="H80098" s="12"/>
    </row>
    <row r="80099" spans="8:8">
      <c r="H80099" s="12"/>
    </row>
    <row r="80100" spans="8:8">
      <c r="H80100" s="12"/>
    </row>
    <row r="80101" spans="8:8">
      <c r="H80101" s="12"/>
    </row>
    <row r="80102" spans="8:8">
      <c r="H80102" s="12"/>
    </row>
    <row r="80103" spans="8:8">
      <c r="H80103" s="12"/>
    </row>
    <row r="80104" spans="8:8">
      <c r="H80104" s="12"/>
    </row>
    <row r="80105" spans="8:8">
      <c r="H80105" s="12"/>
    </row>
    <row r="80106" spans="8:8">
      <c r="H80106" s="12"/>
    </row>
    <row r="80107" spans="8:8">
      <c r="H80107" s="12"/>
    </row>
    <row r="80108" spans="8:8">
      <c r="H80108" s="12"/>
    </row>
    <row r="80109" spans="8:8">
      <c r="H80109" s="12"/>
    </row>
    <row r="80110" spans="8:8">
      <c r="H80110" s="12"/>
    </row>
    <row r="80111" spans="8:8">
      <c r="H80111" s="12"/>
    </row>
    <row r="80112" spans="8:8">
      <c r="H80112" s="12"/>
    </row>
    <row r="80113" spans="8:8">
      <c r="H80113" s="12"/>
    </row>
    <row r="80114" spans="8:8">
      <c r="H80114" s="12"/>
    </row>
    <row r="80115" spans="8:8">
      <c r="H80115" s="12"/>
    </row>
    <row r="80116" spans="8:8">
      <c r="H80116" s="12"/>
    </row>
    <row r="80117" spans="8:8">
      <c r="H80117" s="12"/>
    </row>
    <row r="80118" spans="8:8">
      <c r="H80118" s="12"/>
    </row>
    <row r="80119" spans="8:8">
      <c r="H80119" s="12"/>
    </row>
    <row r="80120" spans="8:8">
      <c r="H80120" s="12"/>
    </row>
    <row r="80121" spans="8:8">
      <c r="H80121" s="12"/>
    </row>
    <row r="80122" spans="8:8">
      <c r="H80122" s="12"/>
    </row>
    <row r="80123" spans="8:8">
      <c r="H80123" s="12"/>
    </row>
    <row r="80124" spans="8:8">
      <c r="H80124" s="12"/>
    </row>
    <row r="80125" spans="8:8">
      <c r="H80125" s="12"/>
    </row>
    <row r="80126" spans="8:8">
      <c r="H80126" s="12"/>
    </row>
    <row r="80127" spans="8:8">
      <c r="H80127" s="12"/>
    </row>
    <row r="80128" spans="8:8">
      <c r="H80128" s="12"/>
    </row>
    <row r="80129" spans="8:8">
      <c r="H80129" s="12"/>
    </row>
    <row r="80130" spans="8:8">
      <c r="H80130" s="12"/>
    </row>
    <row r="80131" spans="8:8">
      <c r="H80131" s="12"/>
    </row>
    <row r="80132" spans="8:8">
      <c r="H80132" s="12"/>
    </row>
    <row r="80133" spans="8:8">
      <c r="H80133" s="12"/>
    </row>
    <row r="80134" spans="8:8">
      <c r="H80134" s="12"/>
    </row>
    <row r="80135" spans="8:8">
      <c r="H80135" s="12"/>
    </row>
    <row r="80136" spans="8:8">
      <c r="H80136" s="12"/>
    </row>
    <row r="80137" spans="8:8">
      <c r="H80137" s="12"/>
    </row>
    <row r="80138" spans="8:8">
      <c r="H80138" s="12"/>
    </row>
    <row r="80139" spans="8:8">
      <c r="H80139" s="12"/>
    </row>
    <row r="80140" spans="8:8">
      <c r="H80140" s="12"/>
    </row>
    <row r="80141" spans="8:8">
      <c r="H80141" s="12"/>
    </row>
    <row r="80142" spans="8:8">
      <c r="H80142" s="12"/>
    </row>
    <row r="80143" spans="8:8">
      <c r="H80143" s="12"/>
    </row>
    <row r="80144" spans="8:8">
      <c r="H80144" s="12"/>
    </row>
    <row r="80145" spans="8:8">
      <c r="H80145" s="12"/>
    </row>
    <row r="80146" spans="8:8">
      <c r="H80146" s="12"/>
    </row>
    <row r="80147" spans="8:8">
      <c r="H80147" s="12"/>
    </row>
    <row r="80148" spans="8:8">
      <c r="H80148" s="12"/>
    </row>
    <row r="80149" spans="8:8">
      <c r="H80149" s="12"/>
    </row>
    <row r="80150" spans="8:8">
      <c r="H80150" s="12"/>
    </row>
    <row r="80151" spans="8:8">
      <c r="H80151" s="12"/>
    </row>
    <row r="80152" spans="8:8">
      <c r="H80152" s="12"/>
    </row>
    <row r="80153" spans="8:8">
      <c r="H80153" s="12"/>
    </row>
    <row r="80154" spans="8:8">
      <c r="H80154" s="12"/>
    </row>
    <row r="80155" spans="8:8">
      <c r="H80155" s="12"/>
    </row>
    <row r="80156" spans="8:8">
      <c r="H80156" s="12"/>
    </row>
    <row r="80157" spans="8:8">
      <c r="H80157" s="12"/>
    </row>
    <row r="80158" spans="8:8">
      <c r="H80158" s="12"/>
    </row>
    <row r="80159" spans="8:8">
      <c r="H80159" s="12"/>
    </row>
    <row r="80160" spans="8:8">
      <c r="H80160" s="12"/>
    </row>
    <row r="80161" spans="8:8">
      <c r="H80161" s="12"/>
    </row>
    <row r="80162" spans="8:8">
      <c r="H80162" s="12"/>
    </row>
    <row r="80163" spans="8:8">
      <c r="H80163" s="12"/>
    </row>
    <row r="80164" spans="8:8">
      <c r="H80164" s="12"/>
    </row>
    <row r="80165" spans="8:8">
      <c r="H80165" s="12"/>
    </row>
    <row r="80166" spans="8:8">
      <c r="H80166" s="12"/>
    </row>
    <row r="80167" spans="8:8">
      <c r="H80167" s="12"/>
    </row>
    <row r="80168" spans="8:8">
      <c r="H80168" s="12"/>
    </row>
    <row r="80169" spans="8:8">
      <c r="H80169" s="12"/>
    </row>
    <row r="80170" spans="8:8">
      <c r="H80170" s="12"/>
    </row>
    <row r="80171" spans="8:8">
      <c r="H80171" s="12"/>
    </row>
    <row r="80172" spans="8:8">
      <c r="H80172" s="12"/>
    </row>
    <row r="80173" spans="8:8">
      <c r="H80173" s="12"/>
    </row>
    <row r="80174" spans="8:8">
      <c r="H80174" s="12"/>
    </row>
    <row r="80175" spans="8:8">
      <c r="H80175" s="12"/>
    </row>
    <row r="80176" spans="8:8">
      <c r="H80176" s="12"/>
    </row>
    <row r="80177" spans="8:8">
      <c r="H80177" s="12"/>
    </row>
    <row r="80178" spans="8:8">
      <c r="H80178" s="12"/>
    </row>
    <row r="80179" spans="8:8">
      <c r="H80179" s="12"/>
    </row>
    <row r="80180" spans="8:8">
      <c r="H80180" s="12"/>
    </row>
    <row r="80181" spans="8:8">
      <c r="H80181" s="12"/>
    </row>
    <row r="80182" spans="8:8">
      <c r="H80182" s="12"/>
    </row>
    <row r="80183" spans="8:8">
      <c r="H80183" s="12"/>
    </row>
    <row r="80184" spans="8:8">
      <c r="H80184" s="12"/>
    </row>
    <row r="80185" spans="8:8">
      <c r="H80185" s="12"/>
    </row>
    <row r="80186" spans="8:8">
      <c r="H80186" s="12"/>
    </row>
    <row r="80187" spans="8:8">
      <c r="H80187" s="12"/>
    </row>
    <row r="80188" spans="8:8">
      <c r="H80188" s="12"/>
    </row>
    <row r="80189" spans="8:8">
      <c r="H80189" s="12"/>
    </row>
    <row r="80190" spans="8:8">
      <c r="H80190" s="12"/>
    </row>
    <row r="80191" spans="8:8">
      <c r="H80191" s="12"/>
    </row>
    <row r="80192" spans="8:8">
      <c r="H80192" s="12"/>
    </row>
    <row r="80193" spans="8:8">
      <c r="H80193" s="12"/>
    </row>
    <row r="80194" spans="8:8">
      <c r="H80194" s="12"/>
    </row>
    <row r="80195" spans="8:8">
      <c r="H80195" s="12"/>
    </row>
    <row r="80196" spans="8:8">
      <c r="H80196" s="12"/>
    </row>
    <row r="80197" spans="8:8">
      <c r="H80197" s="12"/>
    </row>
    <row r="80198" spans="8:8">
      <c r="H80198" s="12"/>
    </row>
    <row r="80199" spans="8:8">
      <c r="H80199" s="12"/>
    </row>
    <row r="80200" spans="8:8">
      <c r="H80200" s="12"/>
    </row>
    <row r="80201" spans="8:8">
      <c r="H80201" s="12"/>
    </row>
    <row r="80202" spans="8:8">
      <c r="H80202" s="12"/>
    </row>
    <row r="80203" spans="8:8">
      <c r="H80203" s="12"/>
    </row>
    <row r="80204" spans="8:8">
      <c r="H80204" s="12"/>
    </row>
    <row r="80205" spans="8:8">
      <c r="H80205" s="12"/>
    </row>
    <row r="80206" spans="8:8">
      <c r="H80206" s="12"/>
    </row>
    <row r="80207" spans="8:8">
      <c r="H80207" s="12"/>
    </row>
    <row r="80208" spans="8:8">
      <c r="H80208" s="12"/>
    </row>
    <row r="80209" spans="8:8">
      <c r="H80209" s="12"/>
    </row>
    <row r="80210" spans="8:8">
      <c r="H80210" s="12"/>
    </row>
    <row r="80211" spans="8:8">
      <c r="H80211" s="12"/>
    </row>
    <row r="80212" spans="8:8">
      <c r="H80212" s="12"/>
    </row>
    <row r="80213" spans="8:8">
      <c r="H80213" s="12"/>
    </row>
    <row r="80214" spans="8:8">
      <c r="H80214" s="12"/>
    </row>
    <row r="80215" spans="8:8">
      <c r="H80215" s="12"/>
    </row>
    <row r="80216" spans="8:8">
      <c r="H80216" s="12"/>
    </row>
    <row r="80217" spans="8:8">
      <c r="H80217" s="12"/>
    </row>
    <row r="80218" spans="8:8">
      <c r="H80218" s="12"/>
    </row>
    <row r="80219" spans="8:8">
      <c r="H80219" s="12"/>
    </row>
    <row r="80220" spans="8:8">
      <c r="H80220" s="12"/>
    </row>
    <row r="80221" spans="8:8">
      <c r="H80221" s="12"/>
    </row>
    <row r="80222" spans="8:8">
      <c r="H80222" s="12"/>
    </row>
    <row r="80223" spans="8:8">
      <c r="H80223" s="12"/>
    </row>
    <row r="80224" spans="8:8">
      <c r="H80224" s="12"/>
    </row>
    <row r="80225" spans="8:8">
      <c r="H80225" s="12"/>
    </row>
    <row r="80226" spans="8:8">
      <c r="H80226" s="12"/>
    </row>
    <row r="80227" spans="8:8">
      <c r="H80227" s="12"/>
    </row>
    <row r="80228" spans="8:8">
      <c r="H80228" s="12"/>
    </row>
    <row r="80229" spans="8:8">
      <c r="H80229" s="12"/>
    </row>
    <row r="80230" spans="8:8">
      <c r="H80230" s="12"/>
    </row>
    <row r="80231" spans="8:8">
      <c r="H80231" s="12"/>
    </row>
    <row r="80232" spans="8:8">
      <c r="H80232" s="12"/>
    </row>
    <row r="80233" spans="8:8">
      <c r="H80233" s="12"/>
    </row>
    <row r="80234" spans="8:8">
      <c r="H80234" s="12"/>
    </row>
    <row r="80235" spans="8:8">
      <c r="H80235" s="12"/>
    </row>
    <row r="80236" spans="8:8">
      <c r="H80236" s="12"/>
    </row>
    <row r="80237" spans="8:8">
      <c r="H80237" s="12"/>
    </row>
    <row r="80238" spans="8:8">
      <c r="H80238" s="12"/>
    </row>
    <row r="80239" spans="8:8">
      <c r="H80239" s="12"/>
    </row>
    <row r="80240" spans="8:8">
      <c r="H80240" s="12"/>
    </row>
    <row r="80241" spans="8:8">
      <c r="H80241" s="12"/>
    </row>
    <row r="80242" spans="8:8">
      <c r="H80242" s="12"/>
    </row>
    <row r="80243" spans="8:8">
      <c r="H80243" s="12"/>
    </row>
    <row r="80244" spans="8:8">
      <c r="H80244" s="12"/>
    </row>
    <row r="80245" spans="8:8">
      <c r="H80245" s="12"/>
    </row>
    <row r="80246" spans="8:8">
      <c r="H80246" s="12"/>
    </row>
    <row r="80247" spans="8:8">
      <c r="H80247" s="12"/>
    </row>
    <row r="80248" spans="8:8">
      <c r="H80248" s="12"/>
    </row>
    <row r="80249" spans="8:8">
      <c r="H80249" s="12"/>
    </row>
    <row r="80250" spans="8:8">
      <c r="H80250" s="12"/>
    </row>
    <row r="80251" spans="8:8">
      <c r="H80251" s="12"/>
    </row>
    <row r="80252" spans="8:8">
      <c r="H80252" s="12"/>
    </row>
    <row r="80253" spans="8:8">
      <c r="H80253" s="12"/>
    </row>
    <row r="80254" spans="8:8">
      <c r="H80254" s="12"/>
    </row>
    <row r="80255" spans="8:8">
      <c r="H80255" s="12"/>
    </row>
    <row r="80256" spans="8:8">
      <c r="H80256" s="12"/>
    </row>
    <row r="80257" spans="8:8">
      <c r="H80257" s="12"/>
    </row>
    <row r="80258" spans="8:8">
      <c r="H80258" s="12"/>
    </row>
    <row r="80259" spans="8:8">
      <c r="H80259" s="12"/>
    </row>
    <row r="80260" spans="8:8">
      <c r="H80260" s="12"/>
    </row>
    <row r="80261" spans="8:8">
      <c r="H80261" s="12"/>
    </row>
    <row r="80262" spans="8:8">
      <c r="H80262" s="12"/>
    </row>
    <row r="80263" spans="8:8">
      <c r="H80263" s="12"/>
    </row>
    <row r="80264" spans="8:8">
      <c r="H80264" s="12"/>
    </row>
    <row r="80265" spans="8:8">
      <c r="H80265" s="12"/>
    </row>
    <row r="80266" spans="8:8">
      <c r="H80266" s="12"/>
    </row>
    <row r="80267" spans="8:8">
      <c r="H80267" s="12"/>
    </row>
    <row r="80268" spans="8:8">
      <c r="H80268" s="12"/>
    </row>
    <row r="80269" spans="8:8">
      <c r="H80269" s="12"/>
    </row>
    <row r="80270" spans="8:8">
      <c r="H80270" s="12"/>
    </row>
    <row r="80271" spans="8:8">
      <c r="H80271" s="12"/>
    </row>
    <row r="80272" spans="8:8">
      <c r="H80272" s="12"/>
    </row>
    <row r="80273" spans="8:8">
      <c r="H80273" s="12"/>
    </row>
    <row r="80274" spans="8:8">
      <c r="H80274" s="12"/>
    </row>
    <row r="80275" spans="8:8">
      <c r="H80275" s="12"/>
    </row>
    <row r="80276" spans="8:8">
      <c r="H80276" s="12"/>
    </row>
    <row r="80277" spans="8:8">
      <c r="H80277" s="12"/>
    </row>
    <row r="80278" spans="8:8">
      <c r="H80278" s="12"/>
    </row>
    <row r="80279" spans="8:8">
      <c r="H80279" s="12"/>
    </row>
    <row r="80280" spans="8:8">
      <c r="H80280" s="12"/>
    </row>
    <row r="80281" spans="8:8">
      <c r="H80281" s="12"/>
    </row>
    <row r="80282" spans="8:8">
      <c r="H80282" s="12"/>
    </row>
    <row r="80283" spans="8:8">
      <c r="H80283" s="12"/>
    </row>
    <row r="80284" spans="8:8">
      <c r="H80284" s="12"/>
    </row>
    <row r="80285" spans="8:8">
      <c r="H80285" s="12"/>
    </row>
    <row r="80286" spans="8:8">
      <c r="H80286" s="12"/>
    </row>
    <row r="80287" spans="8:8">
      <c r="H80287" s="12"/>
    </row>
    <row r="80288" spans="8:8">
      <c r="H80288" s="12"/>
    </row>
    <row r="80289" spans="8:8">
      <c r="H80289" s="12"/>
    </row>
    <row r="80290" spans="8:8">
      <c r="H80290" s="12"/>
    </row>
    <row r="80291" spans="8:8">
      <c r="H80291" s="12"/>
    </row>
    <row r="80292" spans="8:8">
      <c r="H80292" s="12"/>
    </row>
    <row r="80293" spans="8:8">
      <c r="H80293" s="12"/>
    </row>
    <row r="80294" spans="8:8">
      <c r="H80294" s="12"/>
    </row>
    <row r="80295" spans="8:8">
      <c r="H80295" s="12"/>
    </row>
    <row r="80296" spans="8:8">
      <c r="H80296" s="12"/>
    </row>
    <row r="80297" spans="8:8">
      <c r="H80297" s="12"/>
    </row>
    <row r="80298" spans="8:8">
      <c r="H80298" s="12"/>
    </row>
    <row r="80299" spans="8:8">
      <c r="H80299" s="12"/>
    </row>
    <row r="80300" spans="8:8">
      <c r="H80300" s="12"/>
    </row>
    <row r="80301" spans="8:8">
      <c r="H80301" s="12"/>
    </row>
    <row r="80302" spans="8:8">
      <c r="H80302" s="12"/>
    </row>
    <row r="80303" spans="8:8">
      <c r="H80303" s="12"/>
    </row>
    <row r="80304" spans="8:8">
      <c r="H80304" s="12"/>
    </row>
    <row r="80305" spans="8:8">
      <c r="H80305" s="12"/>
    </row>
    <row r="80306" spans="8:8">
      <c r="H80306" s="12"/>
    </row>
    <row r="80307" spans="8:8">
      <c r="H80307" s="12"/>
    </row>
    <row r="80308" spans="8:8">
      <c r="H80308" s="12"/>
    </row>
    <row r="80309" spans="8:8">
      <c r="H80309" s="12"/>
    </row>
    <row r="80310" spans="8:8">
      <c r="H80310" s="12"/>
    </row>
    <row r="80311" spans="8:8">
      <c r="H80311" s="12"/>
    </row>
    <row r="80312" spans="8:8">
      <c r="H80312" s="12"/>
    </row>
    <row r="80313" spans="8:8">
      <c r="H80313" s="12"/>
    </row>
    <row r="80314" spans="8:8">
      <c r="H80314" s="12"/>
    </row>
    <row r="80315" spans="8:8">
      <c r="H80315" s="12"/>
    </row>
    <row r="80316" spans="8:8">
      <c r="H80316" s="12"/>
    </row>
    <row r="80317" spans="8:8">
      <c r="H80317" s="12"/>
    </row>
    <row r="80318" spans="8:8">
      <c r="H80318" s="12"/>
    </row>
    <row r="80319" spans="8:8">
      <c r="H80319" s="12"/>
    </row>
    <row r="80320" spans="8:8">
      <c r="H80320" s="12"/>
    </row>
    <row r="80321" spans="8:8">
      <c r="H80321" s="12"/>
    </row>
    <row r="80322" spans="8:8">
      <c r="H80322" s="12"/>
    </row>
    <row r="80323" spans="8:8">
      <c r="H80323" s="12"/>
    </row>
    <row r="80324" spans="8:8">
      <c r="H80324" s="12"/>
    </row>
    <row r="80325" spans="8:8">
      <c r="H80325" s="12"/>
    </row>
    <row r="80326" spans="8:8">
      <c r="H80326" s="12"/>
    </row>
    <row r="80327" spans="8:8">
      <c r="H80327" s="12"/>
    </row>
    <row r="80328" spans="8:8">
      <c r="H80328" s="12"/>
    </row>
    <row r="80329" spans="8:8">
      <c r="H80329" s="12"/>
    </row>
    <row r="80330" spans="8:8">
      <c r="H80330" s="12"/>
    </row>
    <row r="80331" spans="8:8">
      <c r="H80331" s="12"/>
    </row>
    <row r="80332" spans="8:8">
      <c r="H80332" s="12"/>
    </row>
    <row r="80333" spans="8:8">
      <c r="H80333" s="12"/>
    </row>
    <row r="80334" spans="8:8">
      <c r="H80334" s="12"/>
    </row>
    <row r="80335" spans="8:8">
      <c r="H80335" s="12"/>
    </row>
    <row r="80336" spans="8:8">
      <c r="H80336" s="12"/>
    </row>
    <row r="80337" spans="8:8">
      <c r="H80337" s="12"/>
    </row>
    <row r="80338" spans="8:8">
      <c r="H80338" s="12"/>
    </row>
    <row r="80339" spans="8:8">
      <c r="H80339" s="12"/>
    </row>
    <row r="80340" spans="8:8">
      <c r="H80340" s="12"/>
    </row>
    <row r="80341" spans="8:8">
      <c r="H80341" s="12"/>
    </row>
    <row r="80342" spans="8:8">
      <c r="H80342" s="12"/>
    </row>
    <row r="80343" spans="8:8">
      <c r="H80343" s="12"/>
    </row>
    <row r="80344" spans="8:8">
      <c r="H80344" s="12"/>
    </row>
    <row r="80345" spans="8:8">
      <c r="H80345" s="12"/>
    </row>
    <row r="80346" spans="8:8">
      <c r="H80346" s="12"/>
    </row>
    <row r="80347" spans="8:8">
      <c r="H80347" s="12"/>
    </row>
    <row r="80348" spans="8:8">
      <c r="H80348" s="12"/>
    </row>
    <row r="80349" spans="8:8">
      <c r="H80349" s="12"/>
    </row>
    <row r="80350" spans="8:8">
      <c r="H80350" s="12"/>
    </row>
    <row r="80351" spans="8:8">
      <c r="H80351" s="12"/>
    </row>
    <row r="80352" spans="8:8">
      <c r="H80352" s="12"/>
    </row>
    <row r="80353" spans="8:8">
      <c r="H80353" s="12"/>
    </row>
    <row r="80354" spans="8:8">
      <c r="H80354" s="12"/>
    </row>
    <row r="80355" spans="8:8">
      <c r="H80355" s="12"/>
    </row>
    <row r="80356" spans="8:8">
      <c r="H80356" s="12"/>
    </row>
    <row r="80357" spans="8:8">
      <c r="H80357" s="12"/>
    </row>
    <row r="80358" spans="8:8">
      <c r="H80358" s="12"/>
    </row>
    <row r="80359" spans="8:8">
      <c r="H80359" s="12"/>
    </row>
    <row r="80360" spans="8:8">
      <c r="H80360" s="12"/>
    </row>
    <row r="80361" spans="8:8">
      <c r="H80361" s="12"/>
    </row>
    <row r="80362" spans="8:8">
      <c r="H80362" s="12"/>
    </row>
    <row r="80363" spans="8:8">
      <c r="H80363" s="12"/>
    </row>
    <row r="80364" spans="8:8">
      <c r="H80364" s="12"/>
    </row>
    <row r="80365" spans="8:8">
      <c r="H80365" s="12"/>
    </row>
    <row r="80366" spans="8:8">
      <c r="H80366" s="12"/>
    </row>
    <row r="80367" spans="8:8">
      <c r="H80367" s="12"/>
    </row>
    <row r="80368" spans="8:8">
      <c r="H80368" s="12"/>
    </row>
    <row r="80369" spans="8:8">
      <c r="H80369" s="12"/>
    </row>
    <row r="80370" spans="8:8">
      <c r="H80370" s="12"/>
    </row>
    <row r="80371" spans="8:8">
      <c r="H80371" s="12"/>
    </row>
    <row r="80372" spans="8:8">
      <c r="H80372" s="12"/>
    </row>
    <row r="80373" spans="8:8">
      <c r="H80373" s="12"/>
    </row>
    <row r="80374" spans="8:8">
      <c r="H80374" s="12"/>
    </row>
    <row r="80375" spans="8:8">
      <c r="H80375" s="12"/>
    </row>
    <row r="80376" spans="8:8">
      <c r="H80376" s="12"/>
    </row>
    <row r="80377" spans="8:8">
      <c r="H80377" s="12"/>
    </row>
    <row r="80378" spans="8:8">
      <c r="H80378" s="12"/>
    </row>
    <row r="80379" spans="8:8">
      <c r="H80379" s="12"/>
    </row>
    <row r="80380" spans="8:8">
      <c r="H80380" s="12"/>
    </row>
    <row r="80381" spans="8:8">
      <c r="H80381" s="12"/>
    </row>
    <row r="80382" spans="8:8">
      <c r="H80382" s="12"/>
    </row>
    <row r="80383" spans="8:8">
      <c r="H80383" s="12"/>
    </row>
    <row r="80384" spans="8:8">
      <c r="H80384" s="12"/>
    </row>
    <row r="80385" spans="8:8">
      <c r="H80385" s="12"/>
    </row>
    <row r="80386" spans="8:8">
      <c r="H80386" s="12"/>
    </row>
    <row r="80387" spans="8:8">
      <c r="H80387" s="12"/>
    </row>
    <row r="80388" spans="8:8">
      <c r="H80388" s="12"/>
    </row>
    <row r="80389" spans="8:8">
      <c r="H80389" s="12"/>
    </row>
    <row r="80390" spans="8:8">
      <c r="H80390" s="12"/>
    </row>
    <row r="80391" spans="8:8">
      <c r="H80391" s="12"/>
    </row>
    <row r="80392" spans="8:8">
      <c r="H80392" s="12"/>
    </row>
    <row r="80393" spans="8:8">
      <c r="H80393" s="12"/>
    </row>
    <row r="80394" spans="8:8">
      <c r="H80394" s="12"/>
    </row>
    <row r="80395" spans="8:8">
      <c r="H80395" s="12"/>
    </row>
    <row r="80396" spans="8:8">
      <c r="H80396" s="12"/>
    </row>
    <row r="80397" spans="8:8">
      <c r="H80397" s="12"/>
    </row>
    <row r="80398" spans="8:8">
      <c r="H80398" s="12"/>
    </row>
    <row r="80399" spans="8:8">
      <c r="H80399" s="12"/>
    </row>
    <row r="80400" spans="8:8">
      <c r="H80400" s="12"/>
    </row>
    <row r="80401" spans="8:8">
      <c r="H80401" s="12"/>
    </row>
    <row r="80402" spans="8:8">
      <c r="H80402" s="12"/>
    </row>
    <row r="80403" spans="8:8">
      <c r="H80403" s="12"/>
    </row>
    <row r="80404" spans="8:8">
      <c r="H80404" s="12"/>
    </row>
    <row r="80405" spans="8:8">
      <c r="H80405" s="12"/>
    </row>
    <row r="80406" spans="8:8">
      <c r="H80406" s="12"/>
    </row>
    <row r="80407" spans="8:8">
      <c r="H80407" s="12"/>
    </row>
    <row r="80408" spans="8:8">
      <c r="H80408" s="12"/>
    </row>
    <row r="80409" spans="8:8">
      <c r="H80409" s="12"/>
    </row>
    <row r="80410" spans="8:8">
      <c r="H80410" s="12"/>
    </row>
    <row r="80411" spans="8:8">
      <c r="H80411" s="12"/>
    </row>
    <row r="80412" spans="8:8">
      <c r="H80412" s="12"/>
    </row>
    <row r="80413" spans="8:8">
      <c r="H80413" s="12"/>
    </row>
    <row r="80414" spans="8:8">
      <c r="H80414" s="12"/>
    </row>
    <row r="80415" spans="8:8">
      <c r="H80415" s="12"/>
    </row>
    <row r="80416" spans="8:8">
      <c r="H80416" s="12"/>
    </row>
    <row r="80417" spans="8:8">
      <c r="H80417" s="12"/>
    </row>
    <row r="80418" spans="8:8">
      <c r="H80418" s="12"/>
    </row>
    <row r="80419" spans="8:8">
      <c r="H80419" s="12"/>
    </row>
    <row r="80420" spans="8:8">
      <c r="H80420" s="12"/>
    </row>
    <row r="80421" spans="8:8">
      <c r="H80421" s="12"/>
    </row>
    <row r="80422" spans="8:8">
      <c r="H80422" s="12"/>
    </row>
    <row r="80423" spans="8:8">
      <c r="H80423" s="12"/>
    </row>
    <row r="80424" spans="8:8">
      <c r="H80424" s="12"/>
    </row>
    <row r="80425" spans="8:8">
      <c r="H80425" s="12"/>
    </row>
    <row r="80426" spans="8:8">
      <c r="H80426" s="12"/>
    </row>
    <row r="80427" spans="8:8">
      <c r="H80427" s="12"/>
    </row>
    <row r="80428" spans="8:8">
      <c r="H80428" s="12"/>
    </row>
    <row r="80429" spans="8:8">
      <c r="H80429" s="12"/>
    </row>
    <row r="80430" spans="8:8">
      <c r="H80430" s="12"/>
    </row>
    <row r="80431" spans="8:8">
      <c r="H80431" s="12"/>
    </row>
    <row r="80432" spans="8:8">
      <c r="H80432" s="12"/>
    </row>
    <row r="80433" spans="8:8">
      <c r="H80433" s="12"/>
    </row>
    <row r="80434" spans="8:8">
      <c r="H80434" s="12"/>
    </row>
    <row r="80435" spans="8:8">
      <c r="H80435" s="12"/>
    </row>
    <row r="80436" spans="8:8">
      <c r="H80436" s="12"/>
    </row>
    <row r="80437" spans="8:8">
      <c r="H80437" s="12"/>
    </row>
    <row r="80438" spans="8:8">
      <c r="H80438" s="12"/>
    </row>
    <row r="80439" spans="8:8">
      <c r="H80439" s="12"/>
    </row>
    <row r="80440" spans="8:8">
      <c r="H80440" s="12"/>
    </row>
    <row r="80441" spans="8:8">
      <c r="H80441" s="12"/>
    </row>
    <row r="80442" spans="8:8">
      <c r="H80442" s="12"/>
    </row>
    <row r="80443" spans="8:8">
      <c r="H80443" s="12"/>
    </row>
    <row r="80444" spans="8:8">
      <c r="H80444" s="12"/>
    </row>
    <row r="80445" spans="8:8">
      <c r="H80445" s="12"/>
    </row>
    <row r="80446" spans="8:8">
      <c r="H80446" s="12"/>
    </row>
    <row r="80447" spans="8:8">
      <c r="H80447" s="12"/>
    </row>
    <row r="80448" spans="8:8">
      <c r="H80448" s="12"/>
    </row>
    <row r="80449" spans="8:8">
      <c r="H80449" s="12"/>
    </row>
    <row r="80450" spans="8:8">
      <c r="H80450" s="12"/>
    </row>
    <row r="80451" spans="8:8">
      <c r="H80451" s="12"/>
    </row>
    <row r="80452" spans="8:8">
      <c r="H80452" s="12"/>
    </row>
    <row r="80453" spans="8:8">
      <c r="H80453" s="12"/>
    </row>
    <row r="80454" spans="8:8">
      <c r="H80454" s="12"/>
    </row>
    <row r="80455" spans="8:8">
      <c r="H80455" s="12"/>
    </row>
    <row r="80456" spans="8:8">
      <c r="H80456" s="12"/>
    </row>
    <row r="80457" spans="8:8">
      <c r="H80457" s="12"/>
    </row>
    <row r="80458" spans="8:8">
      <c r="H80458" s="12"/>
    </row>
    <row r="80459" spans="8:8">
      <c r="H80459" s="12"/>
    </row>
    <row r="80460" spans="8:8">
      <c r="H80460" s="12"/>
    </row>
    <row r="80461" spans="8:8">
      <c r="H80461" s="12"/>
    </row>
    <row r="80462" spans="8:8">
      <c r="H80462" s="12"/>
    </row>
    <row r="80463" spans="8:8">
      <c r="H80463" s="12"/>
    </row>
    <row r="80464" spans="8:8">
      <c r="H80464" s="12"/>
    </row>
    <row r="80465" spans="8:8">
      <c r="H80465" s="12"/>
    </row>
    <row r="80466" spans="8:8">
      <c r="H80466" s="12"/>
    </row>
    <row r="80467" spans="8:8">
      <c r="H80467" s="12"/>
    </row>
    <row r="80468" spans="8:8">
      <c r="H80468" s="12"/>
    </row>
    <row r="80469" spans="8:8">
      <c r="H80469" s="12"/>
    </row>
    <row r="80470" spans="8:8">
      <c r="H80470" s="12"/>
    </row>
    <row r="80471" spans="8:8">
      <c r="H80471" s="12"/>
    </row>
    <row r="80472" spans="8:8">
      <c r="H80472" s="12"/>
    </row>
    <row r="80473" spans="8:8">
      <c r="H80473" s="12"/>
    </row>
    <row r="80474" spans="8:8">
      <c r="H80474" s="12"/>
    </row>
    <row r="80475" spans="8:8">
      <c r="H80475" s="12"/>
    </row>
    <row r="80476" spans="8:8">
      <c r="H80476" s="12"/>
    </row>
    <row r="80477" spans="8:8">
      <c r="H80477" s="12"/>
    </row>
    <row r="80478" spans="8:8">
      <c r="H80478" s="12"/>
    </row>
    <row r="80479" spans="8:8">
      <c r="H80479" s="12"/>
    </row>
    <row r="80480" spans="8:8">
      <c r="H80480" s="12"/>
    </row>
    <row r="80481" spans="8:8">
      <c r="H80481" s="12"/>
    </row>
    <row r="80482" spans="8:8">
      <c r="H80482" s="12"/>
    </row>
    <row r="80483" spans="8:8">
      <c r="H80483" s="12"/>
    </row>
    <row r="80484" spans="8:8">
      <c r="H80484" s="12"/>
    </row>
    <row r="80485" spans="8:8">
      <c r="H80485" s="12"/>
    </row>
    <row r="80486" spans="8:8">
      <c r="H80486" s="12"/>
    </row>
    <row r="80487" spans="8:8">
      <c r="H80487" s="12"/>
    </row>
    <row r="80488" spans="8:8">
      <c r="H80488" s="12"/>
    </row>
    <row r="80489" spans="8:8">
      <c r="H80489" s="12"/>
    </row>
    <row r="80490" spans="8:8">
      <c r="H80490" s="12"/>
    </row>
    <row r="80491" spans="8:8">
      <c r="H80491" s="12"/>
    </row>
    <row r="80492" spans="8:8">
      <c r="H80492" s="12"/>
    </row>
    <row r="80493" spans="8:8">
      <c r="H80493" s="12"/>
    </row>
    <row r="80494" spans="8:8">
      <c r="H80494" s="12"/>
    </row>
    <row r="80495" spans="8:8">
      <c r="H80495" s="12"/>
    </row>
    <row r="80496" spans="8:8">
      <c r="H80496" s="12"/>
    </row>
    <row r="80497" spans="8:8">
      <c r="H80497" s="12"/>
    </row>
    <row r="80498" spans="8:8">
      <c r="H80498" s="12"/>
    </row>
    <row r="80499" spans="8:8">
      <c r="H80499" s="12"/>
    </row>
    <row r="80500" spans="8:8">
      <c r="H80500" s="12"/>
    </row>
    <row r="80501" spans="8:8">
      <c r="H80501" s="12"/>
    </row>
    <row r="80502" spans="8:8">
      <c r="H80502" s="12"/>
    </row>
    <row r="80503" spans="8:8">
      <c r="H80503" s="12"/>
    </row>
    <row r="80504" spans="8:8">
      <c r="H80504" s="12"/>
    </row>
    <row r="80505" spans="8:8">
      <c r="H80505" s="12"/>
    </row>
    <row r="80506" spans="8:8">
      <c r="H80506" s="12"/>
    </row>
    <row r="80507" spans="8:8">
      <c r="H80507" s="12"/>
    </row>
    <row r="80508" spans="8:8">
      <c r="H80508" s="12"/>
    </row>
    <row r="80509" spans="8:8">
      <c r="H80509" s="12"/>
    </row>
    <row r="80510" spans="8:8">
      <c r="H80510" s="12"/>
    </row>
    <row r="80511" spans="8:8">
      <c r="H80511" s="12"/>
    </row>
    <row r="80512" spans="8:8">
      <c r="H80512" s="12"/>
    </row>
    <row r="80513" spans="8:8">
      <c r="H80513" s="12"/>
    </row>
    <row r="80514" spans="8:8">
      <c r="H80514" s="12"/>
    </row>
    <row r="80515" spans="8:8">
      <c r="H80515" s="12"/>
    </row>
    <row r="80516" spans="8:8">
      <c r="H80516" s="12"/>
    </row>
    <row r="80517" spans="8:8">
      <c r="H80517" s="12"/>
    </row>
    <row r="80518" spans="8:8">
      <c r="H80518" s="12"/>
    </row>
    <row r="80519" spans="8:8">
      <c r="H80519" s="12"/>
    </row>
    <row r="80520" spans="8:8">
      <c r="H80520" s="12"/>
    </row>
    <row r="80521" spans="8:8">
      <c r="H80521" s="12"/>
    </row>
    <row r="80522" spans="8:8">
      <c r="H80522" s="12"/>
    </row>
    <row r="80523" spans="8:8">
      <c r="H80523" s="12"/>
    </row>
    <row r="80524" spans="8:8">
      <c r="H80524" s="12"/>
    </row>
    <row r="80525" spans="8:8">
      <c r="H80525" s="12"/>
    </row>
    <row r="80526" spans="8:8">
      <c r="H80526" s="12"/>
    </row>
    <row r="80527" spans="8:8">
      <c r="H80527" s="12"/>
    </row>
    <row r="80528" spans="8:8">
      <c r="H80528" s="12"/>
    </row>
    <row r="80529" spans="8:8">
      <c r="H80529" s="12"/>
    </row>
    <row r="80530" spans="8:8">
      <c r="H80530" s="12"/>
    </row>
    <row r="80531" spans="8:8">
      <c r="H80531" s="12"/>
    </row>
    <row r="80532" spans="8:8">
      <c r="H80532" s="12"/>
    </row>
    <row r="80533" spans="8:8">
      <c r="H80533" s="12"/>
    </row>
    <row r="80534" spans="8:8">
      <c r="H80534" s="12"/>
    </row>
    <row r="80535" spans="8:8">
      <c r="H80535" s="12"/>
    </row>
    <row r="80536" spans="8:8">
      <c r="H80536" s="12"/>
    </row>
    <row r="80537" spans="8:8">
      <c r="H80537" s="12"/>
    </row>
    <row r="80538" spans="8:8">
      <c r="H80538" s="12"/>
    </row>
    <row r="80539" spans="8:8">
      <c r="H80539" s="12"/>
    </row>
    <row r="80540" spans="8:8">
      <c r="H80540" s="12"/>
    </row>
    <row r="80541" spans="8:8">
      <c r="H80541" s="12"/>
    </row>
    <row r="80542" spans="8:8">
      <c r="H80542" s="12"/>
    </row>
    <row r="80543" spans="8:8">
      <c r="H80543" s="12"/>
    </row>
    <row r="80544" spans="8:8">
      <c r="H80544" s="12"/>
    </row>
    <row r="80545" spans="8:8">
      <c r="H80545" s="12"/>
    </row>
    <row r="80546" spans="8:8">
      <c r="H80546" s="12"/>
    </row>
    <row r="80547" spans="8:8">
      <c r="H80547" s="12"/>
    </row>
    <row r="80548" spans="8:8">
      <c r="H80548" s="12"/>
    </row>
    <row r="80549" spans="8:8">
      <c r="H80549" s="12"/>
    </row>
    <row r="80550" spans="8:8">
      <c r="H80550" s="12"/>
    </row>
    <row r="80551" spans="8:8">
      <c r="H80551" s="12"/>
    </row>
    <row r="80552" spans="8:8">
      <c r="H80552" s="12"/>
    </row>
    <row r="80553" spans="8:8">
      <c r="H80553" s="12"/>
    </row>
    <row r="80554" spans="8:8">
      <c r="H80554" s="12"/>
    </row>
    <row r="80555" spans="8:8">
      <c r="H80555" s="12"/>
    </row>
    <row r="80556" spans="8:8">
      <c r="H80556" s="12"/>
    </row>
    <row r="80557" spans="8:8">
      <c r="H80557" s="12"/>
    </row>
    <row r="80558" spans="8:8">
      <c r="H80558" s="12"/>
    </row>
    <row r="80559" spans="8:8">
      <c r="H80559" s="12"/>
    </row>
    <row r="80560" spans="8:8">
      <c r="H80560" s="12"/>
    </row>
    <row r="80561" spans="8:8">
      <c r="H80561" s="12"/>
    </row>
    <row r="80562" spans="8:8">
      <c r="H80562" s="12"/>
    </row>
    <row r="80563" spans="8:8">
      <c r="H80563" s="12"/>
    </row>
    <row r="80564" spans="8:8">
      <c r="H80564" s="12"/>
    </row>
    <row r="80565" spans="8:8">
      <c r="H80565" s="12"/>
    </row>
    <row r="80566" spans="8:8">
      <c r="H80566" s="12"/>
    </row>
    <row r="80567" spans="8:8">
      <c r="H80567" s="12"/>
    </row>
    <row r="80568" spans="8:8">
      <c r="H80568" s="12"/>
    </row>
    <row r="80569" spans="8:8">
      <c r="H80569" s="12"/>
    </row>
    <row r="80570" spans="8:8">
      <c r="H80570" s="12"/>
    </row>
    <row r="80571" spans="8:8">
      <c r="H80571" s="12"/>
    </row>
    <row r="80572" spans="8:8">
      <c r="H80572" s="12"/>
    </row>
    <row r="80573" spans="8:8">
      <c r="H80573" s="12"/>
    </row>
    <row r="80574" spans="8:8">
      <c r="H80574" s="12"/>
    </row>
    <row r="80575" spans="8:8">
      <c r="H80575" s="12"/>
    </row>
    <row r="80576" spans="8:8">
      <c r="H80576" s="12"/>
    </row>
    <row r="80577" spans="8:8">
      <c r="H80577" s="12"/>
    </row>
    <row r="80578" spans="8:8">
      <c r="H80578" s="12"/>
    </row>
    <row r="80579" spans="8:8">
      <c r="H80579" s="12"/>
    </row>
    <row r="80580" spans="8:8">
      <c r="H80580" s="12"/>
    </row>
    <row r="80581" spans="8:8">
      <c r="H80581" s="12"/>
    </row>
    <row r="80582" spans="8:8">
      <c r="H80582" s="12"/>
    </row>
    <row r="80583" spans="8:8">
      <c r="H80583" s="12"/>
    </row>
    <row r="80584" spans="8:8">
      <c r="H80584" s="12"/>
    </row>
    <row r="80585" spans="8:8">
      <c r="H80585" s="12"/>
    </row>
    <row r="80586" spans="8:8">
      <c r="H80586" s="12"/>
    </row>
    <row r="80587" spans="8:8">
      <c r="H80587" s="12"/>
    </row>
    <row r="80588" spans="8:8">
      <c r="H80588" s="12"/>
    </row>
    <row r="80589" spans="8:8">
      <c r="H80589" s="12"/>
    </row>
    <row r="80590" spans="8:8">
      <c r="H80590" s="12"/>
    </row>
    <row r="80591" spans="8:8">
      <c r="H80591" s="12"/>
    </row>
    <row r="80592" spans="8:8">
      <c r="H80592" s="12"/>
    </row>
    <row r="80593" spans="8:8">
      <c r="H80593" s="12"/>
    </row>
    <row r="80594" spans="8:8">
      <c r="H80594" s="12"/>
    </row>
    <row r="80595" spans="8:8">
      <c r="H80595" s="12"/>
    </row>
    <row r="80596" spans="8:8">
      <c r="H80596" s="12"/>
    </row>
    <row r="80597" spans="8:8">
      <c r="H80597" s="12"/>
    </row>
    <row r="80598" spans="8:8">
      <c r="H80598" s="12"/>
    </row>
    <row r="80599" spans="8:8">
      <c r="H80599" s="12"/>
    </row>
    <row r="80600" spans="8:8">
      <c r="H80600" s="12"/>
    </row>
    <row r="80601" spans="8:8">
      <c r="H80601" s="12"/>
    </row>
    <row r="80602" spans="8:8">
      <c r="H80602" s="12"/>
    </row>
    <row r="80603" spans="8:8">
      <c r="H80603" s="12"/>
    </row>
    <row r="80604" spans="8:8">
      <c r="H80604" s="12"/>
    </row>
    <row r="80605" spans="8:8">
      <c r="H80605" s="12"/>
    </row>
    <row r="80606" spans="8:8">
      <c r="H80606" s="12"/>
    </row>
    <row r="80607" spans="8:8">
      <c r="H80607" s="12"/>
    </row>
    <row r="80608" spans="8:8">
      <c r="H80608" s="12"/>
    </row>
    <row r="80609" spans="8:8">
      <c r="H80609" s="12"/>
    </row>
    <row r="80610" spans="8:8">
      <c r="H80610" s="12"/>
    </row>
    <row r="80611" spans="8:8">
      <c r="H80611" s="12"/>
    </row>
    <row r="80612" spans="8:8">
      <c r="H80612" s="12"/>
    </row>
    <row r="80613" spans="8:8">
      <c r="H80613" s="12"/>
    </row>
    <row r="80614" spans="8:8">
      <c r="H80614" s="12"/>
    </row>
    <row r="80615" spans="8:8">
      <c r="H80615" s="12"/>
    </row>
    <row r="80616" spans="8:8">
      <c r="H80616" s="12"/>
    </row>
    <row r="80617" spans="8:8">
      <c r="H80617" s="12"/>
    </row>
    <row r="80618" spans="8:8">
      <c r="H80618" s="12"/>
    </row>
    <row r="80619" spans="8:8">
      <c r="H80619" s="12"/>
    </row>
    <row r="80620" spans="8:8">
      <c r="H80620" s="12"/>
    </row>
    <row r="80621" spans="8:8">
      <c r="H80621" s="12"/>
    </row>
    <row r="80622" spans="8:8">
      <c r="H80622" s="12"/>
    </row>
    <row r="80623" spans="8:8">
      <c r="H80623" s="12"/>
    </row>
    <row r="80624" spans="8:8">
      <c r="H80624" s="12"/>
    </row>
    <row r="80625" spans="8:8">
      <c r="H80625" s="12"/>
    </row>
    <row r="80626" spans="8:8">
      <c r="H80626" s="12"/>
    </row>
    <row r="80627" spans="8:8">
      <c r="H80627" s="12"/>
    </row>
    <row r="80628" spans="8:8">
      <c r="H80628" s="12"/>
    </row>
    <row r="80629" spans="8:8">
      <c r="H80629" s="12"/>
    </row>
    <row r="80630" spans="8:8">
      <c r="H80630" s="12"/>
    </row>
    <row r="80631" spans="8:8">
      <c r="H80631" s="12"/>
    </row>
    <row r="80632" spans="8:8">
      <c r="H80632" s="12"/>
    </row>
    <row r="80633" spans="8:8">
      <c r="H80633" s="12"/>
    </row>
    <row r="80634" spans="8:8">
      <c r="H80634" s="12"/>
    </row>
    <row r="80635" spans="8:8">
      <c r="H80635" s="12"/>
    </row>
    <row r="80636" spans="8:8">
      <c r="H80636" s="12"/>
    </row>
    <row r="80637" spans="8:8">
      <c r="H80637" s="12"/>
    </row>
    <row r="80638" spans="8:8">
      <c r="H80638" s="12"/>
    </row>
    <row r="80639" spans="8:8">
      <c r="H80639" s="12"/>
    </row>
    <row r="80640" spans="8:8">
      <c r="H80640" s="12"/>
    </row>
    <row r="80641" spans="8:8">
      <c r="H80641" s="12"/>
    </row>
    <row r="80642" spans="8:8">
      <c r="H80642" s="12"/>
    </row>
    <row r="80643" spans="8:8">
      <c r="H80643" s="12"/>
    </row>
    <row r="80644" spans="8:8">
      <c r="H80644" s="12"/>
    </row>
    <row r="80645" spans="8:8">
      <c r="H80645" s="12"/>
    </row>
    <row r="80646" spans="8:8">
      <c r="H80646" s="12"/>
    </row>
    <row r="80647" spans="8:8">
      <c r="H80647" s="12"/>
    </row>
    <row r="80648" spans="8:8">
      <c r="H80648" s="12"/>
    </row>
    <row r="80649" spans="8:8">
      <c r="H80649" s="12"/>
    </row>
    <row r="80650" spans="8:8">
      <c r="H80650" s="12"/>
    </row>
    <row r="80651" spans="8:8">
      <c r="H80651" s="12"/>
    </row>
    <row r="80652" spans="8:8">
      <c r="H80652" s="12"/>
    </row>
    <row r="80653" spans="8:8">
      <c r="H80653" s="12"/>
    </row>
    <row r="80654" spans="8:8">
      <c r="H80654" s="12"/>
    </row>
    <row r="80655" spans="8:8">
      <c r="H80655" s="12"/>
    </row>
    <row r="80656" spans="8:8">
      <c r="H80656" s="12"/>
    </row>
    <row r="80657" spans="8:8">
      <c r="H80657" s="12"/>
    </row>
    <row r="80658" spans="8:8">
      <c r="H80658" s="12"/>
    </row>
    <row r="80659" spans="8:8">
      <c r="H80659" s="12"/>
    </row>
    <row r="80660" spans="8:8">
      <c r="H80660" s="12"/>
    </row>
    <row r="80661" spans="8:8">
      <c r="H80661" s="12"/>
    </row>
    <row r="80662" spans="8:8">
      <c r="H80662" s="12"/>
    </row>
    <row r="80663" spans="8:8">
      <c r="H80663" s="12"/>
    </row>
    <row r="80664" spans="8:8">
      <c r="H80664" s="12"/>
    </row>
    <row r="80665" spans="8:8">
      <c r="H80665" s="12"/>
    </row>
    <row r="80666" spans="8:8">
      <c r="H80666" s="12"/>
    </row>
    <row r="80667" spans="8:8">
      <c r="H80667" s="12"/>
    </row>
    <row r="80668" spans="8:8">
      <c r="H80668" s="12"/>
    </row>
    <row r="80669" spans="8:8">
      <c r="H80669" s="12"/>
    </row>
    <row r="80670" spans="8:8">
      <c r="H80670" s="12"/>
    </row>
    <row r="80671" spans="8:8">
      <c r="H80671" s="12"/>
    </row>
    <row r="80672" spans="8:8">
      <c r="H80672" s="12"/>
    </row>
    <row r="80673" spans="8:8">
      <c r="H80673" s="12"/>
    </row>
    <row r="80674" spans="8:8">
      <c r="H80674" s="12"/>
    </row>
    <row r="80675" spans="8:8">
      <c r="H80675" s="12"/>
    </row>
    <row r="80676" spans="8:8">
      <c r="H80676" s="12"/>
    </row>
    <row r="80677" spans="8:8">
      <c r="H80677" s="12"/>
    </row>
    <row r="80678" spans="8:8">
      <c r="H80678" s="12"/>
    </row>
    <row r="80679" spans="8:8">
      <c r="H80679" s="12"/>
    </row>
    <row r="80680" spans="8:8">
      <c r="H80680" s="12"/>
    </row>
    <row r="80681" spans="8:8">
      <c r="H80681" s="12"/>
    </row>
    <row r="80682" spans="8:8">
      <c r="H80682" s="12"/>
    </row>
    <row r="80683" spans="8:8">
      <c r="H80683" s="12"/>
    </row>
    <row r="80684" spans="8:8">
      <c r="H80684" s="12"/>
    </row>
    <row r="80685" spans="8:8">
      <c r="H80685" s="12"/>
    </row>
    <row r="80686" spans="8:8">
      <c r="H80686" s="12"/>
    </row>
    <row r="80687" spans="8:8">
      <c r="H80687" s="12"/>
    </row>
    <row r="80688" spans="8:8">
      <c r="H80688" s="12"/>
    </row>
    <row r="80689" spans="8:8">
      <c r="H80689" s="12"/>
    </row>
    <row r="80690" spans="8:8">
      <c r="H80690" s="12"/>
    </row>
    <row r="80691" spans="8:8">
      <c r="H80691" s="12"/>
    </row>
    <row r="80692" spans="8:8">
      <c r="H80692" s="12"/>
    </row>
    <row r="80693" spans="8:8">
      <c r="H80693" s="12"/>
    </row>
    <row r="80694" spans="8:8">
      <c r="H80694" s="12"/>
    </row>
    <row r="80695" spans="8:8">
      <c r="H80695" s="12"/>
    </row>
    <row r="80696" spans="8:8">
      <c r="H80696" s="12"/>
    </row>
    <row r="80697" spans="8:8">
      <c r="H80697" s="12"/>
    </row>
    <row r="80698" spans="8:8">
      <c r="H80698" s="12"/>
    </row>
    <row r="80699" spans="8:8">
      <c r="H80699" s="12"/>
    </row>
    <row r="80700" spans="8:8">
      <c r="H80700" s="12"/>
    </row>
    <row r="80701" spans="8:8">
      <c r="H80701" s="12"/>
    </row>
    <row r="80702" spans="8:8">
      <c r="H80702" s="12"/>
    </row>
    <row r="80703" spans="8:8">
      <c r="H80703" s="12"/>
    </row>
    <row r="80704" spans="8:8">
      <c r="H80704" s="12"/>
    </row>
    <row r="80705" spans="8:8">
      <c r="H80705" s="12"/>
    </row>
    <row r="80706" spans="8:8">
      <c r="H80706" s="12"/>
    </row>
    <row r="80707" spans="8:8">
      <c r="H80707" s="12"/>
    </row>
    <row r="80708" spans="8:8">
      <c r="H80708" s="12"/>
    </row>
    <row r="80709" spans="8:8">
      <c r="H80709" s="12"/>
    </row>
    <row r="80710" spans="8:8">
      <c r="H80710" s="12"/>
    </row>
    <row r="80711" spans="8:8">
      <c r="H80711" s="12"/>
    </row>
    <row r="80712" spans="8:8">
      <c r="H80712" s="12"/>
    </row>
    <row r="80713" spans="8:8">
      <c r="H80713" s="12"/>
    </row>
    <row r="80714" spans="8:8">
      <c r="H80714" s="12"/>
    </row>
    <row r="80715" spans="8:8">
      <c r="H80715" s="12"/>
    </row>
    <row r="80716" spans="8:8">
      <c r="H80716" s="12"/>
    </row>
    <row r="80717" spans="8:8">
      <c r="H80717" s="12"/>
    </row>
    <row r="80718" spans="8:8">
      <c r="H80718" s="12"/>
    </row>
    <row r="80719" spans="8:8">
      <c r="H80719" s="12"/>
    </row>
    <row r="80720" spans="8:8">
      <c r="H80720" s="12"/>
    </row>
    <row r="80721" spans="8:8">
      <c r="H80721" s="12"/>
    </row>
    <row r="80722" spans="8:8">
      <c r="H80722" s="12"/>
    </row>
    <row r="80723" spans="8:8">
      <c r="H80723" s="12"/>
    </row>
    <row r="80724" spans="8:8">
      <c r="H80724" s="12"/>
    </row>
    <row r="80725" spans="8:8">
      <c r="H80725" s="12"/>
    </row>
    <row r="80726" spans="8:8">
      <c r="H80726" s="12"/>
    </row>
    <row r="80727" spans="8:8">
      <c r="H80727" s="12"/>
    </row>
    <row r="80728" spans="8:8">
      <c r="H80728" s="12"/>
    </row>
    <row r="80729" spans="8:8">
      <c r="H80729" s="12"/>
    </row>
    <row r="80730" spans="8:8">
      <c r="H80730" s="12"/>
    </row>
    <row r="80731" spans="8:8">
      <c r="H80731" s="12"/>
    </row>
    <row r="80732" spans="8:8">
      <c r="H80732" s="12"/>
    </row>
    <row r="80733" spans="8:8">
      <c r="H80733" s="12"/>
    </row>
    <row r="80734" spans="8:8">
      <c r="H80734" s="12"/>
    </row>
    <row r="80735" spans="8:8">
      <c r="H80735" s="12"/>
    </row>
    <row r="80736" spans="8:8">
      <c r="H80736" s="12"/>
    </row>
    <row r="80737" spans="8:8">
      <c r="H80737" s="12"/>
    </row>
    <row r="80738" spans="8:8">
      <c r="H80738" s="12"/>
    </row>
    <row r="80739" spans="8:8">
      <c r="H80739" s="12"/>
    </row>
    <row r="80740" spans="8:8">
      <c r="H80740" s="12"/>
    </row>
    <row r="80741" spans="8:8">
      <c r="H80741" s="12"/>
    </row>
    <row r="80742" spans="8:8">
      <c r="H80742" s="12"/>
    </row>
    <row r="80743" spans="8:8">
      <c r="H80743" s="12"/>
    </row>
    <row r="80744" spans="8:8">
      <c r="H80744" s="12"/>
    </row>
    <row r="80745" spans="8:8">
      <c r="H80745" s="12"/>
    </row>
    <row r="80746" spans="8:8">
      <c r="H80746" s="12"/>
    </row>
    <row r="80747" spans="8:8">
      <c r="H80747" s="12"/>
    </row>
    <row r="80748" spans="8:8">
      <c r="H80748" s="12"/>
    </row>
    <row r="80749" spans="8:8">
      <c r="H80749" s="12"/>
    </row>
    <row r="80750" spans="8:8">
      <c r="H80750" s="12"/>
    </row>
    <row r="80751" spans="8:8">
      <c r="H80751" s="12"/>
    </row>
    <row r="80752" spans="8:8">
      <c r="H80752" s="12"/>
    </row>
    <row r="80753" spans="8:8">
      <c r="H80753" s="12"/>
    </row>
    <row r="80754" spans="8:8">
      <c r="H80754" s="12"/>
    </row>
    <row r="80755" spans="8:8">
      <c r="H80755" s="12"/>
    </row>
    <row r="80756" spans="8:8">
      <c r="H80756" s="12"/>
    </row>
    <row r="80757" spans="8:8">
      <c r="H80757" s="12"/>
    </row>
    <row r="80758" spans="8:8">
      <c r="H80758" s="12"/>
    </row>
    <row r="80759" spans="8:8">
      <c r="H80759" s="12"/>
    </row>
    <row r="80760" spans="8:8">
      <c r="H80760" s="12"/>
    </row>
    <row r="80761" spans="8:8">
      <c r="H80761" s="12"/>
    </row>
    <row r="80762" spans="8:8">
      <c r="H80762" s="12"/>
    </row>
    <row r="80763" spans="8:8">
      <c r="H80763" s="12"/>
    </row>
    <row r="80764" spans="8:8">
      <c r="H80764" s="12"/>
    </row>
    <row r="80765" spans="8:8">
      <c r="H80765" s="12"/>
    </row>
    <row r="80766" spans="8:8">
      <c r="H80766" s="12"/>
    </row>
    <row r="80767" spans="8:8">
      <c r="H80767" s="12"/>
    </row>
    <row r="80768" spans="8:8">
      <c r="H80768" s="12"/>
    </row>
    <row r="80769" spans="8:8">
      <c r="H80769" s="12"/>
    </row>
    <row r="80770" spans="8:8">
      <c r="H80770" s="12"/>
    </row>
    <row r="80771" spans="8:8">
      <c r="H80771" s="12"/>
    </row>
    <row r="80772" spans="8:8">
      <c r="H80772" s="12"/>
    </row>
    <row r="80773" spans="8:8">
      <c r="H80773" s="12"/>
    </row>
    <row r="80774" spans="8:8">
      <c r="H80774" s="12"/>
    </row>
    <row r="80775" spans="8:8">
      <c r="H80775" s="12"/>
    </row>
    <row r="80776" spans="8:8">
      <c r="H80776" s="12"/>
    </row>
    <row r="80777" spans="8:8">
      <c r="H80777" s="12"/>
    </row>
    <row r="80778" spans="8:8">
      <c r="H80778" s="12"/>
    </row>
    <row r="80779" spans="8:8">
      <c r="H80779" s="12"/>
    </row>
    <row r="80780" spans="8:8">
      <c r="H80780" s="12"/>
    </row>
    <row r="80781" spans="8:8">
      <c r="H80781" s="12"/>
    </row>
    <row r="80782" spans="8:8">
      <c r="H80782" s="12"/>
    </row>
    <row r="80783" spans="8:8">
      <c r="H80783" s="12"/>
    </row>
    <row r="80784" spans="8:8">
      <c r="H80784" s="12"/>
    </row>
    <row r="80785" spans="8:8">
      <c r="H80785" s="12"/>
    </row>
    <row r="80786" spans="8:8">
      <c r="H80786" s="12"/>
    </row>
    <row r="80787" spans="8:8">
      <c r="H80787" s="12"/>
    </row>
    <row r="80788" spans="8:8">
      <c r="H80788" s="12"/>
    </row>
    <row r="80789" spans="8:8">
      <c r="H80789" s="12"/>
    </row>
    <row r="80790" spans="8:8">
      <c r="H80790" s="12"/>
    </row>
    <row r="80791" spans="8:8">
      <c r="H80791" s="12"/>
    </row>
    <row r="80792" spans="8:8">
      <c r="H80792" s="12"/>
    </row>
    <row r="80793" spans="8:8">
      <c r="H80793" s="12"/>
    </row>
    <row r="80794" spans="8:8">
      <c r="H80794" s="12"/>
    </row>
    <row r="80795" spans="8:8">
      <c r="H80795" s="12"/>
    </row>
    <row r="80796" spans="8:8">
      <c r="H80796" s="12"/>
    </row>
    <row r="80797" spans="8:8">
      <c r="H80797" s="12"/>
    </row>
    <row r="80798" spans="8:8">
      <c r="H80798" s="12"/>
    </row>
    <row r="80799" spans="8:8">
      <c r="H80799" s="12"/>
    </row>
    <row r="80800" spans="8:8">
      <c r="H80800" s="12"/>
    </row>
    <row r="80801" spans="8:8">
      <c r="H80801" s="12"/>
    </row>
    <row r="80802" spans="8:8">
      <c r="H80802" s="12"/>
    </row>
    <row r="80803" spans="8:8">
      <c r="H80803" s="12"/>
    </row>
    <row r="80804" spans="8:8">
      <c r="H80804" s="12"/>
    </row>
    <row r="80805" spans="8:8">
      <c r="H80805" s="12"/>
    </row>
    <row r="80806" spans="8:8">
      <c r="H80806" s="12"/>
    </row>
    <row r="80807" spans="8:8">
      <c r="H80807" s="12"/>
    </row>
    <row r="80808" spans="8:8">
      <c r="H80808" s="12"/>
    </row>
    <row r="80809" spans="8:8">
      <c r="H80809" s="12"/>
    </row>
    <row r="80810" spans="8:8">
      <c r="H80810" s="12"/>
    </row>
    <row r="80811" spans="8:8">
      <c r="H80811" s="12"/>
    </row>
    <row r="80812" spans="8:8">
      <c r="H80812" s="12"/>
    </row>
    <row r="80813" spans="8:8">
      <c r="H80813" s="12"/>
    </row>
    <row r="80814" spans="8:8">
      <c r="H80814" s="12"/>
    </row>
    <row r="80815" spans="8:8">
      <c r="H80815" s="12"/>
    </row>
    <row r="80816" spans="8:8">
      <c r="H80816" s="12"/>
    </row>
    <row r="80817" spans="8:8">
      <c r="H80817" s="12"/>
    </row>
    <row r="80818" spans="8:8">
      <c r="H80818" s="12"/>
    </row>
    <row r="80819" spans="8:8">
      <c r="H80819" s="12"/>
    </row>
    <row r="80820" spans="8:8">
      <c r="H80820" s="12"/>
    </row>
    <row r="80821" spans="8:8">
      <c r="H80821" s="12"/>
    </row>
    <row r="80822" spans="8:8">
      <c r="H80822" s="12"/>
    </row>
    <row r="80823" spans="8:8">
      <c r="H80823" s="12"/>
    </row>
    <row r="80824" spans="8:8">
      <c r="H80824" s="12"/>
    </row>
    <row r="80825" spans="8:8">
      <c r="H80825" s="12"/>
    </row>
    <row r="80826" spans="8:8">
      <c r="H80826" s="12"/>
    </row>
    <row r="80827" spans="8:8">
      <c r="H80827" s="12"/>
    </row>
    <row r="80828" spans="8:8">
      <c r="H80828" s="12"/>
    </row>
    <row r="80829" spans="8:8">
      <c r="H80829" s="12"/>
    </row>
    <row r="80830" spans="8:8">
      <c r="H80830" s="12"/>
    </row>
    <row r="80831" spans="8:8">
      <c r="H80831" s="12"/>
    </row>
    <row r="80832" spans="8:8">
      <c r="H80832" s="12"/>
    </row>
    <row r="80833" spans="8:8">
      <c r="H80833" s="12"/>
    </row>
    <row r="80834" spans="8:8">
      <c r="H80834" s="12"/>
    </row>
    <row r="80835" spans="8:8">
      <c r="H80835" s="12"/>
    </row>
    <row r="80836" spans="8:8">
      <c r="H80836" s="12"/>
    </row>
    <row r="80837" spans="8:8">
      <c r="H80837" s="12"/>
    </row>
    <row r="80838" spans="8:8">
      <c r="H80838" s="12"/>
    </row>
    <row r="80839" spans="8:8">
      <c r="H80839" s="12"/>
    </row>
    <row r="80840" spans="8:8">
      <c r="H80840" s="12"/>
    </row>
    <row r="80841" spans="8:8">
      <c r="H80841" s="12"/>
    </row>
    <row r="80842" spans="8:8">
      <c r="H80842" s="12"/>
    </row>
    <row r="80843" spans="8:8">
      <c r="H80843" s="12"/>
    </row>
    <row r="80844" spans="8:8">
      <c r="H80844" s="12"/>
    </row>
    <row r="80845" spans="8:8">
      <c r="H80845" s="12"/>
    </row>
    <row r="80846" spans="8:8">
      <c r="H80846" s="12"/>
    </row>
    <row r="80847" spans="8:8">
      <c r="H80847" s="12"/>
    </row>
    <row r="80848" spans="8:8">
      <c r="H80848" s="12"/>
    </row>
    <row r="80849" spans="8:8">
      <c r="H80849" s="12"/>
    </row>
    <row r="80850" spans="8:8">
      <c r="H80850" s="12"/>
    </row>
    <row r="80851" spans="8:8">
      <c r="H80851" s="12"/>
    </row>
    <row r="80852" spans="8:8">
      <c r="H80852" s="12"/>
    </row>
    <row r="80853" spans="8:8">
      <c r="H80853" s="12"/>
    </row>
    <row r="80854" spans="8:8">
      <c r="H80854" s="12"/>
    </row>
    <row r="80855" spans="8:8">
      <c r="H80855" s="12"/>
    </row>
    <row r="80856" spans="8:8">
      <c r="H80856" s="12"/>
    </row>
    <row r="80857" spans="8:8">
      <c r="H80857" s="12"/>
    </row>
    <row r="80858" spans="8:8">
      <c r="H80858" s="12"/>
    </row>
    <row r="80859" spans="8:8">
      <c r="H80859" s="12"/>
    </row>
    <row r="80860" spans="8:8">
      <c r="H80860" s="12"/>
    </row>
    <row r="80861" spans="8:8">
      <c r="H80861" s="12"/>
    </row>
    <row r="80862" spans="8:8">
      <c r="H80862" s="12"/>
    </row>
    <row r="80863" spans="8:8">
      <c r="H80863" s="12"/>
    </row>
    <row r="80864" spans="8:8">
      <c r="H80864" s="12"/>
    </row>
    <row r="80865" spans="8:8">
      <c r="H80865" s="12"/>
    </row>
    <row r="80866" spans="8:8">
      <c r="H80866" s="12"/>
    </row>
    <row r="80867" spans="8:8">
      <c r="H80867" s="12"/>
    </row>
    <row r="80868" spans="8:8">
      <c r="H80868" s="12"/>
    </row>
    <row r="80869" spans="8:8">
      <c r="H80869" s="12"/>
    </row>
    <row r="80870" spans="8:8">
      <c r="H80870" s="12"/>
    </row>
    <row r="80871" spans="8:8">
      <c r="H80871" s="12"/>
    </row>
    <row r="80872" spans="8:8">
      <c r="H80872" s="12"/>
    </row>
    <row r="80873" spans="8:8">
      <c r="H80873" s="12"/>
    </row>
    <row r="80874" spans="8:8">
      <c r="H80874" s="12"/>
    </row>
    <row r="80875" spans="8:8">
      <c r="H80875" s="12"/>
    </row>
    <row r="80876" spans="8:8">
      <c r="H80876" s="12"/>
    </row>
    <row r="80877" spans="8:8">
      <c r="H80877" s="12"/>
    </row>
    <row r="80878" spans="8:8">
      <c r="H80878" s="12"/>
    </row>
    <row r="80879" spans="8:8">
      <c r="H80879" s="12"/>
    </row>
    <row r="80880" spans="8:8">
      <c r="H80880" s="12"/>
    </row>
    <row r="80881" spans="8:8">
      <c r="H80881" s="12"/>
    </row>
    <row r="80882" spans="8:8">
      <c r="H80882" s="12"/>
    </row>
    <row r="80883" spans="8:8">
      <c r="H80883" s="12"/>
    </row>
    <row r="80884" spans="8:8">
      <c r="H80884" s="12"/>
    </row>
    <row r="80885" spans="8:8">
      <c r="H80885" s="12"/>
    </row>
    <row r="80886" spans="8:8">
      <c r="H80886" s="12"/>
    </row>
    <row r="80887" spans="8:8">
      <c r="H80887" s="12"/>
    </row>
    <row r="80888" spans="8:8">
      <c r="H80888" s="12"/>
    </row>
    <row r="80889" spans="8:8">
      <c r="H80889" s="12"/>
    </row>
    <row r="80890" spans="8:8">
      <c r="H80890" s="12"/>
    </row>
    <row r="80891" spans="8:8">
      <c r="H80891" s="12"/>
    </row>
    <row r="80892" spans="8:8">
      <c r="H80892" s="12"/>
    </row>
    <row r="80893" spans="8:8">
      <c r="H80893" s="12"/>
    </row>
    <row r="80894" spans="8:8">
      <c r="H80894" s="12"/>
    </row>
    <row r="80895" spans="8:8">
      <c r="H80895" s="12"/>
    </row>
    <row r="80896" spans="8:8">
      <c r="H80896" s="12"/>
    </row>
    <row r="80897" spans="8:8">
      <c r="H80897" s="12"/>
    </row>
    <row r="80898" spans="8:8">
      <c r="H80898" s="12"/>
    </row>
    <row r="80899" spans="8:8">
      <c r="H80899" s="12"/>
    </row>
    <row r="80900" spans="8:8">
      <c r="H80900" s="12"/>
    </row>
    <row r="80901" spans="8:8">
      <c r="H80901" s="12"/>
    </row>
    <row r="80902" spans="8:8">
      <c r="H80902" s="12"/>
    </row>
    <row r="80903" spans="8:8">
      <c r="H80903" s="12"/>
    </row>
    <row r="80904" spans="8:8">
      <c r="H80904" s="12"/>
    </row>
    <row r="80905" spans="8:8">
      <c r="H80905" s="12"/>
    </row>
    <row r="80906" spans="8:8">
      <c r="H80906" s="12"/>
    </row>
    <row r="80907" spans="8:8">
      <c r="H80907" s="12"/>
    </row>
    <row r="80908" spans="8:8">
      <c r="H80908" s="12"/>
    </row>
    <row r="80909" spans="8:8">
      <c r="H80909" s="12"/>
    </row>
    <row r="80910" spans="8:8">
      <c r="H80910" s="12"/>
    </row>
    <row r="80911" spans="8:8">
      <c r="H80911" s="12"/>
    </row>
    <row r="80912" spans="8:8">
      <c r="H80912" s="12"/>
    </row>
    <row r="80913" spans="8:8">
      <c r="H80913" s="12"/>
    </row>
    <row r="80914" spans="8:8">
      <c r="H80914" s="12"/>
    </row>
    <row r="80915" spans="8:8">
      <c r="H80915" s="12"/>
    </row>
    <row r="80916" spans="8:8">
      <c r="H80916" s="12"/>
    </row>
    <row r="80917" spans="8:8">
      <c r="H80917" s="12"/>
    </row>
    <row r="80918" spans="8:8">
      <c r="H80918" s="12"/>
    </row>
    <row r="80919" spans="8:8">
      <c r="H80919" s="12"/>
    </row>
    <row r="80920" spans="8:8">
      <c r="H80920" s="12"/>
    </row>
    <row r="80921" spans="8:8">
      <c r="H80921" s="12"/>
    </row>
    <row r="80922" spans="8:8">
      <c r="H80922" s="12"/>
    </row>
    <row r="80923" spans="8:8">
      <c r="H80923" s="12"/>
    </row>
    <row r="80924" spans="8:8">
      <c r="H80924" s="12"/>
    </row>
    <row r="80925" spans="8:8">
      <c r="H80925" s="12"/>
    </row>
    <row r="80926" spans="8:8">
      <c r="H80926" s="12"/>
    </row>
    <row r="80927" spans="8:8">
      <c r="H80927" s="12"/>
    </row>
    <row r="80928" spans="8:8">
      <c r="H80928" s="12"/>
    </row>
    <row r="80929" spans="8:8">
      <c r="H80929" s="12"/>
    </row>
    <row r="80930" spans="8:8">
      <c r="H80930" s="12"/>
    </row>
    <row r="80931" spans="8:8">
      <c r="H80931" s="12"/>
    </row>
    <row r="80932" spans="8:8">
      <c r="H80932" s="12"/>
    </row>
    <row r="80933" spans="8:8">
      <c r="H80933" s="12"/>
    </row>
    <row r="80934" spans="8:8">
      <c r="H80934" s="12"/>
    </row>
    <row r="80935" spans="8:8">
      <c r="H80935" s="12"/>
    </row>
    <row r="80936" spans="8:8">
      <c r="H80936" s="12"/>
    </row>
    <row r="80937" spans="8:8">
      <c r="H80937" s="12"/>
    </row>
    <row r="80938" spans="8:8">
      <c r="H80938" s="12"/>
    </row>
    <row r="80939" spans="8:8">
      <c r="H80939" s="12"/>
    </row>
    <row r="80940" spans="8:8">
      <c r="H80940" s="12"/>
    </row>
    <row r="80941" spans="8:8">
      <c r="H80941" s="12"/>
    </row>
    <row r="80942" spans="8:8">
      <c r="H80942" s="12"/>
    </row>
    <row r="80943" spans="8:8">
      <c r="H80943" s="12"/>
    </row>
    <row r="80944" spans="8:8">
      <c r="H80944" s="12"/>
    </row>
    <row r="80945" spans="8:8">
      <c r="H80945" s="12"/>
    </row>
    <row r="80946" spans="8:8">
      <c r="H80946" s="12"/>
    </row>
    <row r="80947" spans="8:8">
      <c r="H80947" s="12"/>
    </row>
    <row r="80948" spans="8:8">
      <c r="H80948" s="12"/>
    </row>
    <row r="80949" spans="8:8">
      <c r="H80949" s="12"/>
    </row>
    <row r="80950" spans="8:8">
      <c r="H80950" s="12"/>
    </row>
    <row r="80951" spans="8:8">
      <c r="H80951" s="12"/>
    </row>
    <row r="80952" spans="8:8">
      <c r="H80952" s="12"/>
    </row>
    <row r="80953" spans="8:8">
      <c r="H80953" s="12"/>
    </row>
    <row r="80954" spans="8:8">
      <c r="H80954" s="12"/>
    </row>
    <row r="80955" spans="8:8">
      <c r="H80955" s="12"/>
    </row>
    <row r="80956" spans="8:8">
      <c r="H80956" s="12"/>
    </row>
    <row r="80957" spans="8:8">
      <c r="H80957" s="12"/>
    </row>
    <row r="80958" spans="8:8">
      <c r="H80958" s="12"/>
    </row>
    <row r="80959" spans="8:8">
      <c r="H80959" s="12"/>
    </row>
    <row r="80960" spans="8:8">
      <c r="H80960" s="12"/>
    </row>
    <row r="80961" spans="8:8">
      <c r="H80961" s="12"/>
    </row>
    <row r="80962" spans="8:8">
      <c r="H80962" s="12"/>
    </row>
    <row r="80963" spans="8:8">
      <c r="H80963" s="12"/>
    </row>
    <row r="80964" spans="8:8">
      <c r="H80964" s="12"/>
    </row>
    <row r="80965" spans="8:8">
      <c r="H80965" s="12"/>
    </row>
    <row r="80966" spans="8:8">
      <c r="H80966" s="12"/>
    </row>
    <row r="80967" spans="8:8">
      <c r="H80967" s="12"/>
    </row>
    <row r="80968" spans="8:8">
      <c r="H80968" s="12"/>
    </row>
    <row r="80969" spans="8:8">
      <c r="H80969" s="12"/>
    </row>
    <row r="80970" spans="8:8">
      <c r="H80970" s="12"/>
    </row>
    <row r="80971" spans="8:8">
      <c r="H80971" s="12"/>
    </row>
    <row r="80972" spans="8:8">
      <c r="H80972" s="12"/>
    </row>
    <row r="80973" spans="8:8">
      <c r="H80973" s="12"/>
    </row>
    <row r="80974" spans="8:8">
      <c r="H80974" s="12"/>
    </row>
    <row r="80975" spans="8:8">
      <c r="H80975" s="12"/>
    </row>
    <row r="80976" spans="8:8">
      <c r="H80976" s="12"/>
    </row>
    <row r="80977" spans="8:8">
      <c r="H80977" s="12"/>
    </row>
    <row r="80978" spans="8:8">
      <c r="H80978" s="12"/>
    </row>
    <row r="80979" spans="8:8">
      <c r="H80979" s="12"/>
    </row>
    <row r="80980" spans="8:8">
      <c r="H80980" s="12"/>
    </row>
    <row r="80981" spans="8:8">
      <c r="H80981" s="12"/>
    </row>
    <row r="80982" spans="8:8">
      <c r="H80982" s="12"/>
    </row>
    <row r="80983" spans="8:8">
      <c r="H80983" s="12"/>
    </row>
    <row r="80984" spans="8:8">
      <c r="H80984" s="12"/>
    </row>
    <row r="80985" spans="8:8">
      <c r="H80985" s="12"/>
    </row>
    <row r="80986" spans="8:8">
      <c r="H80986" s="12"/>
    </row>
    <row r="80987" spans="8:8">
      <c r="H80987" s="12"/>
    </row>
    <row r="80988" spans="8:8">
      <c r="H80988" s="12"/>
    </row>
    <row r="80989" spans="8:8">
      <c r="H80989" s="12"/>
    </row>
    <row r="80990" spans="8:8">
      <c r="H80990" s="12"/>
    </row>
    <row r="80991" spans="8:8">
      <c r="H80991" s="12"/>
    </row>
    <row r="80992" spans="8:8">
      <c r="H80992" s="12"/>
    </row>
    <row r="80993" spans="8:8">
      <c r="H80993" s="12"/>
    </row>
    <row r="80994" spans="8:8">
      <c r="H80994" s="12"/>
    </row>
    <row r="80995" spans="8:8">
      <c r="H80995" s="12"/>
    </row>
    <row r="80996" spans="8:8">
      <c r="H80996" s="12"/>
    </row>
    <row r="80997" spans="8:8">
      <c r="H80997" s="12"/>
    </row>
    <row r="80998" spans="8:8">
      <c r="H80998" s="12"/>
    </row>
    <row r="80999" spans="8:8">
      <c r="H80999" s="12"/>
    </row>
    <row r="81000" spans="8:8">
      <c r="H81000" s="12"/>
    </row>
    <row r="81001" spans="8:8">
      <c r="H81001" s="12"/>
    </row>
    <row r="81002" spans="8:8">
      <c r="H81002" s="12"/>
    </row>
    <row r="81003" spans="8:8">
      <c r="H81003" s="12"/>
    </row>
    <row r="81004" spans="8:8">
      <c r="H81004" s="12"/>
    </row>
    <row r="81005" spans="8:8">
      <c r="H81005" s="12"/>
    </row>
    <row r="81006" spans="8:8">
      <c r="H81006" s="12"/>
    </row>
    <row r="81007" spans="8:8">
      <c r="H81007" s="12"/>
    </row>
    <row r="81008" spans="8:8">
      <c r="H81008" s="12"/>
    </row>
    <row r="81009" spans="8:8">
      <c r="H81009" s="12"/>
    </row>
    <row r="81010" spans="8:8">
      <c r="H81010" s="12"/>
    </row>
    <row r="81011" spans="8:8">
      <c r="H81011" s="12"/>
    </row>
    <row r="81012" spans="8:8">
      <c r="H81012" s="12"/>
    </row>
    <row r="81013" spans="8:8">
      <c r="H81013" s="12"/>
    </row>
    <row r="81014" spans="8:8">
      <c r="H81014" s="12"/>
    </row>
    <row r="81015" spans="8:8">
      <c r="H81015" s="12"/>
    </row>
    <row r="81016" spans="8:8">
      <c r="H81016" s="12"/>
    </row>
    <row r="81017" spans="8:8">
      <c r="H81017" s="12"/>
    </row>
    <row r="81018" spans="8:8">
      <c r="H81018" s="12"/>
    </row>
    <row r="81019" spans="8:8">
      <c r="H81019" s="12"/>
    </row>
    <row r="81020" spans="8:8">
      <c r="H81020" s="12"/>
    </row>
    <row r="81021" spans="8:8">
      <c r="H81021" s="12"/>
    </row>
    <row r="81022" spans="8:8">
      <c r="H81022" s="12"/>
    </row>
    <row r="81023" spans="8:8">
      <c r="H81023" s="12"/>
    </row>
    <row r="81024" spans="8:8">
      <c r="H81024" s="12"/>
    </row>
    <row r="81025" spans="8:8">
      <c r="H81025" s="12"/>
    </row>
    <row r="81026" spans="8:8">
      <c r="H81026" s="12"/>
    </row>
    <row r="81027" spans="8:8">
      <c r="H81027" s="12"/>
    </row>
    <row r="81028" spans="8:8">
      <c r="H81028" s="12"/>
    </row>
    <row r="81029" spans="8:8">
      <c r="H81029" s="12"/>
    </row>
    <row r="81030" spans="8:8">
      <c r="H81030" s="12"/>
    </row>
    <row r="81031" spans="8:8">
      <c r="H81031" s="12"/>
    </row>
    <row r="81032" spans="8:8">
      <c r="H81032" s="12"/>
    </row>
    <row r="81033" spans="8:8">
      <c r="H81033" s="12"/>
    </row>
    <row r="81034" spans="8:8">
      <c r="H81034" s="12"/>
    </row>
    <row r="81035" spans="8:8">
      <c r="H81035" s="12"/>
    </row>
    <row r="81036" spans="8:8">
      <c r="H81036" s="12"/>
    </row>
    <row r="81037" spans="8:8">
      <c r="H81037" s="12"/>
    </row>
    <row r="81038" spans="8:8">
      <c r="H81038" s="12"/>
    </row>
    <row r="81039" spans="8:8">
      <c r="H81039" s="12"/>
    </row>
    <row r="81040" spans="8:8">
      <c r="H81040" s="12"/>
    </row>
    <row r="81041" spans="8:8">
      <c r="H81041" s="12"/>
    </row>
    <row r="81042" spans="8:8">
      <c r="H81042" s="12"/>
    </row>
    <row r="81043" spans="8:8">
      <c r="H81043" s="12"/>
    </row>
    <row r="81044" spans="8:8">
      <c r="H81044" s="12"/>
    </row>
    <row r="81045" spans="8:8">
      <c r="H81045" s="12"/>
    </row>
    <row r="81046" spans="8:8">
      <c r="H81046" s="12"/>
    </row>
    <row r="81047" spans="8:8">
      <c r="H81047" s="12"/>
    </row>
    <row r="81048" spans="8:8">
      <c r="H81048" s="12"/>
    </row>
    <row r="81049" spans="8:8">
      <c r="H81049" s="12"/>
    </row>
    <row r="81050" spans="8:8">
      <c r="H81050" s="12"/>
    </row>
    <row r="81051" spans="8:8">
      <c r="H81051" s="12"/>
    </row>
    <row r="81052" spans="8:8">
      <c r="H81052" s="12"/>
    </row>
    <row r="81053" spans="8:8">
      <c r="H81053" s="12"/>
    </row>
    <row r="81054" spans="8:8">
      <c r="H81054" s="12"/>
    </row>
    <row r="81055" spans="8:8">
      <c r="H81055" s="12"/>
    </row>
    <row r="81056" spans="8:8">
      <c r="H81056" s="12"/>
    </row>
    <row r="81057" spans="8:8">
      <c r="H81057" s="12"/>
    </row>
    <row r="81058" spans="8:8">
      <c r="H81058" s="12"/>
    </row>
    <row r="81059" spans="8:8">
      <c r="H81059" s="12"/>
    </row>
    <row r="81060" spans="8:8">
      <c r="H81060" s="12"/>
    </row>
    <row r="81061" spans="8:8">
      <c r="H81061" s="12"/>
    </row>
    <row r="81062" spans="8:8">
      <c r="H81062" s="12"/>
    </row>
    <row r="81063" spans="8:8">
      <c r="H81063" s="12"/>
    </row>
    <row r="81064" spans="8:8">
      <c r="H81064" s="12"/>
    </row>
    <row r="81065" spans="8:8">
      <c r="H81065" s="12"/>
    </row>
    <row r="81066" spans="8:8">
      <c r="H81066" s="12"/>
    </row>
    <row r="81067" spans="8:8">
      <c r="H81067" s="12"/>
    </row>
    <row r="81068" spans="8:8">
      <c r="H81068" s="12"/>
    </row>
    <row r="81069" spans="8:8">
      <c r="H81069" s="12"/>
    </row>
    <row r="81070" spans="8:8">
      <c r="H81070" s="12"/>
    </row>
    <row r="81071" spans="8:8">
      <c r="H81071" s="12"/>
    </row>
    <row r="81072" spans="8:8">
      <c r="H81072" s="12"/>
    </row>
    <row r="81073" spans="8:8">
      <c r="H81073" s="12"/>
    </row>
    <row r="81074" spans="8:8">
      <c r="H81074" s="12"/>
    </row>
    <row r="81075" spans="8:8">
      <c r="H81075" s="12"/>
    </row>
    <row r="81076" spans="8:8">
      <c r="H81076" s="12"/>
    </row>
    <row r="81077" spans="8:8">
      <c r="H81077" s="12"/>
    </row>
    <row r="81078" spans="8:8">
      <c r="H81078" s="12"/>
    </row>
    <row r="81079" spans="8:8">
      <c r="H81079" s="12"/>
    </row>
    <row r="81080" spans="8:8">
      <c r="H81080" s="12"/>
    </row>
    <row r="81081" spans="8:8">
      <c r="H81081" s="12"/>
    </row>
    <row r="81082" spans="8:8">
      <c r="H81082" s="12"/>
    </row>
    <row r="81083" spans="8:8">
      <c r="H81083" s="12"/>
    </row>
    <row r="81084" spans="8:8">
      <c r="H81084" s="12"/>
    </row>
    <row r="81085" spans="8:8">
      <c r="H81085" s="12"/>
    </row>
    <row r="81086" spans="8:8">
      <c r="H81086" s="12"/>
    </row>
    <row r="81087" spans="8:8">
      <c r="H81087" s="12"/>
    </row>
    <row r="81088" spans="8:8">
      <c r="H81088" s="12"/>
    </row>
    <row r="81089" spans="8:8">
      <c r="H81089" s="12"/>
    </row>
    <row r="81090" spans="8:8">
      <c r="H81090" s="12"/>
    </row>
    <row r="81091" spans="8:8">
      <c r="H81091" s="12"/>
    </row>
    <row r="81092" spans="8:8">
      <c r="H81092" s="12"/>
    </row>
    <row r="81093" spans="8:8">
      <c r="H81093" s="12"/>
    </row>
    <row r="81094" spans="8:8">
      <c r="H81094" s="12"/>
    </row>
    <row r="81095" spans="8:8">
      <c r="H81095" s="12"/>
    </row>
    <row r="81096" spans="8:8">
      <c r="H81096" s="12"/>
    </row>
    <row r="81097" spans="8:8">
      <c r="H81097" s="12"/>
    </row>
    <row r="81098" spans="8:8">
      <c r="H81098" s="12"/>
    </row>
    <row r="81099" spans="8:8">
      <c r="H81099" s="12"/>
    </row>
    <row r="81100" spans="8:8">
      <c r="H81100" s="12"/>
    </row>
    <row r="81101" spans="8:8">
      <c r="H81101" s="12"/>
    </row>
    <row r="81102" spans="8:8">
      <c r="H81102" s="12"/>
    </row>
    <row r="81103" spans="8:8">
      <c r="H81103" s="12"/>
    </row>
    <row r="81104" spans="8:8">
      <c r="H81104" s="12"/>
    </row>
    <row r="81105" spans="8:8">
      <c r="H81105" s="12"/>
    </row>
    <row r="81106" spans="8:8">
      <c r="H81106" s="12"/>
    </row>
    <row r="81107" spans="8:8">
      <c r="H81107" s="12"/>
    </row>
    <row r="81108" spans="8:8">
      <c r="H81108" s="12"/>
    </row>
    <row r="81109" spans="8:8">
      <c r="H81109" s="12"/>
    </row>
    <row r="81110" spans="8:8">
      <c r="H81110" s="12"/>
    </row>
    <row r="81111" spans="8:8">
      <c r="H81111" s="12"/>
    </row>
    <row r="81112" spans="8:8">
      <c r="H81112" s="12"/>
    </row>
    <row r="81113" spans="8:8">
      <c r="H81113" s="12"/>
    </row>
    <row r="81114" spans="8:8">
      <c r="H81114" s="12"/>
    </row>
    <row r="81115" spans="8:8">
      <c r="H81115" s="12"/>
    </row>
    <row r="81116" spans="8:8">
      <c r="H81116" s="12"/>
    </row>
    <row r="81117" spans="8:8">
      <c r="H81117" s="12"/>
    </row>
    <row r="81118" spans="8:8">
      <c r="H81118" s="12"/>
    </row>
    <row r="81119" spans="8:8">
      <c r="H81119" s="12"/>
    </row>
    <row r="81120" spans="8:8">
      <c r="H81120" s="12"/>
    </row>
    <row r="81121" spans="8:8">
      <c r="H81121" s="12"/>
    </row>
    <row r="81122" spans="8:8">
      <c r="H81122" s="12"/>
    </row>
    <row r="81123" spans="8:8">
      <c r="H81123" s="12"/>
    </row>
    <row r="81124" spans="8:8">
      <c r="H81124" s="12"/>
    </row>
    <row r="81125" spans="8:8">
      <c r="H81125" s="12"/>
    </row>
    <row r="81126" spans="8:8">
      <c r="H81126" s="12"/>
    </row>
    <row r="81127" spans="8:8">
      <c r="H81127" s="12"/>
    </row>
    <row r="81128" spans="8:8">
      <c r="H81128" s="12"/>
    </row>
    <row r="81129" spans="8:8">
      <c r="H81129" s="12"/>
    </row>
    <row r="81130" spans="8:8">
      <c r="H81130" s="12"/>
    </row>
    <row r="81131" spans="8:8">
      <c r="H81131" s="12"/>
    </row>
    <row r="81132" spans="8:8">
      <c r="H81132" s="12"/>
    </row>
    <row r="81133" spans="8:8">
      <c r="H81133" s="12"/>
    </row>
    <row r="81134" spans="8:8">
      <c r="H81134" s="12"/>
    </row>
    <row r="81135" spans="8:8">
      <c r="H81135" s="12"/>
    </row>
    <row r="81136" spans="8:8">
      <c r="H81136" s="12"/>
    </row>
    <row r="81137" spans="8:8">
      <c r="H81137" s="12"/>
    </row>
    <row r="81138" spans="8:8">
      <c r="H81138" s="12"/>
    </row>
    <row r="81139" spans="8:8">
      <c r="H81139" s="12"/>
    </row>
    <row r="81140" spans="8:8">
      <c r="H81140" s="12"/>
    </row>
    <row r="81141" spans="8:8">
      <c r="H81141" s="12"/>
    </row>
    <row r="81142" spans="8:8">
      <c r="H81142" s="12"/>
    </row>
    <row r="81143" spans="8:8">
      <c r="H81143" s="12"/>
    </row>
    <row r="81144" spans="8:8">
      <c r="H81144" s="12"/>
    </row>
    <row r="81145" spans="8:8">
      <c r="H81145" s="12"/>
    </row>
    <row r="81146" spans="8:8">
      <c r="H81146" s="12"/>
    </row>
    <row r="81147" spans="8:8">
      <c r="H81147" s="12"/>
    </row>
    <row r="81148" spans="8:8">
      <c r="H81148" s="12"/>
    </row>
    <row r="81149" spans="8:8">
      <c r="H81149" s="12"/>
    </row>
    <row r="81150" spans="8:8">
      <c r="H81150" s="12"/>
    </row>
    <row r="81151" spans="8:8">
      <c r="H81151" s="12"/>
    </row>
    <row r="81152" spans="8:8">
      <c r="H81152" s="12"/>
    </row>
    <row r="81153" spans="8:8">
      <c r="H81153" s="12"/>
    </row>
    <row r="81154" spans="8:8">
      <c r="H81154" s="12"/>
    </row>
    <row r="81155" spans="8:8">
      <c r="H81155" s="12"/>
    </row>
    <row r="81156" spans="8:8">
      <c r="H81156" s="12"/>
    </row>
    <row r="81157" spans="8:8">
      <c r="H81157" s="12"/>
    </row>
    <row r="81158" spans="8:8">
      <c r="H81158" s="12"/>
    </row>
    <row r="81159" spans="8:8">
      <c r="H81159" s="12"/>
    </row>
    <row r="81160" spans="8:8">
      <c r="H81160" s="12"/>
    </row>
    <row r="81161" spans="8:8">
      <c r="H81161" s="12"/>
    </row>
    <row r="81162" spans="8:8">
      <c r="H81162" s="12"/>
    </row>
    <row r="81163" spans="8:8">
      <c r="H81163" s="12"/>
    </row>
    <row r="81164" spans="8:8">
      <c r="H81164" s="12"/>
    </row>
    <row r="81165" spans="8:8">
      <c r="H81165" s="12"/>
    </row>
    <row r="81166" spans="8:8">
      <c r="H81166" s="12"/>
    </row>
    <row r="81167" spans="8:8">
      <c r="H81167" s="12"/>
    </row>
    <row r="81168" spans="8:8">
      <c r="H81168" s="12"/>
    </row>
    <row r="81169" spans="8:8">
      <c r="H81169" s="12"/>
    </row>
    <row r="81170" spans="8:8">
      <c r="H81170" s="12"/>
    </row>
    <row r="81171" spans="8:8">
      <c r="H81171" s="12"/>
    </row>
    <row r="81172" spans="8:8">
      <c r="H81172" s="12"/>
    </row>
    <row r="81173" spans="8:8">
      <c r="H81173" s="12"/>
    </row>
    <row r="81174" spans="8:8">
      <c r="H81174" s="12"/>
    </row>
    <row r="81175" spans="8:8">
      <c r="H81175" s="12"/>
    </row>
    <row r="81176" spans="8:8">
      <c r="H81176" s="12"/>
    </row>
    <row r="81177" spans="8:8">
      <c r="H81177" s="12"/>
    </row>
    <row r="81178" spans="8:8">
      <c r="H81178" s="12"/>
    </row>
    <row r="81179" spans="8:8">
      <c r="H81179" s="12"/>
    </row>
    <row r="81180" spans="8:8">
      <c r="H81180" s="12"/>
    </row>
    <row r="81181" spans="8:8">
      <c r="H81181" s="12"/>
    </row>
    <row r="81182" spans="8:8">
      <c r="H81182" s="12"/>
    </row>
    <row r="81183" spans="8:8">
      <c r="H81183" s="12"/>
    </row>
    <row r="81184" spans="8:8">
      <c r="H81184" s="12"/>
    </row>
    <row r="81185" spans="8:8">
      <c r="H81185" s="12"/>
    </row>
    <row r="81186" spans="8:8">
      <c r="H81186" s="12"/>
    </row>
    <row r="81187" spans="8:8">
      <c r="H81187" s="12"/>
    </row>
    <row r="81188" spans="8:8">
      <c r="H81188" s="12"/>
    </row>
    <row r="81189" spans="8:8">
      <c r="H81189" s="12"/>
    </row>
    <row r="81190" spans="8:8">
      <c r="H81190" s="12"/>
    </row>
    <row r="81191" spans="8:8">
      <c r="H81191" s="12"/>
    </row>
    <row r="81192" spans="8:8">
      <c r="H81192" s="12"/>
    </row>
    <row r="81193" spans="8:8">
      <c r="H81193" s="12"/>
    </row>
    <row r="81194" spans="8:8">
      <c r="H81194" s="12"/>
    </row>
    <row r="81195" spans="8:8">
      <c r="H81195" s="12"/>
    </row>
    <row r="81196" spans="8:8">
      <c r="H81196" s="12"/>
    </row>
    <row r="81197" spans="8:8">
      <c r="H81197" s="12"/>
    </row>
    <row r="81198" spans="8:8">
      <c r="H81198" s="12"/>
    </row>
    <row r="81199" spans="8:8">
      <c r="H81199" s="12"/>
    </row>
    <row r="81200" spans="8:8">
      <c r="H81200" s="12"/>
    </row>
    <row r="81201" spans="8:8">
      <c r="H81201" s="12"/>
    </row>
    <row r="81202" spans="8:8">
      <c r="H81202" s="12"/>
    </row>
    <row r="81203" spans="8:8">
      <c r="H81203" s="12"/>
    </row>
    <row r="81204" spans="8:8">
      <c r="H81204" s="12"/>
    </row>
    <row r="81205" spans="8:8">
      <c r="H81205" s="12"/>
    </row>
    <row r="81206" spans="8:8">
      <c r="H81206" s="12"/>
    </row>
    <row r="81207" spans="8:8">
      <c r="H81207" s="12"/>
    </row>
    <row r="81208" spans="8:8">
      <c r="H81208" s="12"/>
    </row>
    <row r="81209" spans="8:8">
      <c r="H81209" s="12"/>
    </row>
    <row r="81210" spans="8:8">
      <c r="H81210" s="12"/>
    </row>
    <row r="81211" spans="8:8">
      <c r="H81211" s="12"/>
    </row>
    <row r="81212" spans="8:8">
      <c r="H81212" s="12"/>
    </row>
    <row r="81213" spans="8:8">
      <c r="H81213" s="12"/>
    </row>
    <row r="81214" spans="8:8">
      <c r="H81214" s="12"/>
    </row>
    <row r="81215" spans="8:8">
      <c r="H81215" s="12"/>
    </row>
    <row r="81216" spans="8:8">
      <c r="H81216" s="12"/>
    </row>
    <row r="81217" spans="8:8">
      <c r="H81217" s="12"/>
    </row>
    <row r="81218" spans="8:8">
      <c r="H81218" s="12"/>
    </row>
    <row r="81219" spans="8:8">
      <c r="H81219" s="12"/>
    </row>
    <row r="81220" spans="8:8">
      <c r="H81220" s="12"/>
    </row>
    <row r="81221" spans="8:8">
      <c r="H81221" s="12"/>
    </row>
    <row r="81222" spans="8:8">
      <c r="H81222" s="12"/>
    </row>
    <row r="81223" spans="8:8">
      <c r="H81223" s="12"/>
    </row>
    <row r="81224" spans="8:8">
      <c r="H81224" s="12"/>
    </row>
    <row r="81225" spans="8:8">
      <c r="H81225" s="12"/>
    </row>
    <row r="81226" spans="8:8">
      <c r="H81226" s="12"/>
    </row>
    <row r="81227" spans="8:8">
      <c r="H81227" s="12"/>
    </row>
    <row r="81228" spans="8:8">
      <c r="H81228" s="12"/>
    </row>
    <row r="81229" spans="8:8">
      <c r="H81229" s="12"/>
    </row>
    <row r="81230" spans="8:8">
      <c r="H81230" s="12"/>
    </row>
    <row r="81231" spans="8:8">
      <c r="H81231" s="12"/>
    </row>
    <row r="81232" spans="8:8">
      <c r="H81232" s="12"/>
    </row>
    <row r="81233" spans="8:8">
      <c r="H81233" s="12"/>
    </row>
    <row r="81234" spans="8:8">
      <c r="H81234" s="12"/>
    </row>
    <row r="81235" spans="8:8">
      <c r="H81235" s="12"/>
    </row>
    <row r="81236" spans="8:8">
      <c r="H81236" s="12"/>
    </row>
    <row r="81237" spans="8:8">
      <c r="H81237" s="12"/>
    </row>
    <row r="81238" spans="8:8">
      <c r="H81238" s="12"/>
    </row>
    <row r="81239" spans="8:8">
      <c r="H81239" s="12"/>
    </row>
    <row r="81240" spans="8:8">
      <c r="H81240" s="12"/>
    </row>
    <row r="81241" spans="8:8">
      <c r="H81241" s="12"/>
    </row>
    <row r="81242" spans="8:8">
      <c r="H81242" s="12"/>
    </row>
    <row r="81243" spans="8:8">
      <c r="H81243" s="12"/>
    </row>
    <row r="81244" spans="8:8">
      <c r="H81244" s="12"/>
    </row>
    <row r="81245" spans="8:8">
      <c r="H81245" s="12"/>
    </row>
    <row r="81246" spans="8:8">
      <c r="H81246" s="12"/>
    </row>
    <row r="81247" spans="8:8">
      <c r="H81247" s="12"/>
    </row>
    <row r="81248" spans="8:8">
      <c r="H81248" s="12"/>
    </row>
    <row r="81249" spans="8:8">
      <c r="H81249" s="12"/>
    </row>
    <row r="81250" spans="8:8">
      <c r="H81250" s="12"/>
    </row>
    <row r="81251" spans="8:8">
      <c r="H81251" s="12"/>
    </row>
    <row r="81252" spans="8:8">
      <c r="H81252" s="12"/>
    </row>
    <row r="81253" spans="8:8">
      <c r="H81253" s="12"/>
    </row>
    <row r="81254" spans="8:8">
      <c r="H81254" s="12"/>
    </row>
    <row r="81255" spans="8:8">
      <c r="H81255" s="12"/>
    </row>
    <row r="81256" spans="8:8">
      <c r="H81256" s="12"/>
    </row>
    <row r="81257" spans="8:8">
      <c r="H81257" s="12"/>
    </row>
    <row r="81258" spans="8:8">
      <c r="H81258" s="12"/>
    </row>
    <row r="81259" spans="8:8">
      <c r="H81259" s="12"/>
    </row>
    <row r="81260" spans="8:8">
      <c r="H81260" s="12"/>
    </row>
    <row r="81261" spans="8:8">
      <c r="H81261" s="12"/>
    </row>
    <row r="81262" spans="8:8">
      <c r="H81262" s="12"/>
    </row>
    <row r="81263" spans="8:8">
      <c r="H81263" s="12"/>
    </row>
    <row r="81264" spans="8:8">
      <c r="H81264" s="12"/>
    </row>
    <row r="81265" spans="8:8">
      <c r="H81265" s="12"/>
    </row>
    <row r="81266" spans="8:8">
      <c r="H81266" s="12"/>
    </row>
    <row r="81267" spans="8:8">
      <c r="H81267" s="12"/>
    </row>
    <row r="81268" spans="8:8">
      <c r="H81268" s="12"/>
    </row>
    <row r="81269" spans="8:8">
      <c r="H81269" s="12"/>
    </row>
    <row r="81270" spans="8:8">
      <c r="H81270" s="12"/>
    </row>
    <row r="81271" spans="8:8">
      <c r="H81271" s="12"/>
    </row>
    <row r="81272" spans="8:8">
      <c r="H81272" s="12"/>
    </row>
    <row r="81273" spans="8:8">
      <c r="H81273" s="12"/>
    </row>
    <row r="81274" spans="8:8">
      <c r="H81274" s="12"/>
    </row>
    <row r="81275" spans="8:8">
      <c r="H81275" s="12"/>
    </row>
    <row r="81276" spans="8:8">
      <c r="H81276" s="12"/>
    </row>
    <row r="81277" spans="8:8">
      <c r="H81277" s="12"/>
    </row>
    <row r="81278" spans="8:8">
      <c r="H81278" s="12"/>
    </row>
    <row r="81279" spans="8:8">
      <c r="H81279" s="12"/>
    </row>
    <row r="81280" spans="8:8">
      <c r="H81280" s="12"/>
    </row>
    <row r="81281" spans="8:8">
      <c r="H81281" s="12"/>
    </row>
    <row r="81282" spans="8:8">
      <c r="H81282" s="12"/>
    </row>
    <row r="81283" spans="8:8">
      <c r="H81283" s="12"/>
    </row>
    <row r="81284" spans="8:8">
      <c r="H81284" s="12"/>
    </row>
    <row r="81285" spans="8:8">
      <c r="H81285" s="12"/>
    </row>
    <row r="81286" spans="8:8">
      <c r="H81286" s="12"/>
    </row>
    <row r="81287" spans="8:8">
      <c r="H81287" s="12"/>
    </row>
    <row r="81288" spans="8:8">
      <c r="H81288" s="12"/>
    </row>
    <row r="81289" spans="8:8">
      <c r="H81289" s="12"/>
    </row>
    <row r="81290" spans="8:8">
      <c r="H81290" s="12"/>
    </row>
    <row r="81291" spans="8:8">
      <c r="H81291" s="12"/>
    </row>
    <row r="81292" spans="8:8">
      <c r="H81292" s="12"/>
    </row>
    <row r="81293" spans="8:8">
      <c r="H81293" s="12"/>
    </row>
    <row r="81294" spans="8:8">
      <c r="H81294" s="12"/>
    </row>
    <row r="81295" spans="8:8">
      <c r="H81295" s="12"/>
    </row>
    <row r="81296" spans="8:8">
      <c r="H81296" s="12"/>
    </row>
    <row r="81297" spans="8:8">
      <c r="H81297" s="12"/>
    </row>
    <row r="81298" spans="8:8">
      <c r="H81298" s="12"/>
    </row>
    <row r="81299" spans="8:8">
      <c r="H81299" s="12"/>
    </row>
    <row r="81300" spans="8:8">
      <c r="H81300" s="12"/>
    </row>
    <row r="81301" spans="8:8">
      <c r="H81301" s="12"/>
    </row>
    <row r="81302" spans="8:8">
      <c r="H81302" s="12"/>
    </row>
    <row r="81303" spans="8:8">
      <c r="H81303" s="12"/>
    </row>
    <row r="81304" spans="8:8">
      <c r="H81304" s="12"/>
    </row>
    <row r="81305" spans="8:8">
      <c r="H81305" s="12"/>
    </row>
    <row r="81306" spans="8:8">
      <c r="H81306" s="12"/>
    </row>
    <row r="81307" spans="8:8">
      <c r="H81307" s="12"/>
    </row>
    <row r="81308" spans="8:8">
      <c r="H81308" s="12"/>
    </row>
    <row r="81309" spans="8:8">
      <c r="H81309" s="12"/>
    </row>
    <row r="81310" spans="8:8">
      <c r="H81310" s="12"/>
    </row>
    <row r="81311" spans="8:8">
      <c r="H81311" s="12"/>
    </row>
    <row r="81312" spans="8:8">
      <c r="H81312" s="12"/>
    </row>
    <row r="81313" spans="8:8">
      <c r="H81313" s="12"/>
    </row>
    <row r="81314" spans="8:8">
      <c r="H81314" s="12"/>
    </row>
    <row r="81315" spans="8:8">
      <c r="H81315" s="12"/>
    </row>
    <row r="81316" spans="8:8">
      <c r="H81316" s="12"/>
    </row>
    <row r="81317" spans="8:8">
      <c r="H81317" s="12"/>
    </row>
    <row r="81318" spans="8:8">
      <c r="H81318" s="12"/>
    </row>
    <row r="81319" spans="8:8">
      <c r="H81319" s="12"/>
    </row>
    <row r="81320" spans="8:8">
      <c r="H81320" s="12"/>
    </row>
    <row r="81321" spans="8:8">
      <c r="H81321" s="12"/>
    </row>
    <row r="81322" spans="8:8">
      <c r="H81322" s="12"/>
    </row>
    <row r="81323" spans="8:8">
      <c r="H81323" s="12"/>
    </row>
    <row r="81324" spans="8:8">
      <c r="H81324" s="12"/>
    </row>
    <row r="81325" spans="8:8">
      <c r="H81325" s="12"/>
    </row>
    <row r="81326" spans="8:8">
      <c r="H81326" s="12"/>
    </row>
    <row r="81327" spans="8:8">
      <c r="H81327" s="12"/>
    </row>
    <row r="81328" spans="8:8">
      <c r="H81328" s="12"/>
    </row>
    <row r="81329" spans="8:8">
      <c r="H81329" s="12"/>
    </row>
    <row r="81330" spans="8:8">
      <c r="H81330" s="12"/>
    </row>
    <row r="81331" spans="8:8">
      <c r="H81331" s="12"/>
    </row>
    <row r="81332" spans="8:8">
      <c r="H81332" s="12"/>
    </row>
    <row r="81333" spans="8:8">
      <c r="H81333" s="12"/>
    </row>
    <row r="81334" spans="8:8">
      <c r="H81334" s="12"/>
    </row>
    <row r="81335" spans="8:8">
      <c r="H81335" s="12"/>
    </row>
    <row r="81336" spans="8:8">
      <c r="H81336" s="12"/>
    </row>
    <row r="81337" spans="8:8">
      <c r="H81337" s="12"/>
    </row>
    <row r="81338" spans="8:8">
      <c r="H81338" s="12"/>
    </row>
    <row r="81339" spans="8:8">
      <c r="H81339" s="12"/>
    </row>
    <row r="81340" spans="8:8">
      <c r="H81340" s="12"/>
    </row>
    <row r="81341" spans="8:8">
      <c r="H81341" s="12"/>
    </row>
    <row r="81342" spans="8:8">
      <c r="H81342" s="12"/>
    </row>
    <row r="81343" spans="8:8">
      <c r="H81343" s="12"/>
    </row>
    <row r="81344" spans="8:8">
      <c r="H81344" s="12"/>
    </row>
    <row r="81345" spans="8:8">
      <c r="H81345" s="12"/>
    </row>
    <row r="81346" spans="8:8">
      <c r="H81346" s="12"/>
    </row>
    <row r="81347" spans="8:8">
      <c r="H81347" s="12"/>
    </row>
    <row r="81348" spans="8:8">
      <c r="H81348" s="12"/>
    </row>
    <row r="81349" spans="8:8">
      <c r="H81349" s="12"/>
    </row>
    <row r="81350" spans="8:8">
      <c r="H81350" s="12"/>
    </row>
    <row r="81351" spans="8:8">
      <c r="H81351" s="12"/>
    </row>
    <row r="81352" spans="8:8">
      <c r="H81352" s="12"/>
    </row>
    <row r="81353" spans="8:8">
      <c r="H81353" s="12"/>
    </row>
    <row r="81354" spans="8:8">
      <c r="H81354" s="12"/>
    </row>
    <row r="81355" spans="8:8">
      <c r="H81355" s="12"/>
    </row>
    <row r="81356" spans="8:8">
      <c r="H81356" s="12"/>
    </row>
    <row r="81357" spans="8:8">
      <c r="H81357" s="12"/>
    </row>
    <row r="81358" spans="8:8">
      <c r="H81358" s="12"/>
    </row>
    <row r="81359" spans="8:8">
      <c r="H81359" s="12"/>
    </row>
    <row r="81360" spans="8:8">
      <c r="H81360" s="12"/>
    </row>
    <row r="81361" spans="8:8">
      <c r="H81361" s="12"/>
    </row>
    <row r="81362" spans="8:8">
      <c r="H81362" s="12"/>
    </row>
    <row r="81363" spans="8:8">
      <c r="H81363" s="12"/>
    </row>
    <row r="81364" spans="8:8">
      <c r="H81364" s="12"/>
    </row>
    <row r="81365" spans="8:8">
      <c r="H81365" s="12"/>
    </row>
    <row r="81366" spans="8:8">
      <c r="H81366" s="12"/>
    </row>
    <row r="81367" spans="8:8">
      <c r="H81367" s="12"/>
    </row>
    <row r="81368" spans="8:8">
      <c r="H81368" s="12"/>
    </row>
    <row r="81369" spans="8:8">
      <c r="H81369" s="12"/>
    </row>
    <row r="81370" spans="8:8">
      <c r="H81370" s="12"/>
    </row>
    <row r="81371" spans="8:8">
      <c r="H81371" s="12"/>
    </row>
    <row r="81372" spans="8:8">
      <c r="H81372" s="12"/>
    </row>
    <row r="81373" spans="8:8">
      <c r="H81373" s="12"/>
    </row>
    <row r="81374" spans="8:8">
      <c r="H81374" s="12"/>
    </row>
    <row r="81375" spans="8:8">
      <c r="H81375" s="12"/>
    </row>
    <row r="81376" spans="8:8">
      <c r="H81376" s="12"/>
    </row>
    <row r="81377" spans="8:8">
      <c r="H81377" s="12"/>
    </row>
    <row r="81378" spans="8:8">
      <c r="H81378" s="12"/>
    </row>
    <row r="81379" spans="8:8">
      <c r="H81379" s="12"/>
    </row>
    <row r="81380" spans="8:8">
      <c r="H81380" s="12"/>
    </row>
    <row r="81381" spans="8:8">
      <c r="H81381" s="12"/>
    </row>
    <row r="81382" spans="8:8">
      <c r="H81382" s="12"/>
    </row>
    <row r="81383" spans="8:8">
      <c r="H81383" s="12"/>
    </row>
    <row r="81384" spans="8:8">
      <c r="H81384" s="12"/>
    </row>
    <row r="81385" spans="8:8">
      <c r="H81385" s="12"/>
    </row>
    <row r="81386" spans="8:8">
      <c r="H81386" s="12"/>
    </row>
    <row r="81387" spans="8:8">
      <c r="H81387" s="12"/>
    </row>
    <row r="81388" spans="8:8">
      <c r="H81388" s="12"/>
    </row>
    <row r="81389" spans="8:8">
      <c r="H81389" s="12"/>
    </row>
    <row r="81390" spans="8:8">
      <c r="H81390" s="12"/>
    </row>
    <row r="81391" spans="8:8">
      <c r="H81391" s="12"/>
    </row>
    <row r="81392" spans="8:8">
      <c r="H81392" s="12"/>
    </row>
    <row r="81393" spans="8:8">
      <c r="H81393" s="12"/>
    </row>
    <row r="81394" spans="8:8">
      <c r="H81394" s="12"/>
    </row>
    <row r="81395" spans="8:8">
      <c r="H81395" s="12"/>
    </row>
    <row r="81396" spans="8:8">
      <c r="H81396" s="12"/>
    </row>
    <row r="81397" spans="8:8">
      <c r="H81397" s="12"/>
    </row>
    <row r="81398" spans="8:8">
      <c r="H81398" s="12"/>
    </row>
    <row r="81399" spans="8:8">
      <c r="H81399" s="12"/>
    </row>
    <row r="81400" spans="8:8">
      <c r="H81400" s="12"/>
    </row>
    <row r="81401" spans="8:8">
      <c r="H81401" s="12"/>
    </row>
    <row r="81402" spans="8:8">
      <c r="H81402" s="12"/>
    </row>
    <row r="81403" spans="8:8">
      <c r="H81403" s="12"/>
    </row>
    <row r="81404" spans="8:8">
      <c r="H81404" s="12"/>
    </row>
    <row r="81405" spans="8:8">
      <c r="H81405" s="12"/>
    </row>
    <row r="81406" spans="8:8">
      <c r="H81406" s="12"/>
    </row>
    <row r="81407" spans="8:8">
      <c r="H81407" s="12"/>
    </row>
    <row r="81408" spans="8:8">
      <c r="H81408" s="12"/>
    </row>
    <row r="81409" spans="8:8">
      <c r="H81409" s="12"/>
    </row>
    <row r="81410" spans="8:8">
      <c r="H81410" s="12"/>
    </row>
    <row r="81411" spans="8:8">
      <c r="H81411" s="12"/>
    </row>
    <row r="81412" spans="8:8">
      <c r="H81412" s="12"/>
    </row>
    <row r="81413" spans="8:8">
      <c r="H81413" s="12"/>
    </row>
    <row r="81414" spans="8:8">
      <c r="H81414" s="12"/>
    </row>
    <row r="81415" spans="8:8">
      <c r="H81415" s="12"/>
    </row>
    <row r="81416" spans="8:8">
      <c r="H81416" s="12"/>
    </row>
    <row r="81417" spans="8:8">
      <c r="H81417" s="12"/>
    </row>
    <row r="81418" spans="8:8">
      <c r="H81418" s="12"/>
    </row>
    <row r="81419" spans="8:8">
      <c r="H81419" s="12"/>
    </row>
    <row r="81420" spans="8:8">
      <c r="H81420" s="12"/>
    </row>
    <row r="81421" spans="8:8">
      <c r="H81421" s="12"/>
    </row>
    <row r="81422" spans="8:8">
      <c r="H81422" s="12"/>
    </row>
    <row r="81423" spans="8:8">
      <c r="H81423" s="12"/>
    </row>
    <row r="81424" spans="8:8">
      <c r="H81424" s="12"/>
    </row>
    <row r="81425" spans="8:8">
      <c r="H81425" s="12"/>
    </row>
    <row r="81426" spans="8:8">
      <c r="H81426" s="12"/>
    </row>
    <row r="81427" spans="8:8">
      <c r="H81427" s="12"/>
    </row>
    <row r="81428" spans="8:8">
      <c r="H81428" s="12"/>
    </row>
    <row r="81429" spans="8:8">
      <c r="H81429" s="12"/>
    </row>
    <row r="81430" spans="8:8">
      <c r="H81430" s="12"/>
    </row>
    <row r="81431" spans="8:8">
      <c r="H81431" s="12"/>
    </row>
    <row r="81432" spans="8:8">
      <c r="H81432" s="12"/>
    </row>
    <row r="81433" spans="8:8">
      <c r="H81433" s="12"/>
    </row>
    <row r="81434" spans="8:8">
      <c r="H81434" s="12"/>
    </row>
    <row r="81435" spans="8:8">
      <c r="H81435" s="12"/>
    </row>
    <row r="81436" spans="8:8">
      <c r="H81436" s="12"/>
    </row>
    <row r="81437" spans="8:8">
      <c r="H81437" s="12"/>
    </row>
    <row r="81438" spans="8:8">
      <c r="H81438" s="12"/>
    </row>
    <row r="81439" spans="8:8">
      <c r="H81439" s="12"/>
    </row>
    <row r="81440" spans="8:8">
      <c r="H81440" s="12"/>
    </row>
    <row r="81441" spans="8:8">
      <c r="H81441" s="12"/>
    </row>
    <row r="81442" spans="8:8">
      <c r="H81442" s="12"/>
    </row>
    <row r="81443" spans="8:8">
      <c r="H81443" s="12"/>
    </row>
    <row r="81444" spans="8:8">
      <c r="H81444" s="12"/>
    </row>
    <row r="81445" spans="8:8">
      <c r="H81445" s="12"/>
    </row>
    <row r="81446" spans="8:8">
      <c r="H81446" s="12"/>
    </row>
    <row r="81447" spans="8:8">
      <c r="H81447" s="12"/>
    </row>
    <row r="81448" spans="8:8">
      <c r="H81448" s="12"/>
    </row>
    <row r="81449" spans="8:8">
      <c r="H81449" s="12"/>
    </row>
    <row r="81450" spans="8:8">
      <c r="H81450" s="12"/>
    </row>
    <row r="81451" spans="8:8">
      <c r="H81451" s="12"/>
    </row>
    <row r="81452" spans="8:8">
      <c r="H81452" s="12"/>
    </row>
    <row r="81453" spans="8:8">
      <c r="H81453" s="12"/>
    </row>
    <row r="81454" spans="8:8">
      <c r="H81454" s="12"/>
    </row>
    <row r="81455" spans="8:8">
      <c r="H81455" s="12"/>
    </row>
    <row r="81456" spans="8:8">
      <c r="H81456" s="12"/>
    </row>
    <row r="81457" spans="8:8">
      <c r="H81457" s="12"/>
    </row>
    <row r="81458" spans="8:8">
      <c r="H81458" s="12"/>
    </row>
    <row r="81459" spans="8:8">
      <c r="H81459" s="12"/>
    </row>
    <row r="81460" spans="8:8">
      <c r="H81460" s="12"/>
    </row>
    <row r="81461" spans="8:8">
      <c r="H81461" s="12"/>
    </row>
    <row r="81462" spans="8:8">
      <c r="H81462" s="12"/>
    </row>
    <row r="81463" spans="8:8">
      <c r="H81463" s="12"/>
    </row>
    <row r="81464" spans="8:8">
      <c r="H81464" s="12"/>
    </row>
    <row r="81465" spans="8:8">
      <c r="H81465" s="12"/>
    </row>
    <row r="81466" spans="8:8">
      <c r="H81466" s="12"/>
    </row>
    <row r="81467" spans="8:8">
      <c r="H81467" s="12"/>
    </row>
    <row r="81468" spans="8:8">
      <c r="H81468" s="12"/>
    </row>
    <row r="81469" spans="8:8">
      <c r="H81469" s="12"/>
    </row>
    <row r="81470" spans="8:8">
      <c r="H81470" s="12"/>
    </row>
    <row r="81471" spans="8:8">
      <c r="H81471" s="12"/>
    </row>
    <row r="81472" spans="8:8">
      <c r="H81472" s="12"/>
    </row>
    <row r="81473" spans="8:8">
      <c r="H81473" s="12"/>
    </row>
    <row r="81474" spans="8:8">
      <c r="H81474" s="12"/>
    </row>
    <row r="81475" spans="8:8">
      <c r="H81475" s="12"/>
    </row>
    <row r="81476" spans="8:8">
      <c r="H81476" s="12"/>
    </row>
    <row r="81477" spans="8:8">
      <c r="H81477" s="12"/>
    </row>
    <row r="81478" spans="8:8">
      <c r="H81478" s="12"/>
    </row>
    <row r="81479" spans="8:8">
      <c r="H81479" s="12"/>
    </row>
    <row r="81480" spans="8:8">
      <c r="H81480" s="12"/>
    </row>
    <row r="81481" spans="8:8">
      <c r="H81481" s="12"/>
    </row>
    <row r="81482" spans="8:8">
      <c r="H81482" s="12"/>
    </row>
    <row r="81483" spans="8:8">
      <c r="H81483" s="12"/>
    </row>
    <row r="81484" spans="8:8">
      <c r="H81484" s="12"/>
    </row>
    <row r="81485" spans="8:8">
      <c r="H81485" s="12"/>
    </row>
    <row r="81486" spans="8:8">
      <c r="H81486" s="12"/>
    </row>
    <row r="81487" spans="8:8">
      <c r="H81487" s="12"/>
    </row>
    <row r="81488" spans="8:8">
      <c r="H81488" s="12"/>
    </row>
    <row r="81489" spans="8:8">
      <c r="H81489" s="12"/>
    </row>
    <row r="81490" spans="8:8">
      <c r="H81490" s="12"/>
    </row>
    <row r="81491" spans="8:8">
      <c r="H81491" s="12"/>
    </row>
    <row r="81492" spans="8:8">
      <c r="H81492" s="12"/>
    </row>
    <row r="81493" spans="8:8">
      <c r="H81493" s="12"/>
    </row>
    <row r="81494" spans="8:8">
      <c r="H81494" s="12"/>
    </row>
    <row r="81495" spans="8:8">
      <c r="H81495" s="12"/>
    </row>
    <row r="81496" spans="8:8">
      <c r="H81496" s="12"/>
    </row>
    <row r="81497" spans="8:8">
      <c r="H81497" s="12"/>
    </row>
    <row r="81498" spans="8:8">
      <c r="H81498" s="12"/>
    </row>
    <row r="81499" spans="8:8">
      <c r="H81499" s="12"/>
    </row>
    <row r="81500" spans="8:8">
      <c r="H81500" s="12"/>
    </row>
    <row r="81501" spans="8:8">
      <c r="H81501" s="12"/>
    </row>
    <row r="81502" spans="8:8">
      <c r="H81502" s="12"/>
    </row>
    <row r="81503" spans="8:8">
      <c r="H81503" s="12"/>
    </row>
    <row r="81504" spans="8:8">
      <c r="H81504" s="12"/>
    </row>
    <row r="81505" spans="8:8">
      <c r="H81505" s="12"/>
    </row>
    <row r="81506" spans="8:8">
      <c r="H81506" s="12"/>
    </row>
    <row r="81507" spans="8:8">
      <c r="H81507" s="12"/>
    </row>
    <row r="81508" spans="8:8">
      <c r="H81508" s="12"/>
    </row>
    <row r="81509" spans="8:8">
      <c r="H81509" s="12"/>
    </row>
    <row r="81510" spans="8:8">
      <c r="H81510" s="12"/>
    </row>
    <row r="81511" spans="8:8">
      <c r="H81511" s="12"/>
    </row>
    <row r="81512" spans="8:8">
      <c r="H81512" s="12"/>
    </row>
    <row r="81513" spans="8:8">
      <c r="H81513" s="12"/>
    </row>
    <row r="81514" spans="8:8">
      <c r="H81514" s="12"/>
    </row>
    <row r="81515" spans="8:8">
      <c r="H81515" s="12"/>
    </row>
    <row r="81516" spans="8:8">
      <c r="H81516" s="12"/>
    </row>
    <row r="81517" spans="8:8">
      <c r="H81517" s="12"/>
    </row>
    <row r="81518" spans="8:8">
      <c r="H81518" s="12"/>
    </row>
    <row r="81519" spans="8:8">
      <c r="H81519" s="12"/>
    </row>
    <row r="81520" spans="8:8">
      <c r="H81520" s="12"/>
    </row>
    <row r="81521" spans="8:8">
      <c r="H81521" s="12"/>
    </row>
    <row r="81522" spans="8:8">
      <c r="H81522" s="12"/>
    </row>
    <row r="81523" spans="8:8">
      <c r="H81523" s="12"/>
    </row>
    <row r="81524" spans="8:8">
      <c r="H81524" s="12"/>
    </row>
    <row r="81525" spans="8:8">
      <c r="H81525" s="12"/>
    </row>
    <row r="81526" spans="8:8">
      <c r="H81526" s="12"/>
    </row>
    <row r="81527" spans="8:8">
      <c r="H81527" s="12"/>
    </row>
    <row r="81528" spans="8:8">
      <c r="H81528" s="12"/>
    </row>
    <row r="81529" spans="8:8">
      <c r="H81529" s="12"/>
    </row>
    <row r="81530" spans="8:8">
      <c r="H81530" s="12"/>
    </row>
    <row r="81531" spans="8:8">
      <c r="H81531" s="12"/>
    </row>
    <row r="81532" spans="8:8">
      <c r="H81532" s="12"/>
    </row>
    <row r="81533" spans="8:8">
      <c r="H81533" s="12"/>
    </row>
    <row r="81534" spans="8:8">
      <c r="H81534" s="12"/>
    </row>
    <row r="81535" spans="8:8">
      <c r="H81535" s="12"/>
    </row>
    <row r="81536" spans="8:8">
      <c r="H81536" s="12"/>
    </row>
    <row r="81537" spans="8:8">
      <c r="H81537" s="12"/>
    </row>
    <row r="81538" spans="8:8">
      <c r="H81538" s="12"/>
    </row>
    <row r="81539" spans="8:8">
      <c r="H81539" s="12"/>
    </row>
    <row r="81540" spans="8:8">
      <c r="H81540" s="12"/>
    </row>
    <row r="81541" spans="8:8">
      <c r="H81541" s="12"/>
    </row>
    <row r="81542" spans="8:8">
      <c r="H81542" s="12"/>
    </row>
    <row r="81543" spans="8:8">
      <c r="H81543" s="12"/>
    </row>
    <row r="81544" spans="8:8">
      <c r="H81544" s="12"/>
    </row>
    <row r="81545" spans="8:8">
      <c r="H81545" s="12"/>
    </row>
    <row r="81546" spans="8:8">
      <c r="H81546" s="12"/>
    </row>
    <row r="81547" spans="8:8">
      <c r="H81547" s="12"/>
    </row>
    <row r="81548" spans="8:8">
      <c r="H81548" s="12"/>
    </row>
    <row r="81549" spans="8:8">
      <c r="H81549" s="12"/>
    </row>
    <row r="81550" spans="8:8">
      <c r="H81550" s="12"/>
    </row>
    <row r="81551" spans="8:8">
      <c r="H81551" s="12"/>
    </row>
    <row r="81552" spans="8:8">
      <c r="H81552" s="12"/>
    </row>
    <row r="81553" spans="8:8">
      <c r="H81553" s="12"/>
    </row>
    <row r="81554" spans="8:8">
      <c r="H81554" s="12"/>
    </row>
    <row r="81555" spans="8:8">
      <c r="H81555" s="12"/>
    </row>
    <row r="81556" spans="8:8">
      <c r="H81556" s="12"/>
    </row>
    <row r="81557" spans="8:8">
      <c r="H81557" s="12"/>
    </row>
    <row r="81558" spans="8:8">
      <c r="H81558" s="12"/>
    </row>
    <row r="81559" spans="8:8">
      <c r="H81559" s="12"/>
    </row>
    <row r="81560" spans="8:8">
      <c r="H81560" s="12"/>
    </row>
    <row r="81561" spans="8:8">
      <c r="H81561" s="12"/>
    </row>
    <row r="81562" spans="8:8">
      <c r="H81562" s="12"/>
    </row>
    <row r="81563" spans="8:8">
      <c r="H81563" s="12"/>
    </row>
    <row r="81564" spans="8:8">
      <c r="H81564" s="12"/>
    </row>
    <row r="81565" spans="8:8">
      <c r="H81565" s="12"/>
    </row>
    <row r="81566" spans="8:8">
      <c r="H81566" s="12"/>
    </row>
    <row r="81567" spans="8:8">
      <c r="H81567" s="12"/>
    </row>
    <row r="81568" spans="8:8">
      <c r="H81568" s="12"/>
    </row>
    <row r="81569" spans="8:8">
      <c r="H81569" s="12"/>
    </row>
    <row r="81570" spans="8:8">
      <c r="H81570" s="12"/>
    </row>
    <row r="81571" spans="8:8">
      <c r="H81571" s="12"/>
    </row>
    <row r="81572" spans="8:8">
      <c r="H81572" s="12"/>
    </row>
    <row r="81573" spans="8:8">
      <c r="H81573" s="12"/>
    </row>
    <row r="81574" spans="8:8">
      <c r="H81574" s="12"/>
    </row>
    <row r="81575" spans="8:8">
      <c r="H81575" s="12"/>
    </row>
    <row r="81576" spans="8:8">
      <c r="H81576" s="12"/>
    </row>
    <row r="81577" spans="8:8">
      <c r="H81577" s="12"/>
    </row>
    <row r="81578" spans="8:8">
      <c r="H81578" s="12"/>
    </row>
    <row r="81579" spans="8:8">
      <c r="H81579" s="12"/>
    </row>
    <row r="81580" spans="8:8">
      <c r="H81580" s="12"/>
    </row>
    <row r="81581" spans="8:8">
      <c r="H81581" s="12"/>
    </row>
    <row r="81582" spans="8:8">
      <c r="H81582" s="12"/>
    </row>
    <row r="81583" spans="8:8">
      <c r="H81583" s="12"/>
    </row>
    <row r="81584" spans="8:8">
      <c r="H81584" s="12"/>
    </row>
    <row r="81585" spans="8:8">
      <c r="H81585" s="12"/>
    </row>
    <row r="81586" spans="8:8">
      <c r="H81586" s="12"/>
    </row>
    <row r="81587" spans="8:8">
      <c r="H81587" s="12"/>
    </row>
    <row r="81588" spans="8:8">
      <c r="H81588" s="12"/>
    </row>
    <row r="81589" spans="8:8">
      <c r="H81589" s="12"/>
    </row>
    <row r="81590" spans="8:8">
      <c r="H81590" s="12"/>
    </row>
    <row r="81591" spans="8:8">
      <c r="H81591" s="12"/>
    </row>
    <row r="81592" spans="8:8">
      <c r="H81592" s="12"/>
    </row>
    <row r="81593" spans="8:8">
      <c r="H81593" s="12"/>
    </row>
    <row r="81594" spans="8:8">
      <c r="H81594" s="12"/>
    </row>
    <row r="81595" spans="8:8">
      <c r="H81595" s="12"/>
    </row>
    <row r="81596" spans="8:8">
      <c r="H81596" s="12"/>
    </row>
    <row r="81597" spans="8:8">
      <c r="H81597" s="12"/>
    </row>
    <row r="81598" spans="8:8">
      <c r="H81598" s="12"/>
    </row>
    <row r="81599" spans="8:8">
      <c r="H81599" s="12"/>
    </row>
    <row r="81600" spans="8:8">
      <c r="H81600" s="12"/>
    </row>
    <row r="81601" spans="8:8">
      <c r="H81601" s="12"/>
    </row>
    <row r="81602" spans="8:8">
      <c r="H81602" s="12"/>
    </row>
    <row r="81603" spans="8:8">
      <c r="H81603" s="12"/>
    </row>
    <row r="81604" spans="8:8">
      <c r="H81604" s="12"/>
    </row>
    <row r="81605" spans="8:8">
      <c r="H81605" s="12"/>
    </row>
    <row r="81606" spans="8:8">
      <c r="H81606" s="12"/>
    </row>
    <row r="81607" spans="8:8">
      <c r="H81607" s="12"/>
    </row>
    <row r="81608" spans="8:8">
      <c r="H81608" s="12"/>
    </row>
    <row r="81609" spans="8:8">
      <c r="H81609" s="12"/>
    </row>
    <row r="81610" spans="8:8">
      <c r="H81610" s="12"/>
    </row>
    <row r="81611" spans="8:8">
      <c r="H81611" s="12"/>
    </row>
    <row r="81612" spans="8:8">
      <c r="H81612" s="12"/>
    </row>
    <row r="81613" spans="8:8">
      <c r="H81613" s="12"/>
    </row>
    <row r="81614" spans="8:8">
      <c r="H81614" s="12"/>
    </row>
    <row r="81615" spans="8:8">
      <c r="H81615" s="12"/>
    </row>
    <row r="81616" spans="8:8">
      <c r="H81616" s="12"/>
    </row>
    <row r="81617" spans="8:8">
      <c r="H81617" s="12"/>
    </row>
    <row r="81618" spans="8:8">
      <c r="H81618" s="12"/>
    </row>
    <row r="81619" spans="8:8">
      <c r="H81619" s="12"/>
    </row>
    <row r="81620" spans="8:8">
      <c r="H81620" s="12"/>
    </row>
    <row r="81621" spans="8:8">
      <c r="H81621" s="12"/>
    </row>
    <row r="81622" spans="8:8">
      <c r="H81622" s="12"/>
    </row>
    <row r="81623" spans="8:8">
      <c r="H81623" s="12"/>
    </row>
    <row r="81624" spans="8:8">
      <c r="H81624" s="12"/>
    </row>
    <row r="81625" spans="8:8">
      <c r="H81625" s="12"/>
    </row>
    <row r="81626" spans="8:8">
      <c r="H81626" s="12"/>
    </row>
    <row r="81627" spans="8:8">
      <c r="H81627" s="12"/>
    </row>
    <row r="81628" spans="8:8">
      <c r="H81628" s="12"/>
    </row>
    <row r="81629" spans="8:8">
      <c r="H81629" s="12"/>
    </row>
    <row r="81630" spans="8:8">
      <c r="H81630" s="12"/>
    </row>
    <row r="81631" spans="8:8">
      <c r="H81631" s="12"/>
    </row>
    <row r="81632" spans="8:8">
      <c r="H81632" s="12"/>
    </row>
    <row r="81633" spans="8:8">
      <c r="H81633" s="12"/>
    </row>
    <row r="81634" spans="8:8">
      <c r="H81634" s="12"/>
    </row>
    <row r="81635" spans="8:8">
      <c r="H81635" s="12"/>
    </row>
    <row r="81636" spans="8:8">
      <c r="H81636" s="12"/>
    </row>
    <row r="81637" spans="8:8">
      <c r="H81637" s="12"/>
    </row>
    <row r="81638" spans="8:8">
      <c r="H81638" s="12"/>
    </row>
    <row r="81639" spans="8:8">
      <c r="H81639" s="12"/>
    </row>
    <row r="81640" spans="8:8">
      <c r="H81640" s="12"/>
    </row>
    <row r="81641" spans="8:8">
      <c r="H81641" s="12"/>
    </row>
    <row r="81642" spans="8:8">
      <c r="H81642" s="12"/>
    </row>
    <row r="81643" spans="8:8">
      <c r="H81643" s="12"/>
    </row>
    <row r="81644" spans="8:8">
      <c r="H81644" s="12"/>
    </row>
    <row r="81645" spans="8:8">
      <c r="H81645" s="12"/>
    </row>
    <row r="81646" spans="8:8">
      <c r="H81646" s="12"/>
    </row>
    <row r="81647" spans="8:8">
      <c r="H81647" s="12"/>
    </row>
    <row r="81648" spans="8:8">
      <c r="H81648" s="12"/>
    </row>
    <row r="81649" spans="8:8">
      <c r="H81649" s="12"/>
    </row>
    <row r="81650" spans="8:8">
      <c r="H81650" s="12"/>
    </row>
    <row r="81651" spans="8:8">
      <c r="H81651" s="12"/>
    </row>
    <row r="81652" spans="8:8">
      <c r="H81652" s="12"/>
    </row>
    <row r="81653" spans="8:8">
      <c r="H81653" s="12"/>
    </row>
    <row r="81654" spans="8:8">
      <c r="H81654" s="12"/>
    </row>
    <row r="81655" spans="8:8">
      <c r="H81655" s="12"/>
    </row>
    <row r="81656" spans="8:8">
      <c r="H81656" s="12"/>
    </row>
    <row r="81657" spans="8:8">
      <c r="H81657" s="12"/>
    </row>
    <row r="81658" spans="8:8">
      <c r="H81658" s="12"/>
    </row>
    <row r="81659" spans="8:8">
      <c r="H81659" s="12"/>
    </row>
    <row r="81660" spans="8:8">
      <c r="H81660" s="12"/>
    </row>
    <row r="81661" spans="8:8">
      <c r="H81661" s="12"/>
    </row>
    <row r="81662" spans="8:8">
      <c r="H81662" s="12"/>
    </row>
    <row r="81663" spans="8:8">
      <c r="H81663" s="12"/>
    </row>
    <row r="81664" spans="8:8">
      <c r="H81664" s="12"/>
    </row>
    <row r="81665" spans="8:8">
      <c r="H81665" s="12"/>
    </row>
    <row r="81666" spans="8:8">
      <c r="H81666" s="12"/>
    </row>
    <row r="81667" spans="8:8">
      <c r="H81667" s="12"/>
    </row>
    <row r="81668" spans="8:8">
      <c r="H81668" s="12"/>
    </row>
    <row r="81669" spans="8:8">
      <c r="H81669" s="12"/>
    </row>
    <row r="81670" spans="8:8">
      <c r="H81670" s="12"/>
    </row>
    <row r="81671" spans="8:8">
      <c r="H81671" s="12"/>
    </row>
    <row r="81672" spans="8:8">
      <c r="H81672" s="12"/>
    </row>
    <row r="81673" spans="8:8">
      <c r="H81673" s="12"/>
    </row>
    <row r="81674" spans="8:8">
      <c r="H81674" s="12"/>
    </row>
    <row r="81675" spans="8:8">
      <c r="H81675" s="12"/>
    </row>
    <row r="81676" spans="8:8">
      <c r="H81676" s="12"/>
    </row>
    <row r="81677" spans="8:8">
      <c r="H81677" s="12"/>
    </row>
    <row r="81678" spans="8:8">
      <c r="H81678" s="12"/>
    </row>
    <row r="81679" spans="8:8">
      <c r="H81679" s="12"/>
    </row>
    <row r="81680" spans="8:8">
      <c r="H81680" s="12"/>
    </row>
    <row r="81681" spans="8:8">
      <c r="H81681" s="12"/>
    </row>
    <row r="81682" spans="8:8">
      <c r="H81682" s="12"/>
    </row>
    <row r="81683" spans="8:8">
      <c r="H81683" s="12"/>
    </row>
    <row r="81684" spans="8:8">
      <c r="H81684" s="12"/>
    </row>
    <row r="81685" spans="8:8">
      <c r="H81685" s="12"/>
    </row>
    <row r="81686" spans="8:8">
      <c r="H81686" s="12"/>
    </row>
    <row r="81687" spans="8:8">
      <c r="H81687" s="12"/>
    </row>
    <row r="81688" spans="8:8">
      <c r="H81688" s="12"/>
    </row>
    <row r="81689" spans="8:8">
      <c r="H81689" s="12"/>
    </row>
    <row r="81690" spans="8:8">
      <c r="H81690" s="12"/>
    </row>
    <row r="81691" spans="8:8">
      <c r="H81691" s="12"/>
    </row>
    <row r="81692" spans="8:8">
      <c r="H81692" s="12"/>
    </row>
    <row r="81693" spans="8:8">
      <c r="H81693" s="12"/>
    </row>
    <row r="81694" spans="8:8">
      <c r="H81694" s="12"/>
    </row>
    <row r="81695" spans="8:8">
      <c r="H81695" s="12"/>
    </row>
    <row r="81696" spans="8:8">
      <c r="H81696" s="12"/>
    </row>
    <row r="81697" spans="8:8">
      <c r="H81697" s="12"/>
    </row>
    <row r="81698" spans="8:8">
      <c r="H81698" s="12"/>
    </row>
    <row r="81699" spans="8:8">
      <c r="H81699" s="12"/>
    </row>
    <row r="81700" spans="8:8">
      <c r="H81700" s="12"/>
    </row>
    <row r="81701" spans="8:8">
      <c r="H81701" s="12"/>
    </row>
    <row r="81702" spans="8:8">
      <c r="H81702" s="12"/>
    </row>
    <row r="81703" spans="8:8">
      <c r="H81703" s="12"/>
    </row>
    <row r="81704" spans="8:8">
      <c r="H81704" s="12"/>
    </row>
    <row r="81705" spans="8:8">
      <c r="H81705" s="12"/>
    </row>
    <row r="81706" spans="8:8">
      <c r="H81706" s="12"/>
    </row>
    <row r="81707" spans="8:8">
      <c r="H81707" s="12"/>
    </row>
    <row r="81708" spans="8:8">
      <c r="H81708" s="12"/>
    </row>
    <row r="81709" spans="8:8">
      <c r="H81709" s="12"/>
    </row>
    <row r="81710" spans="8:8">
      <c r="H81710" s="12"/>
    </row>
    <row r="81711" spans="8:8">
      <c r="H81711" s="12"/>
    </row>
    <row r="81712" spans="8:8">
      <c r="H81712" s="12"/>
    </row>
    <row r="81713" spans="8:8">
      <c r="H81713" s="12"/>
    </row>
    <row r="81714" spans="8:8">
      <c r="H81714" s="12"/>
    </row>
    <row r="81715" spans="8:8">
      <c r="H81715" s="12"/>
    </row>
    <row r="81716" spans="8:8">
      <c r="H81716" s="12"/>
    </row>
    <row r="81717" spans="8:8">
      <c r="H81717" s="12"/>
    </row>
    <row r="81718" spans="8:8">
      <c r="H81718" s="12"/>
    </row>
    <row r="81719" spans="8:8">
      <c r="H81719" s="12"/>
    </row>
    <row r="81720" spans="8:8">
      <c r="H81720" s="12"/>
    </row>
    <row r="81721" spans="8:8">
      <c r="H81721" s="12"/>
    </row>
    <row r="81722" spans="8:8">
      <c r="H81722" s="12"/>
    </row>
    <row r="81723" spans="8:8">
      <c r="H81723" s="12"/>
    </row>
    <row r="81724" spans="8:8">
      <c r="H81724" s="12"/>
    </row>
    <row r="81725" spans="8:8">
      <c r="H81725" s="12"/>
    </row>
    <row r="81726" spans="8:8">
      <c r="H81726" s="12"/>
    </row>
    <row r="81727" spans="8:8">
      <c r="H81727" s="12"/>
    </row>
    <row r="81728" spans="8:8">
      <c r="H81728" s="12"/>
    </row>
    <row r="81729" spans="8:8">
      <c r="H81729" s="12"/>
    </row>
    <row r="81730" spans="8:8">
      <c r="H81730" s="12"/>
    </row>
    <row r="81731" spans="8:8">
      <c r="H81731" s="12"/>
    </row>
    <row r="81732" spans="8:8">
      <c r="H81732" s="12"/>
    </row>
    <row r="81733" spans="8:8">
      <c r="H81733" s="12"/>
    </row>
    <row r="81734" spans="8:8">
      <c r="H81734" s="12"/>
    </row>
    <row r="81735" spans="8:8">
      <c r="H81735" s="12"/>
    </row>
    <row r="81736" spans="8:8">
      <c r="H81736" s="12"/>
    </row>
    <row r="81737" spans="8:8">
      <c r="H81737" s="12"/>
    </row>
    <row r="81738" spans="8:8">
      <c r="H81738" s="12"/>
    </row>
    <row r="81739" spans="8:8">
      <c r="H81739" s="12"/>
    </row>
    <row r="81740" spans="8:8">
      <c r="H81740" s="12"/>
    </row>
    <row r="81741" spans="8:8">
      <c r="H81741" s="12"/>
    </row>
    <row r="81742" spans="8:8">
      <c r="H81742" s="12"/>
    </row>
    <row r="81743" spans="8:8">
      <c r="H81743" s="12"/>
    </row>
    <row r="81744" spans="8:8">
      <c r="H81744" s="12"/>
    </row>
    <row r="81745" spans="8:8">
      <c r="H81745" s="12"/>
    </row>
    <row r="81746" spans="8:8">
      <c r="H81746" s="12"/>
    </row>
    <row r="81747" spans="8:8">
      <c r="H81747" s="12"/>
    </row>
    <row r="81748" spans="8:8">
      <c r="H81748" s="12"/>
    </row>
    <row r="81749" spans="8:8">
      <c r="H81749" s="12"/>
    </row>
    <row r="81750" spans="8:8">
      <c r="H81750" s="12"/>
    </row>
    <row r="81751" spans="8:8">
      <c r="H81751" s="12"/>
    </row>
    <row r="81752" spans="8:8">
      <c r="H81752" s="12"/>
    </row>
    <row r="81753" spans="8:8">
      <c r="H81753" s="12"/>
    </row>
    <row r="81754" spans="8:8">
      <c r="H81754" s="12"/>
    </row>
    <row r="81755" spans="8:8">
      <c r="H81755" s="12"/>
    </row>
    <row r="81756" spans="8:8">
      <c r="H81756" s="12"/>
    </row>
    <row r="81757" spans="8:8">
      <c r="H81757" s="12"/>
    </row>
    <row r="81758" spans="8:8">
      <c r="H81758" s="12"/>
    </row>
    <row r="81759" spans="8:8">
      <c r="H81759" s="12"/>
    </row>
    <row r="81760" spans="8:8">
      <c r="H81760" s="12"/>
    </row>
    <row r="81761" spans="8:8">
      <c r="H81761" s="12"/>
    </row>
    <row r="81762" spans="8:8">
      <c r="H81762" s="12"/>
    </row>
    <row r="81763" spans="8:8">
      <c r="H81763" s="12"/>
    </row>
    <row r="81764" spans="8:8">
      <c r="H81764" s="12"/>
    </row>
    <row r="81765" spans="8:8">
      <c r="H81765" s="12"/>
    </row>
    <row r="81766" spans="8:8">
      <c r="H81766" s="12"/>
    </row>
    <row r="81767" spans="8:8">
      <c r="H81767" s="12"/>
    </row>
    <row r="81768" spans="8:8">
      <c r="H81768" s="12"/>
    </row>
    <row r="81769" spans="8:8">
      <c r="H81769" s="12"/>
    </row>
    <row r="81770" spans="8:8">
      <c r="H81770" s="12"/>
    </row>
    <row r="81771" spans="8:8">
      <c r="H81771" s="12"/>
    </row>
    <row r="81772" spans="8:8">
      <c r="H81772" s="12"/>
    </row>
    <row r="81773" spans="8:8">
      <c r="H81773" s="12"/>
    </row>
    <row r="81774" spans="8:8">
      <c r="H81774" s="12"/>
    </row>
    <row r="81775" spans="8:8">
      <c r="H81775" s="12"/>
    </row>
    <row r="81776" spans="8:8">
      <c r="H81776" s="12"/>
    </row>
    <row r="81777" spans="8:8">
      <c r="H81777" s="12"/>
    </row>
    <row r="81778" spans="8:8">
      <c r="H81778" s="12"/>
    </row>
    <row r="81779" spans="8:8">
      <c r="H81779" s="12"/>
    </row>
    <row r="81780" spans="8:8">
      <c r="H81780" s="12"/>
    </row>
    <row r="81781" spans="8:8">
      <c r="H81781" s="12"/>
    </row>
    <row r="81782" spans="8:8">
      <c r="H81782" s="12"/>
    </row>
    <row r="81783" spans="8:8">
      <c r="H81783" s="12"/>
    </row>
    <row r="81784" spans="8:8">
      <c r="H81784" s="12"/>
    </row>
    <row r="81785" spans="8:8">
      <c r="H81785" s="12"/>
    </row>
    <row r="81786" spans="8:8">
      <c r="H81786" s="12"/>
    </row>
    <row r="81787" spans="8:8">
      <c r="H81787" s="12"/>
    </row>
    <row r="81788" spans="8:8">
      <c r="H81788" s="12"/>
    </row>
    <row r="81789" spans="8:8">
      <c r="H81789" s="12"/>
    </row>
    <row r="81790" spans="8:8">
      <c r="H81790" s="12"/>
    </row>
    <row r="81791" spans="8:8">
      <c r="H81791" s="12"/>
    </row>
    <row r="81792" spans="8:8">
      <c r="H81792" s="12"/>
    </row>
    <row r="81793" spans="8:8">
      <c r="H81793" s="12"/>
    </row>
    <row r="81794" spans="8:8">
      <c r="H81794" s="12"/>
    </row>
    <row r="81795" spans="8:8">
      <c r="H81795" s="12"/>
    </row>
    <row r="81796" spans="8:8">
      <c r="H81796" s="12"/>
    </row>
    <row r="81797" spans="8:8">
      <c r="H81797" s="12"/>
    </row>
    <row r="81798" spans="8:8">
      <c r="H81798" s="12"/>
    </row>
    <row r="81799" spans="8:8">
      <c r="H81799" s="12"/>
    </row>
    <row r="81800" spans="8:8">
      <c r="H81800" s="12"/>
    </row>
    <row r="81801" spans="8:8">
      <c r="H81801" s="12"/>
    </row>
    <row r="81802" spans="8:8">
      <c r="H81802" s="12"/>
    </row>
    <row r="81803" spans="8:8">
      <c r="H81803" s="12"/>
    </row>
    <row r="81804" spans="8:8">
      <c r="H81804" s="12"/>
    </row>
    <row r="81805" spans="8:8">
      <c r="H81805" s="12"/>
    </row>
    <row r="81806" spans="8:8">
      <c r="H81806" s="12"/>
    </row>
    <row r="81807" spans="8:8">
      <c r="H81807" s="12"/>
    </row>
    <row r="81808" spans="8:8">
      <c r="H81808" s="12"/>
    </row>
    <row r="81809" spans="8:8">
      <c r="H81809" s="12"/>
    </row>
    <row r="81810" spans="8:8">
      <c r="H81810" s="12"/>
    </row>
    <row r="81811" spans="8:8">
      <c r="H81811" s="12"/>
    </row>
    <row r="81812" spans="8:8">
      <c r="H81812" s="12"/>
    </row>
    <row r="81813" spans="8:8">
      <c r="H81813" s="12"/>
    </row>
    <row r="81814" spans="8:8">
      <c r="H81814" s="12"/>
    </row>
    <row r="81815" spans="8:8">
      <c r="H81815" s="12"/>
    </row>
    <row r="81816" spans="8:8">
      <c r="H81816" s="12"/>
    </row>
    <row r="81817" spans="8:8">
      <c r="H81817" s="12"/>
    </row>
    <row r="81818" spans="8:8">
      <c r="H81818" s="12"/>
    </row>
    <row r="81819" spans="8:8">
      <c r="H81819" s="12"/>
    </row>
    <row r="81820" spans="8:8">
      <c r="H81820" s="12"/>
    </row>
    <row r="81821" spans="8:8">
      <c r="H81821" s="12"/>
    </row>
    <row r="81822" spans="8:8">
      <c r="H81822" s="12"/>
    </row>
    <row r="81823" spans="8:8">
      <c r="H81823" s="12"/>
    </row>
    <row r="81824" spans="8:8">
      <c r="H81824" s="12"/>
    </row>
    <row r="81825" spans="8:8">
      <c r="H81825" s="12"/>
    </row>
    <row r="81826" spans="8:8">
      <c r="H81826" s="12"/>
    </row>
    <row r="81827" spans="8:8">
      <c r="H81827" s="12"/>
    </row>
    <row r="81828" spans="8:8">
      <c r="H81828" s="12"/>
    </row>
    <row r="81829" spans="8:8">
      <c r="H81829" s="12"/>
    </row>
    <row r="81830" spans="8:8">
      <c r="H81830" s="12"/>
    </row>
    <row r="81831" spans="8:8">
      <c r="H81831" s="12"/>
    </row>
    <row r="81832" spans="8:8">
      <c r="H81832" s="12"/>
    </row>
    <row r="81833" spans="8:8">
      <c r="H81833" s="12"/>
    </row>
    <row r="81834" spans="8:8">
      <c r="H81834" s="12"/>
    </row>
    <row r="81835" spans="8:8">
      <c r="H81835" s="12"/>
    </row>
    <row r="81836" spans="8:8">
      <c r="H81836" s="12"/>
    </row>
    <row r="81837" spans="8:8">
      <c r="H81837" s="12"/>
    </row>
    <row r="81838" spans="8:8">
      <c r="H81838" s="12"/>
    </row>
    <row r="81839" spans="8:8">
      <c r="H81839" s="12"/>
    </row>
    <row r="81840" spans="8:8">
      <c r="H81840" s="12"/>
    </row>
    <row r="81841" spans="8:8">
      <c r="H81841" s="12"/>
    </row>
    <row r="81842" spans="8:8">
      <c r="H81842" s="12"/>
    </row>
    <row r="81843" spans="8:8">
      <c r="H81843" s="12"/>
    </row>
    <row r="81844" spans="8:8">
      <c r="H81844" s="12"/>
    </row>
    <row r="81845" spans="8:8">
      <c r="H81845" s="12"/>
    </row>
    <row r="81846" spans="8:8">
      <c r="H81846" s="12"/>
    </row>
    <row r="81847" spans="8:8">
      <c r="H81847" s="12"/>
    </row>
    <row r="81848" spans="8:8">
      <c r="H81848" s="12"/>
    </row>
    <row r="81849" spans="8:8">
      <c r="H81849" s="12"/>
    </row>
    <row r="81850" spans="8:8">
      <c r="H81850" s="12"/>
    </row>
    <row r="81851" spans="8:8">
      <c r="H81851" s="12"/>
    </row>
    <row r="81852" spans="8:8">
      <c r="H81852" s="12"/>
    </row>
    <row r="81853" spans="8:8">
      <c r="H81853" s="12"/>
    </row>
    <row r="81854" spans="8:8">
      <c r="H81854" s="12"/>
    </row>
    <row r="81855" spans="8:8">
      <c r="H81855" s="12"/>
    </row>
    <row r="81856" spans="8:8">
      <c r="H81856" s="12"/>
    </row>
    <row r="81857" spans="8:8">
      <c r="H81857" s="12"/>
    </row>
    <row r="81858" spans="8:8">
      <c r="H81858" s="12"/>
    </row>
    <row r="81859" spans="8:8">
      <c r="H81859" s="12"/>
    </row>
    <row r="81860" spans="8:8">
      <c r="H81860" s="12"/>
    </row>
    <row r="81861" spans="8:8">
      <c r="H81861" s="12"/>
    </row>
    <row r="81862" spans="8:8">
      <c r="H81862" s="12"/>
    </row>
    <row r="81863" spans="8:8">
      <c r="H81863" s="12"/>
    </row>
    <row r="81864" spans="8:8">
      <c r="H81864" s="12"/>
    </row>
    <row r="81865" spans="8:8">
      <c r="H81865" s="12"/>
    </row>
    <row r="81866" spans="8:8">
      <c r="H81866" s="12"/>
    </row>
    <row r="81867" spans="8:8">
      <c r="H81867" s="12"/>
    </row>
    <row r="81868" spans="8:8">
      <c r="H81868" s="12"/>
    </row>
    <row r="81869" spans="8:8">
      <c r="H81869" s="12"/>
    </row>
    <row r="81870" spans="8:8">
      <c r="H81870" s="12"/>
    </row>
    <row r="81871" spans="8:8">
      <c r="H81871" s="12"/>
    </row>
    <row r="81872" spans="8:8">
      <c r="H81872" s="12"/>
    </row>
    <row r="81873" spans="8:8">
      <c r="H81873" s="12"/>
    </row>
    <row r="81874" spans="8:8">
      <c r="H81874" s="12"/>
    </row>
    <row r="81875" spans="8:8">
      <c r="H81875" s="12"/>
    </row>
    <row r="81876" spans="8:8">
      <c r="H81876" s="12"/>
    </row>
    <row r="81877" spans="8:8">
      <c r="H81877" s="12"/>
    </row>
    <row r="81878" spans="8:8">
      <c r="H81878" s="12"/>
    </row>
    <row r="81879" spans="8:8">
      <c r="H81879" s="12"/>
    </row>
    <row r="81880" spans="8:8">
      <c r="H81880" s="12"/>
    </row>
    <row r="81881" spans="8:8">
      <c r="H81881" s="12"/>
    </row>
    <row r="81882" spans="8:8">
      <c r="H81882" s="12"/>
    </row>
    <row r="81883" spans="8:8">
      <c r="H81883" s="12"/>
    </row>
    <row r="81884" spans="8:8">
      <c r="H81884" s="12"/>
    </row>
    <row r="81885" spans="8:8">
      <c r="H81885" s="12"/>
    </row>
    <row r="81886" spans="8:8">
      <c r="H81886" s="12"/>
    </row>
    <row r="81887" spans="8:8">
      <c r="H81887" s="12"/>
    </row>
    <row r="81888" spans="8:8">
      <c r="H81888" s="12"/>
    </row>
    <row r="81889" spans="8:8">
      <c r="H81889" s="12"/>
    </row>
    <row r="81890" spans="8:8">
      <c r="H81890" s="12"/>
    </row>
    <row r="81891" spans="8:8">
      <c r="H81891" s="12"/>
    </row>
    <row r="81892" spans="8:8">
      <c r="H81892" s="12"/>
    </row>
    <row r="81893" spans="8:8">
      <c r="H81893" s="12"/>
    </row>
    <row r="81894" spans="8:8">
      <c r="H81894" s="12"/>
    </row>
    <row r="81895" spans="8:8">
      <c r="H81895" s="12"/>
    </row>
    <row r="81896" spans="8:8">
      <c r="H81896" s="12"/>
    </row>
    <row r="81897" spans="8:8">
      <c r="H81897" s="12"/>
    </row>
    <row r="81898" spans="8:8">
      <c r="H81898" s="12"/>
    </row>
    <row r="81899" spans="8:8">
      <c r="H81899" s="12"/>
    </row>
    <row r="81900" spans="8:8">
      <c r="H81900" s="12"/>
    </row>
    <row r="81901" spans="8:8">
      <c r="H81901" s="12"/>
    </row>
    <row r="81902" spans="8:8">
      <c r="H81902" s="12"/>
    </row>
    <row r="81903" spans="8:8">
      <c r="H81903" s="12"/>
    </row>
    <row r="81904" spans="8:8">
      <c r="H81904" s="12"/>
    </row>
    <row r="81905" spans="8:8">
      <c r="H81905" s="12"/>
    </row>
    <row r="81906" spans="8:8">
      <c r="H81906" s="12"/>
    </row>
    <row r="81907" spans="8:8">
      <c r="H81907" s="12"/>
    </row>
    <row r="81908" spans="8:8">
      <c r="H81908" s="12"/>
    </row>
    <row r="81909" spans="8:8">
      <c r="H81909" s="12"/>
    </row>
    <row r="81910" spans="8:8">
      <c r="H81910" s="12"/>
    </row>
    <row r="81911" spans="8:8">
      <c r="H81911" s="12"/>
    </row>
    <row r="81912" spans="8:8">
      <c r="H81912" s="12"/>
    </row>
    <row r="81913" spans="8:8">
      <c r="H81913" s="12"/>
    </row>
    <row r="81914" spans="8:8">
      <c r="H81914" s="12"/>
    </row>
    <row r="81915" spans="8:8">
      <c r="H81915" s="12"/>
    </row>
    <row r="81916" spans="8:8">
      <c r="H81916" s="12"/>
    </row>
    <row r="81917" spans="8:8">
      <c r="H81917" s="12"/>
    </row>
    <row r="81918" spans="8:8">
      <c r="H81918" s="12"/>
    </row>
    <row r="81919" spans="8:8">
      <c r="H81919" s="12"/>
    </row>
    <row r="81920" spans="8:8">
      <c r="H81920" s="12"/>
    </row>
    <row r="81921" spans="8:8">
      <c r="H81921" s="12"/>
    </row>
    <row r="81922" spans="8:8">
      <c r="H81922" s="12"/>
    </row>
    <row r="81923" spans="8:8">
      <c r="H81923" s="12"/>
    </row>
    <row r="81924" spans="8:8">
      <c r="H81924" s="12"/>
    </row>
    <row r="81925" spans="8:8">
      <c r="H81925" s="12"/>
    </row>
    <row r="81926" spans="8:8">
      <c r="H81926" s="12"/>
    </row>
    <row r="81927" spans="8:8">
      <c r="H81927" s="12"/>
    </row>
    <row r="81928" spans="8:8">
      <c r="H81928" s="12"/>
    </row>
    <row r="81929" spans="8:8">
      <c r="H81929" s="12"/>
    </row>
    <row r="81930" spans="8:8">
      <c r="H81930" s="12"/>
    </row>
    <row r="81931" spans="8:8">
      <c r="H81931" s="12"/>
    </row>
    <row r="81932" spans="8:8">
      <c r="H81932" s="12"/>
    </row>
    <row r="81933" spans="8:8">
      <c r="H81933" s="12"/>
    </row>
    <row r="81934" spans="8:8">
      <c r="H81934" s="12"/>
    </row>
    <row r="81935" spans="8:8">
      <c r="H81935" s="12"/>
    </row>
    <row r="81936" spans="8:8">
      <c r="H81936" s="12"/>
    </row>
    <row r="81937" spans="8:8">
      <c r="H81937" s="12"/>
    </row>
    <row r="81938" spans="8:8">
      <c r="H81938" s="12"/>
    </row>
    <row r="81939" spans="8:8">
      <c r="H81939" s="12"/>
    </row>
    <row r="81940" spans="8:8">
      <c r="H81940" s="12"/>
    </row>
    <row r="81941" spans="8:8">
      <c r="H81941" s="12"/>
    </row>
    <row r="81942" spans="8:8">
      <c r="H81942" s="12"/>
    </row>
    <row r="81943" spans="8:8">
      <c r="H81943" s="12"/>
    </row>
    <row r="81944" spans="8:8">
      <c r="H81944" s="12"/>
    </row>
    <row r="81945" spans="8:8">
      <c r="H81945" s="12"/>
    </row>
    <row r="81946" spans="8:8">
      <c r="H81946" s="12"/>
    </row>
    <row r="81947" spans="8:8">
      <c r="H81947" s="12"/>
    </row>
    <row r="81948" spans="8:8">
      <c r="H81948" s="12"/>
    </row>
    <row r="81949" spans="8:8">
      <c r="H81949" s="12"/>
    </row>
    <row r="81950" spans="8:8">
      <c r="H81950" s="12"/>
    </row>
    <row r="81951" spans="8:8">
      <c r="H81951" s="12"/>
    </row>
    <row r="81952" spans="8:8">
      <c r="H81952" s="12"/>
    </row>
    <row r="81953" spans="8:8">
      <c r="H81953" s="12"/>
    </row>
    <row r="81954" spans="8:8">
      <c r="H81954" s="12"/>
    </row>
    <row r="81955" spans="8:8">
      <c r="H81955" s="12"/>
    </row>
    <row r="81956" spans="8:8">
      <c r="H81956" s="12"/>
    </row>
    <row r="81957" spans="8:8">
      <c r="H81957" s="12"/>
    </row>
    <row r="81958" spans="8:8">
      <c r="H81958" s="12"/>
    </row>
    <row r="81959" spans="8:8">
      <c r="H81959" s="12"/>
    </row>
    <row r="81960" spans="8:8">
      <c r="H81960" s="12"/>
    </row>
    <row r="81961" spans="8:8">
      <c r="H81961" s="12"/>
    </row>
    <row r="81962" spans="8:8">
      <c r="H81962" s="12"/>
    </row>
    <row r="81963" spans="8:8">
      <c r="H81963" s="12"/>
    </row>
    <row r="81964" spans="8:8">
      <c r="H81964" s="12"/>
    </row>
    <row r="81965" spans="8:8">
      <c r="H81965" s="12"/>
    </row>
    <row r="81966" spans="8:8">
      <c r="H81966" s="12"/>
    </row>
    <row r="81967" spans="8:8">
      <c r="H81967" s="12"/>
    </row>
    <row r="81968" spans="8:8">
      <c r="H81968" s="12"/>
    </row>
    <row r="81969" spans="8:8">
      <c r="H81969" s="12"/>
    </row>
    <row r="81970" spans="8:8">
      <c r="H81970" s="12"/>
    </row>
    <row r="81971" spans="8:8">
      <c r="H81971" s="12"/>
    </row>
    <row r="81972" spans="8:8">
      <c r="H81972" s="12"/>
    </row>
    <row r="81973" spans="8:8">
      <c r="H81973" s="12"/>
    </row>
    <row r="81974" spans="8:8">
      <c r="H81974" s="12"/>
    </row>
    <row r="81975" spans="8:8">
      <c r="H81975" s="12"/>
    </row>
    <row r="81976" spans="8:8">
      <c r="H81976" s="12"/>
    </row>
    <row r="81977" spans="8:8">
      <c r="H81977" s="12"/>
    </row>
    <row r="81978" spans="8:8">
      <c r="H81978" s="12"/>
    </row>
    <row r="81979" spans="8:8">
      <c r="H81979" s="12"/>
    </row>
    <row r="81980" spans="8:8">
      <c r="H81980" s="12"/>
    </row>
    <row r="81981" spans="8:8">
      <c r="H81981" s="12"/>
    </row>
    <row r="81982" spans="8:8">
      <c r="H81982" s="12"/>
    </row>
    <row r="81983" spans="8:8">
      <c r="H81983" s="12"/>
    </row>
    <row r="81984" spans="8:8">
      <c r="H81984" s="12"/>
    </row>
    <row r="81985" spans="8:8">
      <c r="H81985" s="12"/>
    </row>
    <row r="81986" spans="8:8">
      <c r="H81986" s="12"/>
    </row>
    <row r="81987" spans="8:8">
      <c r="H81987" s="12"/>
    </row>
    <row r="81988" spans="8:8">
      <c r="H81988" s="12"/>
    </row>
    <row r="81989" spans="8:8">
      <c r="H81989" s="12"/>
    </row>
    <row r="81990" spans="8:8">
      <c r="H81990" s="12"/>
    </row>
    <row r="81991" spans="8:8">
      <c r="H81991" s="12"/>
    </row>
    <row r="81992" spans="8:8">
      <c r="H81992" s="12"/>
    </row>
    <row r="81993" spans="8:8">
      <c r="H81993" s="12"/>
    </row>
    <row r="81994" spans="8:8">
      <c r="H81994" s="12"/>
    </row>
    <row r="81995" spans="8:8">
      <c r="H81995" s="12"/>
    </row>
    <row r="81996" spans="8:8">
      <c r="H81996" s="12"/>
    </row>
    <row r="81997" spans="8:8">
      <c r="H81997" s="12"/>
    </row>
    <row r="81998" spans="8:8">
      <c r="H81998" s="12"/>
    </row>
    <row r="81999" spans="8:8">
      <c r="H81999" s="12"/>
    </row>
    <row r="82000" spans="8:8">
      <c r="H82000" s="12"/>
    </row>
    <row r="82001" spans="8:8">
      <c r="H82001" s="12"/>
    </row>
    <row r="82002" spans="8:8">
      <c r="H82002" s="12"/>
    </row>
    <row r="82003" spans="8:8">
      <c r="H82003" s="12"/>
    </row>
    <row r="82004" spans="8:8">
      <c r="H82004" s="12"/>
    </row>
    <row r="82005" spans="8:8">
      <c r="H82005" s="12"/>
    </row>
    <row r="82006" spans="8:8">
      <c r="H82006" s="12"/>
    </row>
    <row r="82007" spans="8:8">
      <c r="H82007" s="12"/>
    </row>
    <row r="82008" spans="8:8">
      <c r="H82008" s="12"/>
    </row>
    <row r="82009" spans="8:8">
      <c r="H82009" s="12"/>
    </row>
    <row r="82010" spans="8:8">
      <c r="H82010" s="12"/>
    </row>
    <row r="82011" spans="8:8">
      <c r="H82011" s="12"/>
    </row>
    <row r="82012" spans="8:8">
      <c r="H82012" s="12"/>
    </row>
    <row r="82013" spans="8:8">
      <c r="H82013" s="12"/>
    </row>
    <row r="82014" spans="8:8">
      <c r="H82014" s="12"/>
    </row>
    <row r="82015" spans="8:8">
      <c r="H82015" s="12"/>
    </row>
    <row r="82016" spans="8:8">
      <c r="H82016" s="12"/>
    </row>
    <row r="82017" spans="8:8">
      <c r="H82017" s="12"/>
    </row>
    <row r="82018" spans="8:8">
      <c r="H82018" s="12"/>
    </row>
    <row r="82019" spans="8:8">
      <c r="H82019" s="12"/>
    </row>
    <row r="82020" spans="8:8">
      <c r="H82020" s="12"/>
    </row>
    <row r="82021" spans="8:8">
      <c r="H82021" s="12"/>
    </row>
    <row r="82022" spans="8:8">
      <c r="H82022" s="12"/>
    </row>
    <row r="82023" spans="8:8">
      <c r="H82023" s="12"/>
    </row>
    <row r="82024" spans="8:8">
      <c r="H82024" s="12"/>
    </row>
    <row r="82025" spans="8:8">
      <c r="H82025" s="12"/>
    </row>
    <row r="82026" spans="8:8">
      <c r="H82026" s="12"/>
    </row>
    <row r="82027" spans="8:8">
      <c r="H82027" s="12"/>
    </row>
    <row r="82028" spans="8:8">
      <c r="H82028" s="12"/>
    </row>
    <row r="82029" spans="8:8">
      <c r="H82029" s="12"/>
    </row>
    <row r="82030" spans="8:8">
      <c r="H82030" s="12"/>
    </row>
    <row r="82031" spans="8:8">
      <c r="H82031" s="12"/>
    </row>
    <row r="82032" spans="8:8">
      <c r="H82032" s="12"/>
    </row>
    <row r="82033" spans="8:8">
      <c r="H82033" s="12"/>
    </row>
    <row r="82034" spans="8:8">
      <c r="H82034" s="12"/>
    </row>
    <row r="82035" spans="8:8">
      <c r="H82035" s="12"/>
    </row>
    <row r="82036" spans="8:8">
      <c r="H82036" s="12"/>
    </row>
    <row r="82037" spans="8:8">
      <c r="H82037" s="12"/>
    </row>
    <row r="82038" spans="8:8">
      <c r="H82038" s="12"/>
    </row>
    <row r="82039" spans="8:8">
      <c r="H82039" s="12"/>
    </row>
    <row r="82040" spans="8:8">
      <c r="H82040" s="12"/>
    </row>
    <row r="82041" spans="8:8">
      <c r="H82041" s="12"/>
    </row>
    <row r="82042" spans="8:8">
      <c r="H82042" s="12"/>
    </row>
    <row r="82043" spans="8:8">
      <c r="H82043" s="12"/>
    </row>
    <row r="82044" spans="8:8">
      <c r="H82044" s="12"/>
    </row>
    <row r="82045" spans="8:8">
      <c r="H82045" s="12"/>
    </row>
    <row r="82046" spans="8:8">
      <c r="H82046" s="12"/>
    </row>
    <row r="82047" spans="8:8">
      <c r="H82047" s="12"/>
    </row>
    <row r="82048" spans="8:8">
      <c r="H82048" s="12"/>
    </row>
    <row r="82049" spans="8:8">
      <c r="H82049" s="12"/>
    </row>
    <row r="82050" spans="8:8">
      <c r="H82050" s="12"/>
    </row>
    <row r="82051" spans="8:8">
      <c r="H82051" s="12"/>
    </row>
    <row r="82052" spans="8:8">
      <c r="H82052" s="12"/>
    </row>
    <row r="82053" spans="8:8">
      <c r="H82053" s="12"/>
    </row>
    <row r="82054" spans="8:8">
      <c r="H82054" s="12"/>
    </row>
    <row r="82055" spans="8:8">
      <c r="H82055" s="12"/>
    </row>
    <row r="82056" spans="8:8">
      <c r="H82056" s="12"/>
    </row>
    <row r="82057" spans="8:8">
      <c r="H82057" s="12"/>
    </row>
    <row r="82058" spans="8:8">
      <c r="H82058" s="12"/>
    </row>
    <row r="82059" spans="8:8">
      <c r="H82059" s="12"/>
    </row>
    <row r="82060" spans="8:8">
      <c r="H82060" s="12"/>
    </row>
    <row r="82061" spans="8:8">
      <c r="H82061" s="12"/>
    </row>
    <row r="82062" spans="8:8">
      <c r="H82062" s="12"/>
    </row>
    <row r="82063" spans="8:8">
      <c r="H82063" s="12"/>
    </row>
    <row r="82064" spans="8:8">
      <c r="H82064" s="12"/>
    </row>
    <row r="82065" spans="8:8">
      <c r="H82065" s="12"/>
    </row>
    <row r="82066" spans="8:8">
      <c r="H82066" s="12"/>
    </row>
    <row r="82067" spans="8:8">
      <c r="H82067" s="12"/>
    </row>
    <row r="82068" spans="8:8">
      <c r="H82068" s="12"/>
    </row>
    <row r="82069" spans="8:8">
      <c r="H82069" s="12"/>
    </row>
    <row r="82070" spans="8:8">
      <c r="H82070" s="12"/>
    </row>
    <row r="82071" spans="8:8">
      <c r="H82071" s="12"/>
    </row>
    <row r="82072" spans="8:8">
      <c r="H82072" s="12"/>
    </row>
    <row r="82073" spans="8:8">
      <c r="H82073" s="12"/>
    </row>
    <row r="82074" spans="8:8">
      <c r="H82074" s="12"/>
    </row>
    <row r="82075" spans="8:8">
      <c r="H82075" s="12"/>
    </row>
    <row r="82076" spans="8:8">
      <c r="H82076" s="12"/>
    </row>
    <row r="82077" spans="8:8">
      <c r="H82077" s="12"/>
    </row>
    <row r="82078" spans="8:8">
      <c r="H82078" s="12"/>
    </row>
    <row r="82079" spans="8:8">
      <c r="H82079" s="12"/>
    </row>
    <row r="82080" spans="8:8">
      <c r="H82080" s="12"/>
    </row>
    <row r="82081" spans="8:8">
      <c r="H82081" s="12"/>
    </row>
    <row r="82082" spans="8:8">
      <c r="H82082" s="12"/>
    </row>
    <row r="82083" spans="8:8">
      <c r="H82083" s="12"/>
    </row>
    <row r="82084" spans="8:8">
      <c r="H82084" s="12"/>
    </row>
    <row r="82085" spans="8:8">
      <c r="H82085" s="12"/>
    </row>
    <row r="82086" spans="8:8">
      <c r="H82086" s="12"/>
    </row>
    <row r="82087" spans="8:8">
      <c r="H82087" s="12"/>
    </row>
    <row r="82088" spans="8:8">
      <c r="H82088" s="12"/>
    </row>
    <row r="82089" spans="8:8">
      <c r="H82089" s="12"/>
    </row>
    <row r="82090" spans="8:8">
      <c r="H82090" s="12"/>
    </row>
    <row r="82091" spans="8:8">
      <c r="H82091" s="12"/>
    </row>
    <row r="82092" spans="8:8">
      <c r="H82092" s="12"/>
    </row>
    <row r="82093" spans="8:8">
      <c r="H82093" s="12"/>
    </row>
    <row r="82094" spans="8:8">
      <c r="H82094" s="12"/>
    </row>
    <row r="82095" spans="8:8">
      <c r="H82095" s="12"/>
    </row>
    <row r="82096" spans="8:8">
      <c r="H82096" s="12"/>
    </row>
    <row r="82097" spans="8:8">
      <c r="H82097" s="12"/>
    </row>
    <row r="82098" spans="8:8">
      <c r="H82098" s="12"/>
    </row>
    <row r="82099" spans="8:8">
      <c r="H82099" s="12"/>
    </row>
    <row r="82100" spans="8:8">
      <c r="H82100" s="12"/>
    </row>
    <row r="82101" spans="8:8">
      <c r="H82101" s="12"/>
    </row>
    <row r="82102" spans="8:8">
      <c r="H82102" s="12"/>
    </row>
    <row r="82103" spans="8:8">
      <c r="H82103" s="12"/>
    </row>
    <row r="82104" spans="8:8">
      <c r="H82104" s="12"/>
    </row>
    <row r="82105" spans="8:8">
      <c r="H82105" s="12"/>
    </row>
    <row r="82106" spans="8:8">
      <c r="H82106" s="12"/>
    </row>
    <row r="82107" spans="8:8">
      <c r="H82107" s="12"/>
    </row>
    <row r="82108" spans="8:8">
      <c r="H82108" s="12"/>
    </row>
    <row r="82109" spans="8:8">
      <c r="H82109" s="12"/>
    </row>
    <row r="82110" spans="8:8">
      <c r="H82110" s="12"/>
    </row>
    <row r="82111" spans="8:8">
      <c r="H82111" s="12"/>
    </row>
    <row r="82112" spans="8:8">
      <c r="H82112" s="12"/>
    </row>
    <row r="82113" spans="8:8">
      <c r="H82113" s="12"/>
    </row>
    <row r="82114" spans="8:8">
      <c r="H82114" s="12"/>
    </row>
    <row r="82115" spans="8:8">
      <c r="H82115" s="12"/>
    </row>
    <row r="82116" spans="8:8">
      <c r="H82116" s="12"/>
    </row>
    <row r="82117" spans="8:8">
      <c r="H82117" s="12"/>
    </row>
    <row r="82118" spans="8:8">
      <c r="H82118" s="12"/>
    </row>
    <row r="82119" spans="8:8">
      <c r="H82119" s="12"/>
    </row>
    <row r="82120" spans="8:8">
      <c r="H82120" s="12"/>
    </row>
    <row r="82121" spans="8:8">
      <c r="H82121" s="12"/>
    </row>
    <row r="82122" spans="8:8">
      <c r="H82122" s="12"/>
    </row>
    <row r="82123" spans="8:8">
      <c r="H82123" s="12"/>
    </row>
    <row r="82124" spans="8:8">
      <c r="H82124" s="12"/>
    </row>
    <row r="82125" spans="8:8">
      <c r="H82125" s="12"/>
    </row>
    <row r="82126" spans="8:8">
      <c r="H82126" s="12"/>
    </row>
    <row r="82127" spans="8:8">
      <c r="H82127" s="12"/>
    </row>
    <row r="82128" spans="8:8">
      <c r="H82128" s="12"/>
    </row>
    <row r="82129" spans="8:8">
      <c r="H82129" s="12"/>
    </row>
    <row r="82130" spans="8:8">
      <c r="H82130" s="12"/>
    </row>
    <row r="82131" spans="8:8">
      <c r="H82131" s="12"/>
    </row>
    <row r="82132" spans="8:8">
      <c r="H82132" s="12"/>
    </row>
    <row r="82133" spans="8:8">
      <c r="H82133" s="12"/>
    </row>
    <row r="82134" spans="8:8">
      <c r="H82134" s="12"/>
    </row>
    <row r="82135" spans="8:8">
      <c r="H82135" s="12"/>
    </row>
    <row r="82136" spans="8:8">
      <c r="H82136" s="12"/>
    </row>
    <row r="82137" spans="8:8">
      <c r="H82137" s="12"/>
    </row>
    <row r="82138" spans="8:8">
      <c r="H82138" s="12"/>
    </row>
    <row r="82139" spans="8:8">
      <c r="H82139" s="12"/>
    </row>
    <row r="82140" spans="8:8">
      <c r="H82140" s="12"/>
    </row>
    <row r="82141" spans="8:8">
      <c r="H82141" s="12"/>
    </row>
    <row r="82142" spans="8:8">
      <c r="H82142" s="12"/>
    </row>
    <row r="82143" spans="8:8">
      <c r="H82143" s="12"/>
    </row>
    <row r="82144" spans="8:8">
      <c r="H82144" s="12"/>
    </row>
    <row r="82145" spans="8:8">
      <c r="H82145" s="12"/>
    </row>
    <row r="82146" spans="8:8">
      <c r="H82146" s="12"/>
    </row>
    <row r="82147" spans="8:8">
      <c r="H82147" s="12"/>
    </row>
    <row r="82148" spans="8:8">
      <c r="H82148" s="12"/>
    </row>
    <row r="82149" spans="8:8">
      <c r="H82149" s="12"/>
    </row>
    <row r="82150" spans="8:8">
      <c r="H82150" s="12"/>
    </row>
    <row r="82151" spans="8:8">
      <c r="H82151" s="12"/>
    </row>
    <row r="82152" spans="8:8">
      <c r="H82152" s="12"/>
    </row>
    <row r="82153" spans="8:8">
      <c r="H82153" s="12"/>
    </row>
    <row r="82154" spans="8:8">
      <c r="H82154" s="12"/>
    </row>
    <row r="82155" spans="8:8">
      <c r="H82155" s="12"/>
    </row>
    <row r="82156" spans="8:8">
      <c r="H82156" s="12"/>
    </row>
    <row r="82157" spans="8:8">
      <c r="H82157" s="12"/>
    </row>
    <row r="82158" spans="8:8">
      <c r="H82158" s="12"/>
    </row>
    <row r="82159" spans="8:8">
      <c r="H82159" s="12"/>
    </row>
    <row r="82160" spans="8:8">
      <c r="H82160" s="12"/>
    </row>
    <row r="82161" spans="8:8">
      <c r="H82161" s="12"/>
    </row>
    <row r="82162" spans="8:8">
      <c r="H82162" s="12"/>
    </row>
    <row r="82163" spans="8:8">
      <c r="H82163" s="12"/>
    </row>
    <row r="82164" spans="8:8">
      <c r="H82164" s="12"/>
    </row>
    <row r="82165" spans="8:8">
      <c r="H82165" s="12"/>
    </row>
    <row r="82166" spans="8:8">
      <c r="H82166" s="12"/>
    </row>
    <row r="82167" spans="8:8">
      <c r="H82167" s="12"/>
    </row>
    <row r="82168" spans="8:8">
      <c r="H82168" s="12"/>
    </row>
    <row r="82169" spans="8:8">
      <c r="H82169" s="12"/>
    </row>
    <row r="82170" spans="8:8">
      <c r="H82170" s="12"/>
    </row>
    <row r="82171" spans="8:8">
      <c r="H82171" s="12"/>
    </row>
    <row r="82172" spans="8:8">
      <c r="H82172" s="12"/>
    </row>
    <row r="82173" spans="8:8">
      <c r="H82173" s="12"/>
    </row>
    <row r="82174" spans="8:8">
      <c r="H82174" s="12"/>
    </row>
    <row r="82175" spans="8:8">
      <c r="H82175" s="12"/>
    </row>
    <row r="82176" spans="8:8">
      <c r="H82176" s="12"/>
    </row>
    <row r="82177" spans="8:8">
      <c r="H82177" s="12"/>
    </row>
    <row r="82178" spans="8:8">
      <c r="H82178" s="12"/>
    </row>
    <row r="82179" spans="8:8">
      <c r="H82179" s="12"/>
    </row>
    <row r="82180" spans="8:8">
      <c r="H82180" s="12"/>
    </row>
    <row r="82181" spans="8:8">
      <c r="H82181" s="12"/>
    </row>
    <row r="82182" spans="8:8">
      <c r="H82182" s="12"/>
    </row>
    <row r="82183" spans="8:8">
      <c r="H82183" s="12"/>
    </row>
    <row r="82184" spans="8:8">
      <c r="H82184" s="12"/>
    </row>
    <row r="82185" spans="8:8">
      <c r="H82185" s="12"/>
    </row>
    <row r="82186" spans="8:8">
      <c r="H82186" s="12"/>
    </row>
    <row r="82187" spans="8:8">
      <c r="H82187" s="12"/>
    </row>
    <row r="82188" spans="8:8">
      <c r="H82188" s="12"/>
    </row>
    <row r="82189" spans="8:8">
      <c r="H82189" s="12"/>
    </row>
    <row r="82190" spans="8:8">
      <c r="H82190" s="12"/>
    </row>
    <row r="82191" spans="8:8">
      <c r="H82191" s="12"/>
    </row>
    <row r="82192" spans="8:8">
      <c r="H82192" s="12"/>
    </row>
    <row r="82193" spans="8:8">
      <c r="H82193" s="12"/>
    </row>
    <row r="82194" spans="8:8">
      <c r="H82194" s="12"/>
    </row>
    <row r="82195" spans="8:8">
      <c r="H82195" s="12"/>
    </row>
    <row r="82196" spans="8:8">
      <c r="H82196" s="12"/>
    </row>
    <row r="82197" spans="8:8">
      <c r="H82197" s="12"/>
    </row>
    <row r="82198" spans="8:8">
      <c r="H82198" s="12"/>
    </row>
    <row r="82199" spans="8:8">
      <c r="H82199" s="12"/>
    </row>
    <row r="82200" spans="8:8">
      <c r="H82200" s="12"/>
    </row>
    <row r="82201" spans="8:8">
      <c r="H82201" s="12"/>
    </row>
    <row r="82202" spans="8:8">
      <c r="H82202" s="12"/>
    </row>
    <row r="82203" spans="8:8">
      <c r="H82203" s="12"/>
    </row>
    <row r="82204" spans="8:8">
      <c r="H82204" s="12"/>
    </row>
    <row r="82205" spans="8:8">
      <c r="H82205" s="12"/>
    </row>
    <row r="82206" spans="8:8">
      <c r="H82206" s="12"/>
    </row>
    <row r="82207" spans="8:8">
      <c r="H82207" s="12"/>
    </row>
    <row r="82208" spans="8:8">
      <c r="H82208" s="12"/>
    </row>
    <row r="82209" spans="8:8">
      <c r="H82209" s="12"/>
    </row>
    <row r="82210" spans="8:8">
      <c r="H82210" s="12"/>
    </row>
    <row r="82211" spans="8:8">
      <c r="H82211" s="12"/>
    </row>
    <row r="82212" spans="8:8">
      <c r="H82212" s="12"/>
    </row>
    <row r="82213" spans="8:8">
      <c r="H82213" s="12"/>
    </row>
    <row r="82214" spans="8:8">
      <c r="H82214" s="12"/>
    </row>
    <row r="82215" spans="8:8">
      <c r="H82215" s="12"/>
    </row>
    <row r="82216" spans="8:8">
      <c r="H82216" s="12"/>
    </row>
    <row r="82217" spans="8:8">
      <c r="H82217" s="12"/>
    </row>
    <row r="82218" spans="8:8">
      <c r="H82218" s="12"/>
    </row>
    <row r="82219" spans="8:8">
      <c r="H82219" s="12"/>
    </row>
    <row r="82220" spans="8:8">
      <c r="H82220" s="12"/>
    </row>
    <row r="82221" spans="8:8">
      <c r="H82221" s="12"/>
    </row>
    <row r="82222" spans="8:8">
      <c r="H82222" s="12"/>
    </row>
    <row r="82223" spans="8:8">
      <c r="H82223" s="12"/>
    </row>
    <row r="82224" spans="8:8">
      <c r="H82224" s="12"/>
    </row>
    <row r="82225" spans="8:8">
      <c r="H82225" s="12"/>
    </row>
    <row r="82226" spans="8:8">
      <c r="H82226" s="12"/>
    </row>
    <row r="82227" spans="8:8">
      <c r="H82227" s="12"/>
    </row>
    <row r="82228" spans="8:8">
      <c r="H82228" s="12"/>
    </row>
    <row r="82229" spans="8:8">
      <c r="H82229" s="12"/>
    </row>
    <row r="82230" spans="8:8">
      <c r="H82230" s="12"/>
    </row>
    <row r="82231" spans="8:8">
      <c r="H82231" s="12"/>
    </row>
    <row r="82232" spans="8:8">
      <c r="H82232" s="12"/>
    </row>
    <row r="82233" spans="8:8">
      <c r="H82233" s="12"/>
    </row>
    <row r="82234" spans="8:8">
      <c r="H82234" s="12"/>
    </row>
    <row r="82235" spans="8:8">
      <c r="H82235" s="12"/>
    </row>
    <row r="82236" spans="8:8">
      <c r="H82236" s="12"/>
    </row>
    <row r="82237" spans="8:8">
      <c r="H82237" s="12"/>
    </row>
    <row r="82238" spans="8:8">
      <c r="H82238" s="12"/>
    </row>
    <row r="82239" spans="8:8">
      <c r="H82239" s="12"/>
    </row>
    <row r="82240" spans="8:8">
      <c r="H82240" s="12"/>
    </row>
    <row r="82241" spans="8:8">
      <c r="H82241" s="12"/>
    </row>
    <row r="82242" spans="8:8">
      <c r="H82242" s="12"/>
    </row>
    <row r="82243" spans="8:8">
      <c r="H82243" s="12"/>
    </row>
    <row r="82244" spans="8:8">
      <c r="H82244" s="12"/>
    </row>
    <row r="82245" spans="8:8">
      <c r="H82245" s="12"/>
    </row>
    <row r="82246" spans="8:8">
      <c r="H82246" s="12"/>
    </row>
    <row r="82247" spans="8:8">
      <c r="H82247" s="12"/>
    </row>
    <row r="82248" spans="8:8">
      <c r="H82248" s="12"/>
    </row>
    <row r="82249" spans="8:8">
      <c r="H82249" s="12"/>
    </row>
    <row r="82250" spans="8:8">
      <c r="H82250" s="12"/>
    </row>
    <row r="82251" spans="8:8">
      <c r="H82251" s="12"/>
    </row>
    <row r="82252" spans="8:8">
      <c r="H82252" s="12"/>
    </row>
    <row r="82253" spans="8:8">
      <c r="H82253" s="12"/>
    </row>
    <row r="82254" spans="8:8">
      <c r="H82254" s="12"/>
    </row>
    <row r="82255" spans="8:8">
      <c r="H82255" s="12"/>
    </row>
    <row r="82256" spans="8:8">
      <c r="H82256" s="12"/>
    </row>
    <row r="82257" spans="8:8">
      <c r="H82257" s="12"/>
    </row>
    <row r="82258" spans="8:8">
      <c r="H82258" s="12"/>
    </row>
    <row r="82259" spans="8:8">
      <c r="H82259" s="12"/>
    </row>
    <row r="82260" spans="8:8">
      <c r="H82260" s="12"/>
    </row>
    <row r="82261" spans="8:8">
      <c r="H82261" s="12"/>
    </row>
    <row r="82262" spans="8:8">
      <c r="H82262" s="12"/>
    </row>
    <row r="82263" spans="8:8">
      <c r="H82263" s="12"/>
    </row>
    <row r="82264" spans="8:8">
      <c r="H82264" s="12"/>
    </row>
    <row r="82265" spans="8:8">
      <c r="H82265" s="12"/>
    </row>
    <row r="82266" spans="8:8">
      <c r="H82266" s="12"/>
    </row>
    <row r="82267" spans="8:8">
      <c r="H82267" s="12"/>
    </row>
    <row r="82268" spans="8:8">
      <c r="H82268" s="12"/>
    </row>
    <row r="82269" spans="8:8">
      <c r="H82269" s="12"/>
    </row>
    <row r="82270" spans="8:8">
      <c r="H82270" s="12"/>
    </row>
    <row r="82271" spans="8:8">
      <c r="H82271" s="12"/>
    </row>
    <row r="82272" spans="8:8">
      <c r="H82272" s="12"/>
    </row>
    <row r="82273" spans="8:8">
      <c r="H82273" s="12"/>
    </row>
    <row r="82274" spans="8:8">
      <c r="H82274" s="12"/>
    </row>
    <row r="82275" spans="8:8">
      <c r="H82275" s="12"/>
    </row>
    <row r="82276" spans="8:8">
      <c r="H82276" s="12"/>
    </row>
    <row r="82277" spans="8:8">
      <c r="H82277" s="12"/>
    </row>
    <row r="82278" spans="8:8">
      <c r="H82278" s="12"/>
    </row>
    <row r="82279" spans="8:8">
      <c r="H82279" s="12"/>
    </row>
    <row r="82280" spans="8:8">
      <c r="H82280" s="12"/>
    </row>
    <row r="82281" spans="8:8">
      <c r="H82281" s="12"/>
    </row>
    <row r="82282" spans="8:8">
      <c r="H82282" s="12"/>
    </row>
    <row r="82283" spans="8:8">
      <c r="H82283" s="12"/>
    </row>
    <row r="82284" spans="8:8">
      <c r="H82284" s="12"/>
    </row>
    <row r="82285" spans="8:8">
      <c r="H82285" s="12"/>
    </row>
    <row r="82286" spans="8:8">
      <c r="H82286" s="12"/>
    </row>
    <row r="82287" spans="8:8">
      <c r="H82287" s="12"/>
    </row>
    <row r="82288" spans="8:8">
      <c r="H82288" s="12"/>
    </row>
    <row r="82289" spans="8:8">
      <c r="H82289" s="12"/>
    </row>
    <row r="82290" spans="8:8">
      <c r="H82290" s="12"/>
    </row>
    <row r="82291" spans="8:8">
      <c r="H82291" s="12"/>
    </row>
    <row r="82292" spans="8:8">
      <c r="H82292" s="12"/>
    </row>
    <row r="82293" spans="8:8">
      <c r="H82293" s="12"/>
    </row>
    <row r="82294" spans="8:8">
      <c r="H82294" s="12"/>
    </row>
    <row r="82295" spans="8:8">
      <c r="H82295" s="12"/>
    </row>
    <row r="82296" spans="8:8">
      <c r="H82296" s="12"/>
    </row>
    <row r="82297" spans="8:8">
      <c r="H82297" s="12"/>
    </row>
    <row r="82298" spans="8:8">
      <c r="H82298" s="12"/>
    </row>
    <row r="82299" spans="8:8">
      <c r="H82299" s="12"/>
    </row>
    <row r="82300" spans="8:8">
      <c r="H82300" s="12"/>
    </row>
    <row r="82301" spans="8:8">
      <c r="H82301" s="12"/>
    </row>
    <row r="82302" spans="8:8">
      <c r="H82302" s="12"/>
    </row>
    <row r="82303" spans="8:8">
      <c r="H82303" s="12"/>
    </row>
    <row r="82304" spans="8:8">
      <c r="H82304" s="12"/>
    </row>
    <row r="82305" spans="8:8">
      <c r="H82305" s="12"/>
    </row>
    <row r="82306" spans="8:8">
      <c r="H82306" s="12"/>
    </row>
    <row r="82307" spans="8:8">
      <c r="H82307" s="12"/>
    </row>
    <row r="82308" spans="8:8">
      <c r="H82308" s="12"/>
    </row>
    <row r="82309" spans="8:8">
      <c r="H82309" s="12"/>
    </row>
    <row r="82310" spans="8:8">
      <c r="H82310" s="12"/>
    </row>
    <row r="82311" spans="8:8">
      <c r="H82311" s="12"/>
    </row>
    <row r="82312" spans="8:8">
      <c r="H82312" s="12"/>
    </row>
    <row r="82313" spans="8:8">
      <c r="H82313" s="12"/>
    </row>
    <row r="82314" spans="8:8">
      <c r="H82314" s="12"/>
    </row>
    <row r="82315" spans="8:8">
      <c r="H82315" s="12"/>
    </row>
    <row r="82316" spans="8:8">
      <c r="H82316" s="12"/>
    </row>
    <row r="82317" spans="8:8">
      <c r="H82317" s="12"/>
    </row>
    <row r="82318" spans="8:8">
      <c r="H82318" s="12"/>
    </row>
    <row r="82319" spans="8:8">
      <c r="H82319" s="12"/>
    </row>
    <row r="82320" spans="8:8">
      <c r="H82320" s="12"/>
    </row>
    <row r="82321" spans="8:8">
      <c r="H82321" s="12"/>
    </row>
    <row r="82322" spans="8:8">
      <c r="H82322" s="12"/>
    </row>
    <row r="82323" spans="8:8">
      <c r="H82323" s="12"/>
    </row>
    <row r="82324" spans="8:8">
      <c r="H82324" s="12"/>
    </row>
    <row r="82325" spans="8:8">
      <c r="H82325" s="12"/>
    </row>
    <row r="82326" spans="8:8">
      <c r="H82326" s="12"/>
    </row>
    <row r="82327" spans="8:8">
      <c r="H82327" s="12"/>
    </row>
    <row r="82328" spans="8:8">
      <c r="H82328" s="12"/>
    </row>
    <row r="82329" spans="8:8">
      <c r="H82329" s="12"/>
    </row>
    <row r="82330" spans="8:8">
      <c r="H82330" s="12"/>
    </row>
    <row r="82331" spans="8:8">
      <c r="H82331" s="12"/>
    </row>
    <row r="82332" spans="8:8">
      <c r="H82332" s="12"/>
    </row>
    <row r="82333" spans="8:8">
      <c r="H82333" s="12"/>
    </row>
    <row r="82334" spans="8:8">
      <c r="H82334" s="12"/>
    </row>
    <row r="82335" spans="8:8">
      <c r="H82335" s="12"/>
    </row>
    <row r="82336" spans="8:8">
      <c r="H82336" s="12"/>
    </row>
    <row r="82337" spans="8:8">
      <c r="H82337" s="12"/>
    </row>
    <row r="82338" spans="8:8">
      <c r="H82338" s="12"/>
    </row>
    <row r="82339" spans="8:8">
      <c r="H82339" s="12"/>
    </row>
    <row r="82340" spans="8:8">
      <c r="H82340" s="12"/>
    </row>
    <row r="82341" spans="8:8">
      <c r="H82341" s="12"/>
    </row>
    <row r="82342" spans="8:8">
      <c r="H82342" s="12"/>
    </row>
    <row r="82343" spans="8:8">
      <c r="H82343" s="12"/>
    </row>
    <row r="82344" spans="8:8">
      <c r="H82344" s="12"/>
    </row>
    <row r="82345" spans="8:8">
      <c r="H82345" s="12"/>
    </row>
    <row r="82346" spans="8:8">
      <c r="H82346" s="12"/>
    </row>
    <row r="82347" spans="8:8">
      <c r="H82347" s="12"/>
    </row>
    <row r="82348" spans="8:8">
      <c r="H82348" s="12"/>
    </row>
    <row r="82349" spans="8:8">
      <c r="H82349" s="12"/>
    </row>
    <row r="82350" spans="8:8">
      <c r="H82350" s="12"/>
    </row>
    <row r="82351" spans="8:8">
      <c r="H82351" s="12"/>
    </row>
    <row r="82352" spans="8:8">
      <c r="H82352" s="12"/>
    </row>
    <row r="82353" spans="8:8">
      <c r="H82353" s="12"/>
    </row>
    <row r="82354" spans="8:8">
      <c r="H82354" s="12"/>
    </row>
    <row r="82355" spans="8:8">
      <c r="H82355" s="12"/>
    </row>
    <row r="82356" spans="8:8">
      <c r="H82356" s="12"/>
    </row>
    <row r="82357" spans="8:8">
      <c r="H82357" s="12"/>
    </row>
    <row r="82358" spans="8:8">
      <c r="H82358" s="12"/>
    </row>
    <row r="82359" spans="8:8">
      <c r="H82359" s="12"/>
    </row>
    <row r="82360" spans="8:8">
      <c r="H82360" s="12"/>
    </row>
    <row r="82361" spans="8:8">
      <c r="H82361" s="12"/>
    </row>
    <row r="82362" spans="8:8">
      <c r="H82362" s="12"/>
    </row>
    <row r="82363" spans="8:8">
      <c r="H82363" s="12"/>
    </row>
    <row r="82364" spans="8:8">
      <c r="H82364" s="12"/>
    </row>
    <row r="82365" spans="8:8">
      <c r="H82365" s="12"/>
    </row>
    <row r="82366" spans="8:8">
      <c r="H82366" s="12"/>
    </row>
    <row r="82367" spans="8:8">
      <c r="H82367" s="12"/>
    </row>
    <row r="82368" spans="8:8">
      <c r="H82368" s="12"/>
    </row>
    <row r="82369" spans="8:8">
      <c r="H82369" s="12"/>
    </row>
    <row r="82370" spans="8:8">
      <c r="H82370" s="12"/>
    </row>
    <row r="82371" spans="8:8">
      <c r="H82371" s="12"/>
    </row>
    <row r="82372" spans="8:8">
      <c r="H82372" s="12"/>
    </row>
    <row r="82373" spans="8:8">
      <c r="H82373" s="12"/>
    </row>
    <row r="82374" spans="8:8">
      <c r="H82374" s="12"/>
    </row>
    <row r="82375" spans="8:8">
      <c r="H82375" s="12"/>
    </row>
    <row r="82376" spans="8:8">
      <c r="H82376" s="12"/>
    </row>
    <row r="82377" spans="8:8">
      <c r="H82377" s="12"/>
    </row>
    <row r="82378" spans="8:8">
      <c r="H82378" s="12"/>
    </row>
    <row r="82379" spans="8:8">
      <c r="H82379" s="12"/>
    </row>
    <row r="82380" spans="8:8">
      <c r="H82380" s="12"/>
    </row>
    <row r="82381" spans="8:8">
      <c r="H82381" s="12"/>
    </row>
    <row r="82382" spans="8:8">
      <c r="H82382" s="12"/>
    </row>
    <row r="82383" spans="8:8">
      <c r="H82383" s="12"/>
    </row>
    <row r="82384" spans="8:8">
      <c r="H82384" s="12"/>
    </row>
    <row r="82385" spans="8:8">
      <c r="H82385" s="12"/>
    </row>
    <row r="82386" spans="8:8">
      <c r="H82386" s="12"/>
    </row>
    <row r="82387" spans="8:8">
      <c r="H82387" s="12"/>
    </row>
    <row r="82388" spans="8:8">
      <c r="H82388" s="12"/>
    </row>
    <row r="82389" spans="8:8">
      <c r="H82389" s="12"/>
    </row>
    <row r="82390" spans="8:8">
      <c r="H82390" s="12"/>
    </row>
    <row r="82391" spans="8:8">
      <c r="H82391" s="12"/>
    </row>
    <row r="82392" spans="8:8">
      <c r="H82392" s="12"/>
    </row>
    <row r="82393" spans="8:8">
      <c r="H82393" s="12"/>
    </row>
    <row r="82394" spans="8:8">
      <c r="H82394" s="12"/>
    </row>
    <row r="82395" spans="8:8">
      <c r="H82395" s="12"/>
    </row>
    <row r="82396" spans="8:8">
      <c r="H82396" s="12"/>
    </row>
    <row r="82397" spans="8:8">
      <c r="H82397" s="12"/>
    </row>
    <row r="82398" spans="8:8">
      <c r="H82398" s="12"/>
    </row>
    <row r="82399" spans="8:8">
      <c r="H82399" s="12"/>
    </row>
    <row r="82400" spans="8:8">
      <c r="H82400" s="12"/>
    </row>
    <row r="82401" spans="8:8">
      <c r="H82401" s="12"/>
    </row>
    <row r="82402" spans="8:8">
      <c r="H82402" s="12"/>
    </row>
    <row r="82403" spans="8:8">
      <c r="H82403" s="12"/>
    </row>
    <row r="82404" spans="8:8">
      <c r="H82404" s="12"/>
    </row>
    <row r="82405" spans="8:8">
      <c r="H82405" s="12"/>
    </row>
    <row r="82406" spans="8:8">
      <c r="H82406" s="12"/>
    </row>
    <row r="82407" spans="8:8">
      <c r="H82407" s="12"/>
    </row>
    <row r="82408" spans="8:8">
      <c r="H82408" s="12"/>
    </row>
    <row r="82409" spans="8:8">
      <c r="H82409" s="12"/>
    </row>
    <row r="82410" spans="8:8">
      <c r="H82410" s="12"/>
    </row>
    <row r="82411" spans="8:8">
      <c r="H82411" s="12"/>
    </row>
    <row r="82412" spans="8:8">
      <c r="H82412" s="12"/>
    </row>
    <row r="82413" spans="8:8">
      <c r="H82413" s="12"/>
    </row>
    <row r="82414" spans="8:8">
      <c r="H82414" s="12"/>
    </row>
    <row r="82415" spans="8:8">
      <c r="H82415" s="12"/>
    </row>
    <row r="82416" spans="8:8">
      <c r="H82416" s="12"/>
    </row>
    <row r="82417" spans="8:8">
      <c r="H82417" s="12"/>
    </row>
    <row r="82418" spans="8:8">
      <c r="H82418" s="12"/>
    </row>
    <row r="82419" spans="8:8">
      <c r="H82419" s="12"/>
    </row>
    <row r="82420" spans="8:8">
      <c r="H82420" s="12"/>
    </row>
    <row r="82421" spans="8:8">
      <c r="H82421" s="12"/>
    </row>
    <row r="82422" spans="8:8">
      <c r="H82422" s="12"/>
    </row>
    <row r="82423" spans="8:8">
      <c r="H82423" s="12"/>
    </row>
    <row r="82424" spans="8:8">
      <c r="H82424" s="12"/>
    </row>
    <row r="82425" spans="8:8">
      <c r="H82425" s="12"/>
    </row>
    <row r="82426" spans="8:8">
      <c r="H82426" s="12"/>
    </row>
    <row r="82427" spans="8:8">
      <c r="H82427" s="12"/>
    </row>
    <row r="82428" spans="8:8">
      <c r="H82428" s="12"/>
    </row>
    <row r="82429" spans="8:8">
      <c r="H82429" s="12"/>
    </row>
    <row r="82430" spans="8:8">
      <c r="H82430" s="12"/>
    </row>
    <row r="82431" spans="8:8">
      <c r="H82431" s="12"/>
    </row>
    <row r="82432" spans="8:8">
      <c r="H82432" s="12"/>
    </row>
    <row r="82433" spans="8:8">
      <c r="H82433" s="12"/>
    </row>
    <row r="82434" spans="8:8">
      <c r="H82434" s="12"/>
    </row>
    <row r="82435" spans="8:8">
      <c r="H82435" s="12"/>
    </row>
    <row r="82436" spans="8:8">
      <c r="H82436" s="12"/>
    </row>
    <row r="82437" spans="8:8">
      <c r="H82437" s="12"/>
    </row>
    <row r="82438" spans="8:8">
      <c r="H82438" s="12"/>
    </row>
    <row r="82439" spans="8:8">
      <c r="H82439" s="12"/>
    </row>
    <row r="82440" spans="8:8">
      <c r="H82440" s="12"/>
    </row>
    <row r="82441" spans="8:8">
      <c r="H82441" s="12"/>
    </row>
    <row r="82442" spans="8:8">
      <c r="H82442" s="12"/>
    </row>
    <row r="82443" spans="8:8">
      <c r="H82443" s="12"/>
    </row>
    <row r="82444" spans="8:8">
      <c r="H82444" s="12"/>
    </row>
    <row r="82445" spans="8:8">
      <c r="H82445" s="12"/>
    </row>
    <row r="82446" spans="8:8">
      <c r="H82446" s="12"/>
    </row>
    <row r="82447" spans="8:8">
      <c r="H82447" s="12"/>
    </row>
    <row r="82448" spans="8:8">
      <c r="H82448" s="12"/>
    </row>
    <row r="82449" spans="8:8">
      <c r="H82449" s="12"/>
    </row>
    <row r="82450" spans="8:8">
      <c r="H82450" s="12"/>
    </row>
    <row r="82451" spans="8:8">
      <c r="H82451" s="12"/>
    </row>
    <row r="82452" spans="8:8">
      <c r="H82452" s="12"/>
    </row>
    <row r="82453" spans="8:8">
      <c r="H82453" s="12"/>
    </row>
    <row r="82454" spans="8:8">
      <c r="H82454" s="12"/>
    </row>
    <row r="82455" spans="8:8">
      <c r="H82455" s="12"/>
    </row>
    <row r="82456" spans="8:8">
      <c r="H82456" s="12"/>
    </row>
    <row r="82457" spans="8:8">
      <c r="H82457" s="12"/>
    </row>
    <row r="82458" spans="8:8">
      <c r="H82458" s="12"/>
    </row>
    <row r="82459" spans="8:8">
      <c r="H82459" s="12"/>
    </row>
    <row r="82460" spans="8:8">
      <c r="H82460" s="12"/>
    </row>
    <row r="82461" spans="8:8">
      <c r="H82461" s="12"/>
    </row>
    <row r="82462" spans="8:8">
      <c r="H82462" s="12"/>
    </row>
    <row r="82463" spans="8:8">
      <c r="H82463" s="12"/>
    </row>
    <row r="82464" spans="8:8">
      <c r="H82464" s="12"/>
    </row>
    <row r="82465" spans="8:8">
      <c r="H82465" s="12"/>
    </row>
    <row r="82466" spans="8:8">
      <c r="H82466" s="12"/>
    </row>
    <row r="82467" spans="8:8">
      <c r="H82467" s="12"/>
    </row>
    <row r="82468" spans="8:8">
      <c r="H82468" s="12"/>
    </row>
    <row r="82469" spans="8:8">
      <c r="H82469" s="12"/>
    </row>
    <row r="82470" spans="8:8">
      <c r="H82470" s="12"/>
    </row>
    <row r="82471" spans="8:8">
      <c r="H82471" s="12"/>
    </row>
    <row r="82472" spans="8:8">
      <c r="H82472" s="12"/>
    </row>
    <row r="82473" spans="8:8">
      <c r="H82473" s="12"/>
    </row>
    <row r="82474" spans="8:8">
      <c r="H82474" s="12"/>
    </row>
    <row r="82475" spans="8:8">
      <c r="H82475" s="12"/>
    </row>
    <row r="82476" spans="8:8">
      <c r="H82476" s="12"/>
    </row>
    <row r="82477" spans="8:8">
      <c r="H82477" s="12"/>
    </row>
    <row r="82478" spans="8:8">
      <c r="H82478" s="12"/>
    </row>
    <row r="82479" spans="8:8">
      <c r="H82479" s="12"/>
    </row>
    <row r="82480" spans="8:8">
      <c r="H82480" s="12"/>
    </row>
    <row r="82481" spans="8:8">
      <c r="H82481" s="12"/>
    </row>
    <row r="82482" spans="8:8">
      <c r="H82482" s="12"/>
    </row>
    <row r="82483" spans="8:8">
      <c r="H82483" s="12"/>
    </row>
    <row r="82484" spans="8:8">
      <c r="H82484" s="12"/>
    </row>
    <row r="82485" spans="8:8">
      <c r="H82485" s="12"/>
    </row>
    <row r="82486" spans="8:8">
      <c r="H82486" s="12"/>
    </row>
    <row r="82487" spans="8:8">
      <c r="H82487" s="12"/>
    </row>
    <row r="82488" spans="8:8">
      <c r="H82488" s="12"/>
    </row>
    <row r="82489" spans="8:8">
      <c r="H82489" s="12"/>
    </row>
    <row r="82490" spans="8:8">
      <c r="H82490" s="12"/>
    </row>
    <row r="82491" spans="8:8">
      <c r="H82491" s="12"/>
    </row>
    <row r="82492" spans="8:8">
      <c r="H82492" s="12"/>
    </row>
    <row r="82493" spans="8:8">
      <c r="H82493" s="12"/>
    </row>
    <row r="82494" spans="8:8">
      <c r="H82494" s="12"/>
    </row>
    <row r="82495" spans="8:8">
      <c r="H82495" s="12"/>
    </row>
    <row r="82496" spans="8:8">
      <c r="H82496" s="12"/>
    </row>
    <row r="82497" spans="8:8">
      <c r="H82497" s="12"/>
    </row>
    <row r="82498" spans="8:8">
      <c r="H82498" s="12"/>
    </row>
    <row r="82499" spans="8:8">
      <c r="H82499" s="12"/>
    </row>
    <row r="82500" spans="8:8">
      <c r="H82500" s="12"/>
    </row>
    <row r="82501" spans="8:8">
      <c r="H82501" s="12"/>
    </row>
    <row r="82502" spans="8:8">
      <c r="H82502" s="12"/>
    </row>
    <row r="82503" spans="8:8">
      <c r="H82503" s="12"/>
    </row>
    <row r="82504" spans="8:8">
      <c r="H82504" s="12"/>
    </row>
    <row r="82505" spans="8:8">
      <c r="H82505" s="12"/>
    </row>
    <row r="82506" spans="8:8">
      <c r="H82506" s="12"/>
    </row>
    <row r="82507" spans="8:8">
      <c r="H82507" s="12"/>
    </row>
    <row r="82508" spans="8:8">
      <c r="H82508" s="12"/>
    </row>
    <row r="82509" spans="8:8">
      <c r="H82509" s="12"/>
    </row>
    <row r="82510" spans="8:8">
      <c r="H82510" s="12"/>
    </row>
    <row r="82511" spans="8:8">
      <c r="H82511" s="12"/>
    </row>
    <row r="82512" spans="8:8">
      <c r="H82512" s="12"/>
    </row>
    <row r="82513" spans="8:8">
      <c r="H82513" s="12"/>
    </row>
    <row r="82514" spans="8:8">
      <c r="H82514" s="12"/>
    </row>
    <row r="82515" spans="8:8">
      <c r="H82515" s="12"/>
    </row>
    <row r="82516" spans="8:8">
      <c r="H82516" s="12"/>
    </row>
    <row r="82517" spans="8:8">
      <c r="H82517" s="12"/>
    </row>
    <row r="82518" spans="8:8">
      <c r="H82518" s="12"/>
    </row>
    <row r="82519" spans="8:8">
      <c r="H82519" s="12"/>
    </row>
    <row r="82520" spans="8:8">
      <c r="H82520" s="12"/>
    </row>
    <row r="82521" spans="8:8">
      <c r="H82521" s="12"/>
    </row>
    <row r="82522" spans="8:8">
      <c r="H82522" s="12"/>
    </row>
    <row r="82523" spans="8:8">
      <c r="H82523" s="12"/>
    </row>
    <row r="82524" spans="8:8">
      <c r="H82524" s="12"/>
    </row>
    <row r="82525" spans="8:8">
      <c r="H82525" s="12"/>
    </row>
    <row r="82526" spans="8:8">
      <c r="H82526" s="12"/>
    </row>
    <row r="82527" spans="8:8">
      <c r="H82527" s="12"/>
    </row>
    <row r="82528" spans="8:8">
      <c r="H82528" s="12"/>
    </row>
    <row r="82529" spans="8:8">
      <c r="H82529" s="12"/>
    </row>
    <row r="82530" spans="8:8">
      <c r="H82530" s="12"/>
    </row>
    <row r="82531" spans="8:8">
      <c r="H82531" s="12"/>
    </row>
    <row r="82532" spans="8:8">
      <c r="H82532" s="12"/>
    </row>
    <row r="82533" spans="8:8">
      <c r="H82533" s="12"/>
    </row>
    <row r="82534" spans="8:8">
      <c r="H82534" s="12"/>
    </row>
    <row r="82535" spans="8:8">
      <c r="H82535" s="12"/>
    </row>
    <row r="82536" spans="8:8">
      <c r="H82536" s="12"/>
    </row>
    <row r="82537" spans="8:8">
      <c r="H82537" s="12"/>
    </row>
    <row r="82538" spans="8:8">
      <c r="H82538" s="12"/>
    </row>
    <row r="82539" spans="8:8">
      <c r="H82539" s="12"/>
    </row>
    <row r="82540" spans="8:8">
      <c r="H82540" s="12"/>
    </row>
    <row r="82541" spans="8:8">
      <c r="H82541" s="12"/>
    </row>
    <row r="82542" spans="8:8">
      <c r="H82542" s="12"/>
    </row>
    <row r="82543" spans="8:8">
      <c r="H82543" s="12"/>
    </row>
    <row r="82544" spans="8:8">
      <c r="H82544" s="12"/>
    </row>
    <row r="82545" spans="8:8">
      <c r="H82545" s="12"/>
    </row>
    <row r="82546" spans="8:8">
      <c r="H82546" s="12"/>
    </row>
    <row r="82547" spans="8:8">
      <c r="H82547" s="12"/>
    </row>
    <row r="82548" spans="8:8">
      <c r="H82548" s="12"/>
    </row>
    <row r="82549" spans="8:8">
      <c r="H82549" s="12"/>
    </row>
    <row r="82550" spans="8:8">
      <c r="H82550" s="12"/>
    </row>
    <row r="82551" spans="8:8">
      <c r="H82551" s="12"/>
    </row>
    <row r="82552" spans="8:8">
      <c r="H82552" s="12"/>
    </row>
    <row r="82553" spans="8:8">
      <c r="H82553" s="12"/>
    </row>
    <row r="82554" spans="8:8">
      <c r="H82554" s="12"/>
    </row>
    <row r="82555" spans="8:8">
      <c r="H82555" s="12"/>
    </row>
    <row r="82556" spans="8:8">
      <c r="H82556" s="12"/>
    </row>
    <row r="82557" spans="8:8">
      <c r="H82557" s="12"/>
    </row>
    <row r="82558" spans="8:8">
      <c r="H82558" s="12"/>
    </row>
    <row r="82559" spans="8:8">
      <c r="H82559" s="12"/>
    </row>
    <row r="82560" spans="8:8">
      <c r="H82560" s="12"/>
    </row>
    <row r="82561" spans="8:8">
      <c r="H82561" s="12"/>
    </row>
    <row r="82562" spans="8:8">
      <c r="H82562" s="12"/>
    </row>
    <row r="82563" spans="8:8">
      <c r="H82563" s="12"/>
    </row>
    <row r="82564" spans="8:8">
      <c r="H82564" s="12"/>
    </row>
    <row r="82565" spans="8:8">
      <c r="H82565" s="12"/>
    </row>
    <row r="82566" spans="8:8">
      <c r="H82566" s="12"/>
    </row>
    <row r="82567" spans="8:8">
      <c r="H82567" s="12"/>
    </row>
    <row r="82568" spans="8:8">
      <c r="H82568" s="12"/>
    </row>
    <row r="82569" spans="8:8">
      <c r="H82569" s="12"/>
    </row>
    <row r="82570" spans="8:8">
      <c r="H82570" s="12"/>
    </row>
    <row r="82571" spans="8:8">
      <c r="H82571" s="12"/>
    </row>
    <row r="82572" spans="8:8">
      <c r="H82572" s="12"/>
    </row>
    <row r="82573" spans="8:8">
      <c r="H82573" s="12"/>
    </row>
    <row r="82574" spans="8:8">
      <c r="H82574" s="12"/>
    </row>
    <row r="82575" spans="8:8">
      <c r="H82575" s="12"/>
    </row>
    <row r="82576" spans="8:8">
      <c r="H82576" s="12"/>
    </row>
    <row r="82577" spans="8:8">
      <c r="H82577" s="12"/>
    </row>
    <row r="82578" spans="8:8">
      <c r="H82578" s="12"/>
    </row>
    <row r="82579" spans="8:8">
      <c r="H82579" s="12"/>
    </row>
    <row r="82580" spans="8:8">
      <c r="H82580" s="12"/>
    </row>
    <row r="82581" spans="8:8">
      <c r="H82581" s="12"/>
    </row>
    <row r="82582" spans="8:8">
      <c r="H82582" s="12"/>
    </row>
    <row r="82583" spans="8:8">
      <c r="H82583" s="12"/>
    </row>
    <row r="82584" spans="8:8">
      <c r="H82584" s="12"/>
    </row>
    <row r="82585" spans="8:8">
      <c r="H82585" s="12"/>
    </row>
    <row r="82586" spans="8:8">
      <c r="H82586" s="12"/>
    </row>
    <row r="82587" spans="8:8">
      <c r="H82587" s="12"/>
    </row>
    <row r="82588" spans="8:8">
      <c r="H82588" s="12"/>
    </row>
    <row r="82589" spans="8:8">
      <c r="H82589" s="12"/>
    </row>
    <row r="82590" spans="8:8">
      <c r="H82590" s="12"/>
    </row>
    <row r="82591" spans="8:8">
      <c r="H82591" s="12"/>
    </row>
    <row r="82592" spans="8:8">
      <c r="H82592" s="12"/>
    </row>
    <row r="82593" spans="8:8">
      <c r="H82593" s="12"/>
    </row>
    <row r="82594" spans="8:8">
      <c r="H82594" s="12"/>
    </row>
    <row r="82595" spans="8:8">
      <c r="H82595" s="12"/>
    </row>
    <row r="82596" spans="8:8">
      <c r="H82596" s="12"/>
    </row>
    <row r="82597" spans="8:8">
      <c r="H82597" s="12"/>
    </row>
    <row r="82598" spans="8:8">
      <c r="H82598" s="12"/>
    </row>
    <row r="82599" spans="8:8">
      <c r="H82599" s="12"/>
    </row>
    <row r="82600" spans="8:8">
      <c r="H82600" s="12"/>
    </row>
    <row r="82601" spans="8:8">
      <c r="H82601" s="12"/>
    </row>
    <row r="82602" spans="8:8">
      <c r="H82602" s="12"/>
    </row>
    <row r="82603" spans="8:8">
      <c r="H82603" s="12"/>
    </row>
    <row r="82604" spans="8:8">
      <c r="H82604" s="12"/>
    </row>
    <row r="82605" spans="8:8">
      <c r="H82605" s="12"/>
    </row>
    <row r="82606" spans="8:8">
      <c r="H82606" s="12"/>
    </row>
    <row r="82607" spans="8:8">
      <c r="H82607" s="12"/>
    </row>
    <row r="82608" spans="8:8">
      <c r="H82608" s="12"/>
    </row>
    <row r="82609" spans="8:8">
      <c r="H82609" s="12"/>
    </row>
    <row r="82610" spans="8:8">
      <c r="H82610" s="12"/>
    </row>
    <row r="82611" spans="8:8">
      <c r="H82611" s="12"/>
    </row>
    <row r="82612" spans="8:8">
      <c r="H82612" s="12"/>
    </row>
    <row r="82613" spans="8:8">
      <c r="H82613" s="12"/>
    </row>
    <row r="82614" spans="8:8">
      <c r="H82614" s="12"/>
    </row>
    <row r="82615" spans="8:8">
      <c r="H82615" s="12"/>
    </row>
    <row r="82616" spans="8:8">
      <c r="H82616" s="12"/>
    </row>
    <row r="82617" spans="8:8">
      <c r="H82617" s="12"/>
    </row>
    <row r="82618" spans="8:8">
      <c r="H82618" s="12"/>
    </row>
    <row r="82619" spans="8:8">
      <c r="H82619" s="12"/>
    </row>
    <row r="82620" spans="8:8">
      <c r="H82620" s="12"/>
    </row>
    <row r="82621" spans="8:8">
      <c r="H82621" s="12"/>
    </row>
    <row r="82622" spans="8:8">
      <c r="H82622" s="12"/>
    </row>
    <row r="82623" spans="8:8">
      <c r="H82623" s="12"/>
    </row>
    <row r="82624" spans="8:8">
      <c r="H82624" s="12"/>
    </row>
    <row r="82625" spans="8:8">
      <c r="H82625" s="12"/>
    </row>
    <row r="82626" spans="8:8">
      <c r="H82626" s="12"/>
    </row>
    <row r="82627" spans="8:8">
      <c r="H82627" s="12"/>
    </row>
    <row r="82628" spans="8:8">
      <c r="H82628" s="12"/>
    </row>
    <row r="82629" spans="8:8">
      <c r="H82629" s="12"/>
    </row>
    <row r="82630" spans="8:8">
      <c r="H82630" s="12"/>
    </row>
    <row r="82631" spans="8:8">
      <c r="H82631" s="12"/>
    </row>
    <row r="82632" spans="8:8">
      <c r="H82632" s="12"/>
    </row>
    <row r="82633" spans="8:8">
      <c r="H82633" s="12"/>
    </row>
    <row r="82634" spans="8:8">
      <c r="H82634" s="12"/>
    </row>
    <row r="82635" spans="8:8">
      <c r="H82635" s="12"/>
    </row>
    <row r="82636" spans="8:8">
      <c r="H82636" s="12"/>
    </row>
    <row r="82637" spans="8:8">
      <c r="H82637" s="12"/>
    </row>
    <row r="82638" spans="8:8">
      <c r="H82638" s="12"/>
    </row>
    <row r="82639" spans="8:8">
      <c r="H82639" s="12"/>
    </row>
    <row r="82640" spans="8:8">
      <c r="H82640" s="12"/>
    </row>
    <row r="82641" spans="8:8">
      <c r="H82641" s="12"/>
    </row>
    <row r="82642" spans="8:8">
      <c r="H82642" s="12"/>
    </row>
    <row r="82643" spans="8:8">
      <c r="H82643" s="12"/>
    </row>
    <row r="82644" spans="8:8">
      <c r="H82644" s="12"/>
    </row>
    <row r="82645" spans="8:8">
      <c r="H82645" s="12"/>
    </row>
    <row r="82646" spans="8:8">
      <c r="H82646" s="12"/>
    </row>
    <row r="82647" spans="8:8">
      <c r="H82647" s="12"/>
    </row>
    <row r="82648" spans="8:8">
      <c r="H82648" s="12"/>
    </row>
    <row r="82649" spans="8:8">
      <c r="H82649" s="12"/>
    </row>
    <row r="82650" spans="8:8">
      <c r="H82650" s="12"/>
    </row>
    <row r="82651" spans="8:8">
      <c r="H82651" s="12"/>
    </row>
    <row r="82652" spans="8:8">
      <c r="H82652" s="12"/>
    </row>
    <row r="82653" spans="8:8">
      <c r="H82653" s="12"/>
    </row>
    <row r="82654" spans="8:8">
      <c r="H82654" s="12"/>
    </row>
    <row r="82655" spans="8:8">
      <c r="H82655" s="12"/>
    </row>
    <row r="82656" spans="8:8">
      <c r="H82656" s="12"/>
    </row>
    <row r="82657" spans="8:8">
      <c r="H82657" s="12"/>
    </row>
    <row r="82658" spans="8:8">
      <c r="H82658" s="12"/>
    </row>
    <row r="82659" spans="8:8">
      <c r="H82659" s="12"/>
    </row>
    <row r="82660" spans="8:8">
      <c r="H82660" s="12"/>
    </row>
    <row r="82661" spans="8:8">
      <c r="H82661" s="12"/>
    </row>
    <row r="82662" spans="8:8">
      <c r="H82662" s="12"/>
    </row>
    <row r="82663" spans="8:8">
      <c r="H82663" s="12"/>
    </row>
    <row r="82664" spans="8:8">
      <c r="H82664" s="12"/>
    </row>
    <row r="82665" spans="8:8">
      <c r="H82665" s="12"/>
    </row>
    <row r="82666" spans="8:8">
      <c r="H82666" s="12"/>
    </row>
    <row r="82667" spans="8:8">
      <c r="H82667" s="12"/>
    </row>
    <row r="82668" spans="8:8">
      <c r="H82668" s="12"/>
    </row>
    <row r="82669" spans="8:8">
      <c r="H82669" s="12"/>
    </row>
    <row r="82670" spans="8:8">
      <c r="H82670" s="12"/>
    </row>
    <row r="82671" spans="8:8">
      <c r="H82671" s="12"/>
    </row>
    <row r="82672" spans="8:8">
      <c r="H82672" s="12"/>
    </row>
    <row r="82673" spans="8:8">
      <c r="H82673" s="12"/>
    </row>
    <row r="82674" spans="8:8">
      <c r="H82674" s="12"/>
    </row>
    <row r="82675" spans="8:8">
      <c r="H82675" s="12"/>
    </row>
    <row r="82676" spans="8:8">
      <c r="H82676" s="12"/>
    </row>
    <row r="82677" spans="8:8">
      <c r="H82677" s="12"/>
    </row>
    <row r="82678" spans="8:8">
      <c r="H82678" s="12"/>
    </row>
    <row r="82679" spans="8:8">
      <c r="H82679" s="12"/>
    </row>
    <row r="82680" spans="8:8">
      <c r="H82680" s="12"/>
    </row>
    <row r="82681" spans="8:8">
      <c r="H82681" s="12"/>
    </row>
    <row r="82682" spans="8:8">
      <c r="H82682" s="12"/>
    </row>
    <row r="82683" spans="8:8">
      <c r="H82683" s="12"/>
    </row>
    <row r="82684" spans="8:8">
      <c r="H82684" s="12"/>
    </row>
    <row r="82685" spans="8:8">
      <c r="H82685" s="12"/>
    </row>
    <row r="82686" spans="8:8">
      <c r="H82686" s="12"/>
    </row>
    <row r="82687" spans="8:8">
      <c r="H82687" s="12"/>
    </row>
    <row r="82688" spans="8:8">
      <c r="H82688" s="12"/>
    </row>
    <row r="82689" spans="8:8">
      <c r="H82689" s="12"/>
    </row>
    <row r="82690" spans="8:8">
      <c r="H82690" s="12"/>
    </row>
    <row r="82691" spans="8:8">
      <c r="H82691" s="12"/>
    </row>
    <row r="82692" spans="8:8">
      <c r="H82692" s="12"/>
    </row>
    <row r="82693" spans="8:8">
      <c r="H82693" s="12"/>
    </row>
    <row r="82694" spans="8:8">
      <c r="H82694" s="12"/>
    </row>
    <row r="82695" spans="8:8">
      <c r="H82695" s="12"/>
    </row>
    <row r="82696" spans="8:8">
      <c r="H82696" s="12"/>
    </row>
    <row r="82697" spans="8:8">
      <c r="H82697" s="12"/>
    </row>
    <row r="82698" spans="8:8">
      <c r="H82698" s="12"/>
    </row>
    <row r="82699" spans="8:8">
      <c r="H82699" s="12"/>
    </row>
    <row r="82700" spans="8:8">
      <c r="H82700" s="12"/>
    </row>
    <row r="82701" spans="8:8">
      <c r="H82701" s="12"/>
    </row>
    <row r="82702" spans="8:8">
      <c r="H82702" s="12"/>
    </row>
    <row r="82703" spans="8:8">
      <c r="H82703" s="12"/>
    </row>
    <row r="82704" spans="8:8">
      <c r="H82704" s="12"/>
    </row>
    <row r="82705" spans="8:8">
      <c r="H82705" s="12"/>
    </row>
    <row r="82706" spans="8:8">
      <c r="H82706" s="12"/>
    </row>
    <row r="82707" spans="8:8">
      <c r="H82707" s="12"/>
    </row>
    <row r="82708" spans="8:8">
      <c r="H82708" s="12"/>
    </row>
    <row r="82709" spans="8:8">
      <c r="H82709" s="12"/>
    </row>
    <row r="82710" spans="8:8">
      <c r="H82710" s="12"/>
    </row>
    <row r="82711" spans="8:8">
      <c r="H82711" s="12"/>
    </row>
    <row r="82712" spans="8:8">
      <c r="H82712" s="12"/>
    </row>
    <row r="82713" spans="8:8">
      <c r="H82713" s="12"/>
    </row>
    <row r="82714" spans="8:8">
      <c r="H82714" s="12"/>
    </row>
    <row r="82715" spans="8:8">
      <c r="H82715" s="12"/>
    </row>
    <row r="82716" spans="8:8">
      <c r="H82716" s="12"/>
    </row>
    <row r="82717" spans="8:8">
      <c r="H82717" s="12"/>
    </row>
    <row r="82718" spans="8:8">
      <c r="H82718" s="12"/>
    </row>
    <row r="82719" spans="8:8">
      <c r="H82719" s="12"/>
    </row>
    <row r="82720" spans="8:8">
      <c r="H82720" s="12"/>
    </row>
    <row r="82721" spans="8:8">
      <c r="H82721" s="12"/>
    </row>
    <row r="82722" spans="8:8">
      <c r="H82722" s="12"/>
    </row>
    <row r="82723" spans="8:8">
      <c r="H82723" s="12"/>
    </row>
    <row r="82724" spans="8:8">
      <c r="H82724" s="12"/>
    </row>
    <row r="82725" spans="8:8">
      <c r="H82725" s="12"/>
    </row>
    <row r="82726" spans="8:8">
      <c r="H82726" s="12"/>
    </row>
    <row r="82727" spans="8:8">
      <c r="H82727" s="12"/>
    </row>
    <row r="82728" spans="8:8">
      <c r="H82728" s="12"/>
    </row>
    <row r="82729" spans="8:8">
      <c r="H82729" s="12"/>
    </row>
    <row r="82730" spans="8:8">
      <c r="H82730" s="12"/>
    </row>
    <row r="82731" spans="8:8">
      <c r="H82731" s="12"/>
    </row>
    <row r="82732" spans="8:8">
      <c r="H82732" s="12"/>
    </row>
    <row r="82733" spans="8:8">
      <c r="H82733" s="12"/>
    </row>
    <row r="82734" spans="8:8">
      <c r="H82734" s="12"/>
    </row>
    <row r="82735" spans="8:8">
      <c r="H82735" s="12"/>
    </row>
    <row r="82736" spans="8:8">
      <c r="H82736" s="12"/>
    </row>
    <row r="82737" spans="8:8">
      <c r="H82737" s="12"/>
    </row>
    <row r="82738" spans="8:8">
      <c r="H82738" s="12"/>
    </row>
    <row r="82739" spans="8:8">
      <c r="H82739" s="12"/>
    </row>
    <row r="82740" spans="8:8">
      <c r="H82740" s="12"/>
    </row>
    <row r="82741" spans="8:8">
      <c r="H82741" s="12"/>
    </row>
    <row r="82742" spans="8:8">
      <c r="H82742" s="12"/>
    </row>
    <row r="82743" spans="8:8">
      <c r="H82743" s="12"/>
    </row>
    <row r="82744" spans="8:8">
      <c r="H82744" s="12"/>
    </row>
    <row r="82745" spans="8:8">
      <c r="H82745" s="12"/>
    </row>
    <row r="82746" spans="8:8">
      <c r="H82746" s="12"/>
    </row>
    <row r="82747" spans="8:8">
      <c r="H82747" s="12"/>
    </row>
    <row r="82748" spans="8:8">
      <c r="H82748" s="12"/>
    </row>
    <row r="82749" spans="8:8">
      <c r="H82749" s="12"/>
    </row>
    <row r="82750" spans="8:8">
      <c r="H82750" s="12"/>
    </row>
    <row r="82751" spans="8:8">
      <c r="H82751" s="12"/>
    </row>
    <row r="82752" spans="8:8">
      <c r="H82752" s="12"/>
    </row>
    <row r="82753" spans="8:8">
      <c r="H82753" s="12"/>
    </row>
    <row r="82754" spans="8:8">
      <c r="H82754" s="12"/>
    </row>
    <row r="82755" spans="8:8">
      <c r="H82755" s="12"/>
    </row>
    <row r="82756" spans="8:8">
      <c r="H82756" s="12"/>
    </row>
    <row r="82757" spans="8:8">
      <c r="H82757" s="12"/>
    </row>
    <row r="82758" spans="8:8">
      <c r="H82758" s="12"/>
    </row>
    <row r="82759" spans="8:8">
      <c r="H82759" s="12"/>
    </row>
    <row r="82760" spans="8:8">
      <c r="H82760" s="12"/>
    </row>
    <row r="82761" spans="8:8">
      <c r="H82761" s="12"/>
    </row>
    <row r="82762" spans="8:8">
      <c r="H82762" s="12"/>
    </row>
    <row r="82763" spans="8:8">
      <c r="H82763" s="12"/>
    </row>
    <row r="82764" spans="8:8">
      <c r="H82764" s="12"/>
    </row>
    <row r="82765" spans="8:8">
      <c r="H82765" s="12"/>
    </row>
    <row r="82766" spans="8:8">
      <c r="H82766" s="12"/>
    </row>
    <row r="82767" spans="8:8">
      <c r="H82767" s="12"/>
    </row>
    <row r="82768" spans="8:8">
      <c r="H82768" s="12"/>
    </row>
    <row r="82769" spans="8:8">
      <c r="H82769" s="12"/>
    </row>
    <row r="82770" spans="8:8">
      <c r="H82770" s="12"/>
    </row>
    <row r="82771" spans="8:8">
      <c r="H82771" s="12"/>
    </row>
    <row r="82772" spans="8:8">
      <c r="H82772" s="12"/>
    </row>
    <row r="82773" spans="8:8">
      <c r="H82773" s="12"/>
    </row>
    <row r="82774" spans="8:8">
      <c r="H82774" s="12"/>
    </row>
    <row r="82775" spans="8:8">
      <c r="H82775" s="12"/>
    </row>
    <row r="82776" spans="8:8">
      <c r="H82776" s="12"/>
    </row>
    <row r="82777" spans="8:8">
      <c r="H82777" s="12"/>
    </row>
    <row r="82778" spans="8:8">
      <c r="H82778" s="12"/>
    </row>
    <row r="82779" spans="8:8">
      <c r="H82779" s="12"/>
    </row>
    <row r="82780" spans="8:8">
      <c r="H82780" s="12"/>
    </row>
    <row r="82781" spans="8:8">
      <c r="H82781" s="12"/>
    </row>
    <row r="82782" spans="8:8">
      <c r="H82782" s="12"/>
    </row>
    <row r="82783" spans="8:8">
      <c r="H82783" s="12"/>
    </row>
    <row r="82784" spans="8:8">
      <c r="H82784" s="12"/>
    </row>
    <row r="82785" spans="8:8">
      <c r="H82785" s="12"/>
    </row>
    <row r="82786" spans="8:8">
      <c r="H82786" s="12"/>
    </row>
    <row r="82787" spans="8:8">
      <c r="H82787" s="12"/>
    </row>
    <row r="82788" spans="8:8">
      <c r="H82788" s="12"/>
    </row>
    <row r="82789" spans="8:8">
      <c r="H82789" s="12"/>
    </row>
    <row r="82790" spans="8:8">
      <c r="H82790" s="12"/>
    </row>
    <row r="82791" spans="8:8">
      <c r="H82791" s="12"/>
    </row>
    <row r="82792" spans="8:8">
      <c r="H82792" s="12"/>
    </row>
    <row r="82793" spans="8:8">
      <c r="H82793" s="12"/>
    </row>
    <row r="82794" spans="8:8">
      <c r="H82794" s="12"/>
    </row>
    <row r="82795" spans="8:8">
      <c r="H82795" s="12"/>
    </row>
    <row r="82796" spans="8:8">
      <c r="H82796" s="12"/>
    </row>
    <row r="82797" spans="8:8">
      <c r="H82797" s="12"/>
    </row>
    <row r="82798" spans="8:8">
      <c r="H82798" s="12"/>
    </row>
    <row r="82799" spans="8:8">
      <c r="H82799" s="12"/>
    </row>
    <row r="82800" spans="8:8">
      <c r="H82800" s="12"/>
    </row>
    <row r="82801" spans="8:8">
      <c r="H82801" s="12"/>
    </row>
    <row r="82802" spans="8:8">
      <c r="H82802" s="12"/>
    </row>
    <row r="82803" spans="8:8">
      <c r="H82803" s="12"/>
    </row>
    <row r="82804" spans="8:8">
      <c r="H82804" s="12"/>
    </row>
    <row r="82805" spans="8:8">
      <c r="H82805" s="12"/>
    </row>
    <row r="82806" spans="8:8">
      <c r="H82806" s="12"/>
    </row>
    <row r="82807" spans="8:8">
      <c r="H82807" s="12"/>
    </row>
    <row r="82808" spans="8:8">
      <c r="H82808" s="12"/>
    </row>
    <row r="82809" spans="8:8">
      <c r="H82809" s="12"/>
    </row>
    <row r="82810" spans="8:8">
      <c r="H82810" s="12"/>
    </row>
    <row r="82811" spans="8:8">
      <c r="H82811" s="12"/>
    </row>
    <row r="82812" spans="8:8">
      <c r="H82812" s="12"/>
    </row>
    <row r="82813" spans="8:8">
      <c r="H82813" s="12"/>
    </row>
    <row r="82814" spans="8:8">
      <c r="H82814" s="12"/>
    </row>
    <row r="82815" spans="8:8">
      <c r="H82815" s="12"/>
    </row>
    <row r="82816" spans="8:8">
      <c r="H82816" s="12"/>
    </row>
    <row r="82817" spans="8:8">
      <c r="H82817" s="12"/>
    </row>
    <row r="82818" spans="8:8">
      <c r="H82818" s="12"/>
    </row>
    <row r="82819" spans="8:8">
      <c r="H82819" s="12"/>
    </row>
    <row r="82820" spans="8:8">
      <c r="H82820" s="12"/>
    </row>
    <row r="82821" spans="8:8">
      <c r="H82821" s="12"/>
    </row>
    <row r="82822" spans="8:8">
      <c r="H82822" s="12"/>
    </row>
    <row r="82823" spans="8:8">
      <c r="H82823" s="12"/>
    </row>
    <row r="82824" spans="8:8">
      <c r="H82824" s="12"/>
    </row>
    <row r="82825" spans="8:8">
      <c r="H82825" s="12"/>
    </row>
    <row r="82826" spans="8:8">
      <c r="H82826" s="12"/>
    </row>
    <row r="82827" spans="8:8">
      <c r="H82827" s="12"/>
    </row>
    <row r="82828" spans="8:8">
      <c r="H82828" s="12"/>
    </row>
    <row r="82829" spans="8:8">
      <c r="H82829" s="12"/>
    </row>
    <row r="82830" spans="8:8">
      <c r="H82830" s="12"/>
    </row>
    <row r="82831" spans="8:8">
      <c r="H82831" s="12"/>
    </row>
    <row r="82832" spans="8:8">
      <c r="H82832" s="12"/>
    </row>
    <row r="82833" spans="8:8">
      <c r="H82833" s="12"/>
    </row>
    <row r="82834" spans="8:8">
      <c r="H82834" s="12"/>
    </row>
    <row r="82835" spans="8:8">
      <c r="H82835" s="12"/>
    </row>
    <row r="82836" spans="8:8">
      <c r="H82836" s="12"/>
    </row>
    <row r="82837" spans="8:8">
      <c r="H82837" s="12"/>
    </row>
    <row r="82838" spans="8:8">
      <c r="H82838" s="12"/>
    </row>
    <row r="82839" spans="8:8">
      <c r="H82839" s="12"/>
    </row>
    <row r="82840" spans="8:8">
      <c r="H82840" s="12"/>
    </row>
    <row r="82841" spans="8:8">
      <c r="H82841" s="12"/>
    </row>
    <row r="82842" spans="8:8">
      <c r="H82842" s="12"/>
    </row>
    <row r="82843" spans="8:8">
      <c r="H82843" s="12"/>
    </row>
    <row r="82844" spans="8:8">
      <c r="H82844" s="12"/>
    </row>
    <row r="82845" spans="8:8">
      <c r="H82845" s="12"/>
    </row>
    <row r="82846" spans="8:8">
      <c r="H82846" s="12"/>
    </row>
    <row r="82847" spans="8:8">
      <c r="H82847" s="12"/>
    </row>
    <row r="82848" spans="8:8">
      <c r="H82848" s="12"/>
    </row>
    <row r="82849" spans="8:8">
      <c r="H82849" s="12"/>
    </row>
    <row r="82850" spans="8:8">
      <c r="H82850" s="12"/>
    </row>
    <row r="82851" spans="8:8">
      <c r="H82851" s="12"/>
    </row>
    <row r="82852" spans="8:8">
      <c r="H82852" s="12"/>
    </row>
    <row r="82853" spans="8:8">
      <c r="H82853" s="12"/>
    </row>
    <row r="82854" spans="8:8">
      <c r="H82854" s="12"/>
    </row>
    <row r="82855" spans="8:8">
      <c r="H82855" s="12"/>
    </row>
    <row r="82856" spans="8:8">
      <c r="H82856" s="12"/>
    </row>
    <row r="82857" spans="8:8">
      <c r="H82857" s="12"/>
    </row>
    <row r="82858" spans="8:8">
      <c r="H82858" s="12"/>
    </row>
    <row r="82859" spans="8:8">
      <c r="H82859" s="12"/>
    </row>
    <row r="82860" spans="8:8">
      <c r="H82860" s="12"/>
    </row>
    <row r="82861" spans="8:8">
      <c r="H82861" s="12"/>
    </row>
    <row r="82862" spans="8:8">
      <c r="H82862" s="12"/>
    </row>
    <row r="82863" spans="8:8">
      <c r="H82863" s="12"/>
    </row>
    <row r="82864" spans="8:8">
      <c r="H82864" s="12"/>
    </row>
    <row r="82865" spans="8:8">
      <c r="H82865" s="12"/>
    </row>
    <row r="82866" spans="8:8">
      <c r="H82866" s="12"/>
    </row>
    <row r="82867" spans="8:8">
      <c r="H82867" s="12"/>
    </row>
    <row r="82868" spans="8:8">
      <c r="H82868" s="12"/>
    </row>
    <row r="82869" spans="8:8">
      <c r="H82869" s="12"/>
    </row>
    <row r="82870" spans="8:8">
      <c r="H82870" s="12"/>
    </row>
    <row r="82871" spans="8:8">
      <c r="H82871" s="12"/>
    </row>
    <row r="82872" spans="8:8">
      <c r="H82872" s="12"/>
    </row>
    <row r="82873" spans="8:8">
      <c r="H82873" s="12"/>
    </row>
    <row r="82874" spans="8:8">
      <c r="H82874" s="12"/>
    </row>
    <row r="82875" spans="8:8">
      <c r="H82875" s="12"/>
    </row>
    <row r="82876" spans="8:8">
      <c r="H82876" s="12"/>
    </row>
    <row r="82877" spans="8:8">
      <c r="H82877" s="12"/>
    </row>
    <row r="82878" spans="8:8">
      <c r="H82878" s="12"/>
    </row>
    <row r="82879" spans="8:8">
      <c r="H82879" s="12"/>
    </row>
    <row r="82880" spans="8:8">
      <c r="H82880" s="12"/>
    </row>
    <row r="82881" spans="8:8">
      <c r="H82881" s="12"/>
    </row>
    <row r="82882" spans="8:8">
      <c r="H82882" s="12"/>
    </row>
    <row r="82883" spans="8:8">
      <c r="H82883" s="12"/>
    </row>
    <row r="82884" spans="8:8">
      <c r="H82884" s="12"/>
    </row>
    <row r="82885" spans="8:8">
      <c r="H82885" s="12"/>
    </row>
    <row r="82886" spans="8:8">
      <c r="H82886" s="12"/>
    </row>
    <row r="82887" spans="8:8">
      <c r="H82887" s="12"/>
    </row>
    <row r="82888" spans="8:8">
      <c r="H82888" s="12"/>
    </row>
    <row r="82889" spans="8:8">
      <c r="H82889" s="12"/>
    </row>
    <row r="82890" spans="8:8">
      <c r="H82890" s="12"/>
    </row>
    <row r="82891" spans="8:8">
      <c r="H82891" s="12"/>
    </row>
    <row r="82892" spans="8:8">
      <c r="H82892" s="12"/>
    </row>
    <row r="82893" spans="8:8">
      <c r="H82893" s="12"/>
    </row>
    <row r="82894" spans="8:8">
      <c r="H82894" s="12"/>
    </row>
    <row r="82895" spans="8:8">
      <c r="H82895" s="12"/>
    </row>
    <row r="82896" spans="8:8">
      <c r="H82896" s="12"/>
    </row>
    <row r="82897" spans="8:8">
      <c r="H82897" s="12"/>
    </row>
    <row r="82898" spans="8:8">
      <c r="H82898" s="12"/>
    </row>
    <row r="82899" spans="8:8">
      <c r="H82899" s="12"/>
    </row>
    <row r="82900" spans="8:8">
      <c r="H82900" s="12"/>
    </row>
    <row r="82901" spans="8:8">
      <c r="H82901" s="12"/>
    </row>
    <row r="82902" spans="8:8">
      <c r="H82902" s="12"/>
    </row>
    <row r="82903" spans="8:8">
      <c r="H82903" s="12"/>
    </row>
    <row r="82904" spans="8:8">
      <c r="H82904" s="12"/>
    </row>
    <row r="82905" spans="8:8">
      <c r="H82905" s="12"/>
    </row>
    <row r="82906" spans="8:8">
      <c r="H82906" s="12"/>
    </row>
    <row r="82907" spans="8:8">
      <c r="H82907" s="12"/>
    </row>
    <row r="82908" spans="8:8">
      <c r="H82908" s="12"/>
    </row>
    <row r="82909" spans="8:8">
      <c r="H82909" s="12"/>
    </row>
    <row r="82910" spans="8:8">
      <c r="H82910" s="12"/>
    </row>
    <row r="82911" spans="8:8">
      <c r="H82911" s="12"/>
    </row>
    <row r="82912" spans="8:8">
      <c r="H82912" s="12"/>
    </row>
    <row r="82913" spans="8:8">
      <c r="H82913" s="12"/>
    </row>
    <row r="82914" spans="8:8">
      <c r="H82914" s="12"/>
    </row>
    <row r="82915" spans="8:8">
      <c r="H82915" s="12"/>
    </row>
    <row r="82916" spans="8:8">
      <c r="H82916" s="12"/>
    </row>
    <row r="82917" spans="8:8">
      <c r="H82917" s="12"/>
    </row>
    <row r="82918" spans="8:8">
      <c r="H82918" s="12"/>
    </row>
    <row r="82919" spans="8:8">
      <c r="H82919" s="12"/>
    </row>
    <row r="82920" spans="8:8">
      <c r="H82920" s="12"/>
    </row>
    <row r="82921" spans="8:8">
      <c r="H82921" s="12"/>
    </row>
    <row r="82922" spans="8:8">
      <c r="H82922" s="12"/>
    </row>
    <row r="82923" spans="8:8">
      <c r="H82923" s="12"/>
    </row>
    <row r="82924" spans="8:8">
      <c r="H82924" s="12"/>
    </row>
    <row r="82925" spans="8:8">
      <c r="H82925" s="12"/>
    </row>
    <row r="82926" spans="8:8">
      <c r="H82926" s="12"/>
    </row>
    <row r="82927" spans="8:8">
      <c r="H82927" s="12"/>
    </row>
    <row r="82928" spans="8:8">
      <c r="H82928" s="12"/>
    </row>
    <row r="82929" spans="8:8">
      <c r="H82929" s="12"/>
    </row>
    <row r="82930" spans="8:8">
      <c r="H82930" s="12"/>
    </row>
    <row r="82931" spans="8:8">
      <c r="H82931" s="12"/>
    </row>
    <row r="82932" spans="8:8">
      <c r="H82932" s="12"/>
    </row>
    <row r="82933" spans="8:8">
      <c r="H82933" s="12"/>
    </row>
    <row r="82934" spans="8:8">
      <c r="H82934" s="12"/>
    </row>
    <row r="82935" spans="8:8">
      <c r="H82935" s="12"/>
    </row>
    <row r="82936" spans="8:8">
      <c r="H82936" s="12"/>
    </row>
    <row r="82937" spans="8:8">
      <c r="H82937" s="12"/>
    </row>
    <row r="82938" spans="8:8">
      <c r="H82938" s="12"/>
    </row>
    <row r="82939" spans="8:8">
      <c r="H82939" s="12"/>
    </row>
    <row r="82940" spans="8:8">
      <c r="H82940" s="12"/>
    </row>
    <row r="82941" spans="8:8">
      <c r="H82941" s="12"/>
    </row>
    <row r="82942" spans="8:8">
      <c r="H82942" s="12"/>
    </row>
    <row r="82943" spans="8:8">
      <c r="H82943" s="12"/>
    </row>
    <row r="82944" spans="8:8">
      <c r="H82944" s="12"/>
    </row>
    <row r="82945" spans="8:8">
      <c r="H82945" s="12"/>
    </row>
    <row r="82946" spans="8:8">
      <c r="H82946" s="12"/>
    </row>
    <row r="82947" spans="8:8">
      <c r="H82947" s="12"/>
    </row>
    <row r="82948" spans="8:8">
      <c r="H82948" s="12"/>
    </row>
    <row r="82949" spans="8:8">
      <c r="H82949" s="12"/>
    </row>
    <row r="82950" spans="8:8">
      <c r="H82950" s="12"/>
    </row>
    <row r="82951" spans="8:8">
      <c r="H82951" s="12"/>
    </row>
    <row r="82952" spans="8:8">
      <c r="H82952" s="12"/>
    </row>
    <row r="82953" spans="8:8">
      <c r="H82953" s="12"/>
    </row>
    <row r="82954" spans="8:8">
      <c r="H82954" s="12"/>
    </row>
    <row r="82955" spans="8:8">
      <c r="H82955" s="12"/>
    </row>
    <row r="82956" spans="8:8">
      <c r="H82956" s="12"/>
    </row>
    <row r="82957" spans="8:8">
      <c r="H82957" s="12"/>
    </row>
    <row r="82958" spans="8:8">
      <c r="H82958" s="12"/>
    </row>
    <row r="82959" spans="8:8">
      <c r="H82959" s="12"/>
    </row>
    <row r="82960" spans="8:8">
      <c r="H82960" s="12"/>
    </row>
    <row r="82961" spans="8:8">
      <c r="H82961" s="12"/>
    </row>
    <row r="82962" spans="8:8">
      <c r="H82962" s="12"/>
    </row>
    <row r="82963" spans="8:8">
      <c r="H82963" s="12"/>
    </row>
    <row r="82964" spans="8:8">
      <c r="H82964" s="12"/>
    </row>
    <row r="82965" spans="8:8">
      <c r="H82965" s="12"/>
    </row>
    <row r="82966" spans="8:8">
      <c r="H82966" s="12"/>
    </row>
    <row r="82967" spans="8:8">
      <c r="H82967" s="12"/>
    </row>
    <row r="82968" spans="8:8">
      <c r="H82968" s="12"/>
    </row>
    <row r="82969" spans="8:8">
      <c r="H82969" s="12"/>
    </row>
    <row r="82970" spans="8:8">
      <c r="H82970" s="12"/>
    </row>
    <row r="82971" spans="8:8">
      <c r="H82971" s="12"/>
    </row>
    <row r="82972" spans="8:8">
      <c r="H82972" s="12"/>
    </row>
    <row r="82973" spans="8:8">
      <c r="H82973" s="12"/>
    </row>
    <row r="82974" spans="8:8">
      <c r="H82974" s="12"/>
    </row>
    <row r="82975" spans="8:8">
      <c r="H82975" s="12"/>
    </row>
    <row r="82976" spans="8:8">
      <c r="H82976" s="12"/>
    </row>
    <row r="82977" spans="8:8">
      <c r="H82977" s="12"/>
    </row>
    <row r="82978" spans="8:8">
      <c r="H82978" s="12"/>
    </row>
    <row r="82979" spans="8:8">
      <c r="H82979" s="12"/>
    </row>
    <row r="82980" spans="8:8">
      <c r="H82980" s="12"/>
    </row>
    <row r="82981" spans="8:8">
      <c r="H82981" s="12"/>
    </row>
    <row r="82982" spans="8:8">
      <c r="H82982" s="12"/>
    </row>
    <row r="82983" spans="8:8">
      <c r="H82983" s="12"/>
    </row>
    <row r="82984" spans="8:8">
      <c r="H82984" s="12"/>
    </row>
    <row r="82985" spans="8:8">
      <c r="H82985" s="12"/>
    </row>
    <row r="82986" spans="8:8">
      <c r="H82986" s="12"/>
    </row>
    <row r="82987" spans="8:8">
      <c r="H82987" s="12"/>
    </row>
    <row r="82988" spans="8:8">
      <c r="H82988" s="12"/>
    </row>
    <row r="82989" spans="8:8">
      <c r="H82989" s="12"/>
    </row>
    <row r="82990" spans="8:8">
      <c r="H82990" s="12"/>
    </row>
    <row r="82991" spans="8:8">
      <c r="H82991" s="12"/>
    </row>
    <row r="82992" spans="8:8">
      <c r="H82992" s="12"/>
    </row>
    <row r="82993" spans="8:8">
      <c r="H82993" s="12"/>
    </row>
    <row r="82994" spans="8:8">
      <c r="H82994" s="12"/>
    </row>
    <row r="82995" spans="8:8">
      <c r="H82995" s="12"/>
    </row>
    <row r="82996" spans="8:8">
      <c r="H82996" s="12"/>
    </row>
    <row r="82997" spans="8:8">
      <c r="H82997" s="12"/>
    </row>
    <row r="82998" spans="8:8">
      <c r="H82998" s="12"/>
    </row>
    <row r="82999" spans="8:8">
      <c r="H82999" s="12"/>
    </row>
    <row r="83000" spans="8:8">
      <c r="H83000" s="12"/>
    </row>
    <row r="83001" spans="8:8">
      <c r="H83001" s="12"/>
    </row>
    <row r="83002" spans="8:8">
      <c r="H83002" s="12"/>
    </row>
    <row r="83003" spans="8:8">
      <c r="H83003" s="12"/>
    </row>
    <row r="83004" spans="8:8">
      <c r="H83004" s="12"/>
    </row>
    <row r="83005" spans="8:8">
      <c r="H83005" s="12"/>
    </row>
    <row r="83006" spans="8:8">
      <c r="H83006" s="12"/>
    </row>
    <row r="83007" spans="8:8">
      <c r="H83007" s="12"/>
    </row>
    <row r="83008" spans="8:8">
      <c r="H83008" s="12"/>
    </row>
    <row r="83009" spans="8:8">
      <c r="H83009" s="12"/>
    </row>
    <row r="83010" spans="8:8">
      <c r="H83010" s="12"/>
    </row>
    <row r="83011" spans="8:8">
      <c r="H83011" s="12"/>
    </row>
    <row r="83012" spans="8:8">
      <c r="H83012" s="12"/>
    </row>
    <row r="83013" spans="8:8">
      <c r="H83013" s="12"/>
    </row>
    <row r="83014" spans="8:8">
      <c r="H83014" s="12"/>
    </row>
    <row r="83015" spans="8:8">
      <c r="H83015" s="12"/>
    </row>
    <row r="83016" spans="8:8">
      <c r="H83016" s="12"/>
    </row>
    <row r="83017" spans="8:8">
      <c r="H83017" s="12"/>
    </row>
    <row r="83018" spans="8:8">
      <c r="H83018" s="12"/>
    </row>
    <row r="83019" spans="8:8">
      <c r="H83019" s="12"/>
    </row>
    <row r="83020" spans="8:8">
      <c r="H83020" s="12"/>
    </row>
    <row r="83021" spans="8:8">
      <c r="H83021" s="12"/>
    </row>
    <row r="83022" spans="8:8">
      <c r="H83022" s="12"/>
    </row>
    <row r="83023" spans="8:8">
      <c r="H83023" s="12"/>
    </row>
    <row r="83024" spans="8:8">
      <c r="H83024" s="12"/>
    </row>
    <row r="83025" spans="8:8">
      <c r="H83025" s="12"/>
    </row>
    <row r="83026" spans="8:8">
      <c r="H83026" s="12"/>
    </row>
    <row r="83027" spans="8:8">
      <c r="H83027" s="12"/>
    </row>
    <row r="83028" spans="8:8">
      <c r="H83028" s="12"/>
    </row>
    <row r="83029" spans="8:8">
      <c r="H83029" s="12"/>
    </row>
    <row r="83030" spans="8:8">
      <c r="H83030" s="12"/>
    </row>
    <row r="83031" spans="8:8">
      <c r="H83031" s="12"/>
    </row>
    <row r="83032" spans="8:8">
      <c r="H83032" s="12"/>
    </row>
    <row r="83033" spans="8:8">
      <c r="H83033" s="12"/>
    </row>
    <row r="83034" spans="8:8">
      <c r="H83034" s="12"/>
    </row>
    <row r="83035" spans="8:8">
      <c r="H83035" s="12"/>
    </row>
    <row r="83036" spans="8:8">
      <c r="H83036" s="12"/>
    </row>
    <row r="83037" spans="8:8">
      <c r="H83037" s="12"/>
    </row>
    <row r="83038" spans="8:8">
      <c r="H83038" s="12"/>
    </row>
    <row r="83039" spans="8:8">
      <c r="H83039" s="12"/>
    </row>
    <row r="83040" spans="8:8">
      <c r="H83040" s="12"/>
    </row>
    <row r="83041" spans="8:8">
      <c r="H83041" s="12"/>
    </row>
    <row r="83042" spans="8:8">
      <c r="H83042" s="12"/>
    </row>
    <row r="83043" spans="8:8">
      <c r="H83043" s="12"/>
    </row>
    <row r="83044" spans="8:8">
      <c r="H83044" s="12"/>
    </row>
    <row r="83045" spans="8:8">
      <c r="H83045" s="12"/>
    </row>
    <row r="83046" spans="8:8">
      <c r="H83046" s="12"/>
    </row>
    <row r="83047" spans="8:8">
      <c r="H83047" s="12"/>
    </row>
    <row r="83048" spans="8:8">
      <c r="H83048" s="12"/>
    </row>
    <row r="83049" spans="8:8">
      <c r="H83049" s="12"/>
    </row>
    <row r="83050" spans="8:8">
      <c r="H83050" s="12"/>
    </row>
    <row r="83051" spans="8:8">
      <c r="H83051" s="12"/>
    </row>
    <row r="83052" spans="8:8">
      <c r="H83052" s="12"/>
    </row>
    <row r="83053" spans="8:8">
      <c r="H83053" s="12"/>
    </row>
    <row r="83054" spans="8:8">
      <c r="H83054" s="12"/>
    </row>
    <row r="83055" spans="8:8">
      <c r="H83055" s="12"/>
    </row>
    <row r="83056" spans="8:8">
      <c r="H83056" s="12"/>
    </row>
    <row r="83057" spans="8:8">
      <c r="H83057" s="12"/>
    </row>
    <row r="83058" spans="8:8">
      <c r="H83058" s="12"/>
    </row>
    <row r="83059" spans="8:8">
      <c r="H83059" s="12"/>
    </row>
    <row r="83060" spans="8:8">
      <c r="H83060" s="12"/>
    </row>
    <row r="83061" spans="8:8">
      <c r="H83061" s="12"/>
    </row>
    <row r="83062" spans="8:8">
      <c r="H83062" s="12"/>
    </row>
    <row r="83063" spans="8:8">
      <c r="H83063" s="12"/>
    </row>
    <row r="83064" spans="8:8">
      <c r="H83064" s="12"/>
    </row>
    <row r="83065" spans="8:8">
      <c r="H83065" s="12"/>
    </row>
    <row r="83066" spans="8:8">
      <c r="H83066" s="12"/>
    </row>
    <row r="83067" spans="8:8">
      <c r="H83067" s="12"/>
    </row>
    <row r="83068" spans="8:8">
      <c r="H83068" s="12"/>
    </row>
    <row r="83069" spans="8:8">
      <c r="H83069" s="12"/>
    </row>
    <row r="83070" spans="8:8">
      <c r="H83070" s="12"/>
    </row>
    <row r="83071" spans="8:8">
      <c r="H83071" s="12"/>
    </row>
    <row r="83072" spans="8:8">
      <c r="H83072" s="12"/>
    </row>
    <row r="83073" spans="8:8">
      <c r="H83073" s="12"/>
    </row>
    <row r="83074" spans="8:8">
      <c r="H83074" s="12"/>
    </row>
    <row r="83075" spans="8:8">
      <c r="H83075" s="12"/>
    </row>
    <row r="83076" spans="8:8">
      <c r="H83076" s="12"/>
    </row>
    <row r="83077" spans="8:8">
      <c r="H83077" s="12"/>
    </row>
    <row r="83078" spans="8:8">
      <c r="H83078" s="12"/>
    </row>
    <row r="83079" spans="8:8">
      <c r="H83079" s="12"/>
    </row>
    <row r="83080" spans="8:8">
      <c r="H83080" s="12"/>
    </row>
    <row r="83081" spans="8:8">
      <c r="H83081" s="12"/>
    </row>
    <row r="83082" spans="8:8">
      <c r="H83082" s="12"/>
    </row>
    <row r="83083" spans="8:8">
      <c r="H83083" s="12"/>
    </row>
    <row r="83084" spans="8:8">
      <c r="H83084" s="12"/>
    </row>
    <row r="83085" spans="8:8">
      <c r="H83085" s="12"/>
    </row>
    <row r="83086" spans="8:8">
      <c r="H83086" s="12"/>
    </row>
    <row r="83087" spans="8:8">
      <c r="H83087" s="12"/>
    </row>
    <row r="83088" spans="8:8">
      <c r="H83088" s="12"/>
    </row>
    <row r="83089" spans="8:8">
      <c r="H83089" s="12"/>
    </row>
    <row r="83090" spans="8:8">
      <c r="H83090" s="12"/>
    </row>
    <row r="83091" spans="8:8">
      <c r="H83091" s="12"/>
    </row>
    <row r="83092" spans="8:8">
      <c r="H83092" s="12"/>
    </row>
    <row r="83093" spans="8:8">
      <c r="H83093" s="12"/>
    </row>
    <row r="83094" spans="8:8">
      <c r="H83094" s="12"/>
    </row>
    <row r="83095" spans="8:8">
      <c r="H83095" s="12"/>
    </row>
    <row r="83096" spans="8:8">
      <c r="H83096" s="12"/>
    </row>
    <row r="83097" spans="8:8">
      <c r="H83097" s="12"/>
    </row>
    <row r="83098" spans="8:8">
      <c r="H83098" s="12"/>
    </row>
    <row r="83099" spans="8:8">
      <c r="H83099" s="12"/>
    </row>
    <row r="83100" spans="8:8">
      <c r="H83100" s="12"/>
    </row>
    <row r="83101" spans="8:8">
      <c r="H83101" s="12"/>
    </row>
    <row r="83102" spans="8:8">
      <c r="H83102" s="12"/>
    </row>
    <row r="83103" spans="8:8">
      <c r="H83103" s="12"/>
    </row>
    <row r="83104" spans="8:8">
      <c r="H83104" s="12"/>
    </row>
    <row r="83105" spans="8:8">
      <c r="H83105" s="12"/>
    </row>
    <row r="83106" spans="8:8">
      <c r="H83106" s="12"/>
    </row>
    <row r="83107" spans="8:8">
      <c r="H83107" s="12"/>
    </row>
    <row r="83108" spans="8:8">
      <c r="H83108" s="12"/>
    </row>
    <row r="83109" spans="8:8">
      <c r="H83109" s="12"/>
    </row>
    <row r="83110" spans="8:8">
      <c r="H83110" s="12"/>
    </row>
    <row r="83111" spans="8:8">
      <c r="H83111" s="12"/>
    </row>
    <row r="83112" spans="8:8">
      <c r="H83112" s="12"/>
    </row>
    <row r="83113" spans="8:8">
      <c r="H83113" s="12"/>
    </row>
    <row r="83114" spans="8:8">
      <c r="H83114" s="12"/>
    </row>
    <row r="83115" spans="8:8">
      <c r="H83115" s="12"/>
    </row>
    <row r="83116" spans="8:8">
      <c r="H83116" s="12"/>
    </row>
    <row r="83117" spans="8:8">
      <c r="H83117" s="12"/>
    </row>
    <row r="83118" spans="8:8">
      <c r="H83118" s="12"/>
    </row>
    <row r="83119" spans="8:8">
      <c r="H83119" s="12"/>
    </row>
    <row r="83120" spans="8:8">
      <c r="H83120" s="12"/>
    </row>
    <row r="83121" spans="8:8">
      <c r="H83121" s="12"/>
    </row>
    <row r="83122" spans="8:8">
      <c r="H83122" s="12"/>
    </row>
    <row r="83123" spans="8:8">
      <c r="H83123" s="12"/>
    </row>
    <row r="83124" spans="8:8">
      <c r="H83124" s="12"/>
    </row>
    <row r="83125" spans="8:8">
      <c r="H83125" s="12"/>
    </row>
    <row r="83126" spans="8:8">
      <c r="H83126" s="12"/>
    </row>
    <row r="83127" spans="8:8">
      <c r="H83127" s="12"/>
    </row>
    <row r="83128" spans="8:8">
      <c r="H83128" s="12"/>
    </row>
    <row r="83129" spans="8:8">
      <c r="H83129" s="12"/>
    </row>
    <row r="83130" spans="8:8">
      <c r="H83130" s="12"/>
    </row>
    <row r="83131" spans="8:8">
      <c r="H83131" s="12"/>
    </row>
    <row r="83132" spans="8:8">
      <c r="H83132" s="12"/>
    </row>
    <row r="83133" spans="8:8">
      <c r="H83133" s="12"/>
    </row>
    <row r="83134" spans="8:8">
      <c r="H83134" s="12"/>
    </row>
    <row r="83135" spans="8:8">
      <c r="H83135" s="12"/>
    </row>
    <row r="83136" spans="8:8">
      <c r="H83136" s="12"/>
    </row>
    <row r="83137" spans="8:8">
      <c r="H83137" s="12"/>
    </row>
    <row r="83138" spans="8:8">
      <c r="H83138" s="12"/>
    </row>
    <row r="83139" spans="8:8">
      <c r="H83139" s="12"/>
    </row>
    <row r="83140" spans="8:8">
      <c r="H83140" s="12"/>
    </row>
    <row r="83141" spans="8:8">
      <c r="H83141" s="12"/>
    </row>
    <row r="83142" spans="8:8">
      <c r="H83142" s="12"/>
    </row>
    <row r="83143" spans="8:8">
      <c r="H83143" s="12"/>
    </row>
    <row r="83144" spans="8:8">
      <c r="H83144" s="12"/>
    </row>
    <row r="83145" spans="8:8">
      <c r="H83145" s="12"/>
    </row>
    <row r="83146" spans="8:8">
      <c r="H83146" s="12"/>
    </row>
    <row r="83147" spans="8:8">
      <c r="H83147" s="12"/>
    </row>
    <row r="83148" spans="8:8">
      <c r="H83148" s="12"/>
    </row>
    <row r="83149" spans="8:8">
      <c r="H83149" s="12"/>
    </row>
    <row r="83150" spans="8:8">
      <c r="H83150" s="12"/>
    </row>
    <row r="83151" spans="8:8">
      <c r="H83151" s="12"/>
    </row>
    <row r="83152" spans="8:8">
      <c r="H83152" s="12"/>
    </row>
    <row r="83153" spans="8:8">
      <c r="H83153" s="12"/>
    </row>
    <row r="83154" spans="8:8">
      <c r="H83154" s="12"/>
    </row>
    <row r="83155" spans="8:8">
      <c r="H83155" s="12"/>
    </row>
    <row r="83156" spans="8:8">
      <c r="H83156" s="12"/>
    </row>
    <row r="83157" spans="8:8">
      <c r="H83157" s="12"/>
    </row>
    <row r="83158" spans="8:8">
      <c r="H83158" s="12"/>
    </row>
    <row r="83159" spans="8:8">
      <c r="H83159" s="12"/>
    </row>
    <row r="83160" spans="8:8">
      <c r="H83160" s="12"/>
    </row>
    <row r="83161" spans="8:8">
      <c r="H83161" s="12"/>
    </row>
    <row r="83162" spans="8:8">
      <c r="H83162" s="12"/>
    </row>
    <row r="83163" spans="8:8">
      <c r="H83163" s="12"/>
    </row>
    <row r="83164" spans="8:8">
      <c r="H83164" s="12"/>
    </row>
    <row r="83165" spans="8:8">
      <c r="H83165" s="12"/>
    </row>
    <row r="83166" spans="8:8">
      <c r="H83166" s="12"/>
    </row>
    <row r="83167" spans="8:8">
      <c r="H83167" s="12"/>
    </row>
    <row r="83168" spans="8:8">
      <c r="H83168" s="12"/>
    </row>
    <row r="83169" spans="8:8">
      <c r="H83169" s="12"/>
    </row>
    <row r="83170" spans="8:8">
      <c r="H83170" s="12"/>
    </row>
    <row r="83171" spans="8:8">
      <c r="H83171" s="12"/>
    </row>
    <row r="83172" spans="8:8">
      <c r="H83172" s="12"/>
    </row>
    <row r="83173" spans="8:8">
      <c r="H83173" s="12"/>
    </row>
    <row r="83174" spans="8:8">
      <c r="H83174" s="12"/>
    </row>
    <row r="83175" spans="8:8">
      <c r="H83175" s="12"/>
    </row>
    <row r="83176" spans="8:8">
      <c r="H83176" s="12"/>
    </row>
    <row r="83177" spans="8:8">
      <c r="H83177" s="12"/>
    </row>
    <row r="83178" spans="8:8">
      <c r="H83178" s="12"/>
    </row>
    <row r="83179" spans="8:8">
      <c r="H83179" s="12"/>
    </row>
    <row r="83180" spans="8:8">
      <c r="H83180" s="12"/>
    </row>
    <row r="83181" spans="8:8">
      <c r="H83181" s="12"/>
    </row>
    <row r="83182" spans="8:8">
      <c r="H83182" s="12"/>
    </row>
    <row r="83183" spans="8:8">
      <c r="H83183" s="12"/>
    </row>
    <row r="83184" spans="8:8">
      <c r="H83184" s="12"/>
    </row>
    <row r="83185" spans="8:8">
      <c r="H83185" s="12"/>
    </row>
    <row r="83186" spans="8:8">
      <c r="H83186" s="12"/>
    </row>
    <row r="83187" spans="8:8">
      <c r="H83187" s="12"/>
    </row>
    <row r="83188" spans="8:8">
      <c r="H83188" s="12"/>
    </row>
    <row r="83189" spans="8:8">
      <c r="H83189" s="12"/>
    </row>
    <row r="83190" spans="8:8">
      <c r="H83190" s="12"/>
    </row>
    <row r="83191" spans="8:8">
      <c r="H83191" s="12"/>
    </row>
    <row r="83192" spans="8:8">
      <c r="H83192" s="12"/>
    </row>
    <row r="83193" spans="8:8">
      <c r="H83193" s="12"/>
    </row>
    <row r="83194" spans="8:8">
      <c r="H83194" s="12"/>
    </row>
    <row r="83195" spans="8:8">
      <c r="H83195" s="12"/>
    </row>
    <row r="83196" spans="8:8">
      <c r="H83196" s="12"/>
    </row>
    <row r="83197" spans="8:8">
      <c r="H83197" s="12"/>
    </row>
    <row r="83198" spans="8:8">
      <c r="H83198" s="12"/>
    </row>
    <row r="83199" spans="8:8">
      <c r="H83199" s="12"/>
    </row>
    <row r="83200" spans="8:8">
      <c r="H83200" s="12"/>
    </row>
    <row r="83201" spans="8:8">
      <c r="H83201" s="12"/>
    </row>
    <row r="83202" spans="8:8">
      <c r="H83202" s="12"/>
    </row>
    <row r="83203" spans="8:8">
      <c r="H83203" s="12"/>
    </row>
    <row r="83204" spans="8:8">
      <c r="H83204" s="12"/>
    </row>
    <row r="83205" spans="8:8">
      <c r="H83205" s="12"/>
    </row>
    <row r="83206" spans="8:8">
      <c r="H83206" s="12"/>
    </row>
    <row r="83207" spans="8:8">
      <c r="H83207" s="12"/>
    </row>
    <row r="83208" spans="8:8">
      <c r="H83208" s="12"/>
    </row>
    <row r="83209" spans="8:8">
      <c r="H83209" s="12"/>
    </row>
    <row r="83210" spans="8:8">
      <c r="H83210" s="12"/>
    </row>
    <row r="83211" spans="8:8">
      <c r="H83211" s="12"/>
    </row>
    <row r="83212" spans="8:8">
      <c r="H83212" s="12"/>
    </row>
    <row r="83213" spans="8:8">
      <c r="H83213" s="12"/>
    </row>
    <row r="83214" spans="8:8">
      <c r="H83214" s="12"/>
    </row>
    <row r="83215" spans="8:8">
      <c r="H83215" s="12"/>
    </row>
    <row r="83216" spans="8:8">
      <c r="H83216" s="12"/>
    </row>
    <row r="83217" spans="8:8">
      <c r="H83217" s="12"/>
    </row>
    <row r="83218" spans="8:8">
      <c r="H83218" s="12"/>
    </row>
    <row r="83219" spans="8:8">
      <c r="H83219" s="12"/>
    </row>
    <row r="83220" spans="8:8">
      <c r="H83220" s="12"/>
    </row>
    <row r="83221" spans="8:8">
      <c r="H83221" s="12"/>
    </row>
    <row r="83222" spans="8:8">
      <c r="H83222" s="12"/>
    </row>
    <row r="83223" spans="8:8">
      <c r="H83223" s="12"/>
    </row>
    <row r="83224" spans="8:8">
      <c r="H83224" s="12"/>
    </row>
    <row r="83225" spans="8:8">
      <c r="H83225" s="12"/>
    </row>
    <row r="83226" spans="8:8">
      <c r="H83226" s="12"/>
    </row>
    <row r="83227" spans="8:8">
      <c r="H83227" s="12"/>
    </row>
    <row r="83228" spans="8:8">
      <c r="H83228" s="12"/>
    </row>
    <row r="83229" spans="8:8">
      <c r="H83229" s="12"/>
    </row>
    <row r="83230" spans="8:8">
      <c r="H83230" s="12"/>
    </row>
    <row r="83231" spans="8:8">
      <c r="H83231" s="12"/>
    </row>
    <row r="83232" spans="8:8">
      <c r="H83232" s="12"/>
    </row>
    <row r="83233" spans="8:8">
      <c r="H83233" s="12"/>
    </row>
    <row r="83234" spans="8:8">
      <c r="H83234" s="12"/>
    </row>
    <row r="83235" spans="8:8">
      <c r="H83235" s="12"/>
    </row>
    <row r="83236" spans="8:8">
      <c r="H83236" s="12"/>
    </row>
    <row r="83237" spans="8:8">
      <c r="H83237" s="12"/>
    </row>
    <row r="83238" spans="8:8">
      <c r="H83238" s="12"/>
    </row>
    <row r="83239" spans="8:8">
      <c r="H83239" s="12"/>
    </row>
    <row r="83240" spans="8:8">
      <c r="H83240" s="12"/>
    </row>
    <row r="83241" spans="8:8">
      <c r="H83241" s="12"/>
    </row>
    <row r="83242" spans="8:8">
      <c r="H83242" s="12"/>
    </row>
    <row r="83243" spans="8:8">
      <c r="H83243" s="12"/>
    </row>
    <row r="83244" spans="8:8">
      <c r="H83244" s="12"/>
    </row>
    <row r="83245" spans="8:8">
      <c r="H83245" s="12"/>
    </row>
    <row r="83246" spans="8:8">
      <c r="H83246" s="12"/>
    </row>
    <row r="83247" spans="8:8">
      <c r="H83247" s="12"/>
    </row>
    <row r="83248" spans="8:8">
      <c r="H83248" s="12"/>
    </row>
    <row r="83249" spans="8:8">
      <c r="H83249" s="12"/>
    </row>
    <row r="83250" spans="8:8">
      <c r="H83250" s="12"/>
    </row>
    <row r="83251" spans="8:8">
      <c r="H83251" s="12"/>
    </row>
    <row r="83252" spans="8:8">
      <c r="H83252" s="12"/>
    </row>
    <row r="83253" spans="8:8">
      <c r="H83253" s="12"/>
    </row>
    <row r="83254" spans="8:8">
      <c r="H83254" s="12"/>
    </row>
    <row r="83255" spans="8:8">
      <c r="H83255" s="12"/>
    </row>
    <row r="83256" spans="8:8">
      <c r="H83256" s="12"/>
    </row>
    <row r="83257" spans="8:8">
      <c r="H83257" s="12"/>
    </row>
    <row r="83258" spans="8:8">
      <c r="H83258" s="12"/>
    </row>
    <row r="83259" spans="8:8">
      <c r="H83259" s="12"/>
    </row>
    <row r="83260" spans="8:8">
      <c r="H83260" s="12"/>
    </row>
    <row r="83261" spans="8:8">
      <c r="H83261" s="12"/>
    </row>
    <row r="83262" spans="8:8">
      <c r="H83262" s="12"/>
    </row>
    <row r="83263" spans="8:8">
      <c r="H83263" s="12"/>
    </row>
    <row r="83264" spans="8:8">
      <c r="H83264" s="12"/>
    </row>
    <row r="83265" spans="8:8">
      <c r="H83265" s="12"/>
    </row>
    <row r="83266" spans="8:8">
      <c r="H83266" s="12"/>
    </row>
    <row r="83267" spans="8:8">
      <c r="H83267" s="12"/>
    </row>
    <row r="83268" spans="8:8">
      <c r="H83268" s="12"/>
    </row>
    <row r="83269" spans="8:8">
      <c r="H83269" s="12"/>
    </row>
    <row r="83270" spans="8:8">
      <c r="H83270" s="12"/>
    </row>
    <row r="83271" spans="8:8">
      <c r="H83271" s="12"/>
    </row>
    <row r="83272" spans="8:8">
      <c r="H83272" s="12"/>
    </row>
    <row r="83273" spans="8:8">
      <c r="H83273" s="12"/>
    </row>
    <row r="83274" spans="8:8">
      <c r="H83274" s="12"/>
    </row>
    <row r="83275" spans="8:8">
      <c r="H83275" s="12"/>
    </row>
    <row r="83276" spans="8:8">
      <c r="H83276" s="12"/>
    </row>
    <row r="83277" spans="8:8">
      <c r="H83277" s="12"/>
    </row>
    <row r="83278" spans="8:8">
      <c r="H83278" s="12"/>
    </row>
    <row r="83279" spans="8:8">
      <c r="H83279" s="12"/>
    </row>
    <row r="83280" spans="8:8">
      <c r="H83280" s="12"/>
    </row>
    <row r="83281" spans="8:8">
      <c r="H83281" s="12"/>
    </row>
    <row r="83282" spans="8:8">
      <c r="H83282" s="12"/>
    </row>
    <row r="83283" spans="8:8">
      <c r="H83283" s="12"/>
    </row>
    <row r="83284" spans="8:8">
      <c r="H83284" s="12"/>
    </row>
    <row r="83285" spans="8:8">
      <c r="H83285" s="12"/>
    </row>
    <row r="83286" spans="8:8">
      <c r="H83286" s="12"/>
    </row>
    <row r="83287" spans="8:8">
      <c r="H83287" s="12"/>
    </row>
    <row r="83288" spans="8:8">
      <c r="H83288" s="12"/>
    </row>
    <row r="83289" spans="8:8">
      <c r="H83289" s="12"/>
    </row>
    <row r="83290" spans="8:8">
      <c r="H83290" s="12"/>
    </row>
    <row r="83291" spans="8:8">
      <c r="H83291" s="12"/>
    </row>
    <row r="83292" spans="8:8">
      <c r="H83292" s="12"/>
    </row>
    <row r="83293" spans="8:8">
      <c r="H83293" s="12"/>
    </row>
    <row r="83294" spans="8:8">
      <c r="H83294" s="12"/>
    </row>
    <row r="83295" spans="8:8">
      <c r="H83295" s="12"/>
    </row>
    <row r="83296" spans="8:8">
      <c r="H83296" s="12"/>
    </row>
    <row r="83297" spans="8:8">
      <c r="H83297" s="12"/>
    </row>
    <row r="83298" spans="8:8">
      <c r="H83298" s="12"/>
    </row>
    <row r="83299" spans="8:8">
      <c r="H83299" s="12"/>
    </row>
    <row r="83300" spans="8:8">
      <c r="H83300" s="12"/>
    </row>
    <row r="83301" spans="8:8">
      <c r="H83301" s="12"/>
    </row>
    <row r="83302" spans="8:8">
      <c r="H83302" s="12"/>
    </row>
    <row r="83303" spans="8:8">
      <c r="H83303" s="12"/>
    </row>
    <row r="83304" spans="8:8">
      <c r="H83304" s="12"/>
    </row>
    <row r="83305" spans="8:8">
      <c r="H83305" s="12"/>
    </row>
    <row r="83306" spans="8:8">
      <c r="H83306" s="12"/>
    </row>
    <row r="83307" spans="8:8">
      <c r="H83307" s="12"/>
    </row>
    <row r="83308" spans="8:8">
      <c r="H83308" s="12"/>
    </row>
    <row r="83309" spans="8:8">
      <c r="H83309" s="12"/>
    </row>
    <row r="83310" spans="8:8">
      <c r="H83310" s="12"/>
    </row>
    <row r="83311" spans="8:8">
      <c r="H83311" s="12"/>
    </row>
    <row r="83312" spans="8:8">
      <c r="H83312" s="12"/>
    </row>
    <row r="83313" spans="8:8">
      <c r="H83313" s="12"/>
    </row>
    <row r="83314" spans="8:8">
      <c r="H83314" s="12"/>
    </row>
    <row r="83315" spans="8:8">
      <c r="H83315" s="12"/>
    </row>
    <row r="83316" spans="8:8">
      <c r="H83316" s="12"/>
    </row>
    <row r="83317" spans="8:8">
      <c r="H83317" s="12"/>
    </row>
    <row r="83318" spans="8:8">
      <c r="H83318" s="12"/>
    </row>
    <row r="83319" spans="8:8">
      <c r="H83319" s="12"/>
    </row>
    <row r="83320" spans="8:8">
      <c r="H83320" s="12"/>
    </row>
    <row r="83321" spans="8:8">
      <c r="H83321" s="12"/>
    </row>
    <row r="83322" spans="8:8">
      <c r="H83322" s="12"/>
    </row>
    <row r="83323" spans="8:8">
      <c r="H83323" s="12"/>
    </row>
    <row r="83324" spans="8:8">
      <c r="H83324" s="12"/>
    </row>
    <row r="83325" spans="8:8">
      <c r="H83325" s="12"/>
    </row>
    <row r="83326" spans="8:8">
      <c r="H83326" s="12"/>
    </row>
    <row r="83327" spans="8:8">
      <c r="H83327" s="12"/>
    </row>
    <row r="83328" spans="8:8">
      <c r="H83328" s="12"/>
    </row>
    <row r="83329" spans="8:8">
      <c r="H83329" s="12"/>
    </row>
    <row r="83330" spans="8:8">
      <c r="H83330" s="12"/>
    </row>
    <row r="83331" spans="8:8">
      <c r="H83331" s="12"/>
    </row>
    <row r="83332" spans="8:8">
      <c r="H83332" s="12"/>
    </row>
    <row r="83333" spans="8:8">
      <c r="H83333" s="12"/>
    </row>
    <row r="83334" spans="8:8">
      <c r="H83334" s="12"/>
    </row>
    <row r="83335" spans="8:8">
      <c r="H83335" s="12"/>
    </row>
    <row r="83336" spans="8:8">
      <c r="H83336" s="12"/>
    </row>
    <row r="83337" spans="8:8">
      <c r="H83337" s="12"/>
    </row>
    <row r="83338" spans="8:8">
      <c r="H83338" s="12"/>
    </row>
    <row r="83339" spans="8:8">
      <c r="H83339" s="12"/>
    </row>
    <row r="83340" spans="8:8">
      <c r="H83340" s="12"/>
    </row>
    <row r="83341" spans="8:8">
      <c r="H83341" s="12"/>
    </row>
    <row r="83342" spans="8:8">
      <c r="H83342" s="12"/>
    </row>
    <row r="83343" spans="8:8">
      <c r="H83343" s="12"/>
    </row>
    <row r="83344" spans="8:8">
      <c r="H83344" s="12"/>
    </row>
    <row r="83345" spans="8:8">
      <c r="H83345" s="12"/>
    </row>
    <row r="83346" spans="8:8">
      <c r="H83346" s="12"/>
    </row>
    <row r="83347" spans="8:8">
      <c r="H83347" s="12"/>
    </row>
    <row r="83348" spans="8:8">
      <c r="H83348" s="12"/>
    </row>
    <row r="83349" spans="8:8">
      <c r="H83349" s="12"/>
    </row>
    <row r="83350" spans="8:8">
      <c r="H83350" s="12"/>
    </row>
    <row r="83351" spans="8:8">
      <c r="H83351" s="12"/>
    </row>
    <row r="83352" spans="8:8">
      <c r="H83352" s="12"/>
    </row>
    <row r="83353" spans="8:8">
      <c r="H83353" s="12"/>
    </row>
    <row r="83354" spans="8:8">
      <c r="H83354" s="12"/>
    </row>
    <row r="83355" spans="8:8">
      <c r="H83355" s="12"/>
    </row>
    <row r="83356" spans="8:8">
      <c r="H83356" s="12"/>
    </row>
    <row r="83357" spans="8:8">
      <c r="H83357" s="12"/>
    </row>
    <row r="83358" spans="8:8">
      <c r="H83358" s="12"/>
    </row>
    <row r="83359" spans="8:8">
      <c r="H83359" s="12"/>
    </row>
    <row r="83360" spans="8:8">
      <c r="H83360" s="12"/>
    </row>
    <row r="83361" spans="8:8">
      <c r="H83361" s="12"/>
    </row>
    <row r="83362" spans="8:8">
      <c r="H83362" s="12"/>
    </row>
    <row r="83363" spans="8:8">
      <c r="H83363" s="12"/>
    </row>
    <row r="83364" spans="8:8">
      <c r="H83364" s="12"/>
    </row>
    <row r="83365" spans="8:8">
      <c r="H83365" s="12"/>
    </row>
    <row r="83366" spans="8:8">
      <c r="H83366" s="12"/>
    </row>
    <row r="83367" spans="8:8">
      <c r="H83367" s="12"/>
    </row>
    <row r="83368" spans="8:8">
      <c r="H83368" s="12"/>
    </row>
    <row r="83369" spans="8:8">
      <c r="H83369" s="12"/>
    </row>
    <row r="83370" spans="8:8">
      <c r="H83370" s="12"/>
    </row>
    <row r="83371" spans="8:8">
      <c r="H83371" s="12"/>
    </row>
    <row r="83372" spans="8:8">
      <c r="H83372" s="12"/>
    </row>
    <row r="83373" spans="8:8">
      <c r="H83373" s="12"/>
    </row>
    <row r="83374" spans="8:8">
      <c r="H83374" s="12"/>
    </row>
    <row r="83375" spans="8:8">
      <c r="H83375" s="12"/>
    </row>
    <row r="83376" spans="8:8">
      <c r="H83376" s="12"/>
    </row>
    <row r="83377" spans="8:8">
      <c r="H83377" s="12"/>
    </row>
    <row r="83378" spans="8:8">
      <c r="H83378" s="12"/>
    </row>
    <row r="83379" spans="8:8">
      <c r="H83379" s="12"/>
    </row>
    <row r="83380" spans="8:8">
      <c r="H83380" s="12"/>
    </row>
    <row r="83381" spans="8:8">
      <c r="H83381" s="12"/>
    </row>
    <row r="83382" spans="8:8">
      <c r="H83382" s="12"/>
    </row>
    <row r="83383" spans="8:8">
      <c r="H83383" s="12"/>
    </row>
    <row r="83384" spans="8:8">
      <c r="H83384" s="12"/>
    </row>
    <row r="83385" spans="8:8">
      <c r="H83385" s="12"/>
    </row>
    <row r="83386" spans="8:8">
      <c r="H83386" s="12"/>
    </row>
    <row r="83387" spans="8:8">
      <c r="H83387" s="12"/>
    </row>
    <row r="83388" spans="8:8">
      <c r="H83388" s="12"/>
    </row>
    <row r="83389" spans="8:8">
      <c r="H83389" s="12"/>
    </row>
    <row r="83390" spans="8:8">
      <c r="H83390" s="12"/>
    </row>
    <row r="83391" spans="8:8">
      <c r="H83391" s="12"/>
    </row>
    <row r="83392" spans="8:8">
      <c r="H83392" s="12"/>
    </row>
    <row r="83393" spans="8:8">
      <c r="H83393" s="12"/>
    </row>
    <row r="83394" spans="8:8">
      <c r="H83394" s="12"/>
    </row>
    <row r="83395" spans="8:8">
      <c r="H83395" s="12"/>
    </row>
    <row r="83396" spans="8:8">
      <c r="H83396" s="12"/>
    </row>
    <row r="83397" spans="8:8">
      <c r="H83397" s="12"/>
    </row>
    <row r="83398" spans="8:8">
      <c r="H83398" s="12"/>
    </row>
    <row r="83399" spans="8:8">
      <c r="H83399" s="12"/>
    </row>
    <row r="83400" spans="8:8">
      <c r="H83400" s="12"/>
    </row>
    <row r="83401" spans="8:8">
      <c r="H83401" s="12"/>
    </row>
    <row r="83402" spans="8:8">
      <c r="H83402" s="12"/>
    </row>
    <row r="83403" spans="8:8">
      <c r="H83403" s="12"/>
    </row>
    <row r="83404" spans="8:8">
      <c r="H83404" s="12"/>
    </row>
    <row r="83405" spans="8:8">
      <c r="H83405" s="12"/>
    </row>
    <row r="83406" spans="8:8">
      <c r="H83406" s="12"/>
    </row>
    <row r="83407" spans="8:8">
      <c r="H83407" s="12"/>
    </row>
    <row r="83408" spans="8:8">
      <c r="H83408" s="12"/>
    </row>
    <row r="83409" spans="8:8">
      <c r="H83409" s="12"/>
    </row>
    <row r="83410" spans="8:8">
      <c r="H83410" s="12"/>
    </row>
    <row r="83411" spans="8:8">
      <c r="H83411" s="12"/>
    </row>
    <row r="83412" spans="8:8">
      <c r="H83412" s="12"/>
    </row>
    <row r="83413" spans="8:8">
      <c r="H83413" s="12"/>
    </row>
    <row r="83414" spans="8:8">
      <c r="H83414" s="12"/>
    </row>
    <row r="83415" spans="8:8">
      <c r="H83415" s="12"/>
    </row>
    <row r="83416" spans="8:8">
      <c r="H83416" s="12"/>
    </row>
    <row r="83417" spans="8:8">
      <c r="H83417" s="12"/>
    </row>
    <row r="83418" spans="8:8">
      <c r="H83418" s="12"/>
    </row>
    <row r="83419" spans="8:8">
      <c r="H83419" s="12"/>
    </row>
    <row r="83420" spans="8:8">
      <c r="H83420" s="12"/>
    </row>
    <row r="83421" spans="8:8">
      <c r="H83421" s="12"/>
    </row>
    <row r="83422" spans="8:8">
      <c r="H83422" s="12"/>
    </row>
    <row r="83423" spans="8:8">
      <c r="H83423" s="12"/>
    </row>
    <row r="83424" spans="8:8">
      <c r="H83424" s="12"/>
    </row>
    <row r="83425" spans="8:8">
      <c r="H83425" s="12"/>
    </row>
    <row r="83426" spans="8:8">
      <c r="H83426" s="12"/>
    </row>
    <row r="83427" spans="8:8">
      <c r="H83427" s="12"/>
    </row>
    <row r="83428" spans="8:8">
      <c r="H83428" s="12"/>
    </row>
    <row r="83429" spans="8:8">
      <c r="H83429" s="12"/>
    </row>
    <row r="83430" spans="8:8">
      <c r="H83430" s="12"/>
    </row>
    <row r="83431" spans="8:8">
      <c r="H83431" s="12"/>
    </row>
    <row r="83432" spans="8:8">
      <c r="H83432" s="12"/>
    </row>
    <row r="83433" spans="8:8">
      <c r="H83433" s="12"/>
    </row>
    <row r="83434" spans="8:8">
      <c r="H83434" s="12"/>
    </row>
    <row r="83435" spans="8:8">
      <c r="H83435" s="12"/>
    </row>
    <row r="83436" spans="8:8">
      <c r="H83436" s="12"/>
    </row>
    <row r="83437" spans="8:8">
      <c r="H83437" s="12"/>
    </row>
    <row r="83438" spans="8:8">
      <c r="H83438" s="12"/>
    </row>
    <row r="83439" spans="8:8">
      <c r="H83439" s="12"/>
    </row>
    <row r="83440" spans="8:8">
      <c r="H83440" s="12"/>
    </row>
    <row r="83441" spans="8:8">
      <c r="H83441" s="12"/>
    </row>
    <row r="83442" spans="8:8">
      <c r="H83442" s="12"/>
    </row>
    <row r="83443" spans="8:8">
      <c r="H83443" s="12"/>
    </row>
    <row r="83444" spans="8:8">
      <c r="H83444" s="12"/>
    </row>
    <row r="83445" spans="8:8">
      <c r="H83445" s="12"/>
    </row>
    <row r="83446" spans="8:8">
      <c r="H83446" s="12"/>
    </row>
    <row r="83447" spans="8:8">
      <c r="H83447" s="12"/>
    </row>
    <row r="83448" spans="8:8">
      <c r="H83448" s="12"/>
    </row>
    <row r="83449" spans="8:8">
      <c r="H83449" s="12"/>
    </row>
    <row r="83450" spans="8:8">
      <c r="H83450" s="12"/>
    </row>
    <row r="83451" spans="8:8">
      <c r="H83451" s="12"/>
    </row>
    <row r="83452" spans="8:8">
      <c r="H83452" s="12"/>
    </row>
    <row r="83453" spans="8:8">
      <c r="H83453" s="12"/>
    </row>
    <row r="83454" spans="8:8">
      <c r="H83454" s="12"/>
    </row>
    <row r="83455" spans="8:8">
      <c r="H83455" s="12"/>
    </row>
    <row r="83456" spans="8:8">
      <c r="H83456" s="12"/>
    </row>
    <row r="83457" spans="8:8">
      <c r="H83457" s="12"/>
    </row>
    <row r="83458" spans="8:8">
      <c r="H83458" s="12"/>
    </row>
    <row r="83459" spans="8:8">
      <c r="H83459" s="12"/>
    </row>
    <row r="83460" spans="8:8">
      <c r="H83460" s="12"/>
    </row>
    <row r="83461" spans="8:8">
      <c r="H83461" s="12"/>
    </row>
    <row r="83462" spans="8:8">
      <c r="H83462" s="12"/>
    </row>
    <row r="83463" spans="8:8">
      <c r="H83463" s="12"/>
    </row>
    <row r="83464" spans="8:8">
      <c r="H83464" s="12"/>
    </row>
    <row r="83465" spans="8:8">
      <c r="H83465" s="12"/>
    </row>
    <row r="83466" spans="8:8">
      <c r="H83466" s="12"/>
    </row>
    <row r="83467" spans="8:8">
      <c r="H83467" s="12"/>
    </row>
    <row r="83468" spans="8:8">
      <c r="H83468" s="12"/>
    </row>
    <row r="83469" spans="8:8">
      <c r="H83469" s="12"/>
    </row>
    <row r="83470" spans="8:8">
      <c r="H83470" s="12"/>
    </row>
    <row r="83471" spans="8:8">
      <c r="H83471" s="12"/>
    </row>
    <row r="83472" spans="8:8">
      <c r="H83472" s="12"/>
    </row>
    <row r="83473" spans="8:8">
      <c r="H83473" s="12"/>
    </row>
    <row r="83474" spans="8:8">
      <c r="H83474" s="12"/>
    </row>
    <row r="83475" spans="8:8">
      <c r="H83475" s="12"/>
    </row>
    <row r="83476" spans="8:8">
      <c r="H83476" s="12"/>
    </row>
    <row r="83477" spans="8:8">
      <c r="H83477" s="12"/>
    </row>
    <row r="83478" spans="8:8">
      <c r="H83478" s="12"/>
    </row>
    <row r="83479" spans="8:8">
      <c r="H83479" s="12"/>
    </row>
    <row r="83480" spans="8:8">
      <c r="H83480" s="12"/>
    </row>
    <row r="83481" spans="8:8">
      <c r="H83481" s="12"/>
    </row>
    <row r="83482" spans="8:8">
      <c r="H83482" s="12"/>
    </row>
    <row r="83483" spans="8:8">
      <c r="H83483" s="12"/>
    </row>
    <row r="83484" spans="8:8">
      <c r="H83484" s="12"/>
    </row>
    <row r="83485" spans="8:8">
      <c r="H83485" s="12"/>
    </row>
    <row r="83486" spans="8:8">
      <c r="H83486" s="12"/>
    </row>
    <row r="83487" spans="8:8">
      <c r="H83487" s="12"/>
    </row>
    <row r="83488" spans="8:8">
      <c r="H83488" s="12"/>
    </row>
    <row r="83489" spans="8:8">
      <c r="H83489" s="12"/>
    </row>
    <row r="83490" spans="8:8">
      <c r="H83490" s="12"/>
    </row>
    <row r="83491" spans="8:8">
      <c r="H83491" s="12"/>
    </row>
    <row r="83492" spans="8:8">
      <c r="H83492" s="12"/>
    </row>
    <row r="83493" spans="8:8">
      <c r="H83493" s="12"/>
    </row>
    <row r="83494" spans="8:8">
      <c r="H83494" s="12"/>
    </row>
    <row r="83495" spans="8:8">
      <c r="H83495" s="12"/>
    </row>
    <row r="83496" spans="8:8">
      <c r="H83496" s="12"/>
    </row>
    <row r="83497" spans="8:8">
      <c r="H83497" s="12"/>
    </row>
    <row r="83498" spans="8:8">
      <c r="H83498" s="12"/>
    </row>
    <row r="83499" spans="8:8">
      <c r="H83499" s="12"/>
    </row>
    <row r="83500" spans="8:8">
      <c r="H83500" s="12"/>
    </row>
    <row r="83501" spans="8:8">
      <c r="H83501" s="12"/>
    </row>
    <row r="83502" spans="8:8">
      <c r="H83502" s="12"/>
    </row>
    <row r="83503" spans="8:8">
      <c r="H83503" s="12"/>
    </row>
    <row r="83504" spans="8:8">
      <c r="H83504" s="12"/>
    </row>
    <row r="83505" spans="8:8">
      <c r="H83505" s="12"/>
    </row>
    <row r="83506" spans="8:8">
      <c r="H83506" s="12"/>
    </row>
    <row r="83507" spans="8:8">
      <c r="H83507" s="12"/>
    </row>
    <row r="83508" spans="8:8">
      <c r="H83508" s="12"/>
    </row>
    <row r="83509" spans="8:8">
      <c r="H83509" s="12"/>
    </row>
    <row r="83510" spans="8:8">
      <c r="H83510" s="12"/>
    </row>
    <row r="83511" spans="8:8">
      <c r="H83511" s="12"/>
    </row>
    <row r="83512" spans="8:8">
      <c r="H83512" s="12"/>
    </row>
    <row r="83513" spans="8:8">
      <c r="H83513" s="12"/>
    </row>
    <row r="83514" spans="8:8">
      <c r="H83514" s="12"/>
    </row>
    <row r="83515" spans="8:8">
      <c r="H83515" s="12"/>
    </row>
    <row r="83516" spans="8:8">
      <c r="H83516" s="12"/>
    </row>
    <row r="83517" spans="8:8">
      <c r="H83517" s="12"/>
    </row>
    <row r="83518" spans="8:8">
      <c r="H83518" s="12"/>
    </row>
    <row r="83519" spans="8:8">
      <c r="H83519" s="12"/>
    </row>
    <row r="83520" spans="8:8">
      <c r="H83520" s="12"/>
    </row>
    <row r="83521" spans="8:8">
      <c r="H83521" s="12"/>
    </row>
    <row r="83522" spans="8:8">
      <c r="H83522" s="12"/>
    </row>
    <row r="83523" spans="8:8">
      <c r="H83523" s="12"/>
    </row>
    <row r="83524" spans="8:8">
      <c r="H83524" s="12"/>
    </row>
    <row r="83525" spans="8:8">
      <c r="H83525" s="12"/>
    </row>
    <row r="83526" spans="8:8">
      <c r="H83526" s="12"/>
    </row>
    <row r="83527" spans="8:8">
      <c r="H83527" s="12"/>
    </row>
    <row r="83528" spans="8:8">
      <c r="H83528" s="12"/>
    </row>
    <row r="83529" spans="8:8">
      <c r="H83529" s="12"/>
    </row>
    <row r="83530" spans="8:8">
      <c r="H83530" s="12"/>
    </row>
    <row r="83531" spans="8:8">
      <c r="H83531" s="12"/>
    </row>
    <row r="83532" spans="8:8">
      <c r="H83532" s="12"/>
    </row>
    <row r="83533" spans="8:8">
      <c r="H83533" s="12"/>
    </row>
    <row r="83534" spans="8:8">
      <c r="H83534" s="12"/>
    </row>
    <row r="83535" spans="8:8">
      <c r="H83535" s="12"/>
    </row>
    <row r="83536" spans="8:8">
      <c r="H83536" s="12"/>
    </row>
    <row r="83537" spans="8:8">
      <c r="H83537" s="12"/>
    </row>
    <row r="83538" spans="8:8">
      <c r="H83538" s="12"/>
    </row>
    <row r="83539" spans="8:8">
      <c r="H83539" s="12"/>
    </row>
    <row r="83540" spans="8:8">
      <c r="H83540" s="12"/>
    </row>
    <row r="83541" spans="8:8">
      <c r="H83541" s="12"/>
    </row>
    <row r="83542" spans="8:8">
      <c r="H83542" s="12"/>
    </row>
    <row r="83543" spans="8:8">
      <c r="H83543" s="12"/>
    </row>
    <row r="83544" spans="8:8">
      <c r="H83544" s="12"/>
    </row>
    <row r="83545" spans="8:8">
      <c r="H83545" s="12"/>
    </row>
    <row r="83546" spans="8:8">
      <c r="H83546" s="12"/>
    </row>
    <row r="83547" spans="8:8">
      <c r="H83547" s="12"/>
    </row>
    <row r="83548" spans="8:8">
      <c r="H83548" s="12"/>
    </row>
    <row r="83549" spans="8:8">
      <c r="H83549" s="12"/>
    </row>
    <row r="83550" spans="8:8">
      <c r="H83550" s="12"/>
    </row>
    <row r="83551" spans="8:8">
      <c r="H83551" s="12"/>
    </row>
    <row r="83552" spans="8:8">
      <c r="H83552" s="12"/>
    </row>
    <row r="83553" spans="8:8">
      <c r="H83553" s="12"/>
    </row>
    <row r="83554" spans="8:8">
      <c r="H83554" s="12"/>
    </row>
    <row r="83555" spans="8:8">
      <c r="H83555" s="12"/>
    </row>
    <row r="83556" spans="8:8">
      <c r="H83556" s="12"/>
    </row>
    <row r="83557" spans="8:8">
      <c r="H83557" s="12"/>
    </row>
    <row r="83558" spans="8:8">
      <c r="H83558" s="12"/>
    </row>
    <row r="83559" spans="8:8">
      <c r="H83559" s="12"/>
    </row>
    <row r="83560" spans="8:8">
      <c r="H83560" s="12"/>
    </row>
    <row r="83561" spans="8:8">
      <c r="H83561" s="12"/>
    </row>
    <row r="83562" spans="8:8">
      <c r="H83562" s="12"/>
    </row>
    <row r="83563" spans="8:8">
      <c r="H83563" s="12"/>
    </row>
    <row r="83564" spans="8:8">
      <c r="H83564" s="12"/>
    </row>
    <row r="83565" spans="8:8">
      <c r="H83565" s="12"/>
    </row>
    <row r="83566" spans="8:8">
      <c r="H83566" s="12"/>
    </row>
    <row r="83567" spans="8:8">
      <c r="H83567" s="12"/>
    </row>
    <row r="83568" spans="8:8">
      <c r="H83568" s="12"/>
    </row>
    <row r="83569" spans="8:8">
      <c r="H83569" s="12"/>
    </row>
    <row r="83570" spans="8:8">
      <c r="H83570" s="12"/>
    </row>
    <row r="83571" spans="8:8">
      <c r="H83571" s="12"/>
    </row>
    <row r="83572" spans="8:8">
      <c r="H83572" s="12"/>
    </row>
    <row r="83573" spans="8:8">
      <c r="H83573" s="12"/>
    </row>
    <row r="83574" spans="8:8">
      <c r="H83574" s="12"/>
    </row>
    <row r="83575" spans="8:8">
      <c r="H83575" s="12"/>
    </row>
    <row r="83576" spans="8:8">
      <c r="H83576" s="12"/>
    </row>
    <row r="83577" spans="8:8">
      <c r="H83577" s="12"/>
    </row>
    <row r="83578" spans="8:8">
      <c r="H83578" s="12"/>
    </row>
    <row r="83579" spans="8:8">
      <c r="H83579" s="12"/>
    </row>
    <row r="83580" spans="8:8">
      <c r="H83580" s="12"/>
    </row>
    <row r="83581" spans="8:8">
      <c r="H83581" s="12"/>
    </row>
    <row r="83582" spans="8:8">
      <c r="H83582" s="12"/>
    </row>
    <row r="83583" spans="8:8">
      <c r="H83583" s="12"/>
    </row>
    <row r="83584" spans="8:8">
      <c r="H83584" s="12"/>
    </row>
    <row r="83585" spans="8:8">
      <c r="H83585" s="12"/>
    </row>
    <row r="83586" spans="8:8">
      <c r="H83586" s="12"/>
    </row>
    <row r="83587" spans="8:8">
      <c r="H83587" s="12"/>
    </row>
    <row r="83588" spans="8:8">
      <c r="H83588" s="12"/>
    </row>
    <row r="83589" spans="8:8">
      <c r="H83589" s="12"/>
    </row>
    <row r="83590" spans="8:8">
      <c r="H83590" s="12"/>
    </row>
    <row r="83591" spans="8:8">
      <c r="H83591" s="12"/>
    </row>
    <row r="83592" spans="8:8">
      <c r="H83592" s="12"/>
    </row>
    <row r="83593" spans="8:8">
      <c r="H83593" s="12"/>
    </row>
    <row r="83594" spans="8:8">
      <c r="H83594" s="12"/>
    </row>
    <row r="83595" spans="8:8">
      <c r="H83595" s="12"/>
    </row>
    <row r="83596" spans="8:8">
      <c r="H83596" s="12"/>
    </row>
    <row r="83597" spans="8:8">
      <c r="H83597" s="12"/>
    </row>
    <row r="83598" spans="8:8">
      <c r="H83598" s="12"/>
    </row>
    <row r="83599" spans="8:8">
      <c r="H83599" s="12"/>
    </row>
    <row r="83600" spans="8:8">
      <c r="H83600" s="12"/>
    </row>
    <row r="83601" spans="8:8">
      <c r="H83601" s="12"/>
    </row>
    <row r="83602" spans="8:8">
      <c r="H83602" s="12"/>
    </row>
    <row r="83603" spans="8:8">
      <c r="H83603" s="12"/>
    </row>
    <row r="83604" spans="8:8">
      <c r="H83604" s="12"/>
    </row>
    <row r="83605" spans="8:8">
      <c r="H83605" s="12"/>
    </row>
    <row r="83606" spans="8:8">
      <c r="H83606" s="12"/>
    </row>
    <row r="83607" spans="8:8">
      <c r="H83607" s="12"/>
    </row>
    <row r="83608" spans="8:8">
      <c r="H83608" s="12"/>
    </row>
    <row r="83609" spans="8:8">
      <c r="H83609" s="12"/>
    </row>
    <row r="83610" spans="8:8">
      <c r="H83610" s="12"/>
    </row>
    <row r="83611" spans="8:8">
      <c r="H83611" s="12"/>
    </row>
    <row r="83612" spans="8:8">
      <c r="H83612" s="12"/>
    </row>
    <row r="83613" spans="8:8">
      <c r="H83613" s="12"/>
    </row>
    <row r="83614" spans="8:8">
      <c r="H83614" s="12"/>
    </row>
    <row r="83615" spans="8:8">
      <c r="H83615" s="12"/>
    </row>
    <row r="83616" spans="8:8">
      <c r="H83616" s="12"/>
    </row>
    <row r="83617" spans="8:8">
      <c r="H83617" s="12"/>
    </row>
    <row r="83618" spans="8:8">
      <c r="H83618" s="12"/>
    </row>
    <row r="83619" spans="8:8">
      <c r="H83619" s="12"/>
    </row>
    <row r="83620" spans="8:8">
      <c r="H83620" s="12"/>
    </row>
    <row r="83621" spans="8:8">
      <c r="H83621" s="12"/>
    </row>
    <row r="83622" spans="8:8">
      <c r="H83622" s="12"/>
    </row>
    <row r="83623" spans="8:8">
      <c r="H83623" s="12"/>
    </row>
    <row r="83624" spans="8:8">
      <c r="H83624" s="12"/>
    </row>
    <row r="83625" spans="8:8">
      <c r="H83625" s="12"/>
    </row>
    <row r="83626" spans="8:8">
      <c r="H83626" s="12"/>
    </row>
    <row r="83627" spans="8:8">
      <c r="H83627" s="12"/>
    </row>
    <row r="83628" spans="8:8">
      <c r="H83628" s="12"/>
    </row>
    <row r="83629" spans="8:8">
      <c r="H83629" s="12"/>
    </row>
    <row r="83630" spans="8:8">
      <c r="H83630" s="12"/>
    </row>
    <row r="83631" spans="8:8">
      <c r="H83631" s="12"/>
    </row>
    <row r="83632" spans="8:8">
      <c r="H83632" s="12"/>
    </row>
    <row r="83633" spans="8:8">
      <c r="H83633" s="12"/>
    </row>
    <row r="83634" spans="8:8">
      <c r="H83634" s="12"/>
    </row>
    <row r="83635" spans="8:8">
      <c r="H83635" s="12"/>
    </row>
    <row r="83636" spans="8:8">
      <c r="H83636" s="12"/>
    </row>
    <row r="83637" spans="8:8">
      <c r="H83637" s="12"/>
    </row>
    <row r="83638" spans="8:8">
      <c r="H83638" s="12"/>
    </row>
    <row r="83639" spans="8:8">
      <c r="H83639" s="12"/>
    </row>
    <row r="83640" spans="8:8">
      <c r="H83640" s="12"/>
    </row>
    <row r="83641" spans="8:8">
      <c r="H83641" s="12"/>
    </row>
    <row r="83642" spans="8:8">
      <c r="H83642" s="12"/>
    </row>
    <row r="83643" spans="8:8">
      <c r="H83643" s="12"/>
    </row>
    <row r="83644" spans="8:8">
      <c r="H83644" s="12"/>
    </row>
    <row r="83645" spans="8:8">
      <c r="H83645" s="12"/>
    </row>
    <row r="83646" spans="8:8">
      <c r="H83646" s="12"/>
    </row>
    <row r="83647" spans="8:8">
      <c r="H83647" s="12"/>
    </row>
    <row r="83648" spans="8:8">
      <c r="H83648" s="12"/>
    </row>
    <row r="83649" spans="8:8">
      <c r="H83649" s="12"/>
    </row>
    <row r="83650" spans="8:8">
      <c r="H83650" s="12"/>
    </row>
    <row r="83651" spans="8:8">
      <c r="H83651" s="12"/>
    </row>
    <row r="83652" spans="8:8">
      <c r="H83652" s="12"/>
    </row>
    <row r="83653" spans="8:8">
      <c r="H83653" s="12"/>
    </row>
    <row r="83654" spans="8:8">
      <c r="H83654" s="12"/>
    </row>
    <row r="83655" spans="8:8">
      <c r="H83655" s="12"/>
    </row>
    <row r="83656" spans="8:8">
      <c r="H83656" s="12"/>
    </row>
    <row r="83657" spans="8:8">
      <c r="H83657" s="12"/>
    </row>
    <row r="83658" spans="8:8">
      <c r="H83658" s="12"/>
    </row>
    <row r="83659" spans="8:8">
      <c r="H83659" s="12"/>
    </row>
    <row r="83660" spans="8:8">
      <c r="H83660" s="12"/>
    </row>
    <row r="83661" spans="8:8">
      <c r="H83661" s="12"/>
    </row>
    <row r="83662" spans="8:8">
      <c r="H83662" s="12"/>
    </row>
    <row r="83663" spans="8:8">
      <c r="H83663" s="12"/>
    </row>
    <row r="83664" spans="8:8">
      <c r="H83664" s="12"/>
    </row>
    <row r="83665" spans="8:8">
      <c r="H83665" s="12"/>
    </row>
    <row r="83666" spans="8:8">
      <c r="H83666" s="12"/>
    </row>
    <row r="83667" spans="8:8">
      <c r="H83667" s="12"/>
    </row>
    <row r="83668" spans="8:8">
      <c r="H83668" s="12"/>
    </row>
    <row r="83669" spans="8:8">
      <c r="H83669" s="12"/>
    </row>
    <row r="83670" spans="8:8">
      <c r="H83670" s="12"/>
    </row>
    <row r="83671" spans="8:8">
      <c r="H83671" s="12"/>
    </row>
    <row r="83672" spans="8:8">
      <c r="H83672" s="12"/>
    </row>
    <row r="83673" spans="8:8">
      <c r="H83673" s="12"/>
    </row>
    <row r="83674" spans="8:8">
      <c r="H83674" s="12"/>
    </row>
    <row r="83675" spans="8:8">
      <c r="H83675" s="12"/>
    </row>
    <row r="83676" spans="8:8">
      <c r="H83676" s="12"/>
    </row>
    <row r="83677" spans="8:8">
      <c r="H83677" s="12"/>
    </row>
    <row r="83678" spans="8:8">
      <c r="H83678" s="12"/>
    </row>
    <row r="83679" spans="8:8">
      <c r="H83679" s="12"/>
    </row>
    <row r="83680" spans="8:8">
      <c r="H83680" s="12"/>
    </row>
    <row r="83681" spans="8:8">
      <c r="H83681" s="12"/>
    </row>
    <row r="83682" spans="8:8">
      <c r="H83682" s="12"/>
    </row>
    <row r="83683" spans="8:8">
      <c r="H83683" s="12"/>
    </row>
    <row r="83684" spans="8:8">
      <c r="H83684" s="12"/>
    </row>
    <row r="83685" spans="8:8">
      <c r="H83685" s="12"/>
    </row>
    <row r="83686" spans="8:8">
      <c r="H83686" s="12"/>
    </row>
    <row r="83687" spans="8:8">
      <c r="H83687" s="12"/>
    </row>
    <row r="83688" spans="8:8">
      <c r="H83688" s="12"/>
    </row>
    <row r="83689" spans="8:8">
      <c r="H83689" s="12"/>
    </row>
    <row r="83690" spans="8:8">
      <c r="H83690" s="12"/>
    </row>
    <row r="83691" spans="8:8">
      <c r="H83691" s="12"/>
    </row>
    <row r="83692" spans="8:8">
      <c r="H83692" s="12"/>
    </row>
    <row r="83693" spans="8:8">
      <c r="H83693" s="12"/>
    </row>
    <row r="83694" spans="8:8">
      <c r="H83694" s="12"/>
    </row>
    <row r="83695" spans="8:8">
      <c r="H83695" s="12"/>
    </row>
    <row r="83696" spans="8:8">
      <c r="H83696" s="12"/>
    </row>
    <row r="83697" spans="8:8">
      <c r="H83697" s="12"/>
    </row>
    <row r="83698" spans="8:8">
      <c r="H83698" s="12"/>
    </row>
    <row r="83699" spans="8:8">
      <c r="H83699" s="12"/>
    </row>
    <row r="83700" spans="8:8">
      <c r="H83700" s="12"/>
    </row>
    <row r="83701" spans="8:8">
      <c r="H83701" s="12"/>
    </row>
    <row r="83702" spans="8:8">
      <c r="H83702" s="12"/>
    </row>
    <row r="83703" spans="8:8">
      <c r="H83703" s="12"/>
    </row>
    <row r="83704" spans="8:8">
      <c r="H83704" s="12"/>
    </row>
    <row r="83705" spans="8:8">
      <c r="H83705" s="12"/>
    </row>
    <row r="83706" spans="8:8">
      <c r="H83706" s="12"/>
    </row>
    <row r="83707" spans="8:8">
      <c r="H83707" s="12"/>
    </row>
    <row r="83708" spans="8:8">
      <c r="H83708" s="12"/>
    </row>
    <row r="83709" spans="8:8">
      <c r="H83709" s="12"/>
    </row>
    <row r="83710" spans="8:8">
      <c r="H83710" s="12"/>
    </row>
    <row r="83711" spans="8:8">
      <c r="H83711" s="12"/>
    </row>
    <row r="83712" spans="8:8">
      <c r="H83712" s="12"/>
    </row>
    <row r="83713" spans="8:8">
      <c r="H83713" s="12"/>
    </row>
    <row r="83714" spans="8:8">
      <c r="H83714" s="12"/>
    </row>
    <row r="83715" spans="8:8">
      <c r="H83715" s="12"/>
    </row>
    <row r="83716" spans="8:8">
      <c r="H83716" s="12"/>
    </row>
    <row r="83717" spans="8:8">
      <c r="H83717" s="12"/>
    </row>
    <row r="83718" spans="8:8">
      <c r="H83718" s="12"/>
    </row>
    <row r="83719" spans="8:8">
      <c r="H83719" s="12"/>
    </row>
    <row r="83720" spans="8:8">
      <c r="H83720" s="12"/>
    </row>
    <row r="83721" spans="8:8">
      <c r="H83721" s="12"/>
    </row>
    <row r="83722" spans="8:8">
      <c r="H83722" s="12"/>
    </row>
    <row r="83723" spans="8:8">
      <c r="H83723" s="12"/>
    </row>
    <row r="83724" spans="8:8">
      <c r="H83724" s="12"/>
    </row>
    <row r="83725" spans="8:8">
      <c r="H83725" s="12"/>
    </row>
    <row r="83726" spans="8:8">
      <c r="H83726" s="12"/>
    </row>
    <row r="83727" spans="8:8">
      <c r="H83727" s="12"/>
    </row>
    <row r="83728" spans="8:8">
      <c r="H83728" s="12"/>
    </row>
    <row r="83729" spans="8:8">
      <c r="H83729" s="12"/>
    </row>
    <row r="83730" spans="8:8">
      <c r="H83730" s="12"/>
    </row>
    <row r="83731" spans="8:8">
      <c r="H83731" s="12"/>
    </row>
    <row r="83732" spans="8:8">
      <c r="H83732" s="12"/>
    </row>
    <row r="83733" spans="8:8">
      <c r="H83733" s="12"/>
    </row>
    <row r="83734" spans="8:8">
      <c r="H83734" s="12"/>
    </row>
    <row r="83735" spans="8:8">
      <c r="H83735" s="12"/>
    </row>
    <row r="83736" spans="8:8">
      <c r="H83736" s="12"/>
    </row>
    <row r="83737" spans="8:8">
      <c r="H83737" s="12"/>
    </row>
    <row r="83738" spans="8:8">
      <c r="H83738" s="12"/>
    </row>
    <row r="83739" spans="8:8">
      <c r="H83739" s="12"/>
    </row>
    <row r="83740" spans="8:8">
      <c r="H83740" s="12"/>
    </row>
    <row r="83741" spans="8:8">
      <c r="H83741" s="12"/>
    </row>
    <row r="83742" spans="8:8">
      <c r="H83742" s="12"/>
    </row>
    <row r="83743" spans="8:8">
      <c r="H83743" s="12"/>
    </row>
    <row r="83744" spans="8:8">
      <c r="H83744" s="12"/>
    </row>
    <row r="83745" spans="8:8">
      <c r="H83745" s="12"/>
    </row>
    <row r="83746" spans="8:8">
      <c r="H83746" s="12"/>
    </row>
    <row r="83747" spans="8:8">
      <c r="H83747" s="12"/>
    </row>
    <row r="83748" spans="8:8">
      <c r="H83748" s="12"/>
    </row>
    <row r="83749" spans="8:8">
      <c r="H83749" s="12"/>
    </row>
    <row r="83750" spans="8:8">
      <c r="H83750" s="12"/>
    </row>
    <row r="83751" spans="8:8">
      <c r="H83751" s="12"/>
    </row>
    <row r="83752" spans="8:8">
      <c r="H83752" s="12"/>
    </row>
    <row r="83753" spans="8:8">
      <c r="H83753" s="12"/>
    </row>
    <row r="83754" spans="8:8">
      <c r="H83754" s="12"/>
    </row>
    <row r="83755" spans="8:8">
      <c r="H83755" s="12"/>
    </row>
    <row r="83756" spans="8:8">
      <c r="H83756" s="12"/>
    </row>
    <row r="83757" spans="8:8">
      <c r="H83757" s="12"/>
    </row>
    <row r="83758" spans="8:8">
      <c r="H83758" s="12"/>
    </row>
    <row r="83759" spans="8:8">
      <c r="H83759" s="12"/>
    </row>
    <row r="83760" spans="8:8">
      <c r="H83760" s="12"/>
    </row>
    <row r="83761" spans="8:8">
      <c r="H83761" s="12"/>
    </row>
    <row r="83762" spans="8:8">
      <c r="H83762" s="12"/>
    </row>
    <row r="83763" spans="8:8">
      <c r="H83763" s="12"/>
    </row>
    <row r="83764" spans="8:8">
      <c r="H83764" s="12"/>
    </row>
    <row r="83765" spans="8:8">
      <c r="H83765" s="12"/>
    </row>
    <row r="83766" spans="8:8">
      <c r="H83766" s="12"/>
    </row>
    <row r="83767" spans="8:8">
      <c r="H83767" s="12"/>
    </row>
    <row r="83768" spans="8:8">
      <c r="H83768" s="12"/>
    </row>
    <row r="83769" spans="8:8">
      <c r="H83769" s="12"/>
    </row>
    <row r="83770" spans="8:8">
      <c r="H83770" s="12"/>
    </row>
    <row r="83771" spans="8:8">
      <c r="H83771" s="12"/>
    </row>
    <row r="83772" spans="8:8">
      <c r="H83772" s="12"/>
    </row>
    <row r="83773" spans="8:8">
      <c r="H83773" s="12"/>
    </row>
    <row r="83774" spans="8:8">
      <c r="H83774" s="12"/>
    </row>
    <row r="83775" spans="8:8">
      <c r="H83775" s="12"/>
    </row>
    <row r="83776" spans="8:8">
      <c r="H83776" s="12"/>
    </row>
    <row r="83777" spans="8:8">
      <c r="H83777" s="12"/>
    </row>
    <row r="83778" spans="8:8">
      <c r="H83778" s="12"/>
    </row>
    <row r="83779" spans="8:8">
      <c r="H83779" s="12"/>
    </row>
    <row r="83780" spans="8:8">
      <c r="H83780" s="12"/>
    </row>
    <row r="83781" spans="8:8">
      <c r="H83781" s="12"/>
    </row>
    <row r="83782" spans="8:8">
      <c r="H83782" s="12"/>
    </row>
    <row r="83783" spans="8:8">
      <c r="H83783" s="12"/>
    </row>
    <row r="83784" spans="8:8">
      <c r="H83784" s="12"/>
    </row>
    <row r="83785" spans="8:8">
      <c r="H83785" s="12"/>
    </row>
    <row r="83786" spans="8:8">
      <c r="H83786" s="12"/>
    </row>
    <row r="83787" spans="8:8">
      <c r="H83787" s="12"/>
    </row>
    <row r="83788" spans="8:8">
      <c r="H83788" s="12"/>
    </row>
    <row r="83789" spans="8:8">
      <c r="H83789" s="12"/>
    </row>
    <row r="83790" spans="8:8">
      <c r="H83790" s="12"/>
    </row>
    <row r="83791" spans="8:8">
      <c r="H83791" s="12"/>
    </row>
    <row r="83792" spans="8:8">
      <c r="H83792" s="12"/>
    </row>
    <row r="83793" spans="8:8">
      <c r="H83793" s="12"/>
    </row>
    <row r="83794" spans="8:8">
      <c r="H83794" s="12"/>
    </row>
    <row r="83795" spans="8:8">
      <c r="H83795" s="12"/>
    </row>
    <row r="83796" spans="8:8">
      <c r="H83796" s="12"/>
    </row>
    <row r="83797" spans="8:8">
      <c r="H83797" s="12"/>
    </row>
    <row r="83798" spans="8:8">
      <c r="H83798" s="12"/>
    </row>
    <row r="83799" spans="8:8">
      <c r="H83799" s="12"/>
    </row>
    <row r="83800" spans="8:8">
      <c r="H83800" s="12"/>
    </row>
    <row r="83801" spans="8:8">
      <c r="H83801" s="12"/>
    </row>
    <row r="83802" spans="8:8">
      <c r="H83802" s="12"/>
    </row>
    <row r="83803" spans="8:8">
      <c r="H83803" s="12"/>
    </row>
    <row r="83804" spans="8:8">
      <c r="H83804" s="12"/>
    </row>
    <row r="83805" spans="8:8">
      <c r="H83805" s="12"/>
    </row>
    <row r="83806" spans="8:8">
      <c r="H83806" s="12"/>
    </row>
    <row r="83807" spans="8:8">
      <c r="H83807" s="12"/>
    </row>
    <row r="83808" spans="8:8">
      <c r="H83808" s="12"/>
    </row>
    <row r="83809" spans="8:8">
      <c r="H83809" s="12"/>
    </row>
    <row r="83810" spans="8:8">
      <c r="H83810" s="12"/>
    </row>
    <row r="83811" spans="8:8">
      <c r="H83811" s="12"/>
    </row>
    <row r="83812" spans="8:8">
      <c r="H83812" s="12"/>
    </row>
    <row r="83813" spans="8:8">
      <c r="H83813" s="12"/>
    </row>
    <row r="83814" spans="8:8">
      <c r="H83814" s="12"/>
    </row>
    <row r="83815" spans="8:8">
      <c r="H83815" s="12"/>
    </row>
    <row r="83816" spans="8:8">
      <c r="H83816" s="12"/>
    </row>
    <row r="83817" spans="8:8">
      <c r="H83817" s="12"/>
    </row>
    <row r="83818" spans="8:8">
      <c r="H83818" s="12"/>
    </row>
    <row r="83819" spans="8:8">
      <c r="H83819" s="12"/>
    </row>
    <row r="83820" spans="8:8">
      <c r="H83820" s="12"/>
    </row>
    <row r="83821" spans="8:8">
      <c r="H83821" s="12"/>
    </row>
    <row r="83822" spans="8:8">
      <c r="H83822" s="12"/>
    </row>
    <row r="83823" spans="8:8">
      <c r="H83823" s="12"/>
    </row>
    <row r="83824" spans="8:8">
      <c r="H83824" s="12"/>
    </row>
    <row r="83825" spans="8:8">
      <c r="H83825" s="12"/>
    </row>
    <row r="83826" spans="8:8">
      <c r="H83826" s="12"/>
    </row>
    <row r="83827" spans="8:8">
      <c r="H83827" s="12"/>
    </row>
    <row r="83828" spans="8:8">
      <c r="H83828" s="12"/>
    </row>
    <row r="83829" spans="8:8">
      <c r="H83829" s="12"/>
    </row>
    <row r="83830" spans="8:8">
      <c r="H83830" s="12"/>
    </row>
    <row r="83831" spans="8:8">
      <c r="H83831" s="12"/>
    </row>
    <row r="83832" spans="8:8">
      <c r="H83832" s="12"/>
    </row>
    <row r="83833" spans="8:8">
      <c r="H83833" s="12"/>
    </row>
    <row r="83834" spans="8:8">
      <c r="H83834" s="12"/>
    </row>
    <row r="83835" spans="8:8">
      <c r="H83835" s="12"/>
    </row>
    <row r="83836" spans="8:8">
      <c r="H83836" s="12"/>
    </row>
    <row r="83837" spans="8:8">
      <c r="H83837" s="12"/>
    </row>
    <row r="83838" spans="8:8">
      <c r="H83838" s="12"/>
    </row>
    <row r="83839" spans="8:8">
      <c r="H83839" s="12"/>
    </row>
    <row r="83840" spans="8:8">
      <c r="H83840" s="12"/>
    </row>
    <row r="83841" spans="8:8">
      <c r="H83841" s="12"/>
    </row>
    <row r="83842" spans="8:8">
      <c r="H83842" s="12"/>
    </row>
    <row r="83843" spans="8:8">
      <c r="H83843" s="12"/>
    </row>
    <row r="83844" spans="8:8">
      <c r="H83844" s="12"/>
    </row>
    <row r="83845" spans="8:8">
      <c r="H83845" s="12"/>
    </row>
    <row r="83846" spans="8:8">
      <c r="H83846" s="12"/>
    </row>
    <row r="83847" spans="8:8">
      <c r="H83847" s="12"/>
    </row>
    <row r="83848" spans="8:8">
      <c r="H83848" s="12"/>
    </row>
    <row r="83849" spans="8:8">
      <c r="H83849" s="12"/>
    </row>
    <row r="83850" spans="8:8">
      <c r="H83850" s="12"/>
    </row>
    <row r="83851" spans="8:8">
      <c r="H83851" s="12"/>
    </row>
    <row r="83852" spans="8:8">
      <c r="H83852" s="12"/>
    </row>
    <row r="83853" spans="8:8">
      <c r="H83853" s="12"/>
    </row>
    <row r="83854" spans="8:8">
      <c r="H83854" s="12"/>
    </row>
    <row r="83855" spans="8:8">
      <c r="H83855" s="12"/>
    </row>
    <row r="83856" spans="8:8">
      <c r="H83856" s="12"/>
    </row>
    <row r="83857" spans="8:8">
      <c r="H83857" s="12"/>
    </row>
    <row r="83858" spans="8:8">
      <c r="H83858" s="12"/>
    </row>
    <row r="83859" spans="8:8">
      <c r="H83859" s="12"/>
    </row>
    <row r="83860" spans="8:8">
      <c r="H83860" s="12"/>
    </row>
    <row r="83861" spans="8:8">
      <c r="H83861" s="12"/>
    </row>
    <row r="83862" spans="8:8">
      <c r="H83862" s="12"/>
    </row>
    <row r="83863" spans="8:8">
      <c r="H83863" s="12"/>
    </row>
    <row r="83864" spans="8:8">
      <c r="H83864" s="12"/>
    </row>
    <row r="83865" spans="8:8">
      <c r="H83865" s="12"/>
    </row>
    <row r="83866" spans="8:8">
      <c r="H83866" s="12"/>
    </row>
    <row r="83867" spans="8:8">
      <c r="H83867" s="12"/>
    </row>
    <row r="83868" spans="8:8">
      <c r="H83868" s="12"/>
    </row>
    <row r="83869" spans="8:8">
      <c r="H83869" s="12"/>
    </row>
    <row r="83870" spans="8:8">
      <c r="H83870" s="12"/>
    </row>
    <row r="83871" spans="8:8">
      <c r="H83871" s="12"/>
    </row>
    <row r="83872" spans="8:8">
      <c r="H83872" s="12"/>
    </row>
    <row r="83873" spans="8:8">
      <c r="H83873" s="12"/>
    </row>
    <row r="83874" spans="8:8">
      <c r="H83874" s="12"/>
    </row>
    <row r="83875" spans="8:8">
      <c r="H83875" s="12"/>
    </row>
    <row r="83876" spans="8:8">
      <c r="H83876" s="12"/>
    </row>
    <row r="83877" spans="8:8">
      <c r="H83877" s="12"/>
    </row>
    <row r="83878" spans="8:8">
      <c r="H83878" s="12"/>
    </row>
    <row r="83879" spans="8:8">
      <c r="H83879" s="12"/>
    </row>
    <row r="83880" spans="8:8">
      <c r="H83880" s="12"/>
    </row>
    <row r="83881" spans="8:8">
      <c r="H83881" s="12"/>
    </row>
    <row r="83882" spans="8:8">
      <c r="H83882" s="12"/>
    </row>
    <row r="83883" spans="8:8">
      <c r="H83883" s="12"/>
    </row>
    <row r="83884" spans="8:8">
      <c r="H83884" s="12"/>
    </row>
    <row r="83885" spans="8:8">
      <c r="H83885" s="12"/>
    </row>
    <row r="83886" spans="8:8">
      <c r="H83886" s="12"/>
    </row>
    <row r="83887" spans="8:8">
      <c r="H83887" s="12"/>
    </row>
    <row r="83888" spans="8:8">
      <c r="H83888" s="12"/>
    </row>
    <row r="83889" spans="8:8">
      <c r="H83889" s="12"/>
    </row>
    <row r="83890" spans="8:8">
      <c r="H83890" s="12"/>
    </row>
    <row r="83891" spans="8:8">
      <c r="H83891" s="12"/>
    </row>
    <row r="83892" spans="8:8">
      <c r="H83892" s="12"/>
    </row>
    <row r="83893" spans="8:8">
      <c r="H83893" s="12"/>
    </row>
    <row r="83894" spans="8:8">
      <c r="H83894" s="12"/>
    </row>
    <row r="83895" spans="8:8">
      <c r="H83895" s="12"/>
    </row>
    <row r="83896" spans="8:8">
      <c r="H83896" s="12"/>
    </row>
    <row r="83897" spans="8:8">
      <c r="H83897" s="12"/>
    </row>
    <row r="83898" spans="8:8">
      <c r="H83898" s="12"/>
    </row>
    <row r="83899" spans="8:8">
      <c r="H83899" s="12"/>
    </row>
    <row r="83900" spans="8:8">
      <c r="H83900" s="12"/>
    </row>
    <row r="83901" spans="8:8">
      <c r="H83901" s="12"/>
    </row>
    <row r="83902" spans="8:8">
      <c r="H83902" s="12"/>
    </row>
    <row r="83903" spans="8:8">
      <c r="H83903" s="12"/>
    </row>
    <row r="83904" spans="8:8">
      <c r="H83904" s="12"/>
    </row>
    <row r="83905" spans="8:8">
      <c r="H83905" s="12"/>
    </row>
    <row r="83906" spans="8:8">
      <c r="H83906" s="12"/>
    </row>
    <row r="83907" spans="8:8">
      <c r="H83907" s="12"/>
    </row>
    <row r="83908" spans="8:8">
      <c r="H83908" s="12"/>
    </row>
    <row r="83909" spans="8:8">
      <c r="H83909" s="12"/>
    </row>
    <row r="83910" spans="8:8">
      <c r="H83910" s="12"/>
    </row>
    <row r="83911" spans="8:8">
      <c r="H83911" s="12"/>
    </row>
    <row r="83912" spans="8:8">
      <c r="H83912" s="12"/>
    </row>
    <row r="83913" spans="8:8">
      <c r="H83913" s="12"/>
    </row>
    <row r="83914" spans="8:8">
      <c r="H83914" s="12"/>
    </row>
    <row r="83915" spans="8:8">
      <c r="H83915" s="12"/>
    </row>
    <row r="83916" spans="8:8">
      <c r="H83916" s="12"/>
    </row>
    <row r="83917" spans="8:8">
      <c r="H83917" s="12"/>
    </row>
    <row r="83918" spans="8:8">
      <c r="H83918" s="12"/>
    </row>
    <row r="83919" spans="8:8">
      <c r="H83919" s="12"/>
    </row>
    <row r="83920" spans="8:8">
      <c r="H83920" s="12"/>
    </row>
    <row r="83921" spans="8:8">
      <c r="H83921" s="12"/>
    </row>
    <row r="83922" spans="8:8">
      <c r="H83922" s="12"/>
    </row>
    <row r="83923" spans="8:8">
      <c r="H83923" s="12"/>
    </row>
    <row r="83924" spans="8:8">
      <c r="H83924" s="12"/>
    </row>
    <row r="83925" spans="8:8">
      <c r="H83925" s="12"/>
    </row>
    <row r="83926" spans="8:8">
      <c r="H83926" s="12"/>
    </row>
    <row r="83927" spans="8:8">
      <c r="H83927" s="12"/>
    </row>
    <row r="83928" spans="8:8">
      <c r="H83928" s="12"/>
    </row>
    <row r="83929" spans="8:8">
      <c r="H83929" s="12"/>
    </row>
    <row r="83930" spans="8:8">
      <c r="H83930" s="12"/>
    </row>
    <row r="83931" spans="8:8">
      <c r="H83931" s="12"/>
    </row>
    <row r="83932" spans="8:8">
      <c r="H83932" s="12"/>
    </row>
    <row r="83933" spans="8:8">
      <c r="H83933" s="12"/>
    </row>
    <row r="83934" spans="8:8">
      <c r="H83934" s="12"/>
    </row>
    <row r="83935" spans="8:8">
      <c r="H83935" s="12"/>
    </row>
    <row r="83936" spans="8:8">
      <c r="H83936" s="12"/>
    </row>
    <row r="83937" spans="8:8">
      <c r="H83937" s="12"/>
    </row>
    <row r="83938" spans="8:8">
      <c r="H83938" s="12"/>
    </row>
    <row r="83939" spans="8:8">
      <c r="H83939" s="12"/>
    </row>
    <row r="83940" spans="8:8">
      <c r="H83940" s="12"/>
    </row>
    <row r="83941" spans="8:8">
      <c r="H83941" s="12"/>
    </row>
    <row r="83942" spans="8:8">
      <c r="H83942" s="12"/>
    </row>
    <row r="83943" spans="8:8">
      <c r="H83943" s="12"/>
    </row>
    <row r="83944" spans="8:8">
      <c r="H83944" s="12"/>
    </row>
    <row r="83945" spans="8:8">
      <c r="H83945" s="12"/>
    </row>
    <row r="83946" spans="8:8">
      <c r="H83946" s="12"/>
    </row>
    <row r="83947" spans="8:8">
      <c r="H83947" s="12"/>
    </row>
    <row r="83948" spans="8:8">
      <c r="H83948" s="12"/>
    </row>
    <row r="83949" spans="8:8">
      <c r="H83949" s="12"/>
    </row>
    <row r="83950" spans="8:8">
      <c r="H83950" s="12"/>
    </row>
    <row r="83951" spans="8:8">
      <c r="H83951" s="12"/>
    </row>
    <row r="83952" spans="8:8">
      <c r="H83952" s="12"/>
    </row>
    <row r="83953" spans="8:8">
      <c r="H83953" s="12"/>
    </row>
    <row r="83954" spans="8:8">
      <c r="H83954" s="12"/>
    </row>
    <row r="83955" spans="8:8">
      <c r="H83955" s="12"/>
    </row>
    <row r="83956" spans="8:8">
      <c r="H83956" s="12"/>
    </row>
    <row r="83957" spans="8:8">
      <c r="H83957" s="12"/>
    </row>
    <row r="83958" spans="8:8">
      <c r="H83958" s="12"/>
    </row>
    <row r="83959" spans="8:8">
      <c r="H83959" s="12"/>
    </row>
    <row r="83960" spans="8:8">
      <c r="H83960" s="12"/>
    </row>
    <row r="83961" spans="8:8">
      <c r="H83961" s="12"/>
    </row>
    <row r="83962" spans="8:8">
      <c r="H83962" s="12"/>
    </row>
    <row r="83963" spans="8:8">
      <c r="H83963" s="12"/>
    </row>
    <row r="83964" spans="8:8">
      <c r="H83964" s="12"/>
    </row>
    <row r="83965" spans="8:8">
      <c r="H83965" s="12"/>
    </row>
    <row r="83966" spans="8:8">
      <c r="H83966" s="12"/>
    </row>
    <row r="83967" spans="8:8">
      <c r="H83967" s="12"/>
    </row>
    <row r="83968" spans="8:8">
      <c r="H83968" s="12"/>
    </row>
    <row r="83969" spans="8:8">
      <c r="H83969" s="12"/>
    </row>
    <row r="83970" spans="8:8">
      <c r="H83970" s="12"/>
    </row>
    <row r="83971" spans="8:8">
      <c r="H83971" s="12"/>
    </row>
    <row r="83972" spans="8:8">
      <c r="H83972" s="12"/>
    </row>
    <row r="83973" spans="8:8">
      <c r="H83973" s="12"/>
    </row>
    <row r="83974" spans="8:8">
      <c r="H83974" s="12"/>
    </row>
    <row r="83975" spans="8:8">
      <c r="H83975" s="12"/>
    </row>
    <row r="83976" spans="8:8">
      <c r="H83976" s="12"/>
    </row>
    <row r="83977" spans="8:8">
      <c r="H83977" s="12"/>
    </row>
    <row r="83978" spans="8:8">
      <c r="H83978" s="12"/>
    </row>
    <row r="83979" spans="8:8">
      <c r="H83979" s="12"/>
    </row>
    <row r="83980" spans="8:8">
      <c r="H83980" s="12"/>
    </row>
    <row r="83981" spans="8:8">
      <c r="H83981" s="12"/>
    </row>
    <row r="83982" spans="8:8">
      <c r="H83982" s="12"/>
    </row>
    <row r="83983" spans="8:8">
      <c r="H83983" s="12"/>
    </row>
    <row r="83984" spans="8:8">
      <c r="H83984" s="12"/>
    </row>
    <row r="83985" spans="8:8">
      <c r="H83985" s="12"/>
    </row>
    <row r="83986" spans="8:8">
      <c r="H83986" s="12"/>
    </row>
    <row r="83987" spans="8:8">
      <c r="H83987" s="12"/>
    </row>
    <row r="83988" spans="8:8">
      <c r="H83988" s="12"/>
    </row>
    <row r="83989" spans="8:8">
      <c r="H83989" s="12"/>
    </row>
    <row r="83990" spans="8:8">
      <c r="H83990" s="12"/>
    </row>
    <row r="83991" spans="8:8">
      <c r="H83991" s="12"/>
    </row>
    <row r="83992" spans="8:8">
      <c r="H83992" s="12"/>
    </row>
    <row r="83993" spans="8:8">
      <c r="H83993" s="12"/>
    </row>
    <row r="83994" spans="8:8">
      <c r="H83994" s="12"/>
    </row>
    <row r="83995" spans="8:8">
      <c r="H83995" s="12"/>
    </row>
    <row r="83996" spans="8:8">
      <c r="H83996" s="12"/>
    </row>
    <row r="83997" spans="8:8">
      <c r="H83997" s="12"/>
    </row>
    <row r="83998" spans="8:8">
      <c r="H83998" s="12"/>
    </row>
    <row r="83999" spans="8:8">
      <c r="H83999" s="12"/>
    </row>
    <row r="84000" spans="8:8">
      <c r="H84000" s="12"/>
    </row>
    <row r="84001" spans="8:8">
      <c r="H84001" s="12"/>
    </row>
    <row r="84002" spans="8:8">
      <c r="H84002" s="12"/>
    </row>
    <row r="84003" spans="8:8">
      <c r="H84003" s="12"/>
    </row>
    <row r="84004" spans="8:8">
      <c r="H84004" s="12"/>
    </row>
    <row r="84005" spans="8:8">
      <c r="H84005" s="12"/>
    </row>
    <row r="84006" spans="8:8">
      <c r="H84006" s="12"/>
    </row>
    <row r="84007" spans="8:8">
      <c r="H84007" s="12"/>
    </row>
    <row r="84008" spans="8:8">
      <c r="H84008" s="12"/>
    </row>
    <row r="84009" spans="8:8">
      <c r="H84009" s="12"/>
    </row>
    <row r="84010" spans="8:8">
      <c r="H84010" s="12"/>
    </row>
    <row r="84011" spans="8:8">
      <c r="H84011" s="12"/>
    </row>
    <row r="84012" spans="8:8">
      <c r="H84012" s="12"/>
    </row>
    <row r="84013" spans="8:8">
      <c r="H84013" s="12"/>
    </row>
    <row r="84014" spans="8:8">
      <c r="H84014" s="12"/>
    </row>
    <row r="84015" spans="8:8">
      <c r="H84015" s="12"/>
    </row>
    <row r="84016" spans="8:8">
      <c r="H84016" s="12"/>
    </row>
    <row r="84017" spans="8:8">
      <c r="H84017" s="12"/>
    </row>
    <row r="84018" spans="8:8">
      <c r="H84018" s="12"/>
    </row>
    <row r="84019" spans="8:8">
      <c r="H84019" s="12"/>
    </row>
    <row r="84020" spans="8:8">
      <c r="H84020" s="12"/>
    </row>
    <row r="84021" spans="8:8">
      <c r="H84021" s="12"/>
    </row>
    <row r="84022" spans="8:8">
      <c r="H84022" s="12"/>
    </row>
    <row r="84023" spans="8:8">
      <c r="H84023" s="12"/>
    </row>
    <row r="84024" spans="8:8">
      <c r="H84024" s="12"/>
    </row>
    <row r="84025" spans="8:8">
      <c r="H84025" s="12"/>
    </row>
    <row r="84026" spans="8:8">
      <c r="H84026" s="12"/>
    </row>
    <row r="84027" spans="8:8">
      <c r="H84027" s="12"/>
    </row>
    <row r="84028" spans="8:8">
      <c r="H84028" s="12"/>
    </row>
    <row r="84029" spans="8:8">
      <c r="H84029" s="12"/>
    </row>
    <row r="84030" spans="8:8">
      <c r="H84030" s="12"/>
    </row>
    <row r="84031" spans="8:8">
      <c r="H84031" s="12"/>
    </row>
    <row r="84032" spans="8:8">
      <c r="H84032" s="12"/>
    </row>
    <row r="84033" spans="8:8">
      <c r="H84033" s="12"/>
    </row>
    <row r="84034" spans="8:8">
      <c r="H84034" s="12"/>
    </row>
    <row r="84035" spans="8:8">
      <c r="H84035" s="12"/>
    </row>
    <row r="84036" spans="8:8">
      <c r="H84036" s="12"/>
    </row>
    <row r="84037" spans="8:8">
      <c r="H84037" s="12"/>
    </row>
    <row r="84038" spans="8:8">
      <c r="H84038" s="12"/>
    </row>
    <row r="84039" spans="8:8">
      <c r="H84039" s="12"/>
    </row>
    <row r="84040" spans="8:8">
      <c r="H84040" s="12"/>
    </row>
    <row r="84041" spans="8:8">
      <c r="H84041" s="12"/>
    </row>
    <row r="84042" spans="8:8">
      <c r="H84042" s="12"/>
    </row>
    <row r="84043" spans="8:8">
      <c r="H84043" s="12"/>
    </row>
    <row r="84044" spans="8:8">
      <c r="H84044" s="12"/>
    </row>
    <row r="84045" spans="8:8">
      <c r="H84045" s="12"/>
    </row>
    <row r="84046" spans="8:8">
      <c r="H84046" s="12"/>
    </row>
    <row r="84047" spans="8:8">
      <c r="H84047" s="12"/>
    </row>
    <row r="84048" spans="8:8">
      <c r="H84048" s="12"/>
    </row>
    <row r="84049" spans="8:8">
      <c r="H84049" s="12"/>
    </row>
    <row r="84050" spans="8:8">
      <c r="H84050" s="12"/>
    </row>
    <row r="84051" spans="8:8">
      <c r="H84051" s="12"/>
    </row>
    <row r="84052" spans="8:8">
      <c r="H84052" s="12"/>
    </row>
    <row r="84053" spans="8:8">
      <c r="H84053" s="12"/>
    </row>
    <row r="84054" spans="8:8">
      <c r="H84054" s="12"/>
    </row>
    <row r="84055" spans="8:8">
      <c r="H84055" s="12"/>
    </row>
    <row r="84056" spans="8:8">
      <c r="H84056" s="12"/>
    </row>
    <row r="84057" spans="8:8">
      <c r="H84057" s="12"/>
    </row>
    <row r="84058" spans="8:8">
      <c r="H84058" s="12"/>
    </row>
    <row r="84059" spans="8:8">
      <c r="H84059" s="12"/>
    </row>
    <row r="84060" spans="8:8">
      <c r="H84060" s="12"/>
    </row>
    <row r="84061" spans="8:8">
      <c r="H84061" s="12"/>
    </row>
    <row r="84062" spans="8:8">
      <c r="H84062" s="12"/>
    </row>
    <row r="84063" spans="8:8">
      <c r="H84063" s="12"/>
    </row>
    <row r="84064" spans="8:8">
      <c r="H84064" s="12"/>
    </row>
    <row r="84065" spans="8:8">
      <c r="H84065" s="12"/>
    </row>
    <row r="84066" spans="8:8">
      <c r="H84066" s="12"/>
    </row>
    <row r="84067" spans="8:8">
      <c r="H84067" s="12"/>
    </row>
    <row r="84068" spans="8:8">
      <c r="H84068" s="12"/>
    </row>
    <row r="84069" spans="8:8">
      <c r="H84069" s="12"/>
    </row>
    <row r="84070" spans="8:8">
      <c r="H84070" s="12"/>
    </row>
    <row r="84071" spans="8:8">
      <c r="H84071" s="12"/>
    </row>
    <row r="84072" spans="8:8">
      <c r="H84072" s="12"/>
    </row>
    <row r="84073" spans="8:8">
      <c r="H84073" s="12"/>
    </row>
    <row r="84074" spans="8:8">
      <c r="H84074" s="12"/>
    </row>
    <row r="84075" spans="8:8">
      <c r="H84075" s="12"/>
    </row>
    <row r="84076" spans="8:8">
      <c r="H84076" s="12"/>
    </row>
    <row r="84077" spans="8:8">
      <c r="H84077" s="12"/>
    </row>
    <row r="84078" spans="8:8">
      <c r="H84078" s="12"/>
    </row>
    <row r="84079" spans="8:8">
      <c r="H84079" s="12"/>
    </row>
    <row r="84080" spans="8:8">
      <c r="H84080" s="12"/>
    </row>
    <row r="84081" spans="8:8">
      <c r="H84081" s="12"/>
    </row>
    <row r="84082" spans="8:8">
      <c r="H84082" s="12"/>
    </row>
    <row r="84083" spans="8:8">
      <c r="H84083" s="12"/>
    </row>
    <row r="84084" spans="8:8">
      <c r="H84084" s="12"/>
    </row>
    <row r="84085" spans="8:8">
      <c r="H84085" s="12"/>
    </row>
    <row r="84086" spans="8:8">
      <c r="H84086" s="12"/>
    </row>
    <row r="84087" spans="8:8">
      <c r="H84087" s="12"/>
    </row>
    <row r="84088" spans="8:8">
      <c r="H84088" s="12"/>
    </row>
    <row r="84089" spans="8:8">
      <c r="H84089" s="12"/>
    </row>
    <row r="84090" spans="8:8">
      <c r="H84090" s="12"/>
    </row>
    <row r="84091" spans="8:8">
      <c r="H84091" s="12"/>
    </row>
    <row r="84092" spans="8:8">
      <c r="H84092" s="12"/>
    </row>
    <row r="84093" spans="8:8">
      <c r="H84093" s="12"/>
    </row>
    <row r="84094" spans="8:8">
      <c r="H84094" s="12"/>
    </row>
    <row r="84095" spans="8:8">
      <c r="H84095" s="12"/>
    </row>
    <row r="84096" spans="8:8">
      <c r="H84096" s="12"/>
    </row>
    <row r="84097" spans="8:8">
      <c r="H84097" s="12"/>
    </row>
    <row r="84098" spans="8:8">
      <c r="H84098" s="12"/>
    </row>
    <row r="84099" spans="8:8">
      <c r="H84099" s="12"/>
    </row>
    <row r="84100" spans="8:8">
      <c r="H84100" s="12"/>
    </row>
    <row r="84101" spans="8:8">
      <c r="H84101" s="12"/>
    </row>
    <row r="84102" spans="8:8">
      <c r="H84102" s="12"/>
    </row>
    <row r="84103" spans="8:8">
      <c r="H84103" s="12"/>
    </row>
    <row r="84104" spans="8:8">
      <c r="H84104" s="12"/>
    </row>
    <row r="84105" spans="8:8">
      <c r="H84105" s="12"/>
    </row>
    <row r="84106" spans="8:8">
      <c r="H84106" s="12"/>
    </row>
    <row r="84107" spans="8:8">
      <c r="H84107" s="12"/>
    </row>
    <row r="84108" spans="8:8">
      <c r="H84108" s="12"/>
    </row>
    <row r="84109" spans="8:8">
      <c r="H84109" s="12"/>
    </row>
    <row r="84110" spans="8:8">
      <c r="H84110" s="12"/>
    </row>
    <row r="84111" spans="8:8">
      <c r="H84111" s="12"/>
    </row>
    <row r="84112" spans="8:8">
      <c r="H84112" s="12"/>
    </row>
    <row r="84113" spans="8:8">
      <c r="H84113" s="12"/>
    </row>
    <row r="84114" spans="8:8">
      <c r="H84114" s="12"/>
    </row>
    <row r="84115" spans="8:8">
      <c r="H84115" s="12"/>
    </row>
    <row r="84116" spans="8:8">
      <c r="H84116" s="12"/>
    </row>
    <row r="84117" spans="8:8">
      <c r="H84117" s="12"/>
    </row>
    <row r="84118" spans="8:8">
      <c r="H84118" s="12"/>
    </row>
    <row r="84119" spans="8:8">
      <c r="H84119" s="12"/>
    </row>
    <row r="84120" spans="8:8">
      <c r="H84120" s="12"/>
    </row>
    <row r="84121" spans="8:8">
      <c r="H84121" s="12"/>
    </row>
    <row r="84122" spans="8:8">
      <c r="H84122" s="12"/>
    </row>
    <row r="84123" spans="8:8">
      <c r="H84123" s="12"/>
    </row>
    <row r="84124" spans="8:8">
      <c r="H84124" s="12"/>
    </row>
    <row r="84125" spans="8:8">
      <c r="H84125" s="12"/>
    </row>
    <row r="84126" spans="8:8">
      <c r="H84126" s="12"/>
    </row>
    <row r="84127" spans="8:8">
      <c r="H84127" s="12"/>
    </row>
    <row r="84128" spans="8:8">
      <c r="H84128" s="12"/>
    </row>
    <row r="84129" spans="8:8">
      <c r="H84129" s="12"/>
    </row>
    <row r="84130" spans="8:8">
      <c r="H84130" s="12"/>
    </row>
    <row r="84131" spans="8:8">
      <c r="H84131" s="12"/>
    </row>
    <row r="84132" spans="8:8">
      <c r="H84132" s="12"/>
    </row>
    <row r="84133" spans="8:8">
      <c r="H84133" s="12"/>
    </row>
    <row r="84134" spans="8:8">
      <c r="H84134" s="12"/>
    </row>
    <row r="84135" spans="8:8">
      <c r="H84135" s="12"/>
    </row>
    <row r="84136" spans="8:8">
      <c r="H84136" s="12"/>
    </row>
    <row r="84137" spans="8:8">
      <c r="H84137" s="12"/>
    </row>
    <row r="84138" spans="8:8">
      <c r="H84138" s="12"/>
    </row>
    <row r="84139" spans="8:8">
      <c r="H84139" s="12"/>
    </row>
    <row r="84140" spans="8:8">
      <c r="H84140" s="12"/>
    </row>
    <row r="84141" spans="8:8">
      <c r="H84141" s="12"/>
    </row>
    <row r="84142" spans="8:8">
      <c r="H84142" s="12"/>
    </row>
    <row r="84143" spans="8:8">
      <c r="H84143" s="12"/>
    </row>
    <row r="84144" spans="8:8">
      <c r="H84144" s="12"/>
    </row>
    <row r="84145" spans="8:8">
      <c r="H84145" s="12"/>
    </row>
    <row r="84146" spans="8:8">
      <c r="H84146" s="12"/>
    </row>
    <row r="84147" spans="8:8">
      <c r="H84147" s="12"/>
    </row>
    <row r="84148" spans="8:8">
      <c r="H84148" s="12"/>
    </row>
    <row r="84149" spans="8:8">
      <c r="H84149" s="12"/>
    </row>
    <row r="84150" spans="8:8">
      <c r="H84150" s="12"/>
    </row>
    <row r="84151" spans="8:8">
      <c r="H84151" s="12"/>
    </row>
    <row r="84152" spans="8:8">
      <c r="H84152" s="12"/>
    </row>
    <row r="84153" spans="8:8">
      <c r="H84153" s="12"/>
    </row>
    <row r="84154" spans="8:8">
      <c r="H84154" s="12"/>
    </row>
    <row r="84155" spans="8:8">
      <c r="H84155" s="12"/>
    </row>
    <row r="84156" spans="8:8">
      <c r="H84156" s="12"/>
    </row>
    <row r="84157" spans="8:8">
      <c r="H84157" s="12"/>
    </row>
    <row r="84158" spans="8:8">
      <c r="H84158" s="12"/>
    </row>
    <row r="84159" spans="8:8">
      <c r="H84159" s="12"/>
    </row>
    <row r="84160" spans="8:8">
      <c r="H84160" s="12"/>
    </row>
    <row r="84161" spans="8:8">
      <c r="H84161" s="12"/>
    </row>
    <row r="84162" spans="8:8">
      <c r="H84162" s="12"/>
    </row>
    <row r="84163" spans="8:8">
      <c r="H84163" s="12"/>
    </row>
    <row r="84164" spans="8:8">
      <c r="H84164" s="12"/>
    </row>
    <row r="84165" spans="8:8">
      <c r="H84165" s="12"/>
    </row>
    <row r="84166" spans="8:8">
      <c r="H84166" s="12"/>
    </row>
    <row r="84167" spans="8:8">
      <c r="H84167" s="12"/>
    </row>
    <row r="84168" spans="8:8">
      <c r="H84168" s="12"/>
    </row>
    <row r="84169" spans="8:8">
      <c r="H84169" s="12"/>
    </row>
    <row r="84170" spans="8:8">
      <c r="H84170" s="12"/>
    </row>
    <row r="84171" spans="8:8">
      <c r="H84171" s="12"/>
    </row>
    <row r="84172" spans="8:8">
      <c r="H84172" s="12"/>
    </row>
    <row r="84173" spans="8:8">
      <c r="H84173" s="12"/>
    </row>
    <row r="84174" spans="8:8">
      <c r="H84174" s="12"/>
    </row>
    <row r="84175" spans="8:8">
      <c r="H84175" s="12"/>
    </row>
    <row r="84176" spans="8:8">
      <c r="H84176" s="12"/>
    </row>
    <row r="84177" spans="8:8">
      <c r="H84177" s="12"/>
    </row>
    <row r="84178" spans="8:8">
      <c r="H84178" s="12"/>
    </row>
    <row r="84179" spans="8:8">
      <c r="H84179" s="12"/>
    </row>
    <row r="84180" spans="8:8">
      <c r="H84180" s="12"/>
    </row>
    <row r="84181" spans="8:8">
      <c r="H84181" s="12"/>
    </row>
    <row r="84182" spans="8:8">
      <c r="H84182" s="12"/>
    </row>
    <row r="84183" spans="8:8">
      <c r="H84183" s="12"/>
    </row>
    <row r="84184" spans="8:8">
      <c r="H84184" s="12"/>
    </row>
    <row r="84185" spans="8:8">
      <c r="H84185" s="12"/>
    </row>
    <row r="84186" spans="8:8">
      <c r="H84186" s="12"/>
    </row>
    <row r="84187" spans="8:8">
      <c r="H84187" s="12"/>
    </row>
    <row r="84188" spans="8:8">
      <c r="H84188" s="12"/>
    </row>
    <row r="84189" spans="8:8">
      <c r="H84189" s="12"/>
    </row>
    <row r="84190" spans="8:8">
      <c r="H84190" s="12"/>
    </row>
    <row r="84191" spans="8:8">
      <c r="H84191" s="12"/>
    </row>
    <row r="84192" spans="8:8">
      <c r="H84192" s="12"/>
    </row>
    <row r="84193" spans="8:8">
      <c r="H84193" s="12"/>
    </row>
    <row r="84194" spans="8:8">
      <c r="H84194" s="12"/>
    </row>
    <row r="84195" spans="8:8">
      <c r="H84195" s="12"/>
    </row>
    <row r="84196" spans="8:8">
      <c r="H84196" s="12"/>
    </row>
    <row r="84197" spans="8:8">
      <c r="H84197" s="12"/>
    </row>
    <row r="84198" spans="8:8">
      <c r="H84198" s="12"/>
    </row>
    <row r="84199" spans="8:8">
      <c r="H84199" s="12"/>
    </row>
    <row r="84200" spans="8:8">
      <c r="H84200" s="12"/>
    </row>
    <row r="84201" spans="8:8">
      <c r="H84201" s="12"/>
    </row>
    <row r="84202" spans="8:8">
      <c r="H84202" s="12"/>
    </row>
    <row r="84203" spans="8:8">
      <c r="H84203" s="12"/>
    </row>
    <row r="84204" spans="8:8">
      <c r="H84204" s="12"/>
    </row>
    <row r="84205" spans="8:8">
      <c r="H84205" s="12"/>
    </row>
    <row r="84206" spans="8:8">
      <c r="H84206" s="12"/>
    </row>
    <row r="84207" spans="8:8">
      <c r="H84207" s="12"/>
    </row>
    <row r="84208" spans="8:8">
      <c r="H84208" s="12"/>
    </row>
    <row r="84209" spans="8:8">
      <c r="H84209" s="12"/>
    </row>
    <row r="84210" spans="8:8">
      <c r="H84210" s="12"/>
    </row>
    <row r="84211" spans="8:8">
      <c r="H84211" s="12"/>
    </row>
    <row r="84212" spans="8:8">
      <c r="H84212" s="12"/>
    </row>
    <row r="84213" spans="8:8">
      <c r="H84213" s="12"/>
    </row>
    <row r="84214" spans="8:8">
      <c r="H84214" s="12"/>
    </row>
    <row r="84215" spans="8:8">
      <c r="H84215" s="12"/>
    </row>
    <row r="84216" spans="8:8">
      <c r="H84216" s="12"/>
    </row>
    <row r="84217" spans="8:8">
      <c r="H84217" s="12"/>
    </row>
    <row r="84218" spans="8:8">
      <c r="H84218" s="12"/>
    </row>
    <row r="84219" spans="8:8">
      <c r="H84219" s="12"/>
    </row>
    <row r="84220" spans="8:8">
      <c r="H84220" s="12"/>
    </row>
    <row r="84221" spans="8:8">
      <c r="H84221" s="12"/>
    </row>
    <row r="84222" spans="8:8">
      <c r="H84222" s="12"/>
    </row>
    <row r="84223" spans="8:8">
      <c r="H84223" s="12"/>
    </row>
    <row r="84224" spans="8:8">
      <c r="H84224" s="12"/>
    </row>
    <row r="84225" spans="8:8">
      <c r="H84225" s="12"/>
    </row>
    <row r="84226" spans="8:8">
      <c r="H84226" s="12"/>
    </row>
    <row r="84227" spans="8:8">
      <c r="H84227" s="12"/>
    </row>
    <row r="84228" spans="8:8">
      <c r="H84228" s="12"/>
    </row>
    <row r="84229" spans="8:8">
      <c r="H84229" s="12"/>
    </row>
    <row r="84230" spans="8:8">
      <c r="H84230" s="12"/>
    </row>
    <row r="84231" spans="8:8">
      <c r="H84231" s="12"/>
    </row>
    <row r="84232" spans="8:8">
      <c r="H84232" s="12"/>
    </row>
    <row r="84233" spans="8:8">
      <c r="H84233" s="12"/>
    </row>
    <row r="84234" spans="8:8">
      <c r="H84234" s="12"/>
    </row>
    <row r="84235" spans="8:8">
      <c r="H84235" s="12"/>
    </row>
    <row r="84236" spans="8:8">
      <c r="H84236" s="12"/>
    </row>
    <row r="84237" spans="8:8">
      <c r="H84237" s="12"/>
    </row>
    <row r="84238" spans="8:8">
      <c r="H84238" s="12"/>
    </row>
    <row r="84239" spans="8:8">
      <c r="H84239" s="12"/>
    </row>
    <row r="84240" spans="8:8">
      <c r="H84240" s="12"/>
    </row>
    <row r="84241" spans="8:8">
      <c r="H84241" s="12"/>
    </row>
    <row r="84242" spans="8:8">
      <c r="H84242" s="12"/>
    </row>
    <row r="84243" spans="8:8">
      <c r="H84243" s="12"/>
    </row>
    <row r="84244" spans="8:8">
      <c r="H84244" s="12"/>
    </row>
    <row r="84245" spans="8:8">
      <c r="H84245" s="12"/>
    </row>
    <row r="84246" spans="8:8">
      <c r="H84246" s="12"/>
    </row>
    <row r="84247" spans="8:8">
      <c r="H84247" s="12"/>
    </row>
    <row r="84248" spans="8:8">
      <c r="H84248" s="12"/>
    </row>
    <row r="84249" spans="8:8">
      <c r="H84249" s="12"/>
    </row>
    <row r="84250" spans="8:8">
      <c r="H84250" s="12"/>
    </row>
    <row r="84251" spans="8:8">
      <c r="H84251" s="12"/>
    </row>
    <row r="84252" spans="8:8">
      <c r="H84252" s="12"/>
    </row>
    <row r="84253" spans="8:8">
      <c r="H84253" s="12"/>
    </row>
    <row r="84254" spans="8:8">
      <c r="H84254" s="12"/>
    </row>
    <row r="84255" spans="8:8">
      <c r="H84255" s="12"/>
    </row>
    <row r="84256" spans="8:8">
      <c r="H84256" s="12"/>
    </row>
    <row r="84257" spans="8:8">
      <c r="H84257" s="12"/>
    </row>
    <row r="84258" spans="8:8">
      <c r="H84258" s="12"/>
    </row>
    <row r="84259" spans="8:8">
      <c r="H84259" s="12"/>
    </row>
    <row r="84260" spans="8:8">
      <c r="H84260" s="12"/>
    </row>
    <row r="84261" spans="8:8">
      <c r="H84261" s="12"/>
    </row>
    <row r="84262" spans="8:8">
      <c r="H84262" s="12"/>
    </row>
    <row r="84263" spans="8:8">
      <c r="H84263" s="12"/>
    </row>
    <row r="84264" spans="8:8">
      <c r="H84264" s="12"/>
    </row>
    <row r="84265" spans="8:8">
      <c r="H84265" s="12"/>
    </row>
    <row r="84266" spans="8:8">
      <c r="H84266" s="12"/>
    </row>
    <row r="84267" spans="8:8">
      <c r="H84267" s="12"/>
    </row>
    <row r="84268" spans="8:8">
      <c r="H84268" s="12"/>
    </row>
    <row r="84269" spans="8:8">
      <c r="H84269" s="12"/>
    </row>
    <row r="84270" spans="8:8">
      <c r="H84270" s="12"/>
    </row>
    <row r="84271" spans="8:8">
      <c r="H84271" s="12"/>
    </row>
    <row r="84272" spans="8:8">
      <c r="H84272" s="12"/>
    </row>
    <row r="84273" spans="8:8">
      <c r="H84273" s="12"/>
    </row>
    <row r="84274" spans="8:8">
      <c r="H84274" s="12"/>
    </row>
    <row r="84275" spans="8:8">
      <c r="H84275" s="12"/>
    </row>
    <row r="84276" spans="8:8">
      <c r="H84276" s="12"/>
    </row>
    <row r="84277" spans="8:8">
      <c r="H84277" s="12"/>
    </row>
    <row r="84278" spans="8:8">
      <c r="H84278" s="12"/>
    </row>
    <row r="84279" spans="8:8">
      <c r="H84279" s="12"/>
    </row>
    <row r="84280" spans="8:8">
      <c r="H84280" s="12"/>
    </row>
    <row r="84281" spans="8:8">
      <c r="H84281" s="12"/>
    </row>
    <row r="84282" spans="8:8">
      <c r="H84282" s="12"/>
    </row>
    <row r="84283" spans="8:8">
      <c r="H84283" s="12"/>
    </row>
    <row r="84284" spans="8:8">
      <c r="H84284" s="12"/>
    </row>
    <row r="84285" spans="8:8">
      <c r="H84285" s="12"/>
    </row>
    <row r="84286" spans="8:8">
      <c r="H84286" s="12"/>
    </row>
    <row r="84287" spans="8:8">
      <c r="H84287" s="12"/>
    </row>
    <row r="84288" spans="8:8">
      <c r="H84288" s="12"/>
    </row>
    <row r="84289" spans="8:8">
      <c r="H84289" s="12"/>
    </row>
    <row r="84290" spans="8:8">
      <c r="H84290" s="12"/>
    </row>
    <row r="84291" spans="8:8">
      <c r="H84291" s="12"/>
    </row>
    <row r="84292" spans="8:8">
      <c r="H84292" s="12"/>
    </row>
    <row r="84293" spans="8:8">
      <c r="H84293" s="12"/>
    </row>
    <row r="84294" spans="8:8">
      <c r="H84294" s="12"/>
    </row>
    <row r="84295" spans="8:8">
      <c r="H84295" s="12"/>
    </row>
    <row r="84296" spans="8:8">
      <c r="H84296" s="12"/>
    </row>
    <row r="84297" spans="8:8">
      <c r="H84297" s="12"/>
    </row>
    <row r="84298" spans="8:8">
      <c r="H84298" s="12"/>
    </row>
    <row r="84299" spans="8:8">
      <c r="H84299" s="12"/>
    </row>
    <row r="84300" spans="8:8">
      <c r="H84300" s="12"/>
    </row>
    <row r="84301" spans="8:8">
      <c r="H84301" s="12"/>
    </row>
    <row r="84302" spans="8:8">
      <c r="H84302" s="12"/>
    </row>
    <row r="84303" spans="8:8">
      <c r="H84303" s="12"/>
    </row>
    <row r="84304" spans="8:8">
      <c r="H84304" s="12"/>
    </row>
    <row r="84305" spans="8:8">
      <c r="H84305" s="12"/>
    </row>
    <row r="84306" spans="8:8">
      <c r="H84306" s="12"/>
    </row>
    <row r="84307" spans="8:8">
      <c r="H84307" s="12"/>
    </row>
    <row r="84308" spans="8:8">
      <c r="H84308" s="12"/>
    </row>
    <row r="84309" spans="8:8">
      <c r="H84309" s="12"/>
    </row>
    <row r="84310" spans="8:8">
      <c r="H84310" s="12"/>
    </row>
    <row r="84311" spans="8:8">
      <c r="H84311" s="12"/>
    </row>
    <row r="84312" spans="8:8">
      <c r="H84312" s="12"/>
    </row>
    <row r="84313" spans="8:8">
      <c r="H84313" s="12"/>
    </row>
    <row r="84314" spans="8:8">
      <c r="H84314" s="12"/>
    </row>
    <row r="84315" spans="8:8">
      <c r="H84315" s="12"/>
    </row>
    <row r="84316" spans="8:8">
      <c r="H84316" s="12"/>
    </row>
    <row r="84317" spans="8:8">
      <c r="H84317" s="12"/>
    </row>
    <row r="84318" spans="8:8">
      <c r="H84318" s="12"/>
    </row>
    <row r="84319" spans="8:8">
      <c r="H84319" s="12"/>
    </row>
    <row r="84320" spans="8:8">
      <c r="H84320" s="12"/>
    </row>
    <row r="84321" spans="8:8">
      <c r="H84321" s="12"/>
    </row>
    <row r="84322" spans="8:8">
      <c r="H84322" s="12"/>
    </row>
    <row r="84323" spans="8:8">
      <c r="H84323" s="12"/>
    </row>
    <row r="84324" spans="8:8">
      <c r="H84324" s="12"/>
    </row>
    <row r="84325" spans="8:8">
      <c r="H84325" s="12"/>
    </row>
    <row r="84326" spans="8:8">
      <c r="H84326" s="12"/>
    </row>
    <row r="84327" spans="8:8">
      <c r="H84327" s="12"/>
    </row>
    <row r="84328" spans="8:8">
      <c r="H84328" s="12"/>
    </row>
    <row r="84329" spans="8:8">
      <c r="H84329" s="12"/>
    </row>
    <row r="84330" spans="8:8">
      <c r="H84330" s="12"/>
    </row>
    <row r="84331" spans="8:8">
      <c r="H84331" s="12"/>
    </row>
    <row r="84332" spans="8:8">
      <c r="H84332" s="12"/>
    </row>
    <row r="84333" spans="8:8">
      <c r="H84333" s="12"/>
    </row>
    <row r="84334" spans="8:8">
      <c r="H84334" s="12"/>
    </row>
    <row r="84335" spans="8:8">
      <c r="H84335" s="12"/>
    </row>
    <row r="84336" spans="8:8">
      <c r="H84336" s="12"/>
    </row>
    <row r="84337" spans="8:8">
      <c r="H84337" s="12"/>
    </row>
    <row r="84338" spans="8:8">
      <c r="H84338" s="12"/>
    </row>
    <row r="84339" spans="8:8">
      <c r="H84339" s="12"/>
    </row>
    <row r="84340" spans="8:8">
      <c r="H84340" s="12"/>
    </row>
    <row r="84341" spans="8:8">
      <c r="H84341" s="12"/>
    </row>
    <row r="84342" spans="8:8">
      <c r="H84342" s="12"/>
    </row>
    <row r="84343" spans="8:8">
      <c r="H84343" s="12"/>
    </row>
    <row r="84344" spans="8:8">
      <c r="H84344" s="12"/>
    </row>
    <row r="84345" spans="8:8">
      <c r="H84345" s="12"/>
    </row>
    <row r="84346" spans="8:8">
      <c r="H84346" s="12"/>
    </row>
    <row r="84347" spans="8:8">
      <c r="H84347" s="12"/>
    </row>
    <row r="84348" spans="8:8">
      <c r="H84348" s="12"/>
    </row>
    <row r="84349" spans="8:8">
      <c r="H84349" s="12"/>
    </row>
    <row r="84350" spans="8:8">
      <c r="H84350" s="12"/>
    </row>
    <row r="84351" spans="8:8">
      <c r="H84351" s="12"/>
    </row>
    <row r="84352" spans="8:8">
      <c r="H84352" s="12"/>
    </row>
    <row r="84353" spans="8:8">
      <c r="H84353" s="12"/>
    </row>
    <row r="84354" spans="8:8">
      <c r="H84354" s="12"/>
    </row>
    <row r="84355" spans="8:8">
      <c r="H84355" s="12"/>
    </row>
    <row r="84356" spans="8:8">
      <c r="H84356" s="12"/>
    </row>
    <row r="84357" spans="8:8">
      <c r="H84357" s="12"/>
    </row>
    <row r="84358" spans="8:8">
      <c r="H84358" s="12"/>
    </row>
    <row r="84359" spans="8:8">
      <c r="H84359" s="12"/>
    </row>
    <row r="84360" spans="8:8">
      <c r="H84360" s="12"/>
    </row>
    <row r="84361" spans="8:8">
      <c r="H84361" s="12"/>
    </row>
    <row r="84362" spans="8:8">
      <c r="H84362" s="12"/>
    </row>
    <row r="84363" spans="8:8">
      <c r="H84363" s="12"/>
    </row>
    <row r="84364" spans="8:8">
      <c r="H84364" s="12"/>
    </row>
    <row r="84365" spans="8:8">
      <c r="H84365" s="12"/>
    </row>
    <row r="84366" spans="8:8">
      <c r="H84366" s="12"/>
    </row>
    <row r="84367" spans="8:8">
      <c r="H84367" s="12"/>
    </row>
    <row r="84368" spans="8:8">
      <c r="H84368" s="12"/>
    </row>
    <row r="84369" spans="8:8">
      <c r="H84369" s="12"/>
    </row>
    <row r="84370" spans="8:8">
      <c r="H84370" s="12"/>
    </row>
    <row r="84371" spans="8:8">
      <c r="H84371" s="12"/>
    </row>
    <row r="84372" spans="8:8">
      <c r="H84372" s="12"/>
    </row>
    <row r="84373" spans="8:8">
      <c r="H84373" s="12"/>
    </row>
    <row r="84374" spans="8:8">
      <c r="H84374" s="12"/>
    </row>
    <row r="84375" spans="8:8">
      <c r="H84375" s="12"/>
    </row>
    <row r="84376" spans="8:8">
      <c r="H84376" s="12"/>
    </row>
    <row r="84377" spans="8:8">
      <c r="H84377" s="12"/>
    </row>
    <row r="84378" spans="8:8">
      <c r="H84378" s="12"/>
    </row>
    <row r="84379" spans="8:8">
      <c r="H84379" s="12"/>
    </row>
    <row r="84380" spans="8:8">
      <c r="H84380" s="12"/>
    </row>
    <row r="84381" spans="8:8">
      <c r="H84381" s="12"/>
    </row>
    <row r="84382" spans="8:8">
      <c r="H84382" s="12"/>
    </row>
    <row r="84383" spans="8:8">
      <c r="H84383" s="12"/>
    </row>
    <row r="84384" spans="8:8">
      <c r="H84384" s="12"/>
    </row>
    <row r="84385" spans="8:8">
      <c r="H84385" s="12"/>
    </row>
    <row r="84386" spans="8:8">
      <c r="H84386" s="12"/>
    </row>
    <row r="84387" spans="8:8">
      <c r="H84387" s="12"/>
    </row>
    <row r="84388" spans="8:8">
      <c r="H84388" s="12"/>
    </row>
    <row r="84389" spans="8:8">
      <c r="H84389" s="12"/>
    </row>
    <row r="84390" spans="8:8">
      <c r="H84390" s="12"/>
    </row>
    <row r="84391" spans="8:8">
      <c r="H84391" s="12"/>
    </row>
    <row r="84392" spans="8:8">
      <c r="H84392" s="12"/>
    </row>
    <row r="84393" spans="8:8">
      <c r="H84393" s="12"/>
    </row>
    <row r="84394" spans="8:8">
      <c r="H84394" s="12"/>
    </row>
    <row r="84395" spans="8:8">
      <c r="H84395" s="12"/>
    </row>
    <row r="84396" spans="8:8">
      <c r="H84396" s="12"/>
    </row>
    <row r="84397" spans="8:8">
      <c r="H84397" s="12"/>
    </row>
    <row r="84398" spans="8:8">
      <c r="H84398" s="12"/>
    </row>
    <row r="84399" spans="8:8">
      <c r="H84399" s="12"/>
    </row>
    <row r="84400" spans="8:8">
      <c r="H84400" s="12"/>
    </row>
    <row r="84401" spans="8:8">
      <c r="H84401" s="12"/>
    </row>
    <row r="84402" spans="8:8">
      <c r="H84402" s="12"/>
    </row>
    <row r="84403" spans="8:8">
      <c r="H84403" s="12"/>
    </row>
    <row r="84404" spans="8:8">
      <c r="H84404" s="12"/>
    </row>
    <row r="84405" spans="8:8">
      <c r="H84405" s="12"/>
    </row>
    <row r="84406" spans="8:8">
      <c r="H84406" s="12"/>
    </row>
    <row r="84407" spans="8:8">
      <c r="H84407" s="12"/>
    </row>
    <row r="84408" spans="8:8">
      <c r="H84408" s="12"/>
    </row>
    <row r="84409" spans="8:8">
      <c r="H84409" s="12"/>
    </row>
    <row r="84410" spans="8:8">
      <c r="H84410" s="12"/>
    </row>
    <row r="84411" spans="8:8">
      <c r="H84411" s="12"/>
    </row>
    <row r="84412" spans="8:8">
      <c r="H84412" s="12"/>
    </row>
    <row r="84413" spans="8:8">
      <c r="H84413" s="12"/>
    </row>
    <row r="84414" spans="8:8">
      <c r="H84414" s="12"/>
    </row>
    <row r="84415" spans="8:8">
      <c r="H84415" s="12"/>
    </row>
    <row r="84416" spans="8:8">
      <c r="H84416" s="12"/>
    </row>
    <row r="84417" spans="8:8">
      <c r="H84417" s="12"/>
    </row>
    <row r="84418" spans="8:8">
      <c r="H84418" s="12"/>
    </row>
    <row r="84419" spans="8:8">
      <c r="H84419" s="12"/>
    </row>
    <row r="84420" spans="8:8">
      <c r="H84420" s="12"/>
    </row>
    <row r="84421" spans="8:8">
      <c r="H84421" s="12"/>
    </row>
    <row r="84422" spans="8:8">
      <c r="H84422" s="12"/>
    </row>
    <row r="84423" spans="8:8">
      <c r="H84423" s="12"/>
    </row>
    <row r="84424" spans="8:8">
      <c r="H84424" s="12"/>
    </row>
    <row r="84425" spans="8:8">
      <c r="H84425" s="12"/>
    </row>
    <row r="84426" spans="8:8">
      <c r="H84426" s="12"/>
    </row>
    <row r="84427" spans="8:8">
      <c r="H84427" s="12"/>
    </row>
    <row r="84428" spans="8:8">
      <c r="H84428" s="12"/>
    </row>
    <row r="84429" spans="8:8">
      <c r="H84429" s="12"/>
    </row>
    <row r="84430" spans="8:8">
      <c r="H84430" s="12"/>
    </row>
    <row r="84431" spans="8:8">
      <c r="H84431" s="12"/>
    </row>
    <row r="84432" spans="8:8">
      <c r="H84432" s="12"/>
    </row>
    <row r="84433" spans="8:8">
      <c r="H84433" s="12"/>
    </row>
    <row r="84434" spans="8:8">
      <c r="H84434" s="12"/>
    </row>
    <row r="84435" spans="8:8">
      <c r="H84435" s="12"/>
    </row>
    <row r="84436" spans="8:8">
      <c r="H84436" s="12"/>
    </row>
    <row r="84437" spans="8:8">
      <c r="H84437" s="12"/>
    </row>
    <row r="84438" spans="8:8">
      <c r="H84438" s="12"/>
    </row>
    <row r="84439" spans="8:8">
      <c r="H84439" s="12"/>
    </row>
    <row r="84440" spans="8:8">
      <c r="H84440" s="12"/>
    </row>
    <row r="84441" spans="8:8">
      <c r="H84441" s="12"/>
    </row>
    <row r="84442" spans="8:8">
      <c r="H84442" s="12"/>
    </row>
    <row r="84443" spans="8:8">
      <c r="H84443" s="12"/>
    </row>
    <row r="84444" spans="8:8">
      <c r="H84444" s="12"/>
    </row>
    <row r="84445" spans="8:8">
      <c r="H84445" s="12"/>
    </row>
    <row r="84446" spans="8:8">
      <c r="H84446" s="12"/>
    </row>
    <row r="84447" spans="8:8">
      <c r="H84447" s="12"/>
    </row>
    <row r="84448" spans="8:8">
      <c r="H84448" s="12"/>
    </row>
    <row r="84449" spans="8:8">
      <c r="H84449" s="12"/>
    </row>
    <row r="84450" spans="8:8">
      <c r="H84450" s="12"/>
    </row>
    <row r="84451" spans="8:8">
      <c r="H84451" s="12"/>
    </row>
    <row r="84452" spans="8:8">
      <c r="H84452" s="12"/>
    </row>
    <row r="84453" spans="8:8">
      <c r="H84453" s="12"/>
    </row>
    <row r="84454" spans="8:8">
      <c r="H84454" s="12"/>
    </row>
    <row r="84455" spans="8:8">
      <c r="H84455" s="12"/>
    </row>
    <row r="84456" spans="8:8">
      <c r="H84456" s="12"/>
    </row>
    <row r="84457" spans="8:8">
      <c r="H84457" s="12"/>
    </row>
    <row r="84458" spans="8:8">
      <c r="H84458" s="12"/>
    </row>
    <row r="84459" spans="8:8">
      <c r="H84459" s="12"/>
    </row>
    <row r="84460" spans="8:8">
      <c r="H84460" s="12"/>
    </row>
    <row r="84461" spans="8:8">
      <c r="H84461" s="12"/>
    </row>
    <row r="84462" spans="8:8">
      <c r="H84462" s="12"/>
    </row>
    <row r="84463" spans="8:8">
      <c r="H84463" s="12"/>
    </row>
    <row r="84464" spans="8:8">
      <c r="H84464" s="12"/>
    </row>
    <row r="84465" spans="8:8">
      <c r="H84465" s="12"/>
    </row>
    <row r="84466" spans="8:8">
      <c r="H84466" s="12"/>
    </row>
    <row r="84467" spans="8:8">
      <c r="H84467" s="12"/>
    </row>
    <row r="84468" spans="8:8">
      <c r="H84468" s="12"/>
    </row>
    <row r="84469" spans="8:8">
      <c r="H84469" s="12"/>
    </row>
    <row r="84470" spans="8:8">
      <c r="H84470" s="12"/>
    </row>
    <row r="84471" spans="8:8">
      <c r="H84471" s="12"/>
    </row>
    <row r="84472" spans="8:8">
      <c r="H84472" s="12"/>
    </row>
    <row r="84473" spans="8:8">
      <c r="H84473" s="12"/>
    </row>
    <row r="84474" spans="8:8">
      <c r="H84474" s="12"/>
    </row>
    <row r="84475" spans="8:8">
      <c r="H84475" s="12"/>
    </row>
    <row r="84476" spans="8:8">
      <c r="H84476" s="12"/>
    </row>
    <row r="84477" spans="8:8">
      <c r="H84477" s="12"/>
    </row>
    <row r="84478" spans="8:8">
      <c r="H84478" s="12"/>
    </row>
    <row r="84479" spans="8:8">
      <c r="H84479" s="12"/>
    </row>
    <row r="84480" spans="8:8">
      <c r="H84480" s="12"/>
    </row>
    <row r="84481" spans="8:8">
      <c r="H84481" s="12"/>
    </row>
    <row r="84482" spans="8:8">
      <c r="H84482" s="12"/>
    </row>
    <row r="84483" spans="8:8">
      <c r="H84483" s="12"/>
    </row>
    <row r="84484" spans="8:8">
      <c r="H84484" s="12"/>
    </row>
    <row r="84485" spans="8:8">
      <c r="H84485" s="12"/>
    </row>
    <row r="84486" spans="8:8">
      <c r="H84486" s="12"/>
    </row>
    <row r="84487" spans="8:8">
      <c r="H84487" s="12"/>
    </row>
    <row r="84488" spans="8:8">
      <c r="H84488" s="12"/>
    </row>
    <row r="84489" spans="8:8">
      <c r="H84489" s="12"/>
    </row>
    <row r="84490" spans="8:8">
      <c r="H84490" s="12"/>
    </row>
    <row r="84491" spans="8:8">
      <c r="H84491" s="12"/>
    </row>
    <row r="84492" spans="8:8">
      <c r="H84492" s="12"/>
    </row>
    <row r="84493" spans="8:8">
      <c r="H84493" s="12"/>
    </row>
    <row r="84494" spans="8:8">
      <c r="H84494" s="12"/>
    </row>
    <row r="84495" spans="8:8">
      <c r="H84495" s="12"/>
    </row>
    <row r="84496" spans="8:8">
      <c r="H84496" s="12"/>
    </row>
    <row r="84497" spans="8:8">
      <c r="H84497" s="12"/>
    </row>
    <row r="84498" spans="8:8">
      <c r="H84498" s="12"/>
    </row>
    <row r="84499" spans="8:8">
      <c r="H84499" s="12"/>
    </row>
    <row r="84500" spans="8:8">
      <c r="H84500" s="12"/>
    </row>
    <row r="84501" spans="8:8">
      <c r="H84501" s="12"/>
    </row>
    <row r="84502" spans="8:8">
      <c r="H84502" s="12"/>
    </row>
    <row r="84503" spans="8:8">
      <c r="H84503" s="12"/>
    </row>
    <row r="84504" spans="8:8">
      <c r="H84504" s="12"/>
    </row>
    <row r="84505" spans="8:8">
      <c r="H84505" s="12"/>
    </row>
    <row r="84506" spans="8:8">
      <c r="H84506" s="12"/>
    </row>
    <row r="84507" spans="8:8">
      <c r="H84507" s="12"/>
    </row>
    <row r="84508" spans="8:8">
      <c r="H84508" s="12"/>
    </row>
    <row r="84509" spans="8:8">
      <c r="H84509" s="12"/>
    </row>
    <row r="84510" spans="8:8">
      <c r="H84510" s="12"/>
    </row>
    <row r="84511" spans="8:8">
      <c r="H84511" s="12"/>
    </row>
    <row r="84512" spans="8:8">
      <c r="H84512" s="12"/>
    </row>
    <row r="84513" spans="8:8">
      <c r="H84513" s="12"/>
    </row>
    <row r="84514" spans="8:8">
      <c r="H84514" s="12"/>
    </row>
    <row r="84515" spans="8:8">
      <c r="H84515" s="12"/>
    </row>
    <row r="84516" spans="8:8">
      <c r="H84516" s="12"/>
    </row>
    <row r="84517" spans="8:8">
      <c r="H84517" s="12"/>
    </row>
    <row r="84518" spans="8:8">
      <c r="H84518" s="12"/>
    </row>
    <row r="84519" spans="8:8">
      <c r="H84519" s="12"/>
    </row>
    <row r="84520" spans="8:8">
      <c r="H84520" s="12"/>
    </row>
    <row r="84521" spans="8:8">
      <c r="H84521" s="12"/>
    </row>
    <row r="84522" spans="8:8">
      <c r="H84522" s="12"/>
    </row>
    <row r="84523" spans="8:8">
      <c r="H84523" s="12"/>
    </row>
    <row r="84524" spans="8:8">
      <c r="H84524" s="12"/>
    </row>
    <row r="84525" spans="8:8">
      <c r="H84525" s="12"/>
    </row>
    <row r="84526" spans="8:8">
      <c r="H84526" s="12"/>
    </row>
    <row r="84527" spans="8:8">
      <c r="H84527" s="12"/>
    </row>
    <row r="84528" spans="8:8">
      <c r="H84528" s="12"/>
    </row>
    <row r="84529" spans="8:8">
      <c r="H84529" s="12"/>
    </row>
    <row r="84530" spans="8:8">
      <c r="H84530" s="12"/>
    </row>
    <row r="84531" spans="8:8">
      <c r="H84531" s="12"/>
    </row>
    <row r="84532" spans="8:8">
      <c r="H84532" s="12"/>
    </row>
    <row r="84533" spans="8:8">
      <c r="H84533" s="12"/>
    </row>
    <row r="84534" spans="8:8">
      <c r="H84534" s="12"/>
    </row>
    <row r="84535" spans="8:8">
      <c r="H84535" s="12"/>
    </row>
    <row r="84536" spans="8:8">
      <c r="H84536" s="12"/>
    </row>
    <row r="84537" spans="8:8">
      <c r="H84537" s="12"/>
    </row>
    <row r="84538" spans="8:8">
      <c r="H84538" s="12"/>
    </row>
    <row r="84539" spans="8:8">
      <c r="H84539" s="12"/>
    </row>
    <row r="84540" spans="8:8">
      <c r="H84540" s="12"/>
    </row>
    <row r="84541" spans="8:8">
      <c r="H84541" s="12"/>
    </row>
    <row r="84542" spans="8:8">
      <c r="H84542" s="12"/>
    </row>
    <row r="84543" spans="8:8">
      <c r="H84543" s="12"/>
    </row>
    <row r="84544" spans="8:8">
      <c r="H84544" s="12"/>
    </row>
    <row r="84545" spans="8:8">
      <c r="H84545" s="12"/>
    </row>
    <row r="84546" spans="8:8">
      <c r="H84546" s="12"/>
    </row>
    <row r="84547" spans="8:8">
      <c r="H84547" s="12"/>
    </row>
    <row r="84548" spans="8:8">
      <c r="H84548" s="12"/>
    </row>
    <row r="84549" spans="8:8">
      <c r="H84549" s="12"/>
    </row>
    <row r="84550" spans="8:8">
      <c r="H84550" s="12"/>
    </row>
    <row r="84551" spans="8:8">
      <c r="H84551" s="12"/>
    </row>
    <row r="84552" spans="8:8">
      <c r="H84552" s="12"/>
    </row>
    <row r="84553" spans="8:8">
      <c r="H84553" s="12"/>
    </row>
    <row r="84554" spans="8:8">
      <c r="H84554" s="12"/>
    </row>
    <row r="84555" spans="8:8">
      <c r="H84555" s="12"/>
    </row>
    <row r="84556" spans="8:8">
      <c r="H84556" s="12"/>
    </row>
    <row r="84557" spans="8:8">
      <c r="H84557" s="12"/>
    </row>
    <row r="84558" spans="8:8">
      <c r="H84558" s="12"/>
    </row>
    <row r="84559" spans="8:8">
      <c r="H84559" s="12"/>
    </row>
    <row r="84560" spans="8:8">
      <c r="H84560" s="12"/>
    </row>
    <row r="84561" spans="8:8">
      <c r="H84561" s="12"/>
    </row>
    <row r="84562" spans="8:8">
      <c r="H84562" s="12"/>
    </row>
    <row r="84563" spans="8:8">
      <c r="H84563" s="12"/>
    </row>
    <row r="84564" spans="8:8">
      <c r="H84564" s="12"/>
    </row>
    <row r="84565" spans="8:8">
      <c r="H84565" s="12"/>
    </row>
    <row r="84566" spans="8:8">
      <c r="H84566" s="12"/>
    </row>
    <row r="84567" spans="8:8">
      <c r="H84567" s="12"/>
    </row>
    <row r="84568" spans="8:8">
      <c r="H84568" s="12"/>
    </row>
    <row r="84569" spans="8:8">
      <c r="H84569" s="12"/>
    </row>
    <row r="84570" spans="8:8">
      <c r="H84570" s="12"/>
    </row>
    <row r="84571" spans="8:8">
      <c r="H84571" s="12"/>
    </row>
    <row r="84572" spans="8:8">
      <c r="H84572" s="12"/>
    </row>
    <row r="84573" spans="8:8">
      <c r="H84573" s="12"/>
    </row>
    <row r="84574" spans="8:8">
      <c r="H84574" s="12"/>
    </row>
    <row r="84575" spans="8:8">
      <c r="H84575" s="12"/>
    </row>
    <row r="84576" spans="8:8">
      <c r="H84576" s="12"/>
    </row>
    <row r="84577" spans="8:8">
      <c r="H84577" s="12"/>
    </row>
    <row r="84578" spans="8:8">
      <c r="H84578" s="12"/>
    </row>
    <row r="84579" spans="8:8">
      <c r="H84579" s="12"/>
    </row>
    <row r="84580" spans="8:8">
      <c r="H84580" s="12"/>
    </row>
    <row r="84581" spans="8:8">
      <c r="H84581" s="12"/>
    </row>
    <row r="84582" spans="8:8">
      <c r="H84582" s="12"/>
    </row>
    <row r="84583" spans="8:8">
      <c r="H84583" s="12"/>
    </row>
    <row r="84584" spans="8:8">
      <c r="H84584" s="12"/>
    </row>
    <row r="84585" spans="8:8">
      <c r="H84585" s="12"/>
    </row>
    <row r="84586" spans="8:8">
      <c r="H84586" s="12"/>
    </row>
    <row r="84587" spans="8:8">
      <c r="H84587" s="12"/>
    </row>
    <row r="84588" spans="8:8">
      <c r="H84588" s="12"/>
    </row>
    <row r="84589" spans="8:8">
      <c r="H84589" s="12"/>
    </row>
    <row r="84590" spans="8:8">
      <c r="H84590" s="12"/>
    </row>
    <row r="84591" spans="8:8">
      <c r="H84591" s="12"/>
    </row>
    <row r="84592" spans="8:8">
      <c r="H84592" s="12"/>
    </row>
    <row r="84593" spans="8:8">
      <c r="H84593" s="12"/>
    </row>
    <row r="84594" spans="8:8">
      <c r="H84594" s="12"/>
    </row>
    <row r="84595" spans="8:8">
      <c r="H84595" s="12"/>
    </row>
    <row r="84596" spans="8:8">
      <c r="H84596" s="12"/>
    </row>
    <row r="84597" spans="8:8">
      <c r="H84597" s="12"/>
    </row>
    <row r="84598" spans="8:8">
      <c r="H84598" s="12"/>
    </row>
    <row r="84599" spans="8:8">
      <c r="H84599" s="12"/>
    </row>
    <row r="84600" spans="8:8">
      <c r="H84600" s="12"/>
    </row>
    <row r="84601" spans="8:8">
      <c r="H84601" s="12"/>
    </row>
    <row r="84602" spans="8:8">
      <c r="H84602" s="12"/>
    </row>
    <row r="84603" spans="8:8">
      <c r="H84603" s="12"/>
    </row>
    <row r="84604" spans="8:8">
      <c r="H84604" s="12"/>
    </row>
    <row r="84605" spans="8:8">
      <c r="H84605" s="12"/>
    </row>
    <row r="84606" spans="8:8">
      <c r="H84606" s="12"/>
    </row>
    <row r="84607" spans="8:8">
      <c r="H84607" s="12"/>
    </row>
    <row r="84608" spans="8:8">
      <c r="H84608" s="12"/>
    </row>
    <row r="84609" spans="8:8">
      <c r="H84609" s="12"/>
    </row>
    <row r="84610" spans="8:8">
      <c r="H84610" s="12"/>
    </row>
    <row r="84611" spans="8:8">
      <c r="H84611" s="12"/>
    </row>
    <row r="84612" spans="8:8">
      <c r="H84612" s="12"/>
    </row>
    <row r="84613" spans="8:8">
      <c r="H84613" s="12"/>
    </row>
    <row r="84614" spans="8:8">
      <c r="H84614" s="12"/>
    </row>
    <row r="84615" spans="8:8">
      <c r="H84615" s="12"/>
    </row>
    <row r="84616" spans="8:8">
      <c r="H84616" s="12"/>
    </row>
    <row r="84617" spans="8:8">
      <c r="H84617" s="12"/>
    </row>
    <row r="84618" spans="8:8">
      <c r="H84618" s="12"/>
    </row>
    <row r="84619" spans="8:8">
      <c r="H84619" s="12"/>
    </row>
    <row r="84620" spans="8:8">
      <c r="H84620" s="12"/>
    </row>
    <row r="84621" spans="8:8">
      <c r="H84621" s="12"/>
    </row>
    <row r="84622" spans="8:8">
      <c r="H84622" s="12"/>
    </row>
    <row r="84623" spans="8:8">
      <c r="H84623" s="12"/>
    </row>
    <row r="84624" spans="8:8">
      <c r="H84624" s="12"/>
    </row>
    <row r="84625" spans="8:8">
      <c r="H84625" s="12"/>
    </row>
    <row r="84626" spans="8:8">
      <c r="H84626" s="12"/>
    </row>
    <row r="84627" spans="8:8">
      <c r="H84627" s="12"/>
    </row>
    <row r="84628" spans="8:8">
      <c r="H84628" s="12"/>
    </row>
    <row r="84629" spans="8:8">
      <c r="H84629" s="12"/>
    </row>
    <row r="84630" spans="8:8">
      <c r="H84630" s="12"/>
    </row>
    <row r="84631" spans="8:8">
      <c r="H84631" s="12"/>
    </row>
    <row r="84632" spans="8:8">
      <c r="H84632" s="12"/>
    </row>
    <row r="84633" spans="8:8">
      <c r="H84633" s="12"/>
    </row>
    <row r="84634" spans="8:8">
      <c r="H84634" s="12"/>
    </row>
    <row r="84635" spans="8:8">
      <c r="H84635" s="12"/>
    </row>
    <row r="84636" spans="8:8">
      <c r="H84636" s="12"/>
    </row>
    <row r="84637" spans="8:8">
      <c r="H84637" s="12"/>
    </row>
    <row r="84638" spans="8:8">
      <c r="H84638" s="12"/>
    </row>
    <row r="84639" spans="8:8">
      <c r="H84639" s="12"/>
    </row>
    <row r="84640" spans="8:8">
      <c r="H84640" s="12"/>
    </row>
    <row r="84641" spans="8:8">
      <c r="H84641" s="12"/>
    </row>
    <row r="84642" spans="8:8">
      <c r="H84642" s="12"/>
    </row>
    <row r="84643" spans="8:8">
      <c r="H84643" s="12"/>
    </row>
    <row r="84644" spans="8:8">
      <c r="H84644" s="12"/>
    </row>
    <row r="84645" spans="8:8">
      <c r="H84645" s="12"/>
    </row>
    <row r="84646" spans="8:8">
      <c r="H84646" s="12"/>
    </row>
    <row r="84647" spans="8:8">
      <c r="H84647" s="12"/>
    </row>
    <row r="84648" spans="8:8">
      <c r="H84648" s="12"/>
    </row>
    <row r="84649" spans="8:8">
      <c r="H84649" s="12"/>
    </row>
    <row r="84650" spans="8:8">
      <c r="H84650" s="12"/>
    </row>
    <row r="84651" spans="8:8">
      <c r="H84651" s="12"/>
    </row>
    <row r="84652" spans="8:8">
      <c r="H84652" s="12"/>
    </row>
    <row r="84653" spans="8:8">
      <c r="H84653" s="12"/>
    </row>
    <row r="84654" spans="8:8">
      <c r="H84654" s="12"/>
    </row>
    <row r="84655" spans="8:8">
      <c r="H84655" s="12"/>
    </row>
    <row r="84656" spans="8:8">
      <c r="H84656" s="12"/>
    </row>
    <row r="84657" spans="8:8">
      <c r="H84657" s="12"/>
    </row>
    <row r="84658" spans="8:8">
      <c r="H84658" s="12"/>
    </row>
    <row r="84659" spans="8:8">
      <c r="H84659" s="12"/>
    </row>
    <row r="84660" spans="8:8">
      <c r="H84660" s="12"/>
    </row>
    <row r="84661" spans="8:8">
      <c r="H84661" s="12"/>
    </row>
    <row r="84662" spans="8:8">
      <c r="H84662" s="12"/>
    </row>
    <row r="84663" spans="8:8">
      <c r="H84663" s="12"/>
    </row>
    <row r="84664" spans="8:8">
      <c r="H84664" s="12"/>
    </row>
    <row r="84665" spans="8:8">
      <c r="H84665" s="12"/>
    </row>
    <row r="84666" spans="8:8">
      <c r="H84666" s="12"/>
    </row>
    <row r="84667" spans="8:8">
      <c r="H84667" s="12"/>
    </row>
    <row r="84668" spans="8:8">
      <c r="H84668" s="12"/>
    </row>
    <row r="84669" spans="8:8">
      <c r="H84669" s="12"/>
    </row>
    <row r="84670" spans="8:8">
      <c r="H84670" s="12"/>
    </row>
    <row r="84671" spans="8:8">
      <c r="H84671" s="12"/>
    </row>
    <row r="84672" spans="8:8">
      <c r="H84672" s="12"/>
    </row>
    <row r="84673" spans="8:8">
      <c r="H84673" s="12"/>
    </row>
    <row r="84674" spans="8:8">
      <c r="H84674" s="12"/>
    </row>
    <row r="84675" spans="8:8">
      <c r="H84675" s="12"/>
    </row>
    <row r="84676" spans="8:8">
      <c r="H84676" s="12"/>
    </row>
    <row r="84677" spans="8:8">
      <c r="H84677" s="12"/>
    </row>
    <row r="84678" spans="8:8">
      <c r="H84678" s="12"/>
    </row>
    <row r="84679" spans="8:8">
      <c r="H84679" s="12"/>
    </row>
    <row r="84680" spans="8:8">
      <c r="H84680" s="12"/>
    </row>
    <row r="84681" spans="8:8">
      <c r="H84681" s="12"/>
    </row>
    <row r="84682" spans="8:8">
      <c r="H84682" s="12"/>
    </row>
    <row r="84683" spans="8:8">
      <c r="H84683" s="12"/>
    </row>
    <row r="84684" spans="8:8">
      <c r="H84684" s="12"/>
    </row>
    <row r="84685" spans="8:8">
      <c r="H84685" s="12"/>
    </row>
    <row r="84686" spans="8:8">
      <c r="H84686" s="12"/>
    </row>
    <row r="84687" spans="8:8">
      <c r="H84687" s="12"/>
    </row>
    <row r="84688" spans="8:8">
      <c r="H84688" s="12"/>
    </row>
    <row r="84689" spans="8:8">
      <c r="H84689" s="12"/>
    </row>
    <row r="84690" spans="8:8">
      <c r="H84690" s="12"/>
    </row>
    <row r="84691" spans="8:8">
      <c r="H84691" s="12"/>
    </row>
    <row r="84692" spans="8:8">
      <c r="H84692" s="12"/>
    </row>
    <row r="84693" spans="8:8">
      <c r="H84693" s="12"/>
    </row>
    <row r="84694" spans="8:8">
      <c r="H84694" s="12"/>
    </row>
    <row r="84695" spans="8:8">
      <c r="H84695" s="12"/>
    </row>
    <row r="84696" spans="8:8">
      <c r="H84696" s="12"/>
    </row>
    <row r="84697" spans="8:8">
      <c r="H84697" s="12"/>
    </row>
    <row r="84698" spans="8:8">
      <c r="H84698" s="12"/>
    </row>
    <row r="84699" spans="8:8">
      <c r="H84699" s="12"/>
    </row>
    <row r="84700" spans="8:8">
      <c r="H84700" s="12"/>
    </row>
    <row r="84701" spans="8:8">
      <c r="H84701" s="12"/>
    </row>
    <row r="84702" spans="8:8">
      <c r="H84702" s="12"/>
    </row>
    <row r="84703" spans="8:8">
      <c r="H84703" s="12"/>
    </row>
    <row r="84704" spans="8:8">
      <c r="H84704" s="12"/>
    </row>
    <row r="84705" spans="8:8">
      <c r="H84705" s="12"/>
    </row>
    <row r="84706" spans="8:8">
      <c r="H84706" s="12"/>
    </row>
    <row r="84707" spans="8:8">
      <c r="H84707" s="12"/>
    </row>
    <row r="84708" spans="8:8">
      <c r="H84708" s="12"/>
    </row>
    <row r="84709" spans="8:8">
      <c r="H84709" s="12"/>
    </row>
    <row r="84710" spans="8:8">
      <c r="H84710" s="12"/>
    </row>
    <row r="84711" spans="8:8">
      <c r="H84711" s="12"/>
    </row>
    <row r="84712" spans="8:8">
      <c r="H84712" s="12"/>
    </row>
    <row r="84713" spans="8:8">
      <c r="H84713" s="12"/>
    </row>
    <row r="84714" spans="8:8">
      <c r="H84714" s="12"/>
    </row>
    <row r="84715" spans="8:8">
      <c r="H84715" s="12"/>
    </row>
    <row r="84716" spans="8:8">
      <c r="H84716" s="12"/>
    </row>
    <row r="84717" spans="8:8">
      <c r="H84717" s="12"/>
    </row>
    <row r="84718" spans="8:8">
      <c r="H84718" s="12"/>
    </row>
    <row r="84719" spans="8:8">
      <c r="H84719" s="12"/>
    </row>
    <row r="84720" spans="8:8">
      <c r="H84720" s="12"/>
    </row>
    <row r="84721" spans="8:8">
      <c r="H84721" s="12"/>
    </row>
    <row r="84722" spans="8:8">
      <c r="H84722" s="12"/>
    </row>
    <row r="84723" spans="8:8">
      <c r="H84723" s="12"/>
    </row>
    <row r="84724" spans="8:8">
      <c r="H84724" s="12"/>
    </row>
    <row r="84725" spans="8:8">
      <c r="H84725" s="12"/>
    </row>
    <row r="84726" spans="8:8">
      <c r="H84726" s="12"/>
    </row>
    <row r="84727" spans="8:8">
      <c r="H84727" s="12"/>
    </row>
    <row r="84728" spans="8:8">
      <c r="H84728" s="12"/>
    </row>
    <row r="84729" spans="8:8">
      <c r="H84729" s="12"/>
    </row>
    <row r="84730" spans="8:8">
      <c r="H84730" s="12"/>
    </row>
    <row r="84731" spans="8:8">
      <c r="H84731" s="12"/>
    </row>
    <row r="84732" spans="8:8">
      <c r="H84732" s="12"/>
    </row>
    <row r="84733" spans="8:8">
      <c r="H84733" s="12"/>
    </row>
    <row r="84734" spans="8:8">
      <c r="H84734" s="12"/>
    </row>
    <row r="84735" spans="8:8">
      <c r="H84735" s="12"/>
    </row>
    <row r="84736" spans="8:8">
      <c r="H84736" s="12"/>
    </row>
    <row r="84737" spans="8:8">
      <c r="H84737" s="12"/>
    </row>
    <row r="84738" spans="8:8">
      <c r="H84738" s="12"/>
    </row>
    <row r="84739" spans="8:8">
      <c r="H84739" s="12"/>
    </row>
    <row r="84740" spans="8:8">
      <c r="H84740" s="12"/>
    </row>
    <row r="84741" spans="8:8">
      <c r="H84741" s="12"/>
    </row>
    <row r="84742" spans="8:8">
      <c r="H84742" s="12"/>
    </row>
    <row r="84743" spans="8:8">
      <c r="H84743" s="12"/>
    </row>
    <row r="84744" spans="8:8">
      <c r="H84744" s="12"/>
    </row>
    <row r="84745" spans="8:8">
      <c r="H84745" s="12"/>
    </row>
    <row r="84746" spans="8:8">
      <c r="H84746" s="12"/>
    </row>
    <row r="84747" spans="8:8">
      <c r="H84747" s="12"/>
    </row>
    <row r="84748" spans="8:8">
      <c r="H84748" s="12"/>
    </row>
    <row r="84749" spans="8:8">
      <c r="H84749" s="12"/>
    </row>
    <row r="84750" spans="8:8">
      <c r="H84750" s="12"/>
    </row>
    <row r="84751" spans="8:8">
      <c r="H84751" s="12"/>
    </row>
    <row r="84752" spans="8:8">
      <c r="H84752" s="12"/>
    </row>
    <row r="84753" spans="8:8">
      <c r="H84753" s="12"/>
    </row>
    <row r="84754" spans="8:8">
      <c r="H84754" s="12"/>
    </row>
    <row r="84755" spans="8:8">
      <c r="H84755" s="12"/>
    </row>
    <row r="84756" spans="8:8">
      <c r="H84756" s="12"/>
    </row>
    <row r="84757" spans="8:8">
      <c r="H84757" s="12"/>
    </row>
    <row r="84758" spans="8:8">
      <c r="H84758" s="12"/>
    </row>
    <row r="84759" spans="8:8">
      <c r="H84759" s="12"/>
    </row>
    <row r="84760" spans="8:8">
      <c r="H84760" s="12"/>
    </row>
    <row r="84761" spans="8:8">
      <c r="H84761" s="12"/>
    </row>
    <row r="84762" spans="8:8">
      <c r="H84762" s="12"/>
    </row>
    <row r="84763" spans="8:8">
      <c r="H84763" s="12"/>
    </row>
    <row r="84764" spans="8:8">
      <c r="H84764" s="12"/>
    </row>
    <row r="84765" spans="8:8">
      <c r="H84765" s="12"/>
    </row>
    <row r="84766" spans="8:8">
      <c r="H84766" s="12"/>
    </row>
    <row r="84767" spans="8:8">
      <c r="H84767" s="12"/>
    </row>
    <row r="84768" spans="8:8">
      <c r="H84768" s="12"/>
    </row>
    <row r="84769" spans="8:8">
      <c r="H84769" s="12"/>
    </row>
    <row r="84770" spans="8:8">
      <c r="H84770" s="12"/>
    </row>
    <row r="84771" spans="8:8">
      <c r="H84771" s="12"/>
    </row>
    <row r="84772" spans="8:8">
      <c r="H84772" s="12"/>
    </row>
    <row r="84773" spans="8:8">
      <c r="H84773" s="12"/>
    </row>
    <row r="84774" spans="8:8">
      <c r="H84774" s="12"/>
    </row>
    <row r="84775" spans="8:8">
      <c r="H84775" s="12"/>
    </row>
    <row r="84776" spans="8:8">
      <c r="H84776" s="12"/>
    </row>
    <row r="84777" spans="8:8">
      <c r="H84777" s="12"/>
    </row>
    <row r="84778" spans="8:8">
      <c r="H84778" s="12"/>
    </row>
    <row r="84779" spans="8:8">
      <c r="H84779" s="12"/>
    </row>
    <row r="84780" spans="8:8">
      <c r="H84780" s="12"/>
    </row>
    <row r="84781" spans="8:8">
      <c r="H84781" s="12"/>
    </row>
    <row r="84782" spans="8:8">
      <c r="H84782" s="12"/>
    </row>
    <row r="84783" spans="8:8">
      <c r="H84783" s="12"/>
    </row>
    <row r="84784" spans="8:8">
      <c r="H84784" s="12"/>
    </row>
    <row r="84785" spans="8:8">
      <c r="H84785" s="12"/>
    </row>
    <row r="84786" spans="8:8">
      <c r="H84786" s="12"/>
    </row>
    <row r="84787" spans="8:8">
      <c r="H84787" s="12"/>
    </row>
    <row r="84788" spans="8:8">
      <c r="H84788" s="12"/>
    </row>
    <row r="84789" spans="8:8">
      <c r="H84789" s="12"/>
    </row>
    <row r="84790" spans="8:8">
      <c r="H84790" s="12"/>
    </row>
    <row r="84791" spans="8:8">
      <c r="H84791" s="12"/>
    </row>
    <row r="84792" spans="8:8">
      <c r="H84792" s="12"/>
    </row>
    <row r="84793" spans="8:8">
      <c r="H84793" s="12"/>
    </row>
    <row r="84794" spans="8:8">
      <c r="H84794" s="12"/>
    </row>
    <row r="84795" spans="8:8">
      <c r="H84795" s="12"/>
    </row>
    <row r="84796" spans="8:8">
      <c r="H84796" s="12"/>
    </row>
    <row r="84797" spans="8:8">
      <c r="H84797" s="12"/>
    </row>
    <row r="84798" spans="8:8">
      <c r="H84798" s="12"/>
    </row>
    <row r="84799" spans="8:8">
      <c r="H84799" s="12"/>
    </row>
    <row r="84800" spans="8:8">
      <c r="H84800" s="12"/>
    </row>
    <row r="84801" spans="8:8">
      <c r="H84801" s="12"/>
    </row>
    <row r="84802" spans="8:8">
      <c r="H84802" s="12"/>
    </row>
    <row r="84803" spans="8:8">
      <c r="H84803" s="12"/>
    </row>
    <row r="84804" spans="8:8">
      <c r="H84804" s="12"/>
    </row>
    <row r="84805" spans="8:8">
      <c r="H84805" s="12"/>
    </row>
    <row r="84806" spans="8:8">
      <c r="H84806" s="12"/>
    </row>
    <row r="84807" spans="8:8">
      <c r="H84807" s="12"/>
    </row>
    <row r="84808" spans="8:8">
      <c r="H84808" s="12"/>
    </row>
    <row r="84809" spans="8:8">
      <c r="H84809" s="12"/>
    </row>
    <row r="84810" spans="8:8">
      <c r="H84810" s="12"/>
    </row>
    <row r="84811" spans="8:8">
      <c r="H84811" s="12"/>
    </row>
    <row r="84812" spans="8:8">
      <c r="H84812" s="12"/>
    </row>
    <row r="84813" spans="8:8">
      <c r="H84813" s="12"/>
    </row>
    <row r="84814" spans="8:8">
      <c r="H84814" s="12"/>
    </row>
    <row r="84815" spans="8:8">
      <c r="H84815" s="12"/>
    </row>
    <row r="84816" spans="8:8">
      <c r="H84816" s="12"/>
    </row>
    <row r="84817" spans="8:8">
      <c r="H84817" s="12"/>
    </row>
    <row r="84818" spans="8:8">
      <c r="H84818" s="12"/>
    </row>
    <row r="84819" spans="8:8">
      <c r="H84819" s="12"/>
    </row>
    <row r="84820" spans="8:8">
      <c r="H84820" s="12"/>
    </row>
    <row r="84821" spans="8:8">
      <c r="H84821" s="12"/>
    </row>
    <row r="84822" spans="8:8">
      <c r="H84822" s="12"/>
    </row>
    <row r="84823" spans="8:8">
      <c r="H84823" s="12"/>
    </row>
    <row r="84824" spans="8:8">
      <c r="H84824" s="12"/>
    </row>
    <row r="84825" spans="8:8">
      <c r="H84825" s="12"/>
    </row>
    <row r="84826" spans="8:8">
      <c r="H84826" s="12"/>
    </row>
    <row r="84827" spans="8:8">
      <c r="H84827" s="12"/>
    </row>
    <row r="84828" spans="8:8">
      <c r="H84828" s="12"/>
    </row>
    <row r="84829" spans="8:8">
      <c r="H84829" s="12"/>
    </row>
    <row r="84830" spans="8:8">
      <c r="H84830" s="12"/>
    </row>
    <row r="84831" spans="8:8">
      <c r="H84831" s="12"/>
    </row>
    <row r="84832" spans="8:8">
      <c r="H84832" s="12"/>
    </row>
    <row r="84833" spans="8:8">
      <c r="H84833" s="12"/>
    </row>
    <row r="84834" spans="8:8">
      <c r="H84834" s="12"/>
    </row>
    <row r="84835" spans="8:8">
      <c r="H84835" s="12"/>
    </row>
    <row r="84836" spans="8:8">
      <c r="H84836" s="12"/>
    </row>
    <row r="84837" spans="8:8">
      <c r="H84837" s="12"/>
    </row>
    <row r="84838" spans="8:8">
      <c r="H84838" s="12"/>
    </row>
    <row r="84839" spans="8:8">
      <c r="H84839" s="12"/>
    </row>
    <row r="84840" spans="8:8">
      <c r="H84840" s="12"/>
    </row>
    <row r="84841" spans="8:8">
      <c r="H84841" s="12"/>
    </row>
    <row r="84842" spans="8:8">
      <c r="H84842" s="12"/>
    </row>
    <row r="84843" spans="8:8">
      <c r="H84843" s="12"/>
    </row>
    <row r="84844" spans="8:8">
      <c r="H84844" s="12"/>
    </row>
    <row r="84845" spans="8:8">
      <c r="H84845" s="12"/>
    </row>
    <row r="84846" spans="8:8">
      <c r="H84846" s="12"/>
    </row>
    <row r="84847" spans="8:8">
      <c r="H84847" s="12"/>
    </row>
    <row r="84848" spans="8:8">
      <c r="H84848" s="12"/>
    </row>
    <row r="84849" spans="8:8">
      <c r="H84849" s="12"/>
    </row>
    <row r="84850" spans="8:8">
      <c r="H84850" s="12"/>
    </row>
    <row r="84851" spans="8:8">
      <c r="H84851" s="12"/>
    </row>
    <row r="84852" spans="8:8">
      <c r="H84852" s="12"/>
    </row>
    <row r="84853" spans="8:8">
      <c r="H84853" s="12"/>
    </row>
    <row r="84854" spans="8:8">
      <c r="H84854" s="12"/>
    </row>
    <row r="84855" spans="8:8">
      <c r="H84855" s="12"/>
    </row>
    <row r="84856" spans="8:8">
      <c r="H84856" s="12"/>
    </row>
    <row r="84857" spans="8:8">
      <c r="H84857" s="12"/>
    </row>
    <row r="84858" spans="8:8">
      <c r="H84858" s="12"/>
    </row>
    <row r="84859" spans="8:8">
      <c r="H84859" s="12"/>
    </row>
    <row r="84860" spans="8:8">
      <c r="H84860" s="12"/>
    </row>
    <row r="84861" spans="8:8">
      <c r="H84861" s="12"/>
    </row>
    <row r="84862" spans="8:8">
      <c r="H84862" s="12"/>
    </row>
    <row r="84863" spans="8:8">
      <c r="H84863" s="12"/>
    </row>
    <row r="84864" spans="8:8">
      <c r="H84864" s="12"/>
    </row>
    <row r="84865" spans="8:8">
      <c r="H84865" s="12"/>
    </row>
    <row r="84866" spans="8:8">
      <c r="H84866" s="12"/>
    </row>
    <row r="84867" spans="8:8">
      <c r="H84867" s="12"/>
    </row>
    <row r="84868" spans="8:8">
      <c r="H84868" s="12"/>
    </row>
    <row r="84869" spans="8:8">
      <c r="H84869" s="12"/>
    </row>
    <row r="84870" spans="8:8">
      <c r="H84870" s="12"/>
    </row>
    <row r="84871" spans="8:8">
      <c r="H84871" s="12"/>
    </row>
    <row r="84872" spans="8:8">
      <c r="H84872" s="12"/>
    </row>
    <row r="84873" spans="8:8">
      <c r="H84873" s="12"/>
    </row>
    <row r="84874" spans="8:8">
      <c r="H84874" s="12"/>
    </row>
    <row r="84875" spans="8:8">
      <c r="H84875" s="12"/>
    </row>
    <row r="84876" spans="8:8">
      <c r="H84876" s="12"/>
    </row>
    <row r="84877" spans="8:8">
      <c r="H84877" s="12"/>
    </row>
    <row r="84878" spans="8:8">
      <c r="H84878" s="12"/>
    </row>
    <row r="84879" spans="8:8">
      <c r="H84879" s="12"/>
    </row>
    <row r="84880" spans="8:8">
      <c r="H84880" s="12"/>
    </row>
    <row r="84881" spans="8:8">
      <c r="H84881" s="12"/>
    </row>
    <row r="84882" spans="8:8">
      <c r="H84882" s="12"/>
    </row>
    <row r="84883" spans="8:8">
      <c r="H84883" s="12"/>
    </row>
    <row r="84884" spans="8:8">
      <c r="H84884" s="12"/>
    </row>
    <row r="84885" spans="8:8">
      <c r="H84885" s="12"/>
    </row>
    <row r="84886" spans="8:8">
      <c r="H84886" s="12"/>
    </row>
    <row r="84887" spans="8:8">
      <c r="H84887" s="12"/>
    </row>
    <row r="84888" spans="8:8">
      <c r="H84888" s="12"/>
    </row>
    <row r="84889" spans="8:8">
      <c r="H84889" s="12"/>
    </row>
    <row r="84890" spans="8:8">
      <c r="H84890" s="12"/>
    </row>
    <row r="84891" spans="8:8">
      <c r="H84891" s="12"/>
    </row>
    <row r="84892" spans="8:8">
      <c r="H84892" s="12"/>
    </row>
    <row r="84893" spans="8:8">
      <c r="H84893" s="12"/>
    </row>
    <row r="84894" spans="8:8">
      <c r="H84894" s="12"/>
    </row>
    <row r="84895" spans="8:8">
      <c r="H84895" s="12"/>
    </row>
    <row r="84896" spans="8:8">
      <c r="H84896" s="12"/>
    </row>
    <row r="84897" spans="8:8">
      <c r="H84897" s="12"/>
    </row>
    <row r="84898" spans="8:8">
      <c r="H84898" s="12"/>
    </row>
    <row r="84899" spans="8:8">
      <c r="H84899" s="12"/>
    </row>
    <row r="84900" spans="8:8">
      <c r="H84900" s="12"/>
    </row>
    <row r="84901" spans="8:8">
      <c r="H84901" s="12"/>
    </row>
    <row r="84902" spans="8:8">
      <c r="H84902" s="12"/>
    </row>
    <row r="84903" spans="8:8">
      <c r="H84903" s="12"/>
    </row>
    <row r="84904" spans="8:8">
      <c r="H84904" s="12"/>
    </row>
    <row r="84905" spans="8:8">
      <c r="H84905" s="12"/>
    </row>
    <row r="84906" spans="8:8">
      <c r="H84906" s="12"/>
    </row>
    <row r="84907" spans="8:8">
      <c r="H84907" s="12"/>
    </row>
    <row r="84908" spans="8:8">
      <c r="H84908" s="12"/>
    </row>
    <row r="84909" spans="8:8">
      <c r="H84909" s="12"/>
    </row>
    <row r="84910" spans="8:8">
      <c r="H84910" s="12"/>
    </row>
    <row r="84911" spans="8:8">
      <c r="H84911" s="12"/>
    </row>
    <row r="84912" spans="8:8">
      <c r="H84912" s="12"/>
    </row>
    <row r="84913" spans="8:8">
      <c r="H84913" s="12"/>
    </row>
    <row r="84914" spans="8:8">
      <c r="H84914" s="12"/>
    </row>
    <row r="84915" spans="8:8">
      <c r="H84915" s="12"/>
    </row>
    <row r="84916" spans="8:8">
      <c r="H84916" s="12"/>
    </row>
    <row r="84917" spans="8:8">
      <c r="H84917" s="12"/>
    </row>
    <row r="84918" spans="8:8">
      <c r="H84918" s="12"/>
    </row>
    <row r="84919" spans="8:8">
      <c r="H84919" s="12"/>
    </row>
    <row r="84920" spans="8:8">
      <c r="H84920" s="12"/>
    </row>
    <row r="84921" spans="8:8">
      <c r="H84921" s="12"/>
    </row>
    <row r="84922" spans="8:8">
      <c r="H84922" s="12"/>
    </row>
    <row r="84923" spans="8:8">
      <c r="H84923" s="12"/>
    </row>
    <row r="84924" spans="8:8">
      <c r="H84924" s="12"/>
    </row>
    <row r="84925" spans="8:8">
      <c r="H84925" s="12"/>
    </row>
    <row r="84926" spans="8:8">
      <c r="H84926" s="12"/>
    </row>
    <row r="84927" spans="8:8">
      <c r="H84927" s="12"/>
    </row>
    <row r="84928" spans="8:8">
      <c r="H84928" s="12"/>
    </row>
    <row r="84929" spans="8:8">
      <c r="H84929" s="12"/>
    </row>
    <row r="84930" spans="8:8">
      <c r="H84930" s="12"/>
    </row>
    <row r="84931" spans="8:8">
      <c r="H84931" s="12"/>
    </row>
    <row r="84932" spans="8:8">
      <c r="H84932" s="12"/>
    </row>
    <row r="84933" spans="8:8">
      <c r="H84933" s="12"/>
    </row>
    <row r="84934" spans="8:8">
      <c r="H84934" s="12"/>
    </row>
    <row r="84935" spans="8:8">
      <c r="H84935" s="12"/>
    </row>
    <row r="84936" spans="8:8">
      <c r="H84936" s="12"/>
    </row>
    <row r="84937" spans="8:8">
      <c r="H84937" s="12"/>
    </row>
    <row r="84938" spans="8:8">
      <c r="H84938" s="12"/>
    </row>
    <row r="84939" spans="8:8">
      <c r="H84939" s="12"/>
    </row>
    <row r="84940" spans="8:8">
      <c r="H84940" s="12"/>
    </row>
    <row r="84941" spans="8:8">
      <c r="H84941" s="12"/>
    </row>
    <row r="84942" spans="8:8">
      <c r="H84942" s="12"/>
    </row>
    <row r="84943" spans="8:8">
      <c r="H84943" s="12"/>
    </row>
    <row r="84944" spans="8:8">
      <c r="H84944" s="12"/>
    </row>
    <row r="84945" spans="8:8">
      <c r="H84945" s="12"/>
    </row>
    <row r="84946" spans="8:8">
      <c r="H84946" s="12"/>
    </row>
    <row r="84947" spans="8:8">
      <c r="H84947" s="12"/>
    </row>
    <row r="84948" spans="8:8">
      <c r="H84948" s="12"/>
    </row>
    <row r="84949" spans="8:8">
      <c r="H84949" s="12"/>
    </row>
    <row r="84950" spans="8:8">
      <c r="H84950" s="12"/>
    </row>
    <row r="84951" spans="8:8">
      <c r="H84951" s="12"/>
    </row>
    <row r="84952" spans="8:8">
      <c r="H84952" s="12"/>
    </row>
    <row r="84953" spans="8:8">
      <c r="H84953" s="12"/>
    </row>
    <row r="84954" spans="8:8">
      <c r="H84954" s="12"/>
    </row>
    <row r="84955" spans="8:8">
      <c r="H84955" s="12"/>
    </row>
    <row r="84956" spans="8:8">
      <c r="H84956" s="12"/>
    </row>
    <row r="84957" spans="8:8">
      <c r="H84957" s="12"/>
    </row>
    <row r="84958" spans="8:8">
      <c r="H84958" s="12"/>
    </row>
    <row r="84959" spans="8:8">
      <c r="H84959" s="12"/>
    </row>
    <row r="84960" spans="8:8">
      <c r="H84960" s="12"/>
    </row>
    <row r="84961" spans="8:8">
      <c r="H84961" s="12"/>
    </row>
    <row r="84962" spans="8:8">
      <c r="H84962" s="12"/>
    </row>
    <row r="84963" spans="8:8">
      <c r="H84963" s="12"/>
    </row>
    <row r="84964" spans="8:8">
      <c r="H84964" s="12"/>
    </row>
    <row r="84965" spans="8:8">
      <c r="H84965" s="12"/>
    </row>
    <row r="84966" spans="8:8">
      <c r="H84966" s="12"/>
    </row>
    <row r="84967" spans="8:8">
      <c r="H84967" s="12"/>
    </row>
    <row r="84968" spans="8:8">
      <c r="H84968" s="12"/>
    </row>
    <row r="84969" spans="8:8">
      <c r="H84969" s="12"/>
    </row>
    <row r="84970" spans="8:8">
      <c r="H84970" s="12"/>
    </row>
    <row r="84971" spans="8:8">
      <c r="H84971" s="12"/>
    </row>
    <row r="84972" spans="8:8">
      <c r="H84972" s="12"/>
    </row>
    <row r="84973" spans="8:8">
      <c r="H84973" s="12"/>
    </row>
    <row r="84974" spans="8:8">
      <c r="H84974" s="12"/>
    </row>
    <row r="84975" spans="8:8">
      <c r="H84975" s="12"/>
    </row>
    <row r="84976" spans="8:8">
      <c r="H84976" s="12"/>
    </row>
    <row r="84977" spans="8:8">
      <c r="H84977" s="12"/>
    </row>
    <row r="84978" spans="8:8">
      <c r="H84978" s="12"/>
    </row>
    <row r="84979" spans="8:8">
      <c r="H84979" s="12"/>
    </row>
    <row r="84980" spans="8:8">
      <c r="H84980" s="12"/>
    </row>
    <row r="84981" spans="8:8">
      <c r="H84981" s="12"/>
    </row>
    <row r="84982" spans="8:8">
      <c r="H84982" s="12"/>
    </row>
    <row r="84983" spans="8:8">
      <c r="H84983" s="12"/>
    </row>
    <row r="84984" spans="8:8">
      <c r="H84984" s="12"/>
    </row>
    <row r="84985" spans="8:8">
      <c r="H84985" s="12"/>
    </row>
    <row r="84986" spans="8:8">
      <c r="H84986" s="12"/>
    </row>
    <row r="84987" spans="8:8">
      <c r="H84987" s="12"/>
    </row>
    <row r="84988" spans="8:8">
      <c r="H84988" s="12"/>
    </row>
    <row r="84989" spans="8:8">
      <c r="H84989" s="12"/>
    </row>
    <row r="84990" spans="8:8">
      <c r="H84990" s="12"/>
    </row>
    <row r="84991" spans="8:8">
      <c r="H84991" s="12"/>
    </row>
    <row r="84992" spans="8:8">
      <c r="H84992" s="12"/>
    </row>
    <row r="84993" spans="8:8">
      <c r="H84993" s="12"/>
    </row>
    <row r="84994" spans="8:8">
      <c r="H84994" s="12"/>
    </row>
    <row r="84995" spans="8:8">
      <c r="H84995" s="12"/>
    </row>
    <row r="84996" spans="8:8">
      <c r="H84996" s="12"/>
    </row>
    <row r="84997" spans="8:8">
      <c r="H84997" s="12"/>
    </row>
    <row r="84998" spans="8:8">
      <c r="H84998" s="12"/>
    </row>
    <row r="84999" spans="8:8">
      <c r="H84999" s="12"/>
    </row>
    <row r="85000" spans="8:8">
      <c r="H85000" s="12"/>
    </row>
    <row r="85001" spans="8:8">
      <c r="H85001" s="12"/>
    </row>
    <row r="85002" spans="8:8">
      <c r="H85002" s="12"/>
    </row>
    <row r="85003" spans="8:8">
      <c r="H85003" s="12"/>
    </row>
    <row r="85004" spans="8:8">
      <c r="H85004" s="12"/>
    </row>
    <row r="85005" spans="8:8">
      <c r="H85005" s="12"/>
    </row>
    <row r="85006" spans="8:8">
      <c r="H85006" s="12"/>
    </row>
    <row r="85007" spans="8:8">
      <c r="H85007" s="12"/>
    </row>
    <row r="85008" spans="8:8">
      <c r="H85008" s="12"/>
    </row>
    <row r="85009" spans="8:8">
      <c r="H85009" s="12"/>
    </row>
    <row r="85010" spans="8:8">
      <c r="H85010" s="12"/>
    </row>
    <row r="85011" spans="8:8">
      <c r="H85011" s="12"/>
    </row>
    <row r="85012" spans="8:8">
      <c r="H85012" s="12"/>
    </row>
    <row r="85013" spans="8:8">
      <c r="H85013" s="12"/>
    </row>
    <row r="85014" spans="8:8">
      <c r="H85014" s="12"/>
    </row>
    <row r="85015" spans="8:8">
      <c r="H85015" s="12"/>
    </row>
    <row r="85016" spans="8:8">
      <c r="H85016" s="12"/>
    </row>
    <row r="85017" spans="8:8">
      <c r="H85017" s="12"/>
    </row>
    <row r="85018" spans="8:8">
      <c r="H85018" s="12"/>
    </row>
    <row r="85019" spans="8:8">
      <c r="H85019" s="12"/>
    </row>
    <row r="85020" spans="8:8">
      <c r="H85020" s="12"/>
    </row>
    <row r="85021" spans="8:8">
      <c r="H85021" s="12"/>
    </row>
    <row r="85022" spans="8:8">
      <c r="H85022" s="12"/>
    </row>
    <row r="85023" spans="8:8">
      <c r="H85023" s="12"/>
    </row>
    <row r="85024" spans="8:8">
      <c r="H85024" s="12"/>
    </row>
    <row r="85025" spans="8:8">
      <c r="H85025" s="12"/>
    </row>
    <row r="85026" spans="8:8">
      <c r="H85026" s="12"/>
    </row>
    <row r="85027" spans="8:8">
      <c r="H85027" s="12"/>
    </row>
    <row r="85028" spans="8:8">
      <c r="H85028" s="12"/>
    </row>
    <row r="85029" spans="8:8">
      <c r="H85029" s="12"/>
    </row>
    <row r="85030" spans="8:8">
      <c r="H85030" s="12"/>
    </row>
    <row r="85031" spans="8:8">
      <c r="H85031" s="12"/>
    </row>
    <row r="85032" spans="8:8">
      <c r="H85032" s="12"/>
    </row>
    <row r="85033" spans="8:8">
      <c r="H85033" s="12"/>
    </row>
    <row r="85034" spans="8:8">
      <c r="H85034" s="12"/>
    </row>
    <row r="85035" spans="8:8">
      <c r="H85035" s="12"/>
    </row>
    <row r="85036" spans="8:8">
      <c r="H85036" s="12"/>
    </row>
    <row r="85037" spans="8:8">
      <c r="H85037" s="12"/>
    </row>
    <row r="85038" spans="8:8">
      <c r="H85038" s="12"/>
    </row>
    <row r="85039" spans="8:8">
      <c r="H85039" s="12"/>
    </row>
    <row r="85040" spans="8:8">
      <c r="H85040" s="12"/>
    </row>
    <row r="85041" spans="8:8">
      <c r="H85041" s="12"/>
    </row>
    <row r="85042" spans="8:8">
      <c r="H85042" s="12"/>
    </row>
    <row r="85043" spans="8:8">
      <c r="H85043" s="12"/>
    </row>
    <row r="85044" spans="8:8">
      <c r="H85044" s="12"/>
    </row>
    <row r="85045" spans="8:8">
      <c r="H85045" s="12"/>
    </row>
    <row r="85046" spans="8:8">
      <c r="H85046" s="12"/>
    </row>
    <row r="85047" spans="8:8">
      <c r="H85047" s="12"/>
    </row>
    <row r="85048" spans="8:8">
      <c r="H85048" s="12"/>
    </row>
    <row r="85049" spans="8:8">
      <c r="H85049" s="12"/>
    </row>
    <row r="85050" spans="8:8">
      <c r="H85050" s="12"/>
    </row>
    <row r="85051" spans="8:8">
      <c r="H85051" s="12"/>
    </row>
    <row r="85052" spans="8:8">
      <c r="H85052" s="12"/>
    </row>
    <row r="85053" spans="8:8">
      <c r="H85053" s="12"/>
    </row>
    <row r="85054" spans="8:8">
      <c r="H85054" s="12"/>
    </row>
    <row r="85055" spans="8:8">
      <c r="H85055" s="12"/>
    </row>
    <row r="85056" spans="8:8">
      <c r="H85056" s="12"/>
    </row>
    <row r="85057" spans="8:8">
      <c r="H85057" s="12"/>
    </row>
    <row r="85058" spans="8:8">
      <c r="H85058" s="12"/>
    </row>
    <row r="85059" spans="8:8">
      <c r="H85059" s="12"/>
    </row>
    <row r="85060" spans="8:8">
      <c r="H85060" s="12"/>
    </row>
    <row r="85061" spans="8:8">
      <c r="H85061" s="12"/>
    </row>
    <row r="85062" spans="8:8">
      <c r="H85062" s="12"/>
    </row>
    <row r="85063" spans="8:8">
      <c r="H85063" s="12"/>
    </row>
    <row r="85064" spans="8:8">
      <c r="H85064" s="12"/>
    </row>
    <row r="85065" spans="8:8">
      <c r="H85065" s="12"/>
    </row>
    <row r="85066" spans="8:8">
      <c r="H85066" s="12"/>
    </row>
    <row r="85067" spans="8:8">
      <c r="H85067" s="12"/>
    </row>
    <row r="85068" spans="8:8">
      <c r="H85068" s="12"/>
    </row>
    <row r="85069" spans="8:8">
      <c r="H85069" s="12"/>
    </row>
    <row r="85070" spans="8:8">
      <c r="H85070" s="12"/>
    </row>
    <row r="85071" spans="8:8">
      <c r="H85071" s="12"/>
    </row>
    <row r="85072" spans="8:8">
      <c r="H85072" s="12"/>
    </row>
    <row r="85073" spans="8:8">
      <c r="H85073" s="12"/>
    </row>
    <row r="85074" spans="8:8">
      <c r="H85074" s="12"/>
    </row>
    <row r="85075" spans="8:8">
      <c r="H85075" s="12"/>
    </row>
    <row r="85076" spans="8:8">
      <c r="H85076" s="12"/>
    </row>
    <row r="85077" spans="8:8">
      <c r="H85077" s="12"/>
    </row>
    <row r="85078" spans="8:8">
      <c r="H85078" s="12"/>
    </row>
    <row r="85079" spans="8:8">
      <c r="H85079" s="12"/>
    </row>
    <row r="85080" spans="8:8">
      <c r="H85080" s="12"/>
    </row>
    <row r="85081" spans="8:8">
      <c r="H85081" s="12"/>
    </row>
    <row r="85082" spans="8:8">
      <c r="H85082" s="12"/>
    </row>
    <row r="85083" spans="8:8">
      <c r="H85083" s="12"/>
    </row>
    <row r="85084" spans="8:8">
      <c r="H85084" s="12"/>
    </row>
    <row r="85085" spans="8:8">
      <c r="H85085" s="12"/>
    </row>
    <row r="85086" spans="8:8">
      <c r="H85086" s="12"/>
    </row>
    <row r="85087" spans="8:8">
      <c r="H85087" s="12"/>
    </row>
    <row r="85088" spans="8:8">
      <c r="H85088" s="12"/>
    </row>
    <row r="85089" spans="8:8">
      <c r="H85089" s="12"/>
    </row>
    <row r="85090" spans="8:8">
      <c r="H85090" s="12"/>
    </row>
    <row r="85091" spans="8:8">
      <c r="H85091" s="12"/>
    </row>
    <row r="85092" spans="8:8">
      <c r="H85092" s="12"/>
    </row>
    <row r="85093" spans="8:8">
      <c r="H85093" s="12"/>
    </row>
    <row r="85094" spans="8:8">
      <c r="H85094" s="12"/>
    </row>
    <row r="85095" spans="8:8">
      <c r="H85095" s="12"/>
    </row>
    <row r="85096" spans="8:8">
      <c r="H85096" s="12"/>
    </row>
    <row r="85097" spans="8:8">
      <c r="H85097" s="12"/>
    </row>
    <row r="85098" spans="8:8">
      <c r="H85098" s="12"/>
    </row>
    <row r="85099" spans="8:8">
      <c r="H85099" s="12"/>
    </row>
    <row r="85100" spans="8:8">
      <c r="H85100" s="12"/>
    </row>
    <row r="85101" spans="8:8">
      <c r="H85101" s="12"/>
    </row>
    <row r="85102" spans="8:8">
      <c r="H85102" s="12"/>
    </row>
    <row r="85103" spans="8:8">
      <c r="H85103" s="12"/>
    </row>
    <row r="85104" spans="8:8">
      <c r="H85104" s="12"/>
    </row>
    <row r="85105" spans="8:8">
      <c r="H85105" s="12"/>
    </row>
    <row r="85106" spans="8:8">
      <c r="H85106" s="12"/>
    </row>
    <row r="85107" spans="8:8">
      <c r="H85107" s="12"/>
    </row>
    <row r="85108" spans="8:8">
      <c r="H85108" s="12"/>
    </row>
    <row r="85109" spans="8:8">
      <c r="H85109" s="12"/>
    </row>
    <row r="85110" spans="8:8">
      <c r="H85110" s="12"/>
    </row>
    <row r="85111" spans="8:8">
      <c r="H85111" s="12"/>
    </row>
    <row r="85112" spans="8:8">
      <c r="H85112" s="12"/>
    </row>
    <row r="85113" spans="8:8">
      <c r="H85113" s="12"/>
    </row>
    <row r="85114" spans="8:8">
      <c r="H85114" s="12"/>
    </row>
    <row r="85115" spans="8:8">
      <c r="H85115" s="12"/>
    </row>
    <row r="85116" spans="8:8">
      <c r="H85116" s="12"/>
    </row>
    <row r="85117" spans="8:8">
      <c r="H85117" s="12"/>
    </row>
    <row r="85118" spans="8:8">
      <c r="H85118" s="12"/>
    </row>
    <row r="85119" spans="8:8">
      <c r="H85119" s="12"/>
    </row>
    <row r="85120" spans="8:8">
      <c r="H85120" s="12"/>
    </row>
    <row r="85121" spans="8:8">
      <c r="H85121" s="12"/>
    </row>
    <row r="85122" spans="8:8">
      <c r="H85122" s="12"/>
    </row>
    <row r="85123" spans="8:8">
      <c r="H85123" s="12"/>
    </row>
    <row r="85124" spans="8:8">
      <c r="H85124" s="12"/>
    </row>
    <row r="85125" spans="8:8">
      <c r="H85125" s="12"/>
    </row>
    <row r="85126" spans="8:8">
      <c r="H85126" s="12"/>
    </row>
    <row r="85127" spans="8:8">
      <c r="H85127" s="12"/>
    </row>
    <row r="85128" spans="8:8">
      <c r="H85128" s="12"/>
    </row>
    <row r="85129" spans="8:8">
      <c r="H85129" s="12"/>
    </row>
    <row r="85130" spans="8:8">
      <c r="H85130" s="12"/>
    </row>
    <row r="85131" spans="8:8">
      <c r="H85131" s="12"/>
    </row>
    <row r="85132" spans="8:8">
      <c r="H85132" s="12"/>
    </row>
    <row r="85133" spans="8:8">
      <c r="H85133" s="12"/>
    </row>
    <row r="85134" spans="8:8">
      <c r="H85134" s="12"/>
    </row>
    <row r="85135" spans="8:8">
      <c r="H85135" s="12"/>
    </row>
    <row r="85136" spans="8:8">
      <c r="H85136" s="12"/>
    </row>
    <row r="85137" spans="8:8">
      <c r="H85137" s="12"/>
    </row>
    <row r="85138" spans="8:8">
      <c r="H85138" s="12"/>
    </row>
    <row r="85139" spans="8:8">
      <c r="H85139" s="12"/>
    </row>
    <row r="85140" spans="8:8">
      <c r="H85140" s="12"/>
    </row>
    <row r="85141" spans="8:8">
      <c r="H85141" s="12"/>
    </row>
    <row r="85142" spans="8:8">
      <c r="H85142" s="12"/>
    </row>
    <row r="85143" spans="8:8">
      <c r="H85143" s="12"/>
    </row>
    <row r="85144" spans="8:8">
      <c r="H85144" s="12"/>
    </row>
    <row r="85145" spans="8:8">
      <c r="H85145" s="12"/>
    </row>
    <row r="85146" spans="8:8">
      <c r="H85146" s="12"/>
    </row>
    <row r="85147" spans="8:8">
      <c r="H85147" s="12"/>
    </row>
    <row r="85148" spans="8:8">
      <c r="H85148" s="12"/>
    </row>
    <row r="85149" spans="8:8">
      <c r="H85149" s="12"/>
    </row>
    <row r="85150" spans="8:8">
      <c r="H85150" s="12"/>
    </row>
    <row r="85151" spans="8:8">
      <c r="H85151" s="12"/>
    </row>
    <row r="85152" spans="8:8">
      <c r="H85152" s="12"/>
    </row>
    <row r="85153" spans="8:8">
      <c r="H85153" s="12"/>
    </row>
    <row r="85154" spans="8:8">
      <c r="H85154" s="12"/>
    </row>
    <row r="85155" spans="8:8">
      <c r="H85155" s="12"/>
    </row>
    <row r="85156" spans="8:8">
      <c r="H85156" s="12"/>
    </row>
    <row r="85157" spans="8:8">
      <c r="H85157" s="12"/>
    </row>
    <row r="85158" spans="8:8">
      <c r="H85158" s="12"/>
    </row>
    <row r="85159" spans="8:8">
      <c r="H85159" s="12"/>
    </row>
    <row r="85160" spans="8:8">
      <c r="H85160" s="12"/>
    </row>
    <row r="85161" spans="8:8">
      <c r="H85161" s="12"/>
    </row>
    <row r="85162" spans="8:8">
      <c r="H85162" s="12"/>
    </row>
    <row r="85163" spans="8:8">
      <c r="H85163" s="12"/>
    </row>
    <row r="85164" spans="8:8">
      <c r="H85164" s="12"/>
    </row>
    <row r="85165" spans="8:8">
      <c r="H85165" s="12"/>
    </row>
    <row r="85166" spans="8:8">
      <c r="H85166" s="12"/>
    </row>
    <row r="85167" spans="8:8">
      <c r="H85167" s="12"/>
    </row>
    <row r="85168" spans="8:8">
      <c r="H85168" s="12"/>
    </row>
    <row r="85169" spans="8:8">
      <c r="H85169" s="12"/>
    </row>
    <row r="85170" spans="8:8">
      <c r="H85170" s="12"/>
    </row>
    <row r="85171" spans="8:8">
      <c r="H85171" s="12"/>
    </row>
    <row r="85172" spans="8:8">
      <c r="H85172" s="12"/>
    </row>
    <row r="85173" spans="8:8">
      <c r="H85173" s="12"/>
    </row>
    <row r="85174" spans="8:8">
      <c r="H85174" s="12"/>
    </row>
    <row r="85175" spans="8:8">
      <c r="H85175" s="12"/>
    </row>
    <row r="85176" spans="8:8">
      <c r="H85176" s="12"/>
    </row>
    <row r="85177" spans="8:8">
      <c r="H85177" s="12"/>
    </row>
    <row r="85178" spans="8:8">
      <c r="H85178" s="12"/>
    </row>
    <row r="85179" spans="8:8">
      <c r="H85179" s="12"/>
    </row>
    <row r="85180" spans="8:8">
      <c r="H85180" s="12"/>
    </row>
    <row r="85181" spans="8:8">
      <c r="H85181" s="12"/>
    </row>
    <row r="85182" spans="8:8">
      <c r="H85182" s="12"/>
    </row>
    <row r="85183" spans="8:8">
      <c r="H85183" s="12"/>
    </row>
    <row r="85184" spans="8:8">
      <c r="H85184" s="12"/>
    </row>
    <row r="85185" spans="8:8">
      <c r="H85185" s="12"/>
    </row>
    <row r="85186" spans="8:8">
      <c r="H85186" s="12"/>
    </row>
    <row r="85187" spans="8:8">
      <c r="H85187" s="12"/>
    </row>
    <row r="85188" spans="8:8">
      <c r="H85188" s="12"/>
    </row>
    <row r="85189" spans="8:8">
      <c r="H85189" s="12"/>
    </row>
    <row r="85190" spans="8:8">
      <c r="H85190" s="12"/>
    </row>
    <row r="85191" spans="8:8">
      <c r="H85191" s="12"/>
    </row>
    <row r="85192" spans="8:8">
      <c r="H85192" s="12"/>
    </row>
    <row r="85193" spans="8:8">
      <c r="H85193" s="12"/>
    </row>
    <row r="85194" spans="8:8">
      <c r="H85194" s="12"/>
    </row>
    <row r="85195" spans="8:8">
      <c r="H85195" s="12"/>
    </row>
    <row r="85196" spans="8:8">
      <c r="H85196" s="12"/>
    </row>
    <row r="85197" spans="8:8">
      <c r="H85197" s="12"/>
    </row>
    <row r="85198" spans="8:8">
      <c r="H85198" s="12"/>
    </row>
    <row r="85199" spans="8:8">
      <c r="H85199" s="12"/>
    </row>
    <row r="85200" spans="8:8">
      <c r="H85200" s="12"/>
    </row>
    <row r="85201" spans="8:8">
      <c r="H85201" s="12"/>
    </row>
    <row r="85202" spans="8:8">
      <c r="H85202" s="12"/>
    </row>
    <row r="85203" spans="8:8">
      <c r="H85203" s="12"/>
    </row>
    <row r="85204" spans="8:8">
      <c r="H85204" s="12"/>
    </row>
    <row r="85205" spans="8:8">
      <c r="H85205" s="12"/>
    </row>
    <row r="85206" spans="8:8">
      <c r="H85206" s="12"/>
    </row>
    <row r="85207" spans="8:8">
      <c r="H85207" s="12"/>
    </row>
    <row r="85208" spans="8:8">
      <c r="H85208" s="12"/>
    </row>
    <row r="85209" spans="8:8">
      <c r="H85209" s="12"/>
    </row>
    <row r="85210" spans="8:8">
      <c r="H85210" s="12"/>
    </row>
    <row r="85211" spans="8:8">
      <c r="H85211" s="12"/>
    </row>
    <row r="85212" spans="8:8">
      <c r="H85212" s="12"/>
    </row>
    <row r="85213" spans="8:8">
      <c r="H85213" s="12"/>
    </row>
    <row r="85214" spans="8:8">
      <c r="H85214" s="12"/>
    </row>
    <row r="85215" spans="8:8">
      <c r="H85215" s="12"/>
    </row>
    <row r="85216" spans="8:8">
      <c r="H85216" s="12"/>
    </row>
    <row r="85217" spans="8:8">
      <c r="H85217" s="12"/>
    </row>
    <row r="85218" spans="8:8">
      <c r="H85218" s="12"/>
    </row>
    <row r="85219" spans="8:8">
      <c r="H85219" s="12"/>
    </row>
    <row r="85220" spans="8:8">
      <c r="H85220" s="12"/>
    </row>
    <row r="85221" spans="8:8">
      <c r="H85221" s="12"/>
    </row>
    <row r="85222" spans="8:8">
      <c r="H85222" s="12"/>
    </row>
    <row r="85223" spans="8:8">
      <c r="H85223" s="12"/>
    </row>
    <row r="85224" spans="8:8">
      <c r="H85224" s="12"/>
    </row>
    <row r="85225" spans="8:8">
      <c r="H85225" s="12"/>
    </row>
    <row r="85226" spans="8:8">
      <c r="H85226" s="12"/>
    </row>
    <row r="85227" spans="8:8">
      <c r="H85227" s="12"/>
    </row>
    <row r="85228" spans="8:8">
      <c r="H85228" s="12"/>
    </row>
    <row r="85229" spans="8:8">
      <c r="H85229" s="12"/>
    </row>
    <row r="85230" spans="8:8">
      <c r="H85230" s="12"/>
    </row>
    <row r="85231" spans="8:8">
      <c r="H85231" s="12"/>
    </row>
    <row r="85232" spans="8:8">
      <c r="H85232" s="12"/>
    </row>
    <row r="85233" spans="8:8">
      <c r="H85233" s="12"/>
    </row>
    <row r="85234" spans="8:8">
      <c r="H85234" s="12"/>
    </row>
    <row r="85235" spans="8:8">
      <c r="H85235" s="12"/>
    </row>
    <row r="85236" spans="8:8">
      <c r="H85236" s="12"/>
    </row>
    <row r="85237" spans="8:8">
      <c r="H85237" s="12"/>
    </row>
    <row r="85238" spans="8:8">
      <c r="H85238" s="12"/>
    </row>
    <row r="85239" spans="8:8">
      <c r="H85239" s="12"/>
    </row>
    <row r="85240" spans="8:8">
      <c r="H85240" s="12"/>
    </row>
    <row r="85241" spans="8:8">
      <c r="H85241" s="12"/>
    </row>
    <row r="85242" spans="8:8">
      <c r="H85242" s="12"/>
    </row>
    <row r="85243" spans="8:8">
      <c r="H85243" s="12"/>
    </row>
    <row r="85244" spans="8:8">
      <c r="H85244" s="12"/>
    </row>
    <row r="85245" spans="8:8">
      <c r="H85245" s="12"/>
    </row>
    <row r="85246" spans="8:8">
      <c r="H85246" s="12"/>
    </row>
    <row r="85247" spans="8:8">
      <c r="H85247" s="12"/>
    </row>
    <row r="85248" spans="8:8">
      <c r="H85248" s="12"/>
    </row>
    <row r="85249" spans="8:8">
      <c r="H85249" s="12"/>
    </row>
    <row r="85250" spans="8:8">
      <c r="H85250" s="12"/>
    </row>
    <row r="85251" spans="8:8">
      <c r="H85251" s="12"/>
    </row>
    <row r="85252" spans="8:8">
      <c r="H85252" s="12"/>
    </row>
    <row r="85253" spans="8:8">
      <c r="H85253" s="12"/>
    </row>
    <row r="85254" spans="8:8">
      <c r="H85254" s="12"/>
    </row>
    <row r="85255" spans="8:8">
      <c r="H85255" s="12"/>
    </row>
    <row r="85256" spans="8:8">
      <c r="H85256" s="12"/>
    </row>
    <row r="85257" spans="8:8">
      <c r="H85257" s="12"/>
    </row>
    <row r="85258" spans="8:8">
      <c r="H85258" s="12"/>
    </row>
    <row r="85259" spans="8:8">
      <c r="H85259" s="12"/>
    </row>
    <row r="85260" spans="8:8">
      <c r="H85260" s="12"/>
    </row>
    <row r="85261" spans="8:8">
      <c r="H85261" s="12"/>
    </row>
    <row r="85262" spans="8:8">
      <c r="H85262" s="12"/>
    </row>
    <row r="85263" spans="8:8">
      <c r="H85263" s="12"/>
    </row>
    <row r="85264" spans="8:8">
      <c r="H85264" s="12"/>
    </row>
    <row r="85265" spans="8:8">
      <c r="H85265" s="12"/>
    </row>
    <row r="85266" spans="8:8">
      <c r="H85266" s="12"/>
    </row>
    <row r="85267" spans="8:8">
      <c r="H85267" s="12"/>
    </row>
    <row r="85268" spans="8:8">
      <c r="H85268" s="12"/>
    </row>
    <row r="85269" spans="8:8">
      <c r="H85269" s="12"/>
    </row>
    <row r="85270" spans="8:8">
      <c r="H85270" s="12"/>
    </row>
    <row r="85271" spans="8:8">
      <c r="H85271" s="12"/>
    </row>
    <row r="85272" spans="8:8">
      <c r="H85272" s="12"/>
    </row>
    <row r="85273" spans="8:8">
      <c r="H85273" s="12"/>
    </row>
    <row r="85274" spans="8:8">
      <c r="H85274" s="12"/>
    </row>
    <row r="85275" spans="8:8">
      <c r="H85275" s="12"/>
    </row>
    <row r="85276" spans="8:8">
      <c r="H85276" s="12"/>
    </row>
    <row r="85277" spans="8:8">
      <c r="H85277" s="12"/>
    </row>
    <row r="85278" spans="8:8">
      <c r="H85278" s="12"/>
    </row>
    <row r="85279" spans="8:8">
      <c r="H85279" s="12"/>
    </row>
    <row r="85280" spans="8:8">
      <c r="H85280" s="12"/>
    </row>
    <row r="85281" spans="8:8">
      <c r="H85281" s="12"/>
    </row>
    <row r="85282" spans="8:8">
      <c r="H85282" s="12"/>
    </row>
    <row r="85283" spans="8:8">
      <c r="H85283" s="12"/>
    </row>
    <row r="85284" spans="8:8">
      <c r="H85284" s="12"/>
    </row>
    <row r="85285" spans="8:8">
      <c r="H85285" s="12"/>
    </row>
    <row r="85286" spans="8:8">
      <c r="H85286" s="12"/>
    </row>
    <row r="85287" spans="8:8">
      <c r="H85287" s="12"/>
    </row>
    <row r="85288" spans="8:8">
      <c r="H85288" s="12"/>
    </row>
    <row r="85289" spans="8:8">
      <c r="H85289" s="12"/>
    </row>
    <row r="85290" spans="8:8">
      <c r="H85290" s="12"/>
    </row>
    <row r="85291" spans="8:8">
      <c r="H85291" s="12"/>
    </row>
    <row r="85292" spans="8:8">
      <c r="H85292" s="12"/>
    </row>
    <row r="85293" spans="8:8">
      <c r="H85293" s="12"/>
    </row>
    <row r="85294" spans="8:8">
      <c r="H85294" s="12"/>
    </row>
    <row r="85295" spans="8:8">
      <c r="H85295" s="12"/>
    </row>
    <row r="85296" spans="8:8">
      <c r="H85296" s="12"/>
    </row>
    <row r="85297" spans="8:8">
      <c r="H85297" s="12"/>
    </row>
    <row r="85298" spans="8:8">
      <c r="H85298" s="12"/>
    </row>
    <row r="85299" spans="8:8">
      <c r="H85299" s="12"/>
    </row>
    <row r="85300" spans="8:8">
      <c r="H85300" s="12"/>
    </row>
    <row r="85301" spans="8:8">
      <c r="H85301" s="12"/>
    </row>
    <row r="85302" spans="8:8">
      <c r="H85302" s="12"/>
    </row>
    <row r="85303" spans="8:8">
      <c r="H85303" s="12"/>
    </row>
    <row r="85304" spans="8:8">
      <c r="H85304" s="12"/>
    </row>
    <row r="85305" spans="8:8">
      <c r="H85305" s="12"/>
    </row>
    <row r="85306" spans="8:8">
      <c r="H85306" s="12"/>
    </row>
    <row r="85307" spans="8:8">
      <c r="H85307" s="12"/>
    </row>
    <row r="85308" spans="8:8">
      <c r="H85308" s="12"/>
    </row>
    <row r="85309" spans="8:8">
      <c r="H85309" s="12"/>
    </row>
    <row r="85310" spans="8:8">
      <c r="H85310" s="12"/>
    </row>
    <row r="85311" spans="8:8">
      <c r="H85311" s="12"/>
    </row>
    <row r="85312" spans="8:8">
      <c r="H85312" s="12"/>
    </row>
    <row r="85313" spans="8:8">
      <c r="H85313" s="12"/>
    </row>
    <row r="85314" spans="8:8">
      <c r="H85314" s="12"/>
    </row>
    <row r="85315" spans="8:8">
      <c r="H85315" s="12"/>
    </row>
    <row r="85316" spans="8:8">
      <c r="H85316" s="12"/>
    </row>
    <row r="85317" spans="8:8">
      <c r="H85317" s="12"/>
    </row>
    <row r="85318" spans="8:8">
      <c r="H85318" s="12"/>
    </row>
    <row r="85319" spans="8:8">
      <c r="H85319" s="12"/>
    </row>
    <row r="85320" spans="8:8">
      <c r="H85320" s="12"/>
    </row>
    <row r="85321" spans="8:8">
      <c r="H85321" s="12"/>
    </row>
    <row r="85322" spans="8:8">
      <c r="H85322" s="12"/>
    </row>
    <row r="85323" spans="8:8">
      <c r="H85323" s="12"/>
    </row>
    <row r="85324" spans="8:8">
      <c r="H85324" s="12"/>
    </row>
    <row r="85325" spans="8:8">
      <c r="H85325" s="12"/>
    </row>
    <row r="85326" spans="8:8">
      <c r="H85326" s="12"/>
    </row>
    <row r="85327" spans="8:8">
      <c r="H85327" s="12"/>
    </row>
    <row r="85328" spans="8:8">
      <c r="H85328" s="12"/>
    </row>
    <row r="85329" spans="8:8">
      <c r="H85329" s="12"/>
    </row>
    <row r="85330" spans="8:8">
      <c r="H85330" s="12"/>
    </row>
    <row r="85331" spans="8:8">
      <c r="H85331" s="12"/>
    </row>
    <row r="85332" spans="8:8">
      <c r="H85332" s="12"/>
    </row>
    <row r="85333" spans="8:8">
      <c r="H85333" s="12"/>
    </row>
    <row r="85334" spans="8:8">
      <c r="H85334" s="12"/>
    </row>
    <row r="85335" spans="8:8">
      <c r="H85335" s="12"/>
    </row>
    <row r="85336" spans="8:8">
      <c r="H85336" s="12"/>
    </row>
    <row r="85337" spans="8:8">
      <c r="H85337" s="12"/>
    </row>
    <row r="85338" spans="8:8">
      <c r="H85338" s="12"/>
    </row>
    <row r="85339" spans="8:8">
      <c r="H85339" s="12"/>
    </row>
    <row r="85340" spans="8:8">
      <c r="H85340" s="12"/>
    </row>
    <row r="85341" spans="8:8">
      <c r="H85341" s="12"/>
    </row>
    <row r="85342" spans="8:8">
      <c r="H85342" s="12"/>
    </row>
    <row r="85343" spans="8:8">
      <c r="H85343" s="12"/>
    </row>
    <row r="85344" spans="8:8">
      <c r="H85344" s="12"/>
    </row>
    <row r="85345" spans="8:8">
      <c r="H85345" s="12"/>
    </row>
    <row r="85346" spans="8:8">
      <c r="H85346" s="12"/>
    </row>
    <row r="85347" spans="8:8">
      <c r="H85347" s="12"/>
    </row>
    <row r="85348" spans="8:8">
      <c r="H85348" s="12"/>
    </row>
    <row r="85349" spans="8:8">
      <c r="H85349" s="12"/>
    </row>
    <row r="85350" spans="8:8">
      <c r="H85350" s="12"/>
    </row>
    <row r="85351" spans="8:8">
      <c r="H85351" s="12"/>
    </row>
    <row r="85352" spans="8:8">
      <c r="H85352" s="12"/>
    </row>
    <row r="85353" spans="8:8">
      <c r="H85353" s="12"/>
    </row>
    <row r="85354" spans="8:8">
      <c r="H85354" s="12"/>
    </row>
    <row r="85355" spans="8:8">
      <c r="H85355" s="12"/>
    </row>
    <row r="85356" spans="8:8">
      <c r="H85356" s="12"/>
    </row>
    <row r="85357" spans="8:8">
      <c r="H85357" s="12"/>
    </row>
    <row r="85358" spans="8:8">
      <c r="H85358" s="12"/>
    </row>
    <row r="85359" spans="8:8">
      <c r="H85359" s="12"/>
    </row>
    <row r="85360" spans="8:8">
      <c r="H85360" s="12"/>
    </row>
    <row r="85361" spans="8:8">
      <c r="H85361" s="12"/>
    </row>
    <row r="85362" spans="8:8">
      <c r="H85362" s="12"/>
    </row>
    <row r="85363" spans="8:8">
      <c r="H85363" s="12"/>
    </row>
    <row r="85364" spans="8:8">
      <c r="H85364" s="12"/>
    </row>
    <row r="85365" spans="8:8">
      <c r="H85365" s="12"/>
    </row>
    <row r="85366" spans="8:8">
      <c r="H85366" s="12"/>
    </row>
    <row r="85367" spans="8:8">
      <c r="H85367" s="12"/>
    </row>
    <row r="85368" spans="8:8">
      <c r="H85368" s="12"/>
    </row>
    <row r="85369" spans="8:8">
      <c r="H85369" s="12"/>
    </row>
    <row r="85370" spans="8:8">
      <c r="H85370" s="12"/>
    </row>
    <row r="85371" spans="8:8">
      <c r="H85371" s="12"/>
    </row>
    <row r="85372" spans="8:8">
      <c r="H85372" s="12"/>
    </row>
    <row r="85373" spans="8:8">
      <c r="H85373" s="12"/>
    </row>
    <row r="85374" spans="8:8">
      <c r="H85374" s="12"/>
    </row>
    <row r="85375" spans="8:8">
      <c r="H85375" s="12"/>
    </row>
    <row r="85376" spans="8:8">
      <c r="H85376" s="12"/>
    </row>
    <row r="85377" spans="8:8">
      <c r="H85377" s="12"/>
    </row>
    <row r="85378" spans="8:8">
      <c r="H85378" s="12"/>
    </row>
    <row r="85379" spans="8:8">
      <c r="H85379" s="12"/>
    </row>
    <row r="85380" spans="8:8">
      <c r="H85380" s="12"/>
    </row>
    <row r="85381" spans="8:8">
      <c r="H85381" s="12"/>
    </row>
    <row r="85382" spans="8:8">
      <c r="H85382" s="12"/>
    </row>
    <row r="85383" spans="8:8">
      <c r="H85383" s="12"/>
    </row>
    <row r="85384" spans="8:8">
      <c r="H85384" s="12"/>
    </row>
    <row r="85385" spans="8:8">
      <c r="H85385" s="12"/>
    </row>
    <row r="85386" spans="8:8">
      <c r="H85386" s="12"/>
    </row>
    <row r="85387" spans="8:8">
      <c r="H85387" s="12"/>
    </row>
    <row r="85388" spans="8:8">
      <c r="H85388" s="12"/>
    </row>
    <row r="85389" spans="8:8">
      <c r="H85389" s="12"/>
    </row>
    <row r="85390" spans="8:8">
      <c r="H85390" s="12"/>
    </row>
    <row r="85391" spans="8:8">
      <c r="H85391" s="12"/>
    </row>
    <row r="85392" spans="8:8">
      <c r="H85392" s="12"/>
    </row>
    <row r="85393" spans="8:8">
      <c r="H85393" s="12"/>
    </row>
    <row r="85394" spans="8:8">
      <c r="H85394" s="12"/>
    </row>
    <row r="85395" spans="8:8">
      <c r="H85395" s="12"/>
    </row>
    <row r="85396" spans="8:8">
      <c r="H85396" s="12"/>
    </row>
    <row r="85397" spans="8:8">
      <c r="H85397" s="12"/>
    </row>
    <row r="85398" spans="8:8">
      <c r="H85398" s="12"/>
    </row>
    <row r="85399" spans="8:8">
      <c r="H85399" s="12"/>
    </row>
    <row r="85400" spans="8:8">
      <c r="H85400" s="12"/>
    </row>
    <row r="85401" spans="8:8">
      <c r="H85401" s="12"/>
    </row>
    <row r="85402" spans="8:8">
      <c r="H85402" s="12"/>
    </row>
    <row r="85403" spans="8:8">
      <c r="H85403" s="12"/>
    </row>
    <row r="85404" spans="8:8">
      <c r="H85404" s="12"/>
    </row>
    <row r="85405" spans="8:8">
      <c r="H85405" s="12"/>
    </row>
    <row r="85406" spans="8:8">
      <c r="H85406" s="12"/>
    </row>
    <row r="85407" spans="8:8">
      <c r="H85407" s="12"/>
    </row>
    <row r="85408" spans="8:8">
      <c r="H85408" s="12"/>
    </row>
    <row r="85409" spans="8:8">
      <c r="H85409" s="12"/>
    </row>
    <row r="85410" spans="8:8">
      <c r="H85410" s="12"/>
    </row>
    <row r="85411" spans="8:8">
      <c r="H85411" s="12"/>
    </row>
    <row r="85412" spans="8:8">
      <c r="H85412" s="12"/>
    </row>
    <row r="85413" spans="8:8">
      <c r="H85413" s="12"/>
    </row>
    <row r="85414" spans="8:8">
      <c r="H85414" s="12"/>
    </row>
    <row r="85415" spans="8:8">
      <c r="H85415" s="12"/>
    </row>
    <row r="85416" spans="8:8">
      <c r="H85416" s="12"/>
    </row>
    <row r="85417" spans="8:8">
      <c r="H85417" s="12"/>
    </row>
    <row r="85418" spans="8:8">
      <c r="H85418" s="12"/>
    </row>
    <row r="85419" spans="8:8">
      <c r="H85419" s="12"/>
    </row>
    <row r="85420" spans="8:8">
      <c r="H85420" s="12"/>
    </row>
    <row r="85421" spans="8:8">
      <c r="H85421" s="12"/>
    </row>
    <row r="85422" spans="8:8">
      <c r="H85422" s="12"/>
    </row>
    <row r="85423" spans="8:8">
      <c r="H85423" s="12"/>
    </row>
    <row r="85424" spans="8:8">
      <c r="H85424" s="12"/>
    </row>
    <row r="85425" spans="8:8">
      <c r="H85425" s="12"/>
    </row>
    <row r="85426" spans="8:8">
      <c r="H85426" s="12"/>
    </row>
    <row r="85427" spans="8:8">
      <c r="H85427" s="12"/>
    </row>
    <row r="85428" spans="8:8">
      <c r="H85428" s="12"/>
    </row>
    <row r="85429" spans="8:8">
      <c r="H85429" s="12"/>
    </row>
    <row r="85430" spans="8:8">
      <c r="H85430" s="12"/>
    </row>
    <row r="85431" spans="8:8">
      <c r="H85431" s="12"/>
    </row>
    <row r="85432" spans="8:8">
      <c r="H85432" s="12"/>
    </row>
    <row r="85433" spans="8:8">
      <c r="H85433" s="12"/>
    </row>
    <row r="85434" spans="8:8">
      <c r="H85434" s="12"/>
    </row>
    <row r="85435" spans="8:8">
      <c r="H85435" s="12"/>
    </row>
    <row r="85436" spans="8:8">
      <c r="H85436" s="12"/>
    </row>
    <row r="85437" spans="8:8">
      <c r="H85437" s="12"/>
    </row>
    <row r="85438" spans="8:8">
      <c r="H85438" s="12"/>
    </row>
    <row r="85439" spans="8:8">
      <c r="H85439" s="12"/>
    </row>
    <row r="85440" spans="8:8">
      <c r="H85440" s="12"/>
    </row>
    <row r="85441" spans="8:8">
      <c r="H85441" s="12"/>
    </row>
    <row r="85442" spans="8:8">
      <c r="H85442" s="12"/>
    </row>
    <row r="85443" spans="8:8">
      <c r="H85443" s="12"/>
    </row>
    <row r="85444" spans="8:8">
      <c r="H85444" s="12"/>
    </row>
    <row r="85445" spans="8:8">
      <c r="H85445" s="12"/>
    </row>
    <row r="85446" spans="8:8">
      <c r="H85446" s="12"/>
    </row>
    <row r="85447" spans="8:8">
      <c r="H85447" s="12"/>
    </row>
    <row r="85448" spans="8:8">
      <c r="H85448" s="12"/>
    </row>
    <row r="85449" spans="8:8">
      <c r="H85449" s="12"/>
    </row>
    <row r="85450" spans="8:8">
      <c r="H85450" s="12"/>
    </row>
    <row r="85451" spans="8:8">
      <c r="H85451" s="12"/>
    </row>
    <row r="85452" spans="8:8">
      <c r="H85452" s="12"/>
    </row>
    <row r="85453" spans="8:8">
      <c r="H85453" s="12"/>
    </row>
    <row r="85454" spans="8:8">
      <c r="H85454" s="12"/>
    </row>
    <row r="85455" spans="8:8">
      <c r="H85455" s="12"/>
    </row>
    <row r="85456" spans="8:8">
      <c r="H85456" s="12"/>
    </row>
    <row r="85457" spans="8:8">
      <c r="H85457" s="12"/>
    </row>
    <row r="85458" spans="8:8">
      <c r="H85458" s="12"/>
    </row>
    <row r="85459" spans="8:8">
      <c r="H85459" s="12"/>
    </row>
    <row r="85460" spans="8:8">
      <c r="H85460" s="12"/>
    </row>
    <row r="85461" spans="8:8">
      <c r="H85461" s="12"/>
    </row>
    <row r="85462" spans="8:8">
      <c r="H85462" s="12"/>
    </row>
    <row r="85463" spans="8:8">
      <c r="H85463" s="12"/>
    </row>
    <row r="85464" spans="8:8">
      <c r="H85464" s="12"/>
    </row>
    <row r="85465" spans="8:8">
      <c r="H85465" s="12"/>
    </row>
    <row r="85466" spans="8:8">
      <c r="H85466" s="12"/>
    </row>
    <row r="85467" spans="8:8">
      <c r="H85467" s="12"/>
    </row>
    <row r="85468" spans="8:8">
      <c r="H85468" s="12"/>
    </row>
    <row r="85469" spans="8:8">
      <c r="H85469" s="12"/>
    </row>
    <row r="85470" spans="8:8">
      <c r="H85470" s="12"/>
    </row>
    <row r="85471" spans="8:8">
      <c r="H85471" s="12"/>
    </row>
    <row r="85472" spans="8:8">
      <c r="H85472" s="12"/>
    </row>
    <row r="85473" spans="8:8">
      <c r="H85473" s="12"/>
    </row>
    <row r="85474" spans="8:8">
      <c r="H85474" s="12"/>
    </row>
    <row r="85475" spans="8:8">
      <c r="H85475" s="12"/>
    </row>
    <row r="85476" spans="8:8">
      <c r="H85476" s="12"/>
    </row>
    <row r="85477" spans="8:8">
      <c r="H85477" s="12"/>
    </row>
    <row r="85478" spans="8:8">
      <c r="H85478" s="12"/>
    </row>
    <row r="85479" spans="8:8">
      <c r="H85479" s="12"/>
    </row>
    <row r="85480" spans="8:8">
      <c r="H85480" s="12"/>
    </row>
    <row r="85481" spans="8:8">
      <c r="H85481" s="12"/>
    </row>
    <row r="85482" spans="8:8">
      <c r="H85482" s="12"/>
    </row>
    <row r="85483" spans="8:8">
      <c r="H85483" s="12"/>
    </row>
    <row r="85484" spans="8:8">
      <c r="H85484" s="12"/>
    </row>
    <row r="85485" spans="8:8">
      <c r="H85485" s="12"/>
    </row>
    <row r="85486" spans="8:8">
      <c r="H85486" s="12"/>
    </row>
    <row r="85487" spans="8:8">
      <c r="H85487" s="12"/>
    </row>
    <row r="85488" spans="8:8">
      <c r="H85488" s="12"/>
    </row>
    <row r="85489" spans="8:8">
      <c r="H85489" s="12"/>
    </row>
    <row r="85490" spans="8:8">
      <c r="H85490" s="12"/>
    </row>
    <row r="85491" spans="8:8">
      <c r="H85491" s="12"/>
    </row>
    <row r="85492" spans="8:8">
      <c r="H85492" s="12"/>
    </row>
    <row r="85493" spans="8:8">
      <c r="H85493" s="12"/>
    </row>
    <row r="85494" spans="8:8">
      <c r="H85494" s="12"/>
    </row>
    <row r="85495" spans="8:8">
      <c r="H85495" s="12"/>
    </row>
    <row r="85496" spans="8:8">
      <c r="H85496" s="12"/>
    </row>
    <row r="85497" spans="8:8">
      <c r="H85497" s="12"/>
    </row>
    <row r="85498" spans="8:8">
      <c r="H85498" s="12"/>
    </row>
    <row r="85499" spans="8:8">
      <c r="H85499" s="12"/>
    </row>
    <row r="85500" spans="8:8">
      <c r="H85500" s="12"/>
    </row>
    <row r="85501" spans="8:8">
      <c r="H85501" s="12"/>
    </row>
    <row r="85502" spans="8:8">
      <c r="H85502" s="12"/>
    </row>
    <row r="85503" spans="8:8">
      <c r="H85503" s="12"/>
    </row>
    <row r="85504" spans="8:8">
      <c r="H85504" s="12"/>
    </row>
    <row r="85505" spans="8:8">
      <c r="H85505" s="12"/>
    </row>
    <row r="85506" spans="8:8">
      <c r="H85506" s="12"/>
    </row>
    <row r="85507" spans="8:8">
      <c r="H85507" s="12"/>
    </row>
    <row r="85508" spans="8:8">
      <c r="H85508" s="12"/>
    </row>
    <row r="85509" spans="8:8">
      <c r="H85509" s="12"/>
    </row>
    <row r="85510" spans="8:8">
      <c r="H85510" s="12"/>
    </row>
    <row r="85511" spans="8:8">
      <c r="H85511" s="12"/>
    </row>
    <row r="85512" spans="8:8">
      <c r="H85512" s="12"/>
    </row>
    <row r="85513" spans="8:8">
      <c r="H85513" s="12"/>
    </row>
    <row r="85514" spans="8:8">
      <c r="H85514" s="12"/>
    </row>
    <row r="85515" spans="8:8">
      <c r="H85515" s="12"/>
    </row>
    <row r="85516" spans="8:8">
      <c r="H85516" s="12"/>
    </row>
    <row r="85517" spans="8:8">
      <c r="H85517" s="12"/>
    </row>
    <row r="85518" spans="8:8">
      <c r="H85518" s="12"/>
    </row>
    <row r="85519" spans="8:8">
      <c r="H85519" s="12"/>
    </row>
    <row r="85520" spans="8:8">
      <c r="H85520" s="12"/>
    </row>
    <row r="85521" spans="8:8">
      <c r="H85521" s="12"/>
    </row>
    <row r="85522" spans="8:8">
      <c r="H85522" s="12"/>
    </row>
    <row r="85523" spans="8:8">
      <c r="H85523" s="12"/>
    </row>
    <row r="85524" spans="8:8">
      <c r="H85524" s="12"/>
    </row>
    <row r="85525" spans="8:8">
      <c r="H85525" s="12"/>
    </row>
    <row r="85526" spans="8:8">
      <c r="H85526" s="12"/>
    </row>
    <row r="85527" spans="8:8">
      <c r="H85527" s="12"/>
    </row>
    <row r="85528" spans="8:8">
      <c r="H85528" s="12"/>
    </row>
    <row r="85529" spans="8:8">
      <c r="H85529" s="12"/>
    </row>
    <row r="85530" spans="8:8">
      <c r="H85530" s="12"/>
    </row>
    <row r="85531" spans="8:8">
      <c r="H85531" s="12"/>
    </row>
    <row r="85532" spans="8:8">
      <c r="H85532" s="12"/>
    </row>
    <row r="85533" spans="8:8">
      <c r="H85533" s="12"/>
    </row>
    <row r="85534" spans="8:8">
      <c r="H85534" s="12"/>
    </row>
    <row r="85535" spans="8:8">
      <c r="H85535" s="12"/>
    </row>
    <row r="85536" spans="8:8">
      <c r="H85536" s="12"/>
    </row>
    <row r="85537" spans="8:8">
      <c r="H85537" s="12"/>
    </row>
    <row r="85538" spans="8:8">
      <c r="H85538" s="12"/>
    </row>
    <row r="85539" spans="8:8">
      <c r="H85539" s="12"/>
    </row>
    <row r="85540" spans="8:8">
      <c r="H85540" s="12"/>
    </row>
    <row r="85541" spans="8:8">
      <c r="H85541" s="12"/>
    </row>
    <row r="85542" spans="8:8">
      <c r="H85542" s="12"/>
    </row>
    <row r="85543" spans="8:8">
      <c r="H85543" s="12"/>
    </row>
    <row r="85544" spans="8:8">
      <c r="H85544" s="12"/>
    </row>
    <row r="85545" spans="8:8">
      <c r="H85545" s="12"/>
    </row>
    <row r="85546" spans="8:8">
      <c r="H85546" s="12"/>
    </row>
    <row r="85547" spans="8:8">
      <c r="H85547" s="12"/>
    </row>
    <row r="85548" spans="8:8">
      <c r="H85548" s="12"/>
    </row>
    <row r="85549" spans="8:8">
      <c r="H85549" s="12"/>
    </row>
    <row r="85550" spans="8:8">
      <c r="H85550" s="12"/>
    </row>
    <row r="85551" spans="8:8">
      <c r="H85551" s="12"/>
    </row>
    <row r="85552" spans="8:8">
      <c r="H85552" s="12"/>
    </row>
    <row r="85553" spans="8:8">
      <c r="H85553" s="12"/>
    </row>
    <row r="85554" spans="8:8">
      <c r="H85554" s="12"/>
    </row>
    <row r="85555" spans="8:8">
      <c r="H85555" s="12"/>
    </row>
    <row r="85556" spans="8:8">
      <c r="H85556" s="12"/>
    </row>
    <row r="85557" spans="8:8">
      <c r="H85557" s="12"/>
    </row>
    <row r="85558" spans="8:8">
      <c r="H85558" s="12"/>
    </row>
    <row r="85559" spans="8:8">
      <c r="H85559" s="12"/>
    </row>
    <row r="85560" spans="8:8">
      <c r="H85560" s="12"/>
    </row>
    <row r="85561" spans="8:8">
      <c r="H85561" s="12"/>
    </row>
    <row r="85562" spans="8:8">
      <c r="H85562" s="12"/>
    </row>
    <row r="85563" spans="8:8">
      <c r="H85563" s="12"/>
    </row>
    <row r="85564" spans="8:8">
      <c r="H85564" s="12"/>
    </row>
    <row r="85565" spans="8:8">
      <c r="H85565" s="12"/>
    </row>
    <row r="85566" spans="8:8">
      <c r="H85566" s="12"/>
    </row>
    <row r="85567" spans="8:8">
      <c r="H85567" s="12"/>
    </row>
    <row r="85568" spans="8:8">
      <c r="H85568" s="12"/>
    </row>
    <row r="85569" spans="8:8">
      <c r="H85569" s="12"/>
    </row>
    <row r="85570" spans="8:8">
      <c r="H85570" s="12"/>
    </row>
    <row r="85571" spans="8:8">
      <c r="H85571" s="12"/>
    </row>
    <row r="85572" spans="8:8">
      <c r="H85572" s="12"/>
    </row>
    <row r="85573" spans="8:8">
      <c r="H85573" s="12"/>
    </row>
    <row r="85574" spans="8:8">
      <c r="H85574" s="12"/>
    </row>
    <row r="85575" spans="8:8">
      <c r="H85575" s="12"/>
    </row>
    <row r="85576" spans="8:8">
      <c r="H85576" s="12"/>
    </row>
    <row r="85577" spans="8:8">
      <c r="H85577" s="12"/>
    </row>
    <row r="85578" spans="8:8">
      <c r="H85578" s="12"/>
    </row>
    <row r="85579" spans="8:8">
      <c r="H85579" s="12"/>
    </row>
    <row r="85580" spans="8:8">
      <c r="H85580" s="12"/>
    </row>
    <row r="85581" spans="8:8">
      <c r="H85581" s="12"/>
    </row>
    <row r="85582" spans="8:8">
      <c r="H85582" s="12"/>
    </row>
    <row r="85583" spans="8:8">
      <c r="H85583" s="12"/>
    </row>
    <row r="85584" spans="8:8">
      <c r="H85584" s="12"/>
    </row>
    <row r="85585" spans="8:8">
      <c r="H85585" s="12"/>
    </row>
    <row r="85586" spans="8:8">
      <c r="H85586" s="12"/>
    </row>
    <row r="85587" spans="8:8">
      <c r="H85587" s="12"/>
    </row>
    <row r="85588" spans="8:8">
      <c r="H85588" s="12"/>
    </row>
    <row r="85589" spans="8:8">
      <c r="H85589" s="12"/>
    </row>
    <row r="85590" spans="8:8">
      <c r="H85590" s="12"/>
    </row>
    <row r="85591" spans="8:8">
      <c r="H85591" s="12"/>
    </row>
    <row r="85592" spans="8:8">
      <c r="H85592" s="12"/>
    </row>
    <row r="85593" spans="8:8">
      <c r="H85593" s="12"/>
    </row>
    <row r="85594" spans="8:8">
      <c r="H85594" s="12"/>
    </row>
    <row r="85595" spans="8:8">
      <c r="H85595" s="12"/>
    </row>
    <row r="85596" spans="8:8">
      <c r="H85596" s="12"/>
    </row>
    <row r="85597" spans="8:8">
      <c r="H85597" s="12"/>
    </row>
    <row r="85598" spans="8:8">
      <c r="H85598" s="12"/>
    </row>
    <row r="85599" spans="8:8">
      <c r="H85599" s="12"/>
    </row>
    <row r="85600" spans="8:8">
      <c r="H85600" s="12"/>
    </row>
    <row r="85601" spans="8:8">
      <c r="H85601" s="12"/>
    </row>
    <row r="85602" spans="8:8">
      <c r="H85602" s="12"/>
    </row>
    <row r="85603" spans="8:8">
      <c r="H85603" s="12"/>
    </row>
    <row r="85604" spans="8:8">
      <c r="H85604" s="12"/>
    </row>
    <row r="85605" spans="8:8">
      <c r="H85605" s="12"/>
    </row>
    <row r="85606" spans="8:8">
      <c r="H85606" s="12"/>
    </row>
    <row r="85607" spans="8:8">
      <c r="H85607" s="12"/>
    </row>
    <row r="85608" spans="8:8">
      <c r="H85608" s="12"/>
    </row>
    <row r="85609" spans="8:8">
      <c r="H85609" s="12"/>
    </row>
    <row r="85610" spans="8:8">
      <c r="H85610" s="12"/>
    </row>
    <row r="85611" spans="8:8">
      <c r="H85611" s="12"/>
    </row>
    <row r="85612" spans="8:8">
      <c r="H85612" s="12"/>
    </row>
    <row r="85613" spans="8:8">
      <c r="H85613" s="12"/>
    </row>
    <row r="85614" spans="8:8">
      <c r="H85614" s="12"/>
    </row>
    <row r="85615" spans="8:8">
      <c r="H85615" s="12"/>
    </row>
    <row r="85616" spans="8:8">
      <c r="H85616" s="12"/>
    </row>
    <row r="85617" spans="8:8">
      <c r="H85617" s="12"/>
    </row>
    <row r="85618" spans="8:8">
      <c r="H85618" s="12"/>
    </row>
    <row r="85619" spans="8:8">
      <c r="H85619" s="12"/>
    </row>
    <row r="85620" spans="8:8">
      <c r="H85620" s="12"/>
    </row>
    <row r="85621" spans="8:8">
      <c r="H85621" s="12"/>
    </row>
    <row r="85622" spans="8:8">
      <c r="H85622" s="12"/>
    </row>
    <row r="85623" spans="8:8">
      <c r="H85623" s="12"/>
    </row>
    <row r="85624" spans="8:8">
      <c r="H85624" s="12"/>
    </row>
    <row r="85625" spans="8:8">
      <c r="H85625" s="12"/>
    </row>
    <row r="85626" spans="8:8">
      <c r="H85626" s="12"/>
    </row>
    <row r="85627" spans="8:8">
      <c r="H85627" s="12"/>
    </row>
    <row r="85628" spans="8:8">
      <c r="H85628" s="12"/>
    </row>
    <row r="85629" spans="8:8">
      <c r="H85629" s="12"/>
    </row>
    <row r="85630" spans="8:8">
      <c r="H85630" s="12"/>
    </row>
    <row r="85631" spans="8:8">
      <c r="H85631" s="12"/>
    </row>
    <row r="85632" spans="8:8">
      <c r="H85632" s="12"/>
    </row>
    <row r="85633" spans="8:8">
      <c r="H85633" s="12"/>
    </row>
    <row r="85634" spans="8:8">
      <c r="H85634" s="12"/>
    </row>
    <row r="85635" spans="8:8">
      <c r="H85635" s="12"/>
    </row>
    <row r="85636" spans="8:8">
      <c r="H85636" s="12"/>
    </row>
    <row r="85637" spans="8:8">
      <c r="H85637" s="12"/>
    </row>
    <row r="85638" spans="8:8">
      <c r="H85638" s="12"/>
    </row>
    <row r="85639" spans="8:8">
      <c r="H85639" s="12"/>
    </row>
    <row r="85640" spans="8:8">
      <c r="H85640" s="12"/>
    </row>
    <row r="85641" spans="8:8">
      <c r="H85641" s="12"/>
    </row>
    <row r="85642" spans="8:8">
      <c r="H85642" s="12"/>
    </row>
    <row r="85643" spans="8:8">
      <c r="H85643" s="12"/>
    </row>
    <row r="85644" spans="8:8">
      <c r="H85644" s="12"/>
    </row>
    <row r="85645" spans="8:8">
      <c r="H85645" s="12"/>
    </row>
    <row r="85646" spans="8:8">
      <c r="H85646" s="12"/>
    </row>
    <row r="85647" spans="8:8">
      <c r="H85647" s="12"/>
    </row>
    <row r="85648" spans="8:8">
      <c r="H85648" s="12"/>
    </row>
    <row r="85649" spans="8:8">
      <c r="H85649" s="12"/>
    </row>
    <row r="85650" spans="8:8">
      <c r="H85650" s="12"/>
    </row>
    <row r="85651" spans="8:8">
      <c r="H85651" s="12"/>
    </row>
    <row r="85652" spans="8:8">
      <c r="H85652" s="12"/>
    </row>
    <row r="85653" spans="8:8">
      <c r="H85653" s="12"/>
    </row>
    <row r="85654" spans="8:8">
      <c r="H85654" s="12"/>
    </row>
    <row r="85655" spans="8:8">
      <c r="H85655" s="12"/>
    </row>
    <row r="85656" spans="8:8">
      <c r="H85656" s="12"/>
    </row>
    <row r="85657" spans="8:8">
      <c r="H85657" s="12"/>
    </row>
    <row r="85658" spans="8:8">
      <c r="H85658" s="12"/>
    </row>
    <row r="85659" spans="8:8">
      <c r="H85659" s="12"/>
    </row>
    <row r="85660" spans="8:8">
      <c r="H85660" s="12"/>
    </row>
    <row r="85661" spans="8:8">
      <c r="H85661" s="12"/>
    </row>
    <row r="85662" spans="8:8">
      <c r="H85662" s="12"/>
    </row>
    <row r="85663" spans="8:8">
      <c r="H85663" s="12"/>
    </row>
    <row r="85664" spans="8:8">
      <c r="H85664" s="12"/>
    </row>
    <row r="85665" spans="8:8">
      <c r="H85665" s="12"/>
    </row>
    <row r="85666" spans="8:8">
      <c r="H85666" s="12"/>
    </row>
    <row r="85667" spans="8:8">
      <c r="H85667" s="12"/>
    </row>
    <row r="85668" spans="8:8">
      <c r="H85668" s="12"/>
    </row>
    <row r="85669" spans="8:8">
      <c r="H85669" s="12"/>
    </row>
    <row r="85670" spans="8:8">
      <c r="H85670" s="12"/>
    </row>
    <row r="85671" spans="8:8">
      <c r="H85671" s="12"/>
    </row>
    <row r="85672" spans="8:8">
      <c r="H85672" s="12"/>
    </row>
    <row r="85673" spans="8:8">
      <c r="H85673" s="12"/>
    </row>
    <row r="85674" spans="8:8">
      <c r="H85674" s="12"/>
    </row>
    <row r="85675" spans="8:8">
      <c r="H85675" s="12"/>
    </row>
    <row r="85676" spans="8:8">
      <c r="H85676" s="12"/>
    </row>
    <row r="85677" spans="8:8">
      <c r="H85677" s="12"/>
    </row>
    <row r="85678" spans="8:8">
      <c r="H85678" s="12"/>
    </row>
    <row r="85679" spans="8:8">
      <c r="H85679" s="12"/>
    </row>
    <row r="85680" spans="8:8">
      <c r="H85680" s="12"/>
    </row>
    <row r="85681" spans="8:8">
      <c r="H85681" s="12"/>
    </row>
    <row r="85682" spans="8:8">
      <c r="H85682" s="12"/>
    </row>
    <row r="85683" spans="8:8">
      <c r="H85683" s="12"/>
    </row>
    <row r="85684" spans="8:8">
      <c r="H85684" s="12"/>
    </row>
    <row r="85685" spans="8:8">
      <c r="H85685" s="12"/>
    </row>
    <row r="85686" spans="8:8">
      <c r="H85686" s="12"/>
    </row>
    <row r="85687" spans="8:8">
      <c r="H85687" s="12"/>
    </row>
    <row r="85688" spans="8:8">
      <c r="H85688" s="12"/>
    </row>
    <row r="85689" spans="8:8">
      <c r="H85689" s="12"/>
    </row>
    <row r="85690" spans="8:8">
      <c r="H85690" s="12"/>
    </row>
    <row r="85691" spans="8:8">
      <c r="H85691" s="12"/>
    </row>
    <row r="85692" spans="8:8">
      <c r="H85692" s="12"/>
    </row>
    <row r="85693" spans="8:8">
      <c r="H85693" s="12"/>
    </row>
    <row r="85694" spans="8:8">
      <c r="H85694" s="12"/>
    </row>
    <row r="85695" spans="8:8">
      <c r="H85695" s="12"/>
    </row>
    <row r="85696" spans="8:8">
      <c r="H85696" s="12"/>
    </row>
    <row r="85697" spans="8:8">
      <c r="H85697" s="12"/>
    </row>
    <row r="85698" spans="8:8">
      <c r="H85698" s="12"/>
    </row>
    <row r="85699" spans="8:8">
      <c r="H85699" s="12"/>
    </row>
    <row r="85700" spans="8:8">
      <c r="H85700" s="12"/>
    </row>
    <row r="85701" spans="8:8">
      <c r="H85701" s="12"/>
    </row>
    <row r="85702" spans="8:8">
      <c r="H85702" s="12"/>
    </row>
    <row r="85703" spans="8:8">
      <c r="H85703" s="12"/>
    </row>
    <row r="85704" spans="8:8">
      <c r="H85704" s="12"/>
    </row>
    <row r="85705" spans="8:8">
      <c r="H85705" s="12"/>
    </row>
    <row r="85706" spans="8:8">
      <c r="H85706" s="12"/>
    </row>
    <row r="85707" spans="8:8">
      <c r="H85707" s="12"/>
    </row>
    <row r="85708" spans="8:8">
      <c r="H85708" s="12"/>
    </row>
    <row r="85709" spans="8:8">
      <c r="H85709" s="12"/>
    </row>
    <row r="85710" spans="8:8">
      <c r="H85710" s="12"/>
    </row>
    <row r="85711" spans="8:8">
      <c r="H85711" s="12"/>
    </row>
    <row r="85712" spans="8:8">
      <c r="H85712" s="12"/>
    </row>
    <row r="85713" spans="8:8">
      <c r="H85713" s="12"/>
    </row>
    <row r="85714" spans="8:8">
      <c r="H85714" s="12"/>
    </row>
    <row r="85715" spans="8:8">
      <c r="H85715" s="12"/>
    </row>
    <row r="85716" spans="8:8">
      <c r="H85716" s="12"/>
    </row>
    <row r="85717" spans="8:8">
      <c r="H85717" s="12"/>
    </row>
    <row r="85718" spans="8:8">
      <c r="H85718" s="12"/>
    </row>
    <row r="85719" spans="8:8">
      <c r="H85719" s="12"/>
    </row>
    <row r="85720" spans="8:8">
      <c r="H85720" s="12"/>
    </row>
    <row r="85721" spans="8:8">
      <c r="H85721" s="12"/>
    </row>
    <row r="85722" spans="8:8">
      <c r="H85722" s="12"/>
    </row>
    <row r="85723" spans="8:8">
      <c r="H85723" s="12"/>
    </row>
    <row r="85724" spans="8:8">
      <c r="H85724" s="12"/>
    </row>
    <row r="85725" spans="8:8">
      <c r="H85725" s="12"/>
    </row>
    <row r="85726" spans="8:8">
      <c r="H85726" s="12"/>
    </row>
    <row r="85727" spans="8:8">
      <c r="H85727" s="12"/>
    </row>
    <row r="85728" spans="8:8">
      <c r="H85728" s="12"/>
    </row>
    <row r="85729" spans="8:8">
      <c r="H85729" s="12"/>
    </row>
    <row r="85730" spans="8:8">
      <c r="H85730" s="12"/>
    </row>
    <row r="85731" spans="8:8">
      <c r="H85731" s="12"/>
    </row>
    <row r="85732" spans="8:8">
      <c r="H85732" s="12"/>
    </row>
    <row r="85733" spans="8:8">
      <c r="H85733" s="12"/>
    </row>
    <row r="85734" spans="8:8">
      <c r="H85734" s="12"/>
    </row>
    <row r="85735" spans="8:8">
      <c r="H85735" s="12"/>
    </row>
    <row r="85736" spans="8:8">
      <c r="H85736" s="12"/>
    </row>
    <row r="85737" spans="8:8">
      <c r="H85737" s="12"/>
    </row>
    <row r="85738" spans="8:8">
      <c r="H85738" s="12"/>
    </row>
    <row r="85739" spans="8:8">
      <c r="H85739" s="12"/>
    </row>
    <row r="85740" spans="8:8">
      <c r="H85740" s="12"/>
    </row>
    <row r="85741" spans="8:8">
      <c r="H85741" s="12"/>
    </row>
    <row r="85742" spans="8:8">
      <c r="H85742" s="12"/>
    </row>
    <row r="85743" spans="8:8">
      <c r="H85743" s="12"/>
    </row>
    <row r="85744" spans="8:8">
      <c r="H85744" s="12"/>
    </row>
    <row r="85745" spans="8:8">
      <c r="H85745" s="12"/>
    </row>
    <row r="85746" spans="8:8">
      <c r="H85746" s="12"/>
    </row>
    <row r="85747" spans="8:8">
      <c r="H85747" s="12"/>
    </row>
    <row r="85748" spans="8:8">
      <c r="H85748" s="12"/>
    </row>
    <row r="85749" spans="8:8">
      <c r="H85749" s="12"/>
    </row>
    <row r="85750" spans="8:8">
      <c r="H85750" s="12"/>
    </row>
    <row r="85751" spans="8:8">
      <c r="H85751" s="12"/>
    </row>
    <row r="85752" spans="8:8">
      <c r="H85752" s="12"/>
    </row>
    <row r="85753" spans="8:8">
      <c r="H85753" s="12"/>
    </row>
    <row r="85754" spans="8:8">
      <c r="H85754" s="12"/>
    </row>
    <row r="85755" spans="8:8">
      <c r="H85755" s="12"/>
    </row>
    <row r="85756" spans="8:8">
      <c r="H85756" s="12"/>
    </row>
    <row r="85757" spans="8:8">
      <c r="H85757" s="12"/>
    </row>
    <row r="85758" spans="8:8">
      <c r="H85758" s="12"/>
    </row>
    <row r="85759" spans="8:8">
      <c r="H85759" s="12"/>
    </row>
    <row r="85760" spans="8:8">
      <c r="H85760" s="12"/>
    </row>
    <row r="85761" spans="8:8">
      <c r="H85761" s="12"/>
    </row>
    <row r="85762" spans="8:8">
      <c r="H85762" s="12"/>
    </row>
    <row r="85763" spans="8:8">
      <c r="H85763" s="12"/>
    </row>
    <row r="85764" spans="8:8">
      <c r="H85764" s="12"/>
    </row>
    <row r="85765" spans="8:8">
      <c r="H85765" s="12"/>
    </row>
    <row r="85766" spans="8:8">
      <c r="H85766" s="12"/>
    </row>
    <row r="85767" spans="8:8">
      <c r="H85767" s="12"/>
    </row>
    <row r="85768" spans="8:8">
      <c r="H85768" s="12"/>
    </row>
    <row r="85769" spans="8:8">
      <c r="H85769" s="12"/>
    </row>
    <row r="85770" spans="8:8">
      <c r="H85770" s="12"/>
    </row>
    <row r="85771" spans="8:8">
      <c r="H85771" s="12"/>
    </row>
    <row r="85772" spans="8:8">
      <c r="H85772" s="12"/>
    </row>
    <row r="85773" spans="8:8">
      <c r="H85773" s="12"/>
    </row>
    <row r="85774" spans="8:8">
      <c r="H85774" s="12"/>
    </row>
    <row r="85775" spans="8:8">
      <c r="H85775" s="12"/>
    </row>
    <row r="85776" spans="8:8">
      <c r="H85776" s="12"/>
    </row>
    <row r="85777" spans="8:8">
      <c r="H85777" s="12"/>
    </row>
    <row r="85778" spans="8:8">
      <c r="H85778" s="12"/>
    </row>
    <row r="85779" spans="8:8">
      <c r="H85779" s="12"/>
    </row>
    <row r="85780" spans="8:8">
      <c r="H85780" s="12"/>
    </row>
    <row r="85781" spans="8:8">
      <c r="H85781" s="12"/>
    </row>
    <row r="85782" spans="8:8">
      <c r="H85782" s="12"/>
    </row>
    <row r="85783" spans="8:8">
      <c r="H85783" s="12"/>
    </row>
    <row r="85784" spans="8:8">
      <c r="H85784" s="12"/>
    </row>
    <row r="85785" spans="8:8">
      <c r="H85785" s="12"/>
    </row>
    <row r="85786" spans="8:8">
      <c r="H85786" s="12"/>
    </row>
    <row r="85787" spans="8:8">
      <c r="H85787" s="12"/>
    </row>
    <row r="85788" spans="8:8">
      <c r="H85788" s="12"/>
    </row>
    <row r="85789" spans="8:8">
      <c r="H85789" s="12"/>
    </row>
    <row r="85790" spans="8:8">
      <c r="H85790" s="12"/>
    </row>
    <row r="85791" spans="8:8">
      <c r="H85791" s="12"/>
    </row>
    <row r="85792" spans="8:8">
      <c r="H85792" s="12"/>
    </row>
    <row r="85793" spans="8:8">
      <c r="H85793" s="12"/>
    </row>
    <row r="85794" spans="8:8">
      <c r="H85794" s="12"/>
    </row>
    <row r="85795" spans="8:8">
      <c r="H85795" s="12"/>
    </row>
    <row r="85796" spans="8:8">
      <c r="H85796" s="12"/>
    </row>
    <row r="85797" spans="8:8">
      <c r="H85797" s="12"/>
    </row>
    <row r="85798" spans="8:8">
      <c r="H85798" s="12"/>
    </row>
    <row r="85799" spans="8:8">
      <c r="H85799" s="12"/>
    </row>
    <row r="85800" spans="8:8">
      <c r="H85800" s="12"/>
    </row>
    <row r="85801" spans="8:8">
      <c r="H85801" s="12"/>
    </row>
    <row r="85802" spans="8:8">
      <c r="H85802" s="12"/>
    </row>
    <row r="85803" spans="8:8">
      <c r="H85803" s="12"/>
    </row>
    <row r="85804" spans="8:8">
      <c r="H85804" s="12"/>
    </row>
    <row r="85805" spans="8:8">
      <c r="H85805" s="12"/>
    </row>
    <row r="85806" spans="8:8">
      <c r="H85806" s="12"/>
    </row>
    <row r="85807" spans="8:8">
      <c r="H85807" s="12"/>
    </row>
    <row r="85808" spans="8:8">
      <c r="H85808" s="12"/>
    </row>
    <row r="85809" spans="8:8">
      <c r="H85809" s="12"/>
    </row>
    <row r="85810" spans="8:8">
      <c r="H85810" s="12"/>
    </row>
    <row r="85811" spans="8:8">
      <c r="H85811" s="12"/>
    </row>
    <row r="85812" spans="8:8">
      <c r="H85812" s="12"/>
    </row>
    <row r="85813" spans="8:8">
      <c r="H85813" s="12"/>
    </row>
    <row r="85814" spans="8:8">
      <c r="H85814" s="12"/>
    </row>
    <row r="85815" spans="8:8">
      <c r="H85815" s="12"/>
    </row>
    <row r="85816" spans="8:8">
      <c r="H85816" s="12"/>
    </row>
    <row r="85817" spans="8:8">
      <c r="H85817" s="12"/>
    </row>
    <row r="85818" spans="8:8">
      <c r="H85818" s="12"/>
    </row>
    <row r="85819" spans="8:8">
      <c r="H85819" s="12"/>
    </row>
    <row r="85820" spans="8:8">
      <c r="H85820" s="12"/>
    </row>
    <row r="85821" spans="8:8">
      <c r="H85821" s="12"/>
    </row>
    <row r="85822" spans="8:8">
      <c r="H85822" s="12"/>
    </row>
    <row r="85823" spans="8:8">
      <c r="H85823" s="12"/>
    </row>
    <row r="85824" spans="8:8">
      <c r="H85824" s="12"/>
    </row>
    <row r="85825" spans="8:8">
      <c r="H85825" s="12"/>
    </row>
    <row r="85826" spans="8:8">
      <c r="H85826" s="12"/>
    </row>
    <row r="85827" spans="8:8">
      <c r="H85827" s="12"/>
    </row>
    <row r="85828" spans="8:8">
      <c r="H85828" s="12"/>
    </row>
    <row r="85829" spans="8:8">
      <c r="H85829" s="12"/>
    </row>
    <row r="85830" spans="8:8">
      <c r="H85830" s="12"/>
    </row>
    <row r="85831" spans="8:8">
      <c r="H85831" s="12"/>
    </row>
    <row r="85832" spans="8:8">
      <c r="H85832" s="12"/>
    </row>
    <row r="85833" spans="8:8">
      <c r="H85833" s="12"/>
    </row>
    <row r="85834" spans="8:8">
      <c r="H85834" s="12"/>
    </row>
    <row r="85835" spans="8:8">
      <c r="H85835" s="12"/>
    </row>
    <row r="85836" spans="8:8">
      <c r="H85836" s="12"/>
    </row>
    <row r="85837" spans="8:8">
      <c r="H85837" s="12"/>
    </row>
    <row r="85838" spans="8:8">
      <c r="H85838" s="12"/>
    </row>
    <row r="85839" spans="8:8">
      <c r="H85839" s="12"/>
    </row>
    <row r="85840" spans="8:8">
      <c r="H85840" s="12"/>
    </row>
    <row r="85841" spans="8:8">
      <c r="H85841" s="12"/>
    </row>
    <row r="85842" spans="8:8">
      <c r="H85842" s="12"/>
    </row>
    <row r="85843" spans="8:8">
      <c r="H85843" s="12"/>
    </row>
    <row r="85844" spans="8:8">
      <c r="H85844" s="12"/>
    </row>
    <row r="85845" spans="8:8">
      <c r="H85845" s="12"/>
    </row>
    <row r="85846" spans="8:8">
      <c r="H85846" s="12"/>
    </row>
    <row r="85847" spans="8:8">
      <c r="H85847" s="12"/>
    </row>
    <row r="85848" spans="8:8">
      <c r="H85848" s="12"/>
    </row>
    <row r="85849" spans="8:8">
      <c r="H85849" s="12"/>
    </row>
    <row r="85850" spans="8:8">
      <c r="H85850" s="12"/>
    </row>
    <row r="85851" spans="8:8">
      <c r="H85851" s="12"/>
    </row>
    <row r="85852" spans="8:8">
      <c r="H85852" s="12"/>
    </row>
    <row r="85853" spans="8:8">
      <c r="H85853" s="12"/>
    </row>
    <row r="85854" spans="8:8">
      <c r="H85854" s="12"/>
    </row>
    <row r="85855" spans="8:8">
      <c r="H85855" s="12"/>
    </row>
    <row r="85856" spans="8:8">
      <c r="H85856" s="12"/>
    </row>
    <row r="85857" spans="8:8">
      <c r="H85857" s="12"/>
    </row>
    <row r="85858" spans="8:8">
      <c r="H85858" s="12"/>
    </row>
    <row r="85859" spans="8:8">
      <c r="H85859" s="12"/>
    </row>
    <row r="85860" spans="8:8">
      <c r="H85860" s="12"/>
    </row>
    <row r="85861" spans="8:8">
      <c r="H85861" s="12"/>
    </row>
    <row r="85862" spans="8:8">
      <c r="H85862" s="12"/>
    </row>
    <row r="85863" spans="8:8">
      <c r="H85863" s="12"/>
    </row>
    <row r="85864" spans="8:8">
      <c r="H85864" s="12"/>
    </row>
    <row r="85865" spans="8:8">
      <c r="H85865" s="12"/>
    </row>
    <row r="85866" spans="8:8">
      <c r="H85866" s="12"/>
    </row>
    <row r="85867" spans="8:8">
      <c r="H85867" s="12"/>
    </row>
    <row r="85868" spans="8:8">
      <c r="H85868" s="12"/>
    </row>
    <row r="85869" spans="8:8">
      <c r="H85869" s="12"/>
    </row>
    <row r="85870" spans="8:8">
      <c r="H85870" s="12"/>
    </row>
    <row r="85871" spans="8:8">
      <c r="H85871" s="12"/>
    </row>
    <row r="85872" spans="8:8">
      <c r="H85872" s="12"/>
    </row>
    <row r="85873" spans="8:8">
      <c r="H85873" s="12"/>
    </row>
    <row r="85874" spans="8:8">
      <c r="H85874" s="12"/>
    </row>
    <row r="85875" spans="8:8">
      <c r="H85875" s="12"/>
    </row>
    <row r="85876" spans="8:8">
      <c r="H85876" s="12"/>
    </row>
    <row r="85877" spans="8:8">
      <c r="H85877" s="12"/>
    </row>
    <row r="85878" spans="8:8">
      <c r="H85878" s="12"/>
    </row>
    <row r="85879" spans="8:8">
      <c r="H85879" s="12"/>
    </row>
    <row r="85880" spans="8:8">
      <c r="H85880" s="12"/>
    </row>
    <row r="85881" spans="8:8">
      <c r="H85881" s="12"/>
    </row>
    <row r="85882" spans="8:8">
      <c r="H85882" s="12"/>
    </row>
    <row r="85883" spans="8:8">
      <c r="H85883" s="12"/>
    </row>
    <row r="85884" spans="8:8">
      <c r="H85884" s="12"/>
    </row>
    <row r="85885" spans="8:8">
      <c r="H85885" s="12"/>
    </row>
    <row r="85886" spans="8:8">
      <c r="H85886" s="12"/>
    </row>
    <row r="85887" spans="8:8">
      <c r="H85887" s="12"/>
    </row>
    <row r="85888" spans="8:8">
      <c r="H85888" s="12"/>
    </row>
    <row r="85889" spans="8:8">
      <c r="H85889" s="12"/>
    </row>
    <row r="85890" spans="8:8">
      <c r="H85890" s="12"/>
    </row>
    <row r="85891" spans="8:8">
      <c r="H85891" s="12"/>
    </row>
    <row r="85892" spans="8:8">
      <c r="H85892" s="12"/>
    </row>
    <row r="85893" spans="8:8">
      <c r="H85893" s="12"/>
    </row>
    <row r="85894" spans="8:8">
      <c r="H85894" s="12"/>
    </row>
    <row r="85895" spans="8:8">
      <c r="H85895" s="12"/>
    </row>
    <row r="85896" spans="8:8">
      <c r="H85896" s="12"/>
    </row>
    <row r="85897" spans="8:8">
      <c r="H85897" s="12"/>
    </row>
    <row r="85898" spans="8:8">
      <c r="H85898" s="12"/>
    </row>
    <row r="85899" spans="8:8">
      <c r="H85899" s="12"/>
    </row>
    <row r="85900" spans="8:8">
      <c r="H85900" s="12"/>
    </row>
    <row r="85901" spans="8:8">
      <c r="H85901" s="12"/>
    </row>
    <row r="85902" spans="8:8">
      <c r="H85902" s="12"/>
    </row>
    <row r="85903" spans="8:8">
      <c r="H85903" s="12"/>
    </row>
    <row r="85904" spans="8:8">
      <c r="H85904" s="12"/>
    </row>
    <row r="85905" spans="8:8">
      <c r="H85905" s="12"/>
    </row>
    <row r="85906" spans="8:8">
      <c r="H85906" s="12"/>
    </row>
    <row r="85907" spans="8:8">
      <c r="H85907" s="12"/>
    </row>
    <row r="85908" spans="8:8">
      <c r="H85908" s="12"/>
    </row>
    <row r="85909" spans="8:8">
      <c r="H85909" s="12"/>
    </row>
    <row r="85910" spans="8:8">
      <c r="H85910" s="12"/>
    </row>
    <row r="85911" spans="8:8">
      <c r="H85911" s="12"/>
    </row>
    <row r="85912" spans="8:8">
      <c r="H85912" s="12"/>
    </row>
    <row r="85913" spans="8:8">
      <c r="H85913" s="12"/>
    </row>
    <row r="85914" spans="8:8">
      <c r="H85914" s="12"/>
    </row>
    <row r="85915" spans="8:8">
      <c r="H85915" s="12"/>
    </row>
    <row r="85916" spans="8:8">
      <c r="H85916" s="12"/>
    </row>
    <row r="85917" spans="8:8">
      <c r="H85917" s="12"/>
    </row>
    <row r="85918" spans="8:8">
      <c r="H85918" s="12"/>
    </row>
    <row r="85919" spans="8:8">
      <c r="H85919" s="12"/>
    </row>
    <row r="85920" spans="8:8">
      <c r="H85920" s="12"/>
    </row>
    <row r="85921" spans="8:8">
      <c r="H85921" s="12"/>
    </row>
    <row r="85922" spans="8:8">
      <c r="H85922" s="12"/>
    </row>
    <row r="85923" spans="8:8">
      <c r="H85923" s="12"/>
    </row>
    <row r="85924" spans="8:8">
      <c r="H85924" s="12"/>
    </row>
    <row r="85925" spans="8:8">
      <c r="H85925" s="12"/>
    </row>
    <row r="85926" spans="8:8">
      <c r="H85926" s="12"/>
    </row>
    <row r="85927" spans="8:8">
      <c r="H85927" s="12"/>
    </row>
    <row r="85928" spans="8:8">
      <c r="H85928" s="12"/>
    </row>
    <row r="85929" spans="8:8">
      <c r="H85929" s="12"/>
    </row>
    <row r="85930" spans="8:8">
      <c r="H85930" s="12"/>
    </row>
    <row r="85931" spans="8:8">
      <c r="H85931" s="12"/>
    </row>
    <row r="85932" spans="8:8">
      <c r="H85932" s="12"/>
    </row>
    <row r="85933" spans="8:8">
      <c r="H85933" s="12"/>
    </row>
    <row r="85934" spans="8:8">
      <c r="H85934" s="12"/>
    </row>
    <row r="85935" spans="8:8">
      <c r="H85935" s="12"/>
    </row>
    <row r="85936" spans="8:8">
      <c r="H85936" s="12"/>
    </row>
    <row r="85937" spans="8:8">
      <c r="H85937" s="12"/>
    </row>
    <row r="85938" spans="8:8">
      <c r="H85938" s="12"/>
    </row>
    <row r="85939" spans="8:8">
      <c r="H85939" s="12"/>
    </row>
    <row r="85940" spans="8:8">
      <c r="H85940" s="12"/>
    </row>
    <row r="85941" spans="8:8">
      <c r="H85941" s="12"/>
    </row>
    <row r="85942" spans="8:8">
      <c r="H85942" s="12"/>
    </row>
    <row r="85943" spans="8:8">
      <c r="H85943" s="12"/>
    </row>
    <row r="85944" spans="8:8">
      <c r="H85944" s="12"/>
    </row>
    <row r="85945" spans="8:8">
      <c r="H85945" s="12"/>
    </row>
    <row r="85946" spans="8:8">
      <c r="H85946" s="12"/>
    </row>
    <row r="85947" spans="8:8">
      <c r="H85947" s="12"/>
    </row>
    <row r="85948" spans="8:8">
      <c r="H85948" s="12"/>
    </row>
    <row r="85949" spans="8:8">
      <c r="H85949" s="12"/>
    </row>
    <row r="85950" spans="8:8">
      <c r="H85950" s="12"/>
    </row>
    <row r="85951" spans="8:8">
      <c r="H85951" s="12"/>
    </row>
    <row r="85952" spans="8:8">
      <c r="H85952" s="12"/>
    </row>
    <row r="85953" spans="8:8">
      <c r="H85953" s="12"/>
    </row>
    <row r="85954" spans="8:8">
      <c r="H85954" s="12"/>
    </row>
    <row r="85955" spans="8:8">
      <c r="H85955" s="12"/>
    </row>
    <row r="85956" spans="8:8">
      <c r="H85956" s="12"/>
    </row>
    <row r="85957" spans="8:8">
      <c r="H85957" s="12"/>
    </row>
    <row r="85958" spans="8:8">
      <c r="H85958" s="12"/>
    </row>
    <row r="85959" spans="8:8">
      <c r="H85959" s="12"/>
    </row>
    <row r="85960" spans="8:8">
      <c r="H85960" s="12"/>
    </row>
    <row r="85961" spans="8:8">
      <c r="H85961" s="12"/>
    </row>
    <row r="85962" spans="8:8">
      <c r="H85962" s="12"/>
    </row>
    <row r="85963" spans="8:8">
      <c r="H85963" s="12"/>
    </row>
    <row r="85964" spans="8:8">
      <c r="H85964" s="12"/>
    </row>
    <row r="85965" spans="8:8">
      <c r="H85965" s="12"/>
    </row>
    <row r="85966" spans="8:8">
      <c r="H85966" s="12"/>
    </row>
    <row r="85967" spans="8:8">
      <c r="H85967" s="12"/>
    </row>
    <row r="85968" spans="8:8">
      <c r="H85968" s="12"/>
    </row>
    <row r="85969" spans="8:8">
      <c r="H85969" s="12"/>
    </row>
    <row r="85970" spans="8:8">
      <c r="H85970" s="12"/>
    </row>
    <row r="85971" spans="8:8">
      <c r="H85971" s="12"/>
    </row>
    <row r="85972" spans="8:8">
      <c r="H85972" s="12"/>
    </row>
    <row r="85973" spans="8:8">
      <c r="H85973" s="12"/>
    </row>
    <row r="85974" spans="8:8">
      <c r="H85974" s="12"/>
    </row>
    <row r="85975" spans="8:8">
      <c r="H85975" s="12"/>
    </row>
    <row r="85976" spans="8:8">
      <c r="H85976" s="12"/>
    </row>
    <row r="85977" spans="8:8">
      <c r="H85977" s="12"/>
    </row>
    <row r="85978" spans="8:8">
      <c r="H85978" s="12"/>
    </row>
    <row r="85979" spans="8:8">
      <c r="H85979" s="12"/>
    </row>
    <row r="85980" spans="8:8">
      <c r="H85980" s="12"/>
    </row>
    <row r="85981" spans="8:8">
      <c r="H85981" s="12"/>
    </row>
    <row r="85982" spans="8:8">
      <c r="H85982" s="12"/>
    </row>
    <row r="85983" spans="8:8">
      <c r="H85983" s="12"/>
    </row>
    <row r="85984" spans="8:8">
      <c r="H85984" s="12"/>
    </row>
    <row r="85985" spans="8:8">
      <c r="H85985" s="12"/>
    </row>
    <row r="85986" spans="8:8">
      <c r="H85986" s="12"/>
    </row>
    <row r="85987" spans="8:8">
      <c r="H85987" s="12"/>
    </row>
    <row r="85988" spans="8:8">
      <c r="H85988" s="12"/>
    </row>
    <row r="85989" spans="8:8">
      <c r="H85989" s="12"/>
    </row>
    <row r="85990" spans="8:8">
      <c r="H85990" s="12"/>
    </row>
    <row r="85991" spans="8:8">
      <c r="H85991" s="12"/>
    </row>
    <row r="85992" spans="8:8">
      <c r="H85992" s="12"/>
    </row>
    <row r="85993" spans="8:8">
      <c r="H85993" s="12"/>
    </row>
    <row r="85994" spans="8:8">
      <c r="H85994" s="12"/>
    </row>
    <row r="85995" spans="8:8">
      <c r="H85995" s="12"/>
    </row>
    <row r="85996" spans="8:8">
      <c r="H85996" s="12"/>
    </row>
    <row r="85997" spans="8:8">
      <c r="H85997" s="12"/>
    </row>
    <row r="85998" spans="8:8">
      <c r="H85998" s="12"/>
    </row>
    <row r="85999" spans="8:8">
      <c r="H85999" s="12"/>
    </row>
    <row r="86000" spans="8:8">
      <c r="H86000" s="12"/>
    </row>
    <row r="86001" spans="8:8">
      <c r="H86001" s="12"/>
    </row>
    <row r="86002" spans="8:8">
      <c r="H86002" s="12"/>
    </row>
    <row r="86003" spans="8:8">
      <c r="H86003" s="12"/>
    </row>
    <row r="86004" spans="8:8">
      <c r="H86004" s="12"/>
    </row>
    <row r="86005" spans="8:8">
      <c r="H86005" s="12"/>
    </row>
    <row r="86006" spans="8:8">
      <c r="H86006" s="12"/>
    </row>
    <row r="86007" spans="8:8">
      <c r="H86007" s="12"/>
    </row>
    <row r="86008" spans="8:8">
      <c r="H86008" s="12"/>
    </row>
    <row r="86009" spans="8:8">
      <c r="H86009" s="12"/>
    </row>
    <row r="86010" spans="8:8">
      <c r="H86010" s="12"/>
    </row>
    <row r="86011" spans="8:8">
      <c r="H86011" s="12"/>
    </row>
    <row r="86012" spans="8:8">
      <c r="H86012" s="12"/>
    </row>
    <row r="86013" spans="8:8">
      <c r="H86013" s="12"/>
    </row>
    <row r="86014" spans="8:8">
      <c r="H86014" s="12"/>
    </row>
    <row r="86015" spans="8:8">
      <c r="H86015" s="12"/>
    </row>
    <row r="86016" spans="8:8">
      <c r="H86016" s="12"/>
    </row>
    <row r="86017" spans="8:8">
      <c r="H86017" s="12"/>
    </row>
    <row r="86018" spans="8:8">
      <c r="H86018" s="12"/>
    </row>
    <row r="86019" spans="8:8">
      <c r="H86019" s="12"/>
    </row>
    <row r="86020" spans="8:8">
      <c r="H86020" s="12"/>
    </row>
    <row r="86021" spans="8:8">
      <c r="H86021" s="12"/>
    </row>
    <row r="86022" spans="8:8">
      <c r="H86022" s="12"/>
    </row>
    <row r="86023" spans="8:8">
      <c r="H86023" s="12"/>
    </row>
    <row r="86024" spans="8:8">
      <c r="H86024" s="12"/>
    </row>
    <row r="86025" spans="8:8">
      <c r="H86025" s="12"/>
    </row>
    <row r="86026" spans="8:8">
      <c r="H86026" s="12"/>
    </row>
    <row r="86027" spans="8:8">
      <c r="H86027" s="12"/>
    </row>
    <row r="86028" spans="8:8">
      <c r="H86028" s="12"/>
    </row>
    <row r="86029" spans="8:8">
      <c r="H86029" s="12"/>
    </row>
    <row r="86030" spans="8:8">
      <c r="H86030" s="12"/>
    </row>
    <row r="86031" spans="8:8">
      <c r="H86031" s="12"/>
    </row>
    <row r="86032" spans="8:8">
      <c r="H86032" s="12"/>
    </row>
    <row r="86033" spans="8:8">
      <c r="H86033" s="12"/>
    </row>
    <row r="86034" spans="8:8">
      <c r="H86034" s="12"/>
    </row>
    <row r="86035" spans="8:8">
      <c r="H86035" s="12"/>
    </row>
    <row r="86036" spans="8:8">
      <c r="H86036" s="12"/>
    </row>
    <row r="86037" spans="8:8">
      <c r="H86037" s="12"/>
    </row>
    <row r="86038" spans="8:8">
      <c r="H86038" s="12"/>
    </row>
    <row r="86039" spans="8:8">
      <c r="H86039" s="12"/>
    </row>
    <row r="86040" spans="8:8">
      <c r="H86040" s="12"/>
    </row>
    <row r="86041" spans="8:8">
      <c r="H86041" s="12"/>
    </row>
    <row r="86042" spans="8:8">
      <c r="H86042" s="12"/>
    </row>
    <row r="86043" spans="8:8">
      <c r="H86043" s="12"/>
    </row>
    <row r="86044" spans="8:8">
      <c r="H86044" s="12"/>
    </row>
    <row r="86045" spans="8:8">
      <c r="H86045" s="12"/>
    </row>
    <row r="86046" spans="8:8">
      <c r="H86046" s="12"/>
    </row>
    <row r="86047" spans="8:8">
      <c r="H86047" s="12"/>
    </row>
    <row r="86048" spans="8:8">
      <c r="H86048" s="12"/>
    </row>
    <row r="86049" spans="8:8">
      <c r="H86049" s="12"/>
    </row>
    <row r="86050" spans="8:8">
      <c r="H86050" s="12"/>
    </row>
    <row r="86051" spans="8:8">
      <c r="H86051" s="12"/>
    </row>
    <row r="86052" spans="8:8">
      <c r="H86052" s="12"/>
    </row>
    <row r="86053" spans="8:8">
      <c r="H86053" s="12"/>
    </row>
    <row r="86054" spans="8:8">
      <c r="H86054" s="12"/>
    </row>
    <row r="86055" spans="8:8">
      <c r="H86055" s="12"/>
    </row>
    <row r="86056" spans="8:8">
      <c r="H86056" s="12"/>
    </row>
    <row r="86057" spans="8:8">
      <c r="H86057" s="12"/>
    </row>
    <row r="86058" spans="8:8">
      <c r="H86058" s="12"/>
    </row>
    <row r="86059" spans="8:8">
      <c r="H86059" s="12"/>
    </row>
    <row r="86060" spans="8:8">
      <c r="H86060" s="12"/>
    </row>
    <row r="86061" spans="8:8">
      <c r="H86061" s="12"/>
    </row>
    <row r="86062" spans="8:8">
      <c r="H86062" s="12"/>
    </row>
    <row r="86063" spans="8:8">
      <c r="H86063" s="12"/>
    </row>
    <row r="86064" spans="8:8">
      <c r="H86064" s="12"/>
    </row>
    <row r="86065" spans="8:8">
      <c r="H86065" s="12"/>
    </row>
    <row r="86066" spans="8:8">
      <c r="H86066" s="12"/>
    </row>
    <row r="86067" spans="8:8">
      <c r="H86067" s="12"/>
    </row>
    <row r="86068" spans="8:8">
      <c r="H86068" s="12"/>
    </row>
    <row r="86069" spans="8:8">
      <c r="H86069" s="12"/>
    </row>
    <row r="86070" spans="8:8">
      <c r="H86070" s="12"/>
    </row>
    <row r="86071" spans="8:8">
      <c r="H86071" s="12"/>
    </row>
    <row r="86072" spans="8:8">
      <c r="H86072" s="12"/>
    </row>
    <row r="86073" spans="8:8">
      <c r="H86073" s="12"/>
    </row>
    <row r="86074" spans="8:8">
      <c r="H86074" s="12"/>
    </row>
    <row r="86075" spans="8:8">
      <c r="H86075" s="12"/>
    </row>
    <row r="86076" spans="8:8">
      <c r="H86076" s="12"/>
    </row>
    <row r="86077" spans="8:8">
      <c r="H86077" s="12"/>
    </row>
    <row r="86078" spans="8:8">
      <c r="H86078" s="12"/>
    </row>
    <row r="86079" spans="8:8">
      <c r="H86079" s="12"/>
    </row>
    <row r="86080" spans="8:8">
      <c r="H86080" s="12"/>
    </row>
    <row r="86081" spans="8:8">
      <c r="H86081" s="12"/>
    </row>
    <row r="86082" spans="8:8">
      <c r="H86082" s="12"/>
    </row>
    <row r="86083" spans="8:8">
      <c r="H86083" s="12"/>
    </row>
    <row r="86084" spans="8:8">
      <c r="H86084" s="12"/>
    </row>
    <row r="86085" spans="8:8">
      <c r="H86085" s="12"/>
    </row>
    <row r="86086" spans="8:8">
      <c r="H86086" s="12"/>
    </row>
    <row r="86087" spans="8:8">
      <c r="H86087" s="12"/>
    </row>
    <row r="86088" spans="8:8">
      <c r="H86088" s="12"/>
    </row>
    <row r="86089" spans="8:8">
      <c r="H86089" s="12"/>
    </row>
    <row r="86090" spans="8:8">
      <c r="H86090" s="12"/>
    </row>
    <row r="86091" spans="8:8">
      <c r="H86091" s="12"/>
    </row>
    <row r="86092" spans="8:8">
      <c r="H86092" s="12"/>
    </row>
    <row r="86093" spans="8:8">
      <c r="H86093" s="12"/>
    </row>
    <row r="86094" spans="8:8">
      <c r="H86094" s="12"/>
    </row>
    <row r="86095" spans="8:8">
      <c r="H86095" s="12"/>
    </row>
    <row r="86096" spans="8:8">
      <c r="H86096" s="12"/>
    </row>
    <row r="86097" spans="8:8">
      <c r="H86097" s="12"/>
    </row>
    <row r="86098" spans="8:8">
      <c r="H86098" s="12"/>
    </row>
    <row r="86099" spans="8:8">
      <c r="H86099" s="12"/>
    </row>
    <row r="86100" spans="8:8">
      <c r="H86100" s="12"/>
    </row>
    <row r="86101" spans="8:8">
      <c r="H86101" s="12"/>
    </row>
    <row r="86102" spans="8:8">
      <c r="H86102" s="12"/>
    </row>
    <row r="86103" spans="8:8">
      <c r="H86103" s="12"/>
    </row>
    <row r="86104" spans="8:8">
      <c r="H86104" s="12"/>
    </row>
    <row r="86105" spans="8:8">
      <c r="H86105" s="12"/>
    </row>
    <row r="86106" spans="8:8">
      <c r="H86106" s="12"/>
    </row>
    <row r="86107" spans="8:8">
      <c r="H86107" s="12"/>
    </row>
    <row r="86108" spans="8:8">
      <c r="H86108" s="12"/>
    </row>
    <row r="86109" spans="8:8">
      <c r="H86109" s="12"/>
    </row>
    <row r="86110" spans="8:8">
      <c r="H86110" s="12"/>
    </row>
    <row r="86111" spans="8:8">
      <c r="H86111" s="12"/>
    </row>
    <row r="86112" spans="8:8">
      <c r="H86112" s="12"/>
    </row>
    <row r="86113" spans="8:8">
      <c r="H86113" s="12"/>
    </row>
    <row r="86114" spans="8:8">
      <c r="H86114" s="12"/>
    </row>
    <row r="86115" spans="8:8">
      <c r="H86115" s="12"/>
    </row>
    <row r="86116" spans="8:8">
      <c r="H86116" s="12"/>
    </row>
    <row r="86117" spans="8:8">
      <c r="H86117" s="12"/>
    </row>
    <row r="86118" spans="8:8">
      <c r="H86118" s="12"/>
    </row>
    <row r="86119" spans="8:8">
      <c r="H86119" s="12"/>
    </row>
    <row r="86120" spans="8:8">
      <c r="H86120" s="12"/>
    </row>
    <row r="86121" spans="8:8">
      <c r="H86121" s="12"/>
    </row>
    <row r="86122" spans="8:8">
      <c r="H86122" s="12"/>
    </row>
    <row r="86123" spans="8:8">
      <c r="H86123" s="12"/>
    </row>
    <row r="86124" spans="8:8">
      <c r="H86124" s="12"/>
    </row>
    <row r="86125" spans="8:8">
      <c r="H86125" s="12"/>
    </row>
    <row r="86126" spans="8:8">
      <c r="H86126" s="12"/>
    </row>
    <row r="86127" spans="8:8">
      <c r="H86127" s="12"/>
    </row>
    <row r="86128" spans="8:8">
      <c r="H86128" s="12"/>
    </row>
    <row r="86129" spans="8:8">
      <c r="H86129" s="12"/>
    </row>
    <row r="86130" spans="8:8">
      <c r="H86130" s="12"/>
    </row>
    <row r="86131" spans="8:8">
      <c r="H86131" s="12"/>
    </row>
    <row r="86132" spans="8:8">
      <c r="H86132" s="12"/>
    </row>
    <row r="86133" spans="8:8">
      <c r="H86133" s="12"/>
    </row>
    <row r="86134" spans="8:8">
      <c r="H86134" s="12"/>
    </row>
    <row r="86135" spans="8:8">
      <c r="H86135" s="12"/>
    </row>
    <row r="86136" spans="8:8">
      <c r="H86136" s="12"/>
    </row>
    <row r="86137" spans="8:8">
      <c r="H86137" s="12"/>
    </row>
    <row r="86138" spans="8:8">
      <c r="H86138" s="12"/>
    </row>
    <row r="86139" spans="8:8">
      <c r="H86139" s="12"/>
    </row>
    <row r="86140" spans="8:8">
      <c r="H86140" s="12"/>
    </row>
    <row r="86141" spans="8:8">
      <c r="H86141" s="12"/>
    </row>
    <row r="86142" spans="8:8">
      <c r="H86142" s="12"/>
    </row>
    <row r="86143" spans="8:8">
      <c r="H86143" s="12"/>
    </row>
    <row r="86144" spans="8:8">
      <c r="H86144" s="12"/>
    </row>
    <row r="86145" spans="8:8">
      <c r="H86145" s="12"/>
    </row>
    <row r="86146" spans="8:8">
      <c r="H86146" s="12"/>
    </row>
    <row r="86147" spans="8:8">
      <c r="H86147" s="12"/>
    </row>
    <row r="86148" spans="8:8">
      <c r="H86148" s="12"/>
    </row>
    <row r="86149" spans="8:8">
      <c r="H86149" s="12"/>
    </row>
    <row r="86150" spans="8:8">
      <c r="H86150" s="12"/>
    </row>
    <row r="86151" spans="8:8">
      <c r="H86151" s="12"/>
    </row>
    <row r="86152" spans="8:8">
      <c r="H86152" s="12"/>
    </row>
    <row r="86153" spans="8:8">
      <c r="H86153" s="12"/>
    </row>
    <row r="86154" spans="8:8">
      <c r="H86154" s="12"/>
    </row>
    <row r="86155" spans="8:8">
      <c r="H86155" s="12"/>
    </row>
    <row r="86156" spans="8:8">
      <c r="H86156" s="12"/>
    </row>
    <row r="86157" spans="8:8">
      <c r="H86157" s="12"/>
    </row>
    <row r="86158" spans="8:8">
      <c r="H86158" s="12"/>
    </row>
    <row r="86159" spans="8:8">
      <c r="H86159" s="12"/>
    </row>
    <row r="86160" spans="8:8">
      <c r="H86160" s="12"/>
    </row>
    <row r="86161" spans="8:8">
      <c r="H86161" s="12"/>
    </row>
    <row r="86162" spans="8:8">
      <c r="H86162" s="12"/>
    </row>
    <row r="86163" spans="8:8">
      <c r="H86163" s="12"/>
    </row>
    <row r="86164" spans="8:8">
      <c r="H86164" s="12"/>
    </row>
    <row r="86165" spans="8:8">
      <c r="H86165" s="12"/>
    </row>
    <row r="86166" spans="8:8">
      <c r="H86166" s="12"/>
    </row>
    <row r="86167" spans="8:8">
      <c r="H86167" s="12"/>
    </row>
    <row r="86168" spans="8:8">
      <c r="H86168" s="12"/>
    </row>
    <row r="86169" spans="8:8">
      <c r="H86169" s="12"/>
    </row>
    <row r="86170" spans="8:8">
      <c r="H86170" s="12"/>
    </row>
    <row r="86171" spans="8:8">
      <c r="H86171" s="12"/>
    </row>
    <row r="86172" spans="8:8">
      <c r="H86172" s="12"/>
    </row>
    <row r="86173" spans="8:8">
      <c r="H86173" s="12"/>
    </row>
    <row r="86174" spans="8:8">
      <c r="H86174" s="12"/>
    </row>
    <row r="86175" spans="8:8">
      <c r="H86175" s="12"/>
    </row>
    <row r="86176" spans="8:8">
      <c r="H86176" s="12"/>
    </row>
    <row r="86177" spans="8:8">
      <c r="H86177" s="12"/>
    </row>
    <row r="86178" spans="8:8">
      <c r="H86178" s="12"/>
    </row>
    <row r="86179" spans="8:8">
      <c r="H86179" s="12"/>
    </row>
    <row r="86180" spans="8:8">
      <c r="H86180" s="12"/>
    </row>
    <row r="86181" spans="8:8">
      <c r="H86181" s="12"/>
    </row>
    <row r="86182" spans="8:8">
      <c r="H86182" s="12"/>
    </row>
    <row r="86183" spans="8:8">
      <c r="H86183" s="12"/>
    </row>
    <row r="86184" spans="8:8">
      <c r="H86184" s="12"/>
    </row>
    <row r="86185" spans="8:8">
      <c r="H86185" s="12"/>
    </row>
    <row r="86186" spans="8:8">
      <c r="H86186" s="12"/>
    </row>
    <row r="86187" spans="8:8">
      <c r="H86187" s="12"/>
    </row>
    <row r="86188" spans="8:8">
      <c r="H86188" s="12"/>
    </row>
    <row r="86189" spans="8:8">
      <c r="H86189" s="12"/>
    </row>
    <row r="86190" spans="8:8">
      <c r="H86190" s="12"/>
    </row>
    <row r="86191" spans="8:8">
      <c r="H86191" s="12"/>
    </row>
    <row r="86192" spans="8:8">
      <c r="H86192" s="12"/>
    </row>
    <row r="86193" spans="8:8">
      <c r="H86193" s="12"/>
    </row>
    <row r="86194" spans="8:8">
      <c r="H86194" s="12"/>
    </row>
    <row r="86195" spans="8:8">
      <c r="H86195" s="12"/>
    </row>
    <row r="86196" spans="8:8">
      <c r="H86196" s="12"/>
    </row>
    <row r="86197" spans="8:8">
      <c r="H86197" s="12"/>
    </row>
    <row r="86198" spans="8:8">
      <c r="H86198" s="12"/>
    </row>
    <row r="86199" spans="8:8">
      <c r="H86199" s="12"/>
    </row>
    <row r="86200" spans="8:8">
      <c r="H86200" s="12"/>
    </row>
    <row r="86201" spans="8:8">
      <c r="H86201" s="12"/>
    </row>
    <row r="86202" spans="8:8">
      <c r="H86202" s="12"/>
    </row>
    <row r="86203" spans="8:8">
      <c r="H86203" s="12"/>
    </row>
    <row r="86204" spans="8:8">
      <c r="H86204" s="12"/>
    </row>
    <row r="86205" spans="8:8">
      <c r="H86205" s="12"/>
    </row>
    <row r="86206" spans="8:8">
      <c r="H86206" s="12"/>
    </row>
    <row r="86207" spans="8:8">
      <c r="H86207" s="12"/>
    </row>
    <row r="86208" spans="8:8">
      <c r="H86208" s="12"/>
    </row>
    <row r="86209" spans="8:8">
      <c r="H86209" s="12"/>
    </row>
    <row r="86210" spans="8:8">
      <c r="H86210" s="12"/>
    </row>
    <row r="86211" spans="8:8">
      <c r="H86211" s="12"/>
    </row>
    <row r="86212" spans="8:8">
      <c r="H86212" s="12"/>
    </row>
    <row r="86213" spans="8:8">
      <c r="H86213" s="12"/>
    </row>
    <row r="86214" spans="8:8">
      <c r="H86214" s="12"/>
    </row>
    <row r="86215" spans="8:8">
      <c r="H86215" s="12"/>
    </row>
    <row r="86216" spans="8:8">
      <c r="H86216" s="12"/>
    </row>
    <row r="86217" spans="8:8">
      <c r="H86217" s="12"/>
    </row>
    <row r="86218" spans="8:8">
      <c r="H86218" s="12"/>
    </row>
    <row r="86219" spans="8:8">
      <c r="H86219" s="12"/>
    </row>
    <row r="86220" spans="8:8">
      <c r="H86220" s="12"/>
    </row>
    <row r="86221" spans="8:8">
      <c r="H86221" s="12"/>
    </row>
    <row r="86222" spans="8:8">
      <c r="H86222" s="12"/>
    </row>
    <row r="86223" spans="8:8">
      <c r="H86223" s="12"/>
    </row>
    <row r="86224" spans="8:8">
      <c r="H86224" s="12"/>
    </row>
    <row r="86225" spans="8:8">
      <c r="H86225" s="12"/>
    </row>
    <row r="86226" spans="8:8">
      <c r="H86226" s="12"/>
    </row>
    <row r="86227" spans="8:8">
      <c r="H86227" s="12"/>
    </row>
    <row r="86228" spans="8:8">
      <c r="H86228" s="12"/>
    </row>
    <row r="86229" spans="8:8">
      <c r="H86229" s="12"/>
    </row>
    <row r="86230" spans="8:8">
      <c r="H86230" s="12"/>
    </row>
    <row r="86231" spans="8:8">
      <c r="H86231" s="12"/>
    </row>
    <row r="86232" spans="8:8">
      <c r="H86232" s="12"/>
    </row>
    <row r="86233" spans="8:8">
      <c r="H86233" s="12"/>
    </row>
    <row r="86234" spans="8:8">
      <c r="H86234" s="12"/>
    </row>
    <row r="86235" spans="8:8">
      <c r="H86235" s="12"/>
    </row>
    <row r="86236" spans="8:8">
      <c r="H86236" s="12"/>
    </row>
    <row r="86237" spans="8:8">
      <c r="H86237" s="12"/>
    </row>
    <row r="86238" spans="8:8">
      <c r="H86238" s="12"/>
    </row>
    <row r="86239" spans="8:8">
      <c r="H86239" s="12"/>
    </row>
    <row r="86240" spans="8:8">
      <c r="H86240" s="12"/>
    </row>
    <row r="86241" spans="8:8">
      <c r="H86241" s="12"/>
    </row>
    <row r="86242" spans="8:8">
      <c r="H86242" s="12"/>
    </row>
    <row r="86243" spans="8:8">
      <c r="H86243" s="12"/>
    </row>
    <row r="86244" spans="8:8">
      <c r="H86244" s="12"/>
    </row>
    <row r="86245" spans="8:8">
      <c r="H86245" s="12"/>
    </row>
    <row r="86246" spans="8:8">
      <c r="H86246" s="12"/>
    </row>
    <row r="86247" spans="8:8">
      <c r="H86247" s="12"/>
    </row>
    <row r="86248" spans="8:8">
      <c r="H86248" s="12"/>
    </row>
    <row r="86249" spans="8:8">
      <c r="H86249" s="12"/>
    </row>
    <row r="86250" spans="8:8">
      <c r="H86250" s="12"/>
    </row>
    <row r="86251" spans="8:8">
      <c r="H86251" s="12"/>
    </row>
    <row r="86252" spans="8:8">
      <c r="H86252" s="12"/>
    </row>
    <row r="86253" spans="8:8">
      <c r="H86253" s="12"/>
    </row>
    <row r="86254" spans="8:8">
      <c r="H86254" s="12"/>
    </row>
    <row r="86255" spans="8:8">
      <c r="H86255" s="12"/>
    </row>
    <row r="86256" spans="8:8">
      <c r="H86256" s="12"/>
    </row>
    <row r="86257" spans="8:8">
      <c r="H86257" s="12"/>
    </row>
    <row r="86258" spans="8:8">
      <c r="H86258" s="12"/>
    </row>
    <row r="86259" spans="8:8">
      <c r="H86259" s="12"/>
    </row>
    <row r="86260" spans="8:8">
      <c r="H86260" s="12"/>
    </row>
    <row r="86261" spans="8:8">
      <c r="H86261" s="12"/>
    </row>
    <row r="86262" spans="8:8">
      <c r="H86262" s="12"/>
    </row>
    <row r="86263" spans="8:8">
      <c r="H86263" s="12"/>
    </row>
    <row r="86264" spans="8:8">
      <c r="H86264" s="12"/>
    </row>
    <row r="86265" spans="8:8">
      <c r="H86265" s="12"/>
    </row>
    <row r="86266" spans="8:8">
      <c r="H86266" s="12"/>
    </row>
    <row r="86267" spans="8:8">
      <c r="H86267" s="12"/>
    </row>
    <row r="86268" spans="8:8">
      <c r="H86268" s="12"/>
    </row>
    <row r="86269" spans="8:8">
      <c r="H86269" s="12"/>
    </row>
    <row r="86270" spans="8:8">
      <c r="H86270" s="12"/>
    </row>
    <row r="86271" spans="8:8">
      <c r="H86271" s="12"/>
    </row>
    <row r="86272" spans="8:8">
      <c r="H86272" s="12"/>
    </row>
    <row r="86273" spans="8:8">
      <c r="H86273" s="12"/>
    </row>
    <row r="86274" spans="8:8">
      <c r="H86274" s="12"/>
    </row>
    <row r="86275" spans="8:8">
      <c r="H86275" s="12"/>
    </row>
    <row r="86276" spans="8:8">
      <c r="H86276" s="12"/>
    </row>
    <row r="86277" spans="8:8">
      <c r="H86277" s="12"/>
    </row>
    <row r="86278" spans="8:8">
      <c r="H86278" s="12"/>
    </row>
    <row r="86279" spans="8:8">
      <c r="H86279" s="12"/>
    </row>
    <row r="86280" spans="8:8">
      <c r="H86280" s="12"/>
    </row>
    <row r="86281" spans="8:8">
      <c r="H86281" s="12"/>
    </row>
    <row r="86282" spans="8:8">
      <c r="H86282" s="12"/>
    </row>
    <row r="86283" spans="8:8">
      <c r="H86283" s="12"/>
    </row>
    <row r="86284" spans="8:8">
      <c r="H86284" s="12"/>
    </row>
    <row r="86285" spans="8:8">
      <c r="H86285" s="12"/>
    </row>
    <row r="86286" spans="8:8">
      <c r="H86286" s="12"/>
    </row>
    <row r="86287" spans="8:8">
      <c r="H86287" s="12"/>
    </row>
    <row r="86288" spans="8:8">
      <c r="H86288" s="12"/>
    </row>
    <row r="86289" spans="8:8">
      <c r="H86289" s="12"/>
    </row>
    <row r="86290" spans="8:8">
      <c r="H86290" s="12"/>
    </row>
    <row r="86291" spans="8:8">
      <c r="H86291" s="12"/>
    </row>
    <row r="86292" spans="8:8">
      <c r="H86292" s="12"/>
    </row>
    <row r="86293" spans="8:8">
      <c r="H86293" s="12"/>
    </row>
    <row r="86294" spans="8:8">
      <c r="H86294" s="12"/>
    </row>
    <row r="86295" spans="8:8">
      <c r="H86295" s="12"/>
    </row>
    <row r="86296" spans="8:8">
      <c r="H86296" s="12"/>
    </row>
    <row r="86297" spans="8:8">
      <c r="H86297" s="12"/>
    </row>
    <row r="86298" spans="8:8">
      <c r="H86298" s="12"/>
    </row>
    <row r="86299" spans="8:8">
      <c r="H86299" s="12"/>
    </row>
    <row r="86300" spans="8:8">
      <c r="H86300" s="12"/>
    </row>
    <row r="86301" spans="8:8">
      <c r="H86301" s="12"/>
    </row>
    <row r="86302" spans="8:8">
      <c r="H86302" s="12"/>
    </row>
    <row r="86303" spans="8:8">
      <c r="H86303" s="12"/>
    </row>
    <row r="86304" spans="8:8">
      <c r="H86304" s="12"/>
    </row>
    <row r="86305" spans="8:8">
      <c r="H86305" s="12"/>
    </row>
    <row r="86306" spans="8:8">
      <c r="H86306" s="12"/>
    </row>
    <row r="86307" spans="8:8">
      <c r="H86307" s="12"/>
    </row>
    <row r="86308" spans="8:8">
      <c r="H86308" s="12"/>
    </row>
    <row r="86309" spans="8:8">
      <c r="H86309" s="12"/>
    </row>
    <row r="86310" spans="8:8">
      <c r="H86310" s="12"/>
    </row>
    <row r="86311" spans="8:8">
      <c r="H86311" s="12"/>
    </row>
    <row r="86312" spans="8:8">
      <c r="H86312" s="12"/>
    </row>
    <row r="86313" spans="8:8">
      <c r="H86313" s="12"/>
    </row>
    <row r="86314" spans="8:8">
      <c r="H86314" s="12"/>
    </row>
    <row r="86315" spans="8:8">
      <c r="H86315" s="12"/>
    </row>
    <row r="86316" spans="8:8">
      <c r="H86316" s="12"/>
    </row>
    <row r="86317" spans="8:8">
      <c r="H86317" s="12"/>
    </row>
    <row r="86318" spans="8:8">
      <c r="H86318" s="12"/>
    </row>
    <row r="86319" spans="8:8">
      <c r="H86319" s="12"/>
    </row>
    <row r="86320" spans="8:8">
      <c r="H86320" s="12"/>
    </row>
    <row r="86321" spans="8:8">
      <c r="H86321" s="12"/>
    </row>
    <row r="86322" spans="8:8">
      <c r="H86322" s="12"/>
    </row>
    <row r="86323" spans="8:8">
      <c r="H86323" s="12"/>
    </row>
    <row r="86324" spans="8:8">
      <c r="H86324" s="12"/>
    </row>
    <row r="86325" spans="8:8">
      <c r="H86325" s="12"/>
    </row>
    <row r="86326" spans="8:8">
      <c r="H86326" s="12"/>
    </row>
    <row r="86327" spans="8:8">
      <c r="H86327" s="12"/>
    </row>
    <row r="86328" spans="8:8">
      <c r="H86328" s="12"/>
    </row>
    <row r="86329" spans="8:8">
      <c r="H86329" s="12"/>
    </row>
    <row r="86330" spans="8:8">
      <c r="H86330" s="12"/>
    </row>
    <row r="86331" spans="8:8">
      <c r="H86331" s="12"/>
    </row>
    <row r="86332" spans="8:8">
      <c r="H86332" s="12"/>
    </row>
    <row r="86333" spans="8:8">
      <c r="H86333" s="12"/>
    </row>
    <row r="86334" spans="8:8">
      <c r="H86334" s="12"/>
    </row>
    <row r="86335" spans="8:8">
      <c r="H86335" s="12"/>
    </row>
    <row r="86336" spans="8:8">
      <c r="H86336" s="12"/>
    </row>
    <row r="86337" spans="8:8">
      <c r="H86337" s="12"/>
    </row>
    <row r="86338" spans="8:8">
      <c r="H86338" s="12"/>
    </row>
    <row r="86339" spans="8:8">
      <c r="H86339" s="12"/>
    </row>
    <row r="86340" spans="8:8">
      <c r="H86340" s="12"/>
    </row>
    <row r="86341" spans="8:8">
      <c r="H86341" s="12"/>
    </row>
    <row r="86342" spans="8:8">
      <c r="H86342" s="12"/>
    </row>
    <row r="86343" spans="8:8">
      <c r="H86343" s="12"/>
    </row>
    <row r="86344" spans="8:8">
      <c r="H86344" s="12"/>
    </row>
    <row r="86345" spans="8:8">
      <c r="H86345" s="12"/>
    </row>
    <row r="86346" spans="8:8">
      <c r="H86346" s="12"/>
    </row>
    <row r="86347" spans="8:8">
      <c r="H86347" s="12"/>
    </row>
    <row r="86348" spans="8:8">
      <c r="H86348" s="12"/>
    </row>
    <row r="86349" spans="8:8">
      <c r="H86349" s="12"/>
    </row>
    <row r="86350" spans="8:8">
      <c r="H86350" s="12"/>
    </row>
    <row r="86351" spans="8:8">
      <c r="H86351" s="12"/>
    </row>
    <row r="86352" spans="8:8">
      <c r="H86352" s="12"/>
    </row>
    <row r="86353" spans="8:8">
      <c r="H86353" s="12"/>
    </row>
    <row r="86354" spans="8:8">
      <c r="H86354" s="12"/>
    </row>
    <row r="86355" spans="8:8">
      <c r="H86355" s="12"/>
    </row>
    <row r="86356" spans="8:8">
      <c r="H86356" s="12"/>
    </row>
    <row r="86357" spans="8:8">
      <c r="H86357" s="12"/>
    </row>
    <row r="86358" spans="8:8">
      <c r="H86358" s="12"/>
    </row>
    <row r="86359" spans="8:8">
      <c r="H86359" s="12"/>
    </row>
    <row r="86360" spans="8:8">
      <c r="H86360" s="12"/>
    </row>
    <row r="86361" spans="8:8">
      <c r="H86361" s="12"/>
    </row>
    <row r="86362" spans="8:8">
      <c r="H86362" s="12"/>
    </row>
    <row r="86363" spans="8:8">
      <c r="H86363" s="12"/>
    </row>
    <row r="86364" spans="8:8">
      <c r="H86364" s="12"/>
    </row>
    <row r="86365" spans="8:8">
      <c r="H86365" s="12"/>
    </row>
    <row r="86366" spans="8:8">
      <c r="H86366" s="12"/>
    </row>
    <row r="86367" spans="8:8">
      <c r="H86367" s="12"/>
    </row>
    <row r="86368" spans="8:8">
      <c r="H86368" s="12"/>
    </row>
    <row r="86369" spans="8:8">
      <c r="H86369" s="12"/>
    </row>
    <row r="86370" spans="8:8">
      <c r="H86370" s="12"/>
    </row>
    <row r="86371" spans="8:8">
      <c r="H86371" s="12"/>
    </row>
    <row r="86372" spans="8:8">
      <c r="H86372" s="12"/>
    </row>
    <row r="86373" spans="8:8">
      <c r="H86373" s="12"/>
    </row>
    <row r="86374" spans="8:8">
      <c r="H86374" s="12"/>
    </row>
    <row r="86375" spans="8:8">
      <c r="H86375" s="12"/>
    </row>
    <row r="86376" spans="8:8">
      <c r="H86376" s="12"/>
    </row>
    <row r="86377" spans="8:8">
      <c r="H86377" s="12"/>
    </row>
    <row r="86378" spans="8:8">
      <c r="H86378" s="12"/>
    </row>
    <row r="86379" spans="8:8">
      <c r="H86379" s="12"/>
    </row>
    <row r="86380" spans="8:8">
      <c r="H86380" s="12"/>
    </row>
    <row r="86381" spans="8:8">
      <c r="H86381" s="12"/>
    </row>
    <row r="86382" spans="8:8">
      <c r="H86382" s="12"/>
    </row>
    <row r="86383" spans="8:8">
      <c r="H86383" s="12"/>
    </row>
    <row r="86384" spans="8:8">
      <c r="H86384" s="12"/>
    </row>
    <row r="86385" spans="8:8">
      <c r="H86385" s="12"/>
    </row>
    <row r="86386" spans="8:8">
      <c r="H86386" s="12"/>
    </row>
    <row r="86387" spans="8:8">
      <c r="H86387" s="12"/>
    </row>
    <row r="86388" spans="8:8">
      <c r="H86388" s="12"/>
    </row>
    <row r="86389" spans="8:8">
      <c r="H86389" s="12"/>
    </row>
    <row r="86390" spans="8:8">
      <c r="H86390" s="12"/>
    </row>
    <row r="86391" spans="8:8">
      <c r="H86391" s="12"/>
    </row>
    <row r="86392" spans="8:8">
      <c r="H86392" s="12"/>
    </row>
    <row r="86393" spans="8:8">
      <c r="H86393" s="12"/>
    </row>
    <row r="86394" spans="8:8">
      <c r="H86394" s="12"/>
    </row>
    <row r="86395" spans="8:8">
      <c r="H86395" s="12"/>
    </row>
    <row r="86396" spans="8:8">
      <c r="H86396" s="12"/>
    </row>
    <row r="86397" spans="8:8">
      <c r="H86397" s="12"/>
    </row>
    <row r="86398" spans="8:8">
      <c r="H86398" s="12"/>
    </row>
    <row r="86399" spans="8:8">
      <c r="H86399" s="12"/>
    </row>
    <row r="86400" spans="8:8">
      <c r="H86400" s="12"/>
    </row>
    <row r="86401" spans="8:8">
      <c r="H86401" s="12"/>
    </row>
    <row r="86402" spans="8:8">
      <c r="H86402" s="12"/>
    </row>
    <row r="86403" spans="8:8">
      <c r="H86403" s="12"/>
    </row>
    <row r="86404" spans="8:8">
      <c r="H86404" s="12"/>
    </row>
    <row r="86405" spans="8:8">
      <c r="H86405" s="12"/>
    </row>
    <row r="86406" spans="8:8">
      <c r="H86406" s="12"/>
    </row>
    <row r="86407" spans="8:8">
      <c r="H86407" s="12"/>
    </row>
    <row r="86408" spans="8:8">
      <c r="H86408" s="12"/>
    </row>
    <row r="86409" spans="8:8">
      <c r="H86409" s="12"/>
    </row>
    <row r="86410" spans="8:8">
      <c r="H86410" s="12"/>
    </row>
    <row r="86411" spans="8:8">
      <c r="H86411" s="12"/>
    </row>
    <row r="86412" spans="8:8">
      <c r="H86412" s="12"/>
    </row>
    <row r="86413" spans="8:8">
      <c r="H86413" s="12"/>
    </row>
    <row r="86414" spans="8:8">
      <c r="H86414" s="12"/>
    </row>
    <row r="86415" spans="8:8">
      <c r="H86415" s="12"/>
    </row>
    <row r="86416" spans="8:8">
      <c r="H86416" s="12"/>
    </row>
    <row r="86417" spans="8:8">
      <c r="H86417" s="12"/>
    </row>
    <row r="86418" spans="8:8">
      <c r="H86418" s="12"/>
    </row>
    <row r="86419" spans="8:8">
      <c r="H86419" s="12"/>
    </row>
    <row r="86420" spans="8:8">
      <c r="H86420" s="12"/>
    </row>
    <row r="86421" spans="8:8">
      <c r="H86421" s="12"/>
    </row>
    <row r="86422" spans="8:8">
      <c r="H86422" s="12"/>
    </row>
    <row r="86423" spans="8:8">
      <c r="H86423" s="12"/>
    </row>
    <row r="86424" spans="8:8">
      <c r="H86424" s="12"/>
    </row>
    <row r="86425" spans="8:8">
      <c r="H86425" s="12"/>
    </row>
    <row r="86426" spans="8:8">
      <c r="H86426" s="12"/>
    </row>
    <row r="86427" spans="8:8">
      <c r="H86427" s="12"/>
    </row>
    <row r="86428" spans="8:8">
      <c r="H86428" s="12"/>
    </row>
    <row r="86429" spans="8:8">
      <c r="H86429" s="12"/>
    </row>
    <row r="86430" spans="8:8">
      <c r="H86430" s="12"/>
    </row>
    <row r="86431" spans="8:8">
      <c r="H86431" s="12"/>
    </row>
    <row r="86432" spans="8:8">
      <c r="H86432" s="12"/>
    </row>
    <row r="86433" spans="8:8">
      <c r="H86433" s="12"/>
    </row>
    <row r="86434" spans="8:8">
      <c r="H86434" s="12"/>
    </row>
    <row r="86435" spans="8:8">
      <c r="H86435" s="12"/>
    </row>
    <row r="86436" spans="8:8">
      <c r="H86436" s="12"/>
    </row>
    <row r="86437" spans="8:8">
      <c r="H86437" s="12"/>
    </row>
    <row r="86438" spans="8:8">
      <c r="H86438" s="12"/>
    </row>
    <row r="86439" spans="8:8">
      <c r="H86439" s="12"/>
    </row>
    <row r="86440" spans="8:8">
      <c r="H86440" s="12"/>
    </row>
    <row r="86441" spans="8:8">
      <c r="H86441" s="12"/>
    </row>
    <row r="86442" spans="8:8">
      <c r="H86442" s="12"/>
    </row>
    <row r="86443" spans="8:8">
      <c r="H86443" s="12"/>
    </row>
    <row r="86444" spans="8:8">
      <c r="H86444" s="12"/>
    </row>
    <row r="86445" spans="8:8">
      <c r="H86445" s="12"/>
    </row>
    <row r="86446" spans="8:8">
      <c r="H86446" s="12"/>
    </row>
    <row r="86447" spans="8:8">
      <c r="H86447" s="12"/>
    </row>
    <row r="86448" spans="8:8">
      <c r="H86448" s="12"/>
    </row>
    <row r="86449" spans="8:8">
      <c r="H86449" s="12"/>
    </row>
    <row r="86450" spans="8:8">
      <c r="H86450" s="12"/>
    </row>
    <row r="86451" spans="8:8">
      <c r="H86451" s="12"/>
    </row>
    <row r="86452" spans="8:8">
      <c r="H86452" s="12"/>
    </row>
    <row r="86453" spans="8:8">
      <c r="H86453" s="12"/>
    </row>
    <row r="86454" spans="8:8">
      <c r="H86454" s="12"/>
    </row>
    <row r="86455" spans="8:8">
      <c r="H86455" s="12"/>
    </row>
    <row r="86456" spans="8:8">
      <c r="H86456" s="12"/>
    </row>
    <row r="86457" spans="8:8">
      <c r="H86457" s="12"/>
    </row>
    <row r="86458" spans="8:8">
      <c r="H86458" s="12"/>
    </row>
    <row r="86459" spans="8:8">
      <c r="H86459" s="12"/>
    </row>
    <row r="86460" spans="8:8">
      <c r="H86460" s="12"/>
    </row>
    <row r="86461" spans="8:8">
      <c r="H86461" s="12"/>
    </row>
    <row r="86462" spans="8:8">
      <c r="H86462" s="12"/>
    </row>
    <row r="86463" spans="8:8">
      <c r="H86463" s="12"/>
    </row>
    <row r="86464" spans="8:8">
      <c r="H86464" s="12"/>
    </row>
    <row r="86465" spans="8:8">
      <c r="H86465" s="12"/>
    </row>
    <row r="86466" spans="8:8">
      <c r="H86466" s="12"/>
    </row>
    <row r="86467" spans="8:8">
      <c r="H86467" s="12"/>
    </row>
    <row r="86468" spans="8:8">
      <c r="H86468" s="12"/>
    </row>
    <row r="86469" spans="8:8">
      <c r="H86469" s="12"/>
    </row>
    <row r="86470" spans="8:8">
      <c r="H86470" s="12"/>
    </row>
    <row r="86471" spans="8:8">
      <c r="H86471" s="12"/>
    </row>
    <row r="86472" spans="8:8">
      <c r="H86472" s="12"/>
    </row>
    <row r="86473" spans="8:8">
      <c r="H86473" s="12"/>
    </row>
    <row r="86474" spans="8:8">
      <c r="H86474" s="12"/>
    </row>
    <row r="86475" spans="8:8">
      <c r="H86475" s="12"/>
    </row>
    <row r="86476" spans="8:8">
      <c r="H86476" s="12"/>
    </row>
    <row r="86477" spans="8:8">
      <c r="H86477" s="12"/>
    </row>
    <row r="86478" spans="8:8">
      <c r="H86478" s="12"/>
    </row>
    <row r="86479" spans="8:8">
      <c r="H86479" s="12"/>
    </row>
    <row r="86480" spans="8:8">
      <c r="H86480" s="12"/>
    </row>
    <row r="86481" spans="8:8">
      <c r="H86481" s="12"/>
    </row>
    <row r="86482" spans="8:8">
      <c r="H86482" s="12"/>
    </row>
    <row r="86483" spans="8:8">
      <c r="H86483" s="12"/>
    </row>
    <row r="86484" spans="8:8">
      <c r="H86484" s="12"/>
    </row>
    <row r="86485" spans="8:8">
      <c r="H86485" s="12"/>
    </row>
    <row r="86486" spans="8:8">
      <c r="H86486" s="12"/>
    </row>
    <row r="86487" spans="8:8">
      <c r="H86487" s="12"/>
    </row>
    <row r="86488" spans="8:8">
      <c r="H86488" s="12"/>
    </row>
    <row r="86489" spans="8:8">
      <c r="H86489" s="12"/>
    </row>
    <row r="86490" spans="8:8">
      <c r="H86490" s="12"/>
    </row>
    <row r="86491" spans="8:8">
      <c r="H86491" s="12"/>
    </row>
    <row r="86492" spans="8:8">
      <c r="H86492" s="12"/>
    </row>
    <row r="86493" spans="8:8">
      <c r="H86493" s="12"/>
    </row>
    <row r="86494" spans="8:8">
      <c r="H86494" s="12"/>
    </row>
    <row r="86495" spans="8:8">
      <c r="H86495" s="12"/>
    </row>
    <row r="86496" spans="8:8">
      <c r="H86496" s="12"/>
    </row>
    <row r="86497" spans="8:8">
      <c r="H86497" s="12"/>
    </row>
    <row r="86498" spans="8:8">
      <c r="H86498" s="12"/>
    </row>
    <row r="86499" spans="8:8">
      <c r="H86499" s="12"/>
    </row>
    <row r="86500" spans="8:8">
      <c r="H86500" s="12"/>
    </row>
    <row r="86501" spans="8:8">
      <c r="H86501" s="12"/>
    </row>
    <row r="86502" spans="8:8">
      <c r="H86502" s="12"/>
    </row>
    <row r="86503" spans="8:8">
      <c r="H86503" s="12"/>
    </row>
    <row r="86504" spans="8:8">
      <c r="H86504" s="12"/>
    </row>
    <row r="86505" spans="8:8">
      <c r="H86505" s="12"/>
    </row>
    <row r="86506" spans="8:8">
      <c r="H86506" s="12"/>
    </row>
    <row r="86507" spans="8:8">
      <c r="H86507" s="12"/>
    </row>
    <row r="86508" spans="8:8">
      <c r="H86508" s="12"/>
    </row>
    <row r="86509" spans="8:8">
      <c r="H86509" s="12"/>
    </row>
    <row r="86510" spans="8:8">
      <c r="H86510" s="12"/>
    </row>
    <row r="86511" spans="8:8">
      <c r="H86511" s="12"/>
    </row>
    <row r="86512" spans="8:8">
      <c r="H86512" s="12"/>
    </row>
    <row r="86513" spans="8:8">
      <c r="H86513" s="12"/>
    </row>
    <row r="86514" spans="8:8">
      <c r="H86514" s="12"/>
    </row>
    <row r="86515" spans="8:8">
      <c r="H86515" s="12"/>
    </row>
    <row r="86516" spans="8:8">
      <c r="H86516" s="12"/>
    </row>
    <row r="86517" spans="8:8">
      <c r="H86517" s="12"/>
    </row>
    <row r="86518" spans="8:8">
      <c r="H86518" s="12"/>
    </row>
    <row r="86519" spans="8:8">
      <c r="H86519" s="12"/>
    </row>
    <row r="86520" spans="8:8">
      <c r="H86520" s="12"/>
    </row>
    <row r="86521" spans="8:8">
      <c r="H86521" s="12"/>
    </row>
    <row r="86522" spans="8:8">
      <c r="H86522" s="12"/>
    </row>
    <row r="86523" spans="8:8">
      <c r="H86523" s="12"/>
    </row>
    <row r="86524" spans="8:8">
      <c r="H86524" s="12"/>
    </row>
    <row r="86525" spans="8:8">
      <c r="H86525" s="12"/>
    </row>
    <row r="86526" spans="8:8">
      <c r="H86526" s="12"/>
    </row>
    <row r="86527" spans="8:8">
      <c r="H86527" s="12"/>
    </row>
    <row r="86528" spans="8:8">
      <c r="H86528" s="12"/>
    </row>
    <row r="86529" spans="8:8">
      <c r="H86529" s="12"/>
    </row>
    <row r="86530" spans="8:8">
      <c r="H86530" s="12"/>
    </row>
    <row r="86531" spans="8:8">
      <c r="H86531" s="12"/>
    </row>
    <row r="86532" spans="8:8">
      <c r="H86532" s="12"/>
    </row>
    <row r="86533" spans="8:8">
      <c r="H86533" s="12"/>
    </row>
    <row r="86534" spans="8:8">
      <c r="H86534" s="12"/>
    </row>
    <row r="86535" spans="8:8">
      <c r="H86535" s="12"/>
    </row>
    <row r="86536" spans="8:8">
      <c r="H86536" s="12"/>
    </row>
    <row r="86537" spans="8:8">
      <c r="H86537" s="12"/>
    </row>
    <row r="86538" spans="8:8">
      <c r="H86538" s="12"/>
    </row>
    <row r="86539" spans="8:8">
      <c r="H86539" s="12"/>
    </row>
    <row r="86540" spans="8:8">
      <c r="H86540" s="12"/>
    </row>
    <row r="86541" spans="8:8">
      <c r="H86541" s="12"/>
    </row>
    <row r="86542" spans="8:8">
      <c r="H86542" s="12"/>
    </row>
    <row r="86543" spans="8:8">
      <c r="H86543" s="12"/>
    </row>
    <row r="86544" spans="8:8">
      <c r="H86544" s="12"/>
    </row>
    <row r="86545" spans="8:8">
      <c r="H86545" s="12"/>
    </row>
    <row r="86546" spans="8:8">
      <c r="H86546" s="12"/>
    </row>
    <row r="86547" spans="8:8">
      <c r="H86547" s="12"/>
    </row>
    <row r="86548" spans="8:8">
      <c r="H86548" s="12"/>
    </row>
    <row r="86549" spans="8:8">
      <c r="H86549" s="12"/>
    </row>
    <row r="86550" spans="8:8">
      <c r="H86550" s="12"/>
    </row>
    <row r="86551" spans="8:8">
      <c r="H86551" s="12"/>
    </row>
    <row r="86552" spans="8:8">
      <c r="H86552" s="12"/>
    </row>
    <row r="86553" spans="8:8">
      <c r="H86553" s="12"/>
    </row>
    <row r="86554" spans="8:8">
      <c r="H86554" s="12"/>
    </row>
    <row r="86555" spans="8:8">
      <c r="H86555" s="12"/>
    </row>
    <row r="86556" spans="8:8">
      <c r="H86556" s="12"/>
    </row>
    <row r="86557" spans="8:8">
      <c r="H86557" s="12"/>
    </row>
    <row r="86558" spans="8:8">
      <c r="H86558" s="12"/>
    </row>
    <row r="86559" spans="8:8">
      <c r="H86559" s="12"/>
    </row>
    <row r="86560" spans="8:8">
      <c r="H86560" s="12"/>
    </row>
    <row r="86561" spans="8:8">
      <c r="H86561" s="12"/>
    </row>
    <row r="86562" spans="8:8">
      <c r="H86562" s="12"/>
    </row>
    <row r="86563" spans="8:8">
      <c r="H86563" s="12"/>
    </row>
    <row r="86564" spans="8:8">
      <c r="H86564" s="12"/>
    </row>
    <row r="86565" spans="8:8">
      <c r="H86565" s="12"/>
    </row>
    <row r="86566" spans="8:8">
      <c r="H86566" s="12"/>
    </row>
    <row r="86567" spans="8:8">
      <c r="H86567" s="12"/>
    </row>
    <row r="86568" spans="8:8">
      <c r="H86568" s="12"/>
    </row>
    <row r="86569" spans="8:8">
      <c r="H86569" s="12"/>
    </row>
    <row r="86570" spans="8:8">
      <c r="H86570" s="12"/>
    </row>
    <row r="86571" spans="8:8">
      <c r="H86571" s="12"/>
    </row>
    <row r="86572" spans="8:8">
      <c r="H86572" s="12"/>
    </row>
    <row r="86573" spans="8:8">
      <c r="H86573" s="12"/>
    </row>
    <row r="86574" spans="8:8">
      <c r="H86574" s="12"/>
    </row>
    <row r="86575" spans="8:8">
      <c r="H86575" s="12"/>
    </row>
    <row r="86576" spans="8:8">
      <c r="H86576" s="12"/>
    </row>
    <row r="86577" spans="8:8">
      <c r="H86577" s="12"/>
    </row>
    <row r="86578" spans="8:8">
      <c r="H86578" s="12"/>
    </row>
    <row r="86579" spans="8:8">
      <c r="H86579" s="12"/>
    </row>
    <row r="86580" spans="8:8">
      <c r="H86580" s="12"/>
    </row>
    <row r="86581" spans="8:8">
      <c r="H86581" s="12"/>
    </row>
    <row r="86582" spans="8:8">
      <c r="H86582" s="12"/>
    </row>
    <row r="86583" spans="8:8">
      <c r="H86583" s="12"/>
    </row>
    <row r="86584" spans="8:8">
      <c r="H86584" s="12"/>
    </row>
    <row r="86585" spans="8:8">
      <c r="H86585" s="12"/>
    </row>
    <row r="86586" spans="8:8">
      <c r="H86586" s="12"/>
    </row>
    <row r="86587" spans="8:8">
      <c r="H86587" s="12"/>
    </row>
    <row r="86588" spans="8:8">
      <c r="H86588" s="12"/>
    </row>
    <row r="86589" spans="8:8">
      <c r="H86589" s="12"/>
    </row>
    <row r="86590" spans="8:8">
      <c r="H86590" s="12"/>
    </row>
    <row r="86591" spans="8:8">
      <c r="H86591" s="12"/>
    </row>
    <row r="86592" spans="8:8">
      <c r="H86592" s="12"/>
    </row>
    <row r="86593" spans="8:8">
      <c r="H86593" s="12"/>
    </row>
    <row r="86594" spans="8:8">
      <c r="H86594" s="12"/>
    </row>
    <row r="86595" spans="8:8">
      <c r="H86595" s="12"/>
    </row>
    <row r="86596" spans="8:8">
      <c r="H86596" s="12"/>
    </row>
    <row r="86597" spans="8:8">
      <c r="H86597" s="12"/>
    </row>
    <row r="86598" spans="8:8">
      <c r="H86598" s="12"/>
    </row>
    <row r="86599" spans="8:8">
      <c r="H86599" s="12"/>
    </row>
    <row r="86600" spans="8:8">
      <c r="H86600" s="12"/>
    </row>
    <row r="86601" spans="8:8">
      <c r="H86601" s="12"/>
    </row>
    <row r="86602" spans="8:8">
      <c r="H86602" s="12"/>
    </row>
    <row r="86603" spans="8:8">
      <c r="H86603" s="12"/>
    </row>
    <row r="86604" spans="8:8">
      <c r="H86604" s="12"/>
    </row>
    <row r="86605" spans="8:8">
      <c r="H86605" s="12"/>
    </row>
    <row r="86606" spans="8:8">
      <c r="H86606" s="12"/>
    </row>
    <row r="86607" spans="8:8">
      <c r="H86607" s="12"/>
    </row>
    <row r="86608" spans="8:8">
      <c r="H86608" s="12"/>
    </row>
    <row r="86609" spans="8:8">
      <c r="H86609" s="12"/>
    </row>
    <row r="86610" spans="8:8">
      <c r="H86610" s="12"/>
    </row>
    <row r="86611" spans="8:8">
      <c r="H86611" s="12"/>
    </row>
    <row r="86612" spans="8:8">
      <c r="H86612" s="12"/>
    </row>
    <row r="86613" spans="8:8">
      <c r="H86613" s="12"/>
    </row>
    <row r="86614" spans="8:8">
      <c r="H86614" s="12"/>
    </row>
    <row r="86615" spans="8:8">
      <c r="H86615" s="12"/>
    </row>
    <row r="86616" spans="8:8">
      <c r="H86616" s="12"/>
    </row>
    <row r="86617" spans="8:8">
      <c r="H86617" s="12"/>
    </row>
    <row r="86618" spans="8:8">
      <c r="H86618" s="12"/>
    </row>
    <row r="86619" spans="8:8">
      <c r="H86619" s="12"/>
    </row>
    <row r="86620" spans="8:8">
      <c r="H86620" s="12"/>
    </row>
    <row r="86621" spans="8:8">
      <c r="H86621" s="12"/>
    </row>
    <row r="86622" spans="8:8">
      <c r="H86622" s="12"/>
    </row>
    <row r="86623" spans="8:8">
      <c r="H86623" s="12"/>
    </row>
    <row r="86624" spans="8:8">
      <c r="H86624" s="12"/>
    </row>
    <row r="86625" spans="8:8">
      <c r="H86625" s="12"/>
    </row>
    <row r="86626" spans="8:8">
      <c r="H86626" s="12"/>
    </row>
    <row r="86627" spans="8:8">
      <c r="H86627" s="12"/>
    </row>
    <row r="86628" spans="8:8">
      <c r="H86628" s="12"/>
    </row>
    <row r="86629" spans="8:8">
      <c r="H86629" s="12"/>
    </row>
    <row r="86630" spans="8:8">
      <c r="H86630" s="12"/>
    </row>
    <row r="86631" spans="8:8">
      <c r="H86631" s="12"/>
    </row>
    <row r="86632" spans="8:8">
      <c r="H86632" s="12"/>
    </row>
    <row r="86633" spans="8:8">
      <c r="H86633" s="12"/>
    </row>
    <row r="86634" spans="8:8">
      <c r="H86634" s="12"/>
    </row>
    <row r="86635" spans="8:8">
      <c r="H86635" s="12"/>
    </row>
    <row r="86636" spans="8:8">
      <c r="H86636" s="12"/>
    </row>
    <row r="86637" spans="8:8">
      <c r="H86637" s="12"/>
    </row>
    <row r="86638" spans="8:8">
      <c r="H86638" s="12"/>
    </row>
    <row r="86639" spans="8:8">
      <c r="H86639" s="12"/>
    </row>
    <row r="86640" spans="8:8">
      <c r="H86640" s="12"/>
    </row>
    <row r="86641" spans="8:8">
      <c r="H86641" s="12"/>
    </row>
    <row r="86642" spans="8:8">
      <c r="H86642" s="12"/>
    </row>
    <row r="86643" spans="8:8">
      <c r="H86643" s="12"/>
    </row>
    <row r="86644" spans="8:8">
      <c r="H86644" s="12"/>
    </row>
    <row r="86645" spans="8:8">
      <c r="H86645" s="12"/>
    </row>
    <row r="86646" spans="8:8">
      <c r="H86646" s="12"/>
    </row>
    <row r="86647" spans="8:8">
      <c r="H86647" s="12"/>
    </row>
    <row r="86648" spans="8:8">
      <c r="H86648" s="12"/>
    </row>
    <row r="86649" spans="8:8">
      <c r="H86649" s="12"/>
    </row>
    <row r="86650" spans="8:8">
      <c r="H86650" s="12"/>
    </row>
    <row r="86651" spans="8:8">
      <c r="H86651" s="12"/>
    </row>
    <row r="86652" spans="8:8">
      <c r="H86652" s="12"/>
    </row>
    <row r="86653" spans="8:8">
      <c r="H86653" s="12"/>
    </row>
    <row r="86654" spans="8:8">
      <c r="H86654" s="12"/>
    </row>
    <row r="86655" spans="8:8">
      <c r="H86655" s="12"/>
    </row>
    <row r="86656" spans="8:8">
      <c r="H86656" s="12"/>
    </row>
    <row r="86657" spans="8:8">
      <c r="H86657" s="12"/>
    </row>
    <row r="86658" spans="8:8">
      <c r="H86658" s="12"/>
    </row>
    <row r="86659" spans="8:8">
      <c r="H86659" s="12"/>
    </row>
    <row r="86660" spans="8:8">
      <c r="H86660" s="12"/>
    </row>
    <row r="86661" spans="8:8">
      <c r="H86661" s="12"/>
    </row>
    <row r="86662" spans="8:8">
      <c r="H86662" s="12"/>
    </row>
    <row r="86663" spans="8:8">
      <c r="H86663" s="12"/>
    </row>
    <row r="86664" spans="8:8">
      <c r="H86664" s="12"/>
    </row>
    <row r="86665" spans="8:8">
      <c r="H86665" s="12"/>
    </row>
    <row r="86666" spans="8:8">
      <c r="H86666" s="12"/>
    </row>
    <row r="86667" spans="8:8">
      <c r="H86667" s="12"/>
    </row>
    <row r="86668" spans="8:8">
      <c r="H86668" s="12"/>
    </row>
    <row r="86669" spans="8:8">
      <c r="H86669" s="12"/>
    </row>
    <row r="86670" spans="8:8">
      <c r="H86670" s="12"/>
    </row>
    <row r="86671" spans="8:8">
      <c r="H86671" s="12"/>
    </row>
    <row r="86672" spans="8:8">
      <c r="H86672" s="12"/>
    </row>
    <row r="86673" spans="8:8">
      <c r="H86673" s="12"/>
    </row>
    <row r="86674" spans="8:8">
      <c r="H86674" s="12"/>
    </row>
    <row r="86675" spans="8:8">
      <c r="H86675" s="12"/>
    </row>
    <row r="86676" spans="8:8">
      <c r="H86676" s="12"/>
    </row>
    <row r="86677" spans="8:8">
      <c r="H86677" s="12"/>
    </row>
    <row r="86678" spans="8:8">
      <c r="H86678" s="12"/>
    </row>
    <row r="86679" spans="8:8">
      <c r="H86679" s="12"/>
    </row>
    <row r="86680" spans="8:8">
      <c r="H86680" s="12"/>
    </row>
    <row r="86681" spans="8:8">
      <c r="H86681" s="12"/>
    </row>
    <row r="86682" spans="8:8">
      <c r="H86682" s="12"/>
    </row>
    <row r="86683" spans="8:8">
      <c r="H86683" s="12"/>
    </row>
    <row r="86684" spans="8:8">
      <c r="H86684" s="12"/>
    </row>
    <row r="86685" spans="8:8">
      <c r="H86685" s="12"/>
    </row>
    <row r="86686" spans="8:8">
      <c r="H86686" s="12"/>
    </row>
    <row r="86687" spans="8:8">
      <c r="H86687" s="12"/>
    </row>
    <row r="86688" spans="8:8">
      <c r="H86688" s="12"/>
    </row>
    <row r="86689" spans="8:8">
      <c r="H86689" s="12"/>
    </row>
    <row r="86690" spans="8:8">
      <c r="H86690" s="12"/>
    </row>
    <row r="86691" spans="8:8">
      <c r="H86691" s="12"/>
    </row>
    <row r="86692" spans="8:8">
      <c r="H86692" s="12"/>
    </row>
    <row r="86693" spans="8:8">
      <c r="H86693" s="12"/>
    </row>
    <row r="86694" spans="8:8">
      <c r="H86694" s="12"/>
    </row>
    <row r="86695" spans="8:8">
      <c r="H86695" s="12"/>
    </row>
    <row r="86696" spans="8:8">
      <c r="H86696" s="12"/>
    </row>
    <row r="86697" spans="8:8">
      <c r="H86697" s="12"/>
    </row>
    <row r="86698" spans="8:8">
      <c r="H86698" s="12"/>
    </row>
    <row r="86699" spans="8:8">
      <c r="H86699" s="12"/>
    </row>
    <row r="86700" spans="8:8">
      <c r="H86700" s="12"/>
    </row>
    <row r="86701" spans="8:8">
      <c r="H86701" s="12"/>
    </row>
    <row r="86702" spans="8:8">
      <c r="H86702" s="12"/>
    </row>
    <row r="86703" spans="8:8">
      <c r="H86703" s="12"/>
    </row>
    <row r="86704" spans="8:8">
      <c r="H86704" s="12"/>
    </row>
    <row r="86705" spans="8:8">
      <c r="H86705" s="12"/>
    </row>
    <row r="86706" spans="8:8">
      <c r="H86706" s="12"/>
    </row>
    <row r="86707" spans="8:8">
      <c r="H86707" s="12"/>
    </row>
    <row r="86708" spans="8:8">
      <c r="H86708" s="12"/>
    </row>
    <row r="86709" spans="8:8">
      <c r="H86709" s="12"/>
    </row>
    <row r="86710" spans="8:8">
      <c r="H86710" s="12"/>
    </row>
    <row r="86711" spans="8:8">
      <c r="H86711" s="12"/>
    </row>
    <row r="86712" spans="8:8">
      <c r="H86712" s="12"/>
    </row>
    <row r="86713" spans="8:8">
      <c r="H86713" s="12"/>
    </row>
    <row r="86714" spans="8:8">
      <c r="H86714" s="12"/>
    </row>
    <row r="86715" spans="8:8">
      <c r="H86715" s="12"/>
    </row>
    <row r="86716" spans="8:8">
      <c r="H86716" s="12"/>
    </row>
    <row r="86717" spans="8:8">
      <c r="H86717" s="12"/>
    </row>
    <row r="86718" spans="8:8">
      <c r="H86718" s="12"/>
    </row>
    <row r="86719" spans="8:8">
      <c r="H86719" s="12"/>
    </row>
    <row r="86720" spans="8:8">
      <c r="H86720" s="12"/>
    </row>
    <row r="86721" spans="8:8">
      <c r="H86721" s="12"/>
    </row>
    <row r="86722" spans="8:8">
      <c r="H86722" s="12"/>
    </row>
    <row r="86723" spans="8:8">
      <c r="H86723" s="12"/>
    </row>
    <row r="86724" spans="8:8">
      <c r="H86724" s="12"/>
    </row>
    <row r="86725" spans="8:8">
      <c r="H86725" s="12"/>
    </row>
    <row r="86726" spans="8:8">
      <c r="H86726" s="12"/>
    </row>
    <row r="86727" spans="8:8">
      <c r="H86727" s="12"/>
    </row>
    <row r="86728" spans="8:8">
      <c r="H86728" s="12"/>
    </row>
    <row r="86729" spans="8:8">
      <c r="H86729" s="12"/>
    </row>
    <row r="86730" spans="8:8">
      <c r="H86730" s="12"/>
    </row>
    <row r="86731" spans="8:8">
      <c r="H86731" s="12"/>
    </row>
    <row r="86732" spans="8:8">
      <c r="H86732" s="12"/>
    </row>
    <row r="86733" spans="8:8">
      <c r="H86733" s="12"/>
    </row>
    <row r="86734" spans="8:8">
      <c r="H86734" s="12"/>
    </row>
    <row r="86735" spans="8:8">
      <c r="H86735" s="12"/>
    </row>
    <row r="86736" spans="8:8">
      <c r="H86736" s="12"/>
    </row>
    <row r="86737" spans="8:8">
      <c r="H86737" s="12"/>
    </row>
    <row r="86738" spans="8:8">
      <c r="H86738" s="12"/>
    </row>
    <row r="86739" spans="8:8">
      <c r="H86739" s="12"/>
    </row>
    <row r="86740" spans="8:8">
      <c r="H86740" s="12"/>
    </row>
    <row r="86741" spans="8:8">
      <c r="H86741" s="12"/>
    </row>
    <row r="86742" spans="8:8">
      <c r="H86742" s="12"/>
    </row>
    <row r="86743" spans="8:8">
      <c r="H86743" s="12"/>
    </row>
    <row r="86744" spans="8:8">
      <c r="H86744" s="12"/>
    </row>
    <row r="86745" spans="8:8">
      <c r="H86745" s="12"/>
    </row>
    <row r="86746" spans="8:8">
      <c r="H86746" s="12"/>
    </row>
    <row r="86747" spans="8:8">
      <c r="H86747" s="12"/>
    </row>
    <row r="86748" spans="8:8">
      <c r="H86748" s="12"/>
    </row>
    <row r="86749" spans="8:8">
      <c r="H86749" s="12"/>
    </row>
    <row r="86750" spans="8:8">
      <c r="H86750" s="12"/>
    </row>
    <row r="86751" spans="8:8">
      <c r="H86751" s="12"/>
    </row>
    <row r="86752" spans="8:8">
      <c r="H86752" s="12"/>
    </row>
    <row r="86753" spans="8:8">
      <c r="H86753" s="12"/>
    </row>
    <row r="86754" spans="8:8">
      <c r="H86754" s="12"/>
    </row>
    <row r="86755" spans="8:8">
      <c r="H86755" s="12"/>
    </row>
    <row r="86756" spans="8:8">
      <c r="H86756" s="12"/>
    </row>
    <row r="86757" spans="8:8">
      <c r="H86757" s="12"/>
    </row>
    <row r="86758" spans="8:8">
      <c r="H86758" s="12"/>
    </row>
    <row r="86759" spans="8:8">
      <c r="H86759" s="12"/>
    </row>
    <row r="86760" spans="8:8">
      <c r="H86760" s="12"/>
    </row>
    <row r="86761" spans="8:8">
      <c r="H86761" s="12"/>
    </row>
    <row r="86762" spans="8:8">
      <c r="H86762" s="12"/>
    </row>
    <row r="86763" spans="8:8">
      <c r="H86763" s="12"/>
    </row>
    <row r="86764" spans="8:8">
      <c r="H86764" s="12"/>
    </row>
    <row r="86765" spans="8:8">
      <c r="H86765" s="12"/>
    </row>
    <row r="86766" spans="8:8">
      <c r="H86766" s="12"/>
    </row>
    <row r="86767" spans="8:8">
      <c r="H86767" s="12"/>
    </row>
    <row r="86768" spans="8:8">
      <c r="H86768" s="12"/>
    </row>
    <row r="86769" spans="8:8">
      <c r="H86769" s="12"/>
    </row>
    <row r="86770" spans="8:8">
      <c r="H86770" s="12"/>
    </row>
    <row r="86771" spans="8:8">
      <c r="H86771" s="12"/>
    </row>
    <row r="86772" spans="8:8">
      <c r="H86772" s="12"/>
    </row>
    <row r="86773" spans="8:8">
      <c r="H86773" s="12"/>
    </row>
    <row r="86774" spans="8:8">
      <c r="H86774" s="12"/>
    </row>
    <row r="86775" spans="8:8">
      <c r="H86775" s="12"/>
    </row>
    <row r="86776" spans="8:8">
      <c r="H86776" s="12"/>
    </row>
    <row r="86777" spans="8:8">
      <c r="H86777" s="12"/>
    </row>
    <row r="86778" spans="8:8">
      <c r="H86778" s="12"/>
    </row>
    <row r="86779" spans="8:8">
      <c r="H86779" s="12"/>
    </row>
    <row r="86780" spans="8:8">
      <c r="H86780" s="12"/>
    </row>
    <row r="86781" spans="8:8">
      <c r="H86781" s="12"/>
    </row>
    <row r="86782" spans="8:8">
      <c r="H86782" s="12"/>
    </row>
    <row r="86783" spans="8:8">
      <c r="H86783" s="12"/>
    </row>
    <row r="86784" spans="8:8">
      <c r="H86784" s="12"/>
    </row>
    <row r="86785" spans="8:8">
      <c r="H86785" s="12"/>
    </row>
    <row r="86786" spans="8:8">
      <c r="H86786" s="12"/>
    </row>
    <row r="86787" spans="8:8">
      <c r="H86787" s="12"/>
    </row>
    <row r="86788" spans="8:8">
      <c r="H86788" s="12"/>
    </row>
    <row r="86789" spans="8:8">
      <c r="H86789" s="12"/>
    </row>
    <row r="86790" spans="8:8">
      <c r="H86790" s="12"/>
    </row>
    <row r="86791" spans="8:8">
      <c r="H86791" s="12"/>
    </row>
    <row r="86792" spans="8:8">
      <c r="H86792" s="12"/>
    </row>
    <row r="86793" spans="8:8">
      <c r="H86793" s="12"/>
    </row>
    <row r="86794" spans="8:8">
      <c r="H86794" s="12"/>
    </row>
    <row r="86795" spans="8:8">
      <c r="H86795" s="12"/>
    </row>
    <row r="86796" spans="8:8">
      <c r="H86796" s="12"/>
    </row>
    <row r="86797" spans="8:8">
      <c r="H86797" s="12"/>
    </row>
    <row r="86798" spans="8:8">
      <c r="H86798" s="12"/>
    </row>
    <row r="86799" spans="8:8">
      <c r="H86799" s="12"/>
    </row>
    <row r="86800" spans="8:8">
      <c r="H86800" s="12"/>
    </row>
    <row r="86801" spans="8:8">
      <c r="H86801" s="12"/>
    </row>
    <row r="86802" spans="8:8">
      <c r="H86802" s="12"/>
    </row>
    <row r="86803" spans="8:8">
      <c r="H86803" s="12"/>
    </row>
    <row r="86804" spans="8:8">
      <c r="H86804" s="12"/>
    </row>
    <row r="86805" spans="8:8">
      <c r="H86805" s="12"/>
    </row>
    <row r="86806" spans="8:8">
      <c r="H86806" s="12"/>
    </row>
    <row r="86807" spans="8:8">
      <c r="H86807" s="12"/>
    </row>
    <row r="86808" spans="8:8">
      <c r="H86808" s="12"/>
    </row>
    <row r="86809" spans="8:8">
      <c r="H86809" s="12"/>
    </row>
    <row r="86810" spans="8:8">
      <c r="H86810" s="12"/>
    </row>
    <row r="86811" spans="8:8">
      <c r="H86811" s="12"/>
    </row>
    <row r="86812" spans="8:8">
      <c r="H86812" s="12"/>
    </row>
    <row r="86813" spans="8:8">
      <c r="H86813" s="12"/>
    </row>
    <row r="86814" spans="8:8">
      <c r="H86814" s="12"/>
    </row>
    <row r="86815" spans="8:8">
      <c r="H86815" s="12"/>
    </row>
    <row r="86816" spans="8:8">
      <c r="H86816" s="12"/>
    </row>
    <row r="86817" spans="8:8">
      <c r="H86817" s="12"/>
    </row>
    <row r="86818" spans="8:8">
      <c r="H86818" s="12"/>
    </row>
    <row r="86819" spans="8:8">
      <c r="H86819" s="12"/>
    </row>
    <row r="86820" spans="8:8">
      <c r="H86820" s="12"/>
    </row>
    <row r="86821" spans="8:8">
      <c r="H86821" s="12"/>
    </row>
    <row r="86822" spans="8:8">
      <c r="H86822" s="12"/>
    </row>
    <row r="86823" spans="8:8">
      <c r="H86823" s="12"/>
    </row>
    <row r="86824" spans="8:8">
      <c r="H86824" s="12"/>
    </row>
    <row r="86825" spans="8:8">
      <c r="H86825" s="12"/>
    </row>
    <row r="86826" spans="8:8">
      <c r="H86826" s="12"/>
    </row>
    <row r="86827" spans="8:8">
      <c r="H86827" s="12"/>
    </row>
    <row r="86828" spans="8:8">
      <c r="H86828" s="12"/>
    </row>
    <row r="86829" spans="8:8">
      <c r="H86829" s="12"/>
    </row>
    <row r="86830" spans="8:8">
      <c r="H86830" s="12"/>
    </row>
    <row r="86831" spans="8:8">
      <c r="H86831" s="12"/>
    </row>
    <row r="86832" spans="8:8">
      <c r="H86832" s="12"/>
    </row>
    <row r="86833" spans="8:8">
      <c r="H86833" s="12"/>
    </row>
    <row r="86834" spans="8:8">
      <c r="H86834" s="12"/>
    </row>
    <row r="86835" spans="8:8">
      <c r="H86835" s="12"/>
    </row>
    <row r="86836" spans="8:8">
      <c r="H86836" s="12"/>
    </row>
    <row r="86837" spans="8:8">
      <c r="H86837" s="12"/>
    </row>
    <row r="86838" spans="8:8">
      <c r="H86838" s="12"/>
    </row>
    <row r="86839" spans="8:8">
      <c r="H86839" s="12"/>
    </row>
    <row r="86840" spans="8:8">
      <c r="H86840" s="12"/>
    </row>
    <row r="86841" spans="8:8">
      <c r="H86841" s="12"/>
    </row>
    <row r="86842" spans="8:8">
      <c r="H86842" s="12"/>
    </row>
    <row r="86843" spans="8:8">
      <c r="H86843" s="12"/>
    </row>
    <row r="86844" spans="8:8">
      <c r="H86844" s="12"/>
    </row>
    <row r="86845" spans="8:8">
      <c r="H86845" s="12"/>
    </row>
    <row r="86846" spans="8:8">
      <c r="H86846" s="12"/>
    </row>
    <row r="86847" spans="8:8">
      <c r="H86847" s="12"/>
    </row>
    <row r="86848" spans="8:8">
      <c r="H86848" s="12"/>
    </row>
    <row r="86849" spans="8:8">
      <c r="H86849" s="12"/>
    </row>
    <row r="86850" spans="8:8">
      <c r="H86850" s="12"/>
    </row>
    <row r="86851" spans="8:8">
      <c r="H86851" s="12"/>
    </row>
    <row r="86852" spans="8:8">
      <c r="H86852" s="12"/>
    </row>
    <row r="86853" spans="8:8">
      <c r="H86853" s="12"/>
    </row>
    <row r="86854" spans="8:8">
      <c r="H86854" s="12"/>
    </row>
    <row r="86855" spans="8:8">
      <c r="H86855" s="12"/>
    </row>
    <row r="86856" spans="8:8">
      <c r="H86856" s="12"/>
    </row>
    <row r="86857" spans="8:8">
      <c r="H86857" s="12"/>
    </row>
    <row r="86858" spans="8:8">
      <c r="H86858" s="12"/>
    </row>
    <row r="86859" spans="8:8">
      <c r="H86859" s="12"/>
    </row>
    <row r="86860" spans="8:8">
      <c r="H86860" s="12"/>
    </row>
    <row r="86861" spans="8:8">
      <c r="H86861" s="12"/>
    </row>
    <row r="86862" spans="8:8">
      <c r="H86862" s="12"/>
    </row>
    <row r="86863" spans="8:8">
      <c r="H86863" s="12"/>
    </row>
    <row r="86864" spans="8:8">
      <c r="H86864" s="12"/>
    </row>
    <row r="86865" spans="8:8">
      <c r="H86865" s="12"/>
    </row>
    <row r="86866" spans="8:8">
      <c r="H86866" s="12"/>
    </row>
    <row r="86867" spans="8:8">
      <c r="H86867" s="12"/>
    </row>
    <row r="86868" spans="8:8">
      <c r="H86868" s="12"/>
    </row>
    <row r="86869" spans="8:8">
      <c r="H86869" s="12"/>
    </row>
    <row r="86870" spans="8:8">
      <c r="H86870" s="12"/>
    </row>
    <row r="86871" spans="8:8">
      <c r="H86871" s="12"/>
    </row>
    <row r="86872" spans="8:8">
      <c r="H86872" s="12"/>
    </row>
    <row r="86873" spans="8:8">
      <c r="H86873" s="12"/>
    </row>
    <row r="86874" spans="8:8">
      <c r="H86874" s="12"/>
    </row>
    <row r="86875" spans="8:8">
      <c r="H86875" s="12"/>
    </row>
    <row r="86876" spans="8:8">
      <c r="H86876" s="12"/>
    </row>
    <row r="86877" spans="8:8">
      <c r="H86877" s="12"/>
    </row>
    <row r="86878" spans="8:8">
      <c r="H86878" s="12"/>
    </row>
    <row r="86879" spans="8:8">
      <c r="H86879" s="12"/>
    </row>
    <row r="86880" spans="8:8">
      <c r="H86880" s="12"/>
    </row>
    <row r="86881" spans="8:8">
      <c r="H86881" s="12"/>
    </row>
    <row r="86882" spans="8:8">
      <c r="H86882" s="12"/>
    </row>
    <row r="86883" spans="8:8">
      <c r="H86883" s="12"/>
    </row>
    <row r="86884" spans="8:8">
      <c r="H86884" s="12"/>
    </row>
    <row r="86885" spans="8:8">
      <c r="H86885" s="12"/>
    </row>
    <row r="86886" spans="8:8">
      <c r="H86886" s="12"/>
    </row>
    <row r="86887" spans="8:8">
      <c r="H86887" s="12"/>
    </row>
    <row r="86888" spans="8:8">
      <c r="H86888" s="12"/>
    </row>
    <row r="86889" spans="8:8">
      <c r="H86889" s="12"/>
    </row>
    <row r="86890" spans="8:8">
      <c r="H86890" s="12"/>
    </row>
    <row r="86891" spans="8:8">
      <c r="H86891" s="12"/>
    </row>
    <row r="86892" spans="8:8">
      <c r="H86892" s="12"/>
    </row>
    <row r="86893" spans="8:8">
      <c r="H86893" s="12"/>
    </row>
    <row r="86894" spans="8:8">
      <c r="H86894" s="12"/>
    </row>
    <row r="86895" spans="8:8">
      <c r="H86895" s="12"/>
    </row>
    <row r="86896" spans="8:8">
      <c r="H86896" s="12"/>
    </row>
    <row r="86897" spans="8:8">
      <c r="H86897" s="12"/>
    </row>
    <row r="86898" spans="8:8">
      <c r="H86898" s="12"/>
    </row>
    <row r="86899" spans="8:8">
      <c r="H86899" s="12"/>
    </row>
    <row r="86900" spans="8:8">
      <c r="H86900" s="12"/>
    </row>
    <row r="86901" spans="8:8">
      <c r="H86901" s="12"/>
    </row>
    <row r="86902" spans="8:8">
      <c r="H86902" s="12"/>
    </row>
    <row r="86903" spans="8:8">
      <c r="H86903" s="12"/>
    </row>
    <row r="86904" spans="8:8">
      <c r="H86904" s="12"/>
    </row>
    <row r="86905" spans="8:8">
      <c r="H86905" s="12"/>
    </row>
    <row r="86906" spans="8:8">
      <c r="H86906" s="12"/>
    </row>
    <row r="86907" spans="8:8">
      <c r="H86907" s="12"/>
    </row>
    <row r="86908" spans="8:8">
      <c r="H86908" s="12"/>
    </row>
    <row r="86909" spans="8:8">
      <c r="H86909" s="12"/>
    </row>
    <row r="86910" spans="8:8">
      <c r="H86910" s="12"/>
    </row>
    <row r="86911" spans="8:8">
      <c r="H86911" s="12"/>
    </row>
    <row r="86912" spans="8:8">
      <c r="H86912" s="12"/>
    </row>
    <row r="86913" spans="8:8">
      <c r="H86913" s="12"/>
    </row>
    <row r="86914" spans="8:8">
      <c r="H86914" s="12"/>
    </row>
    <row r="86915" spans="8:8">
      <c r="H86915" s="12"/>
    </row>
    <row r="86916" spans="8:8">
      <c r="H86916" s="12"/>
    </row>
    <row r="86917" spans="8:8">
      <c r="H86917" s="12"/>
    </row>
    <row r="86918" spans="8:8">
      <c r="H86918" s="12"/>
    </row>
    <row r="86919" spans="8:8">
      <c r="H86919" s="12"/>
    </row>
    <row r="86920" spans="8:8">
      <c r="H86920" s="12"/>
    </row>
    <row r="86921" spans="8:8">
      <c r="H86921" s="12"/>
    </row>
    <row r="86922" spans="8:8">
      <c r="H86922" s="12"/>
    </row>
    <row r="86923" spans="8:8">
      <c r="H86923" s="12"/>
    </row>
    <row r="86924" spans="8:8">
      <c r="H86924" s="12"/>
    </row>
    <row r="86925" spans="8:8">
      <c r="H86925" s="12"/>
    </row>
    <row r="86926" spans="8:8">
      <c r="H86926" s="12"/>
    </row>
    <row r="86927" spans="8:8">
      <c r="H86927" s="12"/>
    </row>
    <row r="86928" spans="8:8">
      <c r="H86928" s="12"/>
    </row>
    <row r="86929" spans="8:8">
      <c r="H86929" s="12"/>
    </row>
    <row r="86930" spans="8:8">
      <c r="H86930" s="12"/>
    </row>
    <row r="86931" spans="8:8">
      <c r="H86931" s="12"/>
    </row>
    <row r="86932" spans="8:8">
      <c r="H86932" s="12"/>
    </row>
    <row r="86933" spans="8:8">
      <c r="H86933" s="12"/>
    </row>
    <row r="86934" spans="8:8">
      <c r="H86934" s="12"/>
    </row>
    <row r="86935" spans="8:8">
      <c r="H86935" s="12"/>
    </row>
    <row r="86936" spans="8:8">
      <c r="H86936" s="12"/>
    </row>
    <row r="86937" spans="8:8">
      <c r="H86937" s="12"/>
    </row>
    <row r="86938" spans="8:8">
      <c r="H86938" s="12"/>
    </row>
    <row r="86939" spans="8:8">
      <c r="H86939" s="12"/>
    </row>
    <row r="86940" spans="8:8">
      <c r="H86940" s="12"/>
    </row>
    <row r="86941" spans="8:8">
      <c r="H86941" s="12"/>
    </row>
    <row r="86942" spans="8:8">
      <c r="H86942" s="12"/>
    </row>
    <row r="86943" spans="8:8">
      <c r="H86943" s="12"/>
    </row>
    <row r="86944" spans="8:8">
      <c r="H86944" s="12"/>
    </row>
    <row r="86945" spans="8:8">
      <c r="H86945" s="12"/>
    </row>
    <row r="86946" spans="8:8">
      <c r="H86946" s="12"/>
    </row>
    <row r="86947" spans="8:8">
      <c r="H86947" s="12"/>
    </row>
    <row r="86948" spans="8:8">
      <c r="H86948" s="12"/>
    </row>
    <row r="86949" spans="8:8">
      <c r="H86949" s="12"/>
    </row>
    <row r="86950" spans="8:8">
      <c r="H86950" s="12"/>
    </row>
    <row r="86951" spans="8:8">
      <c r="H86951" s="12"/>
    </row>
    <row r="86952" spans="8:8">
      <c r="H86952" s="12"/>
    </row>
    <row r="86953" spans="8:8">
      <c r="H86953" s="12"/>
    </row>
    <row r="86954" spans="8:8">
      <c r="H86954" s="12"/>
    </row>
    <row r="86955" spans="8:8">
      <c r="H86955" s="12"/>
    </row>
    <row r="86956" spans="8:8">
      <c r="H86956" s="12"/>
    </row>
    <row r="86957" spans="8:8">
      <c r="H86957" s="12"/>
    </row>
    <row r="86958" spans="8:8">
      <c r="H86958" s="12"/>
    </row>
    <row r="86959" spans="8:8">
      <c r="H86959" s="12"/>
    </row>
    <row r="86960" spans="8:8">
      <c r="H86960" s="12"/>
    </row>
    <row r="86961" spans="8:8">
      <c r="H86961" s="12"/>
    </row>
    <row r="86962" spans="8:8">
      <c r="H86962" s="12"/>
    </row>
    <row r="86963" spans="8:8">
      <c r="H86963" s="12"/>
    </row>
    <row r="86964" spans="8:8">
      <c r="H86964" s="12"/>
    </row>
    <row r="86965" spans="8:8">
      <c r="H86965" s="12"/>
    </row>
    <row r="86966" spans="8:8">
      <c r="H86966" s="12"/>
    </row>
    <row r="86967" spans="8:8">
      <c r="H86967" s="12"/>
    </row>
    <row r="86968" spans="8:8">
      <c r="H86968" s="12"/>
    </row>
    <row r="86969" spans="8:8">
      <c r="H86969" s="12"/>
    </row>
    <row r="86970" spans="8:8">
      <c r="H86970" s="12"/>
    </row>
    <row r="86971" spans="8:8">
      <c r="H86971" s="12"/>
    </row>
    <row r="86972" spans="8:8">
      <c r="H86972" s="12"/>
    </row>
    <row r="86973" spans="8:8">
      <c r="H86973" s="12"/>
    </row>
    <row r="86974" spans="8:8">
      <c r="H86974" s="12"/>
    </row>
    <row r="86975" spans="8:8">
      <c r="H86975" s="12"/>
    </row>
    <row r="86976" spans="8:8">
      <c r="H86976" s="12"/>
    </row>
    <row r="86977" spans="8:8">
      <c r="H86977" s="12"/>
    </row>
    <row r="86978" spans="8:8">
      <c r="H86978" s="12"/>
    </row>
    <row r="86979" spans="8:8">
      <c r="H86979" s="12"/>
    </row>
    <row r="86980" spans="8:8">
      <c r="H86980" s="12"/>
    </row>
    <row r="86981" spans="8:8">
      <c r="H86981" s="12"/>
    </row>
    <row r="86982" spans="8:8">
      <c r="H86982" s="12"/>
    </row>
    <row r="86983" spans="8:8">
      <c r="H86983" s="12"/>
    </row>
    <row r="86984" spans="8:8">
      <c r="H86984" s="12"/>
    </row>
    <row r="86985" spans="8:8">
      <c r="H86985" s="12"/>
    </row>
    <row r="86986" spans="8:8">
      <c r="H86986" s="12"/>
    </row>
    <row r="86987" spans="8:8">
      <c r="H86987" s="12"/>
    </row>
    <row r="86988" spans="8:8">
      <c r="H86988" s="12"/>
    </row>
    <row r="86989" spans="8:8">
      <c r="H86989" s="12"/>
    </row>
    <row r="86990" spans="8:8">
      <c r="H86990" s="12"/>
    </row>
    <row r="86991" spans="8:8">
      <c r="H86991" s="12"/>
    </row>
    <row r="86992" spans="8:8">
      <c r="H86992" s="12"/>
    </row>
    <row r="86993" spans="8:8">
      <c r="H86993" s="12"/>
    </row>
    <row r="86994" spans="8:8">
      <c r="H86994" s="12"/>
    </row>
    <row r="86995" spans="8:8">
      <c r="H86995" s="12"/>
    </row>
    <row r="86996" spans="8:8">
      <c r="H86996" s="12"/>
    </row>
    <row r="86997" spans="8:8">
      <c r="H86997" s="12"/>
    </row>
    <row r="86998" spans="8:8">
      <c r="H86998" s="12"/>
    </row>
    <row r="86999" spans="8:8">
      <c r="H86999" s="12"/>
    </row>
    <row r="87000" spans="8:8">
      <c r="H87000" s="12"/>
    </row>
    <row r="87001" spans="8:8">
      <c r="H87001" s="12"/>
    </row>
    <row r="87002" spans="8:8">
      <c r="H87002" s="12"/>
    </row>
    <row r="87003" spans="8:8">
      <c r="H87003" s="12"/>
    </row>
    <row r="87004" spans="8:8">
      <c r="H87004" s="12"/>
    </row>
    <row r="87005" spans="8:8">
      <c r="H87005" s="12"/>
    </row>
    <row r="87006" spans="8:8">
      <c r="H87006" s="12"/>
    </row>
    <row r="87007" spans="8:8">
      <c r="H87007" s="12"/>
    </row>
    <row r="87008" spans="8:8">
      <c r="H87008" s="12"/>
    </row>
    <row r="87009" spans="8:8">
      <c r="H87009" s="12"/>
    </row>
    <row r="87010" spans="8:8">
      <c r="H87010" s="12"/>
    </row>
    <row r="87011" spans="8:8">
      <c r="H87011" s="12"/>
    </row>
    <row r="87012" spans="8:8">
      <c r="H87012" s="12"/>
    </row>
    <row r="87013" spans="8:8">
      <c r="H87013" s="12"/>
    </row>
    <row r="87014" spans="8:8">
      <c r="H87014" s="12"/>
    </row>
    <row r="87015" spans="8:8">
      <c r="H87015" s="12"/>
    </row>
    <row r="87016" spans="8:8">
      <c r="H87016" s="12"/>
    </row>
    <row r="87017" spans="8:8">
      <c r="H87017" s="12"/>
    </row>
    <row r="87018" spans="8:8">
      <c r="H87018" s="12"/>
    </row>
    <row r="87019" spans="8:8">
      <c r="H87019" s="12"/>
    </row>
    <row r="87020" spans="8:8">
      <c r="H87020" s="12"/>
    </row>
    <row r="87021" spans="8:8">
      <c r="H87021" s="12"/>
    </row>
    <row r="87022" spans="8:8">
      <c r="H87022" s="12"/>
    </row>
    <row r="87023" spans="8:8">
      <c r="H87023" s="12"/>
    </row>
    <row r="87024" spans="8:8">
      <c r="H87024" s="12"/>
    </row>
    <row r="87025" spans="8:8">
      <c r="H87025" s="12"/>
    </row>
    <row r="87026" spans="8:8">
      <c r="H87026" s="12"/>
    </row>
    <row r="87027" spans="8:8">
      <c r="H87027" s="12"/>
    </row>
    <row r="87028" spans="8:8">
      <c r="H87028" s="12"/>
    </row>
    <row r="87029" spans="8:8">
      <c r="H87029" s="12"/>
    </row>
    <row r="87030" spans="8:8">
      <c r="H87030" s="12"/>
    </row>
    <row r="87031" spans="8:8">
      <c r="H87031" s="12"/>
    </row>
    <row r="87032" spans="8:8">
      <c r="H87032" s="12"/>
    </row>
    <row r="87033" spans="8:8">
      <c r="H87033" s="12"/>
    </row>
    <row r="87034" spans="8:8">
      <c r="H87034" s="12"/>
    </row>
    <row r="87035" spans="8:8">
      <c r="H87035" s="12"/>
    </row>
    <row r="87036" spans="8:8">
      <c r="H87036" s="12"/>
    </row>
    <row r="87037" spans="8:8">
      <c r="H87037" s="12"/>
    </row>
    <row r="87038" spans="8:8">
      <c r="H87038" s="12"/>
    </row>
    <row r="87039" spans="8:8">
      <c r="H87039" s="12"/>
    </row>
    <row r="87040" spans="8:8">
      <c r="H87040" s="12"/>
    </row>
    <row r="87041" spans="8:8">
      <c r="H87041" s="12"/>
    </row>
    <row r="87042" spans="8:8">
      <c r="H87042" s="12"/>
    </row>
    <row r="87043" spans="8:8">
      <c r="H87043" s="12"/>
    </row>
    <row r="87044" spans="8:8">
      <c r="H87044" s="12"/>
    </row>
    <row r="87045" spans="8:8">
      <c r="H87045" s="12"/>
    </row>
    <row r="87046" spans="8:8">
      <c r="H87046" s="12"/>
    </row>
    <row r="87047" spans="8:8">
      <c r="H87047" s="12"/>
    </row>
    <row r="87048" spans="8:8">
      <c r="H87048" s="12"/>
    </row>
    <row r="87049" spans="8:8">
      <c r="H87049" s="12"/>
    </row>
    <row r="87050" spans="8:8">
      <c r="H87050" s="12"/>
    </row>
    <row r="87051" spans="8:8">
      <c r="H87051" s="12"/>
    </row>
    <row r="87052" spans="8:8">
      <c r="H87052" s="12"/>
    </row>
    <row r="87053" spans="8:8">
      <c r="H87053" s="12"/>
    </row>
    <row r="87054" spans="8:8">
      <c r="H87054" s="12"/>
    </row>
    <row r="87055" spans="8:8">
      <c r="H87055" s="12"/>
    </row>
    <row r="87056" spans="8:8">
      <c r="H87056" s="12"/>
    </row>
    <row r="87057" spans="8:8">
      <c r="H87057" s="12"/>
    </row>
    <row r="87058" spans="8:8">
      <c r="H87058" s="12"/>
    </row>
    <row r="87059" spans="8:8">
      <c r="H87059" s="12"/>
    </row>
    <row r="87060" spans="8:8">
      <c r="H87060" s="12"/>
    </row>
    <row r="87061" spans="8:8">
      <c r="H87061" s="12"/>
    </row>
    <row r="87062" spans="8:8">
      <c r="H87062" s="12"/>
    </row>
    <row r="87063" spans="8:8">
      <c r="H87063" s="12"/>
    </row>
    <row r="87064" spans="8:8">
      <c r="H87064" s="12"/>
    </row>
    <row r="87065" spans="8:8">
      <c r="H87065" s="12"/>
    </row>
    <row r="87066" spans="8:8">
      <c r="H87066" s="12"/>
    </row>
    <row r="87067" spans="8:8">
      <c r="H87067" s="12"/>
    </row>
    <row r="87068" spans="8:8">
      <c r="H87068" s="12"/>
    </row>
    <row r="87069" spans="8:8">
      <c r="H87069" s="12"/>
    </row>
    <row r="87070" spans="8:8">
      <c r="H87070" s="12"/>
    </row>
    <row r="87071" spans="8:8">
      <c r="H87071" s="12"/>
    </row>
    <row r="87072" spans="8:8">
      <c r="H87072" s="12"/>
    </row>
    <row r="87073" spans="8:8">
      <c r="H87073" s="12"/>
    </row>
    <row r="87074" spans="8:8">
      <c r="H87074" s="12"/>
    </row>
    <row r="87075" spans="8:8">
      <c r="H87075" s="12"/>
    </row>
    <row r="87076" spans="8:8">
      <c r="H87076" s="12"/>
    </row>
    <row r="87077" spans="8:8">
      <c r="H87077" s="12"/>
    </row>
    <row r="87078" spans="8:8">
      <c r="H87078" s="12"/>
    </row>
    <row r="87079" spans="8:8">
      <c r="H87079" s="12"/>
    </row>
    <row r="87080" spans="8:8">
      <c r="H87080" s="12"/>
    </row>
    <row r="87081" spans="8:8">
      <c r="H87081" s="12"/>
    </row>
    <row r="87082" spans="8:8">
      <c r="H87082" s="12"/>
    </row>
    <row r="87083" spans="8:8">
      <c r="H87083" s="12"/>
    </row>
    <row r="87084" spans="8:8">
      <c r="H87084" s="12"/>
    </row>
    <row r="87085" spans="8:8">
      <c r="H87085" s="12"/>
    </row>
    <row r="87086" spans="8:8">
      <c r="H87086" s="12"/>
    </row>
    <row r="87087" spans="8:8">
      <c r="H87087" s="12"/>
    </row>
    <row r="87088" spans="8:8">
      <c r="H87088" s="12"/>
    </row>
    <row r="87089" spans="8:8">
      <c r="H87089" s="12"/>
    </row>
    <row r="87090" spans="8:8">
      <c r="H87090" s="12"/>
    </row>
    <row r="87091" spans="8:8">
      <c r="H87091" s="12"/>
    </row>
    <row r="87092" spans="8:8">
      <c r="H87092" s="12"/>
    </row>
    <row r="87093" spans="8:8">
      <c r="H87093" s="12"/>
    </row>
    <row r="87094" spans="8:8">
      <c r="H87094" s="12"/>
    </row>
    <row r="87095" spans="8:8">
      <c r="H87095" s="12"/>
    </row>
    <row r="87096" spans="8:8">
      <c r="H87096" s="12"/>
    </row>
    <row r="87097" spans="8:8">
      <c r="H87097" s="12"/>
    </row>
    <row r="87098" spans="8:8">
      <c r="H87098" s="12"/>
    </row>
    <row r="87099" spans="8:8">
      <c r="H87099" s="12"/>
    </row>
    <row r="87100" spans="8:8">
      <c r="H87100" s="12"/>
    </row>
    <row r="87101" spans="8:8">
      <c r="H87101" s="12"/>
    </row>
    <row r="87102" spans="8:8">
      <c r="H87102" s="12"/>
    </row>
    <row r="87103" spans="8:8">
      <c r="H87103" s="12"/>
    </row>
    <row r="87104" spans="8:8">
      <c r="H87104" s="12"/>
    </row>
    <row r="87105" spans="8:8">
      <c r="H87105" s="12"/>
    </row>
    <row r="87106" spans="8:8">
      <c r="H87106" s="12"/>
    </row>
    <row r="87107" spans="8:8">
      <c r="H87107" s="12"/>
    </row>
    <row r="87108" spans="8:8">
      <c r="H87108" s="12"/>
    </row>
    <row r="87109" spans="8:8">
      <c r="H87109" s="12"/>
    </row>
    <row r="87110" spans="8:8">
      <c r="H87110" s="12"/>
    </row>
    <row r="87111" spans="8:8">
      <c r="H87111" s="12"/>
    </row>
    <row r="87112" spans="8:8">
      <c r="H87112" s="12"/>
    </row>
    <row r="87113" spans="8:8">
      <c r="H87113" s="12"/>
    </row>
    <row r="87114" spans="8:8">
      <c r="H87114" s="12"/>
    </row>
    <row r="87115" spans="8:8">
      <c r="H87115" s="12"/>
    </row>
    <row r="87116" spans="8:8">
      <c r="H87116" s="12"/>
    </row>
    <row r="87117" spans="8:8">
      <c r="H87117" s="12"/>
    </row>
    <row r="87118" spans="8:8">
      <c r="H87118" s="12"/>
    </row>
    <row r="87119" spans="8:8">
      <c r="H87119" s="12"/>
    </row>
    <row r="87120" spans="8:8">
      <c r="H87120" s="12"/>
    </row>
    <row r="87121" spans="8:8">
      <c r="H87121" s="12"/>
    </row>
    <row r="87122" spans="8:8">
      <c r="H87122" s="12"/>
    </row>
    <row r="87123" spans="8:8">
      <c r="H87123" s="12"/>
    </row>
    <row r="87124" spans="8:8">
      <c r="H87124" s="12"/>
    </row>
    <row r="87125" spans="8:8">
      <c r="H87125" s="12"/>
    </row>
    <row r="87126" spans="8:8">
      <c r="H87126" s="12"/>
    </row>
    <row r="87127" spans="8:8">
      <c r="H87127" s="12"/>
    </row>
    <row r="87128" spans="8:8">
      <c r="H87128" s="12"/>
    </row>
    <row r="87129" spans="8:8">
      <c r="H87129" s="12"/>
    </row>
    <row r="87130" spans="8:8">
      <c r="H87130" s="12"/>
    </row>
    <row r="87131" spans="8:8">
      <c r="H87131" s="12"/>
    </row>
    <row r="87132" spans="8:8">
      <c r="H87132" s="12"/>
    </row>
    <row r="87133" spans="8:8">
      <c r="H87133" s="12"/>
    </row>
    <row r="87134" spans="8:8">
      <c r="H87134" s="12"/>
    </row>
    <row r="87135" spans="8:8">
      <c r="H87135" s="12"/>
    </row>
    <row r="87136" spans="8:8">
      <c r="H87136" s="12"/>
    </row>
    <row r="87137" spans="8:8">
      <c r="H87137" s="12"/>
    </row>
    <row r="87138" spans="8:8">
      <c r="H87138" s="12"/>
    </row>
    <row r="87139" spans="8:8">
      <c r="H87139" s="12"/>
    </row>
    <row r="87140" spans="8:8">
      <c r="H87140" s="12"/>
    </row>
    <row r="87141" spans="8:8">
      <c r="H87141" s="12"/>
    </row>
    <row r="87142" spans="8:8">
      <c r="H87142" s="12"/>
    </row>
    <row r="87143" spans="8:8">
      <c r="H87143" s="12"/>
    </row>
    <row r="87144" spans="8:8">
      <c r="H87144" s="12"/>
    </row>
    <row r="87145" spans="8:8">
      <c r="H87145" s="12"/>
    </row>
    <row r="87146" spans="8:8">
      <c r="H87146" s="12"/>
    </row>
    <row r="87147" spans="8:8">
      <c r="H87147" s="12"/>
    </row>
    <row r="87148" spans="8:8">
      <c r="H87148" s="12"/>
    </row>
    <row r="87149" spans="8:8">
      <c r="H87149" s="12"/>
    </row>
    <row r="87150" spans="8:8">
      <c r="H87150" s="12"/>
    </row>
    <row r="87151" spans="8:8">
      <c r="H87151" s="12"/>
    </row>
    <row r="87152" spans="8:8">
      <c r="H87152" s="12"/>
    </row>
    <row r="87153" spans="8:8">
      <c r="H87153" s="12"/>
    </row>
    <row r="87154" spans="8:8">
      <c r="H87154" s="12"/>
    </row>
    <row r="87155" spans="8:8">
      <c r="H87155" s="12"/>
    </row>
    <row r="87156" spans="8:8">
      <c r="H87156" s="12"/>
    </row>
    <row r="87157" spans="8:8">
      <c r="H87157" s="12"/>
    </row>
    <row r="87158" spans="8:8">
      <c r="H87158" s="12"/>
    </row>
    <row r="87159" spans="8:8">
      <c r="H87159" s="12"/>
    </row>
    <row r="87160" spans="8:8">
      <c r="H87160" s="12"/>
    </row>
    <row r="87161" spans="8:8">
      <c r="H87161" s="12"/>
    </row>
    <row r="87162" spans="8:8">
      <c r="H87162" s="12"/>
    </row>
    <row r="87163" spans="8:8">
      <c r="H87163" s="12"/>
    </row>
    <row r="87164" spans="8:8">
      <c r="H87164" s="12"/>
    </row>
    <row r="87165" spans="8:8">
      <c r="H87165" s="12"/>
    </row>
    <row r="87166" spans="8:8">
      <c r="H87166" s="12"/>
    </row>
    <row r="87167" spans="8:8">
      <c r="H87167" s="12"/>
    </row>
    <row r="87168" spans="8:8">
      <c r="H87168" s="12"/>
    </row>
    <row r="87169" spans="8:8">
      <c r="H87169" s="12"/>
    </row>
    <row r="87170" spans="8:8">
      <c r="H87170" s="12"/>
    </row>
    <row r="87171" spans="8:8">
      <c r="H87171" s="12"/>
    </row>
    <row r="87172" spans="8:8">
      <c r="H87172" s="12"/>
    </row>
    <row r="87173" spans="8:8">
      <c r="H87173" s="12"/>
    </row>
    <row r="87174" spans="8:8">
      <c r="H87174" s="12"/>
    </row>
    <row r="87175" spans="8:8">
      <c r="H87175" s="12"/>
    </row>
    <row r="87176" spans="8:8">
      <c r="H87176" s="12"/>
    </row>
    <row r="87177" spans="8:8">
      <c r="H87177" s="12"/>
    </row>
    <row r="87178" spans="8:8">
      <c r="H87178" s="12"/>
    </row>
    <row r="87179" spans="8:8">
      <c r="H87179" s="12"/>
    </row>
    <row r="87180" spans="8:8">
      <c r="H87180" s="12"/>
    </row>
    <row r="87181" spans="8:8">
      <c r="H87181" s="12"/>
    </row>
    <row r="87182" spans="8:8">
      <c r="H87182" s="12"/>
    </row>
    <row r="87183" spans="8:8">
      <c r="H87183" s="12"/>
    </row>
    <row r="87184" spans="8:8">
      <c r="H87184" s="12"/>
    </row>
    <row r="87185" spans="8:8">
      <c r="H87185" s="12"/>
    </row>
    <row r="87186" spans="8:8">
      <c r="H87186" s="12"/>
    </row>
    <row r="87187" spans="8:8">
      <c r="H87187" s="12"/>
    </row>
    <row r="87188" spans="8:8">
      <c r="H87188" s="12"/>
    </row>
    <row r="87189" spans="8:8">
      <c r="H87189" s="12"/>
    </row>
    <row r="87190" spans="8:8">
      <c r="H87190" s="12"/>
    </row>
    <row r="87191" spans="8:8">
      <c r="H87191" s="12"/>
    </row>
    <row r="87192" spans="8:8">
      <c r="H87192" s="12"/>
    </row>
    <row r="87193" spans="8:8">
      <c r="H87193" s="12"/>
    </row>
    <row r="87194" spans="8:8">
      <c r="H87194" s="12"/>
    </row>
    <row r="87195" spans="8:8">
      <c r="H87195" s="12"/>
    </row>
    <row r="87196" spans="8:8">
      <c r="H87196" s="12"/>
    </row>
    <row r="87197" spans="8:8">
      <c r="H87197" s="12"/>
    </row>
    <row r="87198" spans="8:8">
      <c r="H87198" s="12"/>
    </row>
    <row r="87199" spans="8:8">
      <c r="H87199" s="12"/>
    </row>
    <row r="87200" spans="8:8">
      <c r="H87200" s="12"/>
    </row>
    <row r="87201" spans="8:8">
      <c r="H87201" s="12"/>
    </row>
    <row r="87202" spans="8:8">
      <c r="H87202" s="12"/>
    </row>
    <row r="87203" spans="8:8">
      <c r="H87203" s="12"/>
    </row>
    <row r="87204" spans="8:8">
      <c r="H87204" s="12"/>
    </row>
    <row r="87205" spans="8:8">
      <c r="H87205" s="12"/>
    </row>
    <row r="87206" spans="8:8">
      <c r="H87206" s="12"/>
    </row>
    <row r="87207" spans="8:8">
      <c r="H87207" s="12"/>
    </row>
    <row r="87208" spans="8:8">
      <c r="H87208" s="12"/>
    </row>
    <row r="87209" spans="8:8">
      <c r="H87209" s="12"/>
    </row>
    <row r="87210" spans="8:8">
      <c r="H87210" s="12"/>
    </row>
    <row r="87211" spans="8:8">
      <c r="H87211" s="12"/>
    </row>
    <row r="87212" spans="8:8">
      <c r="H87212" s="12"/>
    </row>
    <row r="87213" spans="8:8">
      <c r="H87213" s="12"/>
    </row>
    <row r="87214" spans="8:8">
      <c r="H87214" s="12"/>
    </row>
    <row r="87215" spans="8:8">
      <c r="H87215" s="12"/>
    </row>
    <row r="87216" spans="8:8">
      <c r="H87216" s="12"/>
    </row>
    <row r="87217" spans="8:8">
      <c r="H87217" s="12"/>
    </row>
    <row r="87218" spans="8:8">
      <c r="H87218" s="12"/>
    </row>
    <row r="87219" spans="8:8">
      <c r="H87219" s="12"/>
    </row>
    <row r="87220" spans="8:8">
      <c r="H87220" s="12"/>
    </row>
    <row r="87221" spans="8:8">
      <c r="H87221" s="12"/>
    </row>
    <row r="87222" spans="8:8">
      <c r="H87222" s="12"/>
    </row>
    <row r="87223" spans="8:8">
      <c r="H87223" s="12"/>
    </row>
    <row r="87224" spans="8:8">
      <c r="H87224" s="12"/>
    </row>
    <row r="87225" spans="8:8">
      <c r="H87225" s="12"/>
    </row>
    <row r="87226" spans="8:8">
      <c r="H87226" s="12"/>
    </row>
    <row r="87227" spans="8:8">
      <c r="H87227" s="12"/>
    </row>
    <row r="87228" spans="8:8">
      <c r="H87228" s="12"/>
    </row>
    <row r="87229" spans="8:8">
      <c r="H87229" s="12"/>
    </row>
    <row r="87230" spans="8:8">
      <c r="H87230" s="12"/>
    </row>
    <row r="87231" spans="8:8">
      <c r="H87231" s="12"/>
    </row>
    <row r="87232" spans="8:8">
      <c r="H87232" s="12"/>
    </row>
    <row r="87233" spans="8:8">
      <c r="H87233" s="12"/>
    </row>
    <row r="87234" spans="8:8">
      <c r="H87234" s="12"/>
    </row>
    <row r="87235" spans="8:8">
      <c r="H87235" s="12"/>
    </row>
    <row r="87236" spans="8:8">
      <c r="H87236" s="12"/>
    </row>
    <row r="87237" spans="8:8">
      <c r="H87237" s="12"/>
    </row>
    <row r="87238" spans="8:8">
      <c r="H87238" s="12"/>
    </row>
    <row r="87239" spans="8:8">
      <c r="H87239" s="12"/>
    </row>
    <row r="87240" spans="8:8">
      <c r="H87240" s="12"/>
    </row>
    <row r="87241" spans="8:8">
      <c r="H87241" s="12"/>
    </row>
    <row r="87242" spans="8:8">
      <c r="H87242" s="12"/>
    </row>
    <row r="87243" spans="8:8">
      <c r="H87243" s="12"/>
    </row>
    <row r="87244" spans="8:8">
      <c r="H87244" s="12"/>
    </row>
    <row r="87245" spans="8:8">
      <c r="H87245" s="12"/>
    </row>
    <row r="87246" spans="8:8">
      <c r="H87246" s="12"/>
    </row>
    <row r="87247" spans="8:8">
      <c r="H87247" s="12"/>
    </row>
    <row r="87248" spans="8:8">
      <c r="H87248" s="12"/>
    </row>
    <row r="87249" spans="8:8">
      <c r="H87249" s="12"/>
    </row>
    <row r="87250" spans="8:8">
      <c r="H87250" s="12"/>
    </row>
    <row r="87251" spans="8:8">
      <c r="H87251" s="12"/>
    </row>
    <row r="87252" spans="8:8">
      <c r="H87252" s="12"/>
    </row>
    <row r="87253" spans="8:8">
      <c r="H87253" s="12"/>
    </row>
    <row r="87254" spans="8:8">
      <c r="H87254" s="12"/>
    </row>
    <row r="87255" spans="8:8">
      <c r="H87255" s="12"/>
    </row>
    <row r="87256" spans="8:8">
      <c r="H87256" s="12"/>
    </row>
    <row r="87257" spans="8:8">
      <c r="H87257" s="12"/>
    </row>
    <row r="87258" spans="8:8">
      <c r="H87258" s="12"/>
    </row>
    <row r="87259" spans="8:8">
      <c r="H87259" s="12"/>
    </row>
    <row r="87260" spans="8:8">
      <c r="H87260" s="12"/>
    </row>
    <row r="87261" spans="8:8">
      <c r="H87261" s="12"/>
    </row>
    <row r="87262" spans="8:8">
      <c r="H87262" s="12"/>
    </row>
    <row r="87263" spans="8:8">
      <c r="H87263" s="12"/>
    </row>
    <row r="87264" spans="8:8">
      <c r="H87264" s="12"/>
    </row>
    <row r="87265" spans="8:8">
      <c r="H87265" s="12"/>
    </row>
    <row r="87266" spans="8:8">
      <c r="H87266" s="12"/>
    </row>
    <row r="87267" spans="8:8">
      <c r="H87267" s="12"/>
    </row>
    <row r="87268" spans="8:8">
      <c r="H87268" s="12"/>
    </row>
    <row r="87269" spans="8:8">
      <c r="H87269" s="12"/>
    </row>
    <row r="87270" spans="8:8">
      <c r="H87270" s="12"/>
    </row>
    <row r="87271" spans="8:8">
      <c r="H87271" s="12"/>
    </row>
    <row r="87272" spans="8:8">
      <c r="H87272" s="12"/>
    </row>
    <row r="87273" spans="8:8">
      <c r="H87273" s="12"/>
    </row>
    <row r="87274" spans="8:8">
      <c r="H87274" s="12"/>
    </row>
    <row r="87275" spans="8:8">
      <c r="H87275" s="12"/>
    </row>
    <row r="87276" spans="8:8">
      <c r="H87276" s="12"/>
    </row>
    <row r="87277" spans="8:8">
      <c r="H87277" s="12"/>
    </row>
    <row r="87278" spans="8:8">
      <c r="H87278" s="12"/>
    </row>
    <row r="87279" spans="8:8">
      <c r="H87279" s="12"/>
    </row>
    <row r="87280" spans="8:8">
      <c r="H87280" s="12"/>
    </row>
    <row r="87281" spans="8:8">
      <c r="H87281" s="12"/>
    </row>
    <row r="87282" spans="8:8">
      <c r="H87282" s="12"/>
    </row>
    <row r="87283" spans="8:8">
      <c r="H87283" s="12"/>
    </row>
    <row r="87284" spans="8:8">
      <c r="H87284" s="12"/>
    </row>
    <row r="87285" spans="8:8">
      <c r="H87285" s="12"/>
    </row>
    <row r="87286" spans="8:8">
      <c r="H87286" s="12"/>
    </row>
    <row r="87287" spans="8:8">
      <c r="H87287" s="12"/>
    </row>
    <row r="87288" spans="8:8">
      <c r="H87288" s="12"/>
    </row>
    <row r="87289" spans="8:8">
      <c r="H87289" s="12"/>
    </row>
    <row r="87290" spans="8:8">
      <c r="H87290" s="12"/>
    </row>
    <row r="87291" spans="8:8">
      <c r="H87291" s="12"/>
    </row>
    <row r="87292" spans="8:8">
      <c r="H87292" s="12"/>
    </row>
    <row r="87293" spans="8:8">
      <c r="H87293" s="12"/>
    </row>
    <row r="87294" spans="8:8">
      <c r="H87294" s="12"/>
    </row>
    <row r="87295" spans="8:8">
      <c r="H87295" s="12"/>
    </row>
    <row r="87296" spans="8:8">
      <c r="H87296" s="12"/>
    </row>
    <row r="87297" spans="8:8">
      <c r="H87297" s="12"/>
    </row>
    <row r="87298" spans="8:8">
      <c r="H87298" s="12"/>
    </row>
    <row r="87299" spans="8:8">
      <c r="H87299" s="12"/>
    </row>
    <row r="87300" spans="8:8">
      <c r="H87300" s="12"/>
    </row>
    <row r="87301" spans="8:8">
      <c r="H87301" s="12"/>
    </row>
    <row r="87302" spans="8:8">
      <c r="H87302" s="12"/>
    </row>
    <row r="87303" spans="8:8">
      <c r="H87303" s="12"/>
    </row>
    <row r="87304" spans="8:8">
      <c r="H87304" s="12"/>
    </row>
    <row r="87305" spans="8:8">
      <c r="H87305" s="12"/>
    </row>
    <row r="87306" spans="8:8">
      <c r="H87306" s="12"/>
    </row>
    <row r="87307" spans="8:8">
      <c r="H87307" s="12"/>
    </row>
    <row r="87308" spans="8:8">
      <c r="H87308" s="12"/>
    </row>
    <row r="87309" spans="8:8">
      <c r="H87309" s="12"/>
    </row>
    <row r="87310" spans="8:8">
      <c r="H87310" s="12"/>
    </row>
    <row r="87311" spans="8:8">
      <c r="H87311" s="12"/>
    </row>
    <row r="87312" spans="8:8">
      <c r="H87312" s="12"/>
    </row>
    <row r="87313" spans="8:8">
      <c r="H87313" s="12"/>
    </row>
    <row r="87314" spans="8:8">
      <c r="H87314" s="12"/>
    </row>
    <row r="87315" spans="8:8">
      <c r="H87315" s="12"/>
    </row>
    <row r="87316" spans="8:8">
      <c r="H87316" s="12"/>
    </row>
    <row r="87317" spans="8:8">
      <c r="H87317" s="12"/>
    </row>
    <row r="87318" spans="8:8">
      <c r="H87318" s="12"/>
    </row>
    <row r="87319" spans="8:8">
      <c r="H87319" s="12"/>
    </row>
    <row r="87320" spans="8:8">
      <c r="H87320" s="12"/>
    </row>
    <row r="87321" spans="8:8">
      <c r="H87321" s="12"/>
    </row>
    <row r="87322" spans="8:8">
      <c r="H87322" s="12"/>
    </row>
    <row r="87323" spans="8:8">
      <c r="H87323" s="12"/>
    </row>
    <row r="87324" spans="8:8">
      <c r="H87324" s="12"/>
    </row>
    <row r="87325" spans="8:8">
      <c r="H87325" s="12"/>
    </row>
    <row r="87326" spans="8:8">
      <c r="H87326" s="12"/>
    </row>
    <row r="87327" spans="8:8">
      <c r="H87327" s="12"/>
    </row>
    <row r="87328" spans="8:8">
      <c r="H87328" s="12"/>
    </row>
    <row r="87329" spans="8:8">
      <c r="H87329" s="12"/>
    </row>
    <row r="87330" spans="8:8">
      <c r="H87330" s="12"/>
    </row>
    <row r="87331" spans="8:8">
      <c r="H87331" s="12"/>
    </row>
    <row r="87332" spans="8:8">
      <c r="H87332" s="12"/>
    </row>
    <row r="87333" spans="8:8">
      <c r="H87333" s="12"/>
    </row>
    <row r="87334" spans="8:8">
      <c r="H87334" s="12"/>
    </row>
    <row r="87335" spans="8:8">
      <c r="H87335" s="12"/>
    </row>
    <row r="87336" spans="8:8">
      <c r="H87336" s="12"/>
    </row>
    <row r="87337" spans="8:8">
      <c r="H87337" s="12"/>
    </row>
    <row r="87338" spans="8:8">
      <c r="H87338" s="12"/>
    </row>
    <row r="87339" spans="8:8">
      <c r="H87339" s="12"/>
    </row>
    <row r="87340" spans="8:8">
      <c r="H87340" s="12"/>
    </row>
    <row r="87341" spans="8:8">
      <c r="H87341" s="12"/>
    </row>
    <row r="87342" spans="8:8">
      <c r="H87342" s="12"/>
    </row>
    <row r="87343" spans="8:8">
      <c r="H87343" s="12"/>
    </row>
    <row r="87344" spans="8:8">
      <c r="H87344" s="12"/>
    </row>
    <row r="87345" spans="8:8">
      <c r="H87345" s="12"/>
    </row>
    <row r="87346" spans="8:8">
      <c r="H87346" s="12"/>
    </row>
    <row r="87347" spans="8:8">
      <c r="H87347" s="12"/>
    </row>
    <row r="87348" spans="8:8">
      <c r="H87348" s="12"/>
    </row>
    <row r="87349" spans="8:8">
      <c r="H87349" s="12"/>
    </row>
    <row r="87350" spans="8:8">
      <c r="H87350" s="12"/>
    </row>
    <row r="87351" spans="8:8">
      <c r="H87351" s="12"/>
    </row>
    <row r="87352" spans="8:8">
      <c r="H87352" s="12"/>
    </row>
    <row r="87353" spans="8:8">
      <c r="H87353" s="12"/>
    </row>
    <row r="87354" spans="8:8">
      <c r="H87354" s="12"/>
    </row>
    <row r="87355" spans="8:8">
      <c r="H87355" s="12"/>
    </row>
    <row r="87356" spans="8:8">
      <c r="H87356" s="12"/>
    </row>
    <row r="87357" spans="8:8">
      <c r="H87357" s="12"/>
    </row>
    <row r="87358" spans="8:8">
      <c r="H87358" s="12"/>
    </row>
    <row r="87359" spans="8:8">
      <c r="H87359" s="12"/>
    </row>
    <row r="87360" spans="8:8">
      <c r="H87360" s="12"/>
    </row>
    <row r="87361" spans="8:8">
      <c r="H87361" s="12"/>
    </row>
    <row r="87362" spans="8:8">
      <c r="H87362" s="12"/>
    </row>
    <row r="87363" spans="8:8">
      <c r="H87363" s="12"/>
    </row>
    <row r="87364" spans="8:8">
      <c r="H87364" s="12"/>
    </row>
    <row r="87365" spans="8:8">
      <c r="H87365" s="12"/>
    </row>
    <row r="87366" spans="8:8">
      <c r="H87366" s="12"/>
    </row>
    <row r="87367" spans="8:8">
      <c r="H87367" s="12"/>
    </row>
    <row r="87368" spans="8:8">
      <c r="H87368" s="12"/>
    </row>
    <row r="87369" spans="8:8">
      <c r="H87369" s="12"/>
    </row>
    <row r="87370" spans="8:8">
      <c r="H87370" s="12"/>
    </row>
    <row r="87371" spans="8:8">
      <c r="H87371" s="12"/>
    </row>
    <row r="87372" spans="8:8">
      <c r="H87372" s="12"/>
    </row>
    <row r="87373" spans="8:8">
      <c r="H87373" s="12"/>
    </row>
    <row r="87374" spans="8:8">
      <c r="H87374" s="12"/>
    </row>
    <row r="87375" spans="8:8">
      <c r="H87375" s="12"/>
    </row>
    <row r="87376" spans="8:8">
      <c r="H87376" s="12"/>
    </row>
    <row r="87377" spans="8:8">
      <c r="H87377" s="12"/>
    </row>
    <row r="87378" spans="8:8">
      <c r="H87378" s="12"/>
    </row>
    <row r="87379" spans="8:8">
      <c r="H87379" s="12"/>
    </row>
    <row r="87380" spans="8:8">
      <c r="H87380" s="12"/>
    </row>
    <row r="87381" spans="8:8">
      <c r="H87381" s="12"/>
    </row>
    <row r="87382" spans="8:8">
      <c r="H87382" s="12"/>
    </row>
    <row r="87383" spans="8:8">
      <c r="H87383" s="12"/>
    </row>
    <row r="87384" spans="8:8">
      <c r="H87384" s="12"/>
    </row>
    <row r="87385" spans="8:8">
      <c r="H87385" s="12"/>
    </row>
    <row r="87386" spans="8:8">
      <c r="H87386" s="12"/>
    </row>
    <row r="87387" spans="8:8">
      <c r="H87387" s="12"/>
    </row>
    <row r="87388" spans="8:8">
      <c r="H87388" s="12"/>
    </row>
    <row r="87389" spans="8:8">
      <c r="H87389" s="12"/>
    </row>
    <row r="87390" spans="8:8">
      <c r="H87390" s="12"/>
    </row>
    <row r="87391" spans="8:8">
      <c r="H87391" s="12"/>
    </row>
    <row r="87392" spans="8:8">
      <c r="H87392" s="12"/>
    </row>
    <row r="87393" spans="8:8">
      <c r="H87393" s="12"/>
    </row>
    <row r="87394" spans="8:8">
      <c r="H87394" s="12"/>
    </row>
    <row r="87395" spans="8:8">
      <c r="H87395" s="12"/>
    </row>
    <row r="87396" spans="8:8">
      <c r="H87396" s="12"/>
    </row>
    <row r="87397" spans="8:8">
      <c r="H87397" s="12"/>
    </row>
    <row r="87398" spans="8:8">
      <c r="H87398" s="12"/>
    </row>
    <row r="87399" spans="8:8">
      <c r="H87399" s="12"/>
    </row>
    <row r="87400" spans="8:8">
      <c r="H87400" s="12"/>
    </row>
    <row r="87401" spans="8:8">
      <c r="H87401" s="12"/>
    </row>
    <row r="87402" spans="8:8">
      <c r="H87402" s="12"/>
    </row>
    <row r="87403" spans="8:8">
      <c r="H87403" s="12"/>
    </row>
    <row r="87404" spans="8:8">
      <c r="H87404" s="12"/>
    </row>
    <row r="87405" spans="8:8">
      <c r="H87405" s="12"/>
    </row>
    <row r="87406" spans="8:8">
      <c r="H87406" s="12"/>
    </row>
    <row r="87407" spans="8:8">
      <c r="H87407" s="12"/>
    </row>
    <row r="87408" spans="8:8">
      <c r="H87408" s="12"/>
    </row>
    <row r="87409" spans="8:8">
      <c r="H87409" s="12"/>
    </row>
    <row r="87410" spans="8:8">
      <c r="H87410" s="12"/>
    </row>
    <row r="87411" spans="8:8">
      <c r="H87411" s="12"/>
    </row>
    <row r="87412" spans="8:8">
      <c r="H87412" s="12"/>
    </row>
    <row r="87413" spans="8:8">
      <c r="H87413" s="12"/>
    </row>
    <row r="87414" spans="8:8">
      <c r="H87414" s="12"/>
    </row>
    <row r="87415" spans="8:8">
      <c r="H87415" s="12"/>
    </row>
    <row r="87416" spans="8:8">
      <c r="H87416" s="12"/>
    </row>
    <row r="87417" spans="8:8">
      <c r="H87417" s="12"/>
    </row>
    <row r="87418" spans="8:8">
      <c r="H87418" s="12"/>
    </row>
    <row r="87419" spans="8:8">
      <c r="H87419" s="12"/>
    </row>
    <row r="87420" spans="8:8">
      <c r="H87420" s="12"/>
    </row>
    <row r="87421" spans="8:8">
      <c r="H87421" s="12"/>
    </row>
    <row r="87422" spans="8:8">
      <c r="H87422" s="12"/>
    </row>
    <row r="87423" spans="8:8">
      <c r="H87423" s="12"/>
    </row>
    <row r="87424" spans="8:8">
      <c r="H87424" s="12"/>
    </row>
    <row r="87425" spans="8:8">
      <c r="H87425" s="12"/>
    </row>
    <row r="87426" spans="8:8">
      <c r="H87426" s="12"/>
    </row>
    <row r="87427" spans="8:8">
      <c r="H87427" s="12"/>
    </row>
    <row r="87428" spans="8:8">
      <c r="H87428" s="12"/>
    </row>
    <row r="87429" spans="8:8">
      <c r="H87429" s="12"/>
    </row>
    <row r="87430" spans="8:8">
      <c r="H87430" s="12"/>
    </row>
    <row r="87431" spans="8:8">
      <c r="H87431" s="12"/>
    </row>
    <row r="87432" spans="8:8">
      <c r="H87432" s="12"/>
    </row>
    <row r="87433" spans="8:8">
      <c r="H87433" s="12"/>
    </row>
    <row r="87434" spans="8:8">
      <c r="H87434" s="12"/>
    </row>
    <row r="87435" spans="8:8">
      <c r="H87435" s="12"/>
    </row>
    <row r="87436" spans="8:8">
      <c r="H87436" s="12"/>
    </row>
    <row r="87437" spans="8:8">
      <c r="H87437" s="12"/>
    </row>
    <row r="87438" spans="8:8">
      <c r="H87438" s="12"/>
    </row>
    <row r="87439" spans="8:8">
      <c r="H87439" s="12"/>
    </row>
    <row r="87440" spans="8:8">
      <c r="H87440" s="12"/>
    </row>
    <row r="87441" spans="8:8">
      <c r="H87441" s="12"/>
    </row>
    <row r="87442" spans="8:8">
      <c r="H87442" s="12"/>
    </row>
    <row r="87443" spans="8:8">
      <c r="H87443" s="12"/>
    </row>
    <row r="87444" spans="8:8">
      <c r="H87444" s="12"/>
    </row>
    <row r="87445" spans="8:8">
      <c r="H87445" s="12"/>
    </row>
    <row r="87446" spans="8:8">
      <c r="H87446" s="12"/>
    </row>
    <row r="87447" spans="8:8">
      <c r="H87447" s="12"/>
    </row>
    <row r="87448" spans="8:8">
      <c r="H87448" s="12"/>
    </row>
    <row r="87449" spans="8:8">
      <c r="H87449" s="12"/>
    </row>
    <row r="87450" spans="8:8">
      <c r="H87450" s="12"/>
    </row>
    <row r="87451" spans="8:8">
      <c r="H87451" s="12"/>
    </row>
    <row r="87452" spans="8:8">
      <c r="H87452" s="12"/>
    </row>
    <row r="87453" spans="8:8">
      <c r="H87453" s="12"/>
    </row>
    <row r="87454" spans="8:8">
      <c r="H87454" s="12"/>
    </row>
    <row r="87455" spans="8:8">
      <c r="H87455" s="12"/>
    </row>
    <row r="87456" spans="8:8">
      <c r="H87456" s="12"/>
    </row>
    <row r="87457" spans="8:8">
      <c r="H87457" s="12"/>
    </row>
    <row r="87458" spans="8:8">
      <c r="H87458" s="12"/>
    </row>
    <row r="87459" spans="8:8">
      <c r="H87459" s="12"/>
    </row>
    <row r="87460" spans="8:8">
      <c r="H87460" s="12"/>
    </row>
    <row r="87461" spans="8:8">
      <c r="H87461" s="12"/>
    </row>
    <row r="87462" spans="8:8">
      <c r="H87462" s="12"/>
    </row>
    <row r="87463" spans="8:8">
      <c r="H87463" s="12"/>
    </row>
    <row r="87464" spans="8:8">
      <c r="H87464" s="12"/>
    </row>
    <row r="87465" spans="8:8">
      <c r="H87465" s="12"/>
    </row>
    <row r="87466" spans="8:8">
      <c r="H87466" s="12"/>
    </row>
    <row r="87467" spans="8:8">
      <c r="H87467" s="12"/>
    </row>
    <row r="87468" spans="8:8">
      <c r="H87468" s="12"/>
    </row>
    <row r="87469" spans="8:8">
      <c r="H87469" s="12"/>
    </row>
    <row r="87470" spans="8:8">
      <c r="H87470" s="12"/>
    </row>
    <row r="87471" spans="8:8">
      <c r="H87471" s="12"/>
    </row>
    <row r="87472" spans="8:8">
      <c r="H87472" s="12"/>
    </row>
    <row r="87473" spans="8:8">
      <c r="H87473" s="12"/>
    </row>
    <row r="87474" spans="8:8">
      <c r="H87474" s="12"/>
    </row>
    <row r="87475" spans="8:8">
      <c r="H87475" s="12"/>
    </row>
    <row r="87476" spans="8:8">
      <c r="H87476" s="12"/>
    </row>
    <row r="87477" spans="8:8">
      <c r="H87477" s="12"/>
    </row>
    <row r="87478" spans="8:8">
      <c r="H87478" s="12"/>
    </row>
    <row r="87479" spans="8:8">
      <c r="H87479" s="12"/>
    </row>
    <row r="87480" spans="8:8">
      <c r="H87480" s="12"/>
    </row>
    <row r="87481" spans="8:8">
      <c r="H87481" s="12"/>
    </row>
    <row r="87482" spans="8:8">
      <c r="H87482" s="12"/>
    </row>
    <row r="87483" spans="8:8">
      <c r="H87483" s="12"/>
    </row>
    <row r="87484" spans="8:8">
      <c r="H87484" s="12"/>
    </row>
    <row r="87485" spans="8:8">
      <c r="H87485" s="12"/>
    </row>
    <row r="87486" spans="8:8">
      <c r="H87486" s="12"/>
    </row>
    <row r="87487" spans="8:8">
      <c r="H87487" s="12"/>
    </row>
    <row r="87488" spans="8:8">
      <c r="H87488" s="12"/>
    </row>
    <row r="87489" spans="8:8">
      <c r="H87489" s="12"/>
    </row>
    <row r="87490" spans="8:8">
      <c r="H87490" s="12"/>
    </row>
    <row r="87491" spans="8:8">
      <c r="H87491" s="12"/>
    </row>
    <row r="87492" spans="8:8">
      <c r="H87492" s="12"/>
    </row>
    <row r="87493" spans="8:8">
      <c r="H87493" s="12"/>
    </row>
    <row r="87494" spans="8:8">
      <c r="H87494" s="12"/>
    </row>
    <row r="87495" spans="8:8">
      <c r="H87495" s="12"/>
    </row>
    <row r="87496" spans="8:8">
      <c r="H87496" s="12"/>
    </row>
    <row r="87497" spans="8:8">
      <c r="H87497" s="12"/>
    </row>
    <row r="87498" spans="8:8">
      <c r="H87498" s="12"/>
    </row>
    <row r="87499" spans="8:8">
      <c r="H87499" s="12"/>
    </row>
    <row r="87500" spans="8:8">
      <c r="H87500" s="12"/>
    </row>
    <row r="87501" spans="8:8">
      <c r="H87501" s="12"/>
    </row>
    <row r="87502" spans="8:8">
      <c r="H87502" s="12"/>
    </row>
    <row r="87503" spans="8:8">
      <c r="H87503" s="12"/>
    </row>
    <row r="87504" spans="8:8">
      <c r="H87504" s="12"/>
    </row>
    <row r="87505" spans="8:8">
      <c r="H87505" s="12"/>
    </row>
    <row r="87506" spans="8:8">
      <c r="H87506" s="12"/>
    </row>
    <row r="87507" spans="8:8">
      <c r="H87507" s="12"/>
    </row>
    <row r="87508" spans="8:8">
      <c r="H87508" s="12"/>
    </row>
    <row r="87509" spans="8:8">
      <c r="H87509" s="12"/>
    </row>
    <row r="87510" spans="8:8">
      <c r="H87510" s="12"/>
    </row>
    <row r="87511" spans="8:8">
      <c r="H87511" s="12"/>
    </row>
    <row r="87512" spans="8:8">
      <c r="H87512" s="12"/>
    </row>
    <row r="87513" spans="8:8">
      <c r="H87513" s="12"/>
    </row>
    <row r="87514" spans="8:8">
      <c r="H87514" s="12"/>
    </row>
    <row r="87515" spans="8:8">
      <c r="H87515" s="12"/>
    </row>
    <row r="87516" spans="8:8">
      <c r="H87516" s="12"/>
    </row>
    <row r="87517" spans="8:8">
      <c r="H87517" s="12"/>
    </row>
    <row r="87518" spans="8:8">
      <c r="H87518" s="12"/>
    </row>
    <row r="87519" spans="8:8">
      <c r="H87519" s="12"/>
    </row>
    <row r="87520" spans="8:8">
      <c r="H87520" s="12"/>
    </row>
    <row r="87521" spans="8:8">
      <c r="H87521" s="12"/>
    </row>
    <row r="87522" spans="8:8">
      <c r="H87522" s="12"/>
    </row>
    <row r="87523" spans="8:8">
      <c r="H87523" s="12"/>
    </row>
    <row r="87524" spans="8:8">
      <c r="H87524" s="12"/>
    </row>
    <row r="87525" spans="8:8">
      <c r="H87525" s="12"/>
    </row>
    <row r="87526" spans="8:8">
      <c r="H87526" s="12"/>
    </row>
    <row r="87527" spans="8:8">
      <c r="H87527" s="12"/>
    </row>
    <row r="87528" spans="8:8">
      <c r="H87528" s="12"/>
    </row>
    <row r="87529" spans="8:8">
      <c r="H87529" s="12"/>
    </row>
    <row r="87530" spans="8:8">
      <c r="H87530" s="12"/>
    </row>
    <row r="87531" spans="8:8">
      <c r="H87531" s="12"/>
    </row>
    <row r="87532" spans="8:8">
      <c r="H87532" s="12"/>
    </row>
    <row r="87533" spans="8:8">
      <c r="H87533" s="12"/>
    </row>
    <row r="87534" spans="8:8">
      <c r="H87534" s="12"/>
    </row>
    <row r="87535" spans="8:8">
      <c r="H87535" s="12"/>
    </row>
    <row r="87536" spans="8:8">
      <c r="H87536" s="12"/>
    </row>
    <row r="87537" spans="8:8">
      <c r="H87537" s="12"/>
    </row>
    <row r="87538" spans="8:8">
      <c r="H87538" s="12"/>
    </row>
    <row r="87539" spans="8:8">
      <c r="H87539" s="12"/>
    </row>
    <row r="87540" spans="8:8">
      <c r="H87540" s="12"/>
    </row>
    <row r="87541" spans="8:8">
      <c r="H87541" s="12"/>
    </row>
    <row r="87542" spans="8:8">
      <c r="H87542" s="12"/>
    </row>
    <row r="87543" spans="8:8">
      <c r="H87543" s="12"/>
    </row>
    <row r="87544" spans="8:8">
      <c r="H87544" s="12"/>
    </row>
    <row r="87545" spans="8:8">
      <c r="H87545" s="12"/>
    </row>
    <row r="87546" spans="8:8">
      <c r="H87546" s="12"/>
    </row>
    <row r="87547" spans="8:8">
      <c r="H87547" s="12"/>
    </row>
    <row r="87548" spans="8:8">
      <c r="H87548" s="12"/>
    </row>
    <row r="87549" spans="8:8">
      <c r="H87549" s="12"/>
    </row>
    <row r="87550" spans="8:8">
      <c r="H87550" s="12"/>
    </row>
    <row r="87551" spans="8:8">
      <c r="H87551" s="12"/>
    </row>
    <row r="87552" spans="8:8">
      <c r="H87552" s="12"/>
    </row>
    <row r="87553" spans="8:8">
      <c r="H87553" s="12"/>
    </row>
    <row r="87554" spans="8:8">
      <c r="H87554" s="12"/>
    </row>
    <row r="87555" spans="8:8">
      <c r="H87555" s="12"/>
    </row>
    <row r="87556" spans="8:8">
      <c r="H87556" s="12"/>
    </row>
    <row r="87557" spans="8:8">
      <c r="H87557" s="12"/>
    </row>
    <row r="87558" spans="8:8">
      <c r="H87558" s="12"/>
    </row>
    <row r="87559" spans="8:8">
      <c r="H87559" s="12"/>
    </row>
    <row r="87560" spans="8:8">
      <c r="H87560" s="12"/>
    </row>
    <row r="87561" spans="8:8">
      <c r="H87561" s="12"/>
    </row>
    <row r="87562" spans="8:8">
      <c r="H87562" s="12"/>
    </row>
    <row r="87563" spans="8:8">
      <c r="H87563" s="12"/>
    </row>
    <row r="87564" spans="8:8">
      <c r="H87564" s="12"/>
    </row>
    <row r="87565" spans="8:8">
      <c r="H87565" s="12"/>
    </row>
    <row r="87566" spans="8:8">
      <c r="H87566" s="12"/>
    </row>
    <row r="87567" spans="8:8">
      <c r="H87567" s="12"/>
    </row>
    <row r="87568" spans="8:8">
      <c r="H87568" s="12"/>
    </row>
    <row r="87569" spans="8:8">
      <c r="H87569" s="12"/>
    </row>
    <row r="87570" spans="8:8">
      <c r="H87570" s="12"/>
    </row>
    <row r="87571" spans="8:8">
      <c r="H87571" s="12"/>
    </row>
    <row r="87572" spans="8:8">
      <c r="H87572" s="12"/>
    </row>
    <row r="87573" spans="8:8">
      <c r="H87573" s="12"/>
    </row>
    <row r="87574" spans="8:8">
      <c r="H87574" s="12"/>
    </row>
    <row r="87575" spans="8:8">
      <c r="H87575" s="12"/>
    </row>
    <row r="87576" spans="8:8">
      <c r="H87576" s="12"/>
    </row>
    <row r="87577" spans="8:8">
      <c r="H87577" s="12"/>
    </row>
    <row r="87578" spans="8:8">
      <c r="H87578" s="12"/>
    </row>
    <row r="87579" spans="8:8">
      <c r="H87579" s="12"/>
    </row>
    <row r="87580" spans="8:8">
      <c r="H87580" s="12"/>
    </row>
    <row r="87581" spans="8:8">
      <c r="H87581" s="12"/>
    </row>
    <row r="87582" spans="8:8">
      <c r="H87582" s="12"/>
    </row>
    <row r="87583" spans="8:8">
      <c r="H87583" s="12"/>
    </row>
    <row r="87584" spans="8:8">
      <c r="H87584" s="12"/>
    </row>
    <row r="87585" spans="8:8">
      <c r="H87585" s="12"/>
    </row>
    <row r="87586" spans="8:8">
      <c r="H87586" s="12"/>
    </row>
    <row r="87587" spans="8:8">
      <c r="H87587" s="12"/>
    </row>
    <row r="87588" spans="8:8">
      <c r="H87588" s="12"/>
    </row>
    <row r="87589" spans="8:8">
      <c r="H87589" s="12"/>
    </row>
    <row r="87590" spans="8:8">
      <c r="H87590" s="12"/>
    </row>
    <row r="87591" spans="8:8">
      <c r="H87591" s="12"/>
    </row>
    <row r="87592" spans="8:8">
      <c r="H87592" s="12"/>
    </row>
    <row r="87593" spans="8:8">
      <c r="H87593" s="12"/>
    </row>
    <row r="87594" spans="8:8">
      <c r="H87594" s="12"/>
    </row>
    <row r="87595" spans="8:8">
      <c r="H87595" s="12"/>
    </row>
    <row r="87596" spans="8:8">
      <c r="H87596" s="12"/>
    </row>
    <row r="87597" spans="8:8">
      <c r="H87597" s="12"/>
    </row>
    <row r="87598" spans="8:8">
      <c r="H87598" s="12"/>
    </row>
    <row r="87599" spans="8:8">
      <c r="H87599" s="12"/>
    </row>
    <row r="87600" spans="8:8">
      <c r="H87600" s="12"/>
    </row>
    <row r="87601" spans="8:8">
      <c r="H87601" s="12"/>
    </row>
    <row r="87602" spans="8:8">
      <c r="H87602" s="12"/>
    </row>
    <row r="87603" spans="8:8">
      <c r="H87603" s="12"/>
    </row>
    <row r="87604" spans="8:8">
      <c r="H87604" s="12"/>
    </row>
    <row r="87605" spans="8:8">
      <c r="H87605" s="12"/>
    </row>
    <row r="87606" spans="8:8">
      <c r="H87606" s="12"/>
    </row>
    <row r="87607" spans="8:8">
      <c r="H87607" s="12"/>
    </row>
    <row r="87608" spans="8:8">
      <c r="H87608" s="12"/>
    </row>
    <row r="87609" spans="8:8">
      <c r="H87609" s="12"/>
    </row>
    <row r="87610" spans="8:8">
      <c r="H87610" s="12"/>
    </row>
    <row r="87611" spans="8:8">
      <c r="H87611" s="12"/>
    </row>
    <row r="87612" spans="8:8">
      <c r="H87612" s="12"/>
    </row>
    <row r="87613" spans="8:8">
      <c r="H87613" s="12"/>
    </row>
    <row r="87614" spans="8:8">
      <c r="H87614" s="12"/>
    </row>
    <row r="87615" spans="8:8">
      <c r="H87615" s="12"/>
    </row>
    <row r="87616" spans="8:8">
      <c r="H87616" s="12"/>
    </row>
    <row r="87617" spans="8:8">
      <c r="H87617" s="12"/>
    </row>
    <row r="87618" spans="8:8">
      <c r="H87618" s="12"/>
    </row>
    <row r="87619" spans="8:8">
      <c r="H87619" s="12"/>
    </row>
    <row r="87620" spans="8:8">
      <c r="H87620" s="12"/>
    </row>
    <row r="87621" spans="8:8">
      <c r="H87621" s="12"/>
    </row>
    <row r="87622" spans="8:8">
      <c r="H87622" s="12"/>
    </row>
    <row r="87623" spans="8:8">
      <c r="H87623" s="12"/>
    </row>
    <row r="87624" spans="8:8">
      <c r="H87624" s="12"/>
    </row>
    <row r="87625" spans="8:8">
      <c r="H87625" s="12"/>
    </row>
    <row r="87626" spans="8:8">
      <c r="H87626" s="12"/>
    </row>
    <row r="87627" spans="8:8">
      <c r="H87627" s="12"/>
    </row>
    <row r="87628" spans="8:8">
      <c r="H87628" s="12"/>
    </row>
    <row r="87629" spans="8:8">
      <c r="H87629" s="12"/>
    </row>
    <row r="87630" spans="8:8">
      <c r="H87630" s="12"/>
    </row>
    <row r="87631" spans="8:8">
      <c r="H87631" s="12"/>
    </row>
    <row r="87632" spans="8:8">
      <c r="H87632" s="12"/>
    </row>
    <row r="87633" spans="8:8">
      <c r="H87633" s="12"/>
    </row>
    <row r="87634" spans="8:8">
      <c r="H87634" s="12"/>
    </row>
    <row r="87635" spans="8:8">
      <c r="H87635" s="12"/>
    </row>
    <row r="87636" spans="8:8">
      <c r="H87636" s="12"/>
    </row>
    <row r="87637" spans="8:8">
      <c r="H87637" s="12"/>
    </row>
    <row r="87638" spans="8:8">
      <c r="H87638" s="12"/>
    </row>
    <row r="87639" spans="8:8">
      <c r="H87639" s="12"/>
    </row>
    <row r="87640" spans="8:8">
      <c r="H87640" s="12"/>
    </row>
    <row r="87641" spans="8:8">
      <c r="H87641" s="12"/>
    </row>
    <row r="87642" spans="8:8">
      <c r="H87642" s="12"/>
    </row>
    <row r="87643" spans="8:8">
      <c r="H87643" s="12"/>
    </row>
    <row r="87644" spans="8:8">
      <c r="H87644" s="12"/>
    </row>
    <row r="87645" spans="8:8">
      <c r="H87645" s="12"/>
    </row>
    <row r="87646" spans="8:8">
      <c r="H87646" s="12"/>
    </row>
    <row r="87647" spans="8:8">
      <c r="H87647" s="12"/>
    </row>
    <row r="87648" spans="8:8">
      <c r="H87648" s="12"/>
    </row>
    <row r="87649" spans="8:8">
      <c r="H87649" s="12"/>
    </row>
    <row r="87650" spans="8:8">
      <c r="H87650" s="12"/>
    </row>
    <row r="87651" spans="8:8">
      <c r="H87651" s="12"/>
    </row>
    <row r="87652" spans="8:8">
      <c r="H87652" s="12"/>
    </row>
    <row r="87653" spans="8:8">
      <c r="H87653" s="12"/>
    </row>
    <row r="87654" spans="8:8">
      <c r="H87654" s="12"/>
    </row>
    <row r="87655" spans="8:8">
      <c r="H87655" s="12"/>
    </row>
    <row r="87656" spans="8:8">
      <c r="H87656" s="12"/>
    </row>
    <row r="87657" spans="8:8">
      <c r="H87657" s="12"/>
    </row>
    <row r="87658" spans="8:8">
      <c r="H87658" s="12"/>
    </row>
    <row r="87659" spans="8:8">
      <c r="H87659" s="12"/>
    </row>
    <row r="87660" spans="8:8">
      <c r="H87660" s="12"/>
    </row>
    <row r="87661" spans="8:8">
      <c r="H87661" s="12"/>
    </row>
    <row r="87662" spans="8:8">
      <c r="H87662" s="12"/>
    </row>
    <row r="87663" spans="8:8">
      <c r="H87663" s="12"/>
    </row>
    <row r="87664" spans="8:8">
      <c r="H87664" s="12"/>
    </row>
    <row r="87665" spans="8:8">
      <c r="H87665" s="12"/>
    </row>
    <row r="87666" spans="8:8">
      <c r="H87666" s="12"/>
    </row>
    <row r="87667" spans="8:8">
      <c r="H87667" s="12"/>
    </row>
    <row r="87668" spans="8:8">
      <c r="H87668" s="12"/>
    </row>
    <row r="87669" spans="8:8">
      <c r="H87669" s="12"/>
    </row>
    <row r="87670" spans="8:8">
      <c r="H87670" s="12"/>
    </row>
    <row r="87671" spans="8:8">
      <c r="H87671" s="12"/>
    </row>
    <row r="87672" spans="8:8">
      <c r="H87672" s="12"/>
    </row>
    <row r="87673" spans="8:8">
      <c r="H87673" s="12"/>
    </row>
    <row r="87674" spans="8:8">
      <c r="H87674" s="12"/>
    </row>
    <row r="87675" spans="8:8">
      <c r="H87675" s="12"/>
    </row>
    <row r="87676" spans="8:8">
      <c r="H87676" s="12"/>
    </row>
    <row r="87677" spans="8:8">
      <c r="H87677" s="12"/>
    </row>
    <row r="87678" spans="8:8">
      <c r="H87678" s="12"/>
    </row>
    <row r="87679" spans="8:8">
      <c r="H87679" s="12"/>
    </row>
    <row r="87680" spans="8:8">
      <c r="H87680" s="12"/>
    </row>
    <row r="87681" spans="8:8">
      <c r="H87681" s="12"/>
    </row>
    <row r="87682" spans="8:8">
      <c r="H87682" s="12"/>
    </row>
    <row r="87683" spans="8:8">
      <c r="H87683" s="12"/>
    </row>
    <row r="87684" spans="8:8">
      <c r="H87684" s="12"/>
    </row>
    <row r="87685" spans="8:8">
      <c r="H87685" s="12"/>
    </row>
    <row r="87686" spans="8:8">
      <c r="H87686" s="12"/>
    </row>
    <row r="87687" spans="8:8">
      <c r="H87687" s="12"/>
    </row>
    <row r="87688" spans="8:8">
      <c r="H87688" s="12"/>
    </row>
    <row r="87689" spans="8:8">
      <c r="H87689" s="12"/>
    </row>
    <row r="87690" spans="8:8">
      <c r="H87690" s="12"/>
    </row>
    <row r="87691" spans="8:8">
      <c r="H87691" s="12"/>
    </row>
    <row r="87692" spans="8:8">
      <c r="H87692" s="12"/>
    </row>
    <row r="87693" spans="8:8">
      <c r="H87693" s="12"/>
    </row>
    <row r="87694" spans="8:8">
      <c r="H87694" s="12"/>
    </row>
    <row r="87695" spans="8:8">
      <c r="H87695" s="12"/>
    </row>
    <row r="87696" spans="8:8">
      <c r="H87696" s="12"/>
    </row>
    <row r="87697" spans="8:8">
      <c r="H87697" s="12"/>
    </row>
    <row r="87698" spans="8:8">
      <c r="H87698" s="12"/>
    </row>
    <row r="87699" spans="8:8">
      <c r="H87699" s="12"/>
    </row>
    <row r="87700" spans="8:8">
      <c r="H87700" s="12"/>
    </row>
    <row r="87701" spans="8:8">
      <c r="H87701" s="12"/>
    </row>
    <row r="87702" spans="8:8">
      <c r="H87702" s="12"/>
    </row>
    <row r="87703" spans="8:8">
      <c r="H87703" s="12"/>
    </row>
    <row r="87704" spans="8:8">
      <c r="H87704" s="12"/>
    </row>
    <row r="87705" spans="8:8">
      <c r="H87705" s="12"/>
    </row>
    <row r="87706" spans="8:8">
      <c r="H87706" s="12"/>
    </row>
    <row r="87707" spans="8:8">
      <c r="H87707" s="12"/>
    </row>
    <row r="87708" spans="8:8">
      <c r="H87708" s="12"/>
    </row>
    <row r="87709" spans="8:8">
      <c r="H87709" s="12"/>
    </row>
    <row r="87710" spans="8:8">
      <c r="H87710" s="12"/>
    </row>
    <row r="87711" spans="8:8">
      <c r="H87711" s="12"/>
    </row>
    <row r="87712" spans="8:8">
      <c r="H87712" s="12"/>
    </row>
    <row r="87713" spans="8:8">
      <c r="H87713" s="12"/>
    </row>
    <row r="87714" spans="8:8">
      <c r="H87714" s="12"/>
    </row>
    <row r="87715" spans="8:8">
      <c r="H87715" s="12"/>
    </row>
    <row r="87716" spans="8:8">
      <c r="H87716" s="12"/>
    </row>
    <row r="87717" spans="8:8">
      <c r="H87717" s="12"/>
    </row>
    <row r="87718" spans="8:8">
      <c r="H87718" s="12"/>
    </row>
    <row r="87719" spans="8:8">
      <c r="H87719" s="12"/>
    </row>
    <row r="87720" spans="8:8">
      <c r="H87720" s="12"/>
    </row>
    <row r="87721" spans="8:8">
      <c r="H87721" s="12"/>
    </row>
    <row r="87722" spans="8:8">
      <c r="H87722" s="12"/>
    </row>
    <row r="87723" spans="8:8">
      <c r="H87723" s="12"/>
    </row>
    <row r="87724" spans="8:8">
      <c r="H87724" s="12"/>
    </row>
    <row r="87725" spans="8:8">
      <c r="H87725" s="12"/>
    </row>
    <row r="87726" spans="8:8">
      <c r="H87726" s="12"/>
    </row>
    <row r="87727" spans="8:8">
      <c r="H87727" s="12"/>
    </row>
    <row r="87728" spans="8:8">
      <c r="H87728" s="12"/>
    </row>
    <row r="87729" spans="8:8">
      <c r="H87729" s="12"/>
    </row>
    <row r="87730" spans="8:8">
      <c r="H87730" s="12"/>
    </row>
    <row r="87731" spans="8:8">
      <c r="H87731" s="12"/>
    </row>
    <row r="87732" spans="8:8">
      <c r="H87732" s="12"/>
    </row>
    <row r="87733" spans="8:8">
      <c r="H87733" s="12"/>
    </row>
    <row r="87734" spans="8:8">
      <c r="H87734" s="12"/>
    </row>
    <row r="87735" spans="8:8">
      <c r="H87735" s="12"/>
    </row>
    <row r="87736" spans="8:8">
      <c r="H87736" s="12"/>
    </row>
    <row r="87737" spans="8:8">
      <c r="H87737" s="12"/>
    </row>
    <row r="87738" spans="8:8">
      <c r="H87738" s="12"/>
    </row>
    <row r="87739" spans="8:8">
      <c r="H87739" s="12"/>
    </row>
    <row r="87740" spans="8:8">
      <c r="H87740" s="12"/>
    </row>
    <row r="87741" spans="8:8">
      <c r="H87741" s="12"/>
    </row>
    <row r="87742" spans="8:8">
      <c r="H87742" s="12"/>
    </row>
    <row r="87743" spans="8:8">
      <c r="H87743" s="12"/>
    </row>
    <row r="87744" spans="8:8">
      <c r="H87744" s="12"/>
    </row>
    <row r="87745" spans="8:8">
      <c r="H87745" s="12"/>
    </row>
    <row r="87746" spans="8:8">
      <c r="H87746" s="12"/>
    </row>
    <row r="87747" spans="8:8">
      <c r="H87747" s="12"/>
    </row>
    <row r="87748" spans="8:8">
      <c r="H87748" s="12"/>
    </row>
    <row r="87749" spans="8:8">
      <c r="H87749" s="12"/>
    </row>
    <row r="87750" spans="8:8">
      <c r="H87750" s="12"/>
    </row>
    <row r="87751" spans="8:8">
      <c r="H87751" s="12"/>
    </row>
    <row r="87752" spans="8:8">
      <c r="H87752" s="12"/>
    </row>
    <row r="87753" spans="8:8">
      <c r="H87753" s="12"/>
    </row>
    <row r="87754" spans="8:8">
      <c r="H87754" s="12"/>
    </row>
    <row r="87755" spans="8:8">
      <c r="H87755" s="12"/>
    </row>
    <row r="87756" spans="8:8">
      <c r="H87756" s="12"/>
    </row>
    <row r="87757" spans="8:8">
      <c r="H87757" s="12"/>
    </row>
    <row r="87758" spans="8:8">
      <c r="H87758" s="12"/>
    </row>
    <row r="87759" spans="8:8">
      <c r="H87759" s="12"/>
    </row>
    <row r="87760" spans="8:8">
      <c r="H87760" s="12"/>
    </row>
    <row r="87761" spans="8:8">
      <c r="H87761" s="12"/>
    </row>
    <row r="87762" spans="8:8">
      <c r="H87762" s="12"/>
    </row>
    <row r="87763" spans="8:8">
      <c r="H87763" s="12"/>
    </row>
    <row r="87764" spans="8:8">
      <c r="H87764" s="12"/>
    </row>
    <row r="87765" spans="8:8">
      <c r="H87765" s="12"/>
    </row>
    <row r="87766" spans="8:8">
      <c r="H87766" s="12"/>
    </row>
    <row r="87767" spans="8:8">
      <c r="H87767" s="12"/>
    </row>
    <row r="87768" spans="8:8">
      <c r="H87768" s="12"/>
    </row>
    <row r="87769" spans="8:8">
      <c r="H87769" s="12"/>
    </row>
    <row r="87770" spans="8:8">
      <c r="H87770" s="12"/>
    </row>
    <row r="87771" spans="8:8">
      <c r="H87771" s="12"/>
    </row>
    <row r="87772" spans="8:8">
      <c r="H87772" s="12"/>
    </row>
    <row r="87773" spans="8:8">
      <c r="H87773" s="12"/>
    </row>
    <row r="87774" spans="8:8">
      <c r="H87774" s="12"/>
    </row>
    <row r="87775" spans="8:8">
      <c r="H87775" s="12"/>
    </row>
    <row r="87776" spans="8:8">
      <c r="H87776" s="12"/>
    </row>
    <row r="87777" spans="8:8">
      <c r="H87777" s="12"/>
    </row>
    <row r="87778" spans="8:8">
      <c r="H87778" s="12"/>
    </row>
    <row r="87779" spans="8:8">
      <c r="H87779" s="12"/>
    </row>
    <row r="87780" spans="8:8">
      <c r="H87780" s="12"/>
    </row>
    <row r="87781" spans="8:8">
      <c r="H87781" s="12"/>
    </row>
    <row r="87782" spans="8:8">
      <c r="H87782" s="12"/>
    </row>
    <row r="87783" spans="8:8">
      <c r="H87783" s="12"/>
    </row>
    <row r="87784" spans="8:8">
      <c r="H87784" s="12"/>
    </row>
    <row r="87785" spans="8:8">
      <c r="H87785" s="12"/>
    </row>
    <row r="87786" spans="8:8">
      <c r="H87786" s="12"/>
    </row>
    <row r="87787" spans="8:8">
      <c r="H87787" s="12"/>
    </row>
    <row r="87788" spans="8:8">
      <c r="H87788" s="12"/>
    </row>
    <row r="87789" spans="8:8">
      <c r="H87789" s="12"/>
    </row>
    <row r="87790" spans="8:8">
      <c r="H87790" s="12"/>
    </row>
    <row r="87791" spans="8:8">
      <c r="H87791" s="12"/>
    </row>
    <row r="87792" spans="8:8">
      <c r="H87792" s="12"/>
    </row>
    <row r="87793" spans="8:8">
      <c r="H87793" s="12"/>
    </row>
    <row r="87794" spans="8:8">
      <c r="H87794" s="12"/>
    </row>
    <row r="87795" spans="8:8">
      <c r="H87795" s="12"/>
    </row>
    <row r="87796" spans="8:8">
      <c r="H87796" s="12"/>
    </row>
    <row r="87797" spans="8:8">
      <c r="H87797" s="12"/>
    </row>
    <row r="87798" spans="8:8">
      <c r="H87798" s="12"/>
    </row>
    <row r="87799" spans="8:8">
      <c r="H87799" s="12"/>
    </row>
    <row r="87800" spans="8:8">
      <c r="H87800" s="12"/>
    </row>
    <row r="87801" spans="8:8">
      <c r="H87801" s="12"/>
    </row>
    <row r="87802" spans="8:8">
      <c r="H87802" s="12"/>
    </row>
    <row r="87803" spans="8:8">
      <c r="H87803" s="12"/>
    </row>
    <row r="87804" spans="8:8">
      <c r="H87804" s="12"/>
    </row>
    <row r="87805" spans="8:8">
      <c r="H87805" s="12"/>
    </row>
    <row r="87806" spans="8:8">
      <c r="H87806" s="12"/>
    </row>
    <row r="87807" spans="8:8">
      <c r="H87807" s="12"/>
    </row>
    <row r="87808" spans="8:8">
      <c r="H87808" s="12"/>
    </row>
    <row r="87809" spans="8:8">
      <c r="H87809" s="12"/>
    </row>
    <row r="87810" spans="8:8">
      <c r="H87810" s="12"/>
    </row>
    <row r="87811" spans="8:8">
      <c r="H87811" s="12"/>
    </row>
    <row r="87812" spans="8:8">
      <c r="H87812" s="12"/>
    </row>
    <row r="87813" spans="8:8">
      <c r="H87813" s="12"/>
    </row>
    <row r="87814" spans="8:8">
      <c r="H87814" s="12"/>
    </row>
    <row r="87815" spans="8:8">
      <c r="H87815" s="12"/>
    </row>
    <row r="87816" spans="8:8">
      <c r="H87816" s="12"/>
    </row>
    <row r="87817" spans="8:8">
      <c r="H87817" s="12"/>
    </row>
    <row r="87818" spans="8:8">
      <c r="H87818" s="12"/>
    </row>
    <row r="87819" spans="8:8">
      <c r="H87819" s="12"/>
    </row>
    <row r="87820" spans="8:8">
      <c r="H87820" s="12"/>
    </row>
    <row r="87821" spans="8:8">
      <c r="H87821" s="12"/>
    </row>
    <row r="87822" spans="8:8">
      <c r="H87822" s="12"/>
    </row>
    <row r="87823" spans="8:8">
      <c r="H87823" s="12"/>
    </row>
    <row r="87824" spans="8:8">
      <c r="H87824" s="12"/>
    </row>
    <row r="87825" spans="8:8">
      <c r="H87825" s="12"/>
    </row>
    <row r="87826" spans="8:8">
      <c r="H87826" s="12"/>
    </row>
    <row r="87827" spans="8:8">
      <c r="H87827" s="12"/>
    </row>
    <row r="87828" spans="8:8">
      <c r="H87828" s="12"/>
    </row>
    <row r="87829" spans="8:8">
      <c r="H87829" s="12"/>
    </row>
    <row r="87830" spans="8:8">
      <c r="H87830" s="12"/>
    </row>
    <row r="87831" spans="8:8">
      <c r="H87831" s="12"/>
    </row>
    <row r="87832" spans="8:8">
      <c r="H87832" s="12"/>
    </row>
    <row r="87833" spans="8:8">
      <c r="H87833" s="12"/>
    </row>
    <row r="87834" spans="8:8">
      <c r="H87834" s="12"/>
    </row>
    <row r="87835" spans="8:8">
      <c r="H87835" s="12"/>
    </row>
    <row r="87836" spans="8:8">
      <c r="H87836" s="12"/>
    </row>
    <row r="87837" spans="8:8">
      <c r="H87837" s="12"/>
    </row>
    <row r="87838" spans="8:8">
      <c r="H87838" s="12"/>
    </row>
    <row r="87839" spans="8:8">
      <c r="H87839" s="12"/>
    </row>
    <row r="87840" spans="8:8">
      <c r="H87840" s="12"/>
    </row>
    <row r="87841" spans="8:8">
      <c r="H87841" s="12"/>
    </row>
    <row r="87842" spans="8:8">
      <c r="H87842" s="12"/>
    </row>
    <row r="87843" spans="8:8">
      <c r="H87843" s="12"/>
    </row>
    <row r="87844" spans="8:8">
      <c r="H87844" s="12"/>
    </row>
    <row r="87845" spans="8:8">
      <c r="H87845" s="12"/>
    </row>
    <row r="87846" spans="8:8">
      <c r="H87846" s="12"/>
    </row>
    <row r="87847" spans="8:8">
      <c r="H87847" s="12"/>
    </row>
    <row r="87848" spans="8:8">
      <c r="H87848" s="12"/>
    </row>
    <row r="87849" spans="8:8">
      <c r="H87849" s="12"/>
    </row>
    <row r="87850" spans="8:8">
      <c r="H87850" s="12"/>
    </row>
    <row r="87851" spans="8:8">
      <c r="H87851" s="12"/>
    </row>
    <row r="87852" spans="8:8">
      <c r="H87852" s="12"/>
    </row>
    <row r="87853" spans="8:8">
      <c r="H87853" s="12"/>
    </row>
    <row r="87854" spans="8:8">
      <c r="H87854" s="12"/>
    </row>
    <row r="87855" spans="8:8">
      <c r="H87855" s="12"/>
    </row>
    <row r="87856" spans="8:8">
      <c r="H87856" s="12"/>
    </row>
    <row r="87857" spans="8:8">
      <c r="H87857" s="12"/>
    </row>
    <row r="87858" spans="8:8">
      <c r="H87858" s="12"/>
    </row>
    <row r="87859" spans="8:8">
      <c r="H87859" s="12"/>
    </row>
    <row r="87860" spans="8:8">
      <c r="H87860" s="12"/>
    </row>
    <row r="87861" spans="8:8">
      <c r="H87861" s="12"/>
    </row>
    <row r="87862" spans="8:8">
      <c r="H87862" s="12"/>
    </row>
    <row r="87863" spans="8:8">
      <c r="H87863" s="12"/>
    </row>
    <row r="87864" spans="8:8">
      <c r="H87864" s="12"/>
    </row>
    <row r="87865" spans="8:8">
      <c r="H87865" s="12"/>
    </row>
    <row r="87866" spans="8:8">
      <c r="H87866" s="12"/>
    </row>
    <row r="87867" spans="8:8">
      <c r="H87867" s="12"/>
    </row>
    <row r="87868" spans="8:8">
      <c r="H87868" s="12"/>
    </row>
    <row r="87869" spans="8:8">
      <c r="H87869" s="12"/>
    </row>
    <row r="87870" spans="8:8">
      <c r="H87870" s="12"/>
    </row>
    <row r="87871" spans="8:8">
      <c r="H87871" s="12"/>
    </row>
    <row r="87872" spans="8:8">
      <c r="H87872" s="12"/>
    </row>
    <row r="87873" spans="8:8">
      <c r="H87873" s="12"/>
    </row>
    <row r="87874" spans="8:8">
      <c r="H87874" s="12"/>
    </row>
    <row r="87875" spans="8:8">
      <c r="H87875" s="12"/>
    </row>
    <row r="87876" spans="8:8">
      <c r="H87876" s="12"/>
    </row>
    <row r="87877" spans="8:8">
      <c r="H87877" s="12"/>
    </row>
    <row r="87878" spans="8:8">
      <c r="H87878" s="12"/>
    </row>
    <row r="87879" spans="8:8">
      <c r="H87879" s="12"/>
    </row>
    <row r="87880" spans="8:8">
      <c r="H87880" s="12"/>
    </row>
    <row r="87881" spans="8:8">
      <c r="H87881" s="12"/>
    </row>
    <row r="87882" spans="8:8">
      <c r="H87882" s="12"/>
    </row>
    <row r="87883" spans="8:8">
      <c r="H87883" s="12"/>
    </row>
    <row r="87884" spans="8:8">
      <c r="H87884" s="12"/>
    </row>
    <row r="87885" spans="8:8">
      <c r="H87885" s="12"/>
    </row>
    <row r="87886" spans="8:8">
      <c r="H87886" s="12"/>
    </row>
    <row r="87887" spans="8:8">
      <c r="H87887" s="12"/>
    </row>
    <row r="87888" spans="8:8">
      <c r="H87888" s="12"/>
    </row>
    <row r="87889" spans="8:8">
      <c r="H87889" s="12"/>
    </row>
    <row r="87890" spans="8:8">
      <c r="H87890" s="12"/>
    </row>
    <row r="87891" spans="8:8">
      <c r="H87891" s="12"/>
    </row>
    <row r="87892" spans="8:8">
      <c r="H87892" s="12"/>
    </row>
    <row r="87893" spans="8:8">
      <c r="H87893" s="12"/>
    </row>
    <row r="87894" spans="8:8">
      <c r="H87894" s="12"/>
    </row>
    <row r="87895" spans="8:8">
      <c r="H87895" s="12"/>
    </row>
    <row r="87896" spans="8:8">
      <c r="H87896" s="12"/>
    </row>
    <row r="87897" spans="8:8">
      <c r="H87897" s="12"/>
    </row>
    <row r="87898" spans="8:8">
      <c r="H87898" s="12"/>
    </row>
    <row r="87899" spans="8:8">
      <c r="H87899" s="12"/>
    </row>
    <row r="87900" spans="8:8">
      <c r="H87900" s="12"/>
    </row>
    <row r="87901" spans="8:8">
      <c r="H87901" s="12"/>
    </row>
    <row r="87902" spans="8:8">
      <c r="H87902" s="12"/>
    </row>
    <row r="87903" spans="8:8">
      <c r="H87903" s="12"/>
    </row>
    <row r="87904" spans="8:8">
      <c r="H87904" s="12"/>
    </row>
    <row r="87905" spans="8:8">
      <c r="H87905" s="12"/>
    </row>
    <row r="87906" spans="8:8">
      <c r="H87906" s="12"/>
    </row>
    <row r="87907" spans="8:8">
      <c r="H87907" s="12"/>
    </row>
    <row r="87908" spans="8:8">
      <c r="H87908" s="12"/>
    </row>
    <row r="87909" spans="8:8">
      <c r="H87909" s="12"/>
    </row>
    <row r="87910" spans="8:8">
      <c r="H87910" s="12"/>
    </row>
    <row r="87911" spans="8:8">
      <c r="H87911" s="12"/>
    </row>
    <row r="87912" spans="8:8">
      <c r="H87912" s="12"/>
    </row>
    <row r="87913" spans="8:8">
      <c r="H87913" s="12"/>
    </row>
    <row r="87914" spans="8:8">
      <c r="H87914" s="12"/>
    </row>
    <row r="87915" spans="8:8">
      <c r="H87915" s="12"/>
    </row>
    <row r="87916" spans="8:8">
      <c r="H87916" s="12"/>
    </row>
    <row r="87917" spans="8:8">
      <c r="H87917" s="12"/>
    </row>
    <row r="87918" spans="8:8">
      <c r="H87918" s="12"/>
    </row>
    <row r="87919" spans="8:8">
      <c r="H87919" s="12"/>
    </row>
    <row r="87920" spans="8:8">
      <c r="H87920" s="12"/>
    </row>
    <row r="87921" spans="8:8">
      <c r="H87921" s="12"/>
    </row>
    <row r="87922" spans="8:8">
      <c r="H87922" s="12"/>
    </row>
    <row r="87923" spans="8:8">
      <c r="H87923" s="12"/>
    </row>
    <row r="87924" spans="8:8">
      <c r="H87924" s="12"/>
    </row>
    <row r="87925" spans="8:8">
      <c r="H87925" s="12"/>
    </row>
    <row r="87926" spans="8:8">
      <c r="H87926" s="12"/>
    </row>
    <row r="87927" spans="8:8">
      <c r="H87927" s="12"/>
    </row>
    <row r="87928" spans="8:8">
      <c r="H87928" s="12"/>
    </row>
    <row r="87929" spans="8:8">
      <c r="H87929" s="12"/>
    </row>
    <row r="87930" spans="8:8">
      <c r="H87930" s="12"/>
    </row>
    <row r="87931" spans="8:8">
      <c r="H87931" s="12"/>
    </row>
    <row r="87932" spans="8:8">
      <c r="H87932" s="12"/>
    </row>
    <row r="87933" spans="8:8">
      <c r="H87933" s="12"/>
    </row>
    <row r="87934" spans="8:8">
      <c r="H87934" s="12"/>
    </row>
    <row r="87935" spans="8:8">
      <c r="H87935" s="12"/>
    </row>
    <row r="87936" spans="8:8">
      <c r="H87936" s="12"/>
    </row>
    <row r="87937" spans="8:8">
      <c r="H87937" s="12"/>
    </row>
    <row r="87938" spans="8:8">
      <c r="H87938" s="12"/>
    </row>
    <row r="87939" spans="8:8">
      <c r="H87939" s="12"/>
    </row>
    <row r="87940" spans="8:8">
      <c r="H87940" s="12"/>
    </row>
    <row r="87941" spans="8:8">
      <c r="H87941" s="12"/>
    </row>
    <row r="87942" spans="8:8">
      <c r="H87942" s="12"/>
    </row>
    <row r="87943" spans="8:8">
      <c r="H87943" s="12"/>
    </row>
    <row r="87944" spans="8:8">
      <c r="H87944" s="12"/>
    </row>
    <row r="87945" spans="8:8">
      <c r="H87945" s="12"/>
    </row>
    <row r="87946" spans="8:8">
      <c r="H87946" s="12"/>
    </row>
    <row r="87947" spans="8:8">
      <c r="H87947" s="12"/>
    </row>
    <row r="87948" spans="8:8">
      <c r="H87948" s="12"/>
    </row>
    <row r="87949" spans="8:8">
      <c r="H87949" s="12"/>
    </row>
    <row r="87950" spans="8:8">
      <c r="H87950" s="12"/>
    </row>
    <row r="87951" spans="8:8">
      <c r="H87951" s="12"/>
    </row>
    <row r="87952" spans="8:8">
      <c r="H87952" s="12"/>
    </row>
    <row r="87953" spans="8:8">
      <c r="H87953" s="12"/>
    </row>
    <row r="87954" spans="8:8">
      <c r="H87954" s="12"/>
    </row>
    <row r="87955" spans="8:8">
      <c r="H87955" s="12"/>
    </row>
    <row r="87956" spans="8:8">
      <c r="H87956" s="12"/>
    </row>
    <row r="87957" spans="8:8">
      <c r="H87957" s="12"/>
    </row>
    <row r="87958" spans="8:8">
      <c r="H87958" s="12"/>
    </row>
    <row r="87959" spans="8:8">
      <c r="H87959" s="12"/>
    </row>
    <row r="87960" spans="8:8">
      <c r="H87960" s="12"/>
    </row>
    <row r="87961" spans="8:8">
      <c r="H87961" s="12"/>
    </row>
    <row r="87962" spans="8:8">
      <c r="H87962" s="12"/>
    </row>
    <row r="87963" spans="8:8">
      <c r="H87963" s="12"/>
    </row>
    <row r="87964" spans="8:8">
      <c r="H87964" s="12"/>
    </row>
    <row r="87965" spans="8:8">
      <c r="H87965" s="12"/>
    </row>
    <row r="87966" spans="8:8">
      <c r="H87966" s="12"/>
    </row>
    <row r="87967" spans="8:8">
      <c r="H87967" s="12"/>
    </row>
    <row r="87968" spans="8:8">
      <c r="H87968" s="12"/>
    </row>
    <row r="87969" spans="8:8">
      <c r="H87969" s="12"/>
    </row>
    <row r="87970" spans="8:8">
      <c r="H87970" s="12"/>
    </row>
    <row r="87971" spans="8:8">
      <c r="H87971" s="12"/>
    </row>
    <row r="87972" spans="8:8">
      <c r="H87972" s="12"/>
    </row>
    <row r="87973" spans="8:8">
      <c r="H87973" s="12"/>
    </row>
    <row r="87974" spans="8:8">
      <c r="H87974" s="12"/>
    </row>
    <row r="87975" spans="8:8">
      <c r="H87975" s="12"/>
    </row>
    <row r="87976" spans="8:8">
      <c r="H87976" s="12"/>
    </row>
    <row r="87977" spans="8:8">
      <c r="H87977" s="12"/>
    </row>
    <row r="87978" spans="8:8">
      <c r="H87978" s="12"/>
    </row>
    <row r="87979" spans="8:8">
      <c r="H87979" s="12"/>
    </row>
    <row r="87980" spans="8:8">
      <c r="H87980" s="12"/>
    </row>
    <row r="87981" spans="8:8">
      <c r="H87981" s="12"/>
    </row>
    <row r="87982" spans="8:8">
      <c r="H87982" s="12"/>
    </row>
    <row r="87983" spans="8:8">
      <c r="H87983" s="12"/>
    </row>
    <row r="87984" spans="8:8">
      <c r="H87984" s="12"/>
    </row>
    <row r="87985" spans="8:8">
      <c r="H87985" s="12"/>
    </row>
    <row r="87986" spans="8:8">
      <c r="H87986" s="12"/>
    </row>
    <row r="87987" spans="8:8">
      <c r="H87987" s="12"/>
    </row>
    <row r="87988" spans="8:8">
      <c r="H87988" s="12"/>
    </row>
    <row r="87989" spans="8:8">
      <c r="H87989" s="12"/>
    </row>
    <row r="87990" spans="8:8">
      <c r="H87990" s="12"/>
    </row>
    <row r="87991" spans="8:8">
      <c r="H87991" s="12"/>
    </row>
    <row r="87992" spans="8:8">
      <c r="H87992" s="12"/>
    </row>
    <row r="87993" spans="8:8">
      <c r="H87993" s="12"/>
    </row>
    <row r="87994" spans="8:8">
      <c r="H87994" s="12"/>
    </row>
    <row r="87995" spans="8:8">
      <c r="H87995" s="12"/>
    </row>
    <row r="87996" spans="8:8">
      <c r="H87996" s="12"/>
    </row>
    <row r="87997" spans="8:8">
      <c r="H87997" s="12"/>
    </row>
    <row r="87998" spans="8:8">
      <c r="H87998" s="12"/>
    </row>
    <row r="87999" spans="8:8">
      <c r="H87999" s="12"/>
    </row>
    <row r="88000" spans="8:8">
      <c r="H88000" s="12"/>
    </row>
    <row r="88001" spans="8:8">
      <c r="H88001" s="12"/>
    </row>
    <row r="88002" spans="8:8">
      <c r="H88002" s="12"/>
    </row>
    <row r="88003" spans="8:8">
      <c r="H88003" s="12"/>
    </row>
    <row r="88004" spans="8:8">
      <c r="H88004" s="12"/>
    </row>
    <row r="88005" spans="8:8">
      <c r="H88005" s="12"/>
    </row>
    <row r="88006" spans="8:8">
      <c r="H88006" s="12"/>
    </row>
    <row r="88007" spans="8:8">
      <c r="H88007" s="12"/>
    </row>
    <row r="88008" spans="8:8">
      <c r="H88008" s="12"/>
    </row>
    <row r="88009" spans="8:8">
      <c r="H88009" s="12"/>
    </row>
    <row r="88010" spans="8:8">
      <c r="H88010" s="12"/>
    </row>
    <row r="88011" spans="8:8">
      <c r="H88011" s="12"/>
    </row>
    <row r="88012" spans="8:8">
      <c r="H88012" s="12"/>
    </row>
    <row r="88013" spans="8:8">
      <c r="H88013" s="12"/>
    </row>
    <row r="88014" spans="8:8">
      <c r="H88014" s="12"/>
    </row>
    <row r="88015" spans="8:8">
      <c r="H88015" s="12"/>
    </row>
    <row r="88016" spans="8:8">
      <c r="H88016" s="12"/>
    </row>
    <row r="88017" spans="8:8">
      <c r="H88017" s="12"/>
    </row>
    <row r="88018" spans="8:8">
      <c r="H88018" s="12"/>
    </row>
    <row r="88019" spans="8:8">
      <c r="H88019" s="12"/>
    </row>
    <row r="88020" spans="8:8">
      <c r="H88020" s="12"/>
    </row>
    <row r="88021" spans="8:8">
      <c r="H88021" s="12"/>
    </row>
    <row r="88022" spans="8:8">
      <c r="H88022" s="12"/>
    </row>
    <row r="88023" spans="8:8">
      <c r="H88023" s="12"/>
    </row>
    <row r="88024" spans="8:8">
      <c r="H88024" s="12"/>
    </row>
    <row r="88025" spans="8:8">
      <c r="H88025" s="12"/>
    </row>
    <row r="88026" spans="8:8">
      <c r="H88026" s="12"/>
    </row>
    <row r="88027" spans="8:8">
      <c r="H88027" s="12"/>
    </row>
    <row r="88028" spans="8:8">
      <c r="H88028" s="12"/>
    </row>
    <row r="88029" spans="8:8">
      <c r="H88029" s="12"/>
    </row>
    <row r="88030" spans="8:8">
      <c r="H88030" s="12"/>
    </row>
    <row r="88031" spans="8:8">
      <c r="H88031" s="12"/>
    </row>
    <row r="88032" spans="8:8">
      <c r="H88032" s="12"/>
    </row>
    <row r="88033" spans="8:8">
      <c r="H88033" s="12"/>
    </row>
    <row r="88034" spans="8:8">
      <c r="H88034" s="12"/>
    </row>
    <row r="88035" spans="8:8">
      <c r="H88035" s="12"/>
    </row>
    <row r="88036" spans="8:8">
      <c r="H88036" s="12"/>
    </row>
    <row r="88037" spans="8:8">
      <c r="H88037" s="12"/>
    </row>
    <row r="88038" spans="8:8">
      <c r="H88038" s="12"/>
    </row>
    <row r="88039" spans="8:8">
      <c r="H88039" s="12"/>
    </row>
    <row r="88040" spans="8:8">
      <c r="H88040" s="12"/>
    </row>
    <row r="88041" spans="8:8">
      <c r="H88041" s="12"/>
    </row>
    <row r="88042" spans="8:8">
      <c r="H88042" s="12"/>
    </row>
    <row r="88043" spans="8:8">
      <c r="H88043" s="12"/>
    </row>
    <row r="88044" spans="8:8">
      <c r="H88044" s="12"/>
    </row>
    <row r="88045" spans="8:8">
      <c r="H88045" s="12"/>
    </row>
    <row r="88046" spans="8:8">
      <c r="H88046" s="12"/>
    </row>
    <row r="88047" spans="8:8">
      <c r="H88047" s="12"/>
    </row>
    <row r="88048" spans="8:8">
      <c r="H88048" s="12"/>
    </row>
    <row r="88049" spans="8:8">
      <c r="H88049" s="12"/>
    </row>
    <row r="88050" spans="8:8">
      <c r="H88050" s="12"/>
    </row>
    <row r="88051" spans="8:8">
      <c r="H88051" s="12"/>
    </row>
    <row r="88052" spans="8:8">
      <c r="H88052" s="12"/>
    </row>
    <row r="88053" spans="8:8">
      <c r="H88053" s="12"/>
    </row>
    <row r="88054" spans="8:8">
      <c r="H88054" s="12"/>
    </row>
    <row r="88055" spans="8:8">
      <c r="H88055" s="12"/>
    </row>
    <row r="88056" spans="8:8">
      <c r="H88056" s="12"/>
    </row>
    <row r="88057" spans="8:8">
      <c r="H88057" s="12"/>
    </row>
    <row r="88058" spans="8:8">
      <c r="H88058" s="12"/>
    </row>
    <row r="88059" spans="8:8">
      <c r="H88059" s="12"/>
    </row>
    <row r="88060" spans="8:8">
      <c r="H88060" s="12"/>
    </row>
    <row r="88061" spans="8:8">
      <c r="H88061" s="12"/>
    </row>
    <row r="88062" spans="8:8">
      <c r="H88062" s="12"/>
    </row>
    <row r="88063" spans="8:8">
      <c r="H88063" s="12"/>
    </row>
    <row r="88064" spans="8:8">
      <c r="H88064" s="12"/>
    </row>
    <row r="88065" spans="8:8">
      <c r="H88065" s="12"/>
    </row>
    <row r="88066" spans="8:8">
      <c r="H88066" s="12"/>
    </row>
    <row r="88067" spans="8:8">
      <c r="H88067" s="12"/>
    </row>
    <row r="88068" spans="8:8">
      <c r="H88068" s="12"/>
    </row>
    <row r="88069" spans="8:8">
      <c r="H88069" s="12"/>
    </row>
    <row r="88070" spans="8:8">
      <c r="H88070" s="12"/>
    </row>
    <row r="88071" spans="8:8">
      <c r="H88071" s="12"/>
    </row>
    <row r="88072" spans="8:8">
      <c r="H88072" s="12"/>
    </row>
    <row r="88073" spans="8:8">
      <c r="H88073" s="12"/>
    </row>
    <row r="88074" spans="8:8">
      <c r="H88074" s="12"/>
    </row>
    <row r="88075" spans="8:8">
      <c r="H88075" s="12"/>
    </row>
    <row r="88076" spans="8:8">
      <c r="H88076" s="12"/>
    </row>
    <row r="88077" spans="8:8">
      <c r="H88077" s="12"/>
    </row>
    <row r="88078" spans="8:8">
      <c r="H88078" s="12"/>
    </row>
    <row r="88079" spans="8:8">
      <c r="H88079" s="12"/>
    </row>
    <row r="88080" spans="8:8">
      <c r="H88080" s="12"/>
    </row>
    <row r="88081" spans="8:8">
      <c r="H88081" s="12"/>
    </row>
    <row r="88082" spans="8:8">
      <c r="H88082" s="12"/>
    </row>
    <row r="88083" spans="8:8">
      <c r="H88083" s="12"/>
    </row>
    <row r="88084" spans="8:8">
      <c r="H88084" s="12"/>
    </row>
    <row r="88085" spans="8:8">
      <c r="H88085" s="12"/>
    </row>
    <row r="88086" spans="8:8">
      <c r="H88086" s="12"/>
    </row>
    <row r="88087" spans="8:8">
      <c r="H88087" s="12"/>
    </row>
    <row r="88088" spans="8:8">
      <c r="H88088" s="12"/>
    </row>
    <row r="88089" spans="8:8">
      <c r="H88089" s="12"/>
    </row>
    <row r="88090" spans="8:8">
      <c r="H88090" s="12"/>
    </row>
    <row r="88091" spans="8:8">
      <c r="H88091" s="12"/>
    </row>
    <row r="88092" spans="8:8">
      <c r="H88092" s="12"/>
    </row>
    <row r="88093" spans="8:8">
      <c r="H88093" s="12"/>
    </row>
    <row r="88094" spans="8:8">
      <c r="H88094" s="12"/>
    </row>
    <row r="88095" spans="8:8">
      <c r="H88095" s="12"/>
    </row>
    <row r="88096" spans="8:8">
      <c r="H88096" s="12"/>
    </row>
    <row r="88097" spans="8:8">
      <c r="H88097" s="12"/>
    </row>
    <row r="88098" spans="8:8">
      <c r="H88098" s="12"/>
    </row>
    <row r="88099" spans="8:8">
      <c r="H88099" s="12"/>
    </row>
    <row r="88100" spans="8:8">
      <c r="H88100" s="12"/>
    </row>
    <row r="88101" spans="8:8">
      <c r="H88101" s="12"/>
    </row>
    <row r="88102" spans="8:8">
      <c r="H88102" s="12"/>
    </row>
    <row r="88103" spans="8:8">
      <c r="H88103" s="12"/>
    </row>
    <row r="88104" spans="8:8">
      <c r="H88104" s="12"/>
    </row>
    <row r="88105" spans="8:8">
      <c r="H88105" s="12"/>
    </row>
    <row r="88106" spans="8:8">
      <c r="H88106" s="12"/>
    </row>
    <row r="88107" spans="8:8">
      <c r="H88107" s="12"/>
    </row>
    <row r="88108" spans="8:8">
      <c r="H88108" s="12"/>
    </row>
    <row r="88109" spans="8:8">
      <c r="H88109" s="12"/>
    </row>
    <row r="88110" spans="8:8">
      <c r="H88110" s="12"/>
    </row>
    <row r="88111" spans="8:8">
      <c r="H88111" s="12"/>
    </row>
    <row r="88112" spans="8:8">
      <c r="H88112" s="12"/>
    </row>
    <row r="88113" spans="8:8">
      <c r="H88113" s="12"/>
    </row>
    <row r="88114" spans="8:8">
      <c r="H88114" s="12"/>
    </row>
    <row r="88115" spans="8:8">
      <c r="H88115" s="12"/>
    </row>
    <row r="88116" spans="8:8">
      <c r="H88116" s="12"/>
    </row>
    <row r="88117" spans="8:8">
      <c r="H88117" s="12"/>
    </row>
    <row r="88118" spans="8:8">
      <c r="H88118" s="12"/>
    </row>
    <row r="88119" spans="8:8">
      <c r="H88119" s="12"/>
    </row>
    <row r="88120" spans="8:8">
      <c r="H88120" s="12"/>
    </row>
    <row r="88121" spans="8:8">
      <c r="H88121" s="12"/>
    </row>
    <row r="88122" spans="8:8">
      <c r="H88122" s="12"/>
    </row>
    <row r="88123" spans="8:8">
      <c r="H88123" s="12"/>
    </row>
    <row r="88124" spans="8:8">
      <c r="H88124" s="12"/>
    </row>
    <row r="88125" spans="8:8">
      <c r="H88125" s="12"/>
    </row>
    <row r="88126" spans="8:8">
      <c r="H88126" s="12"/>
    </row>
    <row r="88127" spans="8:8">
      <c r="H88127" s="12"/>
    </row>
    <row r="88128" spans="8:8">
      <c r="H88128" s="12"/>
    </row>
    <row r="88129" spans="8:8">
      <c r="H88129" s="12"/>
    </row>
    <row r="88130" spans="8:8">
      <c r="H88130" s="12"/>
    </row>
    <row r="88131" spans="8:8">
      <c r="H88131" s="12"/>
    </row>
    <row r="88132" spans="8:8">
      <c r="H88132" s="12"/>
    </row>
    <row r="88133" spans="8:8">
      <c r="H88133" s="12"/>
    </row>
    <row r="88134" spans="8:8">
      <c r="H88134" s="12"/>
    </row>
    <row r="88135" spans="8:8">
      <c r="H88135" s="12"/>
    </row>
    <row r="88136" spans="8:8">
      <c r="H88136" s="12"/>
    </row>
    <row r="88137" spans="8:8">
      <c r="H88137" s="12"/>
    </row>
    <row r="88138" spans="8:8">
      <c r="H88138" s="12"/>
    </row>
    <row r="88139" spans="8:8">
      <c r="H88139" s="12"/>
    </row>
    <row r="88140" spans="8:8">
      <c r="H88140" s="12"/>
    </row>
    <row r="88141" spans="8:8">
      <c r="H88141" s="12"/>
    </row>
    <row r="88142" spans="8:8">
      <c r="H88142" s="12"/>
    </row>
    <row r="88143" spans="8:8">
      <c r="H88143" s="12"/>
    </row>
    <row r="88144" spans="8:8">
      <c r="H88144" s="12"/>
    </row>
    <row r="88145" spans="8:8">
      <c r="H88145" s="12"/>
    </row>
    <row r="88146" spans="8:8">
      <c r="H88146" s="12"/>
    </row>
    <row r="88147" spans="8:8">
      <c r="H88147" s="12"/>
    </row>
    <row r="88148" spans="8:8">
      <c r="H88148" s="12"/>
    </row>
    <row r="88149" spans="8:8">
      <c r="H88149" s="12"/>
    </row>
    <row r="88150" spans="8:8">
      <c r="H88150" s="12"/>
    </row>
    <row r="88151" spans="8:8">
      <c r="H88151" s="12"/>
    </row>
    <row r="88152" spans="8:8">
      <c r="H88152" s="12"/>
    </row>
    <row r="88153" spans="8:8">
      <c r="H88153" s="12"/>
    </row>
    <row r="88154" spans="8:8">
      <c r="H88154" s="12"/>
    </row>
    <row r="88155" spans="8:8">
      <c r="H88155" s="12"/>
    </row>
    <row r="88156" spans="8:8">
      <c r="H88156" s="12"/>
    </row>
    <row r="88157" spans="8:8">
      <c r="H88157" s="12"/>
    </row>
    <row r="88158" spans="8:8">
      <c r="H88158" s="12"/>
    </row>
    <row r="88159" spans="8:8">
      <c r="H88159" s="12"/>
    </row>
    <row r="88160" spans="8:8">
      <c r="H88160" s="12"/>
    </row>
    <row r="88161" spans="8:8">
      <c r="H88161" s="12"/>
    </row>
    <row r="88162" spans="8:8">
      <c r="H88162" s="12"/>
    </row>
    <row r="88163" spans="8:8">
      <c r="H88163" s="12"/>
    </row>
    <row r="88164" spans="8:8">
      <c r="H88164" s="12"/>
    </row>
    <row r="88165" spans="8:8">
      <c r="H88165" s="12"/>
    </row>
    <row r="88166" spans="8:8">
      <c r="H88166" s="12"/>
    </row>
    <row r="88167" spans="8:8">
      <c r="H88167" s="12"/>
    </row>
    <row r="88168" spans="8:8">
      <c r="H88168" s="12"/>
    </row>
    <row r="88169" spans="8:8">
      <c r="H88169" s="12"/>
    </row>
    <row r="88170" spans="8:8">
      <c r="H88170" s="12"/>
    </row>
    <row r="88171" spans="8:8">
      <c r="H88171" s="12"/>
    </row>
    <row r="88172" spans="8:8">
      <c r="H88172" s="12"/>
    </row>
    <row r="88173" spans="8:8">
      <c r="H88173" s="12"/>
    </row>
    <row r="88174" spans="8:8">
      <c r="H88174" s="12"/>
    </row>
    <row r="88175" spans="8:8">
      <c r="H88175" s="12"/>
    </row>
    <row r="88176" spans="8:8">
      <c r="H88176" s="12"/>
    </row>
    <row r="88177" spans="8:8">
      <c r="H88177" s="12"/>
    </row>
    <row r="88178" spans="8:8">
      <c r="H88178" s="12"/>
    </row>
    <row r="88179" spans="8:8">
      <c r="H88179" s="12"/>
    </row>
    <row r="88180" spans="8:8">
      <c r="H88180" s="12"/>
    </row>
    <row r="88181" spans="8:8">
      <c r="H88181" s="12"/>
    </row>
    <row r="88182" spans="8:8">
      <c r="H88182" s="12"/>
    </row>
    <row r="88183" spans="8:8">
      <c r="H88183" s="12"/>
    </row>
    <row r="88184" spans="8:8">
      <c r="H88184" s="12"/>
    </row>
    <row r="88185" spans="8:8">
      <c r="H88185" s="12"/>
    </row>
    <row r="88186" spans="8:8">
      <c r="H88186" s="12"/>
    </row>
    <row r="88187" spans="8:8">
      <c r="H88187" s="12"/>
    </row>
    <row r="88188" spans="8:8">
      <c r="H88188" s="12"/>
    </row>
    <row r="88189" spans="8:8">
      <c r="H88189" s="12"/>
    </row>
    <row r="88190" spans="8:8">
      <c r="H88190" s="12"/>
    </row>
    <row r="88191" spans="8:8">
      <c r="H88191" s="12"/>
    </row>
    <row r="88192" spans="8:8">
      <c r="H88192" s="12"/>
    </row>
    <row r="88193" spans="8:8">
      <c r="H88193" s="12"/>
    </row>
    <row r="88194" spans="8:8">
      <c r="H88194" s="12"/>
    </row>
    <row r="88195" spans="8:8">
      <c r="H88195" s="12"/>
    </row>
    <row r="88196" spans="8:8">
      <c r="H88196" s="12"/>
    </row>
    <row r="88197" spans="8:8">
      <c r="H88197" s="12"/>
    </row>
    <row r="88198" spans="8:8">
      <c r="H88198" s="12"/>
    </row>
    <row r="88199" spans="8:8">
      <c r="H88199" s="12"/>
    </row>
    <row r="88200" spans="8:8">
      <c r="H88200" s="12"/>
    </row>
    <row r="88201" spans="8:8">
      <c r="H88201" s="12"/>
    </row>
    <row r="88202" spans="8:8">
      <c r="H88202" s="12"/>
    </row>
    <row r="88203" spans="8:8">
      <c r="H88203" s="12"/>
    </row>
    <row r="88204" spans="8:8">
      <c r="H88204" s="12"/>
    </row>
    <row r="88205" spans="8:8">
      <c r="H88205" s="12"/>
    </row>
    <row r="88206" spans="8:8">
      <c r="H88206" s="12"/>
    </row>
    <row r="88207" spans="8:8">
      <c r="H88207" s="12"/>
    </row>
    <row r="88208" spans="8:8">
      <c r="H88208" s="12"/>
    </row>
    <row r="88209" spans="8:8">
      <c r="H88209" s="12"/>
    </row>
    <row r="88210" spans="8:8">
      <c r="H88210" s="12"/>
    </row>
    <row r="88211" spans="8:8">
      <c r="H88211" s="12"/>
    </row>
    <row r="88212" spans="8:8">
      <c r="H88212" s="12"/>
    </row>
    <row r="88213" spans="8:8">
      <c r="H88213" s="12"/>
    </row>
    <row r="88214" spans="8:8">
      <c r="H88214" s="12"/>
    </row>
    <row r="88215" spans="8:8">
      <c r="H88215" s="12"/>
    </row>
    <row r="88216" spans="8:8">
      <c r="H88216" s="12"/>
    </row>
    <row r="88217" spans="8:8">
      <c r="H88217" s="12"/>
    </row>
    <row r="88218" spans="8:8">
      <c r="H88218" s="12"/>
    </row>
    <row r="88219" spans="8:8">
      <c r="H88219" s="12"/>
    </row>
    <row r="88220" spans="8:8">
      <c r="H88220" s="12"/>
    </row>
    <row r="88221" spans="8:8">
      <c r="H88221" s="12"/>
    </row>
    <row r="88222" spans="8:8">
      <c r="H88222" s="12"/>
    </row>
    <row r="88223" spans="8:8">
      <c r="H88223" s="12"/>
    </row>
    <row r="88224" spans="8:8">
      <c r="H88224" s="12"/>
    </row>
    <row r="88225" spans="8:8">
      <c r="H88225" s="12"/>
    </row>
    <row r="88226" spans="8:8">
      <c r="H88226" s="12"/>
    </row>
    <row r="88227" spans="8:8">
      <c r="H88227" s="12"/>
    </row>
    <row r="88228" spans="8:8">
      <c r="H88228" s="12"/>
    </row>
    <row r="88229" spans="8:8">
      <c r="H88229" s="12"/>
    </row>
    <row r="88230" spans="8:8">
      <c r="H88230" s="12"/>
    </row>
    <row r="88231" spans="8:8">
      <c r="H88231" s="12"/>
    </row>
    <row r="88232" spans="8:8">
      <c r="H88232" s="12"/>
    </row>
    <row r="88233" spans="8:8">
      <c r="H88233" s="12"/>
    </row>
    <row r="88234" spans="8:8">
      <c r="H88234" s="12"/>
    </row>
    <row r="88235" spans="8:8">
      <c r="H88235" s="12"/>
    </row>
    <row r="88236" spans="8:8">
      <c r="H88236" s="12"/>
    </row>
    <row r="88237" spans="8:8">
      <c r="H88237" s="12"/>
    </row>
    <row r="88238" spans="8:8">
      <c r="H88238" s="12"/>
    </row>
    <row r="88239" spans="8:8">
      <c r="H88239" s="12"/>
    </row>
    <row r="88240" spans="8:8">
      <c r="H88240" s="12"/>
    </row>
    <row r="88241" spans="8:8">
      <c r="H88241" s="12"/>
    </row>
    <row r="88242" spans="8:8">
      <c r="H88242" s="12"/>
    </row>
    <row r="88243" spans="8:8">
      <c r="H88243" s="12"/>
    </row>
    <row r="88244" spans="8:8">
      <c r="H88244" s="12"/>
    </row>
    <row r="88245" spans="8:8">
      <c r="H88245" s="12"/>
    </row>
    <row r="88246" spans="8:8">
      <c r="H88246" s="12"/>
    </row>
    <row r="88247" spans="8:8">
      <c r="H88247" s="12"/>
    </row>
    <row r="88248" spans="8:8">
      <c r="H88248" s="12"/>
    </row>
    <row r="88249" spans="8:8">
      <c r="H88249" s="12"/>
    </row>
    <row r="88250" spans="8:8">
      <c r="H88250" s="12"/>
    </row>
    <row r="88251" spans="8:8">
      <c r="H88251" s="12"/>
    </row>
    <row r="88252" spans="8:8">
      <c r="H88252" s="12"/>
    </row>
    <row r="88253" spans="8:8">
      <c r="H88253" s="12"/>
    </row>
    <row r="88254" spans="8:8">
      <c r="H88254" s="12"/>
    </row>
    <row r="88255" spans="8:8">
      <c r="H88255" s="12"/>
    </row>
    <row r="88256" spans="8:8">
      <c r="H88256" s="12"/>
    </row>
    <row r="88257" spans="8:8">
      <c r="H88257" s="12"/>
    </row>
    <row r="88258" spans="8:8">
      <c r="H88258" s="12"/>
    </row>
    <row r="88259" spans="8:8">
      <c r="H88259" s="12"/>
    </row>
    <row r="88260" spans="8:8">
      <c r="H88260" s="12"/>
    </row>
    <row r="88261" spans="8:8">
      <c r="H88261" s="12"/>
    </row>
    <row r="88262" spans="8:8">
      <c r="H88262" s="12"/>
    </row>
    <row r="88263" spans="8:8">
      <c r="H88263" s="12"/>
    </row>
    <row r="88264" spans="8:8">
      <c r="H88264" s="12"/>
    </row>
    <row r="88265" spans="8:8">
      <c r="H88265" s="12"/>
    </row>
    <row r="88266" spans="8:8">
      <c r="H88266" s="12"/>
    </row>
    <row r="88267" spans="8:8">
      <c r="H88267" s="12"/>
    </row>
    <row r="88268" spans="8:8">
      <c r="H88268" s="12"/>
    </row>
    <row r="88269" spans="8:8">
      <c r="H88269" s="12"/>
    </row>
    <row r="88270" spans="8:8">
      <c r="H88270" s="12"/>
    </row>
    <row r="88271" spans="8:8">
      <c r="H88271" s="12"/>
    </row>
    <row r="88272" spans="8:8">
      <c r="H88272" s="12"/>
    </row>
    <row r="88273" spans="8:8">
      <c r="H88273" s="12"/>
    </row>
    <row r="88274" spans="8:8">
      <c r="H88274" s="12"/>
    </row>
    <row r="88275" spans="8:8">
      <c r="H88275" s="12"/>
    </row>
    <row r="88276" spans="8:8">
      <c r="H88276" s="12"/>
    </row>
    <row r="88277" spans="8:8">
      <c r="H88277" s="12"/>
    </row>
    <row r="88278" spans="8:8">
      <c r="H88278" s="12"/>
    </row>
    <row r="88279" spans="8:8">
      <c r="H88279" s="12"/>
    </row>
    <row r="88280" spans="8:8">
      <c r="H88280" s="12"/>
    </row>
    <row r="88281" spans="8:8">
      <c r="H88281" s="12"/>
    </row>
    <row r="88282" spans="8:8">
      <c r="H88282" s="12"/>
    </row>
    <row r="88283" spans="8:8">
      <c r="H88283" s="12"/>
    </row>
    <row r="88284" spans="8:8">
      <c r="H88284" s="12"/>
    </row>
    <row r="88285" spans="8:8">
      <c r="H88285" s="12"/>
    </row>
    <row r="88286" spans="8:8">
      <c r="H88286" s="12"/>
    </row>
    <row r="88287" spans="8:8">
      <c r="H88287" s="12"/>
    </row>
    <row r="88288" spans="8:8">
      <c r="H88288" s="12"/>
    </row>
    <row r="88289" spans="8:8">
      <c r="H88289" s="12"/>
    </row>
    <row r="88290" spans="8:8">
      <c r="H88290" s="12"/>
    </row>
    <row r="88291" spans="8:8">
      <c r="H88291" s="12"/>
    </row>
    <row r="88292" spans="8:8">
      <c r="H88292" s="12"/>
    </row>
    <row r="88293" spans="8:8">
      <c r="H88293" s="12"/>
    </row>
    <row r="88294" spans="8:8">
      <c r="H88294" s="12"/>
    </row>
    <row r="88295" spans="8:8">
      <c r="H88295" s="12"/>
    </row>
    <row r="88296" spans="8:8">
      <c r="H88296" s="12"/>
    </row>
    <row r="88297" spans="8:8">
      <c r="H88297" s="12"/>
    </row>
    <row r="88298" spans="8:8">
      <c r="H88298" s="12"/>
    </row>
    <row r="88299" spans="8:8">
      <c r="H88299" s="12"/>
    </row>
    <row r="88300" spans="8:8">
      <c r="H88300" s="12"/>
    </row>
    <row r="88301" spans="8:8">
      <c r="H88301" s="12"/>
    </row>
    <row r="88302" spans="8:8">
      <c r="H88302" s="12"/>
    </row>
    <row r="88303" spans="8:8">
      <c r="H88303" s="12"/>
    </row>
    <row r="88304" spans="8:8">
      <c r="H88304" s="12"/>
    </row>
    <row r="88305" spans="8:8">
      <c r="H88305" s="12"/>
    </row>
    <row r="88306" spans="8:8">
      <c r="H88306" s="12"/>
    </row>
    <row r="88307" spans="8:8">
      <c r="H88307" s="12"/>
    </row>
    <row r="88308" spans="8:8">
      <c r="H88308" s="12"/>
    </row>
    <row r="88309" spans="8:8">
      <c r="H88309" s="12"/>
    </row>
    <row r="88310" spans="8:8">
      <c r="H88310" s="12"/>
    </row>
    <row r="88311" spans="8:8">
      <c r="H88311" s="12"/>
    </row>
    <row r="88312" spans="8:8">
      <c r="H88312" s="12"/>
    </row>
    <row r="88313" spans="8:8">
      <c r="H88313" s="12"/>
    </row>
    <row r="88314" spans="8:8">
      <c r="H88314" s="12"/>
    </row>
    <row r="88315" spans="8:8">
      <c r="H88315" s="12"/>
    </row>
    <row r="88316" spans="8:8">
      <c r="H88316" s="12"/>
    </row>
    <row r="88317" spans="8:8">
      <c r="H88317" s="12"/>
    </row>
    <row r="88318" spans="8:8">
      <c r="H88318" s="12"/>
    </row>
    <row r="88319" spans="8:8">
      <c r="H88319" s="12"/>
    </row>
    <row r="88320" spans="8:8">
      <c r="H88320" s="12"/>
    </row>
    <row r="88321" spans="8:8">
      <c r="H88321" s="12"/>
    </row>
    <row r="88322" spans="8:8">
      <c r="H88322" s="12"/>
    </row>
    <row r="88323" spans="8:8">
      <c r="H88323" s="12"/>
    </row>
    <row r="88324" spans="8:8">
      <c r="H88324" s="12"/>
    </row>
    <row r="88325" spans="8:8">
      <c r="H88325" s="12"/>
    </row>
    <row r="88326" spans="8:8">
      <c r="H88326" s="12"/>
    </row>
    <row r="88327" spans="8:8">
      <c r="H88327" s="12"/>
    </row>
    <row r="88328" spans="8:8">
      <c r="H88328" s="12"/>
    </row>
    <row r="88329" spans="8:8">
      <c r="H88329" s="12"/>
    </row>
    <row r="88330" spans="8:8">
      <c r="H88330" s="12"/>
    </row>
    <row r="88331" spans="8:8">
      <c r="H88331" s="12"/>
    </row>
    <row r="88332" spans="8:8">
      <c r="H88332" s="12"/>
    </row>
    <row r="88333" spans="8:8">
      <c r="H88333" s="12"/>
    </row>
    <row r="88334" spans="8:8">
      <c r="H88334" s="12"/>
    </row>
    <row r="88335" spans="8:8">
      <c r="H88335" s="12"/>
    </row>
    <row r="88336" spans="8:8">
      <c r="H88336" s="12"/>
    </row>
    <row r="88337" spans="8:8">
      <c r="H88337" s="12"/>
    </row>
    <row r="88338" spans="8:8">
      <c r="H88338" s="12"/>
    </row>
    <row r="88339" spans="8:8">
      <c r="H88339" s="12"/>
    </row>
    <row r="88340" spans="8:8">
      <c r="H88340" s="12"/>
    </row>
    <row r="88341" spans="8:8">
      <c r="H88341" s="12"/>
    </row>
    <row r="88342" spans="8:8">
      <c r="H88342" s="12"/>
    </row>
    <row r="88343" spans="8:8">
      <c r="H88343" s="12"/>
    </row>
    <row r="88344" spans="8:8">
      <c r="H88344" s="12"/>
    </row>
    <row r="88345" spans="8:8">
      <c r="H88345" s="12"/>
    </row>
    <row r="88346" spans="8:8">
      <c r="H88346" s="12"/>
    </row>
    <row r="88347" spans="8:8">
      <c r="H88347" s="12"/>
    </row>
    <row r="88348" spans="8:8">
      <c r="H88348" s="12"/>
    </row>
    <row r="88349" spans="8:8">
      <c r="H88349" s="12"/>
    </row>
    <row r="88350" spans="8:8">
      <c r="H88350" s="12"/>
    </row>
    <row r="88351" spans="8:8">
      <c r="H88351" s="12"/>
    </row>
    <row r="88352" spans="8:8">
      <c r="H88352" s="12"/>
    </row>
    <row r="88353" spans="8:8">
      <c r="H88353" s="12"/>
    </row>
    <row r="88354" spans="8:8">
      <c r="H88354" s="12"/>
    </row>
    <row r="88355" spans="8:8">
      <c r="H88355" s="12"/>
    </row>
    <row r="88356" spans="8:8">
      <c r="H88356" s="12"/>
    </row>
    <row r="88357" spans="8:8">
      <c r="H88357" s="12"/>
    </row>
    <row r="88358" spans="8:8">
      <c r="H88358" s="12"/>
    </row>
    <row r="88359" spans="8:8">
      <c r="H88359" s="12"/>
    </row>
    <row r="88360" spans="8:8">
      <c r="H88360" s="12"/>
    </row>
    <row r="88361" spans="8:8">
      <c r="H88361" s="12"/>
    </row>
    <row r="88362" spans="8:8">
      <c r="H88362" s="12"/>
    </row>
    <row r="88363" spans="8:8">
      <c r="H88363" s="12"/>
    </row>
    <row r="88364" spans="8:8">
      <c r="H88364" s="12"/>
    </row>
    <row r="88365" spans="8:8">
      <c r="H88365" s="12"/>
    </row>
    <row r="88366" spans="8:8">
      <c r="H88366" s="12"/>
    </row>
    <row r="88367" spans="8:8">
      <c r="H88367" s="12"/>
    </row>
    <row r="88368" spans="8:8">
      <c r="H88368" s="12"/>
    </row>
    <row r="88369" spans="8:8">
      <c r="H88369" s="12"/>
    </row>
    <row r="88370" spans="8:8">
      <c r="H88370" s="12"/>
    </row>
    <row r="88371" spans="8:8">
      <c r="H88371" s="12"/>
    </row>
    <row r="88372" spans="8:8">
      <c r="H88372" s="12"/>
    </row>
    <row r="88373" spans="8:8">
      <c r="H88373" s="12"/>
    </row>
    <row r="88374" spans="8:8">
      <c r="H88374" s="12"/>
    </row>
    <row r="88375" spans="8:8">
      <c r="H88375" s="12"/>
    </row>
    <row r="88376" spans="8:8">
      <c r="H88376" s="12"/>
    </row>
    <row r="88377" spans="8:8">
      <c r="H88377" s="12"/>
    </row>
    <row r="88378" spans="8:8">
      <c r="H88378" s="12"/>
    </row>
    <row r="88379" spans="8:8">
      <c r="H88379" s="12"/>
    </row>
    <row r="88380" spans="8:8">
      <c r="H88380" s="12"/>
    </row>
    <row r="88381" spans="8:8">
      <c r="H88381" s="12"/>
    </row>
    <row r="88382" spans="8:8">
      <c r="H88382" s="12"/>
    </row>
    <row r="88383" spans="8:8">
      <c r="H88383" s="12"/>
    </row>
    <row r="88384" spans="8:8">
      <c r="H88384" s="12"/>
    </row>
    <row r="88385" spans="8:8">
      <c r="H88385" s="12"/>
    </row>
    <row r="88386" spans="8:8">
      <c r="H88386" s="12"/>
    </row>
    <row r="88387" spans="8:8">
      <c r="H88387" s="12"/>
    </row>
    <row r="88388" spans="8:8">
      <c r="H88388" s="12"/>
    </row>
    <row r="88389" spans="8:8">
      <c r="H88389" s="12"/>
    </row>
    <row r="88390" spans="8:8">
      <c r="H88390" s="12"/>
    </row>
    <row r="88391" spans="8:8">
      <c r="H88391" s="12"/>
    </row>
    <row r="88392" spans="8:8">
      <c r="H88392" s="12"/>
    </row>
    <row r="88393" spans="8:8">
      <c r="H88393" s="12"/>
    </row>
    <row r="88394" spans="8:8">
      <c r="H88394" s="12"/>
    </row>
    <row r="88395" spans="8:8">
      <c r="H88395" s="12"/>
    </row>
    <row r="88396" spans="8:8">
      <c r="H88396" s="12"/>
    </row>
    <row r="88397" spans="8:8">
      <c r="H88397" s="12"/>
    </row>
    <row r="88398" spans="8:8">
      <c r="H88398" s="12"/>
    </row>
    <row r="88399" spans="8:8">
      <c r="H88399" s="12"/>
    </row>
    <row r="88400" spans="8:8">
      <c r="H88400" s="12"/>
    </row>
    <row r="88401" spans="8:8">
      <c r="H88401" s="12"/>
    </row>
    <row r="88402" spans="8:8">
      <c r="H88402" s="12"/>
    </row>
    <row r="88403" spans="8:8">
      <c r="H88403" s="12"/>
    </row>
    <row r="88404" spans="8:8">
      <c r="H88404" s="12"/>
    </row>
    <row r="88405" spans="8:8">
      <c r="H88405" s="12"/>
    </row>
    <row r="88406" spans="8:8">
      <c r="H88406" s="12"/>
    </row>
    <row r="88407" spans="8:8">
      <c r="H88407" s="12"/>
    </row>
    <row r="88408" spans="8:8">
      <c r="H88408" s="12"/>
    </row>
    <row r="88409" spans="8:8">
      <c r="H88409" s="12"/>
    </row>
    <row r="88410" spans="8:8">
      <c r="H88410" s="12"/>
    </row>
    <row r="88411" spans="8:8">
      <c r="H88411" s="12"/>
    </row>
    <row r="88412" spans="8:8">
      <c r="H88412" s="12"/>
    </row>
    <row r="88413" spans="8:8">
      <c r="H88413" s="12"/>
    </row>
    <row r="88414" spans="8:8">
      <c r="H88414" s="12"/>
    </row>
    <row r="88415" spans="8:8">
      <c r="H88415" s="12"/>
    </row>
    <row r="88416" spans="8:8">
      <c r="H88416" s="12"/>
    </row>
    <row r="88417" spans="8:8">
      <c r="H88417" s="12"/>
    </row>
    <row r="88418" spans="8:8">
      <c r="H88418" s="12"/>
    </row>
    <row r="88419" spans="8:8">
      <c r="H88419" s="12"/>
    </row>
    <row r="88420" spans="8:8">
      <c r="H88420" s="12"/>
    </row>
    <row r="88421" spans="8:8">
      <c r="H88421" s="12"/>
    </row>
    <row r="88422" spans="8:8">
      <c r="H88422" s="12"/>
    </row>
    <row r="88423" spans="8:8">
      <c r="H88423" s="12"/>
    </row>
    <row r="88424" spans="8:8">
      <c r="H88424" s="12"/>
    </row>
    <row r="88425" spans="8:8">
      <c r="H88425" s="12"/>
    </row>
    <row r="88426" spans="8:8">
      <c r="H88426" s="12"/>
    </row>
    <row r="88427" spans="8:8">
      <c r="H88427" s="12"/>
    </row>
    <row r="88428" spans="8:8">
      <c r="H88428" s="12"/>
    </row>
    <row r="88429" spans="8:8">
      <c r="H88429" s="12"/>
    </row>
    <row r="88430" spans="8:8">
      <c r="H88430" s="12"/>
    </row>
    <row r="88431" spans="8:8">
      <c r="H88431" s="12"/>
    </row>
    <row r="88432" spans="8:8">
      <c r="H88432" s="12"/>
    </row>
    <row r="88433" spans="8:8">
      <c r="H88433" s="12"/>
    </row>
    <row r="88434" spans="8:8">
      <c r="H88434" s="12"/>
    </row>
    <row r="88435" spans="8:8">
      <c r="H88435" s="12"/>
    </row>
    <row r="88436" spans="8:8">
      <c r="H88436" s="12"/>
    </row>
    <row r="88437" spans="8:8">
      <c r="H88437" s="12"/>
    </row>
    <row r="88438" spans="8:8">
      <c r="H88438" s="12"/>
    </row>
    <row r="88439" spans="8:8">
      <c r="H88439" s="12"/>
    </row>
    <row r="88440" spans="8:8">
      <c r="H88440" s="12"/>
    </row>
    <row r="88441" spans="8:8">
      <c r="H88441" s="12"/>
    </row>
    <row r="88442" spans="8:8">
      <c r="H88442" s="12"/>
    </row>
    <row r="88443" spans="8:8">
      <c r="H88443" s="12"/>
    </row>
    <row r="88444" spans="8:8">
      <c r="H88444" s="12"/>
    </row>
    <row r="88445" spans="8:8">
      <c r="H88445" s="12"/>
    </row>
    <row r="88446" spans="8:8">
      <c r="H88446" s="12"/>
    </row>
    <row r="88447" spans="8:8">
      <c r="H88447" s="12"/>
    </row>
    <row r="88448" spans="8:8">
      <c r="H88448" s="12"/>
    </row>
    <row r="88449" spans="8:8">
      <c r="H88449" s="12"/>
    </row>
    <row r="88450" spans="8:8">
      <c r="H88450" s="12"/>
    </row>
    <row r="88451" spans="8:8">
      <c r="H88451" s="12"/>
    </row>
    <row r="88452" spans="8:8">
      <c r="H88452" s="12"/>
    </row>
    <row r="88453" spans="8:8">
      <c r="H88453" s="12"/>
    </row>
    <row r="88454" spans="8:8">
      <c r="H88454" s="12"/>
    </row>
    <row r="88455" spans="8:8">
      <c r="H88455" s="12"/>
    </row>
    <row r="88456" spans="8:8">
      <c r="H88456" s="12"/>
    </row>
    <row r="88457" spans="8:8">
      <c r="H88457" s="12"/>
    </row>
    <row r="88458" spans="8:8">
      <c r="H88458" s="12"/>
    </row>
    <row r="88459" spans="8:8">
      <c r="H88459" s="12"/>
    </row>
    <row r="88460" spans="8:8">
      <c r="H88460" s="12"/>
    </row>
    <row r="88461" spans="8:8">
      <c r="H88461" s="12"/>
    </row>
    <row r="88462" spans="8:8">
      <c r="H88462" s="12"/>
    </row>
    <row r="88463" spans="8:8">
      <c r="H88463" s="12"/>
    </row>
    <row r="88464" spans="8:8">
      <c r="H88464" s="12"/>
    </row>
    <row r="88465" spans="8:8">
      <c r="H88465" s="12"/>
    </row>
    <row r="88466" spans="8:8">
      <c r="H88466" s="12"/>
    </row>
    <row r="88467" spans="8:8">
      <c r="H88467" s="12"/>
    </row>
    <row r="88468" spans="8:8">
      <c r="H88468" s="12"/>
    </row>
    <row r="88469" spans="8:8">
      <c r="H88469" s="12"/>
    </row>
    <row r="88470" spans="8:8">
      <c r="H88470" s="12"/>
    </row>
    <row r="88471" spans="8:8">
      <c r="H88471" s="12"/>
    </row>
    <row r="88472" spans="8:8">
      <c r="H88472" s="12"/>
    </row>
    <row r="88473" spans="8:8">
      <c r="H88473" s="12"/>
    </row>
    <row r="88474" spans="8:8">
      <c r="H88474" s="12"/>
    </row>
    <row r="88475" spans="8:8">
      <c r="H88475" s="12"/>
    </row>
    <row r="88476" spans="8:8">
      <c r="H88476" s="12"/>
    </row>
    <row r="88477" spans="8:8">
      <c r="H88477" s="12"/>
    </row>
    <row r="88478" spans="8:8">
      <c r="H88478" s="12"/>
    </row>
    <row r="88479" spans="8:8">
      <c r="H88479" s="12"/>
    </row>
    <row r="88480" spans="8:8">
      <c r="H88480" s="12"/>
    </row>
    <row r="88481" spans="8:8">
      <c r="H88481" s="12"/>
    </row>
    <row r="88482" spans="8:8">
      <c r="H88482" s="12"/>
    </row>
    <row r="88483" spans="8:8">
      <c r="H88483" s="12"/>
    </row>
    <row r="88484" spans="8:8">
      <c r="H88484" s="12"/>
    </row>
    <row r="88485" spans="8:8">
      <c r="H88485" s="12"/>
    </row>
    <row r="88486" spans="8:8">
      <c r="H88486" s="12"/>
    </row>
    <row r="88487" spans="8:8">
      <c r="H88487" s="12"/>
    </row>
    <row r="88488" spans="8:8">
      <c r="H88488" s="12"/>
    </row>
    <row r="88489" spans="8:8">
      <c r="H88489" s="12"/>
    </row>
    <row r="88490" spans="8:8">
      <c r="H88490" s="12"/>
    </row>
    <row r="88491" spans="8:8">
      <c r="H88491" s="12"/>
    </row>
    <row r="88492" spans="8:8">
      <c r="H88492" s="12"/>
    </row>
    <row r="88493" spans="8:8">
      <c r="H88493" s="12"/>
    </row>
    <row r="88494" spans="8:8">
      <c r="H88494" s="12"/>
    </row>
    <row r="88495" spans="8:8">
      <c r="H88495" s="12"/>
    </row>
    <row r="88496" spans="8:8">
      <c r="H88496" s="12"/>
    </row>
    <row r="88497" spans="8:8">
      <c r="H88497" s="12"/>
    </row>
    <row r="88498" spans="8:8">
      <c r="H88498" s="12"/>
    </row>
    <row r="88499" spans="8:8">
      <c r="H88499" s="12"/>
    </row>
    <row r="88500" spans="8:8">
      <c r="H88500" s="12"/>
    </row>
    <row r="88501" spans="8:8">
      <c r="H88501" s="12"/>
    </row>
    <row r="88502" spans="8:8">
      <c r="H88502" s="12"/>
    </row>
    <row r="88503" spans="8:8">
      <c r="H88503" s="12"/>
    </row>
    <row r="88504" spans="8:8">
      <c r="H88504" s="12"/>
    </row>
    <row r="88505" spans="8:8">
      <c r="H88505" s="12"/>
    </row>
    <row r="88506" spans="8:8">
      <c r="H88506" s="12"/>
    </row>
    <row r="88507" spans="8:8">
      <c r="H88507" s="12"/>
    </row>
    <row r="88508" spans="8:8">
      <c r="H88508" s="12"/>
    </row>
    <row r="88509" spans="8:8">
      <c r="H88509" s="12"/>
    </row>
    <row r="88510" spans="8:8">
      <c r="H88510" s="12"/>
    </row>
    <row r="88511" spans="8:8">
      <c r="H88511" s="12"/>
    </row>
    <row r="88512" spans="8:8">
      <c r="H88512" s="12"/>
    </row>
    <row r="88513" spans="8:8">
      <c r="H88513" s="12"/>
    </row>
    <row r="88514" spans="8:8">
      <c r="H88514" s="12"/>
    </row>
    <row r="88515" spans="8:8">
      <c r="H88515" s="12"/>
    </row>
    <row r="88516" spans="8:8">
      <c r="H88516" s="12"/>
    </row>
    <row r="88517" spans="8:8">
      <c r="H88517" s="12"/>
    </row>
    <row r="88518" spans="8:8">
      <c r="H88518" s="12"/>
    </row>
    <row r="88519" spans="8:8">
      <c r="H88519" s="12"/>
    </row>
    <row r="88520" spans="8:8">
      <c r="H88520" s="12"/>
    </row>
    <row r="88521" spans="8:8">
      <c r="H88521" s="12"/>
    </row>
    <row r="88522" spans="8:8">
      <c r="H88522" s="12"/>
    </row>
    <row r="88523" spans="8:8">
      <c r="H88523" s="12"/>
    </row>
    <row r="88524" spans="8:8">
      <c r="H88524" s="12"/>
    </row>
    <row r="88525" spans="8:8">
      <c r="H88525" s="12"/>
    </row>
    <row r="88526" spans="8:8">
      <c r="H88526" s="12"/>
    </row>
    <row r="88527" spans="8:8">
      <c r="H88527" s="12"/>
    </row>
    <row r="88528" spans="8:8">
      <c r="H88528" s="12"/>
    </row>
    <row r="88529" spans="8:8">
      <c r="H88529" s="12"/>
    </row>
    <row r="88530" spans="8:8">
      <c r="H88530" s="12"/>
    </row>
    <row r="88531" spans="8:8">
      <c r="H88531" s="12"/>
    </row>
    <row r="88532" spans="8:8">
      <c r="H88532" s="12"/>
    </row>
    <row r="88533" spans="8:8">
      <c r="H88533" s="12"/>
    </row>
    <row r="88534" spans="8:8">
      <c r="H88534" s="12"/>
    </row>
    <row r="88535" spans="8:8">
      <c r="H88535" s="12"/>
    </row>
    <row r="88536" spans="8:8">
      <c r="H88536" s="12"/>
    </row>
    <row r="88537" spans="8:8">
      <c r="H88537" s="12"/>
    </row>
    <row r="88538" spans="8:8">
      <c r="H88538" s="12"/>
    </row>
    <row r="88539" spans="8:8">
      <c r="H88539" s="12"/>
    </row>
    <row r="88540" spans="8:8">
      <c r="H88540" s="12"/>
    </row>
    <row r="88541" spans="8:8">
      <c r="H88541" s="12"/>
    </row>
    <row r="88542" spans="8:8">
      <c r="H88542" s="12"/>
    </row>
    <row r="88543" spans="8:8">
      <c r="H88543" s="12"/>
    </row>
    <row r="88544" spans="8:8">
      <c r="H88544" s="12"/>
    </row>
    <row r="88545" spans="8:8">
      <c r="H88545" s="12"/>
    </row>
    <row r="88546" spans="8:8">
      <c r="H88546" s="12"/>
    </row>
    <row r="88547" spans="8:8">
      <c r="H88547" s="12"/>
    </row>
    <row r="88548" spans="8:8">
      <c r="H88548" s="12"/>
    </row>
    <row r="88549" spans="8:8">
      <c r="H88549" s="12"/>
    </row>
    <row r="88550" spans="8:8">
      <c r="H88550" s="12"/>
    </row>
    <row r="88551" spans="8:8">
      <c r="H88551" s="12"/>
    </row>
    <row r="88552" spans="8:8">
      <c r="H88552" s="12"/>
    </row>
    <row r="88553" spans="8:8">
      <c r="H88553" s="12"/>
    </row>
    <row r="88554" spans="8:8">
      <c r="H88554" s="12"/>
    </row>
    <row r="88555" spans="8:8">
      <c r="H88555" s="12"/>
    </row>
    <row r="88556" spans="8:8">
      <c r="H88556" s="12"/>
    </row>
    <row r="88557" spans="8:8">
      <c r="H88557" s="12"/>
    </row>
    <row r="88558" spans="8:8">
      <c r="H88558" s="12"/>
    </row>
    <row r="88559" spans="8:8">
      <c r="H88559" s="12"/>
    </row>
    <row r="88560" spans="8:8">
      <c r="H88560" s="12"/>
    </row>
    <row r="88561" spans="8:8">
      <c r="H88561" s="12"/>
    </row>
    <row r="88562" spans="8:8">
      <c r="H88562" s="12"/>
    </row>
    <row r="88563" spans="8:8">
      <c r="H88563" s="12"/>
    </row>
    <row r="88564" spans="8:8">
      <c r="H88564" s="12"/>
    </row>
    <row r="88565" spans="8:8">
      <c r="H88565" s="12"/>
    </row>
    <row r="88566" spans="8:8">
      <c r="H88566" s="12"/>
    </row>
    <row r="88567" spans="8:8">
      <c r="H88567" s="12"/>
    </row>
    <row r="88568" spans="8:8">
      <c r="H88568" s="12"/>
    </row>
    <row r="88569" spans="8:8">
      <c r="H88569" s="12"/>
    </row>
    <row r="88570" spans="8:8">
      <c r="H88570" s="12"/>
    </row>
    <row r="88571" spans="8:8">
      <c r="H88571" s="12"/>
    </row>
    <row r="88572" spans="8:8">
      <c r="H88572" s="12"/>
    </row>
    <row r="88573" spans="8:8">
      <c r="H88573" s="12"/>
    </row>
    <row r="88574" spans="8:8">
      <c r="H88574" s="12"/>
    </row>
    <row r="88575" spans="8:8">
      <c r="H88575" s="12"/>
    </row>
    <row r="88576" spans="8:8">
      <c r="H88576" s="12"/>
    </row>
    <row r="88577" spans="8:8">
      <c r="H88577" s="12"/>
    </row>
    <row r="88578" spans="8:8">
      <c r="H88578" s="12"/>
    </row>
    <row r="88579" spans="8:8">
      <c r="H88579" s="12"/>
    </row>
    <row r="88580" spans="8:8">
      <c r="H88580" s="12"/>
    </row>
    <row r="88581" spans="8:8">
      <c r="H88581" s="12"/>
    </row>
    <row r="88582" spans="8:8">
      <c r="H88582" s="12"/>
    </row>
    <row r="88583" spans="8:8">
      <c r="H88583" s="12"/>
    </row>
    <row r="88584" spans="8:8">
      <c r="H88584" s="12"/>
    </row>
    <row r="88585" spans="8:8">
      <c r="H88585" s="12"/>
    </row>
    <row r="88586" spans="8:8">
      <c r="H88586" s="12"/>
    </row>
    <row r="88587" spans="8:8">
      <c r="H88587" s="12"/>
    </row>
    <row r="88588" spans="8:8">
      <c r="H88588" s="12"/>
    </row>
    <row r="88589" spans="8:8">
      <c r="H88589" s="12"/>
    </row>
    <row r="88590" spans="8:8">
      <c r="H88590" s="12"/>
    </row>
    <row r="88591" spans="8:8">
      <c r="H88591" s="12"/>
    </row>
    <row r="88592" spans="8:8">
      <c r="H88592" s="12"/>
    </row>
    <row r="88593" spans="8:8">
      <c r="H88593" s="12"/>
    </row>
    <row r="88594" spans="8:8">
      <c r="H88594" s="12"/>
    </row>
    <row r="88595" spans="8:8">
      <c r="H88595" s="12"/>
    </row>
    <row r="88596" spans="8:8">
      <c r="H88596" s="12"/>
    </row>
    <row r="88597" spans="8:8">
      <c r="H88597" s="12"/>
    </row>
    <row r="88598" spans="8:8">
      <c r="H88598" s="12"/>
    </row>
    <row r="88599" spans="8:8">
      <c r="H88599" s="12"/>
    </row>
    <row r="88600" spans="8:8">
      <c r="H88600" s="12"/>
    </row>
    <row r="88601" spans="8:8">
      <c r="H88601" s="12"/>
    </row>
    <row r="88602" spans="8:8">
      <c r="H88602" s="12"/>
    </row>
    <row r="88603" spans="8:8">
      <c r="H88603" s="12"/>
    </row>
    <row r="88604" spans="8:8">
      <c r="H88604" s="12"/>
    </row>
    <row r="88605" spans="8:8">
      <c r="H88605" s="12"/>
    </row>
    <row r="88606" spans="8:8">
      <c r="H88606" s="12"/>
    </row>
    <row r="88607" spans="8:8">
      <c r="H88607" s="12"/>
    </row>
    <row r="88608" spans="8:8">
      <c r="H88608" s="12"/>
    </row>
    <row r="88609" spans="8:8">
      <c r="H88609" s="12"/>
    </row>
    <row r="88610" spans="8:8">
      <c r="H88610" s="12"/>
    </row>
    <row r="88611" spans="8:8">
      <c r="H88611" s="12"/>
    </row>
    <row r="88612" spans="8:8">
      <c r="H88612" s="12"/>
    </row>
    <row r="88613" spans="8:8">
      <c r="H88613" s="12"/>
    </row>
    <row r="88614" spans="8:8">
      <c r="H88614" s="12"/>
    </row>
    <row r="88615" spans="8:8">
      <c r="H88615" s="12"/>
    </row>
    <row r="88616" spans="8:8">
      <c r="H88616" s="12"/>
    </row>
    <row r="88617" spans="8:8">
      <c r="H88617" s="12"/>
    </row>
    <row r="88618" spans="8:8">
      <c r="H88618" s="12"/>
    </row>
    <row r="88619" spans="8:8">
      <c r="H88619" s="12"/>
    </row>
    <row r="88620" spans="8:8">
      <c r="H88620" s="12"/>
    </row>
    <row r="88621" spans="8:8">
      <c r="H88621" s="12"/>
    </row>
    <row r="88622" spans="8:8">
      <c r="H88622" s="12"/>
    </row>
    <row r="88623" spans="8:8">
      <c r="H88623" s="12"/>
    </row>
    <row r="88624" spans="8:8">
      <c r="H88624" s="12"/>
    </row>
    <row r="88625" spans="8:8">
      <c r="H88625" s="12"/>
    </row>
    <row r="88626" spans="8:8">
      <c r="H88626" s="12"/>
    </row>
    <row r="88627" spans="8:8">
      <c r="H88627" s="12"/>
    </row>
    <row r="88628" spans="8:8">
      <c r="H88628" s="12"/>
    </row>
    <row r="88629" spans="8:8">
      <c r="H88629" s="12"/>
    </row>
    <row r="88630" spans="8:8">
      <c r="H88630" s="12"/>
    </row>
    <row r="88631" spans="8:8">
      <c r="H88631" s="12"/>
    </row>
    <row r="88632" spans="8:8">
      <c r="H88632" s="12"/>
    </row>
    <row r="88633" spans="8:8">
      <c r="H88633" s="12"/>
    </row>
    <row r="88634" spans="8:8">
      <c r="H88634" s="12"/>
    </row>
    <row r="88635" spans="8:8">
      <c r="H88635" s="12"/>
    </row>
    <row r="88636" spans="8:8">
      <c r="H88636" s="12"/>
    </row>
    <row r="88637" spans="8:8">
      <c r="H88637" s="12"/>
    </row>
    <row r="88638" spans="8:8">
      <c r="H88638" s="12"/>
    </row>
    <row r="88639" spans="8:8">
      <c r="H88639" s="12"/>
    </row>
    <row r="88640" spans="8:8">
      <c r="H88640" s="12"/>
    </row>
    <row r="88641" spans="8:8">
      <c r="H88641" s="12"/>
    </row>
    <row r="88642" spans="8:8">
      <c r="H88642" s="12"/>
    </row>
    <row r="88643" spans="8:8">
      <c r="H88643" s="12"/>
    </row>
    <row r="88644" spans="8:8">
      <c r="H88644" s="12"/>
    </row>
    <row r="88645" spans="8:8">
      <c r="H88645" s="12"/>
    </row>
    <row r="88646" spans="8:8">
      <c r="H88646" s="12"/>
    </row>
    <row r="88647" spans="8:8">
      <c r="H88647" s="12"/>
    </row>
    <row r="88648" spans="8:8">
      <c r="H88648" s="12"/>
    </row>
    <row r="88649" spans="8:8">
      <c r="H88649" s="12"/>
    </row>
    <row r="88650" spans="8:8">
      <c r="H88650" s="12"/>
    </row>
    <row r="88651" spans="8:8">
      <c r="H88651" s="12"/>
    </row>
    <row r="88652" spans="8:8">
      <c r="H88652" s="12"/>
    </row>
    <row r="88653" spans="8:8">
      <c r="H88653" s="12"/>
    </row>
    <row r="88654" spans="8:8">
      <c r="H88654" s="12"/>
    </row>
    <row r="88655" spans="8:8">
      <c r="H88655" s="12"/>
    </row>
    <row r="88656" spans="8:8">
      <c r="H88656" s="12"/>
    </row>
    <row r="88657" spans="8:8">
      <c r="H88657" s="12"/>
    </row>
    <row r="88658" spans="8:8">
      <c r="H88658" s="12"/>
    </row>
    <row r="88659" spans="8:8">
      <c r="H88659" s="12"/>
    </row>
    <row r="88660" spans="8:8">
      <c r="H88660" s="12"/>
    </row>
    <row r="88661" spans="8:8">
      <c r="H88661" s="12"/>
    </row>
    <row r="88662" spans="8:8">
      <c r="H88662" s="12"/>
    </row>
    <row r="88663" spans="8:8">
      <c r="H88663" s="12"/>
    </row>
    <row r="88664" spans="8:8">
      <c r="H88664" s="12"/>
    </row>
    <row r="88665" spans="8:8">
      <c r="H88665" s="12"/>
    </row>
    <row r="88666" spans="8:8">
      <c r="H88666" s="12"/>
    </row>
    <row r="88667" spans="8:8">
      <c r="H88667" s="12"/>
    </row>
    <row r="88668" spans="8:8">
      <c r="H88668" s="12"/>
    </row>
    <row r="88669" spans="8:8">
      <c r="H88669" s="12"/>
    </row>
    <row r="88670" spans="8:8">
      <c r="H88670" s="12"/>
    </row>
    <row r="88671" spans="8:8">
      <c r="H88671" s="12"/>
    </row>
    <row r="88672" spans="8:8">
      <c r="H88672" s="12"/>
    </row>
    <row r="88673" spans="8:8">
      <c r="H88673" s="12"/>
    </row>
    <row r="88674" spans="8:8">
      <c r="H88674" s="12"/>
    </row>
    <row r="88675" spans="8:8">
      <c r="H88675" s="12"/>
    </row>
    <row r="88676" spans="8:8">
      <c r="H88676" s="12"/>
    </row>
    <row r="88677" spans="8:8">
      <c r="H88677" s="12"/>
    </row>
    <row r="88678" spans="8:8">
      <c r="H88678" s="12"/>
    </row>
    <row r="88679" spans="8:8">
      <c r="H88679" s="12"/>
    </row>
    <row r="88680" spans="8:8">
      <c r="H88680" s="12"/>
    </row>
    <row r="88681" spans="8:8">
      <c r="H88681" s="12"/>
    </row>
    <row r="88682" spans="8:8">
      <c r="H88682" s="12"/>
    </row>
    <row r="88683" spans="8:8">
      <c r="H88683" s="12"/>
    </row>
    <row r="88684" spans="8:8">
      <c r="H88684" s="12"/>
    </row>
    <row r="88685" spans="8:8">
      <c r="H88685" s="12"/>
    </row>
    <row r="88686" spans="8:8">
      <c r="H88686" s="12"/>
    </row>
    <row r="88687" spans="8:8">
      <c r="H88687" s="12"/>
    </row>
    <row r="88688" spans="8:8">
      <c r="H88688" s="12"/>
    </row>
    <row r="88689" spans="8:8">
      <c r="H88689" s="12"/>
    </row>
    <row r="88690" spans="8:8">
      <c r="H88690" s="12"/>
    </row>
    <row r="88691" spans="8:8">
      <c r="H88691" s="12"/>
    </row>
    <row r="88692" spans="8:8">
      <c r="H88692" s="12"/>
    </row>
    <row r="88693" spans="8:8">
      <c r="H88693" s="12"/>
    </row>
    <row r="88694" spans="8:8">
      <c r="H88694" s="12"/>
    </row>
    <row r="88695" spans="8:8">
      <c r="H88695" s="12"/>
    </row>
    <row r="88696" spans="8:8">
      <c r="H88696" s="12"/>
    </row>
    <row r="88697" spans="8:8">
      <c r="H88697" s="12"/>
    </row>
    <row r="88698" spans="8:8">
      <c r="H88698" s="12"/>
    </row>
    <row r="88699" spans="8:8">
      <c r="H88699" s="12"/>
    </row>
    <row r="88700" spans="8:8">
      <c r="H88700" s="12"/>
    </row>
    <row r="88701" spans="8:8">
      <c r="H88701" s="12"/>
    </row>
    <row r="88702" spans="8:8">
      <c r="H88702" s="12"/>
    </row>
    <row r="88703" spans="8:8">
      <c r="H88703" s="12"/>
    </row>
    <row r="88704" spans="8:8">
      <c r="H88704" s="12"/>
    </row>
    <row r="88705" spans="8:8">
      <c r="H88705" s="12"/>
    </row>
    <row r="88706" spans="8:8">
      <c r="H88706" s="12"/>
    </row>
    <row r="88707" spans="8:8">
      <c r="H88707" s="12"/>
    </row>
    <row r="88708" spans="8:8">
      <c r="H88708" s="12"/>
    </row>
    <row r="88709" spans="8:8">
      <c r="H88709" s="12"/>
    </row>
    <row r="88710" spans="8:8">
      <c r="H88710" s="12"/>
    </row>
    <row r="88711" spans="8:8">
      <c r="H88711" s="12"/>
    </row>
    <row r="88712" spans="8:8">
      <c r="H88712" s="12"/>
    </row>
    <row r="88713" spans="8:8">
      <c r="H88713" s="12"/>
    </row>
    <row r="88714" spans="8:8">
      <c r="H88714" s="12"/>
    </row>
    <row r="88715" spans="8:8">
      <c r="H88715" s="12"/>
    </row>
    <row r="88716" spans="8:8">
      <c r="H88716" s="12"/>
    </row>
    <row r="88717" spans="8:8">
      <c r="H88717" s="12"/>
    </row>
    <row r="88718" spans="8:8">
      <c r="H88718" s="12"/>
    </row>
    <row r="88719" spans="8:8">
      <c r="H88719" s="12"/>
    </row>
    <row r="88720" spans="8:8">
      <c r="H88720" s="12"/>
    </row>
    <row r="88721" spans="8:8">
      <c r="H88721" s="12"/>
    </row>
    <row r="88722" spans="8:8">
      <c r="H88722" s="12"/>
    </row>
    <row r="88723" spans="8:8">
      <c r="H88723" s="12"/>
    </row>
    <row r="88724" spans="8:8">
      <c r="H88724" s="12"/>
    </row>
    <row r="88725" spans="8:8">
      <c r="H88725" s="12"/>
    </row>
    <row r="88726" spans="8:8">
      <c r="H88726" s="12"/>
    </row>
    <row r="88727" spans="8:8">
      <c r="H88727" s="12"/>
    </row>
    <row r="88728" spans="8:8">
      <c r="H88728" s="12"/>
    </row>
    <row r="88729" spans="8:8">
      <c r="H88729" s="12"/>
    </row>
    <row r="88730" spans="8:8">
      <c r="H88730" s="12"/>
    </row>
    <row r="88731" spans="8:8">
      <c r="H88731" s="12"/>
    </row>
    <row r="88732" spans="8:8">
      <c r="H88732" s="12"/>
    </row>
    <row r="88733" spans="8:8">
      <c r="H88733" s="12"/>
    </row>
    <row r="88734" spans="8:8">
      <c r="H88734" s="12"/>
    </row>
    <row r="88735" spans="8:8">
      <c r="H88735" s="12"/>
    </row>
    <row r="88736" spans="8:8">
      <c r="H88736" s="12"/>
    </row>
    <row r="88737" spans="8:8">
      <c r="H88737" s="12"/>
    </row>
    <row r="88738" spans="8:8">
      <c r="H88738" s="12"/>
    </row>
    <row r="88739" spans="8:8">
      <c r="H88739" s="12"/>
    </row>
    <row r="88740" spans="8:8">
      <c r="H88740" s="12"/>
    </row>
    <row r="88741" spans="8:8">
      <c r="H88741" s="12"/>
    </row>
    <row r="88742" spans="8:8">
      <c r="H88742" s="12"/>
    </row>
    <row r="88743" spans="8:8">
      <c r="H88743" s="12"/>
    </row>
    <row r="88744" spans="8:8">
      <c r="H88744" s="12"/>
    </row>
    <row r="88745" spans="8:8">
      <c r="H88745" s="12"/>
    </row>
    <row r="88746" spans="8:8">
      <c r="H88746" s="12"/>
    </row>
    <row r="88747" spans="8:8">
      <c r="H88747" s="12"/>
    </row>
    <row r="88748" spans="8:8">
      <c r="H88748" s="12"/>
    </row>
    <row r="88749" spans="8:8">
      <c r="H88749" s="12"/>
    </row>
    <row r="88750" spans="8:8">
      <c r="H88750" s="12"/>
    </row>
    <row r="88751" spans="8:8">
      <c r="H88751" s="12"/>
    </row>
    <row r="88752" spans="8:8">
      <c r="H88752" s="12"/>
    </row>
    <row r="88753" spans="8:8">
      <c r="H88753" s="12"/>
    </row>
    <row r="88754" spans="8:8">
      <c r="H88754" s="12"/>
    </row>
    <row r="88755" spans="8:8">
      <c r="H88755" s="12"/>
    </row>
    <row r="88756" spans="8:8">
      <c r="H88756" s="12"/>
    </row>
    <row r="88757" spans="8:8">
      <c r="H88757" s="12"/>
    </row>
    <row r="88758" spans="8:8">
      <c r="H88758" s="12"/>
    </row>
    <row r="88759" spans="8:8">
      <c r="H88759" s="12"/>
    </row>
    <row r="88760" spans="8:8">
      <c r="H88760" s="12"/>
    </row>
    <row r="88761" spans="8:8">
      <c r="H88761" s="12"/>
    </row>
    <row r="88762" spans="8:8">
      <c r="H88762" s="12"/>
    </row>
    <row r="88763" spans="8:8">
      <c r="H88763" s="12"/>
    </row>
    <row r="88764" spans="8:8">
      <c r="H88764" s="12"/>
    </row>
    <row r="88765" spans="8:8">
      <c r="H88765" s="12"/>
    </row>
    <row r="88766" spans="8:8">
      <c r="H88766" s="12"/>
    </row>
    <row r="88767" spans="8:8">
      <c r="H88767" s="12"/>
    </row>
    <row r="88768" spans="8:8">
      <c r="H88768" s="12"/>
    </row>
    <row r="88769" spans="8:8">
      <c r="H88769" s="12"/>
    </row>
    <row r="88770" spans="8:8">
      <c r="H88770" s="12"/>
    </row>
    <row r="88771" spans="8:8">
      <c r="H88771" s="12"/>
    </row>
    <row r="88772" spans="8:8">
      <c r="H88772" s="12"/>
    </row>
    <row r="88773" spans="8:8">
      <c r="H88773" s="12"/>
    </row>
    <row r="88774" spans="8:8">
      <c r="H88774" s="12"/>
    </row>
    <row r="88775" spans="8:8">
      <c r="H88775" s="12"/>
    </row>
    <row r="88776" spans="8:8">
      <c r="H88776" s="12"/>
    </row>
    <row r="88777" spans="8:8">
      <c r="H88777" s="12"/>
    </row>
    <row r="88778" spans="8:8">
      <c r="H88778" s="12"/>
    </row>
    <row r="88779" spans="8:8">
      <c r="H88779" s="12"/>
    </row>
    <row r="88780" spans="8:8">
      <c r="H88780" s="12"/>
    </row>
    <row r="88781" spans="8:8">
      <c r="H88781" s="12"/>
    </row>
    <row r="88782" spans="8:8">
      <c r="H88782" s="12"/>
    </row>
    <row r="88783" spans="8:8">
      <c r="H88783" s="12"/>
    </row>
    <row r="88784" spans="8:8">
      <c r="H88784" s="12"/>
    </row>
    <row r="88785" spans="8:8">
      <c r="H88785" s="12"/>
    </row>
    <row r="88786" spans="8:8">
      <c r="H88786" s="12"/>
    </row>
    <row r="88787" spans="8:8">
      <c r="H88787" s="12"/>
    </row>
    <row r="88788" spans="8:8">
      <c r="H88788" s="12"/>
    </row>
    <row r="88789" spans="8:8">
      <c r="H88789" s="12"/>
    </row>
    <row r="88790" spans="8:8">
      <c r="H88790" s="12"/>
    </row>
    <row r="88791" spans="8:8">
      <c r="H88791" s="12"/>
    </row>
    <row r="88792" spans="8:8">
      <c r="H88792" s="12"/>
    </row>
    <row r="88793" spans="8:8">
      <c r="H88793" s="12"/>
    </row>
    <row r="88794" spans="8:8">
      <c r="H88794" s="12"/>
    </row>
    <row r="88795" spans="8:8">
      <c r="H88795" s="12"/>
    </row>
    <row r="88796" spans="8:8">
      <c r="H88796" s="12"/>
    </row>
    <row r="88797" spans="8:8">
      <c r="H88797" s="12"/>
    </row>
    <row r="88798" spans="8:8">
      <c r="H88798" s="12"/>
    </row>
    <row r="88799" spans="8:8">
      <c r="H88799" s="12"/>
    </row>
    <row r="88800" spans="8:8">
      <c r="H88800" s="12"/>
    </row>
    <row r="88801" spans="8:8">
      <c r="H88801" s="12"/>
    </row>
    <row r="88802" spans="8:8">
      <c r="H88802" s="12"/>
    </row>
    <row r="88803" spans="8:8">
      <c r="H88803" s="12"/>
    </row>
    <row r="88804" spans="8:8">
      <c r="H88804" s="12"/>
    </row>
    <row r="88805" spans="8:8">
      <c r="H88805" s="12"/>
    </row>
    <row r="88806" spans="8:8">
      <c r="H88806" s="12"/>
    </row>
    <row r="88807" spans="8:8">
      <c r="H88807" s="12"/>
    </row>
    <row r="88808" spans="8:8">
      <c r="H88808" s="12"/>
    </row>
    <row r="88809" spans="8:8">
      <c r="H88809" s="12"/>
    </row>
    <row r="88810" spans="8:8">
      <c r="H88810" s="12"/>
    </row>
    <row r="88811" spans="8:8">
      <c r="H88811" s="12"/>
    </row>
    <row r="88812" spans="8:8">
      <c r="H88812" s="12"/>
    </row>
    <row r="88813" spans="8:8">
      <c r="H88813" s="12"/>
    </row>
    <row r="88814" spans="8:8">
      <c r="H88814" s="12"/>
    </row>
    <row r="88815" spans="8:8">
      <c r="H88815" s="12"/>
    </row>
    <row r="88816" spans="8:8">
      <c r="H88816" s="12"/>
    </row>
    <row r="88817" spans="8:8">
      <c r="H88817" s="12"/>
    </row>
    <row r="88818" spans="8:8">
      <c r="H88818" s="12"/>
    </row>
    <row r="88819" spans="8:8">
      <c r="H88819" s="12"/>
    </row>
    <row r="88820" spans="8:8">
      <c r="H88820" s="12"/>
    </row>
    <row r="88821" spans="8:8">
      <c r="H88821" s="12"/>
    </row>
    <row r="88822" spans="8:8">
      <c r="H88822" s="12"/>
    </row>
    <row r="88823" spans="8:8">
      <c r="H88823" s="12"/>
    </row>
    <row r="88824" spans="8:8">
      <c r="H88824" s="12"/>
    </row>
    <row r="88825" spans="8:8">
      <c r="H88825" s="12"/>
    </row>
    <row r="88826" spans="8:8">
      <c r="H88826" s="12"/>
    </row>
    <row r="88827" spans="8:8">
      <c r="H88827" s="12"/>
    </row>
    <row r="88828" spans="8:8">
      <c r="H88828" s="12"/>
    </row>
    <row r="88829" spans="8:8">
      <c r="H88829" s="12"/>
    </row>
    <row r="88830" spans="8:8">
      <c r="H88830" s="12"/>
    </row>
    <row r="88831" spans="8:8">
      <c r="H88831" s="12"/>
    </row>
    <row r="88832" spans="8:8">
      <c r="H88832" s="12"/>
    </row>
    <row r="88833" spans="8:8">
      <c r="H88833" s="12"/>
    </row>
    <row r="88834" spans="8:8">
      <c r="H88834" s="12"/>
    </row>
    <row r="88835" spans="8:8">
      <c r="H88835" s="12"/>
    </row>
    <row r="88836" spans="8:8">
      <c r="H88836" s="12"/>
    </row>
    <row r="88837" spans="8:8">
      <c r="H88837" s="12"/>
    </row>
    <row r="88838" spans="8:8">
      <c r="H88838" s="12"/>
    </row>
    <row r="88839" spans="8:8">
      <c r="H88839" s="12"/>
    </row>
    <row r="88840" spans="8:8">
      <c r="H88840" s="12"/>
    </row>
    <row r="88841" spans="8:8">
      <c r="H88841" s="12"/>
    </row>
    <row r="88842" spans="8:8">
      <c r="H88842" s="12"/>
    </row>
    <row r="88843" spans="8:8">
      <c r="H88843" s="12"/>
    </row>
    <row r="88844" spans="8:8">
      <c r="H88844" s="12"/>
    </row>
    <row r="88845" spans="8:8">
      <c r="H88845" s="12"/>
    </row>
    <row r="88846" spans="8:8">
      <c r="H88846" s="12"/>
    </row>
    <row r="88847" spans="8:8">
      <c r="H88847" s="12"/>
    </row>
    <row r="88848" spans="8:8">
      <c r="H88848" s="12"/>
    </row>
    <row r="88849" spans="8:8">
      <c r="H88849" s="12"/>
    </row>
    <row r="88850" spans="8:8">
      <c r="H88850" s="12"/>
    </row>
    <row r="88851" spans="8:8">
      <c r="H88851" s="12"/>
    </row>
    <row r="88852" spans="8:8">
      <c r="H88852" s="12"/>
    </row>
    <row r="88853" spans="8:8">
      <c r="H88853" s="12"/>
    </row>
    <row r="88854" spans="8:8">
      <c r="H88854" s="12"/>
    </row>
    <row r="88855" spans="8:8">
      <c r="H88855" s="12"/>
    </row>
    <row r="88856" spans="8:8">
      <c r="H88856" s="12"/>
    </row>
    <row r="88857" spans="8:8">
      <c r="H88857" s="12"/>
    </row>
    <row r="88858" spans="8:8">
      <c r="H88858" s="12"/>
    </row>
    <row r="88859" spans="8:8">
      <c r="H88859" s="12"/>
    </row>
    <row r="88860" spans="8:8">
      <c r="H88860" s="12"/>
    </row>
    <row r="88861" spans="8:8">
      <c r="H88861" s="12"/>
    </row>
    <row r="88862" spans="8:8">
      <c r="H88862" s="12"/>
    </row>
    <row r="88863" spans="8:8">
      <c r="H88863" s="12"/>
    </row>
    <row r="88864" spans="8:8">
      <c r="H88864" s="12"/>
    </row>
    <row r="88865" spans="8:8">
      <c r="H88865" s="12"/>
    </row>
    <row r="88866" spans="8:8">
      <c r="H88866" s="12"/>
    </row>
    <row r="88867" spans="8:8">
      <c r="H88867" s="12"/>
    </row>
    <row r="88868" spans="8:8">
      <c r="H88868" s="12"/>
    </row>
    <row r="88869" spans="8:8">
      <c r="H88869" s="12"/>
    </row>
    <row r="88870" spans="8:8">
      <c r="H88870" s="12"/>
    </row>
    <row r="88871" spans="8:8">
      <c r="H88871" s="12"/>
    </row>
    <row r="88872" spans="8:8">
      <c r="H88872" s="12"/>
    </row>
    <row r="88873" spans="8:8">
      <c r="H88873" s="12"/>
    </row>
    <row r="88874" spans="8:8">
      <c r="H88874" s="12"/>
    </row>
    <row r="88875" spans="8:8">
      <c r="H88875" s="12"/>
    </row>
    <row r="88876" spans="8:8">
      <c r="H88876" s="12"/>
    </row>
    <row r="88877" spans="8:8">
      <c r="H88877" s="12"/>
    </row>
    <row r="88878" spans="8:8">
      <c r="H88878" s="12"/>
    </row>
    <row r="88879" spans="8:8">
      <c r="H88879" s="12"/>
    </row>
    <row r="88880" spans="8:8">
      <c r="H88880" s="12"/>
    </row>
    <row r="88881" spans="8:8">
      <c r="H88881" s="12"/>
    </row>
    <row r="88882" spans="8:8">
      <c r="H88882" s="12"/>
    </row>
    <row r="88883" spans="8:8">
      <c r="H88883" s="12"/>
    </row>
    <row r="88884" spans="8:8">
      <c r="H88884" s="12"/>
    </row>
    <row r="88885" spans="8:8">
      <c r="H88885" s="12"/>
    </row>
    <row r="88886" spans="8:8">
      <c r="H88886" s="12"/>
    </row>
    <row r="88887" spans="8:8">
      <c r="H88887" s="12"/>
    </row>
    <row r="88888" spans="8:8">
      <c r="H88888" s="12"/>
    </row>
    <row r="88889" spans="8:8">
      <c r="H88889" s="12"/>
    </row>
    <row r="88890" spans="8:8">
      <c r="H88890" s="12"/>
    </row>
    <row r="88891" spans="8:8">
      <c r="H88891" s="12"/>
    </row>
    <row r="88892" spans="8:8">
      <c r="H88892" s="12"/>
    </row>
    <row r="88893" spans="8:8">
      <c r="H88893" s="12"/>
    </row>
    <row r="88894" spans="8:8">
      <c r="H88894" s="12"/>
    </row>
    <row r="88895" spans="8:8">
      <c r="H88895" s="12"/>
    </row>
    <row r="88896" spans="8:8">
      <c r="H88896" s="12"/>
    </row>
    <row r="88897" spans="8:8">
      <c r="H88897" s="12"/>
    </row>
    <row r="88898" spans="8:8">
      <c r="H88898" s="12"/>
    </row>
    <row r="88899" spans="8:8">
      <c r="H88899" s="12"/>
    </row>
    <row r="88900" spans="8:8">
      <c r="H88900" s="12"/>
    </row>
    <row r="88901" spans="8:8">
      <c r="H88901" s="12"/>
    </row>
    <row r="88902" spans="8:8">
      <c r="H88902" s="12"/>
    </row>
    <row r="88903" spans="8:8">
      <c r="H88903" s="12"/>
    </row>
    <row r="88904" spans="8:8">
      <c r="H88904" s="12"/>
    </row>
    <row r="88905" spans="8:8">
      <c r="H88905" s="12"/>
    </row>
    <row r="88906" spans="8:8">
      <c r="H88906" s="12"/>
    </row>
    <row r="88907" spans="8:8">
      <c r="H88907" s="12"/>
    </row>
    <row r="88908" spans="8:8">
      <c r="H88908" s="12"/>
    </row>
    <row r="88909" spans="8:8">
      <c r="H88909" s="12"/>
    </row>
    <row r="88910" spans="8:8">
      <c r="H88910" s="12"/>
    </row>
    <row r="88911" spans="8:8">
      <c r="H88911" s="12"/>
    </row>
    <row r="88912" spans="8:8">
      <c r="H88912" s="12"/>
    </row>
    <row r="88913" spans="8:8">
      <c r="H88913" s="12"/>
    </row>
    <row r="88914" spans="8:8">
      <c r="H88914" s="12"/>
    </row>
    <row r="88915" spans="8:8">
      <c r="H88915" s="12"/>
    </row>
    <row r="88916" spans="8:8">
      <c r="H88916" s="12"/>
    </row>
    <row r="88917" spans="8:8">
      <c r="H88917" s="12"/>
    </row>
    <row r="88918" spans="8:8">
      <c r="H88918" s="12"/>
    </row>
    <row r="88919" spans="8:8">
      <c r="H88919" s="12"/>
    </row>
    <row r="88920" spans="8:8">
      <c r="H88920" s="12"/>
    </row>
    <row r="88921" spans="8:8">
      <c r="H88921" s="12"/>
    </row>
    <row r="88922" spans="8:8">
      <c r="H88922" s="12"/>
    </row>
    <row r="88923" spans="8:8">
      <c r="H88923" s="12"/>
    </row>
    <row r="88924" spans="8:8">
      <c r="H88924" s="12"/>
    </row>
    <row r="88925" spans="8:8">
      <c r="H88925" s="12"/>
    </row>
    <row r="88926" spans="8:8">
      <c r="H88926" s="12"/>
    </row>
    <row r="88927" spans="8:8">
      <c r="H88927" s="12"/>
    </row>
    <row r="88928" spans="8:8">
      <c r="H88928" s="12"/>
    </row>
    <row r="88929" spans="8:8">
      <c r="H88929" s="12"/>
    </row>
    <row r="88930" spans="8:8">
      <c r="H88930" s="12"/>
    </row>
    <row r="88931" spans="8:8">
      <c r="H88931" s="12"/>
    </row>
    <row r="88932" spans="8:8">
      <c r="H88932" s="12"/>
    </row>
    <row r="88933" spans="8:8">
      <c r="H88933" s="12"/>
    </row>
    <row r="88934" spans="8:8">
      <c r="H88934" s="12"/>
    </row>
    <row r="88935" spans="8:8">
      <c r="H88935" s="12"/>
    </row>
    <row r="88936" spans="8:8">
      <c r="H88936" s="12"/>
    </row>
    <row r="88937" spans="8:8">
      <c r="H88937" s="12"/>
    </row>
    <row r="88938" spans="8:8">
      <c r="H88938" s="12"/>
    </row>
    <row r="88939" spans="8:8">
      <c r="H88939" s="12"/>
    </row>
    <row r="88940" spans="8:8">
      <c r="H88940" s="12"/>
    </row>
    <row r="88941" spans="8:8">
      <c r="H88941" s="12"/>
    </row>
    <row r="88942" spans="8:8">
      <c r="H88942" s="12"/>
    </row>
    <row r="88943" spans="8:8">
      <c r="H88943" s="12"/>
    </row>
    <row r="88944" spans="8:8">
      <c r="H88944" s="12"/>
    </row>
    <row r="88945" spans="8:8">
      <c r="H88945" s="12"/>
    </row>
    <row r="88946" spans="8:8">
      <c r="H88946" s="12"/>
    </row>
    <row r="88947" spans="8:8">
      <c r="H88947" s="12"/>
    </row>
    <row r="88948" spans="8:8">
      <c r="H88948" s="12"/>
    </row>
    <row r="88949" spans="8:8">
      <c r="H88949" s="12"/>
    </row>
    <row r="88950" spans="8:8">
      <c r="H88950" s="12"/>
    </row>
    <row r="88951" spans="8:8">
      <c r="H88951" s="12"/>
    </row>
    <row r="88952" spans="8:8">
      <c r="H88952" s="12"/>
    </row>
    <row r="88953" spans="8:8">
      <c r="H88953" s="12"/>
    </row>
    <row r="88954" spans="8:8">
      <c r="H88954" s="12"/>
    </row>
    <row r="88955" spans="8:8">
      <c r="H88955" s="12"/>
    </row>
    <row r="88956" spans="8:8">
      <c r="H88956" s="12"/>
    </row>
    <row r="88957" spans="8:8">
      <c r="H88957" s="12"/>
    </row>
    <row r="88958" spans="8:8">
      <c r="H88958" s="12"/>
    </row>
    <row r="88959" spans="8:8">
      <c r="H88959" s="12"/>
    </row>
    <row r="88960" spans="8:8">
      <c r="H88960" s="12"/>
    </row>
    <row r="88961" spans="8:8">
      <c r="H88961" s="12"/>
    </row>
    <row r="88962" spans="8:8">
      <c r="H88962" s="12"/>
    </row>
    <row r="88963" spans="8:8">
      <c r="H88963" s="12"/>
    </row>
    <row r="88964" spans="8:8">
      <c r="H88964" s="12"/>
    </row>
    <row r="88965" spans="8:8">
      <c r="H88965" s="12"/>
    </row>
    <row r="88966" spans="8:8">
      <c r="H88966" s="12"/>
    </row>
    <row r="88967" spans="8:8">
      <c r="H88967" s="12"/>
    </row>
    <row r="88968" spans="8:8">
      <c r="H88968" s="12"/>
    </row>
    <row r="88969" spans="8:8">
      <c r="H88969" s="12"/>
    </row>
    <row r="88970" spans="8:8">
      <c r="H88970" s="12"/>
    </row>
    <row r="88971" spans="8:8">
      <c r="H88971" s="12"/>
    </row>
    <row r="88972" spans="8:8">
      <c r="H88972" s="12"/>
    </row>
    <row r="88973" spans="8:8">
      <c r="H88973" s="12"/>
    </row>
    <row r="88974" spans="8:8">
      <c r="H88974" s="12"/>
    </row>
    <row r="88975" spans="8:8">
      <c r="H88975" s="12"/>
    </row>
    <row r="88976" spans="8:8">
      <c r="H88976" s="12"/>
    </row>
    <row r="88977" spans="8:8">
      <c r="H88977" s="12"/>
    </row>
    <row r="88978" spans="8:8">
      <c r="H88978" s="12"/>
    </row>
    <row r="88979" spans="8:8">
      <c r="H88979" s="12"/>
    </row>
    <row r="88980" spans="8:8">
      <c r="H88980" s="12"/>
    </row>
    <row r="88981" spans="8:8">
      <c r="H88981" s="12"/>
    </row>
    <row r="88982" spans="8:8">
      <c r="H88982" s="12"/>
    </row>
    <row r="88983" spans="8:8">
      <c r="H88983" s="12"/>
    </row>
    <row r="88984" spans="8:8">
      <c r="H88984" s="12"/>
    </row>
    <row r="88985" spans="8:8">
      <c r="H88985" s="12"/>
    </row>
    <row r="88986" spans="8:8">
      <c r="H88986" s="12"/>
    </row>
    <row r="88987" spans="8:8">
      <c r="H88987" s="12"/>
    </row>
    <row r="88988" spans="8:8">
      <c r="H88988" s="12"/>
    </row>
    <row r="88989" spans="8:8">
      <c r="H88989" s="12"/>
    </row>
    <row r="88990" spans="8:8">
      <c r="H88990" s="12"/>
    </row>
    <row r="88991" spans="8:8">
      <c r="H88991" s="12"/>
    </row>
    <row r="88992" spans="8:8">
      <c r="H88992" s="12"/>
    </row>
    <row r="88993" spans="8:8">
      <c r="H88993" s="12"/>
    </row>
    <row r="88994" spans="8:8">
      <c r="H88994" s="12"/>
    </row>
    <row r="88995" spans="8:8">
      <c r="H88995" s="12"/>
    </row>
    <row r="88996" spans="8:8">
      <c r="H88996" s="12"/>
    </row>
    <row r="88997" spans="8:8">
      <c r="H88997" s="12"/>
    </row>
    <row r="88998" spans="8:8">
      <c r="H88998" s="12"/>
    </row>
    <row r="88999" spans="8:8">
      <c r="H88999" s="12"/>
    </row>
    <row r="89000" spans="8:8">
      <c r="H89000" s="12"/>
    </row>
    <row r="89001" spans="8:8">
      <c r="H89001" s="12"/>
    </row>
    <row r="89002" spans="8:8">
      <c r="H89002" s="12"/>
    </row>
    <row r="89003" spans="8:8">
      <c r="H89003" s="12"/>
    </row>
    <row r="89004" spans="8:8">
      <c r="H89004" s="12"/>
    </row>
    <row r="89005" spans="8:8">
      <c r="H89005" s="12"/>
    </row>
    <row r="89006" spans="8:8">
      <c r="H89006" s="12"/>
    </row>
    <row r="89007" spans="8:8">
      <c r="H89007" s="12"/>
    </row>
    <row r="89008" spans="8:8">
      <c r="H89008" s="12"/>
    </row>
    <row r="89009" spans="8:8">
      <c r="H89009" s="12"/>
    </row>
    <row r="89010" spans="8:8">
      <c r="H89010" s="12"/>
    </row>
    <row r="89011" spans="8:8">
      <c r="H89011" s="12"/>
    </row>
    <row r="89012" spans="8:8">
      <c r="H89012" s="12"/>
    </row>
    <row r="89013" spans="8:8">
      <c r="H89013" s="12"/>
    </row>
    <row r="89014" spans="8:8">
      <c r="H89014" s="12"/>
    </row>
    <row r="89015" spans="8:8">
      <c r="H89015" s="12"/>
    </row>
    <row r="89016" spans="8:8">
      <c r="H89016" s="12"/>
    </row>
    <row r="89017" spans="8:8">
      <c r="H89017" s="12"/>
    </row>
    <row r="89018" spans="8:8">
      <c r="H89018" s="12"/>
    </row>
    <row r="89019" spans="8:8">
      <c r="H89019" s="12"/>
    </row>
    <row r="89020" spans="8:8">
      <c r="H89020" s="12"/>
    </row>
    <row r="89021" spans="8:8">
      <c r="H89021" s="12"/>
    </row>
    <row r="89022" spans="8:8">
      <c r="H89022" s="12"/>
    </row>
    <row r="89023" spans="8:8">
      <c r="H89023" s="12"/>
    </row>
    <row r="89024" spans="8:8">
      <c r="H89024" s="12"/>
    </row>
    <row r="89025" spans="8:8">
      <c r="H89025" s="12"/>
    </row>
    <row r="89026" spans="8:8">
      <c r="H89026" s="12"/>
    </row>
    <row r="89027" spans="8:8">
      <c r="H89027" s="12"/>
    </row>
    <row r="89028" spans="8:8">
      <c r="H89028" s="12"/>
    </row>
    <row r="89029" spans="8:8">
      <c r="H89029" s="12"/>
    </row>
    <row r="89030" spans="8:8">
      <c r="H89030" s="12"/>
    </row>
    <row r="89031" spans="8:8">
      <c r="H89031" s="12"/>
    </row>
    <row r="89032" spans="8:8">
      <c r="H89032" s="12"/>
    </row>
    <row r="89033" spans="8:8">
      <c r="H89033" s="12"/>
    </row>
    <row r="89034" spans="8:8">
      <c r="H89034" s="12"/>
    </row>
    <row r="89035" spans="8:8">
      <c r="H89035" s="12"/>
    </row>
    <row r="89036" spans="8:8">
      <c r="H89036" s="12"/>
    </row>
    <row r="89037" spans="8:8">
      <c r="H89037" s="12"/>
    </row>
    <row r="89038" spans="8:8">
      <c r="H89038" s="12"/>
    </row>
    <row r="89039" spans="8:8">
      <c r="H89039" s="12"/>
    </row>
    <row r="89040" spans="8:8">
      <c r="H89040" s="12"/>
    </row>
    <row r="89041" spans="8:8">
      <c r="H89041" s="12"/>
    </row>
    <row r="89042" spans="8:8">
      <c r="H89042" s="12"/>
    </row>
    <row r="89043" spans="8:8">
      <c r="H89043" s="12"/>
    </row>
    <row r="89044" spans="8:8">
      <c r="H89044" s="12"/>
    </row>
    <row r="89045" spans="8:8">
      <c r="H89045" s="12"/>
    </row>
    <row r="89046" spans="8:8">
      <c r="H89046" s="12"/>
    </row>
    <row r="89047" spans="8:8">
      <c r="H89047" s="12"/>
    </row>
    <row r="89048" spans="8:8">
      <c r="H89048" s="12"/>
    </row>
    <row r="89049" spans="8:8">
      <c r="H89049" s="12"/>
    </row>
    <row r="89050" spans="8:8">
      <c r="H89050" s="12"/>
    </row>
    <row r="89051" spans="8:8">
      <c r="H89051" s="12"/>
    </row>
    <row r="89052" spans="8:8">
      <c r="H89052" s="12"/>
    </row>
    <row r="89053" spans="8:8">
      <c r="H89053" s="12"/>
    </row>
    <row r="89054" spans="8:8">
      <c r="H89054" s="12"/>
    </row>
    <row r="89055" spans="8:8">
      <c r="H89055" s="12"/>
    </row>
    <row r="89056" spans="8:8">
      <c r="H89056" s="12"/>
    </row>
    <row r="89057" spans="8:8">
      <c r="H89057" s="12"/>
    </row>
    <row r="89058" spans="8:8">
      <c r="H89058" s="12"/>
    </row>
    <row r="89059" spans="8:8">
      <c r="H89059" s="12"/>
    </row>
    <row r="89060" spans="8:8">
      <c r="H89060" s="12"/>
    </row>
    <row r="89061" spans="8:8">
      <c r="H89061" s="12"/>
    </row>
    <row r="89062" spans="8:8">
      <c r="H89062" s="12"/>
    </row>
    <row r="89063" spans="8:8">
      <c r="H89063" s="12"/>
    </row>
    <row r="89064" spans="8:8">
      <c r="H89064" s="12"/>
    </row>
    <row r="89065" spans="8:8">
      <c r="H89065" s="12"/>
    </row>
    <row r="89066" spans="8:8">
      <c r="H89066" s="12"/>
    </row>
    <row r="89067" spans="8:8">
      <c r="H89067" s="12"/>
    </row>
    <row r="89068" spans="8:8">
      <c r="H89068" s="12"/>
    </row>
    <row r="89069" spans="8:8">
      <c r="H89069" s="12"/>
    </row>
    <row r="89070" spans="8:8">
      <c r="H89070" s="12"/>
    </row>
    <row r="89071" spans="8:8">
      <c r="H89071" s="12"/>
    </row>
    <row r="89072" spans="8:8">
      <c r="H89072" s="12"/>
    </row>
    <row r="89073" spans="8:8">
      <c r="H89073" s="12"/>
    </row>
    <row r="89074" spans="8:8">
      <c r="H89074" s="12"/>
    </row>
    <row r="89075" spans="8:8">
      <c r="H89075" s="12"/>
    </row>
    <row r="89076" spans="8:8">
      <c r="H89076" s="12"/>
    </row>
    <row r="89077" spans="8:8">
      <c r="H89077" s="12"/>
    </row>
    <row r="89078" spans="8:8">
      <c r="H89078" s="12"/>
    </row>
    <row r="89079" spans="8:8">
      <c r="H89079" s="12"/>
    </row>
    <row r="89080" spans="8:8">
      <c r="H89080" s="12"/>
    </row>
    <row r="89081" spans="8:8">
      <c r="H89081" s="12"/>
    </row>
    <row r="89082" spans="8:8">
      <c r="H89082" s="12"/>
    </row>
    <row r="89083" spans="8:8">
      <c r="H89083" s="12"/>
    </row>
    <row r="89084" spans="8:8">
      <c r="H89084" s="12"/>
    </row>
    <row r="89085" spans="8:8">
      <c r="H89085" s="12"/>
    </row>
    <row r="89086" spans="8:8">
      <c r="H89086" s="12"/>
    </row>
    <row r="89087" spans="8:8">
      <c r="H89087" s="12"/>
    </row>
    <row r="89088" spans="8:8">
      <c r="H89088" s="12"/>
    </row>
    <row r="89089" spans="8:8">
      <c r="H89089" s="12"/>
    </row>
    <row r="89090" spans="8:8">
      <c r="H89090" s="12"/>
    </row>
    <row r="89091" spans="8:8">
      <c r="H89091" s="12"/>
    </row>
    <row r="89092" spans="8:8">
      <c r="H89092" s="12"/>
    </row>
    <row r="89093" spans="8:8">
      <c r="H89093" s="12"/>
    </row>
    <row r="89094" spans="8:8">
      <c r="H89094" s="12"/>
    </row>
    <row r="89095" spans="8:8">
      <c r="H89095" s="12"/>
    </row>
    <row r="89096" spans="8:8">
      <c r="H89096" s="12"/>
    </row>
    <row r="89097" spans="8:8">
      <c r="H89097" s="12"/>
    </row>
    <row r="89098" spans="8:8">
      <c r="H89098" s="12"/>
    </row>
    <row r="89099" spans="8:8">
      <c r="H89099" s="12"/>
    </row>
    <row r="89100" spans="8:8">
      <c r="H89100" s="12"/>
    </row>
    <row r="89101" spans="8:8">
      <c r="H89101" s="12"/>
    </row>
    <row r="89102" spans="8:8">
      <c r="H89102" s="12"/>
    </row>
    <row r="89103" spans="8:8">
      <c r="H89103" s="12"/>
    </row>
    <row r="89104" spans="8:8">
      <c r="H89104" s="12"/>
    </row>
    <row r="89105" spans="8:8">
      <c r="H89105" s="12"/>
    </row>
    <row r="89106" spans="8:8">
      <c r="H89106" s="12"/>
    </row>
    <row r="89107" spans="8:8">
      <c r="H89107" s="12"/>
    </row>
    <row r="89108" spans="8:8">
      <c r="H89108" s="12"/>
    </row>
    <row r="89109" spans="8:8">
      <c r="H89109" s="12"/>
    </row>
    <row r="89110" spans="8:8">
      <c r="H89110" s="12"/>
    </row>
    <row r="89111" spans="8:8">
      <c r="H89111" s="12"/>
    </row>
    <row r="89112" spans="8:8">
      <c r="H89112" s="12"/>
    </row>
    <row r="89113" spans="8:8">
      <c r="H89113" s="12"/>
    </row>
    <row r="89114" spans="8:8">
      <c r="H89114" s="12"/>
    </row>
    <row r="89115" spans="8:8">
      <c r="H89115" s="12"/>
    </row>
    <row r="89116" spans="8:8">
      <c r="H89116" s="12"/>
    </row>
    <row r="89117" spans="8:8">
      <c r="H89117" s="12"/>
    </row>
    <row r="89118" spans="8:8">
      <c r="H89118" s="12"/>
    </row>
    <row r="89119" spans="8:8">
      <c r="H89119" s="12"/>
    </row>
    <row r="89120" spans="8:8">
      <c r="H89120" s="12"/>
    </row>
    <row r="89121" spans="8:8">
      <c r="H89121" s="12"/>
    </row>
    <row r="89122" spans="8:8">
      <c r="H89122" s="12"/>
    </row>
    <row r="89123" spans="8:8">
      <c r="H89123" s="12"/>
    </row>
    <row r="89124" spans="8:8">
      <c r="H89124" s="12"/>
    </row>
    <row r="89125" spans="8:8">
      <c r="H89125" s="12"/>
    </row>
    <row r="89126" spans="8:8">
      <c r="H89126" s="12"/>
    </row>
    <row r="89127" spans="8:8">
      <c r="H89127" s="12"/>
    </row>
    <row r="89128" spans="8:8">
      <c r="H89128" s="12"/>
    </row>
    <row r="89129" spans="8:8">
      <c r="H89129" s="12"/>
    </row>
    <row r="89130" spans="8:8">
      <c r="H89130" s="12"/>
    </row>
    <row r="89131" spans="8:8">
      <c r="H89131" s="12"/>
    </row>
    <row r="89132" spans="8:8">
      <c r="H89132" s="12"/>
    </row>
    <row r="89133" spans="8:8">
      <c r="H89133" s="12"/>
    </row>
    <row r="89134" spans="8:8">
      <c r="H89134" s="12"/>
    </row>
    <row r="89135" spans="8:8">
      <c r="H89135" s="12"/>
    </row>
    <row r="89136" spans="8:8">
      <c r="H89136" s="12"/>
    </row>
    <row r="89137" spans="8:8">
      <c r="H89137" s="12"/>
    </row>
    <row r="89138" spans="8:8">
      <c r="H89138" s="12"/>
    </row>
    <row r="89139" spans="8:8">
      <c r="H89139" s="12"/>
    </row>
    <row r="89140" spans="8:8">
      <c r="H89140" s="12"/>
    </row>
    <row r="89141" spans="8:8">
      <c r="H89141" s="12"/>
    </row>
    <row r="89142" spans="8:8">
      <c r="H89142" s="12"/>
    </row>
    <row r="89143" spans="8:8">
      <c r="H89143" s="12"/>
    </row>
    <row r="89144" spans="8:8">
      <c r="H89144" s="12"/>
    </row>
    <row r="89145" spans="8:8">
      <c r="H89145" s="12"/>
    </row>
    <row r="89146" spans="8:8">
      <c r="H89146" s="12"/>
    </row>
    <row r="89147" spans="8:8">
      <c r="H89147" s="12"/>
    </row>
    <row r="89148" spans="8:8">
      <c r="H89148" s="12"/>
    </row>
    <row r="89149" spans="8:8">
      <c r="H89149" s="12"/>
    </row>
    <row r="89150" spans="8:8">
      <c r="H89150" s="12"/>
    </row>
    <row r="89151" spans="8:8">
      <c r="H89151" s="12"/>
    </row>
    <row r="89152" spans="8:8">
      <c r="H89152" s="12"/>
    </row>
    <row r="89153" spans="8:8">
      <c r="H89153" s="12"/>
    </row>
    <row r="89154" spans="8:8">
      <c r="H89154" s="12"/>
    </row>
    <row r="89155" spans="8:8">
      <c r="H89155" s="12"/>
    </row>
    <row r="89156" spans="8:8">
      <c r="H89156" s="12"/>
    </row>
    <row r="89157" spans="8:8">
      <c r="H89157" s="12"/>
    </row>
    <row r="89158" spans="8:8">
      <c r="H89158" s="12"/>
    </row>
    <row r="89159" spans="8:8">
      <c r="H89159" s="12"/>
    </row>
    <row r="89160" spans="8:8">
      <c r="H89160" s="12"/>
    </row>
    <row r="89161" spans="8:8">
      <c r="H89161" s="12"/>
    </row>
    <row r="89162" spans="8:8">
      <c r="H89162" s="12"/>
    </row>
    <row r="89163" spans="8:8">
      <c r="H89163" s="12"/>
    </row>
    <row r="89164" spans="8:8">
      <c r="H89164" s="12"/>
    </row>
    <row r="89165" spans="8:8">
      <c r="H89165" s="12"/>
    </row>
    <row r="89166" spans="8:8">
      <c r="H89166" s="12"/>
    </row>
    <row r="89167" spans="8:8">
      <c r="H89167" s="12"/>
    </row>
    <row r="89168" spans="8:8">
      <c r="H89168" s="12"/>
    </row>
    <row r="89169" spans="8:8">
      <c r="H89169" s="12"/>
    </row>
    <row r="89170" spans="8:8">
      <c r="H89170" s="12"/>
    </row>
    <row r="89171" spans="8:8">
      <c r="H89171" s="12"/>
    </row>
    <row r="89172" spans="8:8">
      <c r="H89172" s="12"/>
    </row>
    <row r="89173" spans="8:8">
      <c r="H89173" s="12"/>
    </row>
    <row r="89174" spans="8:8">
      <c r="H89174" s="12"/>
    </row>
    <row r="89175" spans="8:8">
      <c r="H89175" s="12"/>
    </row>
    <row r="89176" spans="8:8">
      <c r="H89176" s="12"/>
    </row>
    <row r="89177" spans="8:8">
      <c r="H89177" s="12"/>
    </row>
    <row r="89178" spans="8:8">
      <c r="H89178" s="12"/>
    </row>
    <row r="89179" spans="8:8">
      <c r="H89179" s="12"/>
    </row>
    <row r="89180" spans="8:8">
      <c r="H89180" s="12"/>
    </row>
    <row r="89181" spans="8:8">
      <c r="H89181" s="12"/>
    </row>
    <row r="89182" spans="8:8">
      <c r="H89182" s="12"/>
    </row>
    <row r="89183" spans="8:8">
      <c r="H89183" s="12"/>
    </row>
    <row r="89184" spans="8:8">
      <c r="H89184" s="12"/>
    </row>
    <row r="89185" spans="8:8">
      <c r="H89185" s="12"/>
    </row>
    <row r="89186" spans="8:8">
      <c r="H89186" s="12"/>
    </row>
    <row r="89187" spans="8:8">
      <c r="H89187" s="12"/>
    </row>
    <row r="89188" spans="8:8">
      <c r="H89188" s="12"/>
    </row>
    <row r="89189" spans="8:8">
      <c r="H89189" s="12"/>
    </row>
    <row r="89190" spans="8:8">
      <c r="H89190" s="12"/>
    </row>
    <row r="89191" spans="8:8">
      <c r="H89191" s="12"/>
    </row>
    <row r="89192" spans="8:8">
      <c r="H89192" s="12"/>
    </row>
    <row r="89193" spans="8:8">
      <c r="H89193" s="12"/>
    </row>
    <row r="89194" spans="8:8">
      <c r="H89194" s="12"/>
    </row>
    <row r="89195" spans="8:8">
      <c r="H89195" s="12"/>
    </row>
    <row r="89196" spans="8:8">
      <c r="H89196" s="12"/>
    </row>
    <row r="89197" spans="8:8">
      <c r="H89197" s="12"/>
    </row>
    <row r="89198" spans="8:8">
      <c r="H89198" s="12"/>
    </row>
    <row r="89199" spans="8:8">
      <c r="H89199" s="12"/>
    </row>
    <row r="89200" spans="8:8">
      <c r="H89200" s="12"/>
    </row>
    <row r="89201" spans="8:8">
      <c r="H89201" s="12"/>
    </row>
    <row r="89202" spans="8:8">
      <c r="H89202" s="12"/>
    </row>
    <row r="89203" spans="8:8">
      <c r="H89203" s="12"/>
    </row>
    <row r="89204" spans="8:8">
      <c r="H89204" s="12"/>
    </row>
    <row r="89205" spans="8:8">
      <c r="H89205" s="12"/>
    </row>
    <row r="89206" spans="8:8">
      <c r="H89206" s="12"/>
    </row>
    <row r="89207" spans="8:8">
      <c r="H89207" s="12"/>
    </row>
    <row r="89208" spans="8:8">
      <c r="H89208" s="12"/>
    </row>
    <row r="89209" spans="8:8">
      <c r="H89209" s="12"/>
    </row>
    <row r="89210" spans="8:8">
      <c r="H89210" s="12"/>
    </row>
    <row r="89211" spans="8:8">
      <c r="H89211" s="12"/>
    </row>
    <row r="89212" spans="8:8">
      <c r="H89212" s="12"/>
    </row>
    <row r="89213" spans="8:8">
      <c r="H89213" s="12"/>
    </row>
    <row r="89214" spans="8:8">
      <c r="H89214" s="12"/>
    </row>
    <row r="89215" spans="8:8">
      <c r="H89215" s="12"/>
    </row>
    <row r="89216" spans="8:8">
      <c r="H89216" s="12"/>
    </row>
    <row r="89217" spans="8:8">
      <c r="H89217" s="12"/>
    </row>
    <row r="89218" spans="8:8">
      <c r="H89218" s="12"/>
    </row>
    <row r="89219" spans="8:8">
      <c r="H89219" s="12"/>
    </row>
    <row r="89220" spans="8:8">
      <c r="H89220" s="12"/>
    </row>
    <row r="89221" spans="8:8">
      <c r="H89221" s="12"/>
    </row>
    <row r="89222" spans="8:8">
      <c r="H89222" s="12"/>
    </row>
    <row r="89223" spans="8:8">
      <c r="H89223" s="12"/>
    </row>
    <row r="89224" spans="8:8">
      <c r="H89224" s="12"/>
    </row>
    <row r="89225" spans="8:8">
      <c r="H89225" s="12"/>
    </row>
    <row r="89226" spans="8:8">
      <c r="H89226" s="12"/>
    </row>
    <row r="89227" spans="8:8">
      <c r="H89227" s="12"/>
    </row>
    <row r="89228" spans="8:8">
      <c r="H89228" s="12"/>
    </row>
    <row r="89229" spans="8:8">
      <c r="H89229" s="12"/>
    </row>
    <row r="89230" spans="8:8">
      <c r="H89230" s="12"/>
    </row>
    <row r="89231" spans="8:8">
      <c r="H89231" s="12"/>
    </row>
    <row r="89232" spans="8:8">
      <c r="H89232" s="12"/>
    </row>
    <row r="89233" spans="8:8">
      <c r="H89233" s="12"/>
    </row>
    <row r="89234" spans="8:8">
      <c r="H89234" s="12"/>
    </row>
    <row r="89235" spans="8:8">
      <c r="H89235" s="12"/>
    </row>
    <row r="89236" spans="8:8">
      <c r="H89236" s="12"/>
    </row>
    <row r="89237" spans="8:8">
      <c r="H89237" s="12"/>
    </row>
    <row r="89238" spans="8:8">
      <c r="H89238" s="12"/>
    </row>
    <row r="89239" spans="8:8">
      <c r="H89239" s="12"/>
    </row>
    <row r="89240" spans="8:8">
      <c r="H89240" s="12"/>
    </row>
    <row r="89241" spans="8:8">
      <c r="H89241" s="12"/>
    </row>
    <row r="89242" spans="8:8">
      <c r="H89242" s="12"/>
    </row>
    <row r="89243" spans="8:8">
      <c r="H89243" s="12"/>
    </row>
    <row r="89244" spans="8:8">
      <c r="H89244" s="12"/>
    </row>
    <row r="89245" spans="8:8">
      <c r="H89245" s="12"/>
    </row>
    <row r="89246" spans="8:8">
      <c r="H89246" s="12"/>
    </row>
    <row r="89247" spans="8:8">
      <c r="H89247" s="12"/>
    </row>
    <row r="89248" spans="8:8">
      <c r="H89248" s="12"/>
    </row>
    <row r="89249" spans="8:8">
      <c r="H89249" s="12"/>
    </row>
    <row r="89250" spans="8:8">
      <c r="H89250" s="12"/>
    </row>
    <row r="89251" spans="8:8">
      <c r="H89251" s="12"/>
    </row>
    <row r="89252" spans="8:8">
      <c r="H89252" s="12"/>
    </row>
    <row r="89253" spans="8:8">
      <c r="H89253" s="12"/>
    </row>
    <row r="89254" spans="8:8">
      <c r="H89254" s="12"/>
    </row>
    <row r="89255" spans="8:8">
      <c r="H89255" s="12"/>
    </row>
    <row r="89256" spans="8:8">
      <c r="H89256" s="12"/>
    </row>
    <row r="89257" spans="8:8">
      <c r="H89257" s="12"/>
    </row>
    <row r="89258" spans="8:8">
      <c r="H89258" s="12"/>
    </row>
    <row r="89259" spans="8:8">
      <c r="H89259" s="12"/>
    </row>
    <row r="89260" spans="8:8">
      <c r="H89260" s="12"/>
    </row>
    <row r="89261" spans="8:8">
      <c r="H89261" s="12"/>
    </row>
    <row r="89262" spans="8:8">
      <c r="H89262" s="12"/>
    </row>
    <row r="89263" spans="8:8">
      <c r="H89263" s="12"/>
    </row>
    <row r="89264" spans="8:8">
      <c r="H89264" s="12"/>
    </row>
    <row r="89265" spans="8:8">
      <c r="H89265" s="12"/>
    </row>
    <row r="89266" spans="8:8">
      <c r="H89266" s="12"/>
    </row>
    <row r="89267" spans="8:8">
      <c r="H89267" s="12"/>
    </row>
    <row r="89268" spans="8:8">
      <c r="H89268" s="12"/>
    </row>
    <row r="89269" spans="8:8">
      <c r="H89269" s="12"/>
    </row>
    <row r="89270" spans="8:8">
      <c r="H89270" s="12"/>
    </row>
    <row r="89271" spans="8:8">
      <c r="H89271" s="12"/>
    </row>
    <row r="89272" spans="8:8">
      <c r="H89272" s="12"/>
    </row>
    <row r="89273" spans="8:8">
      <c r="H89273" s="12"/>
    </row>
    <row r="89274" spans="8:8">
      <c r="H89274" s="12"/>
    </row>
    <row r="89275" spans="8:8">
      <c r="H89275" s="12"/>
    </row>
    <row r="89276" spans="8:8">
      <c r="H89276" s="12"/>
    </row>
    <row r="89277" spans="8:8">
      <c r="H89277" s="12"/>
    </row>
    <row r="89278" spans="8:8">
      <c r="H89278" s="12"/>
    </row>
    <row r="89279" spans="8:8">
      <c r="H89279" s="12"/>
    </row>
    <row r="89280" spans="8:8">
      <c r="H89280" s="12"/>
    </row>
    <row r="89281" spans="8:8">
      <c r="H89281" s="12"/>
    </row>
    <row r="89282" spans="8:8">
      <c r="H89282" s="12"/>
    </row>
    <row r="89283" spans="8:8">
      <c r="H89283" s="12"/>
    </row>
    <row r="89284" spans="8:8">
      <c r="H89284" s="12"/>
    </row>
    <row r="89285" spans="8:8">
      <c r="H89285" s="12"/>
    </row>
    <row r="89286" spans="8:8">
      <c r="H89286" s="12"/>
    </row>
    <row r="89287" spans="8:8">
      <c r="H89287" s="12"/>
    </row>
    <row r="89288" spans="8:8">
      <c r="H89288" s="12"/>
    </row>
    <row r="89289" spans="8:8">
      <c r="H89289" s="12"/>
    </row>
    <row r="89290" spans="8:8">
      <c r="H89290" s="12"/>
    </row>
    <row r="89291" spans="8:8">
      <c r="H89291" s="12"/>
    </row>
    <row r="89292" spans="8:8">
      <c r="H89292" s="12"/>
    </row>
    <row r="89293" spans="8:8">
      <c r="H89293" s="12"/>
    </row>
    <row r="89294" spans="8:8">
      <c r="H89294" s="12"/>
    </row>
    <row r="89295" spans="8:8">
      <c r="H89295" s="12"/>
    </row>
    <row r="89296" spans="8:8">
      <c r="H89296" s="12"/>
    </row>
    <row r="89297" spans="8:8">
      <c r="H89297" s="12"/>
    </row>
    <row r="89298" spans="8:8">
      <c r="H89298" s="12"/>
    </row>
    <row r="89299" spans="8:8">
      <c r="H89299" s="12"/>
    </row>
    <row r="89300" spans="8:8">
      <c r="H89300" s="12"/>
    </row>
    <row r="89301" spans="8:8">
      <c r="H89301" s="12"/>
    </row>
    <row r="89302" spans="8:8">
      <c r="H89302" s="12"/>
    </row>
    <row r="89303" spans="8:8">
      <c r="H89303" s="12"/>
    </row>
    <row r="89304" spans="8:8">
      <c r="H89304" s="12"/>
    </row>
    <row r="89305" spans="8:8">
      <c r="H89305" s="12"/>
    </row>
    <row r="89306" spans="8:8">
      <c r="H89306" s="12"/>
    </row>
    <row r="89307" spans="8:8">
      <c r="H89307" s="12"/>
    </row>
    <row r="89308" spans="8:8">
      <c r="H89308" s="12"/>
    </row>
    <row r="89309" spans="8:8">
      <c r="H89309" s="12"/>
    </row>
    <row r="89310" spans="8:8">
      <c r="H89310" s="12"/>
    </row>
    <row r="89311" spans="8:8">
      <c r="H89311" s="12"/>
    </row>
    <row r="89312" spans="8:8">
      <c r="H89312" s="12"/>
    </row>
    <row r="89313" spans="8:8">
      <c r="H89313" s="12"/>
    </row>
    <row r="89314" spans="8:8">
      <c r="H89314" s="12"/>
    </row>
    <row r="89315" spans="8:8">
      <c r="H89315" s="12"/>
    </row>
    <row r="89316" spans="8:8">
      <c r="H89316" s="12"/>
    </row>
    <row r="89317" spans="8:8">
      <c r="H89317" s="12"/>
    </row>
    <row r="89318" spans="8:8">
      <c r="H89318" s="12"/>
    </row>
    <row r="89319" spans="8:8">
      <c r="H89319" s="12"/>
    </row>
    <row r="89320" spans="8:8">
      <c r="H89320" s="12"/>
    </row>
    <row r="89321" spans="8:8">
      <c r="H89321" s="12"/>
    </row>
    <row r="89322" spans="8:8">
      <c r="H89322" s="12"/>
    </row>
    <row r="89323" spans="8:8">
      <c r="H89323" s="12"/>
    </row>
    <row r="89324" spans="8:8">
      <c r="H89324" s="12"/>
    </row>
    <row r="89325" spans="8:8">
      <c r="H89325" s="12"/>
    </row>
    <row r="89326" spans="8:8">
      <c r="H89326" s="12"/>
    </row>
    <row r="89327" spans="8:8">
      <c r="H89327" s="12"/>
    </row>
    <row r="89328" spans="8:8">
      <c r="H89328" s="12"/>
    </row>
    <row r="89329" spans="8:8">
      <c r="H89329" s="12"/>
    </row>
    <row r="89330" spans="8:8">
      <c r="H89330" s="12"/>
    </row>
    <row r="89331" spans="8:8">
      <c r="H89331" s="12"/>
    </row>
    <row r="89332" spans="8:8">
      <c r="H89332" s="12"/>
    </row>
    <row r="89333" spans="8:8">
      <c r="H89333" s="12"/>
    </row>
    <row r="89334" spans="8:8">
      <c r="H89334" s="12"/>
    </row>
    <row r="89335" spans="8:8">
      <c r="H89335" s="12"/>
    </row>
    <row r="89336" spans="8:8">
      <c r="H89336" s="12"/>
    </row>
    <row r="89337" spans="8:8">
      <c r="H89337" s="12"/>
    </row>
    <row r="89338" spans="8:8">
      <c r="H89338" s="12"/>
    </row>
    <row r="89339" spans="8:8">
      <c r="H89339" s="12"/>
    </row>
    <row r="89340" spans="8:8">
      <c r="H89340" s="12"/>
    </row>
    <row r="89341" spans="8:8">
      <c r="H89341" s="12"/>
    </row>
    <row r="89342" spans="8:8">
      <c r="H89342" s="12"/>
    </row>
    <row r="89343" spans="8:8">
      <c r="H89343" s="12"/>
    </row>
    <row r="89344" spans="8:8">
      <c r="H89344" s="12"/>
    </row>
    <row r="89345" spans="8:8">
      <c r="H89345" s="12"/>
    </row>
    <row r="89346" spans="8:8">
      <c r="H89346" s="12"/>
    </row>
    <row r="89347" spans="8:8">
      <c r="H89347" s="12"/>
    </row>
    <row r="89348" spans="8:8">
      <c r="H89348" s="12"/>
    </row>
    <row r="89349" spans="8:8">
      <c r="H89349" s="12"/>
    </row>
    <row r="89350" spans="8:8">
      <c r="H89350" s="12"/>
    </row>
    <row r="89351" spans="8:8">
      <c r="H89351" s="12"/>
    </row>
    <row r="89352" spans="8:8">
      <c r="H89352" s="12"/>
    </row>
    <row r="89353" spans="8:8">
      <c r="H89353" s="12"/>
    </row>
    <row r="89354" spans="8:8">
      <c r="H89354" s="12"/>
    </row>
    <row r="89355" spans="8:8">
      <c r="H89355" s="12"/>
    </row>
    <row r="89356" spans="8:8">
      <c r="H89356" s="12"/>
    </row>
    <row r="89357" spans="8:8">
      <c r="H89357" s="12"/>
    </row>
    <row r="89358" spans="8:8">
      <c r="H89358" s="12"/>
    </row>
    <row r="89359" spans="8:8">
      <c r="H89359" s="12"/>
    </row>
    <row r="89360" spans="8:8">
      <c r="H89360" s="12"/>
    </row>
    <row r="89361" spans="8:8">
      <c r="H89361" s="12"/>
    </row>
    <row r="89362" spans="8:8">
      <c r="H89362" s="12"/>
    </row>
    <row r="89363" spans="8:8">
      <c r="H89363" s="12"/>
    </row>
    <row r="89364" spans="8:8">
      <c r="H89364" s="12"/>
    </row>
    <row r="89365" spans="8:8">
      <c r="H89365" s="12"/>
    </row>
    <row r="89366" spans="8:8">
      <c r="H89366" s="12"/>
    </row>
    <row r="89367" spans="8:8">
      <c r="H89367" s="12"/>
    </row>
    <row r="89368" spans="8:8">
      <c r="H89368" s="12"/>
    </row>
    <row r="89369" spans="8:8">
      <c r="H89369" s="12"/>
    </row>
    <row r="89370" spans="8:8">
      <c r="H89370" s="12"/>
    </row>
    <row r="89371" spans="8:8">
      <c r="H89371" s="12"/>
    </row>
    <row r="89372" spans="8:8">
      <c r="H89372" s="12"/>
    </row>
    <row r="89373" spans="8:8">
      <c r="H89373" s="12"/>
    </row>
    <row r="89374" spans="8:8">
      <c r="H89374" s="12"/>
    </row>
    <row r="89375" spans="8:8">
      <c r="H89375" s="12"/>
    </row>
    <row r="89376" spans="8:8">
      <c r="H89376" s="12"/>
    </row>
    <row r="89377" spans="8:8">
      <c r="H89377" s="12"/>
    </row>
    <row r="89378" spans="8:8">
      <c r="H89378" s="12"/>
    </row>
    <row r="89379" spans="8:8">
      <c r="H89379" s="12"/>
    </row>
    <row r="89380" spans="8:8">
      <c r="H89380" s="12"/>
    </row>
    <row r="89381" spans="8:8">
      <c r="H89381" s="12"/>
    </row>
    <row r="89382" spans="8:8">
      <c r="H89382" s="12"/>
    </row>
    <row r="89383" spans="8:8">
      <c r="H89383" s="12"/>
    </row>
    <row r="89384" spans="8:8">
      <c r="H89384" s="12"/>
    </row>
    <row r="89385" spans="8:8">
      <c r="H89385" s="12"/>
    </row>
    <row r="89386" spans="8:8">
      <c r="H89386" s="12"/>
    </row>
    <row r="89387" spans="8:8">
      <c r="H89387" s="12"/>
    </row>
    <row r="89388" spans="8:8">
      <c r="H89388" s="12"/>
    </row>
    <row r="89389" spans="8:8">
      <c r="H89389" s="12"/>
    </row>
    <row r="89390" spans="8:8">
      <c r="H89390" s="12"/>
    </row>
    <row r="89391" spans="8:8">
      <c r="H89391" s="12"/>
    </row>
    <row r="89392" spans="8:8">
      <c r="H89392" s="12"/>
    </row>
    <row r="89393" spans="8:8">
      <c r="H89393" s="12"/>
    </row>
    <row r="89394" spans="8:8">
      <c r="H89394" s="12"/>
    </row>
    <row r="89395" spans="8:8">
      <c r="H89395" s="12"/>
    </row>
    <row r="89396" spans="8:8">
      <c r="H89396" s="12"/>
    </row>
    <row r="89397" spans="8:8">
      <c r="H89397" s="12"/>
    </row>
    <row r="89398" spans="8:8">
      <c r="H89398" s="12"/>
    </row>
    <row r="89399" spans="8:8">
      <c r="H89399" s="12"/>
    </row>
    <row r="89400" spans="8:8">
      <c r="H89400" s="12"/>
    </row>
    <row r="89401" spans="8:8">
      <c r="H89401" s="12"/>
    </row>
    <row r="89402" spans="8:8">
      <c r="H89402" s="12"/>
    </row>
    <row r="89403" spans="8:8">
      <c r="H89403" s="12"/>
    </row>
    <row r="89404" spans="8:8">
      <c r="H89404" s="12"/>
    </row>
    <row r="89405" spans="8:8">
      <c r="H89405" s="12"/>
    </row>
    <row r="89406" spans="8:8">
      <c r="H89406" s="12"/>
    </row>
    <row r="89407" spans="8:8">
      <c r="H89407" s="12"/>
    </row>
    <row r="89408" spans="8:8">
      <c r="H89408" s="12"/>
    </row>
    <row r="89409" spans="8:8">
      <c r="H89409" s="12"/>
    </row>
    <row r="89410" spans="8:8">
      <c r="H89410" s="12"/>
    </row>
    <row r="89411" spans="8:8">
      <c r="H89411" s="12"/>
    </row>
    <row r="89412" spans="8:8">
      <c r="H89412" s="12"/>
    </row>
    <row r="89413" spans="8:8">
      <c r="H89413" s="12"/>
    </row>
    <row r="89414" spans="8:8">
      <c r="H89414" s="12"/>
    </row>
    <row r="89415" spans="8:8">
      <c r="H89415" s="12"/>
    </row>
    <row r="89416" spans="8:8">
      <c r="H89416" s="12"/>
    </row>
    <row r="89417" spans="8:8">
      <c r="H89417" s="12"/>
    </row>
    <row r="89418" spans="8:8">
      <c r="H89418" s="12"/>
    </row>
    <row r="89419" spans="8:8">
      <c r="H89419" s="12"/>
    </row>
    <row r="89420" spans="8:8">
      <c r="H89420" s="12"/>
    </row>
    <row r="89421" spans="8:8">
      <c r="H89421" s="12"/>
    </row>
    <row r="89422" spans="8:8">
      <c r="H89422" s="12"/>
    </row>
    <row r="89423" spans="8:8">
      <c r="H89423" s="12"/>
    </row>
    <row r="89424" spans="8:8">
      <c r="H89424" s="12"/>
    </row>
    <row r="89425" spans="8:8">
      <c r="H89425" s="12"/>
    </row>
    <row r="89426" spans="8:8">
      <c r="H89426" s="12"/>
    </row>
    <row r="89427" spans="8:8">
      <c r="H89427" s="12"/>
    </row>
    <row r="89428" spans="8:8">
      <c r="H89428" s="12"/>
    </row>
    <row r="89429" spans="8:8">
      <c r="H89429" s="12"/>
    </row>
    <row r="89430" spans="8:8">
      <c r="H89430" s="12"/>
    </row>
    <row r="89431" spans="8:8">
      <c r="H89431" s="12"/>
    </row>
    <row r="89432" spans="8:8">
      <c r="H89432" s="12"/>
    </row>
    <row r="89433" spans="8:8">
      <c r="H89433" s="12"/>
    </row>
    <row r="89434" spans="8:8">
      <c r="H89434" s="12"/>
    </row>
    <row r="89435" spans="8:8">
      <c r="H89435" s="12"/>
    </row>
    <row r="89436" spans="8:8">
      <c r="H89436" s="12"/>
    </row>
    <row r="89437" spans="8:8">
      <c r="H89437" s="12"/>
    </row>
    <row r="89438" spans="8:8">
      <c r="H89438" s="12"/>
    </row>
    <row r="89439" spans="8:8">
      <c r="H89439" s="12"/>
    </row>
    <row r="89440" spans="8:8">
      <c r="H89440" s="12"/>
    </row>
    <row r="89441" spans="8:8">
      <c r="H89441" s="12"/>
    </row>
    <row r="89442" spans="8:8">
      <c r="H89442" s="12"/>
    </row>
    <row r="89443" spans="8:8">
      <c r="H89443" s="12"/>
    </row>
    <row r="89444" spans="8:8">
      <c r="H89444" s="12"/>
    </row>
    <row r="89445" spans="8:8">
      <c r="H89445" s="12"/>
    </row>
    <row r="89446" spans="8:8">
      <c r="H89446" s="12"/>
    </row>
    <row r="89447" spans="8:8">
      <c r="H89447" s="12"/>
    </row>
    <row r="89448" spans="8:8">
      <c r="H89448" s="12"/>
    </row>
    <row r="89449" spans="8:8">
      <c r="H89449" s="12"/>
    </row>
    <row r="89450" spans="8:8">
      <c r="H89450" s="12"/>
    </row>
    <row r="89451" spans="8:8">
      <c r="H89451" s="12"/>
    </row>
    <row r="89452" spans="8:8">
      <c r="H89452" s="12"/>
    </row>
    <row r="89453" spans="8:8">
      <c r="H89453" s="12"/>
    </row>
    <row r="89454" spans="8:8">
      <c r="H89454" s="12"/>
    </row>
    <row r="89455" spans="8:8">
      <c r="H89455" s="12"/>
    </row>
    <row r="89456" spans="8:8">
      <c r="H89456" s="12"/>
    </row>
    <row r="89457" spans="8:8">
      <c r="H89457" s="12"/>
    </row>
    <row r="89458" spans="8:8">
      <c r="H89458" s="12"/>
    </row>
    <row r="89459" spans="8:8">
      <c r="H89459" s="12"/>
    </row>
    <row r="89460" spans="8:8">
      <c r="H89460" s="12"/>
    </row>
    <row r="89461" spans="8:8">
      <c r="H89461" s="12"/>
    </row>
    <row r="89462" spans="8:8">
      <c r="H89462" s="12"/>
    </row>
    <row r="89463" spans="8:8">
      <c r="H89463" s="12"/>
    </row>
    <row r="89464" spans="8:8">
      <c r="H89464" s="12"/>
    </row>
    <row r="89465" spans="8:8">
      <c r="H89465" s="12"/>
    </row>
    <row r="89466" spans="8:8">
      <c r="H89466" s="12"/>
    </row>
    <row r="89467" spans="8:8">
      <c r="H89467" s="12"/>
    </row>
    <row r="89468" spans="8:8">
      <c r="H89468" s="12"/>
    </row>
    <row r="89469" spans="8:8">
      <c r="H89469" s="12"/>
    </row>
    <row r="89470" spans="8:8">
      <c r="H89470" s="12"/>
    </row>
    <row r="89471" spans="8:8">
      <c r="H89471" s="12"/>
    </row>
    <row r="89472" spans="8:8">
      <c r="H89472" s="12"/>
    </row>
    <row r="89473" spans="8:8">
      <c r="H89473" s="12"/>
    </row>
    <row r="89474" spans="8:8">
      <c r="H89474" s="12"/>
    </row>
    <row r="89475" spans="8:8">
      <c r="H89475" s="12"/>
    </row>
    <row r="89476" spans="8:8">
      <c r="H89476" s="12"/>
    </row>
    <row r="89477" spans="8:8">
      <c r="H89477" s="12"/>
    </row>
    <row r="89478" spans="8:8">
      <c r="H89478" s="12"/>
    </row>
    <row r="89479" spans="8:8">
      <c r="H89479" s="12"/>
    </row>
    <row r="89480" spans="8:8">
      <c r="H89480" s="12"/>
    </row>
    <row r="89481" spans="8:8">
      <c r="H89481" s="12"/>
    </row>
    <row r="89482" spans="8:8">
      <c r="H89482" s="12"/>
    </row>
    <row r="89483" spans="8:8">
      <c r="H89483" s="12"/>
    </row>
    <row r="89484" spans="8:8">
      <c r="H89484" s="12"/>
    </row>
    <row r="89485" spans="8:8">
      <c r="H89485" s="12"/>
    </row>
    <row r="89486" spans="8:8">
      <c r="H89486" s="12"/>
    </row>
    <row r="89487" spans="8:8">
      <c r="H89487" s="12"/>
    </row>
    <row r="89488" spans="8:8">
      <c r="H89488" s="12"/>
    </row>
    <row r="89489" spans="8:8">
      <c r="H89489" s="12"/>
    </row>
    <row r="89490" spans="8:8">
      <c r="H89490" s="12"/>
    </row>
    <row r="89491" spans="8:8">
      <c r="H89491" s="12"/>
    </row>
    <row r="89492" spans="8:8">
      <c r="H89492" s="12"/>
    </row>
    <row r="89493" spans="8:8">
      <c r="H89493" s="12"/>
    </row>
    <row r="89494" spans="8:8">
      <c r="H89494" s="12"/>
    </row>
    <row r="89495" spans="8:8">
      <c r="H89495" s="12"/>
    </row>
    <row r="89496" spans="8:8">
      <c r="H89496" s="12"/>
    </row>
    <row r="89497" spans="8:8">
      <c r="H89497" s="12"/>
    </row>
    <row r="89498" spans="8:8">
      <c r="H89498" s="12"/>
    </row>
    <row r="89499" spans="8:8">
      <c r="H89499" s="12"/>
    </row>
    <row r="89500" spans="8:8">
      <c r="H89500" s="12"/>
    </row>
    <row r="89501" spans="8:8">
      <c r="H89501" s="12"/>
    </row>
    <row r="89502" spans="8:8">
      <c r="H89502" s="12"/>
    </row>
    <row r="89503" spans="8:8">
      <c r="H89503" s="12"/>
    </row>
    <row r="89504" spans="8:8">
      <c r="H89504" s="12"/>
    </row>
    <row r="89505" spans="8:8">
      <c r="H89505" s="12"/>
    </row>
    <row r="89506" spans="8:8">
      <c r="H89506" s="12"/>
    </row>
    <row r="89507" spans="8:8">
      <c r="H89507" s="12"/>
    </row>
    <row r="89508" spans="8:8">
      <c r="H89508" s="12"/>
    </row>
    <row r="89509" spans="8:8">
      <c r="H89509" s="12"/>
    </row>
    <row r="89510" spans="8:8">
      <c r="H89510" s="12"/>
    </row>
    <row r="89511" spans="8:8">
      <c r="H89511" s="12"/>
    </row>
    <row r="89512" spans="8:8">
      <c r="H89512" s="12"/>
    </row>
    <row r="89513" spans="8:8">
      <c r="H89513" s="12"/>
    </row>
    <row r="89514" spans="8:8">
      <c r="H89514" s="12"/>
    </row>
    <row r="89515" spans="8:8">
      <c r="H89515" s="12"/>
    </row>
    <row r="89516" spans="8:8">
      <c r="H89516" s="12"/>
    </row>
    <row r="89517" spans="8:8">
      <c r="H89517" s="12"/>
    </row>
    <row r="89518" spans="8:8">
      <c r="H89518" s="12"/>
    </row>
    <row r="89519" spans="8:8">
      <c r="H89519" s="12"/>
    </row>
    <row r="89520" spans="8:8">
      <c r="H89520" s="12"/>
    </row>
    <row r="89521" spans="8:8">
      <c r="H89521" s="12"/>
    </row>
    <row r="89522" spans="8:8">
      <c r="H89522" s="12"/>
    </row>
    <row r="89523" spans="8:8">
      <c r="H89523" s="12"/>
    </row>
    <row r="89524" spans="8:8">
      <c r="H89524" s="12"/>
    </row>
    <row r="89525" spans="8:8">
      <c r="H89525" s="12"/>
    </row>
    <row r="89526" spans="8:8">
      <c r="H89526" s="12"/>
    </row>
    <row r="89527" spans="8:8">
      <c r="H89527" s="12"/>
    </row>
    <row r="89528" spans="8:8">
      <c r="H89528" s="12"/>
    </row>
    <row r="89529" spans="8:8">
      <c r="H89529" s="12"/>
    </row>
    <row r="89530" spans="8:8">
      <c r="H89530" s="12"/>
    </row>
    <row r="89531" spans="8:8">
      <c r="H89531" s="12"/>
    </row>
    <row r="89532" spans="8:8">
      <c r="H89532" s="12"/>
    </row>
    <row r="89533" spans="8:8">
      <c r="H89533" s="12"/>
    </row>
    <row r="89534" spans="8:8">
      <c r="H89534" s="12"/>
    </row>
    <row r="89535" spans="8:8">
      <c r="H89535" s="12"/>
    </row>
    <row r="89536" spans="8:8">
      <c r="H89536" s="12"/>
    </row>
    <row r="89537" spans="8:8">
      <c r="H89537" s="12"/>
    </row>
    <row r="89538" spans="8:8">
      <c r="H89538" s="12"/>
    </row>
    <row r="89539" spans="8:8">
      <c r="H89539" s="12"/>
    </row>
    <row r="89540" spans="8:8">
      <c r="H89540" s="12"/>
    </row>
    <row r="89541" spans="8:8">
      <c r="H89541" s="12"/>
    </row>
    <row r="89542" spans="8:8">
      <c r="H89542" s="12"/>
    </row>
    <row r="89543" spans="8:8">
      <c r="H89543" s="12"/>
    </row>
    <row r="89544" spans="8:8">
      <c r="H89544" s="12"/>
    </row>
    <row r="89545" spans="8:8">
      <c r="H89545" s="12"/>
    </row>
    <row r="89546" spans="8:8">
      <c r="H89546" s="12"/>
    </row>
    <row r="89547" spans="8:8">
      <c r="H89547" s="12"/>
    </row>
    <row r="89548" spans="8:8">
      <c r="H89548" s="12"/>
    </row>
    <row r="89549" spans="8:8">
      <c r="H89549" s="12"/>
    </row>
    <row r="89550" spans="8:8">
      <c r="H89550" s="12"/>
    </row>
    <row r="89551" spans="8:8">
      <c r="H89551" s="12"/>
    </row>
    <row r="89552" spans="8:8">
      <c r="H89552" s="12"/>
    </row>
    <row r="89553" spans="8:8">
      <c r="H89553" s="12"/>
    </row>
    <row r="89554" spans="8:8">
      <c r="H89554" s="12"/>
    </row>
    <row r="89555" spans="8:8">
      <c r="H89555" s="12"/>
    </row>
    <row r="89556" spans="8:8">
      <c r="H89556" s="12"/>
    </row>
    <row r="89557" spans="8:8">
      <c r="H89557" s="12"/>
    </row>
    <row r="89558" spans="8:8">
      <c r="H89558" s="12"/>
    </row>
    <row r="89559" spans="8:8">
      <c r="H89559" s="12"/>
    </row>
    <row r="89560" spans="8:8">
      <c r="H89560" s="12"/>
    </row>
    <row r="89561" spans="8:8">
      <c r="H89561" s="12"/>
    </row>
    <row r="89562" spans="8:8">
      <c r="H89562" s="12"/>
    </row>
    <row r="89563" spans="8:8">
      <c r="H89563" s="12"/>
    </row>
    <row r="89564" spans="8:8">
      <c r="H89564" s="12"/>
    </row>
    <row r="89565" spans="8:8">
      <c r="H89565" s="12"/>
    </row>
    <row r="89566" spans="8:8">
      <c r="H89566" s="12"/>
    </row>
    <row r="89567" spans="8:8">
      <c r="H89567" s="12"/>
    </row>
    <row r="89568" spans="8:8">
      <c r="H89568" s="12"/>
    </row>
    <row r="89569" spans="8:8">
      <c r="H89569" s="12"/>
    </row>
    <row r="89570" spans="8:8">
      <c r="H89570" s="12"/>
    </row>
    <row r="89571" spans="8:8">
      <c r="H89571" s="12"/>
    </row>
    <row r="89572" spans="8:8">
      <c r="H89572" s="12"/>
    </row>
    <row r="89573" spans="8:8">
      <c r="H89573" s="12"/>
    </row>
    <row r="89574" spans="8:8">
      <c r="H89574" s="12"/>
    </row>
    <row r="89575" spans="8:8">
      <c r="H89575" s="12"/>
    </row>
    <row r="89576" spans="8:8">
      <c r="H89576" s="12"/>
    </row>
    <row r="89577" spans="8:8">
      <c r="H89577" s="12"/>
    </row>
    <row r="89578" spans="8:8">
      <c r="H89578" s="12"/>
    </row>
    <row r="89579" spans="8:8">
      <c r="H89579" s="12"/>
    </row>
    <row r="89580" spans="8:8">
      <c r="H89580" s="12"/>
    </row>
    <row r="89581" spans="8:8">
      <c r="H89581" s="12"/>
    </row>
    <row r="89582" spans="8:8">
      <c r="H89582" s="12"/>
    </row>
    <row r="89583" spans="8:8">
      <c r="H89583" s="12"/>
    </row>
    <row r="89584" spans="8:8">
      <c r="H89584" s="12"/>
    </row>
    <row r="89585" spans="8:8">
      <c r="H89585" s="12"/>
    </row>
    <row r="89586" spans="8:8">
      <c r="H89586" s="12"/>
    </row>
    <row r="89587" spans="8:8">
      <c r="H89587" s="12"/>
    </row>
    <row r="89588" spans="8:8">
      <c r="H89588" s="12"/>
    </row>
    <row r="89589" spans="8:8">
      <c r="H89589" s="12"/>
    </row>
    <row r="89590" spans="8:8">
      <c r="H89590" s="12"/>
    </row>
    <row r="89591" spans="8:8">
      <c r="H89591" s="12"/>
    </row>
    <row r="89592" spans="8:8">
      <c r="H89592" s="12"/>
    </row>
    <row r="89593" spans="8:8">
      <c r="H89593" s="12"/>
    </row>
    <row r="89594" spans="8:8">
      <c r="H89594" s="12"/>
    </row>
    <row r="89595" spans="8:8">
      <c r="H89595" s="12"/>
    </row>
    <row r="89596" spans="8:8">
      <c r="H89596" s="12"/>
    </row>
    <row r="89597" spans="8:8">
      <c r="H89597" s="12"/>
    </row>
    <row r="89598" spans="8:8">
      <c r="H89598" s="12"/>
    </row>
    <row r="89599" spans="8:8">
      <c r="H89599" s="12"/>
    </row>
    <row r="89600" spans="8:8">
      <c r="H89600" s="12"/>
    </row>
    <row r="89601" spans="8:8">
      <c r="H89601" s="12"/>
    </row>
    <row r="89602" spans="8:8">
      <c r="H89602" s="12"/>
    </row>
    <row r="89603" spans="8:8">
      <c r="H89603" s="12"/>
    </row>
    <row r="89604" spans="8:8">
      <c r="H89604" s="12"/>
    </row>
    <row r="89605" spans="8:8">
      <c r="H89605" s="12"/>
    </row>
    <row r="89606" spans="8:8">
      <c r="H89606" s="12"/>
    </row>
    <row r="89607" spans="8:8">
      <c r="H89607" s="12"/>
    </row>
    <row r="89608" spans="8:8">
      <c r="H89608" s="12"/>
    </row>
    <row r="89609" spans="8:8">
      <c r="H89609" s="12"/>
    </row>
    <row r="89610" spans="8:8">
      <c r="H89610" s="12"/>
    </row>
    <row r="89611" spans="8:8">
      <c r="H89611" s="12"/>
    </row>
    <row r="89612" spans="8:8">
      <c r="H89612" s="12"/>
    </row>
    <row r="89613" spans="8:8">
      <c r="H89613" s="12"/>
    </row>
    <row r="89614" spans="8:8">
      <c r="H89614" s="12"/>
    </row>
    <row r="89615" spans="8:8">
      <c r="H89615" s="12"/>
    </row>
    <row r="89616" spans="8:8">
      <c r="H89616" s="12"/>
    </row>
    <row r="89617" spans="8:8">
      <c r="H89617" s="12"/>
    </row>
    <row r="89618" spans="8:8">
      <c r="H89618" s="12"/>
    </row>
    <row r="89619" spans="8:8">
      <c r="H89619" s="12"/>
    </row>
    <row r="89620" spans="8:8">
      <c r="H89620" s="12"/>
    </row>
    <row r="89621" spans="8:8">
      <c r="H89621" s="12"/>
    </row>
    <row r="89622" spans="8:8">
      <c r="H89622" s="12"/>
    </row>
    <row r="89623" spans="8:8">
      <c r="H89623" s="12"/>
    </row>
    <row r="89624" spans="8:8">
      <c r="H89624" s="12"/>
    </row>
    <row r="89625" spans="8:8">
      <c r="H89625" s="12"/>
    </row>
    <row r="89626" spans="8:8">
      <c r="H89626" s="12"/>
    </row>
    <row r="89627" spans="8:8">
      <c r="H89627" s="12"/>
    </row>
    <row r="89628" spans="8:8">
      <c r="H89628" s="12"/>
    </row>
    <row r="89629" spans="8:8">
      <c r="H89629" s="12"/>
    </row>
    <row r="89630" spans="8:8">
      <c r="H89630" s="12"/>
    </row>
    <row r="89631" spans="8:8">
      <c r="H89631" s="12"/>
    </row>
    <row r="89632" spans="8:8">
      <c r="H89632" s="12"/>
    </row>
    <row r="89633" spans="8:8">
      <c r="H89633" s="12"/>
    </row>
    <row r="89634" spans="8:8">
      <c r="H89634" s="12"/>
    </row>
    <row r="89635" spans="8:8">
      <c r="H89635" s="12"/>
    </row>
    <row r="89636" spans="8:8">
      <c r="H89636" s="12"/>
    </row>
    <row r="89637" spans="8:8">
      <c r="H89637" s="12"/>
    </row>
    <row r="89638" spans="8:8">
      <c r="H89638" s="12"/>
    </row>
    <row r="89639" spans="8:8">
      <c r="H89639" s="12"/>
    </row>
    <row r="89640" spans="8:8">
      <c r="H89640" s="12"/>
    </row>
    <row r="89641" spans="8:8">
      <c r="H89641" s="12"/>
    </row>
    <row r="89642" spans="8:8">
      <c r="H89642" s="12"/>
    </row>
    <row r="89643" spans="8:8">
      <c r="H89643" s="12"/>
    </row>
    <row r="89644" spans="8:8">
      <c r="H89644" s="12"/>
    </row>
    <row r="89645" spans="8:8">
      <c r="H89645" s="12"/>
    </row>
    <row r="89646" spans="8:8">
      <c r="H89646" s="12"/>
    </row>
    <row r="89647" spans="8:8">
      <c r="H89647" s="12"/>
    </row>
    <row r="89648" spans="8:8">
      <c r="H89648" s="12"/>
    </row>
    <row r="89649" spans="8:8">
      <c r="H89649" s="12"/>
    </row>
    <row r="89650" spans="8:8">
      <c r="H89650" s="12"/>
    </row>
    <row r="89651" spans="8:8">
      <c r="H89651" s="12"/>
    </row>
    <row r="89652" spans="8:8">
      <c r="H89652" s="12"/>
    </row>
    <row r="89653" spans="8:8">
      <c r="H89653" s="12"/>
    </row>
    <row r="89654" spans="8:8">
      <c r="H89654" s="12"/>
    </row>
    <row r="89655" spans="8:8">
      <c r="H89655" s="12"/>
    </row>
    <row r="89656" spans="8:8">
      <c r="H89656" s="12"/>
    </row>
    <row r="89657" spans="8:8">
      <c r="H89657" s="12"/>
    </row>
    <row r="89658" spans="8:8">
      <c r="H89658" s="12"/>
    </row>
    <row r="89659" spans="8:8">
      <c r="H89659" s="12"/>
    </row>
    <row r="89660" spans="8:8">
      <c r="H89660" s="12"/>
    </row>
    <row r="89661" spans="8:8">
      <c r="H89661" s="12"/>
    </row>
    <row r="89662" spans="8:8">
      <c r="H89662" s="12"/>
    </row>
    <row r="89663" spans="8:8">
      <c r="H89663" s="12"/>
    </row>
    <row r="89664" spans="8:8">
      <c r="H89664" s="12"/>
    </row>
    <row r="89665" spans="8:8">
      <c r="H89665" s="12"/>
    </row>
    <row r="89666" spans="8:8">
      <c r="H89666" s="12"/>
    </row>
    <row r="89667" spans="8:8">
      <c r="H89667" s="12"/>
    </row>
    <row r="89668" spans="8:8">
      <c r="H89668" s="12"/>
    </row>
    <row r="89669" spans="8:8">
      <c r="H89669" s="12"/>
    </row>
    <row r="89670" spans="8:8">
      <c r="H89670" s="12"/>
    </row>
    <row r="89671" spans="8:8">
      <c r="H89671" s="12"/>
    </row>
    <row r="89672" spans="8:8">
      <c r="H89672" s="12"/>
    </row>
    <row r="89673" spans="8:8">
      <c r="H89673" s="12"/>
    </row>
    <row r="89674" spans="8:8">
      <c r="H89674" s="12"/>
    </row>
    <row r="89675" spans="8:8">
      <c r="H89675" s="12"/>
    </row>
    <row r="89676" spans="8:8">
      <c r="H89676" s="12"/>
    </row>
    <row r="89677" spans="8:8">
      <c r="H89677" s="12"/>
    </row>
    <row r="89678" spans="8:8">
      <c r="H89678" s="12"/>
    </row>
    <row r="89679" spans="8:8">
      <c r="H89679" s="12"/>
    </row>
    <row r="89680" spans="8:8">
      <c r="H89680" s="12"/>
    </row>
    <row r="89681" spans="8:8">
      <c r="H89681" s="12"/>
    </row>
    <row r="89682" spans="8:8">
      <c r="H89682" s="12"/>
    </row>
    <row r="89683" spans="8:8">
      <c r="H89683" s="12"/>
    </row>
    <row r="89684" spans="8:8">
      <c r="H89684" s="12"/>
    </row>
    <row r="89685" spans="8:8">
      <c r="H89685" s="12"/>
    </row>
    <row r="89686" spans="8:8">
      <c r="H89686" s="12"/>
    </row>
    <row r="89687" spans="8:8">
      <c r="H89687" s="12"/>
    </row>
    <row r="89688" spans="8:8">
      <c r="H89688" s="12"/>
    </row>
    <row r="89689" spans="8:8">
      <c r="H89689" s="12"/>
    </row>
    <row r="89690" spans="8:8">
      <c r="H89690" s="12"/>
    </row>
    <row r="89691" spans="8:8">
      <c r="H89691" s="12"/>
    </row>
    <row r="89692" spans="8:8">
      <c r="H89692" s="12"/>
    </row>
    <row r="89693" spans="8:8">
      <c r="H89693" s="12"/>
    </row>
    <row r="89694" spans="8:8">
      <c r="H89694" s="12"/>
    </row>
    <row r="89695" spans="8:8">
      <c r="H89695" s="12"/>
    </row>
    <row r="89696" spans="8:8">
      <c r="H89696" s="12"/>
    </row>
    <row r="89697" spans="8:8">
      <c r="H89697" s="12"/>
    </row>
    <row r="89698" spans="8:8">
      <c r="H89698" s="12"/>
    </row>
    <row r="89699" spans="8:8">
      <c r="H89699" s="12"/>
    </row>
    <row r="89700" spans="8:8">
      <c r="H89700" s="12"/>
    </row>
    <row r="89701" spans="8:8">
      <c r="H89701" s="12"/>
    </row>
    <row r="89702" spans="8:8">
      <c r="H89702" s="12"/>
    </row>
    <row r="89703" spans="8:8">
      <c r="H89703" s="12"/>
    </row>
    <row r="89704" spans="8:8">
      <c r="H89704" s="12"/>
    </row>
    <row r="89705" spans="8:8">
      <c r="H89705" s="12"/>
    </row>
    <row r="89706" spans="8:8">
      <c r="H89706" s="12"/>
    </row>
    <row r="89707" spans="8:8">
      <c r="H89707" s="12"/>
    </row>
    <row r="89708" spans="8:8">
      <c r="H89708" s="12"/>
    </row>
    <row r="89709" spans="8:8">
      <c r="H89709" s="12"/>
    </row>
    <row r="89710" spans="8:8">
      <c r="H89710" s="12"/>
    </row>
    <row r="89711" spans="8:8">
      <c r="H89711" s="12"/>
    </row>
    <row r="89712" spans="8:8">
      <c r="H89712" s="12"/>
    </row>
    <row r="89713" spans="8:8">
      <c r="H89713" s="12"/>
    </row>
    <row r="89714" spans="8:8">
      <c r="H89714" s="12"/>
    </row>
    <row r="89715" spans="8:8">
      <c r="H89715" s="12"/>
    </row>
    <row r="89716" spans="8:8">
      <c r="H89716" s="12"/>
    </row>
    <row r="89717" spans="8:8">
      <c r="H89717" s="12"/>
    </row>
    <row r="89718" spans="8:8">
      <c r="H89718" s="12"/>
    </row>
    <row r="89719" spans="8:8">
      <c r="H89719" s="12"/>
    </row>
    <row r="89720" spans="8:8">
      <c r="H89720" s="12"/>
    </row>
    <row r="89721" spans="8:8">
      <c r="H89721" s="12"/>
    </row>
    <row r="89722" spans="8:8">
      <c r="H89722" s="12"/>
    </row>
    <row r="89723" spans="8:8">
      <c r="H89723" s="12"/>
    </row>
    <row r="89724" spans="8:8">
      <c r="H89724" s="12"/>
    </row>
    <row r="89725" spans="8:8">
      <c r="H89725" s="12"/>
    </row>
    <row r="89726" spans="8:8">
      <c r="H89726" s="12"/>
    </row>
    <row r="89727" spans="8:8">
      <c r="H89727" s="12"/>
    </row>
    <row r="89728" spans="8:8">
      <c r="H89728" s="12"/>
    </row>
    <row r="89729" spans="8:8">
      <c r="H89729" s="12"/>
    </row>
    <row r="89730" spans="8:8">
      <c r="H89730" s="12"/>
    </row>
    <row r="89731" spans="8:8">
      <c r="H89731" s="12"/>
    </row>
    <row r="89732" spans="8:8">
      <c r="H89732" s="12"/>
    </row>
    <row r="89733" spans="8:8">
      <c r="H89733" s="12"/>
    </row>
    <row r="89734" spans="8:8">
      <c r="H89734" s="12"/>
    </row>
    <row r="89735" spans="8:8">
      <c r="H89735" s="12"/>
    </row>
    <row r="89736" spans="8:8">
      <c r="H89736" s="12"/>
    </row>
    <row r="89737" spans="8:8">
      <c r="H89737" s="12"/>
    </row>
    <row r="89738" spans="8:8">
      <c r="H89738" s="12"/>
    </row>
    <row r="89739" spans="8:8">
      <c r="H89739" s="12"/>
    </row>
    <row r="89740" spans="8:8">
      <c r="H89740" s="12"/>
    </row>
    <row r="89741" spans="8:8">
      <c r="H89741" s="12"/>
    </row>
    <row r="89742" spans="8:8">
      <c r="H89742" s="12"/>
    </row>
    <row r="89743" spans="8:8">
      <c r="H89743" s="12"/>
    </row>
    <row r="89744" spans="8:8">
      <c r="H89744" s="12"/>
    </row>
    <row r="89745" spans="8:8">
      <c r="H89745" s="12"/>
    </row>
    <row r="89746" spans="8:8">
      <c r="H89746" s="12"/>
    </row>
    <row r="89747" spans="8:8">
      <c r="H89747" s="12"/>
    </row>
    <row r="89748" spans="8:8">
      <c r="H89748" s="12"/>
    </row>
    <row r="89749" spans="8:8">
      <c r="H89749" s="12"/>
    </row>
    <row r="89750" spans="8:8">
      <c r="H89750" s="12"/>
    </row>
    <row r="89751" spans="8:8">
      <c r="H89751" s="12"/>
    </row>
    <row r="89752" spans="8:8">
      <c r="H89752" s="12"/>
    </row>
    <row r="89753" spans="8:8">
      <c r="H89753" s="12"/>
    </row>
    <row r="89754" spans="8:8">
      <c r="H89754" s="12"/>
    </row>
    <row r="89755" spans="8:8">
      <c r="H89755" s="12"/>
    </row>
    <row r="89756" spans="8:8">
      <c r="H89756" s="12"/>
    </row>
    <row r="89757" spans="8:8">
      <c r="H89757" s="12"/>
    </row>
    <row r="89758" spans="8:8">
      <c r="H89758" s="12"/>
    </row>
    <row r="89759" spans="8:8">
      <c r="H89759" s="12"/>
    </row>
    <row r="89760" spans="8:8">
      <c r="H89760" s="12"/>
    </row>
    <row r="89761" spans="8:8">
      <c r="H89761" s="12"/>
    </row>
    <row r="89762" spans="8:8">
      <c r="H89762" s="12"/>
    </row>
    <row r="89763" spans="8:8">
      <c r="H89763" s="12"/>
    </row>
    <row r="89764" spans="8:8">
      <c r="H89764" s="12"/>
    </row>
    <row r="89765" spans="8:8">
      <c r="H89765" s="12"/>
    </row>
    <row r="89766" spans="8:8">
      <c r="H89766" s="12"/>
    </row>
    <row r="89767" spans="8:8">
      <c r="H89767" s="12"/>
    </row>
    <row r="89768" spans="8:8">
      <c r="H89768" s="12"/>
    </row>
    <row r="89769" spans="8:8">
      <c r="H89769" s="12"/>
    </row>
    <row r="89770" spans="8:8">
      <c r="H89770" s="12"/>
    </row>
    <row r="89771" spans="8:8">
      <c r="H89771" s="12"/>
    </row>
    <row r="89772" spans="8:8">
      <c r="H89772" s="12"/>
    </row>
    <row r="89773" spans="8:8">
      <c r="H89773" s="12"/>
    </row>
    <row r="89774" spans="8:8">
      <c r="H89774" s="12"/>
    </row>
    <row r="89775" spans="8:8">
      <c r="H89775" s="12"/>
    </row>
    <row r="89776" spans="8:8">
      <c r="H89776" s="12"/>
    </row>
    <row r="89777" spans="8:8">
      <c r="H89777" s="12"/>
    </row>
    <row r="89778" spans="8:8">
      <c r="H89778" s="12"/>
    </row>
    <row r="89779" spans="8:8">
      <c r="H89779" s="12"/>
    </row>
    <row r="89780" spans="8:8">
      <c r="H89780" s="12"/>
    </row>
    <row r="89781" spans="8:8">
      <c r="H89781" s="12"/>
    </row>
    <row r="89782" spans="8:8">
      <c r="H89782" s="12"/>
    </row>
    <row r="89783" spans="8:8">
      <c r="H89783" s="12"/>
    </row>
    <row r="89784" spans="8:8">
      <c r="H89784" s="12"/>
    </row>
    <row r="89785" spans="8:8">
      <c r="H89785" s="12"/>
    </row>
    <row r="89786" spans="8:8">
      <c r="H89786" s="12"/>
    </row>
    <row r="89787" spans="8:8">
      <c r="H89787" s="12"/>
    </row>
    <row r="89788" spans="8:8">
      <c r="H89788" s="12"/>
    </row>
    <row r="89789" spans="8:8">
      <c r="H89789" s="12"/>
    </row>
    <row r="89790" spans="8:8">
      <c r="H89790" s="12"/>
    </row>
    <row r="89791" spans="8:8">
      <c r="H89791" s="12"/>
    </row>
    <row r="89792" spans="8:8">
      <c r="H89792" s="12"/>
    </row>
    <row r="89793" spans="8:8">
      <c r="H89793" s="12"/>
    </row>
    <row r="89794" spans="8:8">
      <c r="H89794" s="12"/>
    </row>
    <row r="89795" spans="8:8">
      <c r="H89795" s="12"/>
    </row>
    <row r="89796" spans="8:8">
      <c r="H89796" s="12"/>
    </row>
    <row r="89797" spans="8:8">
      <c r="H89797" s="12"/>
    </row>
    <row r="89798" spans="8:8">
      <c r="H89798" s="12"/>
    </row>
    <row r="89799" spans="8:8">
      <c r="H89799" s="12"/>
    </row>
    <row r="89800" spans="8:8">
      <c r="H89800" s="12"/>
    </row>
    <row r="89801" spans="8:8">
      <c r="H89801" s="12"/>
    </row>
    <row r="89802" spans="8:8">
      <c r="H89802" s="12"/>
    </row>
    <row r="89803" spans="8:8">
      <c r="H89803" s="12"/>
    </row>
    <row r="89804" spans="8:8">
      <c r="H89804" s="12"/>
    </row>
    <row r="89805" spans="8:8">
      <c r="H89805" s="12"/>
    </row>
    <row r="89806" spans="8:8">
      <c r="H89806" s="12"/>
    </row>
    <row r="89807" spans="8:8">
      <c r="H89807" s="12"/>
    </row>
    <row r="89808" spans="8:8">
      <c r="H89808" s="12"/>
    </row>
    <row r="89809" spans="8:8">
      <c r="H89809" s="12"/>
    </row>
    <row r="89810" spans="8:8">
      <c r="H89810" s="12"/>
    </row>
    <row r="89811" spans="8:8">
      <c r="H89811" s="12"/>
    </row>
    <row r="89812" spans="8:8">
      <c r="H89812" s="12"/>
    </row>
    <row r="89813" spans="8:8">
      <c r="H89813" s="12"/>
    </row>
    <row r="89814" spans="8:8">
      <c r="H89814" s="12"/>
    </row>
    <row r="89815" spans="8:8">
      <c r="H89815" s="12"/>
    </row>
    <row r="89816" spans="8:8">
      <c r="H89816" s="12"/>
    </row>
    <row r="89817" spans="8:8">
      <c r="H89817" s="12"/>
    </row>
    <row r="89818" spans="8:8">
      <c r="H89818" s="12"/>
    </row>
    <row r="89819" spans="8:8">
      <c r="H89819" s="12"/>
    </row>
    <row r="89820" spans="8:8">
      <c r="H89820" s="12"/>
    </row>
    <row r="89821" spans="8:8">
      <c r="H89821" s="12"/>
    </row>
    <row r="89822" spans="8:8">
      <c r="H89822" s="12"/>
    </row>
    <row r="89823" spans="8:8">
      <c r="H89823" s="12"/>
    </row>
    <row r="89824" spans="8:8">
      <c r="H89824" s="12"/>
    </row>
    <row r="89825" spans="8:8">
      <c r="H89825" s="12"/>
    </row>
    <row r="89826" spans="8:8">
      <c r="H89826" s="12"/>
    </row>
    <row r="89827" spans="8:8">
      <c r="H89827" s="12"/>
    </row>
    <row r="89828" spans="8:8">
      <c r="H89828" s="12"/>
    </row>
    <row r="89829" spans="8:8">
      <c r="H89829" s="12"/>
    </row>
    <row r="89830" spans="8:8">
      <c r="H89830" s="12"/>
    </row>
    <row r="89831" spans="8:8">
      <c r="H89831" s="12"/>
    </row>
    <row r="89832" spans="8:8">
      <c r="H89832" s="12"/>
    </row>
    <row r="89833" spans="8:8">
      <c r="H89833" s="12"/>
    </row>
    <row r="89834" spans="8:8">
      <c r="H89834" s="12"/>
    </row>
    <row r="89835" spans="8:8">
      <c r="H89835" s="12"/>
    </row>
    <row r="89836" spans="8:8">
      <c r="H89836" s="12"/>
    </row>
    <row r="89837" spans="8:8">
      <c r="H89837" s="12"/>
    </row>
    <row r="89838" spans="8:8">
      <c r="H89838" s="12"/>
    </row>
    <row r="89839" spans="8:8">
      <c r="H89839" s="12"/>
    </row>
    <row r="89840" spans="8:8">
      <c r="H89840" s="12"/>
    </row>
    <row r="89841" spans="8:8">
      <c r="H89841" s="12"/>
    </row>
    <row r="89842" spans="8:8">
      <c r="H89842" s="12"/>
    </row>
    <row r="89843" spans="8:8">
      <c r="H89843" s="12"/>
    </row>
    <row r="89844" spans="8:8">
      <c r="H89844" s="12"/>
    </row>
    <row r="89845" spans="8:8">
      <c r="H89845" s="12"/>
    </row>
    <row r="89846" spans="8:8">
      <c r="H89846" s="12"/>
    </row>
    <row r="89847" spans="8:8">
      <c r="H89847" s="12"/>
    </row>
    <row r="89848" spans="8:8">
      <c r="H89848" s="12"/>
    </row>
    <row r="89849" spans="8:8">
      <c r="H89849" s="12"/>
    </row>
    <row r="89850" spans="8:8">
      <c r="H89850" s="12"/>
    </row>
    <row r="89851" spans="8:8">
      <c r="H89851" s="12"/>
    </row>
    <row r="89852" spans="8:8">
      <c r="H89852" s="12"/>
    </row>
    <row r="89853" spans="8:8">
      <c r="H89853" s="12"/>
    </row>
    <row r="89854" spans="8:8">
      <c r="H89854" s="12"/>
    </row>
    <row r="89855" spans="8:8">
      <c r="H89855" s="12"/>
    </row>
    <row r="89856" spans="8:8">
      <c r="H89856" s="12"/>
    </row>
    <row r="89857" spans="8:8">
      <c r="H89857" s="12"/>
    </row>
    <row r="89858" spans="8:8">
      <c r="H89858" s="12"/>
    </row>
    <row r="89859" spans="8:8">
      <c r="H89859" s="12"/>
    </row>
    <row r="89860" spans="8:8">
      <c r="H89860" s="12"/>
    </row>
    <row r="89861" spans="8:8">
      <c r="H89861" s="12"/>
    </row>
    <row r="89862" spans="8:8">
      <c r="H89862" s="12"/>
    </row>
    <row r="89863" spans="8:8">
      <c r="H89863" s="12"/>
    </row>
    <row r="89864" spans="8:8">
      <c r="H89864" s="12"/>
    </row>
    <row r="89865" spans="8:8">
      <c r="H89865" s="12"/>
    </row>
    <row r="89866" spans="8:8">
      <c r="H89866" s="12"/>
    </row>
    <row r="89867" spans="8:8">
      <c r="H89867" s="12"/>
    </row>
    <row r="89868" spans="8:8">
      <c r="H89868" s="12"/>
    </row>
    <row r="89869" spans="8:8">
      <c r="H89869" s="12"/>
    </row>
    <row r="89870" spans="8:8">
      <c r="H89870" s="12"/>
    </row>
    <row r="89871" spans="8:8">
      <c r="H89871" s="12"/>
    </row>
    <row r="89872" spans="8:8">
      <c r="H89872" s="12"/>
    </row>
    <row r="89873" spans="8:8">
      <c r="H89873" s="12"/>
    </row>
    <row r="89874" spans="8:8">
      <c r="H89874" s="12"/>
    </row>
    <row r="89875" spans="8:8">
      <c r="H89875" s="12"/>
    </row>
    <row r="89876" spans="8:8">
      <c r="H89876" s="12"/>
    </row>
    <row r="89877" spans="8:8">
      <c r="H89877" s="12"/>
    </row>
    <row r="89878" spans="8:8">
      <c r="H89878" s="12"/>
    </row>
    <row r="89879" spans="8:8">
      <c r="H89879" s="12"/>
    </row>
    <row r="89880" spans="8:8">
      <c r="H89880" s="12"/>
    </row>
    <row r="89881" spans="8:8">
      <c r="H89881" s="12"/>
    </row>
    <row r="89882" spans="8:8">
      <c r="H89882" s="12"/>
    </row>
    <row r="89883" spans="8:8">
      <c r="H89883" s="12"/>
    </row>
    <row r="89884" spans="8:8">
      <c r="H89884" s="12"/>
    </row>
    <row r="89885" spans="8:8">
      <c r="H89885" s="12"/>
    </row>
    <row r="89886" spans="8:8">
      <c r="H89886" s="12"/>
    </row>
    <row r="89887" spans="8:8">
      <c r="H89887" s="12"/>
    </row>
    <row r="89888" spans="8:8">
      <c r="H89888" s="12"/>
    </row>
    <row r="89889" spans="8:8">
      <c r="H89889" s="12"/>
    </row>
    <row r="89890" spans="8:8">
      <c r="H89890" s="12"/>
    </row>
    <row r="89891" spans="8:8">
      <c r="H89891" s="12"/>
    </row>
    <row r="89892" spans="8:8">
      <c r="H89892" s="12"/>
    </row>
    <row r="89893" spans="8:8">
      <c r="H89893" s="12"/>
    </row>
    <row r="89894" spans="8:8">
      <c r="H89894" s="12"/>
    </row>
    <row r="89895" spans="8:8">
      <c r="H89895" s="12"/>
    </row>
    <row r="89896" spans="8:8">
      <c r="H89896" s="12"/>
    </row>
    <row r="89897" spans="8:8">
      <c r="H89897" s="12"/>
    </row>
    <row r="89898" spans="8:8">
      <c r="H89898" s="12"/>
    </row>
    <row r="89899" spans="8:8">
      <c r="H89899" s="12"/>
    </row>
    <row r="89900" spans="8:8">
      <c r="H89900" s="12"/>
    </row>
    <row r="89901" spans="8:8">
      <c r="H89901" s="12"/>
    </row>
    <row r="89902" spans="8:8">
      <c r="H89902" s="12"/>
    </row>
    <row r="89903" spans="8:8">
      <c r="H89903" s="12"/>
    </row>
    <row r="89904" spans="8:8">
      <c r="H89904" s="12"/>
    </row>
    <row r="89905" spans="8:8">
      <c r="H89905" s="12"/>
    </row>
    <row r="89906" spans="8:8">
      <c r="H89906" s="12"/>
    </row>
    <row r="89907" spans="8:8">
      <c r="H89907" s="12"/>
    </row>
    <row r="89908" spans="8:8">
      <c r="H89908" s="12"/>
    </row>
    <row r="89909" spans="8:8">
      <c r="H89909" s="12"/>
    </row>
    <row r="89910" spans="8:8">
      <c r="H89910" s="12"/>
    </row>
    <row r="89911" spans="8:8">
      <c r="H89911" s="12"/>
    </row>
    <row r="89912" spans="8:8">
      <c r="H89912" s="12"/>
    </row>
    <row r="89913" spans="8:8">
      <c r="H89913" s="12"/>
    </row>
    <row r="89914" spans="8:8">
      <c r="H89914" s="12"/>
    </row>
    <row r="89915" spans="8:8">
      <c r="H89915" s="12"/>
    </row>
    <row r="89916" spans="8:8">
      <c r="H89916" s="12"/>
    </row>
    <row r="89917" spans="8:8">
      <c r="H89917" s="12"/>
    </row>
    <row r="89918" spans="8:8">
      <c r="H89918" s="12"/>
    </row>
    <row r="89919" spans="8:8">
      <c r="H89919" s="12"/>
    </row>
    <row r="89920" spans="8:8">
      <c r="H89920" s="12"/>
    </row>
    <row r="89921" spans="8:8">
      <c r="H89921" s="12"/>
    </row>
    <row r="89922" spans="8:8">
      <c r="H89922" s="12"/>
    </row>
    <row r="89923" spans="8:8">
      <c r="H89923" s="12"/>
    </row>
    <row r="89924" spans="8:8">
      <c r="H89924" s="12"/>
    </row>
    <row r="89925" spans="8:8">
      <c r="H89925" s="12"/>
    </row>
    <row r="89926" spans="8:8">
      <c r="H89926" s="12"/>
    </row>
    <row r="89927" spans="8:8">
      <c r="H89927" s="12"/>
    </row>
    <row r="89928" spans="8:8">
      <c r="H89928" s="12"/>
    </row>
    <row r="89929" spans="8:8">
      <c r="H89929" s="12"/>
    </row>
    <row r="89930" spans="8:8">
      <c r="H89930" s="12"/>
    </row>
    <row r="89931" spans="8:8">
      <c r="H89931" s="12"/>
    </row>
    <row r="89932" spans="8:8">
      <c r="H89932" s="12"/>
    </row>
    <row r="89933" spans="8:8">
      <c r="H89933" s="12"/>
    </row>
    <row r="89934" spans="8:8">
      <c r="H89934" s="12"/>
    </row>
    <row r="89935" spans="8:8">
      <c r="H89935" s="12"/>
    </row>
    <row r="89936" spans="8:8">
      <c r="H89936" s="12"/>
    </row>
    <row r="89937" spans="8:8">
      <c r="H89937" s="12"/>
    </row>
    <row r="89938" spans="8:8">
      <c r="H89938" s="12"/>
    </row>
    <row r="89939" spans="8:8">
      <c r="H89939" s="12"/>
    </row>
    <row r="89940" spans="8:8">
      <c r="H89940" s="12"/>
    </row>
    <row r="89941" spans="8:8">
      <c r="H89941" s="12"/>
    </row>
    <row r="89942" spans="8:8">
      <c r="H89942" s="12"/>
    </row>
    <row r="89943" spans="8:8">
      <c r="H89943" s="12"/>
    </row>
    <row r="89944" spans="8:8">
      <c r="H89944" s="12"/>
    </row>
    <row r="89945" spans="8:8">
      <c r="H89945" s="12"/>
    </row>
    <row r="89946" spans="8:8">
      <c r="H89946" s="12"/>
    </row>
    <row r="89947" spans="8:8">
      <c r="H89947" s="12"/>
    </row>
    <row r="89948" spans="8:8">
      <c r="H89948" s="12"/>
    </row>
    <row r="89949" spans="8:8">
      <c r="H89949" s="12"/>
    </row>
    <row r="89950" spans="8:8">
      <c r="H89950" s="12"/>
    </row>
    <row r="89951" spans="8:8">
      <c r="H89951" s="12"/>
    </row>
    <row r="89952" spans="8:8">
      <c r="H89952" s="12"/>
    </row>
    <row r="89953" spans="8:8">
      <c r="H89953" s="12"/>
    </row>
    <row r="89954" spans="8:8">
      <c r="H89954" s="12"/>
    </row>
    <row r="89955" spans="8:8">
      <c r="H89955" s="12"/>
    </row>
    <row r="89956" spans="8:8">
      <c r="H89956" s="12"/>
    </row>
    <row r="89957" spans="8:8">
      <c r="H89957" s="12"/>
    </row>
    <row r="89958" spans="8:8">
      <c r="H89958" s="12"/>
    </row>
    <row r="89959" spans="8:8">
      <c r="H89959" s="12"/>
    </row>
    <row r="89960" spans="8:8">
      <c r="H89960" s="12"/>
    </row>
    <row r="89961" spans="8:8">
      <c r="H89961" s="12"/>
    </row>
    <row r="89962" spans="8:8">
      <c r="H89962" s="12"/>
    </row>
    <row r="89963" spans="8:8">
      <c r="H89963" s="12"/>
    </row>
    <row r="89964" spans="8:8">
      <c r="H89964" s="12"/>
    </row>
    <row r="89965" spans="8:8">
      <c r="H89965" s="12"/>
    </row>
    <row r="89966" spans="8:8">
      <c r="H89966" s="12"/>
    </row>
    <row r="89967" spans="8:8">
      <c r="H89967" s="12"/>
    </row>
    <row r="89968" spans="8:8">
      <c r="H89968" s="12"/>
    </row>
    <row r="89969" spans="8:8">
      <c r="H89969" s="12"/>
    </row>
    <row r="89970" spans="8:8">
      <c r="H89970" s="12"/>
    </row>
    <row r="89971" spans="8:8">
      <c r="H89971" s="12"/>
    </row>
    <row r="89972" spans="8:8">
      <c r="H89972" s="12"/>
    </row>
    <row r="89973" spans="8:8">
      <c r="H89973" s="12"/>
    </row>
    <row r="89974" spans="8:8">
      <c r="H89974" s="12"/>
    </row>
    <row r="89975" spans="8:8">
      <c r="H89975" s="12"/>
    </row>
    <row r="89976" spans="8:8">
      <c r="H89976" s="12"/>
    </row>
    <row r="89977" spans="8:8">
      <c r="H89977" s="12"/>
    </row>
    <row r="89978" spans="8:8">
      <c r="H89978" s="12"/>
    </row>
    <row r="89979" spans="8:8">
      <c r="H89979" s="12"/>
    </row>
    <row r="89980" spans="8:8">
      <c r="H89980" s="12"/>
    </row>
    <row r="89981" spans="8:8">
      <c r="H89981" s="12"/>
    </row>
    <row r="89982" spans="8:8">
      <c r="H89982" s="12"/>
    </row>
    <row r="89983" spans="8:8">
      <c r="H89983" s="12"/>
    </row>
    <row r="89984" spans="8:8">
      <c r="H89984" s="12"/>
    </row>
    <row r="89985" spans="8:8">
      <c r="H89985" s="12"/>
    </row>
    <row r="89986" spans="8:8">
      <c r="H89986" s="12"/>
    </row>
    <row r="89987" spans="8:8">
      <c r="H89987" s="12"/>
    </row>
    <row r="89988" spans="8:8">
      <c r="H89988" s="12"/>
    </row>
    <row r="89989" spans="8:8">
      <c r="H89989" s="12"/>
    </row>
    <row r="89990" spans="8:8">
      <c r="H89990" s="12"/>
    </row>
    <row r="89991" spans="8:8">
      <c r="H89991" s="12"/>
    </row>
    <row r="89992" spans="8:8">
      <c r="H89992" s="12"/>
    </row>
    <row r="89993" spans="8:8">
      <c r="H89993" s="12"/>
    </row>
    <row r="89994" spans="8:8">
      <c r="H89994" s="12"/>
    </row>
    <row r="89995" spans="8:8">
      <c r="H89995" s="12"/>
    </row>
    <row r="89996" spans="8:8">
      <c r="H89996" s="12"/>
    </row>
    <row r="89997" spans="8:8">
      <c r="H89997" s="12"/>
    </row>
    <row r="89998" spans="8:8">
      <c r="H89998" s="12"/>
    </row>
    <row r="89999" spans="8:8">
      <c r="H89999" s="12"/>
    </row>
    <row r="90000" spans="8:8">
      <c r="H90000" s="12"/>
    </row>
    <row r="90001" spans="8:8">
      <c r="H90001" s="12"/>
    </row>
    <row r="90002" spans="8:8">
      <c r="H90002" s="12"/>
    </row>
    <row r="90003" spans="8:8">
      <c r="H90003" s="12"/>
    </row>
    <row r="90004" spans="8:8">
      <c r="H90004" s="12"/>
    </row>
    <row r="90005" spans="8:8">
      <c r="H90005" s="12"/>
    </row>
    <row r="90006" spans="8:8">
      <c r="H90006" s="12"/>
    </row>
    <row r="90007" spans="8:8">
      <c r="H90007" s="12"/>
    </row>
    <row r="90008" spans="8:8">
      <c r="H90008" s="12"/>
    </row>
    <row r="90009" spans="8:8">
      <c r="H90009" s="12"/>
    </row>
    <row r="90010" spans="8:8">
      <c r="H90010" s="12"/>
    </row>
    <row r="90011" spans="8:8">
      <c r="H90011" s="12"/>
    </row>
    <row r="90012" spans="8:8">
      <c r="H90012" s="12"/>
    </row>
    <row r="90013" spans="8:8">
      <c r="H90013" s="12"/>
    </row>
    <row r="90014" spans="8:8">
      <c r="H90014" s="12"/>
    </row>
    <row r="90015" spans="8:8">
      <c r="H90015" s="12"/>
    </row>
    <row r="90016" spans="8:8">
      <c r="H90016" s="12"/>
    </row>
    <row r="90017" spans="8:8">
      <c r="H90017" s="12"/>
    </row>
    <row r="90018" spans="8:8">
      <c r="H90018" s="12"/>
    </row>
    <row r="90019" spans="8:8">
      <c r="H90019" s="12"/>
    </row>
    <row r="90020" spans="8:8">
      <c r="H90020" s="12"/>
    </row>
    <row r="90021" spans="8:8">
      <c r="H90021" s="12"/>
    </row>
    <row r="90022" spans="8:8">
      <c r="H90022" s="12"/>
    </row>
    <row r="90023" spans="8:8">
      <c r="H90023" s="12"/>
    </row>
    <row r="90024" spans="8:8">
      <c r="H90024" s="12"/>
    </row>
    <row r="90025" spans="8:8">
      <c r="H90025" s="12"/>
    </row>
    <row r="90026" spans="8:8">
      <c r="H90026" s="12"/>
    </row>
    <row r="90027" spans="8:8">
      <c r="H90027" s="12"/>
    </row>
    <row r="90028" spans="8:8">
      <c r="H90028" s="12"/>
    </row>
    <row r="90029" spans="8:8">
      <c r="H90029" s="12"/>
    </row>
    <row r="90030" spans="8:8">
      <c r="H90030" s="12"/>
    </row>
    <row r="90031" spans="8:8">
      <c r="H90031" s="12"/>
    </row>
    <row r="90032" spans="8:8">
      <c r="H90032" s="12"/>
    </row>
    <row r="90033" spans="8:8">
      <c r="H90033" s="12"/>
    </row>
    <row r="90034" spans="8:8">
      <c r="H90034" s="12"/>
    </row>
    <row r="90035" spans="8:8">
      <c r="H90035" s="12"/>
    </row>
    <row r="90036" spans="8:8">
      <c r="H90036" s="12"/>
    </row>
    <row r="90037" spans="8:8">
      <c r="H90037" s="12"/>
    </row>
    <row r="90038" spans="8:8">
      <c r="H90038" s="12"/>
    </row>
    <row r="90039" spans="8:8">
      <c r="H90039" s="12"/>
    </row>
    <row r="90040" spans="8:8">
      <c r="H90040" s="12"/>
    </row>
    <row r="90041" spans="8:8">
      <c r="H90041" s="12"/>
    </row>
    <row r="90042" spans="8:8">
      <c r="H90042" s="12"/>
    </row>
    <row r="90043" spans="8:8">
      <c r="H90043" s="12"/>
    </row>
    <row r="90044" spans="8:8">
      <c r="H90044" s="12"/>
    </row>
    <row r="90045" spans="8:8">
      <c r="H90045" s="12"/>
    </row>
    <row r="90046" spans="8:8">
      <c r="H90046" s="12"/>
    </row>
    <row r="90047" spans="8:8">
      <c r="H90047" s="12"/>
    </row>
    <row r="90048" spans="8:8">
      <c r="H90048" s="12"/>
    </row>
    <row r="90049" spans="8:8">
      <c r="H90049" s="12"/>
    </row>
    <row r="90050" spans="8:8">
      <c r="H90050" s="12"/>
    </row>
    <row r="90051" spans="8:8">
      <c r="H90051" s="12"/>
    </row>
    <row r="90052" spans="8:8">
      <c r="H90052" s="12"/>
    </row>
    <row r="90053" spans="8:8">
      <c r="H90053" s="12"/>
    </row>
    <row r="90054" spans="8:8">
      <c r="H90054" s="12"/>
    </row>
    <row r="90055" spans="8:8">
      <c r="H90055" s="12"/>
    </row>
    <row r="90056" spans="8:8">
      <c r="H90056" s="12"/>
    </row>
    <row r="90057" spans="8:8">
      <c r="H90057" s="12"/>
    </row>
    <row r="90058" spans="8:8">
      <c r="H90058" s="12"/>
    </row>
    <row r="90059" spans="8:8">
      <c r="H90059" s="12"/>
    </row>
    <row r="90060" spans="8:8">
      <c r="H90060" s="12"/>
    </row>
    <row r="90061" spans="8:8">
      <c r="H90061" s="12"/>
    </row>
    <row r="90062" spans="8:8">
      <c r="H90062" s="12"/>
    </row>
    <row r="90063" spans="8:8">
      <c r="H90063" s="12"/>
    </row>
    <row r="90064" spans="8:8">
      <c r="H90064" s="12"/>
    </row>
    <row r="90065" spans="8:8">
      <c r="H90065" s="12"/>
    </row>
    <row r="90066" spans="8:8">
      <c r="H90066" s="12"/>
    </row>
    <row r="90067" spans="8:8">
      <c r="H90067" s="12"/>
    </row>
    <row r="90068" spans="8:8">
      <c r="H90068" s="12"/>
    </row>
    <row r="90069" spans="8:8">
      <c r="H90069" s="12"/>
    </row>
    <row r="90070" spans="8:8">
      <c r="H90070" s="12"/>
    </row>
    <row r="90071" spans="8:8">
      <c r="H90071" s="12"/>
    </row>
    <row r="90072" spans="8:8">
      <c r="H90072" s="12"/>
    </row>
    <row r="90073" spans="8:8">
      <c r="H90073" s="12"/>
    </row>
    <row r="90074" spans="8:8">
      <c r="H90074" s="12"/>
    </row>
    <row r="90075" spans="8:8">
      <c r="H90075" s="12"/>
    </row>
    <row r="90076" spans="8:8">
      <c r="H90076" s="12"/>
    </row>
    <row r="90077" spans="8:8">
      <c r="H90077" s="12"/>
    </row>
    <row r="90078" spans="8:8">
      <c r="H90078" s="12"/>
    </row>
    <row r="90079" spans="8:8">
      <c r="H90079" s="12"/>
    </row>
    <row r="90080" spans="8:8">
      <c r="H90080" s="12"/>
    </row>
    <row r="90081" spans="8:8">
      <c r="H90081" s="12"/>
    </row>
    <row r="90082" spans="8:8">
      <c r="H90082" s="12"/>
    </row>
    <row r="90083" spans="8:8">
      <c r="H90083" s="12"/>
    </row>
    <row r="90084" spans="8:8">
      <c r="H90084" s="12"/>
    </row>
    <row r="90085" spans="8:8">
      <c r="H90085" s="12"/>
    </row>
    <row r="90086" spans="8:8">
      <c r="H90086" s="12"/>
    </row>
    <row r="90087" spans="8:8">
      <c r="H90087" s="12"/>
    </row>
    <row r="90088" spans="8:8">
      <c r="H90088" s="12"/>
    </row>
    <row r="90089" spans="8:8">
      <c r="H90089" s="12"/>
    </row>
    <row r="90090" spans="8:8">
      <c r="H90090" s="12"/>
    </row>
    <row r="90091" spans="8:8">
      <c r="H90091" s="12"/>
    </row>
    <row r="90092" spans="8:8">
      <c r="H90092" s="12"/>
    </row>
    <row r="90093" spans="8:8">
      <c r="H90093" s="12"/>
    </row>
    <row r="90094" spans="8:8">
      <c r="H90094" s="12"/>
    </row>
    <row r="90095" spans="8:8">
      <c r="H90095" s="12"/>
    </row>
    <row r="90096" spans="8:8">
      <c r="H90096" s="12"/>
    </row>
    <row r="90097" spans="8:8">
      <c r="H90097" s="12"/>
    </row>
    <row r="90098" spans="8:8">
      <c r="H90098" s="12"/>
    </row>
    <row r="90099" spans="8:8">
      <c r="H90099" s="12"/>
    </row>
    <row r="90100" spans="8:8">
      <c r="H90100" s="12"/>
    </row>
    <row r="90101" spans="8:8">
      <c r="H90101" s="12"/>
    </row>
    <row r="90102" spans="8:8">
      <c r="H90102" s="12"/>
    </row>
    <row r="90103" spans="8:8">
      <c r="H90103" s="12"/>
    </row>
    <row r="90104" spans="8:8">
      <c r="H90104" s="12"/>
    </row>
    <row r="90105" spans="8:8">
      <c r="H90105" s="12"/>
    </row>
    <row r="90106" spans="8:8">
      <c r="H90106" s="12"/>
    </row>
    <row r="90107" spans="8:8">
      <c r="H90107" s="12"/>
    </row>
    <row r="90108" spans="8:8">
      <c r="H90108" s="12"/>
    </row>
    <row r="90109" spans="8:8">
      <c r="H90109" s="12"/>
    </row>
    <row r="90110" spans="8:8">
      <c r="H90110" s="12"/>
    </row>
    <row r="90111" spans="8:8">
      <c r="H90111" s="12"/>
    </row>
    <row r="90112" spans="8:8">
      <c r="H90112" s="12"/>
    </row>
    <row r="90113" spans="8:8">
      <c r="H90113" s="12"/>
    </row>
    <row r="90114" spans="8:8">
      <c r="H90114" s="12"/>
    </row>
    <row r="90115" spans="8:8">
      <c r="H90115" s="12"/>
    </row>
    <row r="90116" spans="8:8">
      <c r="H90116" s="12"/>
    </row>
    <row r="90117" spans="8:8">
      <c r="H90117" s="12"/>
    </row>
    <row r="90118" spans="8:8">
      <c r="H90118" s="12"/>
    </row>
    <row r="90119" spans="8:8">
      <c r="H90119" s="12"/>
    </row>
    <row r="90120" spans="8:8">
      <c r="H90120" s="12"/>
    </row>
    <row r="90121" spans="8:8">
      <c r="H90121" s="12"/>
    </row>
    <row r="90122" spans="8:8">
      <c r="H90122" s="12"/>
    </row>
    <row r="90123" spans="8:8">
      <c r="H90123" s="12"/>
    </row>
    <row r="90124" spans="8:8">
      <c r="H90124" s="12"/>
    </row>
    <row r="90125" spans="8:8">
      <c r="H90125" s="12"/>
    </row>
    <row r="90126" spans="8:8">
      <c r="H90126" s="12"/>
    </row>
    <row r="90127" spans="8:8">
      <c r="H90127" s="12"/>
    </row>
    <row r="90128" spans="8:8">
      <c r="H90128" s="12"/>
    </row>
    <row r="90129" spans="8:8">
      <c r="H90129" s="12"/>
    </row>
    <row r="90130" spans="8:8">
      <c r="H90130" s="12"/>
    </row>
    <row r="90131" spans="8:8">
      <c r="H90131" s="12"/>
    </row>
    <row r="90132" spans="8:8">
      <c r="H90132" s="12"/>
    </row>
    <row r="90133" spans="8:8">
      <c r="H90133" s="12"/>
    </row>
    <row r="90134" spans="8:8">
      <c r="H90134" s="12"/>
    </row>
    <row r="90135" spans="8:8">
      <c r="H90135" s="12"/>
    </row>
    <row r="90136" spans="8:8">
      <c r="H90136" s="12"/>
    </row>
    <row r="90137" spans="8:8">
      <c r="H90137" s="12"/>
    </row>
    <row r="90138" spans="8:8">
      <c r="H90138" s="12"/>
    </row>
    <row r="90139" spans="8:8">
      <c r="H90139" s="12"/>
    </row>
    <row r="90140" spans="8:8">
      <c r="H90140" s="12"/>
    </row>
    <row r="90141" spans="8:8">
      <c r="H90141" s="12"/>
    </row>
    <row r="90142" spans="8:8">
      <c r="H90142" s="12"/>
    </row>
    <row r="90143" spans="8:8">
      <c r="H90143" s="12"/>
    </row>
    <row r="90144" spans="8:8">
      <c r="H90144" s="12"/>
    </row>
    <row r="90145" spans="8:8">
      <c r="H90145" s="12"/>
    </row>
    <row r="90146" spans="8:8">
      <c r="H90146" s="12"/>
    </row>
    <row r="90147" spans="8:8">
      <c r="H90147" s="12"/>
    </row>
    <row r="90148" spans="8:8">
      <c r="H90148" s="12"/>
    </row>
    <row r="90149" spans="8:8">
      <c r="H90149" s="12"/>
    </row>
    <row r="90150" spans="8:8">
      <c r="H90150" s="12"/>
    </row>
    <row r="90151" spans="8:8">
      <c r="H90151" s="12"/>
    </row>
    <row r="90152" spans="8:8">
      <c r="H90152" s="12"/>
    </row>
    <row r="90153" spans="8:8">
      <c r="H90153" s="12"/>
    </row>
    <row r="90154" spans="8:8">
      <c r="H90154" s="12"/>
    </row>
    <row r="90155" spans="8:8">
      <c r="H90155" s="12"/>
    </row>
    <row r="90156" spans="8:8">
      <c r="H90156" s="12"/>
    </row>
    <row r="90157" spans="8:8">
      <c r="H90157" s="12"/>
    </row>
    <row r="90158" spans="8:8">
      <c r="H90158" s="12"/>
    </row>
    <row r="90159" spans="8:8">
      <c r="H90159" s="12"/>
    </row>
    <row r="90160" spans="8:8">
      <c r="H90160" s="12"/>
    </row>
    <row r="90161" spans="8:8">
      <c r="H90161" s="12"/>
    </row>
    <row r="90162" spans="8:8">
      <c r="H90162" s="12"/>
    </row>
    <row r="90163" spans="8:8">
      <c r="H90163" s="12"/>
    </row>
    <row r="90164" spans="8:8">
      <c r="H90164" s="12"/>
    </row>
    <row r="90165" spans="8:8">
      <c r="H90165" s="12"/>
    </row>
    <row r="90166" spans="8:8">
      <c r="H90166" s="12"/>
    </row>
    <row r="90167" spans="8:8">
      <c r="H90167" s="12"/>
    </row>
    <row r="90168" spans="8:8">
      <c r="H90168" s="12"/>
    </row>
    <row r="90169" spans="8:8">
      <c r="H90169" s="12"/>
    </row>
    <row r="90170" spans="8:8">
      <c r="H90170" s="12"/>
    </row>
    <row r="90171" spans="8:8">
      <c r="H90171" s="12"/>
    </row>
    <row r="90172" spans="8:8">
      <c r="H90172" s="12"/>
    </row>
    <row r="90173" spans="8:8">
      <c r="H90173" s="12"/>
    </row>
    <row r="90174" spans="8:8">
      <c r="H90174" s="12"/>
    </row>
    <row r="90175" spans="8:8">
      <c r="H90175" s="12"/>
    </row>
    <row r="90176" spans="8:8">
      <c r="H90176" s="12"/>
    </row>
    <row r="90177" spans="8:8">
      <c r="H90177" s="12"/>
    </row>
    <row r="90178" spans="8:8">
      <c r="H90178" s="12"/>
    </row>
    <row r="90179" spans="8:8">
      <c r="H90179" s="12"/>
    </row>
    <row r="90180" spans="8:8">
      <c r="H90180" s="12"/>
    </row>
    <row r="90181" spans="8:8">
      <c r="H90181" s="12"/>
    </row>
    <row r="90182" spans="8:8">
      <c r="H90182" s="12"/>
    </row>
    <row r="90183" spans="8:8">
      <c r="H90183" s="12"/>
    </row>
    <row r="90184" spans="8:8">
      <c r="H90184" s="12"/>
    </row>
    <row r="90185" spans="8:8">
      <c r="H90185" s="12"/>
    </row>
    <row r="90186" spans="8:8">
      <c r="H90186" s="12"/>
    </row>
    <row r="90187" spans="8:8">
      <c r="H90187" s="12"/>
    </row>
    <row r="90188" spans="8:8">
      <c r="H90188" s="12"/>
    </row>
    <row r="90189" spans="8:8">
      <c r="H90189" s="12"/>
    </row>
    <row r="90190" spans="8:8">
      <c r="H90190" s="12"/>
    </row>
    <row r="90191" spans="8:8">
      <c r="H90191" s="12"/>
    </row>
    <row r="90192" spans="8:8">
      <c r="H90192" s="12"/>
    </row>
    <row r="90193" spans="8:8">
      <c r="H90193" s="12"/>
    </row>
    <row r="90194" spans="8:8">
      <c r="H90194" s="12"/>
    </row>
    <row r="90195" spans="8:8">
      <c r="H90195" s="12"/>
    </row>
    <row r="90196" spans="8:8">
      <c r="H90196" s="12"/>
    </row>
    <row r="90197" spans="8:8">
      <c r="H90197" s="12"/>
    </row>
    <row r="90198" spans="8:8">
      <c r="H90198" s="12"/>
    </row>
    <row r="90199" spans="8:8">
      <c r="H90199" s="12"/>
    </row>
    <row r="90200" spans="8:8">
      <c r="H90200" s="12"/>
    </row>
    <row r="90201" spans="8:8">
      <c r="H90201" s="12"/>
    </row>
    <row r="90202" spans="8:8">
      <c r="H90202" s="12"/>
    </row>
    <row r="90203" spans="8:8">
      <c r="H90203" s="12"/>
    </row>
    <row r="90204" spans="8:8">
      <c r="H90204" s="12"/>
    </row>
    <row r="90205" spans="8:8">
      <c r="H90205" s="12"/>
    </row>
    <row r="90206" spans="8:8">
      <c r="H90206" s="12"/>
    </row>
    <row r="90207" spans="8:8">
      <c r="H90207" s="12"/>
    </row>
    <row r="90208" spans="8:8">
      <c r="H90208" s="12"/>
    </row>
    <row r="90209" spans="8:8">
      <c r="H90209" s="12"/>
    </row>
    <row r="90210" spans="8:8">
      <c r="H90210" s="12"/>
    </row>
    <row r="90211" spans="8:8">
      <c r="H90211" s="12"/>
    </row>
    <row r="90212" spans="8:8">
      <c r="H90212" s="12"/>
    </row>
    <row r="90213" spans="8:8">
      <c r="H90213" s="12"/>
    </row>
    <row r="90214" spans="8:8">
      <c r="H90214" s="12"/>
    </row>
    <row r="90215" spans="8:8">
      <c r="H90215" s="12"/>
    </row>
    <row r="90216" spans="8:8">
      <c r="H90216" s="12"/>
    </row>
    <row r="90217" spans="8:8">
      <c r="H90217" s="12"/>
    </row>
    <row r="90218" spans="8:8">
      <c r="H90218" s="12"/>
    </row>
    <row r="90219" spans="8:8">
      <c r="H90219" s="12"/>
    </row>
    <row r="90220" spans="8:8">
      <c r="H90220" s="12"/>
    </row>
    <row r="90221" spans="8:8">
      <c r="H90221" s="12"/>
    </row>
    <row r="90222" spans="8:8">
      <c r="H90222" s="12"/>
    </row>
    <row r="90223" spans="8:8">
      <c r="H90223" s="12"/>
    </row>
    <row r="90224" spans="8:8">
      <c r="H90224" s="12"/>
    </row>
    <row r="90225" spans="8:8">
      <c r="H90225" s="12"/>
    </row>
    <row r="90226" spans="8:8">
      <c r="H90226" s="12"/>
    </row>
    <row r="90227" spans="8:8">
      <c r="H90227" s="12"/>
    </row>
    <row r="90228" spans="8:8">
      <c r="H90228" s="12"/>
    </row>
    <row r="90229" spans="8:8">
      <c r="H90229" s="12"/>
    </row>
    <row r="90230" spans="8:8">
      <c r="H90230" s="12"/>
    </row>
    <row r="90231" spans="8:8">
      <c r="H90231" s="12"/>
    </row>
    <row r="90232" spans="8:8">
      <c r="H90232" s="12"/>
    </row>
    <row r="90233" spans="8:8">
      <c r="H90233" s="12"/>
    </row>
    <row r="90234" spans="8:8">
      <c r="H90234" s="12"/>
    </row>
    <row r="90235" spans="8:8">
      <c r="H90235" s="12"/>
    </row>
    <row r="90236" spans="8:8">
      <c r="H90236" s="12"/>
    </row>
    <row r="90237" spans="8:8">
      <c r="H90237" s="12"/>
    </row>
    <row r="90238" spans="8:8">
      <c r="H90238" s="12"/>
    </row>
    <row r="90239" spans="8:8">
      <c r="H90239" s="12"/>
    </row>
    <row r="90240" spans="8:8">
      <c r="H90240" s="12"/>
    </row>
    <row r="90241" spans="8:8">
      <c r="H90241" s="12"/>
    </row>
    <row r="90242" spans="8:8">
      <c r="H90242" s="12"/>
    </row>
    <row r="90243" spans="8:8">
      <c r="H90243" s="12"/>
    </row>
    <row r="90244" spans="8:8">
      <c r="H90244" s="12"/>
    </row>
    <row r="90245" spans="8:8">
      <c r="H90245" s="12"/>
    </row>
    <row r="90246" spans="8:8">
      <c r="H90246" s="12"/>
    </row>
    <row r="90247" spans="8:8">
      <c r="H90247" s="12"/>
    </row>
    <row r="90248" spans="8:8">
      <c r="H90248" s="12"/>
    </row>
    <row r="90249" spans="8:8">
      <c r="H90249" s="12"/>
    </row>
    <row r="90250" spans="8:8">
      <c r="H90250" s="12"/>
    </row>
    <row r="90251" spans="8:8">
      <c r="H90251" s="12"/>
    </row>
    <row r="90252" spans="8:8">
      <c r="H90252" s="12"/>
    </row>
    <row r="90253" spans="8:8">
      <c r="H90253" s="12"/>
    </row>
    <row r="90254" spans="8:8">
      <c r="H90254" s="12"/>
    </row>
    <row r="90255" spans="8:8">
      <c r="H90255" s="12"/>
    </row>
    <row r="90256" spans="8:8">
      <c r="H90256" s="12"/>
    </row>
    <row r="90257" spans="8:8">
      <c r="H90257" s="12"/>
    </row>
    <row r="90258" spans="8:8">
      <c r="H90258" s="12"/>
    </row>
    <row r="90259" spans="8:8">
      <c r="H90259" s="12"/>
    </row>
    <row r="90260" spans="8:8">
      <c r="H90260" s="12"/>
    </row>
    <row r="90261" spans="8:8">
      <c r="H90261" s="12"/>
    </row>
    <row r="90262" spans="8:8">
      <c r="H90262" s="12"/>
    </row>
    <row r="90263" spans="8:8">
      <c r="H90263" s="12"/>
    </row>
    <row r="90264" spans="8:8">
      <c r="H90264" s="12"/>
    </row>
    <row r="90265" spans="8:8">
      <c r="H90265" s="12"/>
    </row>
    <row r="90266" spans="8:8">
      <c r="H90266" s="12"/>
    </row>
    <row r="90267" spans="8:8">
      <c r="H90267" s="12"/>
    </row>
    <row r="90268" spans="8:8">
      <c r="H90268" s="12"/>
    </row>
    <row r="90269" spans="8:8">
      <c r="H90269" s="12"/>
    </row>
    <row r="90270" spans="8:8">
      <c r="H90270" s="12"/>
    </row>
    <row r="90271" spans="8:8">
      <c r="H90271" s="12"/>
    </row>
    <row r="90272" spans="8:8">
      <c r="H90272" s="12"/>
    </row>
    <row r="90273" spans="8:8">
      <c r="H90273" s="12"/>
    </row>
    <row r="90274" spans="8:8">
      <c r="H90274" s="12"/>
    </row>
    <row r="90275" spans="8:8">
      <c r="H90275" s="12"/>
    </row>
    <row r="90276" spans="8:8">
      <c r="H90276" s="12"/>
    </row>
    <row r="90277" spans="8:8">
      <c r="H90277" s="12"/>
    </row>
    <row r="90278" spans="8:8">
      <c r="H90278" s="12"/>
    </row>
    <row r="90279" spans="8:8">
      <c r="H90279" s="12"/>
    </row>
    <row r="90280" spans="8:8">
      <c r="H90280" s="12"/>
    </row>
    <row r="90281" spans="8:8">
      <c r="H90281" s="12"/>
    </row>
    <row r="90282" spans="8:8">
      <c r="H90282" s="12"/>
    </row>
    <row r="90283" spans="8:8">
      <c r="H90283" s="12"/>
    </row>
    <row r="90284" spans="8:8">
      <c r="H90284" s="12"/>
    </row>
    <row r="90285" spans="8:8">
      <c r="H90285" s="12"/>
    </row>
    <row r="90286" spans="8:8">
      <c r="H90286" s="12"/>
    </row>
    <row r="90287" spans="8:8">
      <c r="H90287" s="12"/>
    </row>
    <row r="90288" spans="8:8">
      <c r="H90288" s="12"/>
    </row>
    <row r="90289" spans="8:8">
      <c r="H90289" s="12"/>
    </row>
    <row r="90290" spans="8:8">
      <c r="H90290" s="12"/>
    </row>
    <row r="90291" spans="8:8">
      <c r="H90291" s="12"/>
    </row>
    <row r="90292" spans="8:8">
      <c r="H90292" s="12"/>
    </row>
    <row r="90293" spans="8:8">
      <c r="H90293" s="12"/>
    </row>
    <row r="90294" spans="8:8">
      <c r="H90294" s="12"/>
    </row>
    <row r="90295" spans="8:8">
      <c r="H90295" s="12"/>
    </row>
    <row r="90296" spans="8:8">
      <c r="H90296" s="12"/>
    </row>
    <row r="90297" spans="8:8">
      <c r="H90297" s="12"/>
    </row>
    <row r="90298" spans="8:8">
      <c r="H90298" s="12"/>
    </row>
    <row r="90299" spans="8:8">
      <c r="H90299" s="12"/>
    </row>
    <row r="90300" spans="8:8">
      <c r="H90300" s="12"/>
    </row>
    <row r="90301" spans="8:8">
      <c r="H90301" s="12"/>
    </row>
    <row r="90302" spans="8:8">
      <c r="H90302" s="12"/>
    </row>
    <row r="90303" spans="8:8">
      <c r="H90303" s="12"/>
    </row>
    <row r="90304" spans="8:8">
      <c r="H90304" s="12"/>
    </row>
    <row r="90305" spans="8:8">
      <c r="H90305" s="12"/>
    </row>
    <row r="90306" spans="8:8">
      <c r="H90306" s="12"/>
    </row>
    <row r="90307" spans="8:8">
      <c r="H90307" s="12"/>
    </row>
    <row r="90308" spans="8:8">
      <c r="H90308" s="12"/>
    </row>
    <row r="90309" spans="8:8">
      <c r="H90309" s="12"/>
    </row>
    <row r="90310" spans="8:8">
      <c r="H90310" s="12"/>
    </row>
    <row r="90311" spans="8:8">
      <c r="H90311" s="12"/>
    </row>
    <row r="90312" spans="8:8">
      <c r="H90312" s="12"/>
    </row>
    <row r="90313" spans="8:8">
      <c r="H90313" s="12"/>
    </row>
    <row r="90314" spans="8:8">
      <c r="H90314" s="12"/>
    </row>
    <row r="90315" spans="8:8">
      <c r="H90315" s="12"/>
    </row>
    <row r="90316" spans="8:8">
      <c r="H90316" s="12"/>
    </row>
    <row r="90317" spans="8:8">
      <c r="H90317" s="12"/>
    </row>
    <row r="90318" spans="8:8">
      <c r="H90318" s="12"/>
    </row>
    <row r="90319" spans="8:8">
      <c r="H90319" s="12"/>
    </row>
    <row r="90320" spans="8:8">
      <c r="H90320" s="12"/>
    </row>
    <row r="90321" spans="8:8">
      <c r="H90321" s="12"/>
    </row>
    <row r="90322" spans="8:8">
      <c r="H90322" s="12"/>
    </row>
    <row r="90323" spans="8:8">
      <c r="H90323" s="12"/>
    </row>
    <row r="90324" spans="8:8">
      <c r="H90324" s="12"/>
    </row>
    <row r="90325" spans="8:8">
      <c r="H90325" s="12"/>
    </row>
    <row r="90326" spans="8:8">
      <c r="H90326" s="12"/>
    </row>
    <row r="90327" spans="8:8">
      <c r="H90327" s="12"/>
    </row>
    <row r="90328" spans="8:8">
      <c r="H90328" s="12"/>
    </row>
    <row r="90329" spans="8:8">
      <c r="H90329" s="12"/>
    </row>
    <row r="90330" spans="8:8">
      <c r="H90330" s="12"/>
    </row>
    <row r="90331" spans="8:8">
      <c r="H90331" s="12"/>
    </row>
    <row r="90332" spans="8:8">
      <c r="H90332" s="12"/>
    </row>
    <row r="90333" spans="8:8">
      <c r="H90333" s="12"/>
    </row>
    <row r="90334" spans="8:8">
      <c r="H90334" s="12"/>
    </row>
    <row r="90335" spans="8:8">
      <c r="H90335" s="12"/>
    </row>
    <row r="90336" spans="8:8">
      <c r="H90336" s="12"/>
    </row>
    <row r="90337" spans="8:8">
      <c r="H90337" s="12"/>
    </row>
    <row r="90338" spans="8:8">
      <c r="H90338" s="12"/>
    </row>
    <row r="90339" spans="8:8">
      <c r="H90339" s="12"/>
    </row>
    <row r="90340" spans="8:8">
      <c r="H90340" s="12"/>
    </row>
    <row r="90341" spans="8:8">
      <c r="H90341" s="12"/>
    </row>
    <row r="90342" spans="8:8">
      <c r="H90342" s="12"/>
    </row>
    <row r="90343" spans="8:8">
      <c r="H90343" s="12"/>
    </row>
    <row r="90344" spans="8:8">
      <c r="H90344" s="12"/>
    </row>
    <row r="90345" spans="8:8">
      <c r="H90345" s="12"/>
    </row>
    <row r="90346" spans="8:8">
      <c r="H90346" s="12"/>
    </row>
    <row r="90347" spans="8:8">
      <c r="H90347" s="12"/>
    </row>
    <row r="90348" spans="8:8">
      <c r="H90348" s="12"/>
    </row>
    <row r="90349" spans="8:8">
      <c r="H90349" s="12"/>
    </row>
    <row r="90350" spans="8:8">
      <c r="H90350" s="12"/>
    </row>
    <row r="90351" spans="8:8">
      <c r="H90351" s="12"/>
    </row>
    <row r="90352" spans="8:8">
      <c r="H90352" s="12"/>
    </row>
    <row r="90353" spans="8:8">
      <c r="H90353" s="12"/>
    </row>
    <row r="90354" spans="8:8">
      <c r="H90354" s="12"/>
    </row>
    <row r="90355" spans="8:8">
      <c r="H90355" s="12"/>
    </row>
    <row r="90356" spans="8:8">
      <c r="H90356" s="12"/>
    </row>
    <row r="90357" spans="8:8">
      <c r="H90357" s="12"/>
    </row>
    <row r="90358" spans="8:8">
      <c r="H90358" s="12"/>
    </row>
    <row r="90359" spans="8:8">
      <c r="H90359" s="12"/>
    </row>
    <row r="90360" spans="8:8">
      <c r="H90360" s="12"/>
    </row>
    <row r="90361" spans="8:8">
      <c r="H90361" s="12"/>
    </row>
    <row r="90362" spans="8:8">
      <c r="H90362" s="12"/>
    </row>
    <row r="90363" spans="8:8">
      <c r="H90363" s="12"/>
    </row>
    <row r="90364" spans="8:8">
      <c r="H90364" s="12"/>
    </row>
    <row r="90365" spans="8:8">
      <c r="H90365" s="12"/>
    </row>
    <row r="90366" spans="8:8">
      <c r="H90366" s="12"/>
    </row>
    <row r="90367" spans="8:8">
      <c r="H90367" s="12"/>
    </row>
    <row r="90368" spans="8:8">
      <c r="H90368" s="12"/>
    </row>
    <row r="90369" spans="8:8">
      <c r="H90369" s="12"/>
    </row>
    <row r="90370" spans="8:8">
      <c r="H90370" s="12"/>
    </row>
    <row r="90371" spans="8:8">
      <c r="H90371" s="12"/>
    </row>
    <row r="90372" spans="8:8">
      <c r="H90372" s="12"/>
    </row>
    <row r="90373" spans="8:8">
      <c r="H90373" s="12"/>
    </row>
    <row r="90374" spans="8:8">
      <c r="H90374" s="12"/>
    </row>
    <row r="90375" spans="8:8">
      <c r="H90375" s="12"/>
    </row>
    <row r="90376" spans="8:8">
      <c r="H90376" s="12"/>
    </row>
    <row r="90377" spans="8:8">
      <c r="H90377" s="12"/>
    </row>
    <row r="90378" spans="8:8">
      <c r="H90378" s="12"/>
    </row>
    <row r="90379" spans="8:8">
      <c r="H90379" s="12"/>
    </row>
    <row r="90380" spans="8:8">
      <c r="H90380" s="12"/>
    </row>
    <row r="90381" spans="8:8">
      <c r="H90381" s="12"/>
    </row>
    <row r="90382" spans="8:8">
      <c r="H90382" s="12"/>
    </row>
    <row r="90383" spans="8:8">
      <c r="H90383" s="12"/>
    </row>
    <row r="90384" spans="8:8">
      <c r="H90384" s="12"/>
    </row>
    <row r="90385" spans="8:8">
      <c r="H90385" s="12"/>
    </row>
    <row r="90386" spans="8:8">
      <c r="H90386" s="12"/>
    </row>
    <row r="90387" spans="8:8">
      <c r="H90387" s="12"/>
    </row>
    <row r="90388" spans="8:8">
      <c r="H90388" s="12"/>
    </row>
    <row r="90389" spans="8:8">
      <c r="H90389" s="12"/>
    </row>
    <row r="90390" spans="8:8">
      <c r="H90390" s="12"/>
    </row>
    <row r="90391" spans="8:8">
      <c r="H90391" s="12"/>
    </row>
    <row r="90392" spans="8:8">
      <c r="H90392" s="12"/>
    </row>
    <row r="90393" spans="8:8">
      <c r="H90393" s="12"/>
    </row>
    <row r="90394" spans="8:8">
      <c r="H90394" s="12"/>
    </row>
    <row r="90395" spans="8:8">
      <c r="H90395" s="12"/>
    </row>
    <row r="90396" spans="8:8">
      <c r="H90396" s="12"/>
    </row>
    <row r="90397" spans="8:8">
      <c r="H90397" s="12"/>
    </row>
    <row r="90398" spans="8:8">
      <c r="H90398" s="12"/>
    </row>
    <row r="90399" spans="8:8">
      <c r="H90399" s="12"/>
    </row>
    <row r="90400" spans="8:8">
      <c r="H90400" s="12"/>
    </row>
    <row r="90401" spans="8:8">
      <c r="H90401" s="12"/>
    </row>
    <row r="90402" spans="8:8">
      <c r="H90402" s="12"/>
    </row>
    <row r="90403" spans="8:8">
      <c r="H90403" s="12"/>
    </row>
    <row r="90404" spans="8:8">
      <c r="H90404" s="12"/>
    </row>
    <row r="90405" spans="8:8">
      <c r="H90405" s="12"/>
    </row>
    <row r="90406" spans="8:8">
      <c r="H90406" s="12"/>
    </row>
    <row r="90407" spans="8:8">
      <c r="H90407" s="12"/>
    </row>
    <row r="90408" spans="8:8">
      <c r="H90408" s="12"/>
    </row>
    <row r="90409" spans="8:8">
      <c r="H90409" s="12"/>
    </row>
    <row r="90410" spans="8:8">
      <c r="H90410" s="12"/>
    </row>
    <row r="90411" spans="8:8">
      <c r="H90411" s="12"/>
    </row>
    <row r="90412" spans="8:8">
      <c r="H90412" s="12"/>
    </row>
    <row r="90413" spans="8:8">
      <c r="H90413" s="12"/>
    </row>
    <row r="90414" spans="8:8">
      <c r="H90414" s="12"/>
    </row>
    <row r="90415" spans="8:8">
      <c r="H90415" s="12"/>
    </row>
    <row r="90416" spans="8:8">
      <c r="H90416" s="12"/>
    </row>
    <row r="90417" spans="8:8">
      <c r="H90417" s="12"/>
    </row>
    <row r="90418" spans="8:8">
      <c r="H90418" s="12"/>
    </row>
    <row r="90419" spans="8:8">
      <c r="H90419" s="12"/>
    </row>
    <row r="90420" spans="8:8">
      <c r="H90420" s="12"/>
    </row>
    <row r="90421" spans="8:8">
      <c r="H90421" s="12"/>
    </row>
    <row r="90422" spans="8:8">
      <c r="H90422" s="12"/>
    </row>
    <row r="90423" spans="8:8">
      <c r="H90423" s="12"/>
    </row>
    <row r="90424" spans="8:8">
      <c r="H90424" s="12"/>
    </row>
    <row r="90425" spans="8:8">
      <c r="H90425" s="12"/>
    </row>
    <row r="90426" spans="8:8">
      <c r="H90426" s="12"/>
    </row>
    <row r="90427" spans="8:8">
      <c r="H90427" s="12"/>
    </row>
    <row r="90428" spans="8:8">
      <c r="H90428" s="12"/>
    </row>
    <row r="90429" spans="8:8">
      <c r="H90429" s="12"/>
    </row>
    <row r="90430" spans="8:8">
      <c r="H90430" s="12"/>
    </row>
    <row r="90431" spans="8:8">
      <c r="H90431" s="12"/>
    </row>
    <row r="90432" spans="8:8">
      <c r="H90432" s="12"/>
    </row>
    <row r="90433" spans="8:8">
      <c r="H90433" s="12"/>
    </row>
    <row r="90434" spans="8:8">
      <c r="H90434" s="12"/>
    </row>
    <row r="90435" spans="8:8">
      <c r="H90435" s="12"/>
    </row>
    <row r="90436" spans="8:8">
      <c r="H90436" s="12"/>
    </row>
    <row r="90437" spans="8:8">
      <c r="H90437" s="12"/>
    </row>
    <row r="90438" spans="8:8">
      <c r="H90438" s="12"/>
    </row>
    <row r="90439" spans="8:8">
      <c r="H90439" s="12"/>
    </row>
    <row r="90440" spans="8:8">
      <c r="H90440" s="12"/>
    </row>
    <row r="90441" spans="8:8">
      <c r="H90441" s="12"/>
    </row>
    <row r="90442" spans="8:8">
      <c r="H90442" s="12"/>
    </row>
    <row r="90443" spans="8:8">
      <c r="H90443" s="12"/>
    </row>
    <row r="90444" spans="8:8">
      <c r="H90444" s="12"/>
    </row>
    <row r="90445" spans="8:8">
      <c r="H90445" s="12"/>
    </row>
    <row r="90446" spans="8:8">
      <c r="H90446" s="12"/>
    </row>
    <row r="90447" spans="8:8">
      <c r="H90447" s="12"/>
    </row>
    <row r="90448" spans="8:8">
      <c r="H90448" s="12"/>
    </row>
    <row r="90449" spans="8:8">
      <c r="H90449" s="12"/>
    </row>
    <row r="90450" spans="8:8">
      <c r="H90450" s="12"/>
    </row>
    <row r="90451" spans="8:8">
      <c r="H90451" s="12"/>
    </row>
    <row r="90452" spans="8:8">
      <c r="H90452" s="12"/>
    </row>
    <row r="90453" spans="8:8">
      <c r="H90453" s="12"/>
    </row>
    <row r="90454" spans="8:8">
      <c r="H90454" s="12"/>
    </row>
    <row r="90455" spans="8:8">
      <c r="H90455" s="12"/>
    </row>
    <row r="90456" spans="8:8">
      <c r="H90456" s="12"/>
    </row>
    <row r="90457" spans="8:8">
      <c r="H90457" s="12"/>
    </row>
    <row r="90458" spans="8:8">
      <c r="H90458" s="12"/>
    </row>
    <row r="90459" spans="8:8">
      <c r="H90459" s="12"/>
    </row>
    <row r="90460" spans="8:8">
      <c r="H90460" s="12"/>
    </row>
    <row r="90461" spans="8:8">
      <c r="H90461" s="12"/>
    </row>
    <row r="90462" spans="8:8">
      <c r="H90462" s="12"/>
    </row>
    <row r="90463" spans="8:8">
      <c r="H90463" s="12"/>
    </row>
    <row r="90464" spans="8:8">
      <c r="H90464" s="12"/>
    </row>
    <row r="90465" spans="8:8">
      <c r="H90465" s="12"/>
    </row>
    <row r="90466" spans="8:8">
      <c r="H90466" s="12"/>
    </row>
    <row r="90467" spans="8:8">
      <c r="H90467" s="12"/>
    </row>
    <row r="90468" spans="8:8">
      <c r="H90468" s="12"/>
    </row>
    <row r="90469" spans="8:8">
      <c r="H90469" s="12"/>
    </row>
    <row r="90470" spans="8:8">
      <c r="H90470" s="12"/>
    </row>
    <row r="90471" spans="8:8">
      <c r="H90471" s="12"/>
    </row>
    <row r="90472" spans="8:8">
      <c r="H90472" s="12"/>
    </row>
    <row r="90473" spans="8:8">
      <c r="H90473" s="12"/>
    </row>
    <row r="90474" spans="8:8">
      <c r="H90474" s="12"/>
    </row>
    <row r="90475" spans="8:8">
      <c r="H90475" s="12"/>
    </row>
    <row r="90476" spans="8:8">
      <c r="H90476" s="12"/>
    </row>
    <row r="90477" spans="8:8">
      <c r="H90477" s="12"/>
    </row>
    <row r="90478" spans="8:8">
      <c r="H90478" s="12"/>
    </row>
    <row r="90479" spans="8:8">
      <c r="H90479" s="12"/>
    </row>
    <row r="90480" spans="8:8">
      <c r="H90480" s="12"/>
    </row>
    <row r="90481" spans="8:8">
      <c r="H90481" s="12"/>
    </row>
    <row r="90482" spans="8:8">
      <c r="H90482" s="12"/>
    </row>
    <row r="90483" spans="8:8">
      <c r="H90483" s="12"/>
    </row>
    <row r="90484" spans="8:8">
      <c r="H90484" s="12"/>
    </row>
    <row r="90485" spans="8:8">
      <c r="H90485" s="12"/>
    </row>
    <row r="90486" spans="8:8">
      <c r="H90486" s="12"/>
    </row>
    <row r="90487" spans="8:8">
      <c r="H90487" s="12"/>
    </row>
    <row r="90488" spans="8:8">
      <c r="H90488" s="12"/>
    </row>
    <row r="90489" spans="8:8">
      <c r="H90489" s="12"/>
    </row>
    <row r="90490" spans="8:8">
      <c r="H90490" s="12"/>
    </row>
    <row r="90491" spans="8:8">
      <c r="H90491" s="12"/>
    </row>
    <row r="90492" spans="8:8">
      <c r="H90492" s="12"/>
    </row>
    <row r="90493" spans="8:8">
      <c r="H90493" s="12"/>
    </row>
    <row r="90494" spans="8:8">
      <c r="H90494" s="12"/>
    </row>
    <row r="90495" spans="8:8">
      <c r="H90495" s="12"/>
    </row>
    <row r="90496" spans="8:8">
      <c r="H90496" s="12"/>
    </row>
    <row r="90497" spans="8:8">
      <c r="H90497" s="12"/>
    </row>
    <row r="90498" spans="8:8">
      <c r="H90498" s="12"/>
    </row>
    <row r="90499" spans="8:8">
      <c r="H90499" s="12"/>
    </row>
    <row r="90500" spans="8:8">
      <c r="H90500" s="12"/>
    </row>
    <row r="90501" spans="8:8">
      <c r="H90501" s="12"/>
    </row>
    <row r="90502" spans="8:8">
      <c r="H90502" s="12"/>
    </row>
    <row r="90503" spans="8:8">
      <c r="H90503" s="12"/>
    </row>
    <row r="90504" spans="8:8">
      <c r="H90504" s="12"/>
    </row>
    <row r="90505" spans="8:8">
      <c r="H90505" s="12"/>
    </row>
    <row r="90506" spans="8:8">
      <c r="H90506" s="12"/>
    </row>
    <row r="90507" spans="8:8">
      <c r="H90507" s="12"/>
    </row>
    <row r="90508" spans="8:8">
      <c r="H90508" s="12"/>
    </row>
    <row r="90509" spans="8:8">
      <c r="H90509" s="12"/>
    </row>
    <row r="90510" spans="8:8">
      <c r="H90510" s="12"/>
    </row>
    <row r="90511" spans="8:8">
      <c r="H90511" s="12"/>
    </row>
    <row r="90512" spans="8:8">
      <c r="H90512" s="12"/>
    </row>
    <row r="90513" spans="8:8">
      <c r="H90513" s="12"/>
    </row>
    <row r="90514" spans="8:8">
      <c r="H90514" s="12"/>
    </row>
    <row r="90515" spans="8:8">
      <c r="H90515" s="12"/>
    </row>
    <row r="90516" spans="8:8">
      <c r="H90516" s="12"/>
    </row>
    <row r="90517" spans="8:8">
      <c r="H90517" s="12"/>
    </row>
    <row r="90518" spans="8:8">
      <c r="H90518" s="12"/>
    </row>
    <row r="90519" spans="8:8">
      <c r="H90519" s="12"/>
    </row>
    <row r="90520" spans="8:8">
      <c r="H90520" s="12"/>
    </row>
    <row r="90521" spans="8:8">
      <c r="H90521" s="12"/>
    </row>
    <row r="90522" spans="8:8">
      <c r="H90522" s="12"/>
    </row>
    <row r="90523" spans="8:8">
      <c r="H90523" s="12"/>
    </row>
    <row r="90524" spans="8:8">
      <c r="H90524" s="12"/>
    </row>
    <row r="90525" spans="8:8">
      <c r="H90525" s="12"/>
    </row>
    <row r="90526" spans="8:8">
      <c r="H90526" s="12"/>
    </row>
    <row r="90527" spans="8:8">
      <c r="H90527" s="12"/>
    </row>
    <row r="90528" spans="8:8">
      <c r="H90528" s="12"/>
    </row>
    <row r="90529" spans="8:8">
      <c r="H90529" s="12"/>
    </row>
    <row r="90530" spans="8:8">
      <c r="H90530" s="12"/>
    </row>
    <row r="90531" spans="8:8">
      <c r="H90531" s="12"/>
    </row>
    <row r="90532" spans="8:8">
      <c r="H90532" s="12"/>
    </row>
    <row r="90533" spans="8:8">
      <c r="H90533" s="12"/>
    </row>
    <row r="90534" spans="8:8">
      <c r="H90534" s="12"/>
    </row>
    <row r="90535" spans="8:8">
      <c r="H90535" s="12"/>
    </row>
    <row r="90536" spans="8:8">
      <c r="H90536" s="12"/>
    </row>
    <row r="90537" spans="8:8">
      <c r="H90537" s="12"/>
    </row>
    <row r="90538" spans="8:8">
      <c r="H90538" s="12"/>
    </row>
    <row r="90539" spans="8:8">
      <c r="H90539" s="12"/>
    </row>
    <row r="90540" spans="8:8">
      <c r="H90540" s="12"/>
    </row>
    <row r="90541" spans="8:8">
      <c r="H90541" s="12"/>
    </row>
    <row r="90542" spans="8:8">
      <c r="H90542" s="12"/>
    </row>
    <row r="90543" spans="8:8">
      <c r="H90543" s="12"/>
    </row>
    <row r="90544" spans="8:8">
      <c r="H90544" s="12"/>
    </row>
    <row r="90545" spans="8:8">
      <c r="H90545" s="12"/>
    </row>
    <row r="90546" spans="8:8">
      <c r="H90546" s="12"/>
    </row>
    <row r="90547" spans="8:8">
      <c r="H90547" s="12"/>
    </row>
    <row r="90548" spans="8:8">
      <c r="H90548" s="12"/>
    </row>
    <row r="90549" spans="8:8">
      <c r="H90549" s="12"/>
    </row>
    <row r="90550" spans="8:8">
      <c r="H90550" s="12"/>
    </row>
    <row r="90551" spans="8:8">
      <c r="H90551" s="12"/>
    </row>
    <row r="90552" spans="8:8">
      <c r="H90552" s="12"/>
    </row>
    <row r="90553" spans="8:8">
      <c r="H90553" s="12"/>
    </row>
    <row r="90554" spans="8:8">
      <c r="H90554" s="12"/>
    </row>
    <row r="90555" spans="8:8">
      <c r="H90555" s="12"/>
    </row>
    <row r="90556" spans="8:8">
      <c r="H90556" s="12"/>
    </row>
    <row r="90557" spans="8:8">
      <c r="H90557" s="12"/>
    </row>
    <row r="90558" spans="8:8">
      <c r="H90558" s="12"/>
    </row>
    <row r="90559" spans="8:8">
      <c r="H90559" s="12"/>
    </row>
    <row r="90560" spans="8:8">
      <c r="H90560" s="12"/>
    </row>
    <row r="90561" spans="8:8">
      <c r="H90561" s="12"/>
    </row>
    <row r="90562" spans="8:8">
      <c r="H90562" s="12"/>
    </row>
    <row r="90563" spans="8:8">
      <c r="H90563" s="12"/>
    </row>
    <row r="90564" spans="8:8">
      <c r="H90564" s="12"/>
    </row>
    <row r="90565" spans="8:8">
      <c r="H90565" s="12"/>
    </row>
    <row r="90566" spans="8:8">
      <c r="H90566" s="12"/>
    </row>
    <row r="90567" spans="8:8">
      <c r="H90567" s="12"/>
    </row>
    <row r="90568" spans="8:8">
      <c r="H90568" s="12"/>
    </row>
    <row r="90569" spans="8:8">
      <c r="H90569" s="12"/>
    </row>
    <row r="90570" spans="8:8">
      <c r="H90570" s="12"/>
    </row>
    <row r="90571" spans="8:8">
      <c r="H90571" s="12"/>
    </row>
    <row r="90572" spans="8:8">
      <c r="H90572" s="12"/>
    </row>
    <row r="90573" spans="8:8">
      <c r="H90573" s="12"/>
    </row>
    <row r="90574" spans="8:8">
      <c r="H90574" s="12"/>
    </row>
    <row r="90575" spans="8:8">
      <c r="H90575" s="12"/>
    </row>
    <row r="90576" spans="8:8">
      <c r="H90576" s="12"/>
    </row>
    <row r="90577" spans="8:8">
      <c r="H90577" s="12"/>
    </row>
    <row r="90578" spans="8:8">
      <c r="H90578" s="12"/>
    </row>
    <row r="90579" spans="8:8">
      <c r="H90579" s="12"/>
    </row>
    <row r="90580" spans="8:8">
      <c r="H90580" s="12"/>
    </row>
    <row r="90581" spans="8:8">
      <c r="H90581" s="12"/>
    </row>
    <row r="90582" spans="8:8">
      <c r="H90582" s="12"/>
    </row>
    <row r="90583" spans="8:8">
      <c r="H90583" s="12"/>
    </row>
    <row r="90584" spans="8:8">
      <c r="H90584" s="12"/>
    </row>
    <row r="90585" spans="8:8">
      <c r="H90585" s="12"/>
    </row>
    <row r="90586" spans="8:8">
      <c r="H90586" s="12"/>
    </row>
    <row r="90587" spans="8:8">
      <c r="H90587" s="12"/>
    </row>
    <row r="90588" spans="8:8">
      <c r="H90588" s="12"/>
    </row>
    <row r="90589" spans="8:8">
      <c r="H90589" s="12"/>
    </row>
    <row r="90590" spans="8:8">
      <c r="H90590" s="12"/>
    </row>
    <row r="90591" spans="8:8">
      <c r="H90591" s="12"/>
    </row>
    <row r="90592" spans="8:8">
      <c r="H90592" s="12"/>
    </row>
    <row r="90593" spans="8:8">
      <c r="H90593" s="12"/>
    </row>
    <row r="90594" spans="8:8">
      <c r="H90594" s="12"/>
    </row>
    <row r="90595" spans="8:8">
      <c r="H90595" s="12"/>
    </row>
    <row r="90596" spans="8:8">
      <c r="H90596" s="12"/>
    </row>
    <row r="90597" spans="8:8">
      <c r="H90597" s="12"/>
    </row>
    <row r="90598" spans="8:8">
      <c r="H90598" s="12"/>
    </row>
    <row r="90599" spans="8:8">
      <c r="H90599" s="12"/>
    </row>
    <row r="90600" spans="8:8">
      <c r="H90600" s="12"/>
    </row>
    <row r="90601" spans="8:8">
      <c r="H90601" s="12"/>
    </row>
    <row r="90602" spans="8:8">
      <c r="H90602" s="12"/>
    </row>
    <row r="90603" spans="8:8">
      <c r="H90603" s="12"/>
    </row>
    <row r="90604" spans="8:8">
      <c r="H90604" s="12"/>
    </row>
    <row r="90605" spans="8:8">
      <c r="H90605" s="12"/>
    </row>
    <row r="90606" spans="8:8">
      <c r="H90606" s="12"/>
    </row>
    <row r="90607" spans="8:8">
      <c r="H90607" s="12"/>
    </row>
    <row r="90608" spans="8:8">
      <c r="H90608" s="12"/>
    </row>
    <row r="90609" spans="8:8">
      <c r="H90609" s="12"/>
    </row>
    <row r="90610" spans="8:8">
      <c r="H90610" s="12"/>
    </row>
    <row r="90611" spans="8:8">
      <c r="H90611" s="12"/>
    </row>
    <row r="90612" spans="8:8">
      <c r="H90612" s="12"/>
    </row>
    <row r="90613" spans="8:8">
      <c r="H90613" s="12"/>
    </row>
    <row r="90614" spans="8:8">
      <c r="H90614" s="12"/>
    </row>
    <row r="90615" spans="8:8">
      <c r="H90615" s="12"/>
    </row>
    <row r="90616" spans="8:8">
      <c r="H90616" s="12"/>
    </row>
    <row r="90617" spans="8:8">
      <c r="H90617" s="12"/>
    </row>
    <row r="90618" spans="8:8">
      <c r="H90618" s="12"/>
    </row>
    <row r="90619" spans="8:8">
      <c r="H90619" s="12"/>
    </row>
    <row r="90620" spans="8:8">
      <c r="H90620" s="12"/>
    </row>
    <row r="90621" spans="8:8">
      <c r="H90621" s="12"/>
    </row>
    <row r="90622" spans="8:8">
      <c r="H90622" s="12"/>
    </row>
    <row r="90623" spans="8:8">
      <c r="H90623" s="12"/>
    </row>
    <row r="90624" spans="8:8">
      <c r="H90624" s="12"/>
    </row>
    <row r="90625" spans="8:8">
      <c r="H90625" s="12"/>
    </row>
    <row r="90626" spans="8:8">
      <c r="H90626" s="12"/>
    </row>
    <row r="90627" spans="8:8">
      <c r="H90627" s="12"/>
    </row>
    <row r="90628" spans="8:8">
      <c r="H90628" s="12"/>
    </row>
    <row r="90629" spans="8:8">
      <c r="H90629" s="12"/>
    </row>
    <row r="90630" spans="8:8">
      <c r="H90630" s="12"/>
    </row>
    <row r="90631" spans="8:8">
      <c r="H90631" s="12"/>
    </row>
    <row r="90632" spans="8:8">
      <c r="H90632" s="12"/>
    </row>
    <row r="90633" spans="8:8">
      <c r="H90633" s="12"/>
    </row>
    <row r="90634" spans="8:8">
      <c r="H90634" s="12"/>
    </row>
    <row r="90635" spans="8:8">
      <c r="H90635" s="12"/>
    </row>
    <row r="90636" spans="8:8">
      <c r="H90636" s="12"/>
    </row>
    <row r="90637" spans="8:8">
      <c r="H90637" s="12"/>
    </row>
    <row r="90638" spans="8:8">
      <c r="H90638" s="12"/>
    </row>
    <row r="90639" spans="8:8">
      <c r="H90639" s="12"/>
    </row>
    <row r="90640" spans="8:8">
      <c r="H90640" s="12"/>
    </row>
    <row r="90641" spans="8:8">
      <c r="H90641" s="12"/>
    </row>
    <row r="90642" spans="8:8">
      <c r="H90642" s="12"/>
    </row>
    <row r="90643" spans="8:8">
      <c r="H90643" s="12"/>
    </row>
    <row r="90644" spans="8:8">
      <c r="H90644" s="12"/>
    </row>
    <row r="90645" spans="8:8">
      <c r="H90645" s="12"/>
    </row>
    <row r="90646" spans="8:8">
      <c r="H90646" s="12"/>
    </row>
    <row r="90647" spans="8:8">
      <c r="H90647" s="12"/>
    </row>
    <row r="90648" spans="8:8">
      <c r="H90648" s="12"/>
    </row>
    <row r="90649" spans="8:8">
      <c r="H90649" s="12"/>
    </row>
    <row r="90650" spans="8:8">
      <c r="H90650" s="12"/>
    </row>
    <row r="90651" spans="8:8">
      <c r="H90651" s="12"/>
    </row>
    <row r="90652" spans="8:8">
      <c r="H90652" s="12"/>
    </row>
    <row r="90653" spans="8:8">
      <c r="H90653" s="12"/>
    </row>
    <row r="90654" spans="8:8">
      <c r="H90654" s="12"/>
    </row>
    <row r="90655" spans="8:8">
      <c r="H90655" s="12"/>
    </row>
    <row r="90656" spans="8:8">
      <c r="H90656" s="12"/>
    </row>
    <row r="90657" spans="8:8">
      <c r="H90657" s="12"/>
    </row>
    <row r="90658" spans="8:8">
      <c r="H90658" s="12"/>
    </row>
    <row r="90659" spans="8:8">
      <c r="H90659" s="12"/>
    </row>
    <row r="90660" spans="8:8">
      <c r="H90660" s="12"/>
    </row>
    <row r="90661" spans="8:8">
      <c r="H90661" s="12"/>
    </row>
    <row r="90662" spans="8:8">
      <c r="H90662" s="12"/>
    </row>
    <row r="90663" spans="8:8">
      <c r="H90663" s="12"/>
    </row>
    <row r="90664" spans="8:8">
      <c r="H90664" s="12"/>
    </row>
    <row r="90665" spans="8:8">
      <c r="H90665" s="12"/>
    </row>
    <row r="90666" spans="8:8">
      <c r="H90666" s="12"/>
    </row>
    <row r="90667" spans="8:8">
      <c r="H90667" s="12"/>
    </row>
    <row r="90668" spans="8:8">
      <c r="H90668" s="12"/>
    </row>
    <row r="90669" spans="8:8">
      <c r="H90669" s="12"/>
    </row>
    <row r="90670" spans="8:8">
      <c r="H90670" s="12"/>
    </row>
    <row r="90671" spans="8:8">
      <c r="H90671" s="12"/>
    </row>
    <row r="90672" spans="8:8">
      <c r="H90672" s="12"/>
    </row>
    <row r="90673" spans="8:8">
      <c r="H90673" s="12"/>
    </row>
    <row r="90674" spans="8:8">
      <c r="H90674" s="12"/>
    </row>
    <row r="90675" spans="8:8">
      <c r="H90675" s="12"/>
    </row>
    <row r="90676" spans="8:8">
      <c r="H90676" s="12"/>
    </row>
    <row r="90677" spans="8:8">
      <c r="H90677" s="12"/>
    </row>
    <row r="90678" spans="8:8">
      <c r="H90678" s="12"/>
    </row>
    <row r="90679" spans="8:8">
      <c r="H90679" s="12"/>
    </row>
    <row r="90680" spans="8:8">
      <c r="H90680" s="12"/>
    </row>
    <row r="90681" spans="8:8">
      <c r="H90681" s="12"/>
    </row>
    <row r="90682" spans="8:8">
      <c r="H90682" s="12"/>
    </row>
    <row r="90683" spans="8:8">
      <c r="H90683" s="12"/>
    </row>
    <row r="90684" spans="8:8">
      <c r="H90684" s="12"/>
    </row>
    <row r="90685" spans="8:8">
      <c r="H90685" s="12"/>
    </row>
    <row r="90686" spans="8:8">
      <c r="H90686" s="12"/>
    </row>
    <row r="90687" spans="8:8">
      <c r="H90687" s="12"/>
    </row>
    <row r="90688" spans="8:8">
      <c r="H90688" s="12"/>
    </row>
    <row r="90689" spans="8:8">
      <c r="H90689" s="12"/>
    </row>
    <row r="90690" spans="8:8">
      <c r="H90690" s="12"/>
    </row>
    <row r="90691" spans="8:8">
      <c r="H90691" s="12"/>
    </row>
    <row r="90692" spans="8:8">
      <c r="H90692" s="12"/>
    </row>
    <row r="90693" spans="8:8">
      <c r="H90693" s="12"/>
    </row>
    <row r="90694" spans="8:8">
      <c r="H90694" s="12"/>
    </row>
    <row r="90695" spans="8:8">
      <c r="H90695" s="12"/>
    </row>
    <row r="90696" spans="8:8">
      <c r="H90696" s="12"/>
    </row>
    <row r="90697" spans="8:8">
      <c r="H90697" s="12"/>
    </row>
    <row r="90698" spans="8:8">
      <c r="H90698" s="12"/>
    </row>
    <row r="90699" spans="8:8">
      <c r="H90699" s="12"/>
    </row>
    <row r="90700" spans="8:8">
      <c r="H90700" s="12"/>
    </row>
    <row r="90701" spans="8:8">
      <c r="H90701" s="12"/>
    </row>
    <row r="90702" spans="8:8">
      <c r="H90702" s="12"/>
    </row>
    <row r="90703" spans="8:8">
      <c r="H90703" s="12"/>
    </row>
    <row r="90704" spans="8:8">
      <c r="H90704" s="12"/>
    </row>
    <row r="90705" spans="8:8">
      <c r="H90705" s="12"/>
    </row>
    <row r="90706" spans="8:8">
      <c r="H90706" s="12"/>
    </row>
    <row r="90707" spans="8:8">
      <c r="H90707" s="12"/>
    </row>
    <row r="90708" spans="8:8">
      <c r="H90708" s="12"/>
    </row>
    <row r="90709" spans="8:8">
      <c r="H90709" s="12"/>
    </row>
    <row r="90710" spans="8:8">
      <c r="H90710" s="12"/>
    </row>
    <row r="90711" spans="8:8">
      <c r="H90711" s="12"/>
    </row>
    <row r="90712" spans="8:8">
      <c r="H90712" s="12"/>
    </row>
    <row r="90713" spans="8:8">
      <c r="H90713" s="12"/>
    </row>
    <row r="90714" spans="8:8">
      <c r="H90714" s="12"/>
    </row>
    <row r="90715" spans="8:8">
      <c r="H90715" s="12"/>
    </row>
    <row r="90716" spans="8:8">
      <c r="H90716" s="12"/>
    </row>
    <row r="90717" spans="8:8">
      <c r="H90717" s="12"/>
    </row>
    <row r="90718" spans="8:8">
      <c r="H90718" s="12"/>
    </row>
    <row r="90719" spans="8:8">
      <c r="H90719" s="12"/>
    </row>
    <row r="90720" spans="8:8">
      <c r="H90720" s="12"/>
    </row>
    <row r="90721" spans="8:8">
      <c r="H90721" s="12"/>
    </row>
    <row r="90722" spans="8:8">
      <c r="H90722" s="12"/>
    </row>
    <row r="90723" spans="8:8">
      <c r="H90723" s="12"/>
    </row>
    <row r="90724" spans="8:8">
      <c r="H90724" s="12"/>
    </row>
    <row r="90725" spans="8:8">
      <c r="H90725" s="12"/>
    </row>
    <row r="90726" spans="8:8">
      <c r="H90726" s="12"/>
    </row>
    <row r="90727" spans="8:8">
      <c r="H90727" s="12"/>
    </row>
    <row r="90728" spans="8:8">
      <c r="H90728" s="12"/>
    </row>
    <row r="90729" spans="8:8">
      <c r="H90729" s="12"/>
    </row>
    <row r="90730" spans="8:8">
      <c r="H90730" s="12"/>
    </row>
    <row r="90731" spans="8:8">
      <c r="H90731" s="12"/>
    </row>
    <row r="90732" spans="8:8">
      <c r="H90732" s="12"/>
    </row>
    <row r="90733" spans="8:8">
      <c r="H90733" s="12"/>
    </row>
    <row r="90734" spans="8:8">
      <c r="H90734" s="12"/>
    </row>
    <row r="90735" spans="8:8">
      <c r="H90735" s="12"/>
    </row>
    <row r="90736" spans="8:8">
      <c r="H90736" s="12"/>
    </row>
    <row r="90737" spans="8:8">
      <c r="H90737" s="12"/>
    </row>
    <row r="90738" spans="8:8">
      <c r="H90738" s="12"/>
    </row>
    <row r="90739" spans="8:8">
      <c r="H90739" s="12"/>
    </row>
    <row r="90740" spans="8:8">
      <c r="H90740" s="12"/>
    </row>
    <row r="90741" spans="8:8">
      <c r="H90741" s="12"/>
    </row>
    <row r="90742" spans="8:8">
      <c r="H90742" s="12"/>
    </row>
    <row r="90743" spans="8:8">
      <c r="H90743" s="12"/>
    </row>
    <row r="90744" spans="8:8">
      <c r="H90744" s="12"/>
    </row>
    <row r="90745" spans="8:8">
      <c r="H90745" s="12"/>
    </row>
    <row r="90746" spans="8:8">
      <c r="H90746" s="12"/>
    </row>
    <row r="90747" spans="8:8">
      <c r="H90747" s="12"/>
    </row>
    <row r="90748" spans="8:8">
      <c r="H90748" s="12"/>
    </row>
    <row r="90749" spans="8:8">
      <c r="H90749" s="12"/>
    </row>
    <row r="90750" spans="8:8">
      <c r="H90750" s="12"/>
    </row>
    <row r="90751" spans="8:8">
      <c r="H90751" s="12"/>
    </row>
    <row r="90752" spans="8:8">
      <c r="H90752" s="12"/>
    </row>
    <row r="90753" spans="8:8">
      <c r="H90753" s="12"/>
    </row>
    <row r="90754" spans="8:8">
      <c r="H90754" s="12"/>
    </row>
    <row r="90755" spans="8:8">
      <c r="H90755" s="12"/>
    </row>
    <row r="90756" spans="8:8">
      <c r="H90756" s="12"/>
    </row>
    <row r="90757" spans="8:8">
      <c r="H90757" s="12"/>
    </row>
    <row r="90758" spans="8:8">
      <c r="H90758" s="12"/>
    </row>
    <row r="90759" spans="8:8">
      <c r="H90759" s="12"/>
    </row>
    <row r="90760" spans="8:8">
      <c r="H90760" s="12"/>
    </row>
    <row r="90761" spans="8:8">
      <c r="H90761" s="12"/>
    </row>
    <row r="90762" spans="8:8">
      <c r="H90762" s="12"/>
    </row>
    <row r="90763" spans="8:8">
      <c r="H90763" s="12"/>
    </row>
    <row r="90764" spans="8:8">
      <c r="H90764" s="12"/>
    </row>
    <row r="90765" spans="8:8">
      <c r="H90765" s="12"/>
    </row>
    <row r="90766" spans="8:8">
      <c r="H90766" s="12"/>
    </row>
    <row r="90767" spans="8:8">
      <c r="H90767" s="12"/>
    </row>
    <row r="90768" spans="8:8">
      <c r="H90768" s="12"/>
    </row>
    <row r="90769" spans="8:8">
      <c r="H90769" s="12"/>
    </row>
    <row r="90770" spans="8:8">
      <c r="H90770" s="12"/>
    </row>
    <row r="90771" spans="8:8">
      <c r="H90771" s="12"/>
    </row>
    <row r="90772" spans="8:8">
      <c r="H90772" s="12"/>
    </row>
    <row r="90773" spans="8:8">
      <c r="H90773" s="12"/>
    </row>
    <row r="90774" spans="8:8">
      <c r="H90774" s="12"/>
    </row>
    <row r="90775" spans="8:8">
      <c r="H90775" s="12"/>
    </row>
    <row r="90776" spans="8:8">
      <c r="H90776" s="12"/>
    </row>
    <row r="90777" spans="8:8">
      <c r="H90777" s="12"/>
    </row>
    <row r="90778" spans="8:8">
      <c r="H90778" s="12"/>
    </row>
    <row r="90779" spans="8:8">
      <c r="H90779" s="12"/>
    </row>
    <row r="90780" spans="8:8">
      <c r="H90780" s="12"/>
    </row>
    <row r="90781" spans="8:8">
      <c r="H90781" s="12"/>
    </row>
    <row r="90782" spans="8:8">
      <c r="H90782" s="12"/>
    </row>
    <row r="90783" spans="8:8">
      <c r="H90783" s="12"/>
    </row>
    <row r="90784" spans="8:8">
      <c r="H90784" s="12"/>
    </row>
    <row r="90785" spans="8:8">
      <c r="H90785" s="12"/>
    </row>
    <row r="90786" spans="8:8">
      <c r="H90786" s="12"/>
    </row>
    <row r="90787" spans="8:8">
      <c r="H90787" s="12"/>
    </row>
    <row r="90788" spans="8:8">
      <c r="H90788" s="12"/>
    </row>
    <row r="90789" spans="8:8">
      <c r="H90789" s="12"/>
    </row>
    <row r="90790" spans="8:8">
      <c r="H90790" s="12"/>
    </row>
    <row r="90791" spans="8:8">
      <c r="H90791" s="12"/>
    </row>
    <row r="90792" spans="8:8">
      <c r="H90792" s="12"/>
    </row>
    <row r="90793" spans="8:8">
      <c r="H90793" s="12"/>
    </row>
    <row r="90794" spans="8:8">
      <c r="H90794" s="12"/>
    </row>
    <row r="90795" spans="8:8">
      <c r="H90795" s="12"/>
    </row>
    <row r="90796" spans="8:8">
      <c r="H90796" s="12"/>
    </row>
    <row r="90797" spans="8:8">
      <c r="H90797" s="12"/>
    </row>
    <row r="90798" spans="8:8">
      <c r="H90798" s="12"/>
    </row>
    <row r="90799" spans="8:8">
      <c r="H90799" s="12"/>
    </row>
    <row r="90800" spans="8:8">
      <c r="H90800" s="12"/>
    </row>
    <row r="90801" spans="8:8">
      <c r="H90801" s="12"/>
    </row>
    <row r="90802" spans="8:8">
      <c r="H90802" s="12"/>
    </row>
    <row r="90803" spans="8:8">
      <c r="H90803" s="12"/>
    </row>
    <row r="90804" spans="8:8">
      <c r="H90804" s="12"/>
    </row>
    <row r="90805" spans="8:8">
      <c r="H90805" s="12"/>
    </row>
    <row r="90806" spans="8:8">
      <c r="H90806" s="12"/>
    </row>
    <row r="90807" spans="8:8">
      <c r="H90807" s="12"/>
    </row>
    <row r="90808" spans="8:8">
      <c r="H90808" s="12"/>
    </row>
    <row r="90809" spans="8:8">
      <c r="H90809" s="12"/>
    </row>
    <row r="90810" spans="8:8">
      <c r="H90810" s="12"/>
    </row>
    <row r="90811" spans="8:8">
      <c r="H90811" s="12"/>
    </row>
    <row r="90812" spans="8:8">
      <c r="H90812" s="12"/>
    </row>
    <row r="90813" spans="8:8">
      <c r="H90813" s="12"/>
    </row>
    <row r="90814" spans="8:8">
      <c r="H90814" s="12"/>
    </row>
    <row r="90815" spans="8:8">
      <c r="H90815" s="12"/>
    </row>
    <row r="90816" spans="8:8">
      <c r="H90816" s="12"/>
    </row>
    <row r="90817" spans="8:8">
      <c r="H90817" s="12"/>
    </row>
    <row r="90818" spans="8:8">
      <c r="H90818" s="12"/>
    </row>
    <row r="90819" spans="8:8">
      <c r="H90819" s="12"/>
    </row>
    <row r="90820" spans="8:8">
      <c r="H90820" s="12"/>
    </row>
    <row r="90821" spans="8:8">
      <c r="H90821" s="12"/>
    </row>
    <row r="90822" spans="8:8">
      <c r="H90822" s="12"/>
    </row>
    <row r="90823" spans="8:8">
      <c r="H90823" s="12"/>
    </row>
    <row r="90824" spans="8:8">
      <c r="H90824" s="12"/>
    </row>
    <row r="90825" spans="8:8">
      <c r="H90825" s="12"/>
    </row>
    <row r="90826" spans="8:8">
      <c r="H90826" s="12"/>
    </row>
    <row r="90827" spans="8:8">
      <c r="H90827" s="12"/>
    </row>
    <row r="90828" spans="8:8">
      <c r="H90828" s="12"/>
    </row>
    <row r="90829" spans="8:8">
      <c r="H90829" s="12"/>
    </row>
    <row r="90830" spans="8:8">
      <c r="H90830" s="12"/>
    </row>
    <row r="90831" spans="8:8">
      <c r="H90831" s="12"/>
    </row>
    <row r="90832" spans="8:8">
      <c r="H90832" s="12"/>
    </row>
    <row r="90833" spans="8:8">
      <c r="H90833" s="12"/>
    </row>
    <row r="90834" spans="8:8">
      <c r="H90834" s="12"/>
    </row>
    <row r="90835" spans="8:8">
      <c r="H90835" s="12"/>
    </row>
    <row r="90836" spans="8:8">
      <c r="H90836" s="12"/>
    </row>
    <row r="90837" spans="8:8">
      <c r="H90837" s="12"/>
    </row>
    <row r="90838" spans="8:8">
      <c r="H90838" s="12"/>
    </row>
    <row r="90839" spans="8:8">
      <c r="H90839" s="12"/>
    </row>
    <row r="90840" spans="8:8">
      <c r="H90840" s="12"/>
    </row>
    <row r="90841" spans="8:8">
      <c r="H90841" s="12"/>
    </row>
    <row r="90842" spans="8:8">
      <c r="H90842" s="12"/>
    </row>
    <row r="90843" spans="8:8">
      <c r="H90843" s="12"/>
    </row>
    <row r="90844" spans="8:8">
      <c r="H90844" s="12"/>
    </row>
    <row r="90845" spans="8:8">
      <c r="H90845" s="12"/>
    </row>
    <row r="90846" spans="8:8">
      <c r="H90846" s="12"/>
    </row>
    <row r="90847" spans="8:8">
      <c r="H90847" s="12"/>
    </row>
    <row r="90848" spans="8:8">
      <c r="H90848" s="12"/>
    </row>
    <row r="90849" spans="8:8">
      <c r="H90849" s="12"/>
    </row>
    <row r="90850" spans="8:8">
      <c r="H90850" s="12"/>
    </row>
    <row r="90851" spans="8:8">
      <c r="H90851" s="12"/>
    </row>
    <row r="90852" spans="8:8">
      <c r="H90852" s="12"/>
    </row>
    <row r="90853" spans="8:8">
      <c r="H90853" s="12"/>
    </row>
    <row r="90854" spans="8:8">
      <c r="H90854" s="12"/>
    </row>
    <row r="90855" spans="8:8">
      <c r="H90855" s="12"/>
    </row>
    <row r="90856" spans="8:8">
      <c r="H90856" s="12"/>
    </row>
    <row r="90857" spans="8:8">
      <c r="H90857" s="12"/>
    </row>
    <row r="90858" spans="8:8">
      <c r="H90858" s="12"/>
    </row>
    <row r="90859" spans="8:8">
      <c r="H90859" s="12"/>
    </row>
    <row r="90860" spans="8:8">
      <c r="H90860" s="12"/>
    </row>
    <row r="90861" spans="8:8">
      <c r="H90861" s="12"/>
    </row>
    <row r="90862" spans="8:8">
      <c r="H90862" s="12"/>
    </row>
    <row r="90863" spans="8:8">
      <c r="H90863" s="12"/>
    </row>
    <row r="90864" spans="8:8">
      <c r="H90864" s="12"/>
    </row>
    <row r="90865" spans="8:8">
      <c r="H90865" s="12"/>
    </row>
    <row r="90866" spans="8:8">
      <c r="H90866" s="12"/>
    </row>
    <row r="90867" spans="8:8">
      <c r="H90867" s="12"/>
    </row>
    <row r="90868" spans="8:8">
      <c r="H90868" s="12"/>
    </row>
    <row r="90869" spans="8:8">
      <c r="H90869" s="12"/>
    </row>
    <row r="90870" spans="8:8">
      <c r="H90870" s="12"/>
    </row>
    <row r="90871" spans="8:8">
      <c r="H90871" s="12"/>
    </row>
    <row r="90872" spans="8:8">
      <c r="H90872" s="12"/>
    </row>
    <row r="90873" spans="8:8">
      <c r="H90873" s="12"/>
    </row>
    <row r="90874" spans="8:8">
      <c r="H90874" s="12"/>
    </row>
    <row r="90875" spans="8:8">
      <c r="H90875" s="12"/>
    </row>
    <row r="90876" spans="8:8">
      <c r="H90876" s="12"/>
    </row>
    <row r="90877" spans="8:8">
      <c r="H90877" s="12"/>
    </row>
    <row r="90878" spans="8:8">
      <c r="H90878" s="12"/>
    </row>
    <row r="90879" spans="8:8">
      <c r="H90879" s="12"/>
    </row>
    <row r="90880" spans="8:8">
      <c r="H90880" s="12"/>
    </row>
    <row r="90881" spans="8:8">
      <c r="H90881" s="12"/>
    </row>
    <row r="90882" spans="8:8">
      <c r="H90882" s="12"/>
    </row>
    <row r="90883" spans="8:8">
      <c r="H90883" s="12"/>
    </row>
    <row r="90884" spans="8:8">
      <c r="H90884" s="12"/>
    </row>
    <row r="90885" spans="8:8">
      <c r="H90885" s="12"/>
    </row>
    <row r="90886" spans="8:8">
      <c r="H90886" s="12"/>
    </row>
    <row r="90887" spans="8:8">
      <c r="H90887" s="12"/>
    </row>
    <row r="90888" spans="8:8">
      <c r="H90888" s="12"/>
    </row>
    <row r="90889" spans="8:8">
      <c r="H90889" s="12"/>
    </row>
    <row r="90890" spans="8:8">
      <c r="H90890" s="12"/>
    </row>
    <row r="90891" spans="8:8">
      <c r="H90891" s="12"/>
    </row>
    <row r="90892" spans="8:8">
      <c r="H90892" s="12"/>
    </row>
    <row r="90893" spans="8:8">
      <c r="H90893" s="12"/>
    </row>
    <row r="90894" spans="8:8">
      <c r="H90894" s="12"/>
    </row>
    <row r="90895" spans="8:8">
      <c r="H90895" s="12"/>
    </row>
    <row r="90896" spans="8:8">
      <c r="H90896" s="12"/>
    </row>
    <row r="90897" spans="8:8">
      <c r="H90897" s="12"/>
    </row>
    <row r="90898" spans="8:8">
      <c r="H90898" s="12"/>
    </row>
    <row r="90899" spans="8:8">
      <c r="H90899" s="12"/>
    </row>
    <row r="90900" spans="8:8">
      <c r="H90900" s="12"/>
    </row>
    <row r="90901" spans="8:8">
      <c r="H90901" s="12"/>
    </row>
    <row r="90902" spans="8:8">
      <c r="H90902" s="12"/>
    </row>
    <row r="90903" spans="8:8">
      <c r="H90903" s="12"/>
    </row>
    <row r="90904" spans="8:8">
      <c r="H90904" s="12"/>
    </row>
    <row r="90905" spans="8:8">
      <c r="H90905" s="12"/>
    </row>
    <row r="90906" spans="8:8">
      <c r="H90906" s="12"/>
    </row>
    <row r="90907" spans="8:8">
      <c r="H90907" s="12"/>
    </row>
    <row r="90908" spans="8:8">
      <c r="H90908" s="12"/>
    </row>
    <row r="90909" spans="8:8">
      <c r="H90909" s="12"/>
    </row>
    <row r="90910" spans="8:8">
      <c r="H90910" s="12"/>
    </row>
    <row r="90911" spans="8:8">
      <c r="H90911" s="12"/>
    </row>
    <row r="90912" spans="8:8">
      <c r="H90912" s="12"/>
    </row>
    <row r="90913" spans="8:8">
      <c r="H90913" s="12"/>
    </row>
    <row r="90914" spans="8:8">
      <c r="H90914" s="12"/>
    </row>
    <row r="90915" spans="8:8">
      <c r="H90915" s="12"/>
    </row>
    <row r="90916" spans="8:8">
      <c r="H90916" s="12"/>
    </row>
    <row r="90917" spans="8:8">
      <c r="H90917" s="12"/>
    </row>
    <row r="90918" spans="8:8">
      <c r="H90918" s="12"/>
    </row>
    <row r="90919" spans="8:8">
      <c r="H90919" s="12"/>
    </row>
    <row r="90920" spans="8:8">
      <c r="H90920" s="12"/>
    </row>
    <row r="90921" spans="8:8">
      <c r="H90921" s="12"/>
    </row>
    <row r="90922" spans="8:8">
      <c r="H90922" s="12"/>
    </row>
    <row r="90923" spans="8:8">
      <c r="H90923" s="12"/>
    </row>
    <row r="90924" spans="8:8">
      <c r="H90924" s="12"/>
    </row>
    <row r="90925" spans="8:8">
      <c r="H90925" s="12"/>
    </row>
    <row r="90926" spans="8:8">
      <c r="H90926" s="12"/>
    </row>
    <row r="90927" spans="8:8">
      <c r="H90927" s="12"/>
    </row>
    <row r="90928" spans="8:8">
      <c r="H90928" s="12"/>
    </row>
    <row r="90929" spans="8:8">
      <c r="H90929" s="12"/>
    </row>
    <row r="90930" spans="8:8">
      <c r="H90930" s="12"/>
    </row>
    <row r="90931" spans="8:8">
      <c r="H90931" s="12"/>
    </row>
    <row r="90932" spans="8:8">
      <c r="H90932" s="12"/>
    </row>
    <row r="90933" spans="8:8">
      <c r="H90933" s="12"/>
    </row>
    <row r="90934" spans="8:8">
      <c r="H90934" s="12"/>
    </row>
    <row r="90935" spans="8:8">
      <c r="H90935" s="12"/>
    </row>
    <row r="90936" spans="8:8">
      <c r="H90936" s="12"/>
    </row>
    <row r="90937" spans="8:8">
      <c r="H90937" s="12"/>
    </row>
    <row r="90938" spans="8:8">
      <c r="H90938" s="12"/>
    </row>
    <row r="90939" spans="8:8">
      <c r="H90939" s="12"/>
    </row>
    <row r="90940" spans="8:8">
      <c r="H90940" s="12"/>
    </row>
    <row r="90941" spans="8:8">
      <c r="H90941" s="12"/>
    </row>
    <row r="90942" spans="8:8">
      <c r="H90942" s="12"/>
    </row>
    <row r="90943" spans="8:8">
      <c r="H90943" s="12"/>
    </row>
    <row r="90944" spans="8:8">
      <c r="H90944" s="12"/>
    </row>
    <row r="90945" spans="8:8">
      <c r="H90945" s="12"/>
    </row>
    <row r="90946" spans="8:8">
      <c r="H90946" s="12"/>
    </row>
    <row r="90947" spans="8:8">
      <c r="H90947" s="12"/>
    </row>
    <row r="90948" spans="8:8">
      <c r="H90948" s="12"/>
    </row>
    <row r="90949" spans="8:8">
      <c r="H90949" s="12"/>
    </row>
    <row r="90950" spans="8:8">
      <c r="H90950" s="12"/>
    </row>
    <row r="90951" spans="8:8">
      <c r="H90951" s="12"/>
    </row>
    <row r="90952" spans="8:8">
      <c r="H90952" s="12"/>
    </row>
    <row r="90953" spans="8:8">
      <c r="H90953" s="12"/>
    </row>
    <row r="90954" spans="8:8">
      <c r="H90954" s="12"/>
    </row>
    <row r="90955" spans="8:8">
      <c r="H90955" s="12"/>
    </row>
    <row r="90956" spans="8:8">
      <c r="H90956" s="12"/>
    </row>
    <row r="90957" spans="8:8">
      <c r="H90957" s="12"/>
    </row>
    <row r="90958" spans="8:8">
      <c r="H90958" s="12"/>
    </row>
    <row r="90959" spans="8:8">
      <c r="H90959" s="12"/>
    </row>
    <row r="90960" spans="8:8">
      <c r="H90960" s="12"/>
    </row>
    <row r="90961" spans="8:8">
      <c r="H90961" s="12"/>
    </row>
    <row r="90962" spans="8:8">
      <c r="H90962" s="12"/>
    </row>
    <row r="90963" spans="8:8">
      <c r="H90963" s="12"/>
    </row>
    <row r="90964" spans="8:8">
      <c r="H90964" s="12"/>
    </row>
    <row r="90965" spans="8:8">
      <c r="H90965" s="12"/>
    </row>
    <row r="90966" spans="8:8">
      <c r="H90966" s="12"/>
    </row>
    <row r="90967" spans="8:8">
      <c r="H90967" s="12"/>
    </row>
    <row r="90968" spans="8:8">
      <c r="H90968" s="12"/>
    </row>
    <row r="90969" spans="8:8">
      <c r="H90969" s="12"/>
    </row>
    <row r="90970" spans="8:8">
      <c r="H90970" s="12"/>
    </row>
    <row r="90971" spans="8:8">
      <c r="H90971" s="12"/>
    </row>
    <row r="90972" spans="8:8">
      <c r="H90972" s="12"/>
    </row>
    <row r="90973" spans="8:8">
      <c r="H90973" s="12"/>
    </row>
    <row r="90974" spans="8:8">
      <c r="H90974" s="12"/>
    </row>
    <row r="90975" spans="8:8">
      <c r="H90975" s="12"/>
    </row>
    <row r="90976" spans="8:8">
      <c r="H90976" s="12"/>
    </row>
    <row r="90977" spans="8:8">
      <c r="H90977" s="12"/>
    </row>
    <row r="90978" spans="8:8">
      <c r="H90978" s="12"/>
    </row>
    <row r="90979" spans="8:8">
      <c r="H90979" s="12"/>
    </row>
    <row r="90980" spans="8:8">
      <c r="H90980" s="12"/>
    </row>
    <row r="90981" spans="8:8">
      <c r="H90981" s="12"/>
    </row>
    <row r="90982" spans="8:8">
      <c r="H90982" s="12"/>
    </row>
    <row r="90983" spans="8:8">
      <c r="H90983" s="12"/>
    </row>
    <row r="90984" spans="8:8">
      <c r="H90984" s="12"/>
    </row>
    <row r="90985" spans="8:8">
      <c r="H90985" s="12"/>
    </row>
    <row r="90986" spans="8:8">
      <c r="H90986" s="12"/>
    </row>
    <row r="90987" spans="8:8">
      <c r="H90987" s="12"/>
    </row>
    <row r="90988" spans="8:8">
      <c r="H90988" s="12"/>
    </row>
    <row r="90989" spans="8:8">
      <c r="H90989" s="12"/>
    </row>
    <row r="90990" spans="8:8">
      <c r="H90990" s="12"/>
    </row>
    <row r="90991" spans="8:8">
      <c r="H90991" s="12"/>
    </row>
    <row r="90992" spans="8:8">
      <c r="H90992" s="12"/>
    </row>
    <row r="90993" spans="8:8">
      <c r="H90993" s="12"/>
    </row>
    <row r="90994" spans="8:8">
      <c r="H90994" s="12"/>
    </row>
    <row r="90995" spans="8:8">
      <c r="H90995" s="12"/>
    </row>
    <row r="90996" spans="8:8">
      <c r="H90996" s="12"/>
    </row>
    <row r="90997" spans="8:8">
      <c r="H90997" s="12"/>
    </row>
    <row r="90998" spans="8:8">
      <c r="H90998" s="12"/>
    </row>
    <row r="90999" spans="8:8">
      <c r="H90999" s="12"/>
    </row>
    <row r="91000" spans="8:8">
      <c r="H91000" s="12"/>
    </row>
    <row r="91001" spans="8:8">
      <c r="H91001" s="12"/>
    </row>
    <row r="91002" spans="8:8">
      <c r="H91002" s="12"/>
    </row>
    <row r="91003" spans="8:8">
      <c r="H91003" s="12"/>
    </row>
    <row r="91004" spans="8:8">
      <c r="H91004" s="12"/>
    </row>
    <row r="91005" spans="8:8">
      <c r="H91005" s="12"/>
    </row>
    <row r="91006" spans="8:8">
      <c r="H91006" s="12"/>
    </row>
    <row r="91007" spans="8:8">
      <c r="H91007" s="12"/>
    </row>
    <row r="91008" spans="8:8">
      <c r="H91008" s="12"/>
    </row>
    <row r="91009" spans="8:8">
      <c r="H91009" s="12"/>
    </row>
    <row r="91010" spans="8:8">
      <c r="H91010" s="12"/>
    </row>
    <row r="91011" spans="8:8">
      <c r="H91011" s="12"/>
    </row>
    <row r="91012" spans="8:8">
      <c r="H91012" s="12"/>
    </row>
    <row r="91013" spans="8:8">
      <c r="H91013" s="12"/>
    </row>
    <row r="91014" spans="8:8">
      <c r="H91014" s="12"/>
    </row>
    <row r="91015" spans="8:8">
      <c r="H91015" s="12"/>
    </row>
    <row r="91016" spans="8:8">
      <c r="H91016" s="12"/>
    </row>
    <row r="91017" spans="8:8">
      <c r="H91017" s="12"/>
    </row>
    <row r="91018" spans="8:8">
      <c r="H91018" s="12"/>
    </row>
    <row r="91019" spans="8:8">
      <c r="H91019" s="12"/>
    </row>
    <row r="91020" spans="8:8">
      <c r="H91020" s="12"/>
    </row>
    <row r="91021" spans="8:8">
      <c r="H91021" s="12"/>
    </row>
    <row r="91022" spans="8:8">
      <c r="H91022" s="12"/>
    </row>
    <row r="91023" spans="8:8">
      <c r="H91023" s="12"/>
    </row>
    <row r="91024" spans="8:8">
      <c r="H91024" s="12"/>
    </row>
    <row r="91025" spans="8:8">
      <c r="H91025" s="12"/>
    </row>
    <row r="91026" spans="8:8">
      <c r="H91026" s="12"/>
    </row>
    <row r="91027" spans="8:8">
      <c r="H91027" s="12"/>
    </row>
    <row r="91028" spans="8:8">
      <c r="H91028" s="12"/>
    </row>
    <row r="91029" spans="8:8">
      <c r="H91029" s="12"/>
    </row>
    <row r="91030" spans="8:8">
      <c r="H91030" s="12"/>
    </row>
    <row r="91031" spans="8:8">
      <c r="H91031" s="12"/>
    </row>
    <row r="91032" spans="8:8">
      <c r="H91032" s="12"/>
    </row>
    <row r="91033" spans="8:8">
      <c r="H91033" s="12"/>
    </row>
    <row r="91034" spans="8:8">
      <c r="H91034" s="12"/>
    </row>
    <row r="91035" spans="8:8">
      <c r="H91035" s="12"/>
    </row>
    <row r="91036" spans="8:8">
      <c r="H91036" s="12"/>
    </row>
    <row r="91037" spans="8:8">
      <c r="H91037" s="12"/>
    </row>
    <row r="91038" spans="8:8">
      <c r="H91038" s="12"/>
    </row>
    <row r="91039" spans="8:8">
      <c r="H91039" s="12"/>
    </row>
    <row r="91040" spans="8:8">
      <c r="H91040" s="12"/>
    </row>
    <row r="91041" spans="8:8">
      <c r="H91041" s="12"/>
    </row>
    <row r="91042" spans="8:8">
      <c r="H91042" s="12"/>
    </row>
    <row r="91043" spans="8:8">
      <c r="H91043" s="12"/>
    </row>
    <row r="91044" spans="8:8">
      <c r="H91044" s="12"/>
    </row>
    <row r="91045" spans="8:8">
      <c r="H91045" s="12"/>
    </row>
    <row r="91046" spans="8:8">
      <c r="H91046" s="12"/>
    </row>
    <row r="91047" spans="8:8">
      <c r="H91047" s="12"/>
    </row>
    <row r="91048" spans="8:8">
      <c r="H91048" s="12"/>
    </row>
    <row r="91049" spans="8:8">
      <c r="H91049" s="12"/>
    </row>
    <row r="91050" spans="8:8">
      <c r="H91050" s="12"/>
    </row>
    <row r="91051" spans="8:8">
      <c r="H91051" s="12"/>
    </row>
    <row r="91052" spans="8:8">
      <c r="H91052" s="12"/>
    </row>
    <row r="91053" spans="8:8">
      <c r="H91053" s="12"/>
    </row>
    <row r="91054" spans="8:8">
      <c r="H91054" s="12"/>
    </row>
    <row r="91055" spans="8:8">
      <c r="H91055" s="12"/>
    </row>
    <row r="91056" spans="8:8">
      <c r="H91056" s="12"/>
    </row>
    <row r="91057" spans="8:8">
      <c r="H91057" s="12"/>
    </row>
    <row r="91058" spans="8:8">
      <c r="H91058" s="12"/>
    </row>
    <row r="91059" spans="8:8">
      <c r="H91059" s="12"/>
    </row>
    <row r="91060" spans="8:8">
      <c r="H91060" s="12"/>
    </row>
    <row r="91061" spans="8:8">
      <c r="H91061" s="12"/>
    </row>
    <row r="91062" spans="8:8">
      <c r="H91062" s="12"/>
    </row>
    <row r="91063" spans="8:8">
      <c r="H91063" s="12"/>
    </row>
    <row r="91064" spans="8:8">
      <c r="H91064" s="12"/>
    </row>
    <row r="91065" spans="8:8">
      <c r="H91065" s="12"/>
    </row>
    <row r="91066" spans="8:8">
      <c r="H91066" s="12"/>
    </row>
    <row r="91067" spans="8:8">
      <c r="H91067" s="12"/>
    </row>
    <row r="91068" spans="8:8">
      <c r="H91068" s="12"/>
    </row>
    <row r="91069" spans="8:8">
      <c r="H91069" s="12"/>
    </row>
    <row r="91070" spans="8:8">
      <c r="H91070" s="12"/>
    </row>
    <row r="91071" spans="8:8">
      <c r="H91071" s="12"/>
    </row>
    <row r="91072" spans="8:8">
      <c r="H91072" s="12"/>
    </row>
    <row r="91073" spans="8:8">
      <c r="H91073" s="12"/>
    </row>
    <row r="91074" spans="8:8">
      <c r="H91074" s="12"/>
    </row>
    <row r="91075" spans="8:8">
      <c r="H91075" s="12"/>
    </row>
    <row r="91076" spans="8:8">
      <c r="H91076" s="12"/>
    </row>
    <row r="91077" spans="8:8">
      <c r="H91077" s="12"/>
    </row>
    <row r="91078" spans="8:8">
      <c r="H91078" s="12"/>
    </row>
    <row r="91079" spans="8:8">
      <c r="H91079" s="12"/>
    </row>
    <row r="91080" spans="8:8">
      <c r="H91080" s="12"/>
    </row>
    <row r="91081" spans="8:8">
      <c r="H91081" s="12"/>
    </row>
    <row r="91082" spans="8:8">
      <c r="H91082" s="12"/>
    </row>
    <row r="91083" spans="8:8">
      <c r="H91083" s="12"/>
    </row>
    <row r="91084" spans="8:8">
      <c r="H91084" s="12"/>
    </row>
    <row r="91085" spans="8:8">
      <c r="H91085" s="12"/>
    </row>
    <row r="91086" spans="8:8">
      <c r="H91086" s="12"/>
    </row>
    <row r="91087" spans="8:8">
      <c r="H91087" s="12"/>
    </row>
    <row r="91088" spans="8:8">
      <c r="H91088" s="12"/>
    </row>
    <row r="91089" spans="8:8">
      <c r="H91089" s="12"/>
    </row>
    <row r="91090" spans="8:8">
      <c r="H91090" s="12"/>
    </row>
    <row r="91091" spans="8:8">
      <c r="H91091" s="12"/>
    </row>
    <row r="91092" spans="8:8">
      <c r="H91092" s="12"/>
    </row>
    <row r="91093" spans="8:8">
      <c r="H91093" s="12"/>
    </row>
    <row r="91094" spans="8:8">
      <c r="H91094" s="12"/>
    </row>
    <row r="91095" spans="8:8">
      <c r="H91095" s="12"/>
    </row>
    <row r="91096" spans="8:8">
      <c r="H91096" s="12"/>
    </row>
    <row r="91097" spans="8:8">
      <c r="H91097" s="12"/>
    </row>
    <row r="91098" spans="8:8">
      <c r="H91098" s="12"/>
    </row>
    <row r="91099" spans="8:8">
      <c r="H91099" s="12"/>
    </row>
    <row r="91100" spans="8:8">
      <c r="H91100" s="12"/>
    </row>
    <row r="91101" spans="8:8">
      <c r="H91101" s="12"/>
    </row>
    <row r="91102" spans="8:8">
      <c r="H91102" s="12"/>
    </row>
    <row r="91103" spans="8:8">
      <c r="H91103" s="12"/>
    </row>
    <row r="91104" spans="8:8">
      <c r="H91104" s="12"/>
    </row>
    <row r="91105" spans="8:8">
      <c r="H91105" s="12"/>
    </row>
    <row r="91106" spans="8:8">
      <c r="H91106" s="12"/>
    </row>
    <row r="91107" spans="8:8">
      <c r="H91107" s="12"/>
    </row>
    <row r="91108" spans="8:8">
      <c r="H91108" s="12"/>
    </row>
    <row r="91109" spans="8:8">
      <c r="H91109" s="12"/>
    </row>
    <row r="91110" spans="8:8">
      <c r="H91110" s="12"/>
    </row>
    <row r="91111" spans="8:8">
      <c r="H91111" s="12"/>
    </row>
    <row r="91112" spans="8:8">
      <c r="H91112" s="12"/>
    </row>
    <row r="91113" spans="8:8">
      <c r="H91113" s="12"/>
    </row>
    <row r="91114" spans="8:8">
      <c r="H91114" s="12"/>
    </row>
    <row r="91115" spans="8:8">
      <c r="H91115" s="12"/>
    </row>
    <row r="91116" spans="8:8">
      <c r="H91116" s="12"/>
    </row>
    <row r="91117" spans="8:8">
      <c r="H91117" s="12"/>
    </row>
    <row r="91118" spans="8:8">
      <c r="H91118" s="12"/>
    </row>
    <row r="91119" spans="8:8">
      <c r="H91119" s="12"/>
    </row>
    <row r="91120" spans="8:8">
      <c r="H91120" s="12"/>
    </row>
    <row r="91121" spans="8:8">
      <c r="H91121" s="12"/>
    </row>
    <row r="91122" spans="8:8">
      <c r="H91122" s="12"/>
    </row>
    <row r="91123" spans="8:8">
      <c r="H91123" s="12"/>
    </row>
    <row r="91124" spans="8:8">
      <c r="H91124" s="12"/>
    </row>
    <row r="91125" spans="8:8">
      <c r="H91125" s="12"/>
    </row>
    <row r="91126" spans="8:8">
      <c r="H91126" s="12"/>
    </row>
    <row r="91127" spans="8:8">
      <c r="H91127" s="12"/>
    </row>
    <row r="91128" spans="8:8">
      <c r="H91128" s="12"/>
    </row>
    <row r="91129" spans="8:8">
      <c r="H91129" s="12"/>
    </row>
    <row r="91130" spans="8:8">
      <c r="H91130" s="12"/>
    </row>
    <row r="91131" spans="8:8">
      <c r="H91131" s="12"/>
    </row>
    <row r="91132" spans="8:8">
      <c r="H91132" s="12"/>
    </row>
    <row r="91133" spans="8:8">
      <c r="H91133" s="12"/>
    </row>
    <row r="91134" spans="8:8">
      <c r="H91134" s="12"/>
    </row>
    <row r="91135" spans="8:8">
      <c r="H91135" s="12"/>
    </row>
    <row r="91136" spans="8:8">
      <c r="H91136" s="12"/>
    </row>
    <row r="91137" spans="8:8">
      <c r="H91137" s="12"/>
    </row>
    <row r="91138" spans="8:8">
      <c r="H91138" s="12"/>
    </row>
    <row r="91139" spans="8:8">
      <c r="H91139" s="12"/>
    </row>
    <row r="91140" spans="8:8">
      <c r="H91140" s="12"/>
    </row>
    <row r="91141" spans="8:8">
      <c r="H91141" s="12"/>
    </row>
    <row r="91142" spans="8:8">
      <c r="H91142" s="12"/>
    </row>
    <row r="91143" spans="8:8">
      <c r="H91143" s="12"/>
    </row>
    <row r="91144" spans="8:8">
      <c r="H91144" s="12"/>
    </row>
    <row r="91145" spans="8:8">
      <c r="H91145" s="12"/>
    </row>
    <row r="91146" spans="8:8">
      <c r="H91146" s="12"/>
    </row>
    <row r="91147" spans="8:8">
      <c r="H91147" s="12"/>
    </row>
    <row r="91148" spans="8:8">
      <c r="H91148" s="12"/>
    </row>
    <row r="91149" spans="8:8">
      <c r="H91149" s="12"/>
    </row>
    <row r="91150" spans="8:8">
      <c r="H91150" s="12"/>
    </row>
    <row r="91151" spans="8:8">
      <c r="H91151" s="12"/>
    </row>
    <row r="91152" spans="8:8">
      <c r="H91152" s="12"/>
    </row>
    <row r="91153" spans="8:8">
      <c r="H91153" s="12"/>
    </row>
    <row r="91154" spans="8:8">
      <c r="H91154" s="12"/>
    </row>
    <row r="91155" spans="8:8">
      <c r="H91155" s="12"/>
    </row>
    <row r="91156" spans="8:8">
      <c r="H91156" s="12"/>
    </row>
    <row r="91157" spans="8:8">
      <c r="H91157" s="12"/>
    </row>
    <row r="91158" spans="8:8">
      <c r="H91158" s="12"/>
    </row>
    <row r="91159" spans="8:8">
      <c r="H91159" s="12"/>
    </row>
    <row r="91160" spans="8:8">
      <c r="H91160" s="12"/>
    </row>
    <row r="91161" spans="8:8">
      <c r="H91161" s="12"/>
    </row>
    <row r="91162" spans="8:8">
      <c r="H91162" s="12"/>
    </row>
    <row r="91163" spans="8:8">
      <c r="H91163" s="12"/>
    </row>
    <row r="91164" spans="8:8">
      <c r="H91164" s="12"/>
    </row>
    <row r="91165" spans="8:8">
      <c r="H91165" s="12"/>
    </row>
    <row r="91166" spans="8:8">
      <c r="H91166" s="12"/>
    </row>
    <row r="91167" spans="8:8">
      <c r="H91167" s="12"/>
    </row>
    <row r="91168" spans="8:8">
      <c r="H91168" s="12"/>
    </row>
    <row r="91169" spans="8:8">
      <c r="H91169" s="12"/>
    </row>
    <row r="91170" spans="8:8">
      <c r="H91170" s="12"/>
    </row>
    <row r="91171" spans="8:8">
      <c r="H91171" s="12"/>
    </row>
    <row r="91172" spans="8:8">
      <c r="H91172" s="12"/>
    </row>
    <row r="91173" spans="8:8">
      <c r="H91173" s="12"/>
    </row>
    <row r="91174" spans="8:8">
      <c r="H91174" s="12"/>
    </row>
    <row r="91175" spans="8:8">
      <c r="H91175" s="12"/>
    </row>
    <row r="91176" spans="8:8">
      <c r="H91176" s="12"/>
    </row>
    <row r="91177" spans="8:8">
      <c r="H91177" s="12"/>
    </row>
    <row r="91178" spans="8:8">
      <c r="H91178" s="12"/>
    </row>
    <row r="91179" spans="8:8">
      <c r="H91179" s="12"/>
    </row>
    <row r="91180" spans="8:8">
      <c r="H91180" s="12"/>
    </row>
    <row r="91181" spans="8:8">
      <c r="H91181" s="12"/>
    </row>
    <row r="91182" spans="8:8">
      <c r="H91182" s="12"/>
    </row>
    <row r="91183" spans="8:8">
      <c r="H91183" s="12"/>
    </row>
    <row r="91184" spans="8:8">
      <c r="H91184" s="12"/>
    </row>
    <row r="91185" spans="8:8">
      <c r="H91185" s="12"/>
    </row>
    <row r="91186" spans="8:8">
      <c r="H91186" s="12"/>
    </row>
    <row r="91187" spans="8:8">
      <c r="H91187" s="12"/>
    </row>
    <row r="91188" spans="8:8">
      <c r="H91188" s="12"/>
    </row>
    <row r="91189" spans="8:8">
      <c r="H91189" s="12"/>
    </row>
    <row r="91190" spans="8:8">
      <c r="H91190" s="12"/>
    </row>
    <row r="91191" spans="8:8">
      <c r="H91191" s="12"/>
    </row>
    <row r="91192" spans="8:8">
      <c r="H91192" s="12"/>
    </row>
    <row r="91193" spans="8:8">
      <c r="H91193" s="12"/>
    </row>
    <row r="91194" spans="8:8">
      <c r="H91194" s="12"/>
    </row>
    <row r="91195" spans="8:8">
      <c r="H91195" s="12"/>
    </row>
    <row r="91196" spans="8:8">
      <c r="H91196" s="12"/>
    </row>
    <row r="91197" spans="8:8">
      <c r="H91197" s="12"/>
    </row>
    <row r="91198" spans="8:8">
      <c r="H91198" s="12"/>
    </row>
    <row r="91199" spans="8:8">
      <c r="H91199" s="12"/>
    </row>
    <row r="91200" spans="8:8">
      <c r="H91200" s="12"/>
    </row>
    <row r="91201" spans="8:8">
      <c r="H91201" s="12"/>
    </row>
    <row r="91202" spans="8:8">
      <c r="H91202" s="12"/>
    </row>
    <row r="91203" spans="8:8">
      <c r="H91203" s="12"/>
    </row>
    <row r="91204" spans="8:8">
      <c r="H91204" s="12"/>
    </row>
    <row r="91205" spans="8:8">
      <c r="H91205" s="12"/>
    </row>
    <row r="91206" spans="8:8">
      <c r="H91206" s="12"/>
    </row>
    <row r="91207" spans="8:8">
      <c r="H91207" s="12"/>
    </row>
    <row r="91208" spans="8:8">
      <c r="H91208" s="12"/>
    </row>
    <row r="91209" spans="8:8">
      <c r="H91209" s="12"/>
    </row>
    <row r="91210" spans="8:8">
      <c r="H91210" s="12"/>
    </row>
    <row r="91211" spans="8:8">
      <c r="H91211" s="12"/>
    </row>
    <row r="91212" spans="8:8">
      <c r="H91212" s="12"/>
    </row>
    <row r="91213" spans="8:8">
      <c r="H91213" s="12"/>
    </row>
    <row r="91214" spans="8:8">
      <c r="H91214" s="12"/>
    </row>
    <row r="91215" spans="8:8">
      <c r="H91215" s="12"/>
    </row>
    <row r="91216" spans="8:8">
      <c r="H91216" s="12"/>
    </row>
    <row r="91217" spans="8:8">
      <c r="H91217" s="12"/>
    </row>
    <row r="91218" spans="8:8">
      <c r="H91218" s="12"/>
    </row>
    <row r="91219" spans="8:8">
      <c r="H91219" s="12"/>
    </row>
    <row r="91220" spans="8:8">
      <c r="H91220" s="12"/>
    </row>
    <row r="91221" spans="8:8">
      <c r="H91221" s="12"/>
    </row>
    <row r="91222" spans="8:8">
      <c r="H91222" s="12"/>
    </row>
    <row r="91223" spans="8:8">
      <c r="H91223" s="12"/>
    </row>
    <row r="91224" spans="8:8">
      <c r="H91224" s="12"/>
    </row>
    <row r="91225" spans="8:8">
      <c r="H91225" s="12"/>
    </row>
    <row r="91226" spans="8:8">
      <c r="H91226" s="12"/>
    </row>
    <row r="91227" spans="8:8">
      <c r="H91227" s="12"/>
    </row>
    <row r="91228" spans="8:8">
      <c r="H91228" s="12"/>
    </row>
    <row r="91229" spans="8:8">
      <c r="H91229" s="12"/>
    </row>
    <row r="91230" spans="8:8">
      <c r="H91230" s="12"/>
    </row>
    <row r="91231" spans="8:8">
      <c r="H91231" s="12"/>
    </row>
    <row r="91232" spans="8:8">
      <c r="H91232" s="12"/>
    </row>
    <row r="91233" spans="8:8">
      <c r="H91233" s="12"/>
    </row>
    <row r="91234" spans="8:8">
      <c r="H91234" s="12"/>
    </row>
    <row r="91235" spans="8:8">
      <c r="H91235" s="12"/>
    </row>
    <row r="91236" spans="8:8">
      <c r="H91236" s="12"/>
    </row>
    <row r="91237" spans="8:8">
      <c r="H91237" s="12"/>
    </row>
    <row r="91238" spans="8:8">
      <c r="H91238" s="12"/>
    </row>
    <row r="91239" spans="8:8">
      <c r="H91239" s="12"/>
    </row>
    <row r="91240" spans="8:8">
      <c r="H91240" s="12"/>
    </row>
    <row r="91241" spans="8:8">
      <c r="H91241" s="12"/>
    </row>
    <row r="91242" spans="8:8">
      <c r="H91242" s="12"/>
    </row>
    <row r="91243" spans="8:8">
      <c r="H91243" s="12"/>
    </row>
    <row r="91244" spans="8:8">
      <c r="H91244" s="12"/>
    </row>
    <row r="91245" spans="8:8">
      <c r="H91245" s="12"/>
    </row>
    <row r="91246" spans="8:8">
      <c r="H91246" s="12"/>
    </row>
    <row r="91247" spans="8:8">
      <c r="H91247" s="12"/>
    </row>
    <row r="91248" spans="8:8">
      <c r="H91248" s="12"/>
    </row>
    <row r="91249" spans="8:8">
      <c r="H91249" s="12"/>
    </row>
    <row r="91250" spans="8:8">
      <c r="H91250" s="12"/>
    </row>
    <row r="91251" spans="8:8">
      <c r="H91251" s="12"/>
    </row>
    <row r="91252" spans="8:8">
      <c r="H91252" s="12"/>
    </row>
    <row r="91253" spans="8:8">
      <c r="H91253" s="12"/>
    </row>
    <row r="91254" spans="8:8">
      <c r="H91254" s="12"/>
    </row>
    <row r="91255" spans="8:8">
      <c r="H91255" s="12"/>
    </row>
    <row r="91256" spans="8:8">
      <c r="H91256" s="12"/>
    </row>
    <row r="91257" spans="8:8">
      <c r="H91257" s="12"/>
    </row>
    <row r="91258" spans="8:8">
      <c r="H91258" s="12"/>
    </row>
    <row r="91259" spans="8:8">
      <c r="H91259" s="12"/>
    </row>
    <row r="91260" spans="8:8">
      <c r="H91260" s="12"/>
    </row>
    <row r="91261" spans="8:8">
      <c r="H91261" s="12"/>
    </row>
    <row r="91262" spans="8:8">
      <c r="H91262" s="12"/>
    </row>
    <row r="91263" spans="8:8">
      <c r="H91263" s="12"/>
    </row>
    <row r="91264" spans="8:8">
      <c r="H91264" s="12"/>
    </row>
    <row r="91265" spans="8:8">
      <c r="H91265" s="12"/>
    </row>
    <row r="91266" spans="8:8">
      <c r="H91266" s="12"/>
    </row>
    <row r="91267" spans="8:8">
      <c r="H91267" s="12"/>
    </row>
    <row r="91268" spans="8:8">
      <c r="H91268" s="12"/>
    </row>
    <row r="91269" spans="8:8">
      <c r="H91269" s="12"/>
    </row>
    <row r="91270" spans="8:8">
      <c r="H91270" s="12"/>
    </row>
    <row r="91271" spans="8:8">
      <c r="H91271" s="12"/>
    </row>
    <row r="91272" spans="8:8">
      <c r="H91272" s="12"/>
    </row>
    <row r="91273" spans="8:8">
      <c r="H91273" s="12"/>
    </row>
    <row r="91274" spans="8:8">
      <c r="H91274" s="12"/>
    </row>
    <row r="91275" spans="8:8">
      <c r="H91275" s="12"/>
    </row>
    <row r="91276" spans="8:8">
      <c r="H91276" s="12"/>
    </row>
    <row r="91277" spans="8:8">
      <c r="H91277" s="12"/>
    </row>
    <row r="91278" spans="8:8">
      <c r="H91278" s="12"/>
    </row>
    <row r="91279" spans="8:8">
      <c r="H91279" s="12"/>
    </row>
    <row r="91280" spans="8:8">
      <c r="H91280" s="12"/>
    </row>
    <row r="91281" spans="8:8">
      <c r="H91281" s="12"/>
    </row>
    <row r="91282" spans="8:8">
      <c r="H91282" s="12"/>
    </row>
    <row r="91283" spans="8:8">
      <c r="H91283" s="12"/>
    </row>
    <row r="91284" spans="8:8">
      <c r="H91284" s="12"/>
    </row>
    <row r="91285" spans="8:8">
      <c r="H91285" s="12"/>
    </row>
    <row r="91286" spans="8:8">
      <c r="H91286" s="12"/>
    </row>
    <row r="91287" spans="8:8">
      <c r="H91287" s="12"/>
    </row>
    <row r="91288" spans="8:8">
      <c r="H91288" s="12"/>
    </row>
    <row r="91289" spans="8:8">
      <c r="H91289" s="12"/>
    </row>
    <row r="91290" spans="8:8">
      <c r="H91290" s="12"/>
    </row>
    <row r="91291" spans="8:8">
      <c r="H91291" s="12"/>
    </row>
    <row r="91292" spans="8:8">
      <c r="H91292" s="12"/>
    </row>
    <row r="91293" spans="8:8">
      <c r="H91293" s="12"/>
    </row>
    <row r="91294" spans="8:8">
      <c r="H91294" s="12"/>
    </row>
    <row r="91295" spans="8:8">
      <c r="H91295" s="12"/>
    </row>
    <row r="91296" spans="8:8">
      <c r="H91296" s="12"/>
    </row>
    <row r="91297" spans="8:8">
      <c r="H91297" s="12"/>
    </row>
    <row r="91298" spans="8:8">
      <c r="H91298" s="12"/>
    </row>
    <row r="91299" spans="8:8">
      <c r="H91299" s="12"/>
    </row>
    <row r="91300" spans="8:8">
      <c r="H91300" s="12"/>
    </row>
    <row r="91301" spans="8:8">
      <c r="H91301" s="12"/>
    </row>
    <row r="91302" spans="8:8">
      <c r="H91302" s="12"/>
    </row>
    <row r="91303" spans="8:8">
      <c r="H91303" s="12"/>
    </row>
    <row r="91304" spans="8:8">
      <c r="H91304" s="12"/>
    </row>
    <row r="91305" spans="8:8">
      <c r="H91305" s="12"/>
    </row>
    <row r="91306" spans="8:8">
      <c r="H91306" s="12"/>
    </row>
    <row r="91307" spans="8:8">
      <c r="H91307" s="12"/>
    </row>
    <row r="91308" spans="8:8">
      <c r="H91308" s="12"/>
    </row>
    <row r="91309" spans="8:8">
      <c r="H91309" s="12"/>
    </row>
    <row r="91310" spans="8:8">
      <c r="H91310" s="12"/>
    </row>
    <row r="91311" spans="8:8">
      <c r="H91311" s="12"/>
    </row>
    <row r="91312" spans="8:8">
      <c r="H91312" s="12"/>
    </row>
    <row r="91313" spans="8:8">
      <c r="H91313" s="12"/>
    </row>
    <row r="91314" spans="8:8">
      <c r="H91314" s="12"/>
    </row>
    <row r="91315" spans="8:8">
      <c r="H91315" s="12"/>
    </row>
    <row r="91316" spans="8:8">
      <c r="H91316" s="12"/>
    </row>
    <row r="91317" spans="8:8">
      <c r="H91317" s="12"/>
    </row>
    <row r="91318" spans="8:8">
      <c r="H91318" s="12"/>
    </row>
    <row r="91319" spans="8:8">
      <c r="H91319" s="12"/>
    </row>
    <row r="91320" spans="8:8">
      <c r="H91320" s="12"/>
    </row>
    <row r="91321" spans="8:8">
      <c r="H91321" s="12"/>
    </row>
    <row r="91322" spans="8:8">
      <c r="H91322" s="12"/>
    </row>
    <row r="91323" spans="8:8">
      <c r="H91323" s="12"/>
    </row>
    <row r="91324" spans="8:8">
      <c r="H91324" s="12"/>
    </row>
    <row r="91325" spans="8:8">
      <c r="H91325" s="12"/>
    </row>
    <row r="91326" spans="8:8">
      <c r="H91326" s="12"/>
    </row>
    <row r="91327" spans="8:8">
      <c r="H91327" s="12"/>
    </row>
    <row r="91328" spans="8:8">
      <c r="H91328" s="12"/>
    </row>
    <row r="91329" spans="8:8">
      <c r="H91329" s="12"/>
    </row>
    <row r="91330" spans="8:8">
      <c r="H91330" s="12"/>
    </row>
    <row r="91331" spans="8:8">
      <c r="H91331" s="12"/>
    </row>
    <row r="91332" spans="8:8">
      <c r="H91332" s="12"/>
    </row>
    <row r="91333" spans="8:8">
      <c r="H91333" s="12"/>
    </row>
    <row r="91334" spans="8:8">
      <c r="H91334" s="12"/>
    </row>
    <row r="91335" spans="8:8">
      <c r="H91335" s="12"/>
    </row>
    <row r="91336" spans="8:8">
      <c r="H91336" s="12"/>
    </row>
    <row r="91337" spans="8:8">
      <c r="H91337" s="12"/>
    </row>
    <row r="91338" spans="8:8">
      <c r="H91338" s="12"/>
    </row>
    <row r="91339" spans="8:8">
      <c r="H91339" s="12"/>
    </row>
    <row r="91340" spans="8:8">
      <c r="H91340" s="12"/>
    </row>
    <row r="91341" spans="8:8">
      <c r="H91341" s="12"/>
    </row>
    <row r="91342" spans="8:8">
      <c r="H91342" s="12"/>
    </row>
    <row r="91343" spans="8:8">
      <c r="H91343" s="12"/>
    </row>
    <row r="91344" spans="8:8">
      <c r="H91344" s="12"/>
    </row>
    <row r="91345" spans="8:8">
      <c r="H91345" s="12"/>
    </row>
    <row r="91346" spans="8:8">
      <c r="H91346" s="12"/>
    </row>
    <row r="91347" spans="8:8">
      <c r="H91347" s="12"/>
    </row>
    <row r="91348" spans="8:8">
      <c r="H91348" s="12"/>
    </row>
    <row r="91349" spans="8:8">
      <c r="H91349" s="12"/>
    </row>
    <row r="91350" spans="8:8">
      <c r="H91350" s="12"/>
    </row>
    <row r="91351" spans="8:8">
      <c r="H91351" s="12"/>
    </row>
    <row r="91352" spans="8:8">
      <c r="H91352" s="12"/>
    </row>
    <row r="91353" spans="8:8">
      <c r="H91353" s="12"/>
    </row>
    <row r="91354" spans="8:8">
      <c r="H91354" s="12"/>
    </row>
    <row r="91355" spans="8:8">
      <c r="H91355" s="12"/>
    </row>
    <row r="91356" spans="8:8">
      <c r="H91356" s="12"/>
    </row>
    <row r="91357" spans="8:8">
      <c r="H91357" s="12"/>
    </row>
    <row r="91358" spans="8:8">
      <c r="H91358" s="12"/>
    </row>
    <row r="91359" spans="8:8">
      <c r="H91359" s="12"/>
    </row>
    <row r="91360" spans="8:8">
      <c r="H91360" s="12"/>
    </row>
    <row r="91361" spans="8:8">
      <c r="H91361" s="12"/>
    </row>
    <row r="91362" spans="8:8">
      <c r="H91362" s="12"/>
    </row>
    <row r="91363" spans="8:8">
      <c r="H91363" s="12"/>
    </row>
    <row r="91364" spans="8:8">
      <c r="H91364" s="12"/>
    </row>
    <row r="91365" spans="8:8">
      <c r="H91365" s="12"/>
    </row>
    <row r="91366" spans="8:8">
      <c r="H91366" s="12"/>
    </row>
    <row r="91367" spans="8:8">
      <c r="H91367" s="12"/>
    </row>
    <row r="91368" spans="8:8">
      <c r="H91368" s="12"/>
    </row>
    <row r="91369" spans="8:8">
      <c r="H91369" s="12"/>
    </row>
    <row r="91370" spans="8:8">
      <c r="H91370" s="12"/>
    </row>
    <row r="91371" spans="8:8">
      <c r="H91371" s="12"/>
    </row>
    <row r="91372" spans="8:8">
      <c r="H91372" s="12"/>
    </row>
    <row r="91373" spans="8:8">
      <c r="H91373" s="12"/>
    </row>
    <row r="91374" spans="8:8">
      <c r="H91374" s="12"/>
    </row>
    <row r="91375" spans="8:8">
      <c r="H91375" s="12"/>
    </row>
    <row r="91376" spans="8:8">
      <c r="H91376" s="12"/>
    </row>
    <row r="91377" spans="8:8">
      <c r="H91377" s="12"/>
    </row>
    <row r="91378" spans="8:8">
      <c r="H91378" s="12"/>
    </row>
    <row r="91379" spans="8:8">
      <c r="H91379" s="12"/>
    </row>
    <row r="91380" spans="8:8">
      <c r="H91380" s="12"/>
    </row>
    <row r="91381" spans="8:8">
      <c r="H91381" s="12"/>
    </row>
    <row r="91382" spans="8:8">
      <c r="H91382" s="12"/>
    </row>
    <row r="91383" spans="8:8">
      <c r="H91383" s="12"/>
    </row>
    <row r="91384" spans="8:8">
      <c r="H91384" s="12"/>
    </row>
    <row r="91385" spans="8:8">
      <c r="H91385" s="12"/>
    </row>
    <row r="91386" spans="8:8">
      <c r="H91386" s="12"/>
    </row>
    <row r="91387" spans="8:8">
      <c r="H91387" s="12"/>
    </row>
    <row r="91388" spans="8:8">
      <c r="H91388" s="12"/>
    </row>
    <row r="91389" spans="8:8">
      <c r="H91389" s="12"/>
    </row>
    <row r="91390" spans="8:8">
      <c r="H91390" s="12"/>
    </row>
    <row r="91391" spans="8:8">
      <c r="H91391" s="12"/>
    </row>
    <row r="91392" spans="8:8">
      <c r="H91392" s="12"/>
    </row>
    <row r="91393" spans="8:8">
      <c r="H91393" s="12"/>
    </row>
    <row r="91394" spans="8:8">
      <c r="H91394" s="12"/>
    </row>
    <row r="91395" spans="8:8">
      <c r="H91395" s="12"/>
    </row>
    <row r="91396" spans="8:8">
      <c r="H91396" s="12"/>
    </row>
    <row r="91397" spans="8:8">
      <c r="H91397" s="12"/>
    </row>
    <row r="91398" spans="8:8">
      <c r="H91398" s="12"/>
    </row>
    <row r="91399" spans="8:8">
      <c r="H91399" s="12"/>
    </row>
    <row r="91400" spans="8:8">
      <c r="H91400" s="12"/>
    </row>
    <row r="91401" spans="8:8">
      <c r="H91401" s="12"/>
    </row>
    <row r="91402" spans="8:8">
      <c r="H91402" s="12"/>
    </row>
    <row r="91403" spans="8:8">
      <c r="H91403" s="12"/>
    </row>
    <row r="91404" spans="8:8">
      <c r="H91404" s="12"/>
    </row>
    <row r="91405" spans="8:8">
      <c r="H91405" s="12"/>
    </row>
    <row r="91406" spans="8:8">
      <c r="H91406" s="12"/>
    </row>
    <row r="91407" spans="8:8">
      <c r="H91407" s="12"/>
    </row>
    <row r="91408" spans="8:8">
      <c r="H91408" s="12"/>
    </row>
    <row r="91409" spans="8:8">
      <c r="H91409" s="12"/>
    </row>
    <row r="91410" spans="8:8">
      <c r="H91410" s="12"/>
    </row>
    <row r="91411" spans="8:8">
      <c r="H91411" s="12"/>
    </row>
    <row r="91412" spans="8:8">
      <c r="H91412" s="12"/>
    </row>
    <row r="91413" spans="8:8">
      <c r="H91413" s="12"/>
    </row>
    <row r="91414" spans="8:8">
      <c r="H91414" s="12"/>
    </row>
    <row r="91415" spans="8:8">
      <c r="H91415" s="12"/>
    </row>
    <row r="91416" spans="8:8">
      <c r="H91416" s="12"/>
    </row>
    <row r="91417" spans="8:8">
      <c r="H91417" s="12"/>
    </row>
    <row r="91418" spans="8:8">
      <c r="H91418" s="12"/>
    </row>
    <row r="91419" spans="8:8">
      <c r="H91419" s="12"/>
    </row>
    <row r="91420" spans="8:8">
      <c r="H91420" s="12"/>
    </row>
    <row r="91421" spans="8:8">
      <c r="H91421" s="12"/>
    </row>
    <row r="91422" spans="8:8">
      <c r="H91422" s="12"/>
    </row>
    <row r="91423" spans="8:8">
      <c r="H91423" s="12"/>
    </row>
    <row r="91424" spans="8:8">
      <c r="H91424" s="12"/>
    </row>
    <row r="91425" spans="8:8">
      <c r="H91425" s="12"/>
    </row>
    <row r="91426" spans="8:8">
      <c r="H91426" s="12"/>
    </row>
    <row r="91427" spans="8:8">
      <c r="H91427" s="12"/>
    </row>
    <row r="91428" spans="8:8">
      <c r="H91428" s="12"/>
    </row>
    <row r="91429" spans="8:8">
      <c r="H91429" s="12"/>
    </row>
    <row r="91430" spans="8:8">
      <c r="H91430" s="12"/>
    </row>
    <row r="91431" spans="8:8">
      <c r="H91431" s="12"/>
    </row>
    <row r="91432" spans="8:8">
      <c r="H91432" s="12"/>
    </row>
    <row r="91433" spans="8:8">
      <c r="H91433" s="12"/>
    </row>
    <row r="91434" spans="8:8">
      <c r="H91434" s="12"/>
    </row>
    <row r="91435" spans="8:8">
      <c r="H91435" s="12"/>
    </row>
    <row r="91436" spans="8:8">
      <c r="H91436" s="12"/>
    </row>
    <row r="91437" spans="8:8">
      <c r="H91437" s="12"/>
    </row>
    <row r="91438" spans="8:8">
      <c r="H91438" s="12"/>
    </row>
    <row r="91439" spans="8:8">
      <c r="H91439" s="12"/>
    </row>
    <row r="91440" spans="8:8">
      <c r="H91440" s="12"/>
    </row>
    <row r="91441" spans="8:8">
      <c r="H91441" s="12"/>
    </row>
    <row r="91442" spans="8:8">
      <c r="H91442" s="12"/>
    </row>
    <row r="91443" spans="8:8">
      <c r="H91443" s="12"/>
    </row>
    <row r="91444" spans="8:8">
      <c r="H91444" s="12"/>
    </row>
    <row r="91445" spans="8:8">
      <c r="H91445" s="12"/>
    </row>
    <row r="91446" spans="8:8">
      <c r="H91446" s="12"/>
    </row>
    <row r="91447" spans="8:8">
      <c r="H91447" s="12"/>
    </row>
    <row r="91448" spans="8:8">
      <c r="H91448" s="12"/>
    </row>
    <row r="91449" spans="8:8">
      <c r="H91449" s="12"/>
    </row>
    <row r="91450" spans="8:8">
      <c r="H91450" s="12"/>
    </row>
    <row r="91451" spans="8:8">
      <c r="H91451" s="12"/>
    </row>
    <row r="91452" spans="8:8">
      <c r="H91452" s="12"/>
    </row>
    <row r="91453" spans="8:8">
      <c r="H91453" s="12"/>
    </row>
    <row r="91454" spans="8:8">
      <c r="H91454" s="12"/>
    </row>
    <row r="91455" spans="8:8">
      <c r="H91455" s="12"/>
    </row>
    <row r="91456" spans="8:8">
      <c r="H91456" s="12"/>
    </row>
    <row r="91457" spans="8:8">
      <c r="H91457" s="12"/>
    </row>
    <row r="91458" spans="8:8">
      <c r="H91458" s="12"/>
    </row>
    <row r="91459" spans="8:8">
      <c r="H91459" s="12"/>
    </row>
    <row r="91460" spans="8:8">
      <c r="H91460" s="12"/>
    </row>
    <row r="91461" spans="8:8">
      <c r="H91461" s="12"/>
    </row>
    <row r="91462" spans="8:8">
      <c r="H91462" s="12"/>
    </row>
    <row r="91463" spans="8:8">
      <c r="H91463" s="12"/>
    </row>
    <row r="91464" spans="8:8">
      <c r="H91464" s="12"/>
    </row>
    <row r="91465" spans="8:8">
      <c r="H91465" s="12"/>
    </row>
    <row r="91466" spans="8:8">
      <c r="H91466" s="12"/>
    </row>
    <row r="91467" spans="8:8">
      <c r="H91467" s="12"/>
    </row>
    <row r="91468" spans="8:8">
      <c r="H91468" s="12"/>
    </row>
    <row r="91469" spans="8:8">
      <c r="H91469" s="12"/>
    </row>
    <row r="91470" spans="8:8">
      <c r="H91470" s="12"/>
    </row>
    <row r="91471" spans="8:8">
      <c r="H91471" s="12"/>
    </row>
    <row r="91472" spans="8:8">
      <c r="H91472" s="12"/>
    </row>
    <row r="91473" spans="8:8">
      <c r="H91473" s="12"/>
    </row>
    <row r="91474" spans="8:8">
      <c r="H91474" s="12"/>
    </row>
    <row r="91475" spans="8:8">
      <c r="H91475" s="12"/>
    </row>
    <row r="91476" spans="8:8">
      <c r="H91476" s="12"/>
    </row>
    <row r="91477" spans="8:8">
      <c r="H91477" s="12"/>
    </row>
    <row r="91478" spans="8:8">
      <c r="H91478" s="12"/>
    </row>
    <row r="91479" spans="8:8">
      <c r="H91479" s="12"/>
    </row>
    <row r="91480" spans="8:8">
      <c r="H91480" s="12"/>
    </row>
    <row r="91481" spans="8:8">
      <c r="H91481" s="12"/>
    </row>
    <row r="91482" spans="8:8">
      <c r="H91482" s="12"/>
    </row>
    <row r="91483" spans="8:8">
      <c r="H91483" s="12"/>
    </row>
    <row r="91484" spans="8:8">
      <c r="H91484" s="12"/>
    </row>
    <row r="91485" spans="8:8">
      <c r="H91485" s="12"/>
    </row>
    <row r="91486" spans="8:8">
      <c r="H91486" s="12"/>
    </row>
    <row r="91487" spans="8:8">
      <c r="H91487" s="12"/>
    </row>
    <row r="91488" spans="8:8">
      <c r="H91488" s="12"/>
    </row>
    <row r="91489" spans="8:8">
      <c r="H91489" s="12"/>
    </row>
    <row r="91490" spans="8:8">
      <c r="H91490" s="12"/>
    </row>
    <row r="91491" spans="8:8">
      <c r="H91491" s="12"/>
    </row>
    <row r="91492" spans="8:8">
      <c r="H91492" s="12"/>
    </row>
    <row r="91493" spans="8:8">
      <c r="H91493" s="12"/>
    </row>
    <row r="91494" spans="8:8">
      <c r="H91494" s="12"/>
    </row>
    <row r="91495" spans="8:8">
      <c r="H91495" s="12"/>
    </row>
    <row r="91496" spans="8:8">
      <c r="H91496" s="12"/>
    </row>
    <row r="91497" spans="8:8">
      <c r="H91497" s="12"/>
    </row>
    <row r="91498" spans="8:8">
      <c r="H91498" s="12"/>
    </row>
    <row r="91499" spans="8:8">
      <c r="H91499" s="12"/>
    </row>
    <row r="91500" spans="8:8">
      <c r="H91500" s="12"/>
    </row>
    <row r="91501" spans="8:8">
      <c r="H91501" s="12"/>
    </row>
    <row r="91502" spans="8:8">
      <c r="H91502" s="12"/>
    </row>
    <row r="91503" spans="8:8">
      <c r="H91503" s="12"/>
    </row>
    <row r="91504" spans="8:8">
      <c r="H91504" s="12"/>
    </row>
    <row r="91505" spans="8:8">
      <c r="H91505" s="12"/>
    </row>
    <row r="91506" spans="8:8">
      <c r="H91506" s="12"/>
    </row>
    <row r="91507" spans="8:8">
      <c r="H91507" s="12"/>
    </row>
    <row r="91508" spans="8:8">
      <c r="H91508" s="12"/>
    </row>
    <row r="91509" spans="8:8">
      <c r="H91509" s="12"/>
    </row>
    <row r="91510" spans="8:8">
      <c r="H91510" s="12"/>
    </row>
    <row r="91511" spans="8:8">
      <c r="H91511" s="12"/>
    </row>
    <row r="91512" spans="8:8">
      <c r="H91512" s="12"/>
    </row>
    <row r="91513" spans="8:8">
      <c r="H91513" s="12"/>
    </row>
    <row r="91514" spans="8:8">
      <c r="H91514" s="12"/>
    </row>
    <row r="91515" spans="8:8">
      <c r="H91515" s="12"/>
    </row>
    <row r="91516" spans="8:8">
      <c r="H91516" s="12"/>
    </row>
    <row r="91517" spans="8:8">
      <c r="H91517" s="12"/>
    </row>
    <row r="91518" spans="8:8">
      <c r="H91518" s="12"/>
    </row>
    <row r="91519" spans="8:8">
      <c r="H91519" s="12"/>
    </row>
    <row r="91520" spans="8:8">
      <c r="H91520" s="12"/>
    </row>
    <row r="91521" spans="8:8">
      <c r="H91521" s="12"/>
    </row>
    <row r="91522" spans="8:8">
      <c r="H91522" s="12"/>
    </row>
    <row r="91523" spans="8:8">
      <c r="H91523" s="12"/>
    </row>
    <row r="91524" spans="8:8">
      <c r="H91524" s="12"/>
    </row>
    <row r="91525" spans="8:8">
      <c r="H91525" s="12"/>
    </row>
    <row r="91526" spans="8:8">
      <c r="H91526" s="12"/>
    </row>
    <row r="91527" spans="8:8">
      <c r="H91527" s="12"/>
    </row>
    <row r="91528" spans="8:8">
      <c r="H91528" s="12"/>
    </row>
    <row r="91529" spans="8:8">
      <c r="H91529" s="12"/>
    </row>
    <row r="91530" spans="8:8">
      <c r="H91530" s="12"/>
    </row>
    <row r="91531" spans="8:8">
      <c r="H91531" s="12"/>
    </row>
    <row r="91532" spans="8:8">
      <c r="H91532" s="12"/>
    </row>
    <row r="91533" spans="8:8">
      <c r="H91533" s="12"/>
    </row>
    <row r="91534" spans="8:8">
      <c r="H91534" s="12"/>
    </row>
    <row r="91535" spans="8:8">
      <c r="H91535" s="12"/>
    </row>
    <row r="91536" spans="8:8">
      <c r="H91536" s="12"/>
    </row>
    <row r="91537" spans="8:8">
      <c r="H91537" s="12"/>
    </row>
    <row r="91538" spans="8:8">
      <c r="H91538" s="12"/>
    </row>
    <row r="91539" spans="8:8">
      <c r="H91539" s="12"/>
    </row>
    <row r="91540" spans="8:8">
      <c r="H91540" s="12"/>
    </row>
    <row r="91541" spans="8:8">
      <c r="H91541" s="12"/>
    </row>
    <row r="91542" spans="8:8">
      <c r="H91542" s="12"/>
    </row>
    <row r="91543" spans="8:8">
      <c r="H91543" s="12"/>
    </row>
    <row r="91544" spans="8:8">
      <c r="H91544" s="12"/>
    </row>
    <row r="91545" spans="8:8">
      <c r="H91545" s="12"/>
    </row>
    <row r="91546" spans="8:8">
      <c r="H91546" s="12"/>
    </row>
    <row r="91547" spans="8:8">
      <c r="H91547" s="12"/>
    </row>
    <row r="91548" spans="8:8">
      <c r="H91548" s="12"/>
    </row>
    <row r="91549" spans="8:8">
      <c r="H91549" s="12"/>
    </row>
    <row r="91550" spans="8:8">
      <c r="H91550" s="12"/>
    </row>
    <row r="91551" spans="8:8">
      <c r="H91551" s="12"/>
    </row>
    <row r="91552" spans="8:8">
      <c r="H91552" s="12"/>
    </row>
    <row r="91553" spans="8:8">
      <c r="H91553" s="12"/>
    </row>
    <row r="91554" spans="8:8">
      <c r="H91554" s="12"/>
    </row>
    <row r="91555" spans="8:8">
      <c r="H91555" s="12"/>
    </row>
    <row r="91556" spans="8:8">
      <c r="H91556" s="12"/>
    </row>
    <row r="91557" spans="8:8">
      <c r="H91557" s="12"/>
    </row>
    <row r="91558" spans="8:8">
      <c r="H91558" s="12"/>
    </row>
    <row r="91559" spans="8:8">
      <c r="H91559" s="12"/>
    </row>
    <row r="91560" spans="8:8">
      <c r="H91560" s="12"/>
    </row>
    <row r="91561" spans="8:8">
      <c r="H91561" s="12"/>
    </row>
    <row r="91562" spans="8:8">
      <c r="H91562" s="12"/>
    </row>
    <row r="91563" spans="8:8">
      <c r="H91563" s="12"/>
    </row>
    <row r="91564" spans="8:8">
      <c r="H91564" s="12"/>
    </row>
    <row r="91565" spans="8:8">
      <c r="H91565" s="12"/>
    </row>
    <row r="91566" spans="8:8">
      <c r="H91566" s="12"/>
    </row>
    <row r="91567" spans="8:8">
      <c r="H91567" s="12"/>
    </row>
    <row r="91568" spans="8:8">
      <c r="H91568" s="12"/>
    </row>
    <row r="91569" spans="8:8">
      <c r="H91569" s="12"/>
    </row>
    <row r="91570" spans="8:8">
      <c r="H91570" s="12"/>
    </row>
    <row r="91571" spans="8:8">
      <c r="H91571" s="12"/>
    </row>
    <row r="91572" spans="8:8">
      <c r="H91572" s="12"/>
    </row>
    <row r="91573" spans="8:8">
      <c r="H91573" s="12"/>
    </row>
    <row r="91574" spans="8:8">
      <c r="H91574" s="12"/>
    </row>
    <row r="91575" spans="8:8">
      <c r="H91575" s="12"/>
    </row>
    <row r="91576" spans="8:8">
      <c r="H91576" s="12"/>
    </row>
    <row r="91577" spans="8:8">
      <c r="H91577" s="12"/>
    </row>
    <row r="91578" spans="8:8">
      <c r="H91578" s="12"/>
    </row>
    <row r="91579" spans="8:8">
      <c r="H91579" s="12"/>
    </row>
    <row r="91580" spans="8:8">
      <c r="H91580" s="12"/>
    </row>
    <row r="91581" spans="8:8">
      <c r="H91581" s="12"/>
    </row>
    <row r="91582" spans="8:8">
      <c r="H91582" s="12"/>
    </row>
    <row r="91583" spans="8:8">
      <c r="H91583" s="12"/>
    </row>
    <row r="91584" spans="8:8">
      <c r="H91584" s="12"/>
    </row>
    <row r="91585" spans="8:8">
      <c r="H91585" s="12"/>
    </row>
    <row r="91586" spans="8:8">
      <c r="H91586" s="12"/>
    </row>
    <row r="91587" spans="8:8">
      <c r="H91587" s="12"/>
    </row>
    <row r="91588" spans="8:8">
      <c r="H91588" s="12"/>
    </row>
    <row r="91589" spans="8:8">
      <c r="H91589" s="12"/>
    </row>
    <row r="91590" spans="8:8">
      <c r="H91590" s="12"/>
    </row>
    <row r="91591" spans="8:8">
      <c r="H91591" s="12"/>
    </row>
    <row r="91592" spans="8:8">
      <c r="H91592" s="12"/>
    </row>
    <row r="91593" spans="8:8">
      <c r="H91593" s="12"/>
    </row>
    <row r="91594" spans="8:8">
      <c r="H91594" s="12"/>
    </row>
    <row r="91595" spans="8:8">
      <c r="H91595" s="12"/>
    </row>
    <row r="91596" spans="8:8">
      <c r="H91596" s="12"/>
    </row>
    <row r="91597" spans="8:8">
      <c r="H91597" s="12"/>
    </row>
    <row r="91598" spans="8:8">
      <c r="H91598" s="12"/>
    </row>
    <row r="91599" spans="8:8">
      <c r="H91599" s="12"/>
    </row>
    <row r="91600" spans="8:8">
      <c r="H91600" s="12"/>
    </row>
    <row r="91601" spans="8:8">
      <c r="H91601" s="12"/>
    </row>
    <row r="91602" spans="8:8">
      <c r="H91602" s="12"/>
    </row>
    <row r="91603" spans="8:8">
      <c r="H91603" s="12"/>
    </row>
    <row r="91604" spans="8:8">
      <c r="H91604" s="12"/>
    </row>
    <row r="91605" spans="8:8">
      <c r="H91605" s="12"/>
    </row>
    <row r="91606" spans="8:8">
      <c r="H91606" s="12"/>
    </row>
    <row r="91607" spans="8:8">
      <c r="H91607" s="12"/>
    </row>
    <row r="91608" spans="8:8">
      <c r="H91608" s="12"/>
    </row>
    <row r="91609" spans="8:8">
      <c r="H91609" s="12"/>
    </row>
    <row r="91610" spans="8:8">
      <c r="H91610" s="12"/>
    </row>
    <row r="91611" spans="8:8">
      <c r="H91611" s="12"/>
    </row>
    <row r="91612" spans="8:8">
      <c r="H91612" s="12"/>
    </row>
    <row r="91613" spans="8:8">
      <c r="H91613" s="12"/>
    </row>
    <row r="91614" spans="8:8">
      <c r="H91614" s="12"/>
    </row>
    <row r="91615" spans="8:8">
      <c r="H91615" s="12"/>
    </row>
    <row r="91616" spans="8:8">
      <c r="H91616" s="12"/>
    </row>
    <row r="91617" spans="8:8">
      <c r="H91617" s="12"/>
    </row>
    <row r="91618" spans="8:8">
      <c r="H91618" s="12"/>
    </row>
    <row r="91619" spans="8:8">
      <c r="H91619" s="12"/>
    </row>
    <row r="91620" spans="8:8">
      <c r="H91620" s="12"/>
    </row>
    <row r="91621" spans="8:8">
      <c r="H91621" s="12"/>
    </row>
    <row r="91622" spans="8:8">
      <c r="H91622" s="12"/>
    </row>
    <row r="91623" spans="8:8">
      <c r="H91623" s="12"/>
    </row>
    <row r="91624" spans="8:8">
      <c r="H91624" s="12"/>
    </row>
    <row r="91625" spans="8:8">
      <c r="H91625" s="12"/>
    </row>
    <row r="91626" spans="8:8">
      <c r="H91626" s="12"/>
    </row>
    <row r="91627" spans="8:8">
      <c r="H91627" s="12"/>
    </row>
    <row r="91628" spans="8:8">
      <c r="H91628" s="12"/>
    </row>
    <row r="91629" spans="8:8">
      <c r="H91629" s="12"/>
    </row>
    <row r="91630" spans="8:8">
      <c r="H91630" s="12"/>
    </row>
    <row r="91631" spans="8:8">
      <c r="H91631" s="12"/>
    </row>
    <row r="91632" spans="8:8">
      <c r="H91632" s="12"/>
    </row>
    <row r="91633" spans="8:8">
      <c r="H91633" s="12"/>
    </row>
    <row r="91634" spans="8:8">
      <c r="H91634" s="12"/>
    </row>
    <row r="91635" spans="8:8">
      <c r="H91635" s="12"/>
    </row>
    <row r="91636" spans="8:8">
      <c r="H91636" s="12"/>
    </row>
    <row r="91637" spans="8:8">
      <c r="H91637" s="12"/>
    </row>
    <row r="91638" spans="8:8">
      <c r="H91638" s="12"/>
    </row>
    <row r="91639" spans="8:8">
      <c r="H91639" s="12"/>
    </row>
    <row r="91640" spans="8:8">
      <c r="H91640" s="12"/>
    </row>
    <row r="91641" spans="8:8">
      <c r="H91641" s="12"/>
    </row>
    <row r="91642" spans="8:8">
      <c r="H91642" s="12"/>
    </row>
    <row r="91643" spans="8:8">
      <c r="H91643" s="12"/>
    </row>
    <row r="91644" spans="8:8">
      <c r="H91644" s="12"/>
    </row>
    <row r="91645" spans="8:8">
      <c r="H91645" s="12"/>
    </row>
    <row r="91646" spans="8:8">
      <c r="H91646" s="12"/>
    </row>
    <row r="91647" spans="8:8">
      <c r="H91647" s="12"/>
    </row>
    <row r="91648" spans="8:8">
      <c r="H91648" s="12"/>
    </row>
    <row r="91649" spans="8:8">
      <c r="H91649" s="12"/>
    </row>
    <row r="91650" spans="8:8">
      <c r="H91650" s="12"/>
    </row>
    <row r="91651" spans="8:8">
      <c r="H91651" s="12"/>
    </row>
    <row r="91652" spans="8:8">
      <c r="H91652" s="12"/>
    </row>
    <row r="91653" spans="8:8">
      <c r="H91653" s="12"/>
    </row>
    <row r="91654" spans="8:8">
      <c r="H91654" s="12"/>
    </row>
    <row r="91655" spans="8:8">
      <c r="H91655" s="12"/>
    </row>
    <row r="91656" spans="8:8">
      <c r="H91656" s="12"/>
    </row>
    <row r="91657" spans="8:8">
      <c r="H91657" s="12"/>
    </row>
    <row r="91658" spans="8:8">
      <c r="H91658" s="12"/>
    </row>
    <row r="91659" spans="8:8">
      <c r="H91659" s="12"/>
    </row>
    <row r="91660" spans="8:8">
      <c r="H91660" s="12"/>
    </row>
    <row r="91661" spans="8:8">
      <c r="H91661" s="12"/>
    </row>
    <row r="91662" spans="8:8">
      <c r="H91662" s="12"/>
    </row>
    <row r="91663" spans="8:8">
      <c r="H91663" s="12"/>
    </row>
    <row r="91664" spans="8:8">
      <c r="H91664" s="12"/>
    </row>
    <row r="91665" spans="8:8">
      <c r="H91665" s="12"/>
    </row>
    <row r="91666" spans="8:8">
      <c r="H91666" s="12"/>
    </row>
    <row r="91667" spans="8:8">
      <c r="H91667" s="12"/>
    </row>
    <row r="91668" spans="8:8">
      <c r="H91668" s="12"/>
    </row>
    <row r="91669" spans="8:8">
      <c r="H91669" s="12"/>
    </row>
    <row r="91670" spans="8:8">
      <c r="H91670" s="12"/>
    </row>
    <row r="91671" spans="8:8">
      <c r="H91671" s="12"/>
    </row>
    <row r="91672" spans="8:8">
      <c r="H91672" s="12"/>
    </row>
    <row r="91673" spans="8:8">
      <c r="H91673" s="12"/>
    </row>
    <row r="91674" spans="8:8">
      <c r="H91674" s="12"/>
    </row>
    <row r="91675" spans="8:8">
      <c r="H91675" s="12"/>
    </row>
    <row r="91676" spans="8:8">
      <c r="H91676" s="12"/>
    </row>
    <row r="91677" spans="8:8">
      <c r="H91677" s="12"/>
    </row>
    <row r="91678" spans="8:8">
      <c r="H91678" s="12"/>
    </row>
    <row r="91679" spans="8:8">
      <c r="H91679" s="12"/>
    </row>
    <row r="91680" spans="8:8">
      <c r="H91680" s="12"/>
    </row>
    <row r="91681" spans="8:8">
      <c r="H91681" s="12"/>
    </row>
    <row r="91682" spans="8:8">
      <c r="H91682" s="12"/>
    </row>
    <row r="91683" spans="8:8">
      <c r="H91683" s="12"/>
    </row>
    <row r="91684" spans="8:8">
      <c r="H91684" s="12"/>
    </row>
    <row r="91685" spans="8:8">
      <c r="H91685" s="12"/>
    </row>
    <row r="91686" spans="8:8">
      <c r="H91686" s="12"/>
    </row>
    <row r="91687" spans="8:8">
      <c r="H91687" s="12"/>
    </row>
    <row r="91688" spans="8:8">
      <c r="H91688" s="12"/>
    </row>
    <row r="91689" spans="8:8">
      <c r="H91689" s="12"/>
    </row>
    <row r="91690" spans="8:8">
      <c r="H91690" s="12"/>
    </row>
    <row r="91691" spans="8:8">
      <c r="H91691" s="12"/>
    </row>
    <row r="91692" spans="8:8">
      <c r="H91692" s="12"/>
    </row>
    <row r="91693" spans="8:8">
      <c r="H91693" s="12"/>
    </row>
    <row r="91694" spans="8:8">
      <c r="H91694" s="12"/>
    </row>
    <row r="91695" spans="8:8">
      <c r="H91695" s="12"/>
    </row>
    <row r="91696" spans="8:8">
      <c r="H91696" s="12"/>
    </row>
    <row r="91697" spans="8:8">
      <c r="H91697" s="12"/>
    </row>
    <row r="91698" spans="8:8">
      <c r="H91698" s="12"/>
    </row>
    <row r="91699" spans="8:8">
      <c r="H91699" s="12"/>
    </row>
    <row r="91700" spans="8:8">
      <c r="H91700" s="12"/>
    </row>
    <row r="91701" spans="8:8">
      <c r="H91701" s="12"/>
    </row>
    <row r="91702" spans="8:8">
      <c r="H91702" s="12"/>
    </row>
    <row r="91703" spans="8:8">
      <c r="H91703" s="12"/>
    </row>
    <row r="91704" spans="8:8">
      <c r="H91704" s="12"/>
    </row>
    <row r="91705" spans="8:8">
      <c r="H91705" s="12"/>
    </row>
    <row r="91706" spans="8:8">
      <c r="H91706" s="12"/>
    </row>
    <row r="91707" spans="8:8">
      <c r="H91707" s="12"/>
    </row>
    <row r="91708" spans="8:8">
      <c r="H91708" s="12"/>
    </row>
    <row r="91709" spans="8:8">
      <c r="H91709" s="12"/>
    </row>
    <row r="91710" spans="8:8">
      <c r="H91710" s="12"/>
    </row>
    <row r="91711" spans="8:8">
      <c r="H91711" s="12"/>
    </row>
    <row r="91712" spans="8:8">
      <c r="H91712" s="12"/>
    </row>
    <row r="91713" spans="8:8">
      <c r="H91713" s="12"/>
    </row>
    <row r="91714" spans="8:8">
      <c r="H91714" s="12"/>
    </row>
    <row r="91715" spans="8:8">
      <c r="H91715" s="12"/>
    </row>
    <row r="91716" spans="8:8">
      <c r="H91716" s="12"/>
    </row>
    <row r="91717" spans="8:8">
      <c r="H91717" s="12"/>
    </row>
    <row r="91718" spans="8:8">
      <c r="H91718" s="12"/>
    </row>
    <row r="91719" spans="8:8">
      <c r="H91719" s="12"/>
    </row>
    <row r="91720" spans="8:8">
      <c r="H91720" s="12"/>
    </row>
    <row r="91721" spans="8:8">
      <c r="H91721" s="12"/>
    </row>
    <row r="91722" spans="8:8">
      <c r="H91722" s="12"/>
    </row>
    <row r="91723" spans="8:8">
      <c r="H91723" s="12"/>
    </row>
    <row r="91724" spans="8:8">
      <c r="H91724" s="12"/>
    </row>
    <row r="91725" spans="8:8">
      <c r="H91725" s="12"/>
    </row>
    <row r="91726" spans="8:8">
      <c r="H91726" s="12"/>
    </row>
    <row r="91727" spans="8:8">
      <c r="H91727" s="12"/>
    </row>
    <row r="91728" spans="8:8">
      <c r="H91728" s="12"/>
    </row>
    <row r="91729" spans="8:8">
      <c r="H91729" s="12"/>
    </row>
    <row r="91730" spans="8:8">
      <c r="H91730" s="12"/>
    </row>
    <row r="91731" spans="8:8">
      <c r="H91731" s="12"/>
    </row>
    <row r="91732" spans="8:8">
      <c r="H91732" s="12"/>
    </row>
    <row r="91733" spans="8:8">
      <c r="H91733" s="12"/>
    </row>
    <row r="91734" spans="8:8">
      <c r="H91734" s="12"/>
    </row>
    <row r="91735" spans="8:8">
      <c r="H91735" s="12"/>
    </row>
    <row r="91736" spans="8:8">
      <c r="H91736" s="12"/>
    </row>
    <row r="91737" spans="8:8">
      <c r="H91737" s="12"/>
    </row>
    <row r="91738" spans="8:8">
      <c r="H91738" s="12"/>
    </row>
    <row r="91739" spans="8:8">
      <c r="H91739" s="12"/>
    </row>
    <row r="91740" spans="8:8">
      <c r="H91740" s="12"/>
    </row>
    <row r="91741" spans="8:8">
      <c r="H91741" s="12"/>
    </row>
    <row r="91742" spans="8:8">
      <c r="H91742" s="12"/>
    </row>
    <row r="91743" spans="8:8">
      <c r="H91743" s="12"/>
    </row>
    <row r="91744" spans="8:8">
      <c r="H91744" s="12"/>
    </row>
    <row r="91745" spans="8:8">
      <c r="H91745" s="12"/>
    </row>
    <row r="91746" spans="8:8">
      <c r="H91746" s="12"/>
    </row>
    <row r="91747" spans="8:8">
      <c r="H91747" s="12"/>
    </row>
    <row r="91748" spans="8:8">
      <c r="H91748" s="12"/>
    </row>
    <row r="91749" spans="8:8">
      <c r="H91749" s="12"/>
    </row>
    <row r="91750" spans="8:8">
      <c r="H91750" s="12"/>
    </row>
    <row r="91751" spans="8:8">
      <c r="H91751" s="12"/>
    </row>
    <row r="91752" spans="8:8">
      <c r="H91752" s="12"/>
    </row>
    <row r="91753" spans="8:8">
      <c r="H91753" s="12"/>
    </row>
    <row r="91754" spans="8:8">
      <c r="H91754" s="12"/>
    </row>
    <row r="91755" spans="8:8">
      <c r="H91755" s="12"/>
    </row>
    <row r="91756" spans="8:8">
      <c r="H91756" s="12"/>
    </row>
    <row r="91757" spans="8:8">
      <c r="H91757" s="12"/>
    </row>
    <row r="91758" spans="8:8">
      <c r="H91758" s="12"/>
    </row>
    <row r="91759" spans="8:8">
      <c r="H91759" s="12"/>
    </row>
    <row r="91760" spans="8:8">
      <c r="H91760" s="12"/>
    </row>
    <row r="91761" spans="8:8">
      <c r="H91761" s="12"/>
    </row>
    <row r="91762" spans="8:8">
      <c r="H91762" s="12"/>
    </row>
    <row r="91763" spans="8:8">
      <c r="H91763" s="12"/>
    </row>
    <row r="91764" spans="8:8">
      <c r="H91764" s="12"/>
    </row>
    <row r="91765" spans="8:8">
      <c r="H91765" s="12"/>
    </row>
    <row r="91766" spans="8:8">
      <c r="H91766" s="12"/>
    </row>
    <row r="91767" spans="8:8">
      <c r="H91767" s="12"/>
    </row>
    <row r="91768" spans="8:8">
      <c r="H91768" s="12"/>
    </row>
    <row r="91769" spans="8:8">
      <c r="H91769" s="12"/>
    </row>
    <row r="91770" spans="8:8">
      <c r="H91770" s="12"/>
    </row>
    <row r="91771" spans="8:8">
      <c r="H91771" s="12"/>
    </row>
    <row r="91772" spans="8:8">
      <c r="H91772" s="12"/>
    </row>
    <row r="91773" spans="8:8">
      <c r="H91773" s="12"/>
    </row>
    <row r="91774" spans="8:8">
      <c r="H91774" s="12"/>
    </row>
    <row r="91775" spans="8:8">
      <c r="H91775" s="12"/>
    </row>
    <row r="91776" spans="8:8">
      <c r="H91776" s="12"/>
    </row>
    <row r="91777" spans="8:8">
      <c r="H91777" s="12"/>
    </row>
    <row r="91778" spans="8:8">
      <c r="H91778" s="12"/>
    </row>
    <row r="91779" spans="8:8">
      <c r="H91779" s="12"/>
    </row>
    <row r="91780" spans="8:8">
      <c r="H91780" s="12"/>
    </row>
    <row r="91781" spans="8:8">
      <c r="H91781" s="12"/>
    </row>
    <row r="91782" spans="8:8">
      <c r="H91782" s="12"/>
    </row>
    <row r="91783" spans="8:8">
      <c r="H91783" s="12"/>
    </row>
    <row r="91784" spans="8:8">
      <c r="H91784" s="12"/>
    </row>
    <row r="91785" spans="8:8">
      <c r="H91785" s="12"/>
    </row>
    <row r="91786" spans="8:8">
      <c r="H91786" s="12"/>
    </row>
    <row r="91787" spans="8:8">
      <c r="H91787" s="12"/>
    </row>
    <row r="91788" spans="8:8">
      <c r="H91788" s="12"/>
    </row>
    <row r="91789" spans="8:8">
      <c r="H91789" s="12"/>
    </row>
    <row r="91790" spans="8:8">
      <c r="H91790" s="12"/>
    </row>
    <row r="91791" spans="8:8">
      <c r="H91791" s="12"/>
    </row>
    <row r="91792" spans="8:8">
      <c r="H91792" s="12"/>
    </row>
    <row r="91793" spans="8:8">
      <c r="H91793" s="12"/>
    </row>
    <row r="91794" spans="8:8">
      <c r="H91794" s="12"/>
    </row>
    <row r="91795" spans="8:8">
      <c r="H91795" s="12"/>
    </row>
    <row r="91796" spans="8:8">
      <c r="H91796" s="12"/>
    </row>
    <row r="91797" spans="8:8">
      <c r="H91797" s="12"/>
    </row>
    <row r="91798" spans="8:8">
      <c r="H91798" s="12"/>
    </row>
    <row r="91799" spans="8:8">
      <c r="H91799" s="12"/>
    </row>
    <row r="91800" spans="8:8">
      <c r="H91800" s="12"/>
    </row>
    <row r="91801" spans="8:8">
      <c r="H91801" s="12"/>
    </row>
    <row r="91802" spans="8:8">
      <c r="H91802" s="12"/>
    </row>
    <row r="91803" spans="8:8">
      <c r="H91803" s="12"/>
    </row>
    <row r="91804" spans="8:8">
      <c r="H91804" s="12"/>
    </row>
    <row r="91805" spans="8:8">
      <c r="H91805" s="12"/>
    </row>
    <row r="91806" spans="8:8">
      <c r="H91806" s="12"/>
    </row>
    <row r="91807" spans="8:8">
      <c r="H91807" s="12"/>
    </row>
    <row r="91808" spans="8:8">
      <c r="H91808" s="12"/>
    </row>
    <row r="91809" spans="8:8">
      <c r="H91809" s="12"/>
    </row>
    <row r="91810" spans="8:8">
      <c r="H91810" s="12"/>
    </row>
    <row r="91811" spans="8:8">
      <c r="H91811" s="12"/>
    </row>
    <row r="91812" spans="8:8">
      <c r="H91812" s="12"/>
    </row>
    <row r="91813" spans="8:8">
      <c r="H91813" s="12"/>
    </row>
    <row r="91814" spans="8:8">
      <c r="H91814" s="12"/>
    </row>
    <row r="91815" spans="8:8">
      <c r="H91815" s="12"/>
    </row>
    <row r="91816" spans="8:8">
      <c r="H91816" s="12"/>
    </row>
    <row r="91817" spans="8:8">
      <c r="H91817" s="12"/>
    </row>
    <row r="91818" spans="8:8">
      <c r="H91818" s="12"/>
    </row>
    <row r="91819" spans="8:8">
      <c r="H91819" s="12"/>
    </row>
    <row r="91820" spans="8:8">
      <c r="H91820" s="12"/>
    </row>
    <row r="91821" spans="8:8">
      <c r="H91821" s="12"/>
    </row>
    <row r="91822" spans="8:8">
      <c r="H91822" s="12"/>
    </row>
    <row r="91823" spans="8:8">
      <c r="H91823" s="12"/>
    </row>
    <row r="91824" spans="8:8">
      <c r="H91824" s="12"/>
    </row>
    <row r="91825" spans="8:8">
      <c r="H91825" s="12"/>
    </row>
    <row r="91826" spans="8:8">
      <c r="H91826" s="12"/>
    </row>
    <row r="91827" spans="8:8">
      <c r="H91827" s="12"/>
    </row>
    <row r="91828" spans="8:8">
      <c r="H91828" s="12"/>
    </row>
    <row r="91829" spans="8:8">
      <c r="H91829" s="12"/>
    </row>
    <row r="91830" spans="8:8">
      <c r="H91830" s="12"/>
    </row>
    <row r="91831" spans="8:8">
      <c r="H91831" s="12"/>
    </row>
    <row r="91832" spans="8:8">
      <c r="H91832" s="12"/>
    </row>
    <row r="91833" spans="8:8">
      <c r="H91833" s="12"/>
    </row>
    <row r="91834" spans="8:8">
      <c r="H91834" s="12"/>
    </row>
    <row r="91835" spans="8:8">
      <c r="H91835" s="12"/>
    </row>
    <row r="91836" spans="8:8">
      <c r="H91836" s="12"/>
    </row>
    <row r="91837" spans="8:8">
      <c r="H91837" s="12"/>
    </row>
    <row r="91838" spans="8:8">
      <c r="H91838" s="12"/>
    </row>
    <row r="91839" spans="8:8">
      <c r="H91839" s="12"/>
    </row>
    <row r="91840" spans="8:8">
      <c r="H91840" s="12"/>
    </row>
    <row r="91841" spans="8:8">
      <c r="H91841" s="12"/>
    </row>
    <row r="91842" spans="8:8">
      <c r="H91842" s="12"/>
    </row>
    <row r="91843" spans="8:8">
      <c r="H91843" s="12"/>
    </row>
    <row r="91844" spans="8:8">
      <c r="H91844" s="12"/>
    </row>
    <row r="91845" spans="8:8">
      <c r="H91845" s="12"/>
    </row>
    <row r="91846" spans="8:8">
      <c r="H91846" s="12"/>
    </row>
    <row r="91847" spans="8:8">
      <c r="H91847" s="12"/>
    </row>
    <row r="91848" spans="8:8">
      <c r="H91848" s="12"/>
    </row>
    <row r="91849" spans="8:8">
      <c r="H91849" s="12"/>
    </row>
    <row r="91850" spans="8:8">
      <c r="H91850" s="12"/>
    </row>
    <row r="91851" spans="8:8">
      <c r="H91851" s="12"/>
    </row>
    <row r="91852" spans="8:8">
      <c r="H91852" s="12"/>
    </row>
    <row r="91853" spans="8:8">
      <c r="H91853" s="12"/>
    </row>
    <row r="91854" spans="8:8">
      <c r="H91854" s="12"/>
    </row>
    <row r="91855" spans="8:8">
      <c r="H91855" s="12"/>
    </row>
    <row r="91856" spans="8:8">
      <c r="H91856" s="12"/>
    </row>
    <row r="91857" spans="8:8">
      <c r="H91857" s="12"/>
    </row>
    <row r="91858" spans="8:8">
      <c r="H91858" s="12"/>
    </row>
    <row r="91859" spans="8:8">
      <c r="H91859" s="12"/>
    </row>
    <row r="91860" spans="8:8">
      <c r="H91860" s="12"/>
    </row>
    <row r="91861" spans="8:8">
      <c r="H91861" s="12"/>
    </row>
    <row r="91862" spans="8:8">
      <c r="H91862" s="12"/>
    </row>
    <row r="91863" spans="8:8">
      <c r="H91863" s="12"/>
    </row>
    <row r="91864" spans="8:8">
      <c r="H91864" s="12"/>
    </row>
    <row r="91865" spans="8:8">
      <c r="H91865" s="12"/>
    </row>
    <row r="91866" spans="8:8">
      <c r="H91866" s="12"/>
    </row>
    <row r="91867" spans="8:8">
      <c r="H91867" s="12"/>
    </row>
    <row r="91868" spans="8:8">
      <c r="H91868" s="12"/>
    </row>
    <row r="91869" spans="8:8">
      <c r="H91869" s="12"/>
    </row>
    <row r="91870" spans="8:8">
      <c r="H91870" s="12"/>
    </row>
    <row r="91871" spans="8:8">
      <c r="H91871" s="12"/>
    </row>
    <row r="91872" spans="8:8">
      <c r="H91872" s="12"/>
    </row>
    <row r="91873" spans="8:8">
      <c r="H91873" s="12"/>
    </row>
    <row r="91874" spans="8:8">
      <c r="H91874" s="12"/>
    </row>
    <row r="91875" spans="8:8">
      <c r="H91875" s="12"/>
    </row>
    <row r="91876" spans="8:8">
      <c r="H91876" s="12"/>
    </row>
    <row r="91877" spans="8:8">
      <c r="H91877" s="12"/>
    </row>
    <row r="91878" spans="8:8">
      <c r="H91878" s="12"/>
    </row>
    <row r="91879" spans="8:8">
      <c r="H91879" s="12"/>
    </row>
    <row r="91880" spans="8:8">
      <c r="H91880" s="12"/>
    </row>
    <row r="91881" spans="8:8">
      <c r="H91881" s="12"/>
    </row>
    <row r="91882" spans="8:8">
      <c r="H91882" s="12"/>
    </row>
    <row r="91883" spans="8:8">
      <c r="H91883" s="12"/>
    </row>
    <row r="91884" spans="8:8">
      <c r="H91884" s="12"/>
    </row>
    <row r="91885" spans="8:8">
      <c r="H91885" s="12"/>
    </row>
    <row r="91886" spans="8:8">
      <c r="H91886" s="12"/>
    </row>
    <row r="91887" spans="8:8">
      <c r="H91887" s="12"/>
    </row>
    <row r="91888" spans="8:8">
      <c r="H91888" s="12"/>
    </row>
    <row r="91889" spans="8:8">
      <c r="H91889" s="12"/>
    </row>
    <row r="91890" spans="8:8">
      <c r="H91890" s="12"/>
    </row>
    <row r="91891" spans="8:8">
      <c r="H91891" s="12"/>
    </row>
    <row r="91892" spans="8:8">
      <c r="H91892" s="12"/>
    </row>
    <row r="91893" spans="8:8">
      <c r="H91893" s="12"/>
    </row>
    <row r="91894" spans="8:8">
      <c r="H91894" s="12"/>
    </row>
    <row r="91895" spans="8:8">
      <c r="H91895" s="12"/>
    </row>
    <row r="91896" spans="8:8">
      <c r="H91896" s="12"/>
    </row>
    <row r="91897" spans="8:8">
      <c r="H91897" s="12"/>
    </row>
    <row r="91898" spans="8:8">
      <c r="H91898" s="12"/>
    </row>
    <row r="91899" spans="8:8">
      <c r="H91899" s="12"/>
    </row>
    <row r="91900" spans="8:8">
      <c r="H91900" s="12"/>
    </row>
    <row r="91901" spans="8:8">
      <c r="H91901" s="12"/>
    </row>
    <row r="91902" spans="8:8">
      <c r="H91902" s="12"/>
    </row>
    <row r="91903" spans="8:8">
      <c r="H91903" s="12"/>
    </row>
    <row r="91904" spans="8:8">
      <c r="H91904" s="12"/>
    </row>
    <row r="91905" spans="8:8">
      <c r="H91905" s="12"/>
    </row>
    <row r="91906" spans="8:8">
      <c r="H91906" s="12"/>
    </row>
    <row r="91907" spans="8:8">
      <c r="H91907" s="12"/>
    </row>
    <row r="91908" spans="8:8">
      <c r="H91908" s="12"/>
    </row>
    <row r="91909" spans="8:8">
      <c r="H91909" s="12"/>
    </row>
    <row r="91910" spans="8:8">
      <c r="H91910" s="12"/>
    </row>
    <row r="91911" spans="8:8">
      <c r="H91911" s="12"/>
    </row>
    <row r="91912" spans="8:8">
      <c r="H91912" s="12"/>
    </row>
    <row r="91913" spans="8:8">
      <c r="H91913" s="12"/>
    </row>
    <row r="91914" spans="8:8">
      <c r="H91914" s="12"/>
    </row>
    <row r="91915" spans="8:8">
      <c r="H91915" s="12"/>
    </row>
    <row r="91916" spans="8:8">
      <c r="H91916" s="12"/>
    </row>
    <row r="91917" spans="8:8">
      <c r="H91917" s="12"/>
    </row>
    <row r="91918" spans="8:8">
      <c r="H91918" s="12"/>
    </row>
    <row r="91919" spans="8:8">
      <c r="H91919" s="12"/>
    </row>
    <row r="91920" spans="8:8">
      <c r="H91920" s="12"/>
    </row>
    <row r="91921" spans="8:8">
      <c r="H91921" s="12"/>
    </row>
    <row r="91922" spans="8:8">
      <c r="H91922" s="12"/>
    </row>
    <row r="91923" spans="8:8">
      <c r="H91923" s="12"/>
    </row>
    <row r="91924" spans="8:8">
      <c r="H91924" s="12"/>
    </row>
    <row r="91925" spans="8:8">
      <c r="H91925" s="12"/>
    </row>
    <row r="91926" spans="8:8">
      <c r="H91926" s="12"/>
    </row>
    <row r="91927" spans="8:8">
      <c r="H91927" s="12"/>
    </row>
    <row r="91928" spans="8:8">
      <c r="H91928" s="12"/>
    </row>
    <row r="91929" spans="8:8">
      <c r="H91929" s="12"/>
    </row>
    <row r="91930" spans="8:8">
      <c r="H91930" s="12"/>
    </row>
    <row r="91931" spans="8:8">
      <c r="H91931" s="12"/>
    </row>
    <row r="91932" spans="8:8">
      <c r="H91932" s="12"/>
    </row>
    <row r="91933" spans="8:8">
      <c r="H91933" s="12"/>
    </row>
    <row r="91934" spans="8:8">
      <c r="H91934" s="12"/>
    </row>
    <row r="91935" spans="8:8">
      <c r="H91935" s="12"/>
    </row>
    <row r="91936" spans="8:8">
      <c r="H91936" s="12"/>
    </row>
    <row r="91937" spans="8:8">
      <c r="H91937" s="12"/>
    </row>
    <row r="91938" spans="8:8">
      <c r="H91938" s="12"/>
    </row>
    <row r="91939" spans="8:8">
      <c r="H91939" s="12"/>
    </row>
    <row r="91940" spans="8:8">
      <c r="H91940" s="12"/>
    </row>
    <row r="91941" spans="8:8">
      <c r="H91941" s="12"/>
    </row>
    <row r="91942" spans="8:8">
      <c r="H91942" s="12"/>
    </row>
    <row r="91943" spans="8:8">
      <c r="H91943" s="12"/>
    </row>
    <row r="91944" spans="8:8">
      <c r="H91944" s="12"/>
    </row>
    <row r="91945" spans="8:8">
      <c r="H91945" s="12"/>
    </row>
    <row r="91946" spans="8:8">
      <c r="H91946" s="12"/>
    </row>
    <row r="91947" spans="8:8">
      <c r="H91947" s="12"/>
    </row>
    <row r="91948" spans="8:8">
      <c r="H91948" s="12"/>
    </row>
    <row r="91949" spans="8:8">
      <c r="H91949" s="12"/>
    </row>
    <row r="91950" spans="8:8">
      <c r="H91950" s="12"/>
    </row>
    <row r="91951" spans="8:8">
      <c r="H91951" s="12"/>
    </row>
    <row r="91952" spans="8:8">
      <c r="H91952" s="12"/>
    </row>
    <row r="91953" spans="8:8">
      <c r="H91953" s="12"/>
    </row>
    <row r="91954" spans="8:8">
      <c r="H91954" s="12"/>
    </row>
    <row r="91955" spans="8:8">
      <c r="H91955" s="12"/>
    </row>
    <row r="91956" spans="8:8">
      <c r="H91956" s="12"/>
    </row>
    <row r="91957" spans="8:8">
      <c r="H91957" s="12"/>
    </row>
    <row r="91958" spans="8:8">
      <c r="H91958" s="12"/>
    </row>
    <row r="91959" spans="8:8">
      <c r="H91959" s="12"/>
    </row>
    <row r="91960" spans="8:8">
      <c r="H91960" s="12"/>
    </row>
    <row r="91961" spans="8:8">
      <c r="H91961" s="12"/>
    </row>
    <row r="91962" spans="8:8">
      <c r="H91962" s="12"/>
    </row>
    <row r="91963" spans="8:8">
      <c r="H91963" s="12"/>
    </row>
    <row r="91964" spans="8:8">
      <c r="H91964" s="12"/>
    </row>
    <row r="91965" spans="8:8">
      <c r="H91965" s="12"/>
    </row>
    <row r="91966" spans="8:8">
      <c r="H91966" s="12"/>
    </row>
    <row r="91967" spans="8:8">
      <c r="H91967" s="12"/>
    </row>
    <row r="91968" spans="8:8">
      <c r="H91968" s="12"/>
    </row>
    <row r="91969" spans="8:8">
      <c r="H91969" s="12"/>
    </row>
    <row r="91970" spans="8:8">
      <c r="H91970" s="12"/>
    </row>
    <row r="91971" spans="8:8">
      <c r="H91971" s="12"/>
    </row>
    <row r="91972" spans="8:8">
      <c r="H91972" s="12"/>
    </row>
    <row r="91973" spans="8:8">
      <c r="H91973" s="12"/>
    </row>
    <row r="91974" spans="8:8">
      <c r="H91974" s="12"/>
    </row>
    <row r="91975" spans="8:8">
      <c r="H91975" s="12"/>
    </row>
    <row r="91976" spans="8:8">
      <c r="H91976" s="12"/>
    </row>
    <row r="91977" spans="8:8">
      <c r="H91977" s="12"/>
    </row>
    <row r="91978" spans="8:8">
      <c r="H91978" s="12"/>
    </row>
    <row r="91979" spans="8:8">
      <c r="H91979" s="12"/>
    </row>
    <row r="91980" spans="8:8">
      <c r="H91980" s="12"/>
    </row>
    <row r="91981" spans="8:8">
      <c r="H91981" s="12"/>
    </row>
    <row r="91982" spans="8:8">
      <c r="H91982" s="12"/>
    </row>
    <row r="91983" spans="8:8">
      <c r="H91983" s="12"/>
    </row>
    <row r="91984" spans="8:8">
      <c r="H91984" s="12"/>
    </row>
    <row r="91985" spans="8:8">
      <c r="H91985" s="12"/>
    </row>
    <row r="91986" spans="8:8">
      <c r="H91986" s="12"/>
    </row>
    <row r="91987" spans="8:8">
      <c r="H91987" s="12"/>
    </row>
    <row r="91988" spans="8:8">
      <c r="H91988" s="12"/>
    </row>
    <row r="91989" spans="8:8">
      <c r="H91989" s="12"/>
    </row>
    <row r="91990" spans="8:8">
      <c r="H91990" s="12"/>
    </row>
    <row r="91991" spans="8:8">
      <c r="H91991" s="12"/>
    </row>
    <row r="91992" spans="8:8">
      <c r="H91992" s="12"/>
    </row>
    <row r="91993" spans="8:8">
      <c r="H91993" s="12"/>
    </row>
    <row r="91994" spans="8:8">
      <c r="H91994" s="12"/>
    </row>
    <row r="91995" spans="8:8">
      <c r="H91995" s="12"/>
    </row>
    <row r="91996" spans="8:8">
      <c r="H91996" s="12"/>
    </row>
    <row r="91997" spans="8:8">
      <c r="H91997" s="12"/>
    </row>
    <row r="91998" spans="8:8">
      <c r="H91998" s="12"/>
    </row>
    <row r="91999" spans="8:8">
      <c r="H91999" s="12"/>
    </row>
    <row r="92000" spans="8:8">
      <c r="H92000" s="12"/>
    </row>
    <row r="92001" spans="8:8">
      <c r="H92001" s="12"/>
    </row>
    <row r="92002" spans="8:8">
      <c r="H92002" s="12"/>
    </row>
    <row r="92003" spans="8:8">
      <c r="H92003" s="12"/>
    </row>
    <row r="92004" spans="8:8">
      <c r="H92004" s="12"/>
    </row>
    <row r="92005" spans="8:8">
      <c r="H92005" s="12"/>
    </row>
    <row r="92006" spans="8:8">
      <c r="H92006" s="12"/>
    </row>
    <row r="92007" spans="8:8">
      <c r="H92007" s="12"/>
    </row>
    <row r="92008" spans="8:8">
      <c r="H92008" s="12"/>
    </row>
    <row r="92009" spans="8:8">
      <c r="H92009" s="12"/>
    </row>
    <row r="92010" spans="8:8">
      <c r="H92010" s="12"/>
    </row>
    <row r="92011" spans="8:8">
      <c r="H92011" s="12"/>
    </row>
    <row r="92012" spans="8:8">
      <c r="H92012" s="12"/>
    </row>
    <row r="92013" spans="8:8">
      <c r="H92013" s="12"/>
    </row>
    <row r="92014" spans="8:8">
      <c r="H92014" s="12"/>
    </row>
    <row r="92015" spans="8:8">
      <c r="H92015" s="12"/>
    </row>
    <row r="92016" spans="8:8">
      <c r="H92016" s="12"/>
    </row>
    <row r="92017" spans="8:8">
      <c r="H92017" s="12"/>
    </row>
    <row r="92018" spans="8:8">
      <c r="H92018" s="12"/>
    </row>
    <row r="92019" spans="8:8">
      <c r="H92019" s="12"/>
    </row>
    <row r="92020" spans="8:8">
      <c r="H92020" s="12"/>
    </row>
    <row r="92021" spans="8:8">
      <c r="H92021" s="12"/>
    </row>
    <row r="92022" spans="8:8">
      <c r="H92022" s="12"/>
    </row>
    <row r="92023" spans="8:8">
      <c r="H92023" s="12"/>
    </row>
    <row r="92024" spans="8:8">
      <c r="H92024" s="12"/>
    </row>
    <row r="92025" spans="8:8">
      <c r="H92025" s="12"/>
    </row>
    <row r="92026" spans="8:8">
      <c r="H92026" s="12"/>
    </row>
    <row r="92027" spans="8:8">
      <c r="H92027" s="12"/>
    </row>
    <row r="92028" spans="8:8">
      <c r="H92028" s="12"/>
    </row>
    <row r="92029" spans="8:8">
      <c r="H92029" s="12"/>
    </row>
    <row r="92030" spans="8:8">
      <c r="H92030" s="12"/>
    </row>
    <row r="92031" spans="8:8">
      <c r="H92031" s="12"/>
    </row>
    <row r="92032" spans="8:8">
      <c r="H92032" s="12"/>
    </row>
    <row r="92033" spans="8:8">
      <c r="H92033" s="12"/>
    </row>
    <row r="92034" spans="8:8">
      <c r="H92034" s="12"/>
    </row>
    <row r="92035" spans="8:8">
      <c r="H92035" s="12"/>
    </row>
    <row r="92036" spans="8:8">
      <c r="H92036" s="12"/>
    </row>
    <row r="92037" spans="8:8">
      <c r="H92037" s="12"/>
    </row>
    <row r="92038" spans="8:8">
      <c r="H92038" s="12"/>
    </row>
    <row r="92039" spans="8:8">
      <c r="H92039" s="12"/>
    </row>
    <row r="92040" spans="8:8">
      <c r="H92040" s="12"/>
    </row>
    <row r="92041" spans="8:8">
      <c r="H92041" s="12"/>
    </row>
    <row r="92042" spans="8:8">
      <c r="H92042" s="12"/>
    </row>
    <row r="92043" spans="8:8">
      <c r="H92043" s="12"/>
    </row>
    <row r="92044" spans="8:8">
      <c r="H92044" s="12"/>
    </row>
    <row r="92045" spans="8:8">
      <c r="H92045" s="12"/>
    </row>
    <row r="92046" spans="8:8">
      <c r="H92046" s="12"/>
    </row>
    <row r="92047" spans="8:8">
      <c r="H92047" s="12"/>
    </row>
    <row r="92048" spans="8:8">
      <c r="H92048" s="12"/>
    </row>
    <row r="92049" spans="8:8">
      <c r="H92049" s="12"/>
    </row>
    <row r="92050" spans="8:8">
      <c r="H92050" s="12"/>
    </row>
    <row r="92051" spans="8:8">
      <c r="H92051" s="12"/>
    </row>
    <row r="92052" spans="8:8">
      <c r="H92052" s="12"/>
    </row>
    <row r="92053" spans="8:8">
      <c r="H92053" s="12"/>
    </row>
    <row r="92054" spans="8:8">
      <c r="H92054" s="12"/>
    </row>
    <row r="92055" spans="8:8">
      <c r="H92055" s="12"/>
    </row>
    <row r="92056" spans="8:8">
      <c r="H92056" s="12"/>
    </row>
    <row r="92057" spans="8:8">
      <c r="H92057" s="12"/>
    </row>
    <row r="92058" spans="8:8">
      <c r="H92058" s="12"/>
    </row>
    <row r="92059" spans="8:8">
      <c r="H92059" s="12"/>
    </row>
    <row r="92060" spans="8:8">
      <c r="H92060" s="12"/>
    </row>
    <row r="92061" spans="8:8">
      <c r="H92061" s="12"/>
    </row>
    <row r="92062" spans="8:8">
      <c r="H92062" s="12"/>
    </row>
    <row r="92063" spans="8:8">
      <c r="H92063" s="12"/>
    </row>
    <row r="92064" spans="8:8">
      <c r="H92064" s="12"/>
    </row>
    <row r="92065" spans="8:8">
      <c r="H92065" s="12"/>
    </row>
    <row r="92066" spans="8:8">
      <c r="H92066" s="12"/>
    </row>
    <row r="92067" spans="8:8">
      <c r="H92067" s="12"/>
    </row>
    <row r="92068" spans="8:8">
      <c r="H92068" s="12"/>
    </row>
    <row r="92069" spans="8:8">
      <c r="H92069" s="12"/>
    </row>
    <row r="92070" spans="8:8">
      <c r="H92070" s="12"/>
    </row>
    <row r="92071" spans="8:8">
      <c r="H92071" s="12"/>
    </row>
    <row r="92072" spans="8:8">
      <c r="H92072" s="12"/>
    </row>
    <row r="92073" spans="8:8">
      <c r="H92073" s="12"/>
    </row>
    <row r="92074" spans="8:8">
      <c r="H92074" s="12"/>
    </row>
    <row r="92075" spans="8:8">
      <c r="H92075" s="12"/>
    </row>
    <row r="92076" spans="8:8">
      <c r="H92076" s="12"/>
    </row>
    <row r="92077" spans="8:8">
      <c r="H92077" s="12"/>
    </row>
    <row r="92078" spans="8:8">
      <c r="H92078" s="12"/>
    </row>
    <row r="92079" spans="8:8">
      <c r="H92079" s="12"/>
    </row>
    <row r="92080" spans="8:8">
      <c r="H92080" s="12"/>
    </row>
    <row r="92081" spans="8:8">
      <c r="H92081" s="12"/>
    </row>
    <row r="92082" spans="8:8">
      <c r="H92082" s="12"/>
    </row>
    <row r="92083" spans="8:8">
      <c r="H92083" s="12"/>
    </row>
    <row r="92084" spans="8:8">
      <c r="H92084" s="12"/>
    </row>
    <row r="92085" spans="8:8">
      <c r="H92085" s="12"/>
    </row>
    <row r="92086" spans="8:8">
      <c r="H92086" s="12"/>
    </row>
    <row r="92087" spans="8:8">
      <c r="H92087" s="12"/>
    </row>
    <row r="92088" spans="8:8">
      <c r="H92088" s="12"/>
    </row>
    <row r="92089" spans="8:8">
      <c r="H92089" s="12"/>
    </row>
    <row r="92090" spans="8:8">
      <c r="H92090" s="12"/>
    </row>
    <row r="92091" spans="8:8">
      <c r="H92091" s="12"/>
    </row>
    <row r="92092" spans="8:8">
      <c r="H92092" s="12"/>
    </row>
    <row r="92093" spans="8:8">
      <c r="H92093" s="12"/>
    </row>
    <row r="92094" spans="8:8">
      <c r="H92094" s="12"/>
    </row>
    <row r="92095" spans="8:8">
      <c r="H92095" s="12"/>
    </row>
    <row r="92096" spans="8:8">
      <c r="H92096" s="12"/>
    </row>
    <row r="92097" spans="8:8">
      <c r="H92097" s="12"/>
    </row>
    <row r="92098" spans="8:8">
      <c r="H92098" s="12"/>
    </row>
    <row r="92099" spans="8:8">
      <c r="H92099" s="12"/>
    </row>
    <row r="92100" spans="8:8">
      <c r="H92100" s="12"/>
    </row>
    <row r="92101" spans="8:8">
      <c r="H92101" s="12"/>
    </row>
    <row r="92102" spans="8:8">
      <c r="H92102" s="12"/>
    </row>
    <row r="92103" spans="8:8">
      <c r="H92103" s="12"/>
    </row>
    <row r="92104" spans="8:8">
      <c r="H92104" s="12"/>
    </row>
    <row r="92105" spans="8:8">
      <c r="H92105" s="12"/>
    </row>
    <row r="92106" spans="8:8">
      <c r="H92106" s="12"/>
    </row>
    <row r="92107" spans="8:8">
      <c r="H92107" s="12"/>
    </row>
    <row r="92108" spans="8:8">
      <c r="H92108" s="12"/>
    </row>
    <row r="92109" spans="8:8">
      <c r="H92109" s="12"/>
    </row>
    <row r="92110" spans="8:8">
      <c r="H92110" s="12"/>
    </row>
    <row r="92111" spans="8:8">
      <c r="H92111" s="12"/>
    </row>
    <row r="92112" spans="8:8">
      <c r="H92112" s="12"/>
    </row>
    <row r="92113" spans="8:8">
      <c r="H92113" s="12"/>
    </row>
    <row r="92114" spans="8:8">
      <c r="H92114" s="12"/>
    </row>
    <row r="92115" spans="8:8">
      <c r="H92115" s="12"/>
    </row>
    <row r="92116" spans="8:8">
      <c r="H92116" s="12"/>
    </row>
    <row r="92117" spans="8:8">
      <c r="H92117" s="12"/>
    </row>
    <row r="92118" spans="8:8">
      <c r="H92118" s="12"/>
    </row>
    <row r="92119" spans="8:8">
      <c r="H92119" s="12"/>
    </row>
    <row r="92120" spans="8:8">
      <c r="H92120" s="12"/>
    </row>
    <row r="92121" spans="8:8">
      <c r="H92121" s="12"/>
    </row>
    <row r="92122" spans="8:8">
      <c r="H92122" s="12"/>
    </row>
    <row r="92123" spans="8:8">
      <c r="H92123" s="12"/>
    </row>
    <row r="92124" spans="8:8">
      <c r="H92124" s="12"/>
    </row>
    <row r="92125" spans="8:8">
      <c r="H92125" s="12"/>
    </row>
    <row r="92126" spans="8:8">
      <c r="H92126" s="12"/>
    </row>
    <row r="92127" spans="8:8">
      <c r="H92127" s="12"/>
    </row>
    <row r="92128" spans="8:8">
      <c r="H92128" s="12"/>
    </row>
    <row r="92129" spans="8:8">
      <c r="H92129" s="12"/>
    </row>
    <row r="92130" spans="8:8">
      <c r="H92130" s="12"/>
    </row>
    <row r="92131" spans="8:8">
      <c r="H92131" s="12"/>
    </row>
    <row r="92132" spans="8:8">
      <c r="H92132" s="12"/>
    </row>
    <row r="92133" spans="8:8">
      <c r="H92133" s="12"/>
    </row>
    <row r="92134" spans="8:8">
      <c r="H92134" s="12"/>
    </row>
    <row r="92135" spans="8:8">
      <c r="H92135" s="12"/>
    </row>
    <row r="92136" spans="8:8">
      <c r="H92136" s="12"/>
    </row>
    <row r="92137" spans="8:8">
      <c r="H92137" s="12"/>
    </row>
    <row r="92138" spans="8:8">
      <c r="H92138" s="12"/>
    </row>
    <row r="92139" spans="8:8">
      <c r="H92139" s="12"/>
    </row>
    <row r="92140" spans="8:8">
      <c r="H92140" s="12"/>
    </row>
    <row r="92141" spans="8:8">
      <c r="H92141" s="12"/>
    </row>
    <row r="92142" spans="8:8">
      <c r="H92142" s="12"/>
    </row>
    <row r="92143" spans="8:8">
      <c r="H92143" s="12"/>
    </row>
    <row r="92144" spans="8:8">
      <c r="H92144" s="12"/>
    </row>
    <row r="92145" spans="8:8">
      <c r="H92145" s="12"/>
    </row>
    <row r="92146" spans="8:8">
      <c r="H92146" s="12"/>
    </row>
    <row r="92147" spans="8:8">
      <c r="H92147" s="12"/>
    </row>
    <row r="92148" spans="8:8">
      <c r="H92148" s="12"/>
    </row>
    <row r="92149" spans="8:8">
      <c r="H92149" s="12"/>
    </row>
    <row r="92150" spans="8:8">
      <c r="H92150" s="12"/>
    </row>
    <row r="92151" spans="8:8">
      <c r="H92151" s="12"/>
    </row>
    <row r="92152" spans="8:8">
      <c r="H92152" s="12"/>
    </row>
    <row r="92153" spans="8:8">
      <c r="H92153" s="12"/>
    </row>
    <row r="92154" spans="8:8">
      <c r="H92154" s="12"/>
    </row>
    <row r="92155" spans="8:8">
      <c r="H92155" s="12"/>
    </row>
    <row r="92156" spans="8:8">
      <c r="H92156" s="12"/>
    </row>
    <row r="92157" spans="8:8">
      <c r="H92157" s="12"/>
    </row>
    <row r="92158" spans="8:8">
      <c r="H92158" s="12"/>
    </row>
    <row r="92159" spans="8:8">
      <c r="H92159" s="12"/>
    </row>
    <row r="92160" spans="8:8">
      <c r="H92160" s="12"/>
    </row>
    <row r="92161" spans="8:8">
      <c r="H92161" s="12"/>
    </row>
    <row r="92162" spans="8:8">
      <c r="H92162" s="12"/>
    </row>
    <row r="92163" spans="8:8">
      <c r="H92163" s="12"/>
    </row>
    <row r="92164" spans="8:8">
      <c r="H92164" s="12"/>
    </row>
    <row r="92165" spans="8:8">
      <c r="H92165" s="12"/>
    </row>
    <row r="92166" spans="8:8">
      <c r="H92166" s="12"/>
    </row>
    <row r="92167" spans="8:8">
      <c r="H92167" s="12"/>
    </row>
    <row r="92168" spans="8:8">
      <c r="H92168" s="12"/>
    </row>
    <row r="92169" spans="8:8">
      <c r="H92169" s="12"/>
    </row>
    <row r="92170" spans="8:8">
      <c r="H92170" s="12"/>
    </row>
    <row r="92171" spans="8:8">
      <c r="H92171" s="12"/>
    </row>
    <row r="92172" spans="8:8">
      <c r="H92172" s="12"/>
    </row>
    <row r="92173" spans="8:8">
      <c r="H92173" s="12"/>
    </row>
    <row r="92174" spans="8:8">
      <c r="H92174" s="12"/>
    </row>
    <row r="92175" spans="8:8">
      <c r="H92175" s="12"/>
    </row>
    <row r="92176" spans="8:8">
      <c r="H92176" s="12"/>
    </row>
    <row r="92177" spans="8:8">
      <c r="H92177" s="12"/>
    </row>
    <row r="92178" spans="8:8">
      <c r="H92178" s="12"/>
    </row>
    <row r="92179" spans="8:8">
      <c r="H92179" s="12"/>
    </row>
    <row r="92180" spans="8:8">
      <c r="H92180" s="12"/>
    </row>
    <row r="92181" spans="8:8">
      <c r="H92181" s="12"/>
    </row>
    <row r="92182" spans="8:8">
      <c r="H92182" s="12"/>
    </row>
    <row r="92183" spans="8:8">
      <c r="H92183" s="12"/>
    </row>
    <row r="92184" spans="8:8">
      <c r="H92184" s="12"/>
    </row>
    <row r="92185" spans="8:8">
      <c r="H92185" s="12"/>
    </row>
    <row r="92186" spans="8:8">
      <c r="H92186" s="12"/>
    </row>
    <row r="92187" spans="8:8">
      <c r="H92187" s="12"/>
    </row>
    <row r="92188" spans="8:8">
      <c r="H92188" s="12"/>
    </row>
    <row r="92189" spans="8:8">
      <c r="H92189" s="12"/>
    </row>
    <row r="92190" spans="8:8">
      <c r="H92190" s="12"/>
    </row>
    <row r="92191" spans="8:8">
      <c r="H92191" s="12"/>
    </row>
    <row r="92192" spans="8:8">
      <c r="H92192" s="12"/>
    </row>
    <row r="92193" spans="8:8">
      <c r="H92193" s="12"/>
    </row>
    <row r="92194" spans="8:8">
      <c r="H92194" s="12"/>
    </row>
    <row r="92195" spans="8:8">
      <c r="H92195" s="12"/>
    </row>
    <row r="92196" spans="8:8">
      <c r="H92196" s="12"/>
    </row>
    <row r="92197" spans="8:8">
      <c r="H92197" s="12"/>
    </row>
    <row r="92198" spans="8:8">
      <c r="H92198" s="12"/>
    </row>
    <row r="92199" spans="8:8">
      <c r="H92199" s="12"/>
    </row>
    <row r="92200" spans="8:8">
      <c r="H92200" s="12"/>
    </row>
    <row r="92201" spans="8:8">
      <c r="H92201" s="12"/>
    </row>
    <row r="92202" spans="8:8">
      <c r="H92202" s="12"/>
    </row>
    <row r="92203" spans="8:8">
      <c r="H92203" s="12"/>
    </row>
    <row r="92204" spans="8:8">
      <c r="H92204" s="12"/>
    </row>
    <row r="92205" spans="8:8">
      <c r="H92205" s="12"/>
    </row>
    <row r="92206" spans="8:8">
      <c r="H92206" s="12"/>
    </row>
    <row r="92207" spans="8:8">
      <c r="H92207" s="12"/>
    </row>
    <row r="92208" spans="8:8">
      <c r="H92208" s="12"/>
    </row>
    <row r="92209" spans="8:8">
      <c r="H92209" s="12"/>
    </row>
    <row r="92210" spans="8:8">
      <c r="H92210" s="12"/>
    </row>
    <row r="92211" spans="8:8">
      <c r="H92211" s="12"/>
    </row>
    <row r="92212" spans="8:8">
      <c r="H92212" s="12"/>
    </row>
    <row r="92213" spans="8:8">
      <c r="H92213" s="12"/>
    </row>
    <row r="92214" spans="8:8">
      <c r="H92214" s="12"/>
    </row>
    <row r="92215" spans="8:8">
      <c r="H92215" s="12"/>
    </row>
    <row r="92216" spans="8:8">
      <c r="H92216" s="12"/>
    </row>
    <row r="92217" spans="8:8">
      <c r="H92217" s="12"/>
    </row>
    <row r="92218" spans="8:8">
      <c r="H92218" s="12"/>
    </row>
    <row r="92219" spans="8:8">
      <c r="H92219" s="12"/>
    </row>
    <row r="92220" spans="8:8">
      <c r="H92220" s="12"/>
    </row>
    <row r="92221" spans="8:8">
      <c r="H92221" s="12"/>
    </row>
    <row r="92222" spans="8:8">
      <c r="H92222" s="12"/>
    </row>
    <row r="92223" spans="8:8">
      <c r="H92223" s="12"/>
    </row>
    <row r="92224" spans="8:8">
      <c r="H92224" s="12"/>
    </row>
    <row r="92225" spans="8:8">
      <c r="H92225" s="12"/>
    </row>
    <row r="92226" spans="8:8">
      <c r="H92226" s="12"/>
    </row>
    <row r="92227" spans="8:8">
      <c r="H92227" s="12"/>
    </row>
    <row r="92228" spans="8:8">
      <c r="H92228" s="12"/>
    </row>
    <row r="92229" spans="8:8">
      <c r="H92229" s="12"/>
    </row>
    <row r="92230" spans="8:8">
      <c r="H92230" s="12"/>
    </row>
    <row r="92231" spans="8:8">
      <c r="H92231" s="12"/>
    </row>
    <row r="92232" spans="8:8">
      <c r="H92232" s="12"/>
    </row>
    <row r="92233" spans="8:8">
      <c r="H92233" s="12"/>
    </row>
    <row r="92234" spans="8:8">
      <c r="H92234" s="12"/>
    </row>
    <row r="92235" spans="8:8">
      <c r="H92235" s="12"/>
    </row>
    <row r="92236" spans="8:8">
      <c r="H92236" s="12"/>
    </row>
    <row r="92237" spans="8:8">
      <c r="H92237" s="12"/>
    </row>
    <row r="92238" spans="8:8">
      <c r="H92238" s="12"/>
    </row>
    <row r="92239" spans="8:8">
      <c r="H92239" s="12"/>
    </row>
    <row r="92240" spans="8:8">
      <c r="H92240" s="12"/>
    </row>
    <row r="92241" spans="8:8">
      <c r="H92241" s="12"/>
    </row>
    <row r="92242" spans="8:8">
      <c r="H92242" s="12"/>
    </row>
    <row r="92243" spans="8:8">
      <c r="H92243" s="12"/>
    </row>
    <row r="92244" spans="8:8">
      <c r="H92244" s="12"/>
    </row>
    <row r="92245" spans="8:8">
      <c r="H92245" s="12"/>
    </row>
    <row r="92246" spans="8:8">
      <c r="H92246" s="12"/>
    </row>
    <row r="92247" spans="8:8">
      <c r="H92247" s="12"/>
    </row>
    <row r="92248" spans="8:8">
      <c r="H92248" s="12"/>
    </row>
    <row r="92249" spans="8:8">
      <c r="H92249" s="12"/>
    </row>
    <row r="92250" spans="8:8">
      <c r="H92250" s="12"/>
    </row>
    <row r="92251" spans="8:8">
      <c r="H92251" s="12"/>
    </row>
    <row r="92252" spans="8:8">
      <c r="H92252" s="12"/>
    </row>
    <row r="92253" spans="8:8">
      <c r="H92253" s="12"/>
    </row>
    <row r="92254" spans="8:8">
      <c r="H92254" s="12"/>
    </row>
    <row r="92255" spans="8:8">
      <c r="H92255" s="12"/>
    </row>
    <row r="92256" spans="8:8">
      <c r="H92256" s="12"/>
    </row>
    <row r="92257" spans="8:8">
      <c r="H92257" s="12"/>
    </row>
    <row r="92258" spans="8:8">
      <c r="H92258" s="12"/>
    </row>
    <row r="92259" spans="8:8">
      <c r="H92259" s="12"/>
    </row>
    <row r="92260" spans="8:8">
      <c r="H92260" s="12"/>
    </row>
    <row r="92261" spans="8:8">
      <c r="H92261" s="12"/>
    </row>
    <row r="92262" spans="8:8">
      <c r="H92262" s="12"/>
    </row>
    <row r="92263" spans="8:8">
      <c r="H92263" s="12"/>
    </row>
    <row r="92264" spans="8:8">
      <c r="H92264" s="12"/>
    </row>
    <row r="92265" spans="8:8">
      <c r="H92265" s="12"/>
    </row>
    <row r="92266" spans="8:8">
      <c r="H92266" s="12"/>
    </row>
    <row r="92267" spans="8:8">
      <c r="H92267" s="12"/>
    </row>
    <row r="92268" spans="8:8">
      <c r="H92268" s="12"/>
    </row>
    <row r="92269" spans="8:8">
      <c r="H92269" s="12"/>
    </row>
    <row r="92270" spans="8:8">
      <c r="H92270" s="12"/>
    </row>
    <row r="92271" spans="8:8">
      <c r="H92271" s="12"/>
    </row>
    <row r="92272" spans="8:8">
      <c r="H92272" s="12"/>
    </row>
    <row r="92273" spans="8:8">
      <c r="H92273" s="12"/>
    </row>
    <row r="92274" spans="8:8">
      <c r="H92274" s="12"/>
    </row>
    <row r="92275" spans="8:8">
      <c r="H92275" s="12"/>
    </row>
    <row r="92276" spans="8:8">
      <c r="H92276" s="12"/>
    </row>
    <row r="92277" spans="8:8">
      <c r="H92277" s="12"/>
    </row>
    <row r="92278" spans="8:8">
      <c r="H92278" s="12"/>
    </row>
    <row r="92279" spans="8:8">
      <c r="H92279" s="12"/>
    </row>
    <row r="92280" spans="8:8">
      <c r="H92280" s="12"/>
    </row>
    <row r="92281" spans="8:8">
      <c r="H92281" s="12"/>
    </row>
    <row r="92282" spans="8:8">
      <c r="H92282" s="12"/>
    </row>
    <row r="92283" spans="8:8">
      <c r="H92283" s="12"/>
    </row>
    <row r="92284" spans="8:8">
      <c r="H92284" s="12"/>
    </row>
    <row r="92285" spans="8:8">
      <c r="H92285" s="12"/>
    </row>
    <row r="92286" spans="8:8">
      <c r="H92286" s="12"/>
    </row>
    <row r="92287" spans="8:8">
      <c r="H92287" s="12"/>
    </row>
    <row r="92288" spans="8:8">
      <c r="H92288" s="12"/>
    </row>
    <row r="92289" spans="8:8">
      <c r="H92289" s="12"/>
    </row>
    <row r="92290" spans="8:8">
      <c r="H92290" s="12"/>
    </row>
    <row r="92291" spans="8:8">
      <c r="H92291" s="12"/>
    </row>
    <row r="92292" spans="8:8">
      <c r="H92292" s="12"/>
    </row>
    <row r="92293" spans="8:8">
      <c r="H92293" s="12"/>
    </row>
    <row r="92294" spans="8:8">
      <c r="H92294" s="12"/>
    </row>
    <row r="92295" spans="8:8">
      <c r="H92295" s="12"/>
    </row>
    <row r="92296" spans="8:8">
      <c r="H92296" s="12"/>
    </row>
    <row r="92297" spans="8:8">
      <c r="H92297" s="12"/>
    </row>
    <row r="92298" spans="8:8">
      <c r="H92298" s="12"/>
    </row>
    <row r="92299" spans="8:8">
      <c r="H92299" s="12"/>
    </row>
    <row r="92300" spans="8:8">
      <c r="H92300" s="12"/>
    </row>
    <row r="92301" spans="8:8">
      <c r="H92301" s="12"/>
    </row>
    <row r="92302" spans="8:8">
      <c r="H92302" s="12"/>
    </row>
    <row r="92303" spans="8:8">
      <c r="H92303" s="12"/>
    </row>
    <row r="92304" spans="8:8">
      <c r="H92304" s="12"/>
    </row>
    <row r="92305" spans="8:8">
      <c r="H92305" s="12"/>
    </row>
    <row r="92306" spans="8:8">
      <c r="H92306" s="12"/>
    </row>
    <row r="92307" spans="8:8">
      <c r="H92307" s="12"/>
    </row>
    <row r="92308" spans="8:8">
      <c r="H92308" s="12"/>
    </row>
    <row r="92309" spans="8:8">
      <c r="H92309" s="12"/>
    </row>
    <row r="92310" spans="8:8">
      <c r="H92310" s="12"/>
    </row>
    <row r="92311" spans="8:8">
      <c r="H92311" s="12"/>
    </row>
    <row r="92312" spans="8:8">
      <c r="H92312" s="12"/>
    </row>
    <row r="92313" spans="8:8">
      <c r="H92313" s="12"/>
    </row>
    <row r="92314" spans="8:8">
      <c r="H92314" s="12"/>
    </row>
    <row r="92315" spans="8:8">
      <c r="H92315" s="12"/>
    </row>
    <row r="92316" spans="8:8">
      <c r="H92316" s="12"/>
    </row>
    <row r="92317" spans="8:8">
      <c r="H92317" s="12"/>
    </row>
    <row r="92318" spans="8:8">
      <c r="H92318" s="12"/>
    </row>
    <row r="92319" spans="8:8">
      <c r="H92319" s="12"/>
    </row>
    <row r="92320" spans="8:8">
      <c r="H92320" s="12"/>
    </row>
    <row r="92321" spans="8:8">
      <c r="H92321" s="12"/>
    </row>
    <row r="92322" spans="8:8">
      <c r="H92322" s="12"/>
    </row>
    <row r="92323" spans="8:8">
      <c r="H92323" s="12"/>
    </row>
    <row r="92324" spans="8:8">
      <c r="H92324" s="12"/>
    </row>
    <row r="92325" spans="8:8">
      <c r="H92325" s="12"/>
    </row>
    <row r="92326" spans="8:8">
      <c r="H92326" s="12"/>
    </row>
    <row r="92327" spans="8:8">
      <c r="H92327" s="12"/>
    </row>
    <row r="92328" spans="8:8">
      <c r="H92328" s="12"/>
    </row>
    <row r="92329" spans="8:8">
      <c r="H92329" s="12"/>
    </row>
    <row r="92330" spans="8:8">
      <c r="H92330" s="12"/>
    </row>
    <row r="92331" spans="8:8">
      <c r="H92331" s="12"/>
    </row>
    <row r="92332" spans="8:8">
      <c r="H92332" s="12"/>
    </row>
    <row r="92333" spans="8:8">
      <c r="H92333" s="12"/>
    </row>
    <row r="92334" spans="8:8">
      <c r="H92334" s="12"/>
    </row>
    <row r="92335" spans="8:8">
      <c r="H92335" s="12"/>
    </row>
    <row r="92336" spans="8:8">
      <c r="H92336" s="12"/>
    </row>
    <row r="92337" spans="8:8">
      <c r="H92337" s="12"/>
    </row>
    <row r="92338" spans="8:8">
      <c r="H92338" s="12"/>
    </row>
    <row r="92339" spans="8:8">
      <c r="H92339" s="12"/>
    </row>
    <row r="92340" spans="8:8">
      <c r="H92340" s="12"/>
    </row>
    <row r="92341" spans="8:8">
      <c r="H92341" s="12"/>
    </row>
    <row r="92342" spans="8:8">
      <c r="H92342" s="12"/>
    </row>
    <row r="92343" spans="8:8">
      <c r="H92343" s="12"/>
    </row>
    <row r="92344" spans="8:8">
      <c r="H92344" s="12"/>
    </row>
    <row r="92345" spans="8:8">
      <c r="H92345" s="12"/>
    </row>
    <row r="92346" spans="8:8">
      <c r="H92346" s="12"/>
    </row>
    <row r="92347" spans="8:8">
      <c r="H92347" s="12"/>
    </row>
    <row r="92348" spans="8:8">
      <c r="H92348" s="12"/>
    </row>
    <row r="92349" spans="8:8">
      <c r="H92349" s="12"/>
    </row>
    <row r="92350" spans="8:8">
      <c r="H92350" s="12"/>
    </row>
    <row r="92351" spans="8:8">
      <c r="H92351" s="12"/>
    </row>
    <row r="92352" spans="8:8">
      <c r="H92352" s="12"/>
    </row>
    <row r="92353" spans="8:8">
      <c r="H92353" s="12"/>
    </row>
    <row r="92354" spans="8:8">
      <c r="H92354" s="12"/>
    </row>
    <row r="92355" spans="8:8">
      <c r="H92355" s="12"/>
    </row>
    <row r="92356" spans="8:8">
      <c r="H92356" s="12"/>
    </row>
    <row r="92357" spans="8:8">
      <c r="H92357" s="12"/>
    </row>
    <row r="92358" spans="8:8">
      <c r="H92358" s="12"/>
    </row>
    <row r="92359" spans="8:8">
      <c r="H92359" s="12"/>
    </row>
    <row r="92360" spans="8:8">
      <c r="H92360" s="12"/>
    </row>
    <row r="92361" spans="8:8">
      <c r="H92361" s="12"/>
    </row>
    <row r="92362" spans="8:8">
      <c r="H92362" s="12"/>
    </row>
    <row r="92363" spans="8:8">
      <c r="H92363" s="12"/>
    </row>
    <row r="92364" spans="8:8">
      <c r="H92364" s="12"/>
    </row>
    <row r="92365" spans="8:8">
      <c r="H92365" s="12"/>
    </row>
    <row r="92366" spans="8:8">
      <c r="H92366" s="12"/>
    </row>
    <row r="92367" spans="8:8">
      <c r="H92367" s="12"/>
    </row>
    <row r="92368" spans="8:8">
      <c r="H92368" s="12"/>
    </row>
    <row r="92369" spans="8:8">
      <c r="H92369" s="12"/>
    </row>
    <row r="92370" spans="8:8">
      <c r="H92370" s="12"/>
    </row>
    <row r="92371" spans="8:8">
      <c r="H92371" s="12"/>
    </row>
    <row r="92372" spans="8:8">
      <c r="H92372" s="12"/>
    </row>
    <row r="92373" spans="8:8">
      <c r="H92373" s="12"/>
    </row>
    <row r="92374" spans="8:8">
      <c r="H92374" s="12"/>
    </row>
    <row r="92375" spans="8:8">
      <c r="H92375" s="12"/>
    </row>
    <row r="92376" spans="8:8">
      <c r="H92376" s="12"/>
    </row>
    <row r="92377" spans="8:8">
      <c r="H92377" s="12"/>
    </row>
    <row r="92378" spans="8:8">
      <c r="H92378" s="12"/>
    </row>
    <row r="92379" spans="8:8">
      <c r="H92379" s="12"/>
    </row>
    <row r="92380" spans="8:8">
      <c r="H92380" s="12"/>
    </row>
    <row r="92381" spans="8:8">
      <c r="H92381" s="12"/>
    </row>
    <row r="92382" spans="8:8">
      <c r="H92382" s="12"/>
    </row>
    <row r="92383" spans="8:8">
      <c r="H92383" s="12"/>
    </row>
    <row r="92384" spans="8:8">
      <c r="H92384" s="12"/>
    </row>
    <row r="92385" spans="8:8">
      <c r="H92385" s="12"/>
    </row>
    <row r="92386" spans="8:8">
      <c r="H92386" s="12"/>
    </row>
    <row r="92387" spans="8:8">
      <c r="H92387" s="12"/>
    </row>
    <row r="92388" spans="8:8">
      <c r="H92388" s="12"/>
    </row>
    <row r="92389" spans="8:8">
      <c r="H92389" s="12"/>
    </row>
    <row r="92390" spans="8:8">
      <c r="H92390" s="12"/>
    </row>
    <row r="92391" spans="8:8">
      <c r="H92391" s="12"/>
    </row>
    <row r="92392" spans="8:8">
      <c r="H92392" s="12"/>
    </row>
    <row r="92393" spans="8:8">
      <c r="H92393" s="12"/>
    </row>
    <row r="92394" spans="8:8">
      <c r="H92394" s="12"/>
    </row>
    <row r="92395" spans="8:8">
      <c r="H92395" s="12"/>
    </row>
    <row r="92396" spans="8:8">
      <c r="H92396" s="12"/>
    </row>
    <row r="92397" spans="8:8">
      <c r="H92397" s="12"/>
    </row>
    <row r="92398" spans="8:8">
      <c r="H92398" s="12"/>
    </row>
    <row r="92399" spans="8:8">
      <c r="H92399" s="12"/>
    </row>
    <row r="92400" spans="8:8">
      <c r="H92400" s="12"/>
    </row>
    <row r="92401" spans="8:8">
      <c r="H92401" s="12"/>
    </row>
    <row r="92402" spans="8:8">
      <c r="H92402" s="12"/>
    </row>
    <row r="92403" spans="8:8">
      <c r="H92403" s="12"/>
    </row>
    <row r="92404" spans="8:8">
      <c r="H92404" s="12"/>
    </row>
    <row r="92405" spans="8:8">
      <c r="H92405" s="12"/>
    </row>
    <row r="92406" spans="8:8">
      <c r="H92406" s="12"/>
    </row>
    <row r="92407" spans="8:8">
      <c r="H92407" s="12"/>
    </row>
    <row r="92408" spans="8:8">
      <c r="H92408" s="12"/>
    </row>
    <row r="92409" spans="8:8">
      <c r="H92409" s="12"/>
    </row>
    <row r="92410" spans="8:8">
      <c r="H92410" s="12"/>
    </row>
    <row r="92411" spans="8:8">
      <c r="H92411" s="12"/>
    </row>
    <row r="92412" spans="8:8">
      <c r="H92412" s="12"/>
    </row>
    <row r="92413" spans="8:8">
      <c r="H92413" s="12"/>
    </row>
    <row r="92414" spans="8:8">
      <c r="H92414" s="12"/>
    </row>
    <row r="92415" spans="8:8">
      <c r="H92415" s="12"/>
    </row>
    <row r="92416" spans="8:8">
      <c r="H92416" s="12"/>
    </row>
    <row r="92417" spans="8:8">
      <c r="H92417" s="12"/>
    </row>
    <row r="92418" spans="8:8">
      <c r="H92418" s="12"/>
    </row>
    <row r="92419" spans="8:8">
      <c r="H92419" s="12"/>
    </row>
    <row r="92420" spans="8:8">
      <c r="H92420" s="12"/>
    </row>
    <row r="92421" spans="8:8">
      <c r="H92421" s="12"/>
    </row>
    <row r="92422" spans="8:8">
      <c r="H92422" s="12"/>
    </row>
    <row r="92423" spans="8:8">
      <c r="H92423" s="12"/>
    </row>
    <row r="92424" spans="8:8">
      <c r="H92424" s="12"/>
    </row>
    <row r="92425" spans="8:8">
      <c r="H92425" s="12"/>
    </row>
    <row r="92426" spans="8:8">
      <c r="H92426" s="12"/>
    </row>
    <row r="92427" spans="8:8">
      <c r="H92427" s="12"/>
    </row>
    <row r="92428" spans="8:8">
      <c r="H92428" s="12"/>
    </row>
    <row r="92429" spans="8:8">
      <c r="H92429" s="12"/>
    </row>
    <row r="92430" spans="8:8">
      <c r="H92430" s="12"/>
    </row>
    <row r="92431" spans="8:8">
      <c r="H92431" s="12"/>
    </row>
    <row r="92432" spans="8:8">
      <c r="H92432" s="12"/>
    </row>
    <row r="92433" spans="8:8">
      <c r="H92433" s="12"/>
    </row>
    <row r="92434" spans="8:8">
      <c r="H92434" s="12"/>
    </row>
    <row r="92435" spans="8:8">
      <c r="H92435" s="12"/>
    </row>
    <row r="92436" spans="8:8">
      <c r="H92436" s="12"/>
    </row>
    <row r="92437" spans="8:8">
      <c r="H92437" s="12"/>
    </row>
    <row r="92438" spans="8:8">
      <c r="H92438" s="12"/>
    </row>
    <row r="92439" spans="8:8">
      <c r="H92439" s="12"/>
    </row>
    <row r="92440" spans="8:8">
      <c r="H92440" s="12"/>
    </row>
    <row r="92441" spans="8:8">
      <c r="H92441" s="12"/>
    </row>
    <row r="92442" spans="8:8">
      <c r="H92442" s="12"/>
    </row>
    <row r="92443" spans="8:8">
      <c r="H92443" s="12"/>
    </row>
    <row r="92444" spans="8:8">
      <c r="H92444" s="12"/>
    </row>
    <row r="92445" spans="8:8">
      <c r="H92445" s="12"/>
    </row>
    <row r="92446" spans="8:8">
      <c r="H92446" s="12"/>
    </row>
    <row r="92447" spans="8:8">
      <c r="H92447" s="12"/>
    </row>
    <row r="92448" spans="8:8">
      <c r="H92448" s="12"/>
    </row>
    <row r="92449" spans="8:8">
      <c r="H92449" s="12"/>
    </row>
    <row r="92450" spans="8:8">
      <c r="H92450" s="12"/>
    </row>
    <row r="92451" spans="8:8">
      <c r="H92451" s="12"/>
    </row>
    <row r="92452" spans="8:8">
      <c r="H92452" s="12"/>
    </row>
    <row r="92453" spans="8:8">
      <c r="H92453" s="12"/>
    </row>
    <row r="92454" spans="8:8">
      <c r="H92454" s="12"/>
    </row>
    <row r="92455" spans="8:8">
      <c r="H92455" s="12"/>
    </row>
    <row r="92456" spans="8:8">
      <c r="H92456" s="12"/>
    </row>
    <row r="92457" spans="8:8">
      <c r="H92457" s="12"/>
    </row>
    <row r="92458" spans="8:8">
      <c r="H92458" s="12"/>
    </row>
    <row r="92459" spans="8:8">
      <c r="H92459" s="12"/>
    </row>
    <row r="92460" spans="8:8">
      <c r="H92460" s="12"/>
    </row>
    <row r="92461" spans="8:8">
      <c r="H92461" s="12"/>
    </row>
    <row r="92462" spans="8:8">
      <c r="H92462" s="12"/>
    </row>
    <row r="92463" spans="8:8">
      <c r="H92463" s="12"/>
    </row>
    <row r="92464" spans="8:8">
      <c r="H92464" s="12"/>
    </row>
    <row r="92465" spans="8:8">
      <c r="H92465" s="12"/>
    </row>
    <row r="92466" spans="8:8">
      <c r="H92466" s="12"/>
    </row>
    <row r="92467" spans="8:8">
      <c r="H92467" s="12"/>
    </row>
    <row r="92468" spans="8:8">
      <c r="H92468" s="12"/>
    </row>
    <row r="92469" spans="8:8">
      <c r="H92469" s="12"/>
    </row>
    <row r="92470" spans="8:8">
      <c r="H92470" s="12"/>
    </row>
    <row r="92471" spans="8:8">
      <c r="H92471" s="12"/>
    </row>
    <row r="92472" spans="8:8">
      <c r="H92472" s="12"/>
    </row>
    <row r="92473" spans="8:8">
      <c r="H92473" s="12"/>
    </row>
    <row r="92474" spans="8:8">
      <c r="H92474" s="12"/>
    </row>
    <row r="92475" spans="8:8">
      <c r="H92475" s="12"/>
    </row>
    <row r="92476" spans="8:8">
      <c r="H92476" s="12"/>
    </row>
    <row r="92477" spans="8:8">
      <c r="H92477" s="12"/>
    </row>
    <row r="92478" spans="8:8">
      <c r="H92478" s="12"/>
    </row>
    <row r="92479" spans="8:8">
      <c r="H92479" s="12"/>
    </row>
    <row r="92480" spans="8:8">
      <c r="H92480" s="12"/>
    </row>
    <row r="92481" spans="8:8">
      <c r="H92481" s="12"/>
    </row>
    <row r="92482" spans="8:8">
      <c r="H92482" s="12"/>
    </row>
    <row r="92483" spans="8:8">
      <c r="H92483" s="12"/>
    </row>
    <row r="92484" spans="8:8">
      <c r="H92484" s="12"/>
    </row>
    <row r="92485" spans="8:8">
      <c r="H92485" s="12"/>
    </row>
    <row r="92486" spans="8:8">
      <c r="H92486" s="12"/>
    </row>
    <row r="92487" spans="8:8">
      <c r="H92487" s="12"/>
    </row>
    <row r="92488" spans="8:8">
      <c r="H92488" s="12"/>
    </row>
    <row r="92489" spans="8:8">
      <c r="H92489" s="12"/>
    </row>
    <row r="92490" spans="8:8">
      <c r="H92490" s="12"/>
    </row>
    <row r="92491" spans="8:8">
      <c r="H92491" s="12"/>
    </row>
    <row r="92492" spans="8:8">
      <c r="H92492" s="12"/>
    </row>
    <row r="92493" spans="8:8">
      <c r="H92493" s="12"/>
    </row>
    <row r="92494" spans="8:8">
      <c r="H92494" s="12"/>
    </row>
    <row r="92495" spans="8:8">
      <c r="H92495" s="12"/>
    </row>
    <row r="92496" spans="8:8">
      <c r="H92496" s="12"/>
    </row>
    <row r="92497" spans="8:8">
      <c r="H92497" s="12"/>
    </row>
    <row r="92498" spans="8:8">
      <c r="H92498" s="12"/>
    </row>
    <row r="92499" spans="8:8">
      <c r="H92499" s="12"/>
    </row>
    <row r="92500" spans="8:8">
      <c r="H92500" s="12"/>
    </row>
    <row r="92501" spans="8:8">
      <c r="H92501" s="12"/>
    </row>
    <row r="92502" spans="8:8">
      <c r="H92502" s="12"/>
    </row>
    <row r="92503" spans="8:8">
      <c r="H92503" s="12"/>
    </row>
    <row r="92504" spans="8:8">
      <c r="H92504" s="12"/>
    </row>
    <row r="92505" spans="8:8">
      <c r="H92505" s="12"/>
    </row>
    <row r="92506" spans="8:8">
      <c r="H92506" s="12"/>
    </row>
    <row r="92507" spans="8:8">
      <c r="H92507" s="12"/>
    </row>
    <row r="92508" spans="8:8">
      <c r="H92508" s="12"/>
    </row>
    <row r="92509" spans="8:8">
      <c r="H92509" s="12"/>
    </row>
    <row r="92510" spans="8:8">
      <c r="H92510" s="12"/>
    </row>
    <row r="92511" spans="8:8">
      <c r="H92511" s="12"/>
    </row>
    <row r="92512" spans="8:8">
      <c r="H92512" s="12"/>
    </row>
    <row r="92513" spans="8:8">
      <c r="H92513" s="12"/>
    </row>
    <row r="92514" spans="8:8">
      <c r="H92514" s="12"/>
    </row>
    <row r="92515" spans="8:8">
      <c r="H92515" s="12"/>
    </row>
    <row r="92516" spans="8:8">
      <c r="H92516" s="12"/>
    </row>
    <row r="92517" spans="8:8">
      <c r="H92517" s="12"/>
    </row>
    <row r="92518" spans="8:8">
      <c r="H92518" s="12"/>
    </row>
    <row r="92519" spans="8:8">
      <c r="H92519" s="12"/>
    </row>
    <row r="92520" spans="8:8">
      <c r="H92520" s="12"/>
    </row>
    <row r="92521" spans="8:8">
      <c r="H92521" s="12"/>
    </row>
    <row r="92522" spans="8:8">
      <c r="H92522" s="12"/>
    </row>
    <row r="92523" spans="8:8">
      <c r="H92523" s="12"/>
    </row>
    <row r="92524" spans="8:8">
      <c r="H92524" s="12"/>
    </row>
    <row r="92525" spans="8:8">
      <c r="H92525" s="12"/>
    </row>
    <row r="92526" spans="8:8">
      <c r="H92526" s="12"/>
    </row>
    <row r="92527" spans="8:8">
      <c r="H92527" s="12"/>
    </row>
    <row r="92528" spans="8:8">
      <c r="H92528" s="12"/>
    </row>
    <row r="92529" spans="8:8">
      <c r="H92529" s="12"/>
    </row>
    <row r="92530" spans="8:8">
      <c r="H92530" s="12"/>
    </row>
    <row r="92531" spans="8:8">
      <c r="H92531" s="12"/>
    </row>
    <row r="92532" spans="8:8">
      <c r="H92532" s="12"/>
    </row>
    <row r="92533" spans="8:8">
      <c r="H92533" s="12"/>
    </row>
    <row r="92534" spans="8:8">
      <c r="H92534" s="12"/>
    </row>
    <row r="92535" spans="8:8">
      <c r="H92535" s="12"/>
    </row>
    <row r="92536" spans="8:8">
      <c r="H92536" s="12"/>
    </row>
    <row r="92537" spans="8:8">
      <c r="H92537" s="12"/>
    </row>
    <row r="92538" spans="8:8">
      <c r="H92538" s="12"/>
    </row>
    <row r="92539" spans="8:8">
      <c r="H92539" s="12"/>
    </row>
    <row r="92540" spans="8:8">
      <c r="H92540" s="12"/>
    </row>
    <row r="92541" spans="8:8">
      <c r="H92541" s="12"/>
    </row>
    <row r="92542" spans="8:8">
      <c r="H92542" s="12"/>
    </row>
    <row r="92543" spans="8:8">
      <c r="H92543" s="12"/>
    </row>
    <row r="92544" spans="8:8">
      <c r="H92544" s="12"/>
    </row>
    <row r="92545" spans="8:8">
      <c r="H92545" s="12"/>
    </row>
    <row r="92546" spans="8:8">
      <c r="H92546" s="12"/>
    </row>
    <row r="92547" spans="8:8">
      <c r="H92547" s="12"/>
    </row>
    <row r="92548" spans="8:8">
      <c r="H92548" s="12"/>
    </row>
    <row r="92549" spans="8:8">
      <c r="H92549" s="12"/>
    </row>
    <row r="92550" spans="8:8">
      <c r="H92550" s="12"/>
    </row>
    <row r="92551" spans="8:8">
      <c r="H92551" s="12"/>
    </row>
    <row r="92552" spans="8:8">
      <c r="H92552" s="12"/>
    </row>
    <row r="92553" spans="8:8">
      <c r="H92553" s="12"/>
    </row>
    <row r="92554" spans="8:8">
      <c r="H92554" s="12"/>
    </row>
    <row r="92555" spans="8:8">
      <c r="H92555" s="12"/>
    </row>
    <row r="92556" spans="8:8">
      <c r="H92556" s="12"/>
    </row>
    <row r="92557" spans="8:8">
      <c r="H92557" s="12"/>
    </row>
    <row r="92558" spans="8:8">
      <c r="H92558" s="12"/>
    </row>
    <row r="92559" spans="8:8">
      <c r="H92559" s="12"/>
    </row>
    <row r="92560" spans="8:8">
      <c r="H92560" s="12"/>
    </row>
    <row r="92561" spans="8:8">
      <c r="H92561" s="12"/>
    </row>
    <row r="92562" spans="8:8">
      <c r="H92562" s="12"/>
    </row>
    <row r="92563" spans="8:8">
      <c r="H92563" s="12"/>
    </row>
    <row r="92564" spans="8:8">
      <c r="H92564" s="12"/>
    </row>
    <row r="92565" spans="8:8">
      <c r="H92565" s="12"/>
    </row>
    <row r="92566" spans="8:8">
      <c r="H92566" s="12"/>
    </row>
    <row r="92567" spans="8:8">
      <c r="H92567" s="12"/>
    </row>
    <row r="92568" spans="8:8">
      <c r="H92568" s="12"/>
    </row>
    <row r="92569" spans="8:8">
      <c r="H92569" s="12"/>
    </row>
    <row r="92570" spans="8:8">
      <c r="H92570" s="12"/>
    </row>
    <row r="92571" spans="8:8">
      <c r="H92571" s="12"/>
    </row>
    <row r="92572" spans="8:8">
      <c r="H92572" s="12"/>
    </row>
    <row r="92573" spans="8:8">
      <c r="H92573" s="12"/>
    </row>
    <row r="92574" spans="8:8">
      <c r="H92574" s="12"/>
    </row>
    <row r="92575" spans="8:8">
      <c r="H92575" s="12"/>
    </row>
    <row r="92576" spans="8:8">
      <c r="H92576" s="12"/>
    </row>
    <row r="92577" spans="8:8">
      <c r="H92577" s="12"/>
    </row>
    <row r="92578" spans="8:8">
      <c r="H92578" s="12"/>
    </row>
    <row r="92579" spans="8:8">
      <c r="H92579" s="12"/>
    </row>
    <row r="92580" spans="8:8">
      <c r="H92580" s="12"/>
    </row>
    <row r="92581" spans="8:8">
      <c r="H92581" s="12"/>
    </row>
    <row r="92582" spans="8:8">
      <c r="H92582" s="12"/>
    </row>
    <row r="92583" spans="8:8">
      <c r="H92583" s="12"/>
    </row>
    <row r="92584" spans="8:8">
      <c r="H92584" s="12"/>
    </row>
    <row r="92585" spans="8:8">
      <c r="H92585" s="12"/>
    </row>
    <row r="92586" spans="8:8">
      <c r="H92586" s="12"/>
    </row>
    <row r="92587" spans="8:8">
      <c r="H92587" s="12"/>
    </row>
    <row r="92588" spans="8:8">
      <c r="H92588" s="12"/>
    </row>
    <row r="92589" spans="8:8">
      <c r="H92589" s="12"/>
    </row>
    <row r="92590" spans="8:8">
      <c r="H92590" s="12"/>
    </row>
    <row r="92591" spans="8:8">
      <c r="H92591" s="12"/>
    </row>
    <row r="92592" spans="8:8">
      <c r="H92592" s="12"/>
    </row>
    <row r="92593" spans="8:8">
      <c r="H92593" s="12"/>
    </row>
    <row r="92594" spans="8:8">
      <c r="H92594" s="12"/>
    </row>
    <row r="92595" spans="8:8">
      <c r="H92595" s="12"/>
    </row>
    <row r="92596" spans="8:8">
      <c r="H92596" s="12"/>
    </row>
    <row r="92597" spans="8:8">
      <c r="H92597" s="12"/>
    </row>
    <row r="92598" spans="8:8">
      <c r="H92598" s="12"/>
    </row>
    <row r="92599" spans="8:8">
      <c r="H92599" s="12"/>
    </row>
    <row r="92600" spans="8:8">
      <c r="H92600" s="12"/>
    </row>
    <row r="92601" spans="8:8">
      <c r="H92601" s="12"/>
    </row>
    <row r="92602" spans="8:8">
      <c r="H92602" s="12"/>
    </row>
    <row r="92603" spans="8:8">
      <c r="H92603" s="12"/>
    </row>
    <row r="92604" spans="8:8">
      <c r="H92604" s="12"/>
    </row>
    <row r="92605" spans="8:8">
      <c r="H92605" s="12"/>
    </row>
    <row r="92606" spans="8:8">
      <c r="H92606" s="12"/>
    </row>
    <row r="92607" spans="8:8">
      <c r="H92607" s="12"/>
    </row>
    <row r="92608" spans="8:8">
      <c r="H92608" s="12"/>
    </row>
    <row r="92609" spans="8:8">
      <c r="H92609" s="12"/>
    </row>
    <row r="92610" spans="8:8">
      <c r="H92610" s="12"/>
    </row>
    <row r="92611" spans="8:8">
      <c r="H92611" s="12"/>
    </row>
    <row r="92612" spans="8:8">
      <c r="H92612" s="12"/>
    </row>
    <row r="92613" spans="8:8">
      <c r="H92613" s="12"/>
    </row>
    <row r="92614" spans="8:8">
      <c r="H92614" s="12"/>
    </row>
    <row r="92615" spans="8:8">
      <c r="H92615" s="12"/>
    </row>
    <row r="92616" spans="8:8">
      <c r="H92616" s="12"/>
    </row>
    <row r="92617" spans="8:8">
      <c r="H92617" s="12"/>
    </row>
    <row r="92618" spans="8:8">
      <c r="H92618" s="12"/>
    </row>
    <row r="92619" spans="8:8">
      <c r="H92619" s="12"/>
    </row>
    <row r="92620" spans="8:8">
      <c r="H92620" s="12"/>
    </row>
    <row r="92621" spans="8:8">
      <c r="H92621" s="12"/>
    </row>
    <row r="92622" spans="8:8">
      <c r="H92622" s="12"/>
    </row>
    <row r="92623" spans="8:8">
      <c r="H92623" s="12"/>
    </row>
    <row r="92624" spans="8:8">
      <c r="H92624" s="12"/>
    </row>
    <row r="92625" spans="8:8">
      <c r="H92625" s="12"/>
    </row>
    <row r="92626" spans="8:8">
      <c r="H92626" s="12"/>
    </row>
    <row r="92627" spans="8:8">
      <c r="H92627" s="12"/>
    </row>
    <row r="92628" spans="8:8">
      <c r="H92628" s="12"/>
    </row>
    <row r="92629" spans="8:8">
      <c r="H92629" s="12"/>
    </row>
    <row r="92630" spans="8:8">
      <c r="H92630" s="12"/>
    </row>
    <row r="92631" spans="8:8">
      <c r="H92631" s="12"/>
    </row>
    <row r="92632" spans="8:8">
      <c r="H92632" s="12"/>
    </row>
    <row r="92633" spans="8:8">
      <c r="H92633" s="12"/>
    </row>
    <row r="92634" spans="8:8">
      <c r="H92634" s="12"/>
    </row>
    <row r="92635" spans="8:8">
      <c r="H92635" s="12"/>
    </row>
    <row r="92636" spans="8:8">
      <c r="H92636" s="12"/>
    </row>
    <row r="92637" spans="8:8">
      <c r="H92637" s="12"/>
    </row>
    <row r="92638" spans="8:8">
      <c r="H92638" s="12"/>
    </row>
    <row r="92639" spans="8:8">
      <c r="H92639" s="12"/>
    </row>
    <row r="92640" spans="8:8">
      <c r="H92640" s="12"/>
    </row>
    <row r="92641" spans="8:8">
      <c r="H92641" s="12"/>
    </row>
    <row r="92642" spans="8:8">
      <c r="H92642" s="12"/>
    </row>
    <row r="92643" spans="8:8">
      <c r="H92643" s="12"/>
    </row>
    <row r="92644" spans="8:8">
      <c r="H92644" s="12"/>
    </row>
    <row r="92645" spans="8:8">
      <c r="H92645" s="12"/>
    </row>
    <row r="92646" spans="8:8">
      <c r="H92646" s="12"/>
    </row>
    <row r="92647" spans="8:8">
      <c r="H92647" s="12"/>
    </row>
    <row r="92648" spans="8:8">
      <c r="H92648" s="12"/>
    </row>
    <row r="92649" spans="8:8">
      <c r="H92649" s="12"/>
    </row>
    <row r="92650" spans="8:8">
      <c r="H92650" s="12"/>
    </row>
    <row r="92651" spans="8:8">
      <c r="H92651" s="12"/>
    </row>
    <row r="92652" spans="8:8">
      <c r="H92652" s="12"/>
    </row>
    <row r="92653" spans="8:8">
      <c r="H92653" s="12"/>
    </row>
    <row r="92654" spans="8:8">
      <c r="H92654" s="12"/>
    </row>
    <row r="92655" spans="8:8">
      <c r="H92655" s="12"/>
    </row>
    <row r="92656" spans="8:8">
      <c r="H92656" s="12"/>
    </row>
    <row r="92657" spans="8:8">
      <c r="H92657" s="12"/>
    </row>
    <row r="92658" spans="8:8">
      <c r="H92658" s="12"/>
    </row>
    <row r="92659" spans="8:8">
      <c r="H92659" s="12"/>
    </row>
    <row r="92660" spans="8:8">
      <c r="H92660" s="12"/>
    </row>
    <row r="92661" spans="8:8">
      <c r="H92661" s="12"/>
    </row>
    <row r="92662" spans="8:8">
      <c r="H92662" s="12"/>
    </row>
    <row r="92663" spans="8:8">
      <c r="H92663" s="12"/>
    </row>
    <row r="92664" spans="8:8">
      <c r="H92664" s="12"/>
    </row>
    <row r="92665" spans="8:8">
      <c r="H92665" s="12"/>
    </row>
    <row r="92666" spans="8:8">
      <c r="H92666" s="12"/>
    </row>
    <row r="92667" spans="8:8">
      <c r="H92667" s="12"/>
    </row>
    <row r="92668" spans="8:8">
      <c r="H92668" s="12"/>
    </row>
    <row r="92669" spans="8:8">
      <c r="H92669" s="12"/>
    </row>
    <row r="92670" spans="8:8">
      <c r="H92670" s="12"/>
    </row>
    <row r="92671" spans="8:8">
      <c r="H92671" s="12"/>
    </row>
    <row r="92672" spans="8:8">
      <c r="H92672" s="12"/>
    </row>
    <row r="92673" spans="8:8">
      <c r="H92673" s="12"/>
    </row>
    <row r="92674" spans="8:8">
      <c r="H92674" s="12"/>
    </row>
    <row r="92675" spans="8:8">
      <c r="H92675" s="12"/>
    </row>
    <row r="92676" spans="8:8">
      <c r="H92676" s="12"/>
    </row>
    <row r="92677" spans="8:8">
      <c r="H92677" s="12"/>
    </row>
    <row r="92678" spans="8:8">
      <c r="H92678" s="12"/>
    </row>
    <row r="92679" spans="8:8">
      <c r="H92679" s="12"/>
    </row>
    <row r="92680" spans="8:8">
      <c r="H92680" s="12"/>
    </row>
    <row r="92681" spans="8:8">
      <c r="H92681" s="12"/>
    </row>
    <row r="92682" spans="8:8">
      <c r="H92682" s="12"/>
    </row>
    <row r="92683" spans="8:8">
      <c r="H92683" s="12"/>
    </row>
    <row r="92684" spans="8:8">
      <c r="H92684" s="12"/>
    </row>
    <row r="92685" spans="8:8">
      <c r="H92685" s="12"/>
    </row>
    <row r="92686" spans="8:8">
      <c r="H92686" s="12"/>
    </row>
    <row r="92687" spans="8:8">
      <c r="H92687" s="12"/>
    </row>
    <row r="92688" spans="8:8">
      <c r="H92688" s="12"/>
    </row>
    <row r="92689" spans="8:8">
      <c r="H92689" s="12"/>
    </row>
    <row r="92690" spans="8:8">
      <c r="H92690" s="12"/>
    </row>
    <row r="92691" spans="8:8">
      <c r="H92691" s="12"/>
    </row>
    <row r="92692" spans="8:8">
      <c r="H92692" s="12"/>
    </row>
    <row r="92693" spans="8:8">
      <c r="H92693" s="12"/>
    </row>
    <row r="92694" spans="8:8">
      <c r="H92694" s="12"/>
    </row>
    <row r="92695" spans="8:8">
      <c r="H92695" s="12"/>
    </row>
    <row r="92696" spans="8:8">
      <c r="H92696" s="12"/>
    </row>
    <row r="92697" spans="8:8">
      <c r="H92697" s="12"/>
    </row>
    <row r="92698" spans="8:8">
      <c r="H92698" s="12"/>
    </row>
    <row r="92699" spans="8:8">
      <c r="H92699" s="12"/>
    </row>
    <row r="92700" spans="8:8">
      <c r="H92700" s="12"/>
    </row>
    <row r="92701" spans="8:8">
      <c r="H92701" s="12"/>
    </row>
    <row r="92702" spans="8:8">
      <c r="H92702" s="12"/>
    </row>
    <row r="92703" spans="8:8">
      <c r="H92703" s="12"/>
    </row>
    <row r="92704" spans="8:8">
      <c r="H92704" s="12"/>
    </row>
    <row r="92705" spans="8:8">
      <c r="H92705" s="12"/>
    </row>
    <row r="92706" spans="8:8">
      <c r="H92706" s="12"/>
    </row>
    <row r="92707" spans="8:8">
      <c r="H92707" s="12"/>
    </row>
    <row r="92708" spans="8:8">
      <c r="H92708" s="12"/>
    </row>
    <row r="92709" spans="8:8">
      <c r="H92709" s="12"/>
    </row>
    <row r="92710" spans="8:8">
      <c r="H92710" s="12"/>
    </row>
    <row r="92711" spans="8:8">
      <c r="H92711" s="12"/>
    </row>
    <row r="92712" spans="8:8">
      <c r="H92712" s="12"/>
    </row>
    <row r="92713" spans="8:8">
      <c r="H92713" s="12"/>
    </row>
    <row r="92714" spans="8:8">
      <c r="H92714" s="12"/>
    </row>
    <row r="92715" spans="8:8">
      <c r="H92715" s="12"/>
    </row>
    <row r="92716" spans="8:8">
      <c r="H92716" s="12"/>
    </row>
    <row r="92717" spans="8:8">
      <c r="H92717" s="12"/>
    </row>
    <row r="92718" spans="8:8">
      <c r="H92718" s="12"/>
    </row>
    <row r="92719" spans="8:8">
      <c r="H92719" s="12"/>
    </row>
    <row r="92720" spans="8:8">
      <c r="H92720" s="12"/>
    </row>
    <row r="92721" spans="8:8">
      <c r="H92721" s="12"/>
    </row>
    <row r="92722" spans="8:8">
      <c r="H92722" s="12"/>
    </row>
    <row r="92723" spans="8:8">
      <c r="H92723" s="12"/>
    </row>
    <row r="92724" spans="8:8">
      <c r="H92724" s="12"/>
    </row>
    <row r="92725" spans="8:8">
      <c r="H92725" s="12"/>
    </row>
    <row r="92726" spans="8:8">
      <c r="H92726" s="12"/>
    </row>
    <row r="92727" spans="8:8">
      <c r="H92727" s="12"/>
    </row>
    <row r="92728" spans="8:8">
      <c r="H92728" s="12"/>
    </row>
    <row r="92729" spans="8:8">
      <c r="H92729" s="12"/>
    </row>
    <row r="92730" spans="8:8">
      <c r="H92730" s="12"/>
    </row>
    <row r="92731" spans="8:8">
      <c r="H92731" s="12"/>
    </row>
    <row r="92732" spans="8:8">
      <c r="H92732" s="12"/>
    </row>
    <row r="92733" spans="8:8">
      <c r="H92733" s="12"/>
    </row>
    <row r="92734" spans="8:8">
      <c r="H92734" s="12"/>
    </row>
    <row r="92735" spans="8:8">
      <c r="H92735" s="12"/>
    </row>
    <row r="92736" spans="8:8">
      <c r="H92736" s="12"/>
    </row>
    <row r="92737" spans="8:8">
      <c r="H92737" s="12"/>
    </row>
    <row r="92738" spans="8:8">
      <c r="H92738" s="12"/>
    </row>
    <row r="92739" spans="8:8">
      <c r="H92739" s="12"/>
    </row>
    <row r="92740" spans="8:8">
      <c r="H92740" s="12"/>
    </row>
    <row r="92741" spans="8:8">
      <c r="H92741" s="12"/>
    </row>
    <row r="92742" spans="8:8">
      <c r="H92742" s="12"/>
    </row>
    <row r="92743" spans="8:8">
      <c r="H92743" s="12"/>
    </row>
    <row r="92744" spans="8:8">
      <c r="H92744" s="12"/>
    </row>
    <row r="92745" spans="8:8">
      <c r="H92745" s="12"/>
    </row>
    <row r="92746" spans="8:8">
      <c r="H92746" s="12"/>
    </row>
    <row r="92747" spans="8:8">
      <c r="H92747" s="12"/>
    </row>
    <row r="92748" spans="8:8">
      <c r="H92748" s="12"/>
    </row>
    <row r="92749" spans="8:8">
      <c r="H92749" s="12"/>
    </row>
    <row r="92750" spans="8:8">
      <c r="H92750" s="12"/>
    </row>
    <row r="92751" spans="8:8">
      <c r="H92751" s="12"/>
    </row>
    <row r="92752" spans="8:8">
      <c r="H92752" s="12"/>
    </row>
    <row r="92753" spans="8:8">
      <c r="H92753" s="12"/>
    </row>
    <row r="92754" spans="8:8">
      <c r="H92754" s="12"/>
    </row>
    <row r="92755" spans="8:8">
      <c r="H92755" s="12"/>
    </row>
    <row r="92756" spans="8:8">
      <c r="H92756" s="12"/>
    </row>
    <row r="92757" spans="8:8">
      <c r="H92757" s="12"/>
    </row>
    <row r="92758" spans="8:8">
      <c r="H92758" s="12"/>
    </row>
    <row r="92759" spans="8:8">
      <c r="H92759" s="12"/>
    </row>
    <row r="92760" spans="8:8">
      <c r="H92760" s="12"/>
    </row>
    <row r="92761" spans="8:8">
      <c r="H92761" s="12"/>
    </row>
    <row r="92762" spans="8:8">
      <c r="H92762" s="12"/>
    </row>
    <row r="92763" spans="8:8">
      <c r="H92763" s="12"/>
    </row>
    <row r="92764" spans="8:8">
      <c r="H92764" s="12"/>
    </row>
    <row r="92765" spans="8:8">
      <c r="H92765" s="12"/>
    </row>
    <row r="92766" spans="8:8">
      <c r="H92766" s="12"/>
    </row>
    <row r="92767" spans="8:8">
      <c r="H92767" s="12"/>
    </row>
    <row r="92768" spans="8:8">
      <c r="H92768" s="12"/>
    </row>
    <row r="92769" spans="8:8">
      <c r="H92769" s="12"/>
    </row>
    <row r="92770" spans="8:8">
      <c r="H92770" s="12"/>
    </row>
    <row r="92771" spans="8:8">
      <c r="H92771" s="12"/>
    </row>
    <row r="92772" spans="8:8">
      <c r="H92772" s="12"/>
    </row>
    <row r="92773" spans="8:8">
      <c r="H92773" s="12"/>
    </row>
    <row r="92774" spans="8:8">
      <c r="H92774" s="12"/>
    </row>
    <row r="92775" spans="8:8">
      <c r="H92775" s="12"/>
    </row>
    <row r="92776" spans="8:8">
      <c r="H92776" s="12"/>
    </row>
    <row r="92777" spans="8:8">
      <c r="H92777" s="12"/>
    </row>
    <row r="92778" spans="8:8">
      <c r="H92778" s="12"/>
    </row>
    <row r="92779" spans="8:8">
      <c r="H92779" s="12"/>
    </row>
    <row r="92780" spans="8:8">
      <c r="H92780" s="12"/>
    </row>
    <row r="92781" spans="8:8">
      <c r="H92781" s="12"/>
    </row>
    <row r="92782" spans="8:8">
      <c r="H92782" s="12"/>
    </row>
    <row r="92783" spans="8:8">
      <c r="H92783" s="12"/>
    </row>
    <row r="92784" spans="8:8">
      <c r="H92784" s="12"/>
    </row>
    <row r="92785" spans="8:8">
      <c r="H92785" s="12"/>
    </row>
    <row r="92786" spans="8:8">
      <c r="H92786" s="12"/>
    </row>
    <row r="92787" spans="8:8">
      <c r="H92787" s="12"/>
    </row>
    <row r="92788" spans="8:8">
      <c r="H92788" s="12"/>
    </row>
    <row r="92789" spans="8:8">
      <c r="H92789" s="12"/>
    </row>
    <row r="92790" spans="8:8">
      <c r="H92790" s="12"/>
    </row>
    <row r="92791" spans="8:8">
      <c r="H92791" s="12"/>
    </row>
    <row r="92792" spans="8:8">
      <c r="H92792" s="12"/>
    </row>
    <row r="92793" spans="8:8">
      <c r="H92793" s="12"/>
    </row>
    <row r="92794" spans="8:8">
      <c r="H92794" s="12"/>
    </row>
    <row r="92795" spans="8:8">
      <c r="H92795" s="12"/>
    </row>
    <row r="92796" spans="8:8">
      <c r="H92796" s="12"/>
    </row>
    <row r="92797" spans="8:8">
      <c r="H92797" s="12"/>
    </row>
    <row r="92798" spans="8:8">
      <c r="H92798" s="12"/>
    </row>
    <row r="92799" spans="8:8">
      <c r="H92799" s="12"/>
    </row>
    <row r="92800" spans="8:8">
      <c r="H92800" s="12"/>
    </row>
    <row r="92801" spans="8:8">
      <c r="H92801" s="12"/>
    </row>
    <row r="92802" spans="8:8">
      <c r="H92802" s="12"/>
    </row>
    <row r="92803" spans="8:8">
      <c r="H92803" s="12"/>
    </row>
    <row r="92804" spans="8:8">
      <c r="H92804" s="12"/>
    </row>
    <row r="92805" spans="8:8">
      <c r="H92805" s="12"/>
    </row>
    <row r="92806" spans="8:8">
      <c r="H92806" s="12"/>
    </row>
    <row r="92807" spans="8:8">
      <c r="H92807" s="12"/>
    </row>
    <row r="92808" spans="8:8">
      <c r="H92808" s="12"/>
    </row>
    <row r="92809" spans="8:8">
      <c r="H92809" s="12"/>
    </row>
    <row r="92810" spans="8:8">
      <c r="H92810" s="12"/>
    </row>
    <row r="92811" spans="8:8">
      <c r="H92811" s="12"/>
    </row>
    <row r="92812" spans="8:8">
      <c r="H92812" s="12"/>
    </row>
    <row r="92813" spans="8:8">
      <c r="H92813" s="12"/>
    </row>
    <row r="92814" spans="8:8">
      <c r="H92814" s="12"/>
    </row>
    <row r="92815" spans="8:8">
      <c r="H92815" s="12"/>
    </row>
    <row r="92816" spans="8:8">
      <c r="H92816" s="12"/>
    </row>
    <row r="92817" spans="8:8">
      <c r="H92817" s="12"/>
    </row>
    <row r="92818" spans="8:8">
      <c r="H92818" s="12"/>
    </row>
    <row r="92819" spans="8:8">
      <c r="H92819" s="12"/>
    </row>
    <row r="92820" spans="8:8">
      <c r="H92820" s="12"/>
    </row>
    <row r="92821" spans="8:8">
      <c r="H92821" s="12"/>
    </row>
    <row r="92822" spans="8:8">
      <c r="H92822" s="12"/>
    </row>
    <row r="92823" spans="8:8">
      <c r="H92823" s="12"/>
    </row>
    <row r="92824" spans="8:8">
      <c r="H92824" s="12"/>
    </row>
    <row r="92825" spans="8:8">
      <c r="H92825" s="12"/>
    </row>
    <row r="92826" spans="8:8">
      <c r="H92826" s="12"/>
    </row>
    <row r="92827" spans="8:8">
      <c r="H92827" s="12"/>
    </row>
    <row r="92828" spans="8:8">
      <c r="H92828" s="12"/>
    </row>
    <row r="92829" spans="8:8">
      <c r="H92829" s="12"/>
    </row>
    <row r="92830" spans="8:8">
      <c r="H92830" s="12"/>
    </row>
    <row r="92831" spans="8:8">
      <c r="H92831" s="12"/>
    </row>
    <row r="92832" spans="8:8">
      <c r="H92832" s="12"/>
    </row>
    <row r="92833" spans="8:8">
      <c r="H92833" s="12"/>
    </row>
    <row r="92834" spans="8:8">
      <c r="H92834" s="12"/>
    </row>
    <row r="92835" spans="8:8">
      <c r="H92835" s="12"/>
    </row>
    <row r="92836" spans="8:8">
      <c r="H92836" s="12"/>
    </row>
    <row r="92837" spans="8:8">
      <c r="H92837" s="12"/>
    </row>
    <row r="92838" spans="8:8">
      <c r="H92838" s="12"/>
    </row>
    <row r="92839" spans="8:8">
      <c r="H92839" s="12"/>
    </row>
    <row r="92840" spans="8:8">
      <c r="H92840" s="12"/>
    </row>
    <row r="92841" spans="8:8">
      <c r="H92841" s="12"/>
    </row>
    <row r="92842" spans="8:8">
      <c r="H92842" s="12"/>
    </row>
    <row r="92843" spans="8:8">
      <c r="H92843" s="12"/>
    </row>
    <row r="92844" spans="8:8">
      <c r="H92844" s="12"/>
    </row>
    <row r="92845" spans="8:8">
      <c r="H92845" s="12"/>
    </row>
    <row r="92846" spans="8:8">
      <c r="H92846" s="12"/>
    </row>
    <row r="92847" spans="8:8">
      <c r="H92847" s="12"/>
    </row>
    <row r="92848" spans="8:8">
      <c r="H92848" s="12"/>
    </row>
    <row r="92849" spans="8:8">
      <c r="H92849" s="12"/>
    </row>
    <row r="92850" spans="8:8">
      <c r="H92850" s="12"/>
    </row>
    <row r="92851" spans="8:8">
      <c r="H92851" s="12"/>
    </row>
    <row r="92852" spans="8:8">
      <c r="H92852" s="12"/>
    </row>
    <row r="92853" spans="8:8">
      <c r="H92853" s="12"/>
    </row>
    <row r="92854" spans="8:8">
      <c r="H92854" s="12"/>
    </row>
    <row r="92855" spans="8:8">
      <c r="H92855" s="12"/>
    </row>
    <row r="92856" spans="8:8">
      <c r="H92856" s="12"/>
    </row>
    <row r="92857" spans="8:8">
      <c r="H92857" s="12"/>
    </row>
    <row r="92858" spans="8:8">
      <c r="H92858" s="12"/>
    </row>
    <row r="92859" spans="8:8">
      <c r="H92859" s="12"/>
    </row>
    <row r="92860" spans="8:8">
      <c r="H92860" s="12"/>
    </row>
    <row r="92861" spans="8:8">
      <c r="H92861" s="12"/>
    </row>
    <row r="92862" spans="8:8">
      <c r="H92862" s="12"/>
    </row>
    <row r="92863" spans="8:8">
      <c r="H92863" s="12"/>
    </row>
    <row r="92864" spans="8:8">
      <c r="H92864" s="12"/>
    </row>
    <row r="92865" spans="8:8">
      <c r="H92865" s="12"/>
    </row>
    <row r="92866" spans="8:8">
      <c r="H92866" s="12"/>
    </row>
    <row r="92867" spans="8:8">
      <c r="H92867" s="12"/>
    </row>
    <row r="92868" spans="8:8">
      <c r="H92868" s="12"/>
    </row>
    <row r="92869" spans="8:8">
      <c r="H92869" s="12"/>
    </row>
    <row r="92870" spans="8:8">
      <c r="H92870" s="12"/>
    </row>
    <row r="92871" spans="8:8">
      <c r="H92871" s="12"/>
    </row>
    <row r="92872" spans="8:8">
      <c r="H92872" s="12"/>
    </row>
    <row r="92873" spans="8:8">
      <c r="H92873" s="12"/>
    </row>
    <row r="92874" spans="8:8">
      <c r="H92874" s="12"/>
    </row>
    <row r="92875" spans="8:8">
      <c r="H92875" s="12"/>
    </row>
    <row r="92876" spans="8:8">
      <c r="H92876" s="12"/>
    </row>
    <row r="92877" spans="8:8">
      <c r="H92877" s="12"/>
    </row>
    <row r="92878" spans="8:8">
      <c r="H92878" s="12"/>
    </row>
    <row r="92879" spans="8:8">
      <c r="H92879" s="12"/>
    </row>
    <row r="92880" spans="8:8">
      <c r="H92880" s="12"/>
    </row>
    <row r="92881" spans="8:8">
      <c r="H92881" s="12"/>
    </row>
    <row r="92882" spans="8:8">
      <c r="H92882" s="12"/>
    </row>
    <row r="92883" spans="8:8">
      <c r="H92883" s="12"/>
    </row>
    <row r="92884" spans="8:8">
      <c r="H92884" s="12"/>
    </row>
    <row r="92885" spans="8:8">
      <c r="H92885" s="12"/>
    </row>
    <row r="92886" spans="8:8">
      <c r="H92886" s="12"/>
    </row>
    <row r="92887" spans="8:8">
      <c r="H92887" s="12"/>
    </row>
    <row r="92888" spans="8:8">
      <c r="H92888" s="12"/>
    </row>
    <row r="92889" spans="8:8">
      <c r="H92889" s="12"/>
    </row>
    <row r="92890" spans="8:8">
      <c r="H92890" s="12"/>
    </row>
    <row r="92891" spans="8:8">
      <c r="H92891" s="12"/>
    </row>
    <row r="92892" spans="8:8">
      <c r="H92892" s="12"/>
    </row>
    <row r="92893" spans="8:8">
      <c r="H92893" s="12"/>
    </row>
    <row r="92894" spans="8:8">
      <c r="H92894" s="12"/>
    </row>
    <row r="92895" spans="8:8">
      <c r="H92895" s="12"/>
    </row>
    <row r="92896" spans="8:8">
      <c r="H92896" s="12"/>
    </row>
    <row r="92897" spans="8:8">
      <c r="H92897" s="12"/>
    </row>
    <row r="92898" spans="8:8">
      <c r="H92898" s="12"/>
    </row>
    <row r="92899" spans="8:8">
      <c r="H92899" s="12"/>
    </row>
    <row r="92900" spans="8:8">
      <c r="H92900" s="12"/>
    </row>
    <row r="92901" spans="8:8">
      <c r="H92901" s="12"/>
    </row>
    <row r="92902" spans="8:8">
      <c r="H92902" s="12"/>
    </row>
    <row r="92903" spans="8:8">
      <c r="H92903" s="12"/>
    </row>
    <row r="92904" spans="8:8">
      <c r="H92904" s="12"/>
    </row>
    <row r="92905" spans="8:8">
      <c r="H92905" s="12"/>
    </row>
    <row r="92906" spans="8:8">
      <c r="H92906" s="12"/>
    </row>
    <row r="92907" spans="8:8">
      <c r="H92907" s="12"/>
    </row>
    <row r="92908" spans="8:8">
      <c r="H92908" s="12"/>
    </row>
    <row r="92909" spans="8:8">
      <c r="H92909" s="12"/>
    </row>
    <row r="92910" spans="8:8">
      <c r="H92910" s="12"/>
    </row>
    <row r="92911" spans="8:8">
      <c r="H92911" s="12"/>
    </row>
    <row r="92912" spans="8:8">
      <c r="H92912" s="12"/>
    </row>
    <row r="92913" spans="8:8">
      <c r="H92913" s="12"/>
    </row>
    <row r="92914" spans="8:8">
      <c r="H92914" s="12"/>
    </row>
    <row r="92915" spans="8:8">
      <c r="H92915" s="12"/>
    </row>
    <row r="92916" spans="8:8">
      <c r="H92916" s="12"/>
    </row>
    <row r="92917" spans="8:8">
      <c r="H92917" s="12"/>
    </row>
    <row r="92918" spans="8:8">
      <c r="H92918" s="12"/>
    </row>
    <row r="92919" spans="8:8">
      <c r="H92919" s="12"/>
    </row>
    <row r="92920" spans="8:8">
      <c r="H92920" s="12"/>
    </row>
    <row r="92921" spans="8:8">
      <c r="H92921" s="12"/>
    </row>
    <row r="92922" spans="8:8">
      <c r="H92922" s="12"/>
    </row>
    <row r="92923" spans="8:8">
      <c r="H92923" s="12"/>
    </row>
    <row r="92924" spans="8:8">
      <c r="H92924" s="12"/>
    </row>
    <row r="92925" spans="8:8">
      <c r="H92925" s="12"/>
    </row>
    <row r="92926" spans="8:8">
      <c r="H92926" s="12"/>
    </row>
    <row r="92927" spans="8:8">
      <c r="H92927" s="12"/>
    </row>
    <row r="92928" spans="8:8">
      <c r="H92928" s="12"/>
    </row>
    <row r="92929" spans="8:8">
      <c r="H92929" s="12"/>
    </row>
    <row r="92930" spans="8:8">
      <c r="H92930" s="12"/>
    </row>
    <row r="92931" spans="8:8">
      <c r="H92931" s="12"/>
    </row>
    <row r="92932" spans="8:8">
      <c r="H92932" s="12"/>
    </row>
    <row r="92933" spans="8:8">
      <c r="H92933" s="12"/>
    </row>
    <row r="92934" spans="8:8">
      <c r="H92934" s="12"/>
    </row>
    <row r="92935" spans="8:8">
      <c r="H92935" s="12"/>
    </row>
    <row r="92936" spans="8:8">
      <c r="H92936" s="12"/>
    </row>
    <row r="92937" spans="8:8">
      <c r="H92937" s="12"/>
    </row>
    <row r="92938" spans="8:8">
      <c r="H92938" s="12"/>
    </row>
    <row r="92939" spans="8:8">
      <c r="H92939" s="12"/>
    </row>
    <row r="92940" spans="8:8">
      <c r="H92940" s="12"/>
    </row>
    <row r="92941" spans="8:8">
      <c r="H92941" s="12"/>
    </row>
    <row r="92942" spans="8:8">
      <c r="H92942" s="12"/>
    </row>
    <row r="92943" spans="8:8">
      <c r="H92943" s="12"/>
    </row>
    <row r="92944" spans="8:8">
      <c r="H92944" s="12"/>
    </row>
    <row r="92945" spans="8:8">
      <c r="H92945" s="12"/>
    </row>
    <row r="92946" spans="8:8">
      <c r="H92946" s="12"/>
    </row>
    <row r="92947" spans="8:8">
      <c r="H92947" s="12"/>
    </row>
    <row r="92948" spans="8:8">
      <c r="H92948" s="12"/>
    </row>
    <row r="92949" spans="8:8">
      <c r="H92949" s="12"/>
    </row>
    <row r="92950" spans="8:8">
      <c r="H92950" s="12"/>
    </row>
    <row r="92951" spans="8:8">
      <c r="H92951" s="12"/>
    </row>
    <row r="92952" spans="8:8">
      <c r="H92952" s="12"/>
    </row>
    <row r="92953" spans="8:8">
      <c r="H92953" s="12"/>
    </row>
    <row r="92954" spans="8:8">
      <c r="H92954" s="12"/>
    </row>
    <row r="92955" spans="8:8">
      <c r="H92955" s="12"/>
    </row>
    <row r="92956" spans="8:8">
      <c r="H92956" s="12"/>
    </row>
    <row r="92957" spans="8:8">
      <c r="H92957" s="12"/>
    </row>
    <row r="92958" spans="8:8">
      <c r="H92958" s="12"/>
    </row>
    <row r="92959" spans="8:8">
      <c r="H92959" s="12"/>
    </row>
    <row r="92960" spans="8:8">
      <c r="H92960" s="12"/>
    </row>
    <row r="92961" spans="8:8">
      <c r="H92961" s="12"/>
    </row>
    <row r="92962" spans="8:8">
      <c r="H92962" s="12"/>
    </row>
    <row r="92963" spans="8:8">
      <c r="H92963" s="12"/>
    </row>
    <row r="92964" spans="8:8">
      <c r="H92964" s="12"/>
    </row>
    <row r="92965" spans="8:8">
      <c r="H92965" s="12"/>
    </row>
    <row r="92966" spans="8:8">
      <c r="H92966" s="12"/>
    </row>
    <row r="92967" spans="8:8">
      <c r="H92967" s="12"/>
    </row>
    <row r="92968" spans="8:8">
      <c r="H92968" s="12"/>
    </row>
    <row r="92969" spans="8:8">
      <c r="H92969" s="12"/>
    </row>
    <row r="92970" spans="8:8">
      <c r="H92970" s="12"/>
    </row>
    <row r="92971" spans="8:8">
      <c r="H92971" s="12"/>
    </row>
    <row r="92972" spans="8:8">
      <c r="H92972" s="12"/>
    </row>
    <row r="92973" spans="8:8">
      <c r="H92973" s="12"/>
    </row>
    <row r="92974" spans="8:8">
      <c r="H92974" s="12"/>
    </row>
    <row r="92975" spans="8:8">
      <c r="H92975" s="12"/>
    </row>
    <row r="92976" spans="8:8">
      <c r="H92976" s="12"/>
    </row>
    <row r="92977" spans="8:8">
      <c r="H92977" s="12"/>
    </row>
    <row r="92978" spans="8:8">
      <c r="H92978" s="12"/>
    </row>
    <row r="92979" spans="8:8">
      <c r="H92979" s="12"/>
    </row>
    <row r="92980" spans="8:8">
      <c r="H92980" s="12"/>
    </row>
    <row r="92981" spans="8:8">
      <c r="H92981" s="12"/>
    </row>
    <row r="92982" spans="8:8">
      <c r="H92982" s="12"/>
    </row>
    <row r="92983" spans="8:8">
      <c r="H92983" s="12"/>
    </row>
    <row r="92984" spans="8:8">
      <c r="H92984" s="12"/>
    </row>
    <row r="92985" spans="8:8">
      <c r="H92985" s="12"/>
    </row>
    <row r="92986" spans="8:8">
      <c r="H92986" s="12"/>
    </row>
    <row r="92987" spans="8:8">
      <c r="H92987" s="12"/>
    </row>
    <row r="92988" spans="8:8">
      <c r="H92988" s="12"/>
    </row>
    <row r="92989" spans="8:8">
      <c r="H92989" s="12"/>
    </row>
    <row r="92990" spans="8:8">
      <c r="H92990" s="12"/>
    </row>
    <row r="92991" spans="8:8">
      <c r="H92991" s="12"/>
    </row>
    <row r="92992" spans="8:8">
      <c r="H92992" s="12"/>
    </row>
    <row r="92993" spans="8:8">
      <c r="H92993" s="12"/>
    </row>
    <row r="92994" spans="8:8">
      <c r="H92994" s="12"/>
    </row>
    <row r="92995" spans="8:8">
      <c r="H92995" s="12"/>
    </row>
    <row r="92996" spans="8:8">
      <c r="H92996" s="12"/>
    </row>
    <row r="92997" spans="8:8">
      <c r="H92997" s="12"/>
    </row>
    <row r="92998" spans="8:8">
      <c r="H92998" s="12"/>
    </row>
    <row r="92999" spans="8:8">
      <c r="H92999" s="12"/>
    </row>
    <row r="93000" spans="8:8">
      <c r="H93000" s="12"/>
    </row>
    <row r="93001" spans="8:8">
      <c r="H93001" s="12"/>
    </row>
    <row r="93002" spans="8:8">
      <c r="H93002" s="12"/>
    </row>
    <row r="93003" spans="8:8">
      <c r="H93003" s="12"/>
    </row>
    <row r="93004" spans="8:8">
      <c r="H93004" s="12"/>
    </row>
    <row r="93005" spans="8:8">
      <c r="H93005" s="12"/>
    </row>
    <row r="93006" spans="8:8">
      <c r="H93006" s="12"/>
    </row>
    <row r="93007" spans="8:8">
      <c r="H93007" s="12"/>
    </row>
    <row r="93008" spans="8:8">
      <c r="H93008" s="12"/>
    </row>
    <row r="93009" spans="8:8">
      <c r="H93009" s="12"/>
    </row>
    <row r="93010" spans="8:8">
      <c r="H93010" s="12"/>
    </row>
    <row r="93011" spans="8:8">
      <c r="H93011" s="12"/>
    </row>
    <row r="93012" spans="8:8">
      <c r="H93012" s="12"/>
    </row>
    <row r="93013" spans="8:8">
      <c r="H93013" s="12"/>
    </row>
    <row r="93014" spans="8:8">
      <c r="H93014" s="12"/>
    </row>
    <row r="93015" spans="8:8">
      <c r="H93015" s="12"/>
    </row>
    <row r="93016" spans="8:8">
      <c r="H93016" s="12"/>
    </row>
    <row r="93017" spans="8:8">
      <c r="H93017" s="12"/>
    </row>
    <row r="93018" spans="8:8">
      <c r="H93018" s="12"/>
    </row>
    <row r="93019" spans="8:8">
      <c r="H93019" s="12"/>
    </row>
    <row r="93020" spans="8:8">
      <c r="H93020" s="12"/>
    </row>
    <row r="93021" spans="8:8">
      <c r="H93021" s="12"/>
    </row>
    <row r="93022" spans="8:8">
      <c r="H93022" s="12"/>
    </row>
    <row r="93023" spans="8:8">
      <c r="H93023" s="12"/>
    </row>
    <row r="93024" spans="8:8">
      <c r="H93024" s="12"/>
    </row>
    <row r="93025" spans="8:8">
      <c r="H93025" s="12"/>
    </row>
    <row r="93026" spans="8:8">
      <c r="H93026" s="12"/>
    </row>
    <row r="93027" spans="8:8">
      <c r="H93027" s="12"/>
    </row>
    <row r="93028" spans="8:8">
      <c r="H93028" s="12"/>
    </row>
    <row r="93029" spans="8:8">
      <c r="H93029" s="12"/>
    </row>
    <row r="93030" spans="8:8">
      <c r="H93030" s="12"/>
    </row>
    <row r="93031" spans="8:8">
      <c r="H93031" s="12"/>
    </row>
    <row r="93032" spans="8:8">
      <c r="H93032" s="12"/>
    </row>
    <row r="93033" spans="8:8">
      <c r="H93033" s="12"/>
    </row>
    <row r="93034" spans="8:8">
      <c r="H93034" s="12"/>
    </row>
    <row r="93035" spans="8:8">
      <c r="H93035" s="12"/>
    </row>
    <row r="93036" spans="8:8">
      <c r="H93036" s="12"/>
    </row>
    <row r="93037" spans="8:8">
      <c r="H93037" s="12"/>
    </row>
    <row r="93038" spans="8:8">
      <c r="H93038" s="12"/>
    </row>
    <row r="93039" spans="8:8">
      <c r="H93039" s="12"/>
    </row>
    <row r="93040" spans="8:8">
      <c r="H93040" s="12"/>
    </row>
    <row r="93041" spans="8:8">
      <c r="H93041" s="12"/>
    </row>
    <row r="93042" spans="8:8">
      <c r="H93042" s="12"/>
    </row>
    <row r="93043" spans="8:8">
      <c r="H93043" s="12"/>
    </row>
    <row r="93044" spans="8:8">
      <c r="H93044" s="12"/>
    </row>
    <row r="93045" spans="8:8">
      <c r="H93045" s="12"/>
    </row>
    <row r="93046" spans="8:8">
      <c r="H93046" s="12"/>
    </row>
    <row r="93047" spans="8:8">
      <c r="H93047" s="12"/>
    </row>
    <row r="93048" spans="8:8">
      <c r="H93048" s="12"/>
    </row>
    <row r="93049" spans="8:8">
      <c r="H93049" s="12"/>
    </row>
    <row r="93050" spans="8:8">
      <c r="H93050" s="12"/>
    </row>
    <row r="93051" spans="8:8">
      <c r="H93051" s="12"/>
    </row>
    <row r="93052" spans="8:8">
      <c r="H93052" s="12"/>
    </row>
    <row r="93053" spans="8:8">
      <c r="H93053" s="12"/>
    </row>
    <row r="93054" spans="8:8">
      <c r="H93054" s="12"/>
    </row>
    <row r="93055" spans="8:8">
      <c r="H93055" s="12"/>
    </row>
    <row r="93056" spans="8:8">
      <c r="H93056" s="12"/>
    </row>
    <row r="93057" spans="8:8">
      <c r="H93057" s="12"/>
    </row>
    <row r="93058" spans="8:8">
      <c r="H93058" s="12"/>
    </row>
    <row r="93059" spans="8:8">
      <c r="H93059" s="12"/>
    </row>
    <row r="93060" spans="8:8">
      <c r="H93060" s="12"/>
    </row>
    <row r="93061" spans="8:8">
      <c r="H93061" s="12"/>
    </row>
    <row r="93062" spans="8:8">
      <c r="H93062" s="12"/>
    </row>
    <row r="93063" spans="8:8">
      <c r="H93063" s="12"/>
    </row>
    <row r="93064" spans="8:8">
      <c r="H93064" s="12"/>
    </row>
    <row r="93065" spans="8:8">
      <c r="H93065" s="12"/>
    </row>
    <row r="93066" spans="8:8">
      <c r="H93066" s="12"/>
    </row>
    <row r="93067" spans="8:8">
      <c r="H93067" s="12"/>
    </row>
    <row r="93068" spans="8:8">
      <c r="H93068" s="12"/>
    </row>
    <row r="93069" spans="8:8">
      <c r="H93069" s="12"/>
    </row>
    <row r="93070" spans="8:8">
      <c r="H93070" s="12"/>
    </row>
    <row r="93071" spans="8:8">
      <c r="H93071" s="12"/>
    </row>
    <row r="93072" spans="8:8">
      <c r="H93072" s="12"/>
    </row>
    <row r="93073" spans="8:8">
      <c r="H93073" s="12"/>
    </row>
    <row r="93074" spans="8:8">
      <c r="H93074" s="12"/>
    </row>
    <row r="93075" spans="8:8">
      <c r="H93075" s="12"/>
    </row>
    <row r="93076" spans="8:8">
      <c r="H93076" s="12"/>
    </row>
    <row r="93077" spans="8:8">
      <c r="H93077" s="12"/>
    </row>
    <row r="93078" spans="8:8">
      <c r="H93078" s="12"/>
    </row>
    <row r="93079" spans="8:8">
      <c r="H93079" s="12"/>
    </row>
    <row r="93080" spans="8:8">
      <c r="H93080" s="12"/>
    </row>
    <row r="93081" spans="8:8">
      <c r="H93081" s="12"/>
    </row>
    <row r="93082" spans="8:8">
      <c r="H93082" s="12"/>
    </row>
    <row r="93083" spans="8:8">
      <c r="H93083" s="12"/>
    </row>
    <row r="93084" spans="8:8">
      <c r="H93084" s="12"/>
    </row>
    <row r="93085" spans="8:8">
      <c r="H93085" s="12"/>
    </row>
    <row r="93086" spans="8:8">
      <c r="H93086" s="12"/>
    </row>
    <row r="93087" spans="8:8">
      <c r="H93087" s="12"/>
    </row>
    <row r="93088" spans="8:8">
      <c r="H93088" s="12"/>
    </row>
    <row r="93089" spans="8:8">
      <c r="H93089" s="12"/>
    </row>
    <row r="93090" spans="8:8">
      <c r="H93090" s="12"/>
    </row>
    <row r="93091" spans="8:8">
      <c r="H93091" s="12"/>
    </row>
    <row r="93092" spans="8:8">
      <c r="H93092" s="12"/>
    </row>
    <row r="93093" spans="8:8">
      <c r="H93093" s="12"/>
    </row>
    <row r="93094" spans="8:8">
      <c r="H93094" s="12"/>
    </row>
    <row r="93095" spans="8:8">
      <c r="H93095" s="12"/>
    </row>
    <row r="93096" spans="8:8">
      <c r="H93096" s="12"/>
    </row>
    <row r="93097" spans="8:8">
      <c r="H93097" s="12"/>
    </row>
    <row r="93098" spans="8:8">
      <c r="H93098" s="12"/>
    </row>
    <row r="93099" spans="8:8">
      <c r="H93099" s="12"/>
    </row>
    <row r="93100" spans="8:8">
      <c r="H93100" s="12"/>
    </row>
    <row r="93101" spans="8:8">
      <c r="H93101" s="12"/>
    </row>
    <row r="93102" spans="8:8">
      <c r="H93102" s="12"/>
    </row>
    <row r="93103" spans="8:8">
      <c r="H93103" s="12"/>
    </row>
    <row r="93104" spans="8:8">
      <c r="H93104" s="12"/>
    </row>
    <row r="93105" spans="8:8">
      <c r="H93105" s="12"/>
    </row>
    <row r="93106" spans="8:8">
      <c r="H93106" s="12"/>
    </row>
    <row r="93107" spans="8:8">
      <c r="H93107" s="12"/>
    </row>
    <row r="93108" spans="8:8">
      <c r="H93108" s="12"/>
    </row>
    <row r="93109" spans="8:8">
      <c r="H93109" s="12"/>
    </row>
    <row r="93110" spans="8:8">
      <c r="H93110" s="12"/>
    </row>
    <row r="93111" spans="8:8">
      <c r="H93111" s="12"/>
    </row>
    <row r="93112" spans="8:8">
      <c r="H93112" s="12"/>
    </row>
    <row r="93113" spans="8:8">
      <c r="H93113" s="12"/>
    </row>
    <row r="93114" spans="8:8">
      <c r="H93114" s="12"/>
    </row>
    <row r="93115" spans="8:8">
      <c r="H93115" s="12"/>
    </row>
    <row r="93116" spans="8:8">
      <c r="H93116" s="12"/>
    </row>
    <row r="93117" spans="8:8">
      <c r="H93117" s="12"/>
    </row>
    <row r="93118" spans="8:8">
      <c r="H93118" s="12"/>
    </row>
    <row r="93119" spans="8:8">
      <c r="H93119" s="12"/>
    </row>
    <row r="93120" spans="8:8">
      <c r="H93120" s="12"/>
    </row>
    <row r="93121" spans="8:8">
      <c r="H93121" s="12"/>
    </row>
    <row r="93122" spans="8:8">
      <c r="H93122" s="12"/>
    </row>
    <row r="93123" spans="8:8">
      <c r="H93123" s="12"/>
    </row>
    <row r="93124" spans="8:8">
      <c r="H93124" s="12"/>
    </row>
    <row r="93125" spans="8:8">
      <c r="H93125" s="12"/>
    </row>
    <row r="93126" spans="8:8">
      <c r="H93126" s="12"/>
    </row>
    <row r="93127" spans="8:8">
      <c r="H93127" s="12"/>
    </row>
    <row r="93128" spans="8:8">
      <c r="H93128" s="12"/>
    </row>
    <row r="93129" spans="8:8">
      <c r="H93129" s="12"/>
    </row>
    <row r="93130" spans="8:8">
      <c r="H93130" s="12"/>
    </row>
    <row r="93131" spans="8:8">
      <c r="H93131" s="12"/>
    </row>
    <row r="93132" spans="8:8">
      <c r="H93132" s="12"/>
    </row>
    <row r="93133" spans="8:8">
      <c r="H93133" s="12"/>
    </row>
    <row r="93134" spans="8:8">
      <c r="H93134" s="12"/>
    </row>
    <row r="93135" spans="8:8">
      <c r="H93135" s="12"/>
    </row>
    <row r="93136" spans="8:8">
      <c r="H93136" s="12"/>
    </row>
    <row r="93137" spans="8:8">
      <c r="H93137" s="12"/>
    </row>
    <row r="93138" spans="8:8">
      <c r="H93138" s="12"/>
    </row>
    <row r="93139" spans="8:8">
      <c r="H93139" s="12"/>
    </row>
    <row r="93140" spans="8:8">
      <c r="H93140" s="12"/>
    </row>
    <row r="93141" spans="8:8">
      <c r="H93141" s="12"/>
    </row>
    <row r="93142" spans="8:8">
      <c r="H93142" s="12"/>
    </row>
    <row r="93143" spans="8:8">
      <c r="H93143" s="12"/>
    </row>
    <row r="93144" spans="8:8">
      <c r="H93144" s="12"/>
    </row>
    <row r="93145" spans="8:8">
      <c r="H93145" s="12"/>
    </row>
    <row r="93146" spans="8:8">
      <c r="H93146" s="12"/>
    </row>
    <row r="93147" spans="8:8">
      <c r="H93147" s="12"/>
    </row>
    <row r="93148" spans="8:8">
      <c r="H93148" s="12"/>
    </row>
    <row r="93149" spans="8:8">
      <c r="H93149" s="12"/>
    </row>
    <row r="93150" spans="8:8">
      <c r="H93150" s="12"/>
    </row>
    <row r="93151" spans="8:8">
      <c r="H93151" s="12"/>
    </row>
    <row r="93152" spans="8:8">
      <c r="H93152" s="12"/>
    </row>
    <row r="93153" spans="8:8">
      <c r="H93153" s="12"/>
    </row>
    <row r="93154" spans="8:8">
      <c r="H93154" s="12"/>
    </row>
    <row r="93155" spans="8:8">
      <c r="H93155" s="12"/>
    </row>
    <row r="93156" spans="8:8">
      <c r="H93156" s="12"/>
    </row>
    <row r="93157" spans="8:8">
      <c r="H93157" s="12"/>
    </row>
    <row r="93158" spans="8:8">
      <c r="H93158" s="12"/>
    </row>
    <row r="93159" spans="8:8">
      <c r="H93159" s="12"/>
    </row>
    <row r="93160" spans="8:8">
      <c r="H93160" s="12"/>
    </row>
    <row r="93161" spans="8:8">
      <c r="H93161" s="12"/>
    </row>
    <row r="93162" spans="8:8">
      <c r="H93162" s="12"/>
    </row>
    <row r="93163" spans="8:8">
      <c r="H93163" s="12"/>
    </row>
    <row r="93164" spans="8:8">
      <c r="H93164" s="12"/>
    </row>
    <row r="93165" spans="8:8">
      <c r="H93165" s="12"/>
    </row>
    <row r="93166" spans="8:8">
      <c r="H93166" s="12"/>
    </row>
    <row r="93167" spans="8:8">
      <c r="H93167" s="12"/>
    </row>
    <row r="93168" spans="8:8">
      <c r="H93168" s="12"/>
    </row>
    <row r="93169" spans="8:8">
      <c r="H93169" s="12"/>
    </row>
    <row r="93170" spans="8:8">
      <c r="H93170" s="12"/>
    </row>
    <row r="93171" spans="8:8">
      <c r="H93171" s="12"/>
    </row>
    <row r="93172" spans="8:8">
      <c r="H93172" s="12"/>
    </row>
    <row r="93173" spans="8:8">
      <c r="H93173" s="12"/>
    </row>
    <row r="93174" spans="8:8">
      <c r="H93174" s="12"/>
    </row>
    <row r="93175" spans="8:8">
      <c r="H93175" s="12"/>
    </row>
    <row r="93176" spans="8:8">
      <c r="H93176" s="12"/>
    </row>
    <row r="93177" spans="8:8">
      <c r="H93177" s="12"/>
    </row>
    <row r="93178" spans="8:8">
      <c r="H93178" s="12"/>
    </row>
    <row r="93179" spans="8:8">
      <c r="H93179" s="12"/>
    </row>
    <row r="93180" spans="8:8">
      <c r="H93180" s="12"/>
    </row>
    <row r="93181" spans="8:8">
      <c r="H93181" s="12"/>
    </row>
    <row r="93182" spans="8:8">
      <c r="H93182" s="12"/>
    </row>
    <row r="93183" spans="8:8">
      <c r="H93183" s="12"/>
    </row>
    <row r="93184" spans="8:8">
      <c r="H93184" s="12"/>
    </row>
    <row r="93185" spans="8:8">
      <c r="H93185" s="12"/>
    </row>
    <row r="93186" spans="8:8">
      <c r="H93186" s="12"/>
    </row>
    <row r="93187" spans="8:8">
      <c r="H93187" s="12"/>
    </row>
    <row r="93188" spans="8:8">
      <c r="H93188" s="12"/>
    </row>
    <row r="93189" spans="8:8">
      <c r="H93189" s="12"/>
    </row>
    <row r="93190" spans="8:8">
      <c r="H93190" s="12"/>
    </row>
    <row r="93191" spans="8:8">
      <c r="H93191" s="12"/>
    </row>
    <row r="93192" spans="8:8">
      <c r="H93192" s="12"/>
    </row>
    <row r="93193" spans="8:8">
      <c r="H93193" s="12"/>
    </row>
    <row r="93194" spans="8:8">
      <c r="H93194" s="12"/>
    </row>
    <row r="93195" spans="8:8">
      <c r="H93195" s="12"/>
    </row>
    <row r="93196" spans="8:8">
      <c r="H93196" s="12"/>
    </row>
    <row r="93197" spans="8:8">
      <c r="H93197" s="12"/>
    </row>
    <row r="93198" spans="8:8">
      <c r="H93198" s="12"/>
    </row>
    <row r="93199" spans="8:8">
      <c r="H93199" s="12"/>
    </row>
    <row r="93200" spans="8:8">
      <c r="H93200" s="12"/>
    </row>
    <row r="93201" spans="8:8">
      <c r="H93201" s="12"/>
    </row>
    <row r="93202" spans="8:8">
      <c r="H93202" s="12"/>
    </row>
    <row r="93203" spans="8:8">
      <c r="H93203" s="12"/>
    </row>
    <row r="93204" spans="8:8">
      <c r="H93204" s="12"/>
    </row>
    <row r="93205" spans="8:8">
      <c r="H93205" s="12"/>
    </row>
    <row r="93206" spans="8:8">
      <c r="H93206" s="12"/>
    </row>
    <row r="93207" spans="8:8">
      <c r="H93207" s="12"/>
    </row>
    <row r="93208" spans="8:8">
      <c r="H93208" s="12"/>
    </row>
    <row r="93209" spans="8:8">
      <c r="H93209" s="12"/>
    </row>
    <row r="93210" spans="8:8">
      <c r="H93210" s="12"/>
    </row>
    <row r="93211" spans="8:8">
      <c r="H93211" s="12"/>
    </row>
    <row r="93212" spans="8:8">
      <c r="H93212" s="12"/>
    </row>
    <row r="93213" spans="8:8">
      <c r="H93213" s="12"/>
    </row>
    <row r="93214" spans="8:8">
      <c r="H93214" s="12"/>
    </row>
    <row r="93215" spans="8:8">
      <c r="H93215" s="12"/>
    </row>
    <row r="93216" spans="8:8">
      <c r="H93216" s="12"/>
    </row>
    <row r="93217" spans="8:8">
      <c r="H93217" s="12"/>
    </row>
    <row r="93218" spans="8:8">
      <c r="H93218" s="12"/>
    </row>
    <row r="93219" spans="8:8">
      <c r="H93219" s="12"/>
    </row>
    <row r="93220" spans="8:8">
      <c r="H93220" s="12"/>
    </row>
    <row r="93221" spans="8:8">
      <c r="H93221" s="12"/>
    </row>
    <row r="93222" spans="8:8">
      <c r="H93222" s="12"/>
    </row>
    <row r="93223" spans="8:8">
      <c r="H93223" s="12"/>
    </row>
    <row r="93224" spans="8:8">
      <c r="H93224" s="12"/>
    </row>
    <row r="93225" spans="8:8">
      <c r="H93225" s="12"/>
    </row>
    <row r="93226" spans="8:8">
      <c r="H93226" s="12"/>
    </row>
    <row r="93227" spans="8:8">
      <c r="H93227" s="12"/>
    </row>
    <row r="93228" spans="8:8">
      <c r="H93228" s="12"/>
    </row>
    <row r="93229" spans="8:8">
      <c r="H93229" s="12"/>
    </row>
    <row r="93230" spans="8:8">
      <c r="H93230" s="12"/>
    </row>
    <row r="93231" spans="8:8">
      <c r="H93231" s="12"/>
    </row>
    <row r="93232" spans="8:8">
      <c r="H93232" s="12"/>
    </row>
    <row r="93233" spans="8:8">
      <c r="H93233" s="12"/>
    </row>
    <row r="93234" spans="8:8">
      <c r="H93234" s="12"/>
    </row>
    <row r="93235" spans="8:8">
      <c r="H93235" s="12"/>
    </row>
    <row r="93236" spans="8:8">
      <c r="H93236" s="12"/>
    </row>
    <row r="93237" spans="8:8">
      <c r="H93237" s="12"/>
    </row>
    <row r="93238" spans="8:8">
      <c r="H93238" s="12"/>
    </row>
    <row r="93239" spans="8:8">
      <c r="H93239" s="12"/>
    </row>
    <row r="93240" spans="8:8">
      <c r="H93240" s="12"/>
    </row>
    <row r="93241" spans="8:8">
      <c r="H93241" s="12"/>
    </row>
    <row r="93242" spans="8:8">
      <c r="H93242" s="12"/>
    </row>
    <row r="93243" spans="8:8">
      <c r="H93243" s="12"/>
    </row>
    <row r="93244" spans="8:8">
      <c r="H93244" s="12"/>
    </row>
    <row r="93245" spans="8:8">
      <c r="H93245" s="12"/>
    </row>
    <row r="93246" spans="8:8">
      <c r="H93246" s="12"/>
    </row>
    <row r="93247" spans="8:8">
      <c r="H93247" s="12"/>
    </row>
    <row r="93248" spans="8:8">
      <c r="H93248" s="12"/>
    </row>
    <row r="93249" spans="8:8">
      <c r="H93249" s="12"/>
    </row>
    <row r="93250" spans="8:8">
      <c r="H93250" s="12"/>
    </row>
    <row r="93251" spans="8:8">
      <c r="H93251" s="12"/>
    </row>
    <row r="93252" spans="8:8">
      <c r="H93252" s="12"/>
    </row>
    <row r="93253" spans="8:8">
      <c r="H93253" s="12"/>
    </row>
    <row r="93254" spans="8:8">
      <c r="H93254" s="12"/>
    </row>
    <row r="93255" spans="8:8">
      <c r="H93255" s="12"/>
    </row>
    <row r="93256" spans="8:8">
      <c r="H93256" s="12"/>
    </row>
    <row r="93257" spans="8:8">
      <c r="H93257" s="12"/>
    </row>
    <row r="93258" spans="8:8">
      <c r="H93258" s="12"/>
    </row>
    <row r="93259" spans="8:8">
      <c r="H93259" s="12"/>
    </row>
    <row r="93260" spans="8:8">
      <c r="H93260" s="12"/>
    </row>
    <row r="93261" spans="8:8">
      <c r="H93261" s="12"/>
    </row>
    <row r="93262" spans="8:8">
      <c r="H93262" s="12"/>
    </row>
    <row r="93263" spans="8:8">
      <c r="H93263" s="12"/>
    </row>
    <row r="93264" spans="8:8">
      <c r="H93264" s="12"/>
    </row>
    <row r="93265" spans="8:8">
      <c r="H93265" s="12"/>
    </row>
    <row r="93266" spans="8:8">
      <c r="H93266" s="12"/>
    </row>
    <row r="93267" spans="8:8">
      <c r="H93267" s="12"/>
    </row>
    <row r="93268" spans="8:8">
      <c r="H93268" s="12"/>
    </row>
    <row r="93269" spans="8:8">
      <c r="H93269" s="12"/>
    </row>
    <row r="93270" spans="8:8">
      <c r="H93270" s="12"/>
    </row>
    <row r="93271" spans="8:8">
      <c r="H93271" s="12"/>
    </row>
    <row r="93272" spans="8:8">
      <c r="H93272" s="12"/>
    </row>
    <row r="93273" spans="8:8">
      <c r="H93273" s="12"/>
    </row>
    <row r="93274" spans="8:8">
      <c r="H93274" s="12"/>
    </row>
    <row r="93275" spans="8:8">
      <c r="H93275" s="12"/>
    </row>
    <row r="93276" spans="8:8">
      <c r="H93276" s="12"/>
    </row>
    <row r="93277" spans="8:8">
      <c r="H93277" s="12"/>
    </row>
    <row r="93278" spans="8:8">
      <c r="H93278" s="12"/>
    </row>
    <row r="93279" spans="8:8">
      <c r="H93279" s="12"/>
    </row>
    <row r="93280" spans="8:8">
      <c r="H93280" s="12"/>
    </row>
    <row r="93281" spans="8:8">
      <c r="H93281" s="12"/>
    </row>
    <row r="93282" spans="8:8">
      <c r="H93282" s="12"/>
    </row>
    <row r="93283" spans="8:8">
      <c r="H93283" s="12"/>
    </row>
    <row r="93284" spans="8:8">
      <c r="H93284" s="12"/>
    </row>
    <row r="93285" spans="8:8">
      <c r="H93285" s="12"/>
    </row>
    <row r="93286" spans="8:8">
      <c r="H93286" s="12"/>
    </row>
    <row r="93287" spans="8:8">
      <c r="H93287" s="12"/>
    </row>
    <row r="93288" spans="8:8">
      <c r="H93288" s="12"/>
    </row>
    <row r="93289" spans="8:8">
      <c r="H93289" s="12"/>
    </row>
    <row r="93290" spans="8:8">
      <c r="H93290" s="12"/>
    </row>
    <row r="93291" spans="8:8">
      <c r="H93291" s="12"/>
    </row>
    <row r="93292" spans="8:8">
      <c r="H93292" s="12"/>
    </row>
    <row r="93293" spans="8:8">
      <c r="H93293" s="12"/>
    </row>
    <row r="93294" spans="8:8">
      <c r="H93294" s="12"/>
    </row>
    <row r="93295" spans="8:8">
      <c r="H93295" s="12"/>
    </row>
    <row r="93296" spans="8:8">
      <c r="H93296" s="12"/>
    </row>
    <row r="93297" spans="8:8">
      <c r="H93297" s="12"/>
    </row>
    <row r="93298" spans="8:8">
      <c r="H93298" s="12"/>
    </row>
    <row r="93299" spans="8:8">
      <c r="H93299" s="12"/>
    </row>
    <row r="93300" spans="8:8">
      <c r="H93300" s="12"/>
    </row>
    <row r="93301" spans="8:8">
      <c r="H93301" s="12"/>
    </row>
    <row r="93302" spans="8:8">
      <c r="H93302" s="12"/>
    </row>
    <row r="93303" spans="8:8">
      <c r="H93303" s="12"/>
    </row>
    <row r="93304" spans="8:8">
      <c r="H93304" s="12"/>
    </row>
    <row r="93305" spans="8:8">
      <c r="H93305" s="12"/>
    </row>
    <row r="93306" spans="8:8">
      <c r="H93306" s="12"/>
    </row>
    <row r="93307" spans="8:8">
      <c r="H93307" s="12"/>
    </row>
    <row r="93308" spans="8:8">
      <c r="H93308" s="12"/>
    </row>
    <row r="93309" spans="8:8">
      <c r="H93309" s="12"/>
    </row>
    <row r="93310" spans="8:8">
      <c r="H93310" s="12"/>
    </row>
    <row r="93311" spans="8:8">
      <c r="H93311" s="12"/>
    </row>
    <row r="93312" spans="8:8">
      <c r="H93312" s="12"/>
    </row>
    <row r="93313" spans="8:8">
      <c r="H93313" s="12"/>
    </row>
    <row r="93314" spans="8:8">
      <c r="H93314" s="12"/>
    </row>
    <row r="93315" spans="8:8">
      <c r="H93315" s="12"/>
    </row>
    <row r="93316" spans="8:8">
      <c r="H93316" s="12"/>
    </row>
    <row r="93317" spans="8:8">
      <c r="H93317" s="12"/>
    </row>
    <row r="93318" spans="8:8">
      <c r="H93318" s="12"/>
    </row>
    <row r="93319" spans="8:8">
      <c r="H93319" s="12"/>
    </row>
    <row r="93320" spans="8:8">
      <c r="H93320" s="12"/>
    </row>
    <row r="93321" spans="8:8">
      <c r="H93321" s="12"/>
    </row>
    <row r="93322" spans="8:8">
      <c r="H93322" s="12"/>
    </row>
    <row r="93323" spans="8:8">
      <c r="H93323" s="12"/>
    </row>
    <row r="93324" spans="8:8">
      <c r="H93324" s="12"/>
    </row>
    <row r="93325" spans="8:8">
      <c r="H93325" s="12"/>
    </row>
    <row r="93326" spans="8:8">
      <c r="H93326" s="12"/>
    </row>
    <row r="93327" spans="8:8">
      <c r="H93327" s="12"/>
    </row>
    <row r="93328" spans="8:8">
      <c r="H93328" s="12"/>
    </row>
    <row r="93329" spans="8:8">
      <c r="H93329" s="12"/>
    </row>
    <row r="93330" spans="8:8">
      <c r="H93330" s="12"/>
    </row>
    <row r="93331" spans="8:8">
      <c r="H93331" s="12"/>
    </row>
    <row r="93332" spans="8:8">
      <c r="H93332" s="12"/>
    </row>
    <row r="93333" spans="8:8">
      <c r="H93333" s="12"/>
    </row>
    <row r="93334" spans="8:8">
      <c r="H93334" s="12"/>
    </row>
    <row r="93335" spans="8:8">
      <c r="H93335" s="12"/>
    </row>
    <row r="93336" spans="8:8">
      <c r="H93336" s="12"/>
    </row>
    <row r="93337" spans="8:8">
      <c r="H93337" s="12"/>
    </row>
    <row r="93338" spans="8:8">
      <c r="H93338" s="12"/>
    </row>
    <row r="93339" spans="8:8">
      <c r="H93339" s="12"/>
    </row>
    <row r="93340" spans="8:8">
      <c r="H93340" s="12"/>
    </row>
    <row r="93341" spans="8:8">
      <c r="H93341" s="12"/>
    </row>
    <row r="93342" spans="8:8">
      <c r="H93342" s="12"/>
    </row>
    <row r="93343" spans="8:8">
      <c r="H93343" s="12"/>
    </row>
    <row r="93344" spans="8:8">
      <c r="H93344" s="12"/>
    </row>
    <row r="93345" spans="8:8">
      <c r="H93345" s="12"/>
    </row>
    <row r="93346" spans="8:8">
      <c r="H93346" s="12"/>
    </row>
    <row r="93347" spans="8:8">
      <c r="H93347" s="12"/>
    </row>
    <row r="93348" spans="8:8">
      <c r="H93348" s="12"/>
    </row>
    <row r="93349" spans="8:8">
      <c r="H93349" s="12"/>
    </row>
    <row r="93350" spans="8:8">
      <c r="H93350" s="12"/>
    </row>
    <row r="93351" spans="8:8">
      <c r="H93351" s="12"/>
    </row>
    <row r="93352" spans="8:8">
      <c r="H93352" s="12"/>
    </row>
    <row r="93353" spans="8:8">
      <c r="H93353" s="12"/>
    </row>
    <row r="93354" spans="8:8">
      <c r="H93354" s="12"/>
    </row>
    <row r="93355" spans="8:8">
      <c r="H93355" s="12"/>
    </row>
    <row r="93356" spans="8:8">
      <c r="H93356" s="12"/>
    </row>
    <row r="93357" spans="8:8">
      <c r="H93357" s="12"/>
    </row>
    <row r="93358" spans="8:8">
      <c r="H93358" s="12"/>
    </row>
    <row r="93359" spans="8:8">
      <c r="H93359" s="12"/>
    </row>
    <row r="93360" spans="8:8">
      <c r="H93360" s="12"/>
    </row>
    <row r="93361" spans="8:8">
      <c r="H93361" s="12"/>
    </row>
    <row r="93362" spans="8:8">
      <c r="H93362" s="12"/>
    </row>
    <row r="93363" spans="8:8">
      <c r="H93363" s="12"/>
    </row>
    <row r="93364" spans="8:8">
      <c r="H93364" s="12"/>
    </row>
    <row r="93365" spans="8:8">
      <c r="H93365" s="12"/>
    </row>
    <row r="93366" spans="8:8">
      <c r="H93366" s="12"/>
    </row>
    <row r="93367" spans="8:8">
      <c r="H93367" s="12"/>
    </row>
    <row r="93368" spans="8:8">
      <c r="H93368" s="12"/>
    </row>
    <row r="93369" spans="8:8">
      <c r="H93369" s="12"/>
    </row>
    <row r="93370" spans="8:8">
      <c r="H93370" s="12"/>
    </row>
    <row r="93371" spans="8:8">
      <c r="H93371" s="12"/>
    </row>
    <row r="93372" spans="8:8">
      <c r="H93372" s="12"/>
    </row>
    <row r="93373" spans="8:8">
      <c r="H93373" s="12"/>
    </row>
    <row r="93374" spans="8:8">
      <c r="H93374" s="12"/>
    </row>
    <row r="93375" spans="8:8">
      <c r="H93375" s="12"/>
    </row>
    <row r="93376" spans="8:8">
      <c r="H93376" s="12"/>
    </row>
    <row r="93377" spans="8:8">
      <c r="H93377" s="12"/>
    </row>
    <row r="93378" spans="8:8">
      <c r="H93378" s="12"/>
    </row>
    <row r="93379" spans="8:8">
      <c r="H93379" s="12"/>
    </row>
    <row r="93380" spans="8:8">
      <c r="H93380" s="12"/>
    </row>
    <row r="93381" spans="8:8">
      <c r="H93381" s="12"/>
    </row>
    <row r="93382" spans="8:8">
      <c r="H93382" s="12"/>
    </row>
    <row r="93383" spans="8:8">
      <c r="H93383" s="12"/>
    </row>
    <row r="93384" spans="8:8">
      <c r="H93384" s="12"/>
    </row>
    <row r="93385" spans="8:8">
      <c r="H93385" s="12"/>
    </row>
    <row r="93386" spans="8:8">
      <c r="H93386" s="12"/>
    </row>
    <row r="93387" spans="8:8">
      <c r="H93387" s="12"/>
    </row>
    <row r="93388" spans="8:8">
      <c r="H93388" s="12"/>
    </row>
    <row r="93389" spans="8:8">
      <c r="H93389" s="12"/>
    </row>
    <row r="93390" spans="8:8">
      <c r="H93390" s="12"/>
    </row>
    <row r="93391" spans="8:8">
      <c r="H93391" s="12"/>
    </row>
    <row r="93392" spans="8:8">
      <c r="H93392" s="12"/>
    </row>
    <row r="93393" spans="8:8">
      <c r="H93393" s="12"/>
    </row>
    <row r="93394" spans="8:8">
      <c r="H93394" s="12"/>
    </row>
    <row r="93395" spans="8:8">
      <c r="H93395" s="12"/>
    </row>
    <row r="93396" spans="8:8">
      <c r="H93396" s="12"/>
    </row>
    <row r="93397" spans="8:8">
      <c r="H93397" s="12"/>
    </row>
    <row r="93398" spans="8:8">
      <c r="H93398" s="12"/>
    </row>
    <row r="93399" spans="8:8">
      <c r="H93399" s="12"/>
    </row>
    <row r="93400" spans="8:8">
      <c r="H93400" s="12"/>
    </row>
    <row r="93401" spans="8:8">
      <c r="H93401" s="12"/>
    </row>
    <row r="93402" spans="8:8">
      <c r="H93402" s="12"/>
    </row>
    <row r="93403" spans="8:8">
      <c r="H93403" s="12"/>
    </row>
    <row r="93404" spans="8:8">
      <c r="H93404" s="12"/>
    </row>
    <row r="93405" spans="8:8">
      <c r="H93405" s="12"/>
    </row>
    <row r="93406" spans="8:8">
      <c r="H93406" s="12"/>
    </row>
    <row r="93407" spans="8:8">
      <c r="H93407" s="12"/>
    </row>
    <row r="93408" spans="8:8">
      <c r="H93408" s="12"/>
    </row>
    <row r="93409" spans="8:8">
      <c r="H93409" s="12"/>
    </row>
    <row r="93410" spans="8:8">
      <c r="H93410" s="12"/>
    </row>
    <row r="93411" spans="8:8">
      <c r="H93411" s="12"/>
    </row>
    <row r="93412" spans="8:8">
      <c r="H93412" s="12"/>
    </row>
    <row r="93413" spans="8:8">
      <c r="H93413" s="12"/>
    </row>
    <row r="93414" spans="8:8">
      <c r="H93414" s="12"/>
    </row>
    <row r="93415" spans="8:8">
      <c r="H93415" s="12"/>
    </row>
    <row r="93416" spans="8:8">
      <c r="H93416" s="12"/>
    </row>
    <row r="93417" spans="8:8">
      <c r="H93417" s="12"/>
    </row>
    <row r="93418" spans="8:8">
      <c r="H93418" s="12"/>
    </row>
    <row r="93419" spans="8:8">
      <c r="H93419" s="12"/>
    </row>
    <row r="93420" spans="8:8">
      <c r="H93420" s="12"/>
    </row>
    <row r="93421" spans="8:8">
      <c r="H93421" s="12"/>
    </row>
    <row r="93422" spans="8:8">
      <c r="H93422" s="12"/>
    </row>
    <row r="93423" spans="8:8">
      <c r="H93423" s="12"/>
    </row>
    <row r="93424" spans="8:8">
      <c r="H93424" s="12"/>
    </row>
    <row r="93425" spans="8:8">
      <c r="H93425" s="12"/>
    </row>
    <row r="93426" spans="8:8">
      <c r="H93426" s="12"/>
    </row>
    <row r="93427" spans="8:8">
      <c r="H93427" s="12"/>
    </row>
    <row r="93428" spans="8:8">
      <c r="H93428" s="12"/>
    </row>
    <row r="93429" spans="8:8">
      <c r="H93429" s="12"/>
    </row>
    <row r="93430" spans="8:8">
      <c r="H93430" s="12"/>
    </row>
    <row r="93431" spans="8:8">
      <c r="H93431" s="12"/>
    </row>
    <row r="93432" spans="8:8">
      <c r="H93432" s="12"/>
    </row>
    <row r="93433" spans="8:8">
      <c r="H93433" s="12"/>
    </row>
    <row r="93434" spans="8:8">
      <c r="H93434" s="12"/>
    </row>
    <row r="93435" spans="8:8">
      <c r="H93435" s="12"/>
    </row>
    <row r="93436" spans="8:8">
      <c r="H93436" s="12"/>
    </row>
    <row r="93437" spans="8:8">
      <c r="H93437" s="12"/>
    </row>
    <row r="93438" spans="8:8">
      <c r="H93438" s="12"/>
    </row>
    <row r="93439" spans="8:8">
      <c r="H93439" s="12"/>
    </row>
    <row r="93440" spans="8:8">
      <c r="H93440" s="12"/>
    </row>
    <row r="93441" spans="8:8">
      <c r="H93441" s="12"/>
    </row>
    <row r="93442" spans="8:8">
      <c r="H93442" s="12"/>
    </row>
    <row r="93443" spans="8:8">
      <c r="H93443" s="12"/>
    </row>
    <row r="93444" spans="8:8">
      <c r="H93444" s="12"/>
    </row>
    <row r="93445" spans="8:8">
      <c r="H93445" s="12"/>
    </row>
    <row r="93446" spans="8:8">
      <c r="H93446" s="12"/>
    </row>
    <row r="93447" spans="8:8">
      <c r="H93447" s="12"/>
    </row>
    <row r="93448" spans="8:8">
      <c r="H93448" s="12"/>
    </row>
    <row r="93449" spans="8:8">
      <c r="H93449" s="12"/>
    </row>
    <row r="93450" spans="8:8">
      <c r="H93450" s="12"/>
    </row>
    <row r="93451" spans="8:8">
      <c r="H93451" s="12"/>
    </row>
    <row r="93452" spans="8:8">
      <c r="H93452" s="12"/>
    </row>
    <row r="93453" spans="8:8">
      <c r="H93453" s="12"/>
    </row>
    <row r="93454" spans="8:8">
      <c r="H93454" s="12"/>
    </row>
    <row r="93455" spans="8:8">
      <c r="H93455" s="12"/>
    </row>
    <row r="93456" spans="8:8">
      <c r="H93456" s="12"/>
    </row>
    <row r="93457" spans="8:8">
      <c r="H93457" s="12"/>
    </row>
    <row r="93458" spans="8:8">
      <c r="H93458" s="12"/>
    </row>
    <row r="93459" spans="8:8">
      <c r="H93459" s="12"/>
    </row>
    <row r="93460" spans="8:8">
      <c r="H93460" s="12"/>
    </row>
    <row r="93461" spans="8:8">
      <c r="H93461" s="12"/>
    </row>
    <row r="93462" spans="8:8">
      <c r="H93462" s="12"/>
    </row>
    <row r="93463" spans="8:8">
      <c r="H93463" s="12"/>
    </row>
    <row r="93464" spans="8:8">
      <c r="H93464" s="12"/>
    </row>
    <row r="93465" spans="8:8">
      <c r="H93465" s="12"/>
    </row>
    <row r="93466" spans="8:8">
      <c r="H93466" s="12"/>
    </row>
    <row r="93467" spans="8:8">
      <c r="H93467" s="12"/>
    </row>
    <row r="93468" spans="8:8">
      <c r="H93468" s="12"/>
    </row>
    <row r="93469" spans="8:8">
      <c r="H93469" s="12"/>
    </row>
    <row r="93470" spans="8:8">
      <c r="H93470" s="12"/>
    </row>
    <row r="93471" spans="8:8">
      <c r="H93471" s="12"/>
    </row>
    <row r="93472" spans="8:8">
      <c r="H93472" s="12"/>
    </row>
    <row r="93473" spans="8:8">
      <c r="H93473" s="12"/>
    </row>
    <row r="93474" spans="8:8">
      <c r="H93474" s="12"/>
    </row>
    <row r="93475" spans="8:8">
      <c r="H93475" s="12"/>
    </row>
    <row r="93476" spans="8:8">
      <c r="H93476" s="12"/>
    </row>
    <row r="93477" spans="8:8">
      <c r="H93477" s="12"/>
    </row>
    <row r="93478" spans="8:8">
      <c r="H93478" s="12"/>
    </row>
    <row r="93479" spans="8:8">
      <c r="H93479" s="12"/>
    </row>
    <row r="93480" spans="8:8">
      <c r="H93480" s="12"/>
    </row>
    <row r="93481" spans="8:8">
      <c r="H93481" s="12"/>
    </row>
    <row r="93482" spans="8:8">
      <c r="H93482" s="12"/>
    </row>
    <row r="93483" spans="8:8">
      <c r="H93483" s="12"/>
    </row>
    <row r="93484" spans="8:8">
      <c r="H93484" s="12"/>
    </row>
    <row r="93485" spans="8:8">
      <c r="H93485" s="12"/>
    </row>
    <row r="93486" spans="8:8">
      <c r="H93486" s="12"/>
    </row>
    <row r="93487" spans="8:8">
      <c r="H93487" s="12"/>
    </row>
    <row r="93488" spans="8:8">
      <c r="H93488" s="12"/>
    </row>
    <row r="93489" spans="8:8">
      <c r="H93489" s="12"/>
    </row>
    <row r="93490" spans="8:8">
      <c r="H93490" s="12"/>
    </row>
    <row r="93491" spans="8:8">
      <c r="H93491" s="12"/>
    </row>
    <row r="93492" spans="8:8">
      <c r="H93492" s="12"/>
    </row>
    <row r="93493" spans="8:8">
      <c r="H93493" s="12"/>
    </row>
    <row r="93494" spans="8:8">
      <c r="H93494" s="12"/>
    </row>
    <row r="93495" spans="8:8">
      <c r="H93495" s="12"/>
    </row>
    <row r="93496" spans="8:8">
      <c r="H93496" s="12"/>
    </row>
    <row r="93497" spans="8:8">
      <c r="H93497" s="12"/>
    </row>
    <row r="93498" spans="8:8">
      <c r="H93498" s="12"/>
    </row>
    <row r="93499" spans="8:8">
      <c r="H93499" s="12"/>
    </row>
    <row r="93500" spans="8:8">
      <c r="H93500" s="12"/>
    </row>
    <row r="93501" spans="8:8">
      <c r="H93501" s="12"/>
    </row>
    <row r="93502" spans="8:8">
      <c r="H93502" s="12"/>
    </row>
    <row r="93503" spans="8:8">
      <c r="H93503" s="12"/>
    </row>
    <row r="93504" spans="8:8">
      <c r="H93504" s="12"/>
    </row>
    <row r="93505" spans="8:8">
      <c r="H93505" s="12"/>
    </row>
    <row r="93506" spans="8:8">
      <c r="H93506" s="12"/>
    </row>
    <row r="93507" spans="8:8">
      <c r="H93507" s="12"/>
    </row>
    <row r="93508" spans="8:8">
      <c r="H93508" s="12"/>
    </row>
    <row r="93509" spans="8:8">
      <c r="H93509" s="12"/>
    </row>
    <row r="93510" spans="8:8">
      <c r="H93510" s="12"/>
    </row>
    <row r="93511" spans="8:8">
      <c r="H93511" s="12"/>
    </row>
    <row r="93512" spans="8:8">
      <c r="H93512" s="12"/>
    </row>
    <row r="93513" spans="8:8">
      <c r="H93513" s="12"/>
    </row>
    <row r="93514" spans="8:8">
      <c r="H93514" s="12"/>
    </row>
    <row r="93515" spans="8:8">
      <c r="H93515" s="12"/>
    </row>
    <row r="93516" spans="8:8">
      <c r="H93516" s="12"/>
    </row>
    <row r="93517" spans="8:8">
      <c r="H93517" s="12"/>
    </row>
    <row r="93518" spans="8:8">
      <c r="H93518" s="12"/>
    </row>
    <row r="93519" spans="8:8">
      <c r="H93519" s="12"/>
    </row>
    <row r="93520" spans="8:8">
      <c r="H93520" s="12"/>
    </row>
    <row r="93521" spans="8:8">
      <c r="H93521" s="12"/>
    </row>
    <row r="93522" spans="8:8">
      <c r="H93522" s="12"/>
    </row>
    <row r="93523" spans="8:8">
      <c r="H93523" s="12"/>
    </row>
    <row r="93524" spans="8:8">
      <c r="H93524" s="12"/>
    </row>
    <row r="93525" spans="8:8">
      <c r="H93525" s="12"/>
    </row>
    <row r="93526" spans="8:8">
      <c r="H93526" s="12"/>
    </row>
    <row r="93527" spans="8:8">
      <c r="H93527" s="12"/>
    </row>
    <row r="93528" spans="8:8">
      <c r="H93528" s="12"/>
    </row>
    <row r="93529" spans="8:8">
      <c r="H93529" s="12"/>
    </row>
    <row r="93530" spans="8:8">
      <c r="H93530" s="12"/>
    </row>
    <row r="93531" spans="8:8">
      <c r="H93531" s="12"/>
    </row>
    <row r="93532" spans="8:8">
      <c r="H93532" s="12"/>
    </row>
    <row r="93533" spans="8:8">
      <c r="H93533" s="12"/>
    </row>
    <row r="93534" spans="8:8">
      <c r="H93534" s="12"/>
    </row>
    <row r="93535" spans="8:8">
      <c r="H93535" s="12"/>
    </row>
    <row r="93536" spans="8:8">
      <c r="H93536" s="12"/>
    </row>
    <row r="93537" spans="8:8">
      <c r="H93537" s="12"/>
    </row>
    <row r="93538" spans="8:8">
      <c r="H93538" s="12"/>
    </row>
    <row r="93539" spans="8:8">
      <c r="H93539" s="12"/>
    </row>
    <row r="93540" spans="8:8">
      <c r="H93540" s="12"/>
    </row>
    <row r="93541" spans="8:8">
      <c r="H93541" s="12"/>
    </row>
    <row r="93542" spans="8:8">
      <c r="H93542" s="12"/>
    </row>
    <row r="93543" spans="8:8">
      <c r="H93543" s="12"/>
    </row>
    <row r="93544" spans="8:8">
      <c r="H93544" s="12"/>
    </row>
    <row r="93545" spans="8:8">
      <c r="H93545" s="12"/>
    </row>
    <row r="93546" spans="8:8">
      <c r="H93546" s="12"/>
    </row>
    <row r="93547" spans="8:8">
      <c r="H93547" s="12"/>
    </row>
    <row r="93548" spans="8:8">
      <c r="H93548" s="12"/>
    </row>
    <row r="93549" spans="8:8">
      <c r="H93549" s="12"/>
    </row>
    <row r="93550" spans="8:8">
      <c r="H93550" s="12"/>
    </row>
    <row r="93551" spans="8:8">
      <c r="H93551" s="12"/>
    </row>
    <row r="93552" spans="8:8">
      <c r="H93552" s="12"/>
    </row>
    <row r="93553" spans="8:8">
      <c r="H93553" s="12"/>
    </row>
    <row r="93554" spans="8:8">
      <c r="H93554" s="12"/>
    </row>
    <row r="93555" spans="8:8">
      <c r="H93555" s="12"/>
    </row>
    <row r="93556" spans="8:8">
      <c r="H93556" s="12"/>
    </row>
    <row r="93557" spans="8:8">
      <c r="H93557" s="12"/>
    </row>
    <row r="93558" spans="8:8">
      <c r="H93558" s="12"/>
    </row>
    <row r="93559" spans="8:8">
      <c r="H93559" s="12"/>
    </row>
    <row r="93560" spans="8:8">
      <c r="H93560" s="12"/>
    </row>
    <row r="93561" spans="8:8">
      <c r="H93561" s="12"/>
    </row>
    <row r="93562" spans="8:8">
      <c r="H93562" s="12"/>
    </row>
    <row r="93563" spans="8:8">
      <c r="H93563" s="12"/>
    </row>
    <row r="93564" spans="8:8">
      <c r="H93564" s="12"/>
    </row>
    <row r="93565" spans="8:8">
      <c r="H93565" s="12"/>
    </row>
    <row r="93566" spans="8:8">
      <c r="H93566" s="12"/>
    </row>
    <row r="93567" spans="8:8">
      <c r="H93567" s="12"/>
    </row>
    <row r="93568" spans="8:8">
      <c r="H93568" s="12"/>
    </row>
    <row r="93569" spans="8:8">
      <c r="H93569" s="12"/>
    </row>
    <row r="93570" spans="8:8">
      <c r="H93570" s="12"/>
    </row>
    <row r="93571" spans="8:8">
      <c r="H93571" s="12"/>
    </row>
    <row r="93572" spans="8:8">
      <c r="H93572" s="12"/>
    </row>
    <row r="93573" spans="8:8">
      <c r="H93573" s="12"/>
    </row>
    <row r="93574" spans="8:8">
      <c r="H93574" s="12"/>
    </row>
    <row r="93575" spans="8:8">
      <c r="H93575" s="12"/>
    </row>
    <row r="93576" spans="8:8">
      <c r="H93576" s="12"/>
    </row>
    <row r="93577" spans="8:8">
      <c r="H93577" s="12"/>
    </row>
    <row r="93578" spans="8:8">
      <c r="H93578" s="12"/>
    </row>
    <row r="93579" spans="8:8">
      <c r="H93579" s="12"/>
    </row>
    <row r="93580" spans="8:8">
      <c r="H93580" s="12"/>
    </row>
    <row r="93581" spans="8:8">
      <c r="H93581" s="12"/>
    </row>
    <row r="93582" spans="8:8">
      <c r="H93582" s="12"/>
    </row>
    <row r="93583" spans="8:8">
      <c r="H93583" s="12"/>
    </row>
    <row r="93584" spans="8:8">
      <c r="H93584" s="12"/>
    </row>
    <row r="93585" spans="8:8">
      <c r="H93585" s="12"/>
    </row>
    <row r="93586" spans="8:8">
      <c r="H93586" s="12"/>
    </row>
    <row r="93587" spans="8:8">
      <c r="H93587" s="12"/>
    </row>
    <row r="93588" spans="8:8">
      <c r="H93588" s="12"/>
    </row>
    <row r="93589" spans="8:8">
      <c r="H93589" s="12"/>
    </row>
    <row r="93590" spans="8:8">
      <c r="H93590" s="12"/>
    </row>
    <row r="93591" spans="8:8">
      <c r="H93591" s="12"/>
    </row>
    <row r="93592" spans="8:8">
      <c r="H93592" s="12"/>
    </row>
    <row r="93593" spans="8:8">
      <c r="H93593" s="12"/>
    </row>
    <row r="93594" spans="8:8">
      <c r="H93594" s="12"/>
    </row>
    <row r="93595" spans="8:8">
      <c r="H93595" s="12"/>
    </row>
    <row r="93596" spans="8:8">
      <c r="H93596" s="12"/>
    </row>
    <row r="93597" spans="8:8">
      <c r="H93597" s="12"/>
    </row>
    <row r="93598" spans="8:8">
      <c r="H93598" s="12"/>
    </row>
    <row r="93599" spans="8:8">
      <c r="H93599" s="12"/>
    </row>
    <row r="93600" spans="8:8">
      <c r="H93600" s="12"/>
    </row>
    <row r="93601" spans="8:8">
      <c r="H93601" s="12"/>
    </row>
    <row r="93602" spans="8:8">
      <c r="H93602" s="12"/>
    </row>
    <row r="93603" spans="8:8">
      <c r="H93603" s="12"/>
    </row>
    <row r="93604" spans="8:8">
      <c r="H93604" s="12"/>
    </row>
    <row r="93605" spans="8:8">
      <c r="H93605" s="12"/>
    </row>
    <row r="93606" spans="8:8">
      <c r="H93606" s="12"/>
    </row>
    <row r="93607" spans="8:8">
      <c r="H93607" s="12"/>
    </row>
    <row r="93608" spans="8:8">
      <c r="H93608" s="12"/>
    </row>
    <row r="93609" spans="8:8">
      <c r="H93609" s="12"/>
    </row>
    <row r="93610" spans="8:8">
      <c r="H93610" s="12"/>
    </row>
    <row r="93611" spans="8:8">
      <c r="H93611" s="12"/>
    </row>
    <row r="93612" spans="8:8">
      <c r="H93612" s="12"/>
    </row>
    <row r="93613" spans="8:8">
      <c r="H93613" s="12"/>
    </row>
    <row r="93614" spans="8:8">
      <c r="H93614" s="12"/>
    </row>
    <row r="93615" spans="8:8">
      <c r="H93615" s="12"/>
    </row>
    <row r="93616" spans="8:8">
      <c r="H93616" s="12"/>
    </row>
    <row r="93617" spans="8:8">
      <c r="H93617" s="12"/>
    </row>
    <row r="93618" spans="8:8">
      <c r="H93618" s="12"/>
    </row>
    <row r="93619" spans="8:8">
      <c r="H93619" s="12"/>
    </row>
    <row r="93620" spans="8:8">
      <c r="H93620" s="12"/>
    </row>
    <row r="93621" spans="8:8">
      <c r="H93621" s="12"/>
    </row>
    <row r="93622" spans="8:8">
      <c r="H93622" s="12"/>
    </row>
    <row r="93623" spans="8:8">
      <c r="H93623" s="12"/>
    </row>
    <row r="93624" spans="8:8">
      <c r="H93624" s="12"/>
    </row>
    <row r="93625" spans="8:8">
      <c r="H93625" s="12"/>
    </row>
    <row r="93626" spans="8:8">
      <c r="H93626" s="12"/>
    </row>
    <row r="93627" spans="8:8">
      <c r="H93627" s="12"/>
    </row>
    <row r="93628" spans="8:8">
      <c r="H93628" s="12"/>
    </row>
    <row r="93629" spans="8:8">
      <c r="H93629" s="12"/>
    </row>
    <row r="93630" spans="8:8">
      <c r="H93630" s="12"/>
    </row>
    <row r="93631" spans="8:8">
      <c r="H93631" s="12"/>
    </row>
    <row r="93632" spans="8:8">
      <c r="H93632" s="12"/>
    </row>
    <row r="93633" spans="8:8">
      <c r="H93633" s="12"/>
    </row>
    <row r="93634" spans="8:8">
      <c r="H93634" s="12"/>
    </row>
    <row r="93635" spans="8:8">
      <c r="H93635" s="12"/>
    </row>
    <row r="93636" spans="8:8">
      <c r="H93636" s="12"/>
    </row>
    <row r="93637" spans="8:8">
      <c r="H93637" s="12"/>
    </row>
    <row r="93638" spans="8:8">
      <c r="H93638" s="12"/>
    </row>
    <row r="93639" spans="8:8">
      <c r="H93639" s="12"/>
    </row>
    <row r="93640" spans="8:8">
      <c r="H93640" s="12"/>
    </row>
    <row r="93641" spans="8:8">
      <c r="H93641" s="12"/>
    </row>
    <row r="93642" spans="8:8">
      <c r="H93642" s="12"/>
    </row>
    <row r="93643" spans="8:8">
      <c r="H93643" s="12"/>
    </row>
    <row r="93644" spans="8:8">
      <c r="H93644" s="12"/>
    </row>
    <row r="93645" spans="8:8">
      <c r="H93645" s="12"/>
    </row>
    <row r="93646" spans="8:8">
      <c r="H93646" s="12"/>
    </row>
    <row r="93647" spans="8:8">
      <c r="H93647" s="12"/>
    </row>
    <row r="93648" spans="8:8">
      <c r="H93648" s="12"/>
    </row>
    <row r="93649" spans="8:8">
      <c r="H93649" s="12"/>
    </row>
    <row r="93650" spans="8:8">
      <c r="H93650" s="12"/>
    </row>
    <row r="93651" spans="8:8">
      <c r="H93651" s="12"/>
    </row>
    <row r="93652" spans="8:8">
      <c r="H93652" s="12"/>
    </row>
    <row r="93653" spans="8:8">
      <c r="H93653" s="12"/>
    </row>
    <row r="93654" spans="8:8">
      <c r="H93654" s="12"/>
    </row>
    <row r="93655" spans="8:8">
      <c r="H93655" s="12"/>
    </row>
    <row r="93656" spans="8:8">
      <c r="H93656" s="12"/>
    </row>
    <row r="93657" spans="8:8">
      <c r="H93657" s="12"/>
    </row>
    <row r="93658" spans="8:8">
      <c r="H93658" s="12"/>
    </row>
    <row r="93659" spans="8:8">
      <c r="H93659" s="12"/>
    </row>
    <row r="93660" spans="8:8">
      <c r="H93660" s="12"/>
    </row>
    <row r="93661" spans="8:8">
      <c r="H93661" s="12"/>
    </row>
    <row r="93662" spans="8:8">
      <c r="H93662" s="12"/>
    </row>
    <row r="93663" spans="8:8">
      <c r="H93663" s="12"/>
    </row>
    <row r="93664" spans="8:8">
      <c r="H93664" s="12"/>
    </row>
    <row r="93665" spans="8:8">
      <c r="H93665" s="12"/>
    </row>
    <row r="93666" spans="8:8">
      <c r="H93666" s="12"/>
    </row>
    <row r="93667" spans="8:8">
      <c r="H93667" s="12"/>
    </row>
    <row r="93668" spans="8:8">
      <c r="H93668" s="12"/>
    </row>
    <row r="93669" spans="8:8">
      <c r="H93669" s="12"/>
    </row>
    <row r="93670" spans="8:8">
      <c r="H93670" s="12"/>
    </row>
    <row r="93671" spans="8:8">
      <c r="H93671" s="12"/>
    </row>
    <row r="93672" spans="8:8">
      <c r="H93672" s="12"/>
    </row>
    <row r="93673" spans="8:8">
      <c r="H93673" s="12"/>
    </row>
    <row r="93674" spans="8:8">
      <c r="H93674" s="12"/>
    </row>
    <row r="93675" spans="8:8">
      <c r="H93675" s="12"/>
    </row>
    <row r="93676" spans="8:8">
      <c r="H93676" s="12"/>
    </row>
    <row r="93677" spans="8:8">
      <c r="H93677" s="12"/>
    </row>
    <row r="93678" spans="8:8">
      <c r="H93678" s="12"/>
    </row>
    <row r="93679" spans="8:8">
      <c r="H93679" s="12"/>
    </row>
    <row r="93680" spans="8:8">
      <c r="H93680" s="12"/>
    </row>
    <row r="93681" spans="8:8">
      <c r="H93681" s="12"/>
    </row>
    <row r="93682" spans="8:8">
      <c r="H93682" s="12"/>
    </row>
    <row r="93683" spans="8:8">
      <c r="H93683" s="12"/>
    </row>
    <row r="93684" spans="8:8">
      <c r="H93684" s="12"/>
    </row>
    <row r="93685" spans="8:8">
      <c r="H93685" s="12"/>
    </row>
    <row r="93686" spans="8:8">
      <c r="H93686" s="12"/>
    </row>
    <row r="93687" spans="8:8">
      <c r="H93687" s="12"/>
    </row>
    <row r="93688" spans="8:8">
      <c r="H93688" s="12"/>
    </row>
    <row r="93689" spans="8:8">
      <c r="H93689" s="12"/>
    </row>
    <row r="93690" spans="8:8">
      <c r="H93690" s="12"/>
    </row>
    <row r="93691" spans="8:8">
      <c r="H93691" s="12"/>
    </row>
    <row r="93692" spans="8:8">
      <c r="H93692" s="12"/>
    </row>
    <row r="93693" spans="8:8">
      <c r="H93693" s="12"/>
    </row>
    <row r="93694" spans="8:8">
      <c r="H93694" s="12"/>
    </row>
    <row r="93695" spans="8:8">
      <c r="H93695" s="12"/>
    </row>
    <row r="93696" spans="8:8">
      <c r="H93696" s="12"/>
    </row>
    <row r="93697" spans="8:8">
      <c r="H93697" s="12"/>
    </row>
    <row r="93698" spans="8:8">
      <c r="H93698" s="12"/>
    </row>
    <row r="93699" spans="8:8">
      <c r="H93699" s="12"/>
    </row>
    <row r="93700" spans="8:8">
      <c r="H93700" s="12"/>
    </row>
    <row r="93701" spans="8:8">
      <c r="H93701" s="12"/>
    </row>
    <row r="93702" spans="8:8">
      <c r="H93702" s="12"/>
    </row>
    <row r="93703" spans="8:8">
      <c r="H93703" s="12"/>
    </row>
    <row r="93704" spans="8:8">
      <c r="H93704" s="12"/>
    </row>
    <row r="93705" spans="8:8">
      <c r="H93705" s="12"/>
    </row>
    <row r="93706" spans="8:8">
      <c r="H93706" s="12"/>
    </row>
    <row r="93707" spans="8:8">
      <c r="H93707" s="12"/>
    </row>
    <row r="93708" spans="8:8">
      <c r="H93708" s="12"/>
    </row>
    <row r="93709" spans="8:8">
      <c r="H93709" s="12"/>
    </row>
    <row r="93710" spans="8:8">
      <c r="H93710" s="12"/>
    </row>
    <row r="93711" spans="8:8">
      <c r="H93711" s="12"/>
    </row>
    <row r="93712" spans="8:8">
      <c r="H93712" s="12"/>
    </row>
    <row r="93713" spans="8:8">
      <c r="H93713" s="12"/>
    </row>
    <row r="93714" spans="8:8">
      <c r="H93714" s="12"/>
    </row>
    <row r="93715" spans="8:8">
      <c r="H93715" s="12"/>
    </row>
    <row r="93716" spans="8:8">
      <c r="H93716" s="12"/>
    </row>
    <row r="93717" spans="8:8">
      <c r="H93717" s="12"/>
    </row>
    <row r="93718" spans="8:8">
      <c r="H93718" s="12"/>
    </row>
    <row r="93719" spans="8:8">
      <c r="H93719" s="12"/>
    </row>
    <row r="93720" spans="8:8">
      <c r="H93720" s="12"/>
    </row>
    <row r="93721" spans="8:8">
      <c r="H93721" s="12"/>
    </row>
    <row r="93722" spans="8:8">
      <c r="H93722" s="12"/>
    </row>
    <row r="93723" spans="8:8">
      <c r="H93723" s="12"/>
    </row>
    <row r="93724" spans="8:8">
      <c r="H93724" s="12"/>
    </row>
    <row r="93725" spans="8:8">
      <c r="H93725" s="12"/>
    </row>
    <row r="93726" spans="8:8">
      <c r="H93726" s="12"/>
    </row>
    <row r="93727" spans="8:8">
      <c r="H93727" s="12"/>
    </row>
    <row r="93728" spans="8:8">
      <c r="H93728" s="12"/>
    </row>
    <row r="93729" spans="8:8">
      <c r="H93729" s="12"/>
    </row>
    <row r="93730" spans="8:8">
      <c r="H93730" s="12"/>
    </row>
    <row r="93731" spans="8:8">
      <c r="H93731" s="12"/>
    </row>
    <row r="93732" spans="8:8">
      <c r="H93732" s="12"/>
    </row>
    <row r="93733" spans="8:8">
      <c r="H93733" s="12"/>
    </row>
    <row r="93734" spans="8:8">
      <c r="H93734" s="12"/>
    </row>
    <row r="93735" spans="8:8">
      <c r="H93735" s="12"/>
    </row>
    <row r="93736" spans="8:8">
      <c r="H93736" s="12"/>
    </row>
    <row r="93737" spans="8:8">
      <c r="H93737" s="12"/>
    </row>
    <row r="93738" spans="8:8">
      <c r="H93738" s="12"/>
    </row>
    <row r="93739" spans="8:8">
      <c r="H93739" s="12"/>
    </row>
    <row r="93740" spans="8:8">
      <c r="H93740" s="12"/>
    </row>
    <row r="93741" spans="8:8">
      <c r="H93741" s="12"/>
    </row>
    <row r="93742" spans="8:8">
      <c r="H93742" s="12"/>
    </row>
    <row r="93743" spans="8:8">
      <c r="H93743" s="12"/>
    </row>
    <row r="93744" spans="8:8">
      <c r="H93744" s="12"/>
    </row>
    <row r="93745" spans="8:8">
      <c r="H93745" s="12"/>
    </row>
    <row r="93746" spans="8:8">
      <c r="H93746" s="12"/>
    </row>
    <row r="93747" spans="8:8">
      <c r="H93747" s="12"/>
    </row>
    <row r="93748" spans="8:8">
      <c r="H93748" s="12"/>
    </row>
    <row r="93749" spans="8:8">
      <c r="H93749" s="12"/>
    </row>
    <row r="93750" spans="8:8">
      <c r="H93750" s="12"/>
    </row>
    <row r="93751" spans="8:8">
      <c r="H93751" s="12"/>
    </row>
    <row r="93752" spans="8:8">
      <c r="H93752" s="12"/>
    </row>
    <row r="93753" spans="8:8">
      <c r="H93753" s="12"/>
    </row>
    <row r="93754" spans="8:8">
      <c r="H93754" s="12"/>
    </row>
    <row r="93755" spans="8:8">
      <c r="H93755" s="12"/>
    </row>
    <row r="93756" spans="8:8">
      <c r="H93756" s="12"/>
    </row>
    <row r="93757" spans="8:8">
      <c r="H93757" s="12"/>
    </row>
    <row r="93758" spans="8:8">
      <c r="H93758" s="12"/>
    </row>
    <row r="93759" spans="8:8">
      <c r="H93759" s="12"/>
    </row>
    <row r="93760" spans="8:8">
      <c r="H93760" s="12"/>
    </row>
    <row r="93761" spans="8:8">
      <c r="H93761" s="12"/>
    </row>
    <row r="93762" spans="8:8">
      <c r="H93762" s="12"/>
    </row>
    <row r="93763" spans="8:8">
      <c r="H93763" s="12"/>
    </row>
    <row r="93764" spans="8:8">
      <c r="H93764" s="12"/>
    </row>
    <row r="93765" spans="8:8">
      <c r="H93765" s="12"/>
    </row>
    <row r="93766" spans="8:8">
      <c r="H93766" s="12"/>
    </row>
    <row r="93767" spans="8:8">
      <c r="H93767" s="12"/>
    </row>
    <row r="93768" spans="8:8">
      <c r="H93768" s="12"/>
    </row>
    <row r="93769" spans="8:8">
      <c r="H93769" s="12"/>
    </row>
    <row r="93770" spans="8:8">
      <c r="H93770" s="12"/>
    </row>
    <row r="93771" spans="8:8">
      <c r="H93771" s="12"/>
    </row>
    <row r="93772" spans="8:8">
      <c r="H93772" s="12"/>
    </row>
    <row r="93773" spans="8:8">
      <c r="H93773" s="12"/>
    </row>
    <row r="93774" spans="8:8">
      <c r="H93774" s="12"/>
    </row>
    <row r="93775" spans="8:8">
      <c r="H93775" s="12"/>
    </row>
    <row r="93776" spans="8:8">
      <c r="H93776" s="12"/>
    </row>
    <row r="93777" spans="8:8">
      <c r="H93777" s="12"/>
    </row>
    <row r="93778" spans="8:8">
      <c r="H93778" s="12"/>
    </row>
    <row r="93779" spans="8:8">
      <c r="H93779" s="12"/>
    </row>
    <row r="93780" spans="8:8">
      <c r="H93780" s="12"/>
    </row>
    <row r="93781" spans="8:8">
      <c r="H93781" s="12"/>
    </row>
    <row r="93782" spans="8:8">
      <c r="H93782" s="12"/>
    </row>
    <row r="93783" spans="8:8">
      <c r="H93783" s="12"/>
    </row>
    <row r="93784" spans="8:8">
      <c r="H93784" s="12"/>
    </row>
    <row r="93785" spans="8:8">
      <c r="H93785" s="12"/>
    </row>
    <row r="93786" spans="8:8">
      <c r="H93786" s="12"/>
    </row>
    <row r="93787" spans="8:8">
      <c r="H93787" s="12"/>
    </row>
    <row r="93788" spans="8:8">
      <c r="H93788" s="12"/>
    </row>
    <row r="93789" spans="8:8">
      <c r="H93789" s="12"/>
    </row>
    <row r="93790" spans="8:8">
      <c r="H93790" s="12"/>
    </row>
    <row r="93791" spans="8:8">
      <c r="H93791" s="12"/>
    </row>
    <row r="93792" spans="8:8">
      <c r="H93792" s="12"/>
    </row>
    <row r="93793" spans="8:8">
      <c r="H93793" s="12"/>
    </row>
    <row r="93794" spans="8:8">
      <c r="H93794" s="12"/>
    </row>
    <row r="93795" spans="8:8">
      <c r="H93795" s="12"/>
    </row>
    <row r="93796" spans="8:8">
      <c r="H93796" s="12"/>
    </row>
    <row r="93797" spans="8:8">
      <c r="H93797" s="12"/>
    </row>
    <row r="93798" spans="8:8">
      <c r="H93798" s="12"/>
    </row>
    <row r="93799" spans="8:8">
      <c r="H93799" s="12"/>
    </row>
    <row r="93800" spans="8:8">
      <c r="H93800" s="12"/>
    </row>
    <row r="93801" spans="8:8">
      <c r="H93801" s="12"/>
    </row>
    <row r="93802" spans="8:8">
      <c r="H93802" s="12"/>
    </row>
    <row r="93803" spans="8:8">
      <c r="H93803" s="12"/>
    </row>
    <row r="93804" spans="8:8">
      <c r="H93804" s="12"/>
    </row>
    <row r="93805" spans="8:8">
      <c r="H93805" s="12"/>
    </row>
    <row r="93806" spans="8:8">
      <c r="H93806" s="12"/>
    </row>
    <row r="93807" spans="8:8">
      <c r="H93807" s="12"/>
    </row>
    <row r="93808" spans="8:8">
      <c r="H93808" s="12"/>
    </row>
    <row r="93809" spans="8:8">
      <c r="H93809" s="12"/>
    </row>
    <row r="93810" spans="8:8">
      <c r="H93810" s="12"/>
    </row>
    <row r="93811" spans="8:8">
      <c r="H93811" s="12"/>
    </row>
    <row r="93812" spans="8:8">
      <c r="H93812" s="12"/>
    </row>
    <row r="93813" spans="8:8">
      <c r="H93813" s="12"/>
    </row>
    <row r="93814" spans="8:8">
      <c r="H93814" s="12"/>
    </row>
    <row r="93815" spans="8:8">
      <c r="H93815" s="12"/>
    </row>
    <row r="93816" spans="8:8">
      <c r="H93816" s="12"/>
    </row>
    <row r="93817" spans="8:8">
      <c r="H93817" s="12"/>
    </row>
    <row r="93818" spans="8:8">
      <c r="H93818" s="12"/>
    </row>
    <row r="93819" spans="8:8">
      <c r="H93819" s="12"/>
    </row>
    <row r="93820" spans="8:8">
      <c r="H93820" s="12"/>
    </row>
    <row r="93821" spans="8:8">
      <c r="H93821" s="12"/>
    </row>
    <row r="93822" spans="8:8">
      <c r="H93822" s="12"/>
    </row>
    <row r="93823" spans="8:8">
      <c r="H93823" s="12"/>
    </row>
    <row r="93824" spans="8:8">
      <c r="H93824" s="12"/>
    </row>
    <row r="93825" spans="8:8">
      <c r="H93825" s="12"/>
    </row>
    <row r="93826" spans="8:8">
      <c r="H93826" s="12"/>
    </row>
    <row r="93827" spans="8:8">
      <c r="H93827" s="12"/>
    </row>
    <row r="93828" spans="8:8">
      <c r="H93828" s="12"/>
    </row>
    <row r="93829" spans="8:8">
      <c r="H93829" s="12"/>
    </row>
    <row r="93830" spans="8:8">
      <c r="H93830" s="12"/>
    </row>
    <row r="93831" spans="8:8">
      <c r="H93831" s="12"/>
    </row>
    <row r="93832" spans="8:8">
      <c r="H93832" s="12"/>
    </row>
    <row r="93833" spans="8:8">
      <c r="H93833" s="12"/>
    </row>
    <row r="93834" spans="8:8">
      <c r="H93834" s="12"/>
    </row>
    <row r="93835" spans="8:8">
      <c r="H93835" s="12"/>
    </row>
    <row r="93836" spans="8:8">
      <c r="H93836" s="12"/>
    </row>
    <row r="93837" spans="8:8">
      <c r="H93837" s="12"/>
    </row>
    <row r="93838" spans="8:8">
      <c r="H93838" s="12"/>
    </row>
    <row r="93839" spans="8:8">
      <c r="H93839" s="12"/>
    </row>
    <row r="93840" spans="8:8">
      <c r="H93840" s="12"/>
    </row>
    <row r="93841" spans="8:8">
      <c r="H93841" s="12"/>
    </row>
    <row r="93842" spans="8:8">
      <c r="H93842" s="12"/>
    </row>
    <row r="93843" spans="8:8">
      <c r="H93843" s="12"/>
    </row>
    <row r="93844" spans="8:8">
      <c r="H93844" s="12"/>
    </row>
    <row r="93845" spans="8:8">
      <c r="H93845" s="12"/>
    </row>
    <row r="93846" spans="8:8">
      <c r="H93846" s="12"/>
    </row>
    <row r="93847" spans="8:8">
      <c r="H93847" s="12"/>
    </row>
    <row r="93848" spans="8:8">
      <c r="H93848" s="12"/>
    </row>
    <row r="93849" spans="8:8">
      <c r="H93849" s="12"/>
    </row>
    <row r="93850" spans="8:8">
      <c r="H93850" s="12"/>
    </row>
    <row r="93851" spans="8:8">
      <c r="H93851" s="12"/>
    </row>
    <row r="93852" spans="8:8">
      <c r="H93852" s="12"/>
    </row>
    <row r="93853" spans="8:8">
      <c r="H93853" s="12"/>
    </row>
    <row r="93854" spans="8:8">
      <c r="H93854" s="12"/>
    </row>
    <row r="93855" spans="8:8">
      <c r="H93855" s="12"/>
    </row>
    <row r="93856" spans="8:8">
      <c r="H93856" s="12"/>
    </row>
    <row r="93857" spans="8:8">
      <c r="H93857" s="12"/>
    </row>
    <row r="93858" spans="8:8">
      <c r="H93858" s="12"/>
    </row>
    <row r="93859" spans="8:8">
      <c r="H93859" s="12"/>
    </row>
    <row r="93860" spans="8:8">
      <c r="H93860" s="12"/>
    </row>
    <row r="93861" spans="8:8">
      <c r="H93861" s="12"/>
    </row>
    <row r="93862" spans="8:8">
      <c r="H93862" s="12"/>
    </row>
    <row r="93863" spans="8:8">
      <c r="H93863" s="12"/>
    </row>
    <row r="93864" spans="8:8">
      <c r="H93864" s="12"/>
    </row>
    <row r="93865" spans="8:8">
      <c r="H93865" s="12"/>
    </row>
    <row r="93866" spans="8:8">
      <c r="H93866" s="12"/>
    </row>
    <row r="93867" spans="8:8">
      <c r="H93867" s="12"/>
    </row>
    <row r="93868" spans="8:8">
      <c r="H93868" s="12"/>
    </row>
    <row r="93869" spans="8:8">
      <c r="H93869" s="12"/>
    </row>
    <row r="93870" spans="8:8">
      <c r="H93870" s="12"/>
    </row>
    <row r="93871" spans="8:8">
      <c r="H93871" s="12"/>
    </row>
    <row r="93872" spans="8:8">
      <c r="H93872" s="12"/>
    </row>
    <row r="93873" spans="8:8">
      <c r="H93873" s="12"/>
    </row>
    <row r="93874" spans="8:8">
      <c r="H93874" s="12"/>
    </row>
    <row r="93875" spans="8:8">
      <c r="H93875" s="12"/>
    </row>
    <row r="93876" spans="8:8">
      <c r="H93876" s="12"/>
    </row>
    <row r="93877" spans="8:8">
      <c r="H93877" s="12"/>
    </row>
    <row r="93878" spans="8:8">
      <c r="H93878" s="12"/>
    </row>
    <row r="93879" spans="8:8">
      <c r="H93879" s="12"/>
    </row>
    <row r="93880" spans="8:8">
      <c r="H93880" s="12"/>
    </row>
    <row r="93881" spans="8:8">
      <c r="H93881" s="12"/>
    </row>
    <row r="93882" spans="8:8">
      <c r="H93882" s="12"/>
    </row>
    <row r="93883" spans="8:8">
      <c r="H93883" s="12"/>
    </row>
    <row r="93884" spans="8:8">
      <c r="H93884" s="12"/>
    </row>
    <row r="93885" spans="8:8">
      <c r="H93885" s="12"/>
    </row>
    <row r="93886" spans="8:8">
      <c r="H93886" s="12"/>
    </row>
    <row r="93887" spans="8:8">
      <c r="H93887" s="12"/>
    </row>
    <row r="93888" spans="8:8">
      <c r="H93888" s="12"/>
    </row>
    <row r="93889" spans="8:8">
      <c r="H93889" s="12"/>
    </row>
    <row r="93890" spans="8:8">
      <c r="H93890" s="12"/>
    </row>
    <row r="93891" spans="8:8">
      <c r="H93891" s="12"/>
    </row>
    <row r="93892" spans="8:8">
      <c r="H93892" s="12"/>
    </row>
    <row r="93893" spans="8:8">
      <c r="H93893" s="12"/>
    </row>
    <row r="93894" spans="8:8">
      <c r="H93894" s="12"/>
    </row>
    <row r="93895" spans="8:8">
      <c r="H93895" s="12"/>
    </row>
    <row r="93896" spans="8:8">
      <c r="H93896" s="12"/>
    </row>
    <row r="93897" spans="8:8">
      <c r="H93897" s="12"/>
    </row>
    <row r="93898" spans="8:8">
      <c r="H93898" s="12"/>
    </row>
    <row r="93899" spans="8:8">
      <c r="H93899" s="12"/>
    </row>
    <row r="93900" spans="8:8">
      <c r="H93900" s="12"/>
    </row>
    <row r="93901" spans="8:8">
      <c r="H93901" s="12"/>
    </row>
    <row r="93902" spans="8:8">
      <c r="H93902" s="12"/>
    </row>
    <row r="93903" spans="8:8">
      <c r="H93903" s="12"/>
    </row>
    <row r="93904" spans="8:8">
      <c r="H93904" s="12"/>
    </row>
    <row r="93905" spans="8:8">
      <c r="H93905" s="12"/>
    </row>
    <row r="93906" spans="8:8">
      <c r="H93906" s="12"/>
    </row>
    <row r="93907" spans="8:8">
      <c r="H93907" s="12"/>
    </row>
    <row r="93908" spans="8:8">
      <c r="H93908" s="12"/>
    </row>
    <row r="93909" spans="8:8">
      <c r="H93909" s="12"/>
    </row>
    <row r="93910" spans="8:8">
      <c r="H93910" s="12"/>
    </row>
    <row r="93911" spans="8:8">
      <c r="H93911" s="12"/>
    </row>
    <row r="93912" spans="8:8">
      <c r="H93912" s="12"/>
    </row>
    <row r="93913" spans="8:8">
      <c r="H93913" s="12"/>
    </row>
    <row r="93914" spans="8:8">
      <c r="H93914" s="12"/>
    </row>
    <row r="93915" spans="8:8">
      <c r="H93915" s="12"/>
    </row>
    <row r="93916" spans="8:8">
      <c r="H93916" s="12"/>
    </row>
    <row r="93917" spans="8:8">
      <c r="H93917" s="12"/>
    </row>
    <row r="93918" spans="8:8">
      <c r="H93918" s="12"/>
    </row>
    <row r="93919" spans="8:8">
      <c r="H93919" s="12"/>
    </row>
    <row r="93920" spans="8:8">
      <c r="H93920" s="12"/>
    </row>
    <row r="93921" spans="8:8">
      <c r="H93921" s="12"/>
    </row>
    <row r="93922" spans="8:8">
      <c r="H93922" s="12"/>
    </row>
    <row r="93923" spans="8:8">
      <c r="H93923" s="12"/>
    </row>
    <row r="93924" spans="8:8">
      <c r="H93924" s="12"/>
    </row>
    <row r="93925" spans="8:8">
      <c r="H93925" s="12"/>
    </row>
    <row r="93926" spans="8:8">
      <c r="H93926" s="12"/>
    </row>
    <row r="93927" spans="8:8">
      <c r="H93927" s="12"/>
    </row>
    <row r="93928" spans="8:8">
      <c r="H93928" s="12"/>
    </row>
    <row r="93929" spans="8:8">
      <c r="H93929" s="12"/>
    </row>
    <row r="93930" spans="8:8">
      <c r="H93930" s="12"/>
    </row>
    <row r="93931" spans="8:8">
      <c r="H93931" s="12"/>
    </row>
    <row r="93932" spans="8:8">
      <c r="H93932" s="12"/>
    </row>
    <row r="93933" spans="8:8">
      <c r="H93933" s="12"/>
    </row>
    <row r="93934" spans="8:8">
      <c r="H93934" s="12"/>
    </row>
    <row r="93935" spans="8:8">
      <c r="H93935" s="12"/>
    </row>
    <row r="93936" spans="8:8">
      <c r="H93936" s="12"/>
    </row>
    <row r="93937" spans="8:8">
      <c r="H93937" s="12"/>
    </row>
    <row r="93938" spans="8:8">
      <c r="H93938" s="12"/>
    </row>
    <row r="93939" spans="8:8">
      <c r="H93939" s="12"/>
    </row>
    <row r="93940" spans="8:8">
      <c r="H93940" s="12"/>
    </row>
    <row r="93941" spans="8:8">
      <c r="H93941" s="12"/>
    </row>
    <row r="93942" spans="8:8">
      <c r="H93942" s="12"/>
    </row>
    <row r="93943" spans="8:8">
      <c r="H93943" s="12"/>
    </row>
    <row r="93944" spans="8:8">
      <c r="H93944" s="12"/>
    </row>
    <row r="93945" spans="8:8">
      <c r="H93945" s="12"/>
    </row>
    <row r="93946" spans="8:8">
      <c r="H93946" s="12"/>
    </row>
    <row r="93947" spans="8:8">
      <c r="H93947" s="12"/>
    </row>
    <row r="93948" spans="8:8">
      <c r="H93948" s="12"/>
    </row>
    <row r="93949" spans="8:8">
      <c r="H93949" s="12"/>
    </row>
    <row r="93950" spans="8:8">
      <c r="H93950" s="12"/>
    </row>
    <row r="93951" spans="8:8">
      <c r="H93951" s="12"/>
    </row>
    <row r="93952" spans="8:8">
      <c r="H93952" s="12"/>
    </row>
    <row r="93953" spans="8:8">
      <c r="H93953" s="12"/>
    </row>
    <row r="93954" spans="8:8">
      <c r="H93954" s="12"/>
    </row>
    <row r="93955" spans="8:8">
      <c r="H93955" s="12"/>
    </row>
    <row r="93956" spans="8:8">
      <c r="H93956" s="12"/>
    </row>
    <row r="93957" spans="8:8">
      <c r="H93957" s="12"/>
    </row>
    <row r="93958" spans="8:8">
      <c r="H93958" s="12"/>
    </row>
    <row r="93959" spans="8:8">
      <c r="H93959" s="12"/>
    </row>
    <row r="93960" spans="8:8">
      <c r="H93960" s="12"/>
    </row>
    <row r="93961" spans="8:8">
      <c r="H93961" s="12"/>
    </row>
    <row r="93962" spans="8:8">
      <c r="H93962" s="12"/>
    </row>
    <row r="93963" spans="8:8">
      <c r="H93963" s="12"/>
    </row>
    <row r="93964" spans="8:8">
      <c r="H93964" s="12"/>
    </row>
    <row r="93965" spans="8:8">
      <c r="H93965" s="12"/>
    </row>
    <row r="93966" spans="8:8">
      <c r="H93966" s="12"/>
    </row>
    <row r="93967" spans="8:8">
      <c r="H93967" s="12"/>
    </row>
    <row r="93968" spans="8:8">
      <c r="H93968" s="12"/>
    </row>
    <row r="93969" spans="8:8">
      <c r="H93969" s="12"/>
    </row>
    <row r="93970" spans="8:8">
      <c r="H93970" s="12"/>
    </row>
    <row r="93971" spans="8:8">
      <c r="H93971" s="12"/>
    </row>
    <row r="93972" spans="8:8">
      <c r="H93972" s="12"/>
    </row>
    <row r="93973" spans="8:8">
      <c r="H93973" s="12"/>
    </row>
    <row r="93974" spans="8:8">
      <c r="H93974" s="12"/>
    </row>
    <row r="93975" spans="8:8">
      <c r="H93975" s="12"/>
    </row>
    <row r="93976" spans="8:8">
      <c r="H93976" s="12"/>
    </row>
    <row r="93977" spans="8:8">
      <c r="H93977" s="12"/>
    </row>
    <row r="93978" spans="8:8">
      <c r="H93978" s="12"/>
    </row>
    <row r="93979" spans="8:8">
      <c r="H93979" s="12"/>
    </row>
    <row r="93980" spans="8:8">
      <c r="H93980" s="12"/>
    </row>
    <row r="93981" spans="8:8">
      <c r="H93981" s="12"/>
    </row>
    <row r="93982" spans="8:8">
      <c r="H93982" s="12"/>
    </row>
    <row r="93983" spans="8:8">
      <c r="H93983" s="12"/>
    </row>
    <row r="93984" spans="8:8">
      <c r="H93984" s="12"/>
    </row>
    <row r="93985" spans="8:8">
      <c r="H93985" s="12"/>
    </row>
    <row r="93986" spans="8:8">
      <c r="H93986" s="12"/>
    </row>
    <row r="93987" spans="8:8">
      <c r="H93987" s="12"/>
    </row>
    <row r="93988" spans="8:8">
      <c r="H93988" s="12"/>
    </row>
    <row r="93989" spans="8:8">
      <c r="H93989" s="12"/>
    </row>
    <row r="93990" spans="8:8">
      <c r="H93990" s="12"/>
    </row>
    <row r="93991" spans="8:8">
      <c r="H93991" s="12"/>
    </row>
    <row r="93992" spans="8:8">
      <c r="H93992" s="12"/>
    </row>
    <row r="93993" spans="8:8">
      <c r="H93993" s="12"/>
    </row>
    <row r="93994" spans="8:8">
      <c r="H93994" s="12"/>
    </row>
    <row r="93995" spans="8:8">
      <c r="H93995" s="12"/>
    </row>
    <row r="93996" spans="8:8">
      <c r="H93996" s="12"/>
    </row>
    <row r="93997" spans="8:8">
      <c r="H93997" s="12"/>
    </row>
    <row r="93998" spans="8:8">
      <c r="H93998" s="12"/>
    </row>
    <row r="93999" spans="8:8">
      <c r="H93999" s="12"/>
    </row>
    <row r="94000" spans="8:8">
      <c r="H94000" s="12"/>
    </row>
    <row r="94001" spans="8:8">
      <c r="H94001" s="12"/>
    </row>
    <row r="94002" spans="8:8">
      <c r="H94002" s="12"/>
    </row>
    <row r="94003" spans="8:8">
      <c r="H94003" s="12"/>
    </row>
    <row r="94004" spans="8:8">
      <c r="H94004" s="12"/>
    </row>
    <row r="94005" spans="8:8">
      <c r="H94005" s="12"/>
    </row>
    <row r="94006" spans="8:8">
      <c r="H94006" s="12"/>
    </row>
    <row r="94007" spans="8:8">
      <c r="H94007" s="12"/>
    </row>
    <row r="94008" spans="8:8">
      <c r="H94008" s="12"/>
    </row>
    <row r="94009" spans="8:8">
      <c r="H94009" s="12"/>
    </row>
    <row r="94010" spans="8:8">
      <c r="H94010" s="12"/>
    </row>
    <row r="94011" spans="8:8">
      <c r="H94011" s="12"/>
    </row>
    <row r="94012" spans="8:8">
      <c r="H94012" s="12"/>
    </row>
    <row r="94013" spans="8:8">
      <c r="H94013" s="12"/>
    </row>
    <row r="94014" spans="8:8">
      <c r="H94014" s="12"/>
    </row>
    <row r="94015" spans="8:8">
      <c r="H94015" s="12"/>
    </row>
    <row r="94016" spans="8:8">
      <c r="H94016" s="12"/>
    </row>
    <row r="94017" spans="8:8">
      <c r="H94017" s="12"/>
    </row>
    <row r="94018" spans="8:8">
      <c r="H94018" s="12"/>
    </row>
    <row r="94019" spans="8:8">
      <c r="H94019" s="12"/>
    </row>
    <row r="94020" spans="8:8">
      <c r="H94020" s="12"/>
    </row>
    <row r="94021" spans="8:8">
      <c r="H94021" s="12"/>
    </row>
    <row r="94022" spans="8:8">
      <c r="H94022" s="12"/>
    </row>
    <row r="94023" spans="8:8">
      <c r="H94023" s="12"/>
    </row>
    <row r="94024" spans="8:8">
      <c r="H94024" s="12"/>
    </row>
    <row r="94025" spans="8:8">
      <c r="H94025" s="12"/>
    </row>
    <row r="94026" spans="8:8">
      <c r="H94026" s="12"/>
    </row>
    <row r="94027" spans="8:8">
      <c r="H94027" s="12"/>
    </row>
    <row r="94028" spans="8:8">
      <c r="H94028" s="12"/>
    </row>
    <row r="94029" spans="8:8">
      <c r="H94029" s="12"/>
    </row>
    <row r="94030" spans="8:8">
      <c r="H94030" s="12"/>
    </row>
    <row r="94031" spans="8:8">
      <c r="H94031" s="12"/>
    </row>
    <row r="94032" spans="8:8">
      <c r="H94032" s="12"/>
    </row>
    <row r="94033" spans="8:8">
      <c r="H94033" s="12"/>
    </row>
    <row r="94034" spans="8:8">
      <c r="H94034" s="12"/>
    </row>
    <row r="94035" spans="8:8">
      <c r="H94035" s="12"/>
    </row>
    <row r="94036" spans="8:8">
      <c r="H94036" s="12"/>
    </row>
    <row r="94037" spans="8:8">
      <c r="H94037" s="12"/>
    </row>
    <row r="94038" spans="8:8">
      <c r="H94038" s="12"/>
    </row>
    <row r="94039" spans="8:8">
      <c r="H94039" s="12"/>
    </row>
    <row r="94040" spans="8:8">
      <c r="H94040" s="12"/>
    </row>
    <row r="94041" spans="8:8">
      <c r="H94041" s="12"/>
    </row>
    <row r="94042" spans="8:8">
      <c r="H94042" s="12"/>
    </row>
    <row r="94043" spans="8:8">
      <c r="H94043" s="12"/>
    </row>
    <row r="94044" spans="8:8">
      <c r="H94044" s="12"/>
    </row>
    <row r="94045" spans="8:8">
      <c r="H94045" s="12"/>
    </row>
    <row r="94046" spans="8:8">
      <c r="H94046" s="12"/>
    </row>
    <row r="94047" spans="8:8">
      <c r="H94047" s="12"/>
    </row>
    <row r="94048" spans="8:8">
      <c r="H94048" s="12"/>
    </row>
    <row r="94049" spans="8:8">
      <c r="H94049" s="12"/>
    </row>
    <row r="94050" spans="8:8">
      <c r="H94050" s="12"/>
    </row>
    <row r="94051" spans="8:8">
      <c r="H94051" s="12"/>
    </row>
    <row r="94052" spans="8:8">
      <c r="H94052" s="12"/>
    </row>
    <row r="94053" spans="8:8">
      <c r="H94053" s="12"/>
    </row>
    <row r="94054" spans="8:8">
      <c r="H94054" s="12"/>
    </row>
    <row r="94055" spans="8:8">
      <c r="H94055" s="12"/>
    </row>
    <row r="94056" spans="8:8">
      <c r="H94056" s="12"/>
    </row>
    <row r="94057" spans="8:8">
      <c r="H94057" s="12"/>
    </row>
    <row r="94058" spans="8:8">
      <c r="H94058" s="12"/>
    </row>
    <row r="94059" spans="8:8">
      <c r="H94059" s="12"/>
    </row>
    <row r="94060" spans="8:8">
      <c r="H94060" s="12"/>
    </row>
    <row r="94061" spans="8:8">
      <c r="H94061" s="12"/>
    </row>
    <row r="94062" spans="8:8">
      <c r="H94062" s="12"/>
    </row>
    <row r="94063" spans="8:8">
      <c r="H94063" s="12"/>
    </row>
    <row r="94064" spans="8:8">
      <c r="H94064" s="12"/>
    </row>
    <row r="94065" spans="8:8">
      <c r="H94065" s="12"/>
    </row>
    <row r="94066" spans="8:8">
      <c r="H94066" s="12"/>
    </row>
    <row r="94067" spans="8:8">
      <c r="H94067" s="12"/>
    </row>
    <row r="94068" spans="8:8">
      <c r="H94068" s="12"/>
    </row>
    <row r="94069" spans="8:8">
      <c r="H94069" s="12"/>
    </row>
    <row r="94070" spans="8:8">
      <c r="H94070" s="12"/>
    </row>
    <row r="94071" spans="8:8">
      <c r="H94071" s="12"/>
    </row>
    <row r="94072" spans="8:8">
      <c r="H94072" s="12"/>
    </row>
    <row r="94073" spans="8:8">
      <c r="H94073" s="12"/>
    </row>
    <row r="94074" spans="8:8">
      <c r="H94074" s="12"/>
    </row>
    <row r="94075" spans="8:8">
      <c r="H94075" s="12"/>
    </row>
    <row r="94076" spans="8:8">
      <c r="H94076" s="12"/>
    </row>
    <row r="94077" spans="8:8">
      <c r="H94077" s="12"/>
    </row>
    <row r="94078" spans="8:8">
      <c r="H94078" s="12"/>
    </row>
    <row r="94079" spans="8:8">
      <c r="H94079" s="12"/>
    </row>
    <row r="94080" spans="8:8">
      <c r="H94080" s="12"/>
    </row>
    <row r="94081" spans="8:8">
      <c r="H94081" s="12"/>
    </row>
    <row r="94082" spans="8:8">
      <c r="H94082" s="12"/>
    </row>
    <row r="94083" spans="8:8">
      <c r="H94083" s="12"/>
    </row>
    <row r="94084" spans="8:8">
      <c r="H94084" s="12"/>
    </row>
    <row r="94085" spans="8:8">
      <c r="H94085" s="12"/>
    </row>
    <row r="94086" spans="8:8">
      <c r="H94086" s="12"/>
    </row>
    <row r="94087" spans="8:8">
      <c r="H94087" s="12"/>
    </row>
    <row r="94088" spans="8:8">
      <c r="H94088" s="12"/>
    </row>
    <row r="94089" spans="8:8">
      <c r="H94089" s="12"/>
    </row>
    <row r="94090" spans="8:8">
      <c r="H94090" s="12"/>
    </row>
    <row r="94091" spans="8:8">
      <c r="H94091" s="12"/>
    </row>
    <row r="94092" spans="8:8">
      <c r="H94092" s="12"/>
    </row>
    <row r="94093" spans="8:8">
      <c r="H94093" s="12"/>
    </row>
    <row r="94094" spans="8:8">
      <c r="H94094" s="12"/>
    </row>
    <row r="94095" spans="8:8">
      <c r="H94095" s="12"/>
    </row>
    <row r="94096" spans="8:8">
      <c r="H94096" s="12"/>
    </row>
    <row r="94097" spans="8:8">
      <c r="H94097" s="12"/>
    </row>
    <row r="94098" spans="8:8">
      <c r="H94098" s="12"/>
    </row>
    <row r="94099" spans="8:8">
      <c r="H94099" s="12"/>
    </row>
    <row r="94100" spans="8:8">
      <c r="H94100" s="12"/>
    </row>
    <row r="94101" spans="8:8">
      <c r="H94101" s="12"/>
    </row>
    <row r="94102" spans="8:8">
      <c r="H94102" s="12"/>
    </row>
    <row r="94103" spans="8:8">
      <c r="H94103" s="12"/>
    </row>
    <row r="94104" spans="8:8">
      <c r="H94104" s="12"/>
    </row>
    <row r="94105" spans="8:8">
      <c r="H94105" s="12"/>
    </row>
    <row r="94106" spans="8:8">
      <c r="H94106" s="12"/>
    </row>
    <row r="94107" spans="8:8">
      <c r="H94107" s="12"/>
    </row>
    <row r="94108" spans="8:8">
      <c r="H94108" s="12"/>
    </row>
    <row r="94109" spans="8:8">
      <c r="H94109" s="12"/>
    </row>
    <row r="94110" spans="8:8">
      <c r="H94110" s="12"/>
    </row>
    <row r="94111" spans="8:8">
      <c r="H94111" s="12"/>
    </row>
    <row r="94112" spans="8:8">
      <c r="H94112" s="12"/>
    </row>
    <row r="94113" spans="8:8">
      <c r="H94113" s="12"/>
    </row>
    <row r="94114" spans="8:8">
      <c r="H94114" s="12"/>
    </row>
    <row r="94115" spans="8:8">
      <c r="H94115" s="12"/>
    </row>
    <row r="94116" spans="8:8">
      <c r="H94116" s="12"/>
    </row>
    <row r="94117" spans="8:8">
      <c r="H94117" s="12"/>
    </row>
    <row r="94118" spans="8:8">
      <c r="H94118" s="12"/>
    </row>
    <row r="94119" spans="8:8">
      <c r="H94119" s="12"/>
    </row>
    <row r="94120" spans="8:8">
      <c r="H94120" s="12"/>
    </row>
    <row r="94121" spans="8:8">
      <c r="H94121" s="12"/>
    </row>
    <row r="94122" spans="8:8">
      <c r="H94122" s="12"/>
    </row>
    <row r="94123" spans="8:8">
      <c r="H94123" s="12"/>
    </row>
    <row r="94124" spans="8:8">
      <c r="H94124" s="12"/>
    </row>
    <row r="94125" spans="8:8">
      <c r="H94125" s="12"/>
    </row>
    <row r="94126" spans="8:8">
      <c r="H94126" s="12"/>
    </row>
    <row r="94127" spans="8:8">
      <c r="H94127" s="12"/>
    </row>
    <row r="94128" spans="8:8">
      <c r="H94128" s="12"/>
    </row>
    <row r="94129" spans="8:8">
      <c r="H94129" s="12"/>
    </row>
    <row r="94130" spans="8:8">
      <c r="H94130" s="12"/>
    </row>
    <row r="94131" spans="8:8">
      <c r="H94131" s="12"/>
    </row>
    <row r="94132" spans="8:8">
      <c r="H94132" s="12"/>
    </row>
    <row r="94133" spans="8:8">
      <c r="H94133" s="12"/>
    </row>
    <row r="94134" spans="8:8">
      <c r="H94134" s="12"/>
    </row>
    <row r="94135" spans="8:8">
      <c r="H94135" s="12"/>
    </row>
    <row r="94136" spans="8:8">
      <c r="H94136" s="12"/>
    </row>
    <row r="94137" spans="8:8">
      <c r="H94137" s="12"/>
    </row>
    <row r="94138" spans="8:8">
      <c r="H94138" s="12"/>
    </row>
    <row r="94139" spans="8:8">
      <c r="H94139" s="12"/>
    </row>
    <row r="94140" spans="8:8">
      <c r="H94140" s="12"/>
    </row>
    <row r="94141" spans="8:8">
      <c r="H94141" s="12"/>
    </row>
    <row r="94142" spans="8:8">
      <c r="H94142" s="12"/>
    </row>
    <row r="94143" spans="8:8">
      <c r="H94143" s="12"/>
    </row>
    <row r="94144" spans="8:8">
      <c r="H94144" s="12"/>
    </row>
    <row r="94145" spans="8:8">
      <c r="H94145" s="12"/>
    </row>
    <row r="94146" spans="8:8">
      <c r="H94146" s="12"/>
    </row>
    <row r="94147" spans="8:8">
      <c r="H94147" s="12"/>
    </row>
    <row r="94148" spans="8:8">
      <c r="H94148" s="12"/>
    </row>
    <row r="94149" spans="8:8">
      <c r="H94149" s="12"/>
    </row>
    <row r="94150" spans="8:8">
      <c r="H94150" s="12"/>
    </row>
    <row r="94151" spans="8:8">
      <c r="H94151" s="12"/>
    </row>
    <row r="94152" spans="8:8">
      <c r="H94152" s="12"/>
    </row>
    <row r="94153" spans="8:8">
      <c r="H94153" s="12"/>
    </row>
    <row r="94154" spans="8:8">
      <c r="H94154" s="12"/>
    </row>
    <row r="94155" spans="8:8">
      <c r="H94155" s="12"/>
    </row>
    <row r="94156" spans="8:8">
      <c r="H94156" s="12"/>
    </row>
    <row r="94157" spans="8:8">
      <c r="H94157" s="12"/>
    </row>
    <row r="94158" spans="8:8">
      <c r="H94158" s="12"/>
    </row>
    <row r="94159" spans="8:8">
      <c r="H94159" s="12"/>
    </row>
    <row r="94160" spans="8:8">
      <c r="H94160" s="12"/>
    </row>
    <row r="94161" spans="8:8">
      <c r="H94161" s="12"/>
    </row>
    <row r="94162" spans="8:8">
      <c r="H94162" s="12"/>
    </row>
    <row r="94163" spans="8:8">
      <c r="H94163" s="12"/>
    </row>
    <row r="94164" spans="8:8">
      <c r="H94164" s="12"/>
    </row>
    <row r="94165" spans="8:8">
      <c r="H94165" s="12"/>
    </row>
    <row r="94166" spans="8:8">
      <c r="H94166" s="12"/>
    </row>
    <row r="94167" spans="8:8">
      <c r="H94167" s="12"/>
    </row>
    <row r="94168" spans="8:8">
      <c r="H94168" s="12"/>
    </row>
    <row r="94169" spans="8:8">
      <c r="H94169" s="12"/>
    </row>
    <row r="94170" spans="8:8">
      <c r="H94170" s="12"/>
    </row>
    <row r="94171" spans="8:8">
      <c r="H94171" s="12"/>
    </row>
    <row r="94172" spans="8:8">
      <c r="H94172" s="12"/>
    </row>
    <row r="94173" spans="8:8">
      <c r="H94173" s="12"/>
    </row>
    <row r="94174" spans="8:8">
      <c r="H94174" s="12"/>
    </row>
    <row r="94175" spans="8:8">
      <c r="H94175" s="12"/>
    </row>
    <row r="94176" spans="8:8">
      <c r="H94176" s="12"/>
    </row>
    <row r="94177" spans="8:8">
      <c r="H94177" s="12"/>
    </row>
    <row r="94178" spans="8:8">
      <c r="H94178" s="12"/>
    </row>
    <row r="94179" spans="8:8">
      <c r="H94179" s="12"/>
    </row>
    <row r="94180" spans="8:8">
      <c r="H94180" s="12"/>
    </row>
    <row r="94181" spans="8:8">
      <c r="H94181" s="12"/>
    </row>
    <row r="94182" spans="8:8">
      <c r="H94182" s="12"/>
    </row>
    <row r="94183" spans="8:8">
      <c r="H94183" s="12"/>
    </row>
    <row r="94184" spans="8:8">
      <c r="H94184" s="12"/>
    </row>
    <row r="94185" spans="8:8">
      <c r="H94185" s="12"/>
    </row>
    <row r="94186" spans="8:8">
      <c r="H94186" s="12"/>
    </row>
    <row r="94187" spans="8:8">
      <c r="H94187" s="12"/>
    </row>
    <row r="94188" spans="8:8">
      <c r="H94188" s="12"/>
    </row>
    <row r="94189" spans="8:8">
      <c r="H94189" s="12"/>
    </row>
    <row r="94190" spans="8:8">
      <c r="H94190" s="12"/>
    </row>
    <row r="94191" spans="8:8">
      <c r="H94191" s="12"/>
    </row>
    <row r="94192" spans="8:8">
      <c r="H94192" s="12"/>
    </row>
    <row r="94193" spans="8:8">
      <c r="H94193" s="12"/>
    </row>
    <row r="94194" spans="8:8">
      <c r="H94194" s="12"/>
    </row>
    <row r="94195" spans="8:8">
      <c r="H94195" s="12"/>
    </row>
    <row r="94196" spans="8:8">
      <c r="H94196" s="12"/>
    </row>
    <row r="94197" spans="8:8">
      <c r="H94197" s="12"/>
    </row>
    <row r="94198" spans="8:8">
      <c r="H94198" s="12"/>
    </row>
    <row r="94199" spans="8:8">
      <c r="H94199" s="12"/>
    </row>
    <row r="94200" spans="8:8">
      <c r="H94200" s="12"/>
    </row>
    <row r="94201" spans="8:8">
      <c r="H94201" s="12"/>
    </row>
    <row r="94202" spans="8:8">
      <c r="H94202" s="12"/>
    </row>
    <row r="94203" spans="8:8">
      <c r="H94203" s="12"/>
    </row>
    <row r="94204" spans="8:8">
      <c r="H94204" s="12"/>
    </row>
    <row r="94205" spans="8:8">
      <c r="H94205" s="12"/>
    </row>
    <row r="94206" spans="8:8">
      <c r="H94206" s="12"/>
    </row>
    <row r="94207" spans="8:8">
      <c r="H94207" s="12"/>
    </row>
    <row r="94208" spans="8:8">
      <c r="H94208" s="12"/>
    </row>
    <row r="94209" spans="8:8">
      <c r="H94209" s="12"/>
    </row>
    <row r="94210" spans="8:8">
      <c r="H94210" s="12"/>
    </row>
    <row r="94211" spans="8:8">
      <c r="H94211" s="12"/>
    </row>
    <row r="94212" spans="8:8">
      <c r="H94212" s="12"/>
    </row>
    <row r="94213" spans="8:8">
      <c r="H94213" s="12"/>
    </row>
    <row r="94214" spans="8:8">
      <c r="H94214" s="12"/>
    </row>
    <row r="94215" spans="8:8">
      <c r="H94215" s="12"/>
    </row>
    <row r="94216" spans="8:8">
      <c r="H94216" s="12"/>
    </row>
    <row r="94217" spans="8:8">
      <c r="H94217" s="12"/>
    </row>
    <row r="94218" spans="8:8">
      <c r="H94218" s="12"/>
    </row>
    <row r="94219" spans="8:8">
      <c r="H94219" s="12"/>
    </row>
    <row r="94220" spans="8:8">
      <c r="H94220" s="12"/>
    </row>
    <row r="94221" spans="8:8">
      <c r="H94221" s="12"/>
    </row>
    <row r="94222" spans="8:8">
      <c r="H94222" s="12"/>
    </row>
    <row r="94223" spans="8:8">
      <c r="H94223" s="12"/>
    </row>
    <row r="94224" spans="8:8">
      <c r="H94224" s="12"/>
    </row>
    <row r="94225" spans="8:8">
      <c r="H94225" s="12"/>
    </row>
    <row r="94226" spans="8:8">
      <c r="H94226" s="12"/>
    </row>
    <row r="94227" spans="8:8">
      <c r="H94227" s="12"/>
    </row>
    <row r="94228" spans="8:8">
      <c r="H94228" s="12"/>
    </row>
    <row r="94229" spans="8:8">
      <c r="H94229" s="12"/>
    </row>
    <row r="94230" spans="8:8">
      <c r="H94230" s="12"/>
    </row>
    <row r="94231" spans="8:8">
      <c r="H94231" s="12"/>
    </row>
    <row r="94232" spans="8:8">
      <c r="H94232" s="12"/>
    </row>
    <row r="94233" spans="8:8">
      <c r="H94233" s="12"/>
    </row>
    <row r="94234" spans="8:8">
      <c r="H94234" s="12"/>
    </row>
    <row r="94235" spans="8:8">
      <c r="H94235" s="12"/>
    </row>
    <row r="94236" spans="8:8">
      <c r="H94236" s="12"/>
    </row>
    <row r="94237" spans="8:8">
      <c r="H94237" s="12"/>
    </row>
    <row r="94238" spans="8:8">
      <c r="H94238" s="12"/>
    </row>
    <row r="94239" spans="8:8">
      <c r="H94239" s="12"/>
    </row>
    <row r="94240" spans="8:8">
      <c r="H94240" s="12"/>
    </row>
    <row r="94241" spans="8:8">
      <c r="H94241" s="12"/>
    </row>
    <row r="94242" spans="8:8">
      <c r="H94242" s="12"/>
    </row>
    <row r="94243" spans="8:8">
      <c r="H94243" s="12"/>
    </row>
    <row r="94244" spans="8:8">
      <c r="H94244" s="12"/>
    </row>
    <row r="94245" spans="8:8">
      <c r="H94245" s="12"/>
    </row>
    <row r="94246" spans="8:8">
      <c r="H94246" s="12"/>
    </row>
    <row r="94247" spans="8:8">
      <c r="H94247" s="12"/>
    </row>
    <row r="94248" spans="8:8">
      <c r="H94248" s="12"/>
    </row>
    <row r="94249" spans="8:8">
      <c r="H94249" s="12"/>
    </row>
    <row r="94250" spans="8:8">
      <c r="H94250" s="12"/>
    </row>
    <row r="94251" spans="8:8">
      <c r="H94251" s="12"/>
    </row>
    <row r="94252" spans="8:8">
      <c r="H94252" s="12"/>
    </row>
    <row r="94253" spans="8:8">
      <c r="H94253" s="12"/>
    </row>
    <row r="94254" spans="8:8">
      <c r="H94254" s="12"/>
    </row>
    <row r="94255" spans="8:8">
      <c r="H94255" s="12"/>
    </row>
    <row r="94256" spans="8:8">
      <c r="H94256" s="12"/>
    </row>
    <row r="94257" spans="8:8">
      <c r="H94257" s="12"/>
    </row>
    <row r="94258" spans="8:8">
      <c r="H94258" s="12"/>
    </row>
    <row r="94259" spans="8:8">
      <c r="H94259" s="12"/>
    </row>
    <row r="94260" spans="8:8">
      <c r="H94260" s="12"/>
    </row>
    <row r="94261" spans="8:8">
      <c r="H94261" s="12"/>
    </row>
    <row r="94262" spans="8:8">
      <c r="H94262" s="12"/>
    </row>
    <row r="94263" spans="8:8">
      <c r="H94263" s="12"/>
    </row>
    <row r="94264" spans="8:8">
      <c r="H94264" s="12"/>
    </row>
    <row r="94265" spans="8:8">
      <c r="H94265" s="12"/>
    </row>
    <row r="94266" spans="8:8">
      <c r="H94266" s="12"/>
    </row>
    <row r="94267" spans="8:8">
      <c r="H94267" s="12"/>
    </row>
    <row r="94268" spans="8:8">
      <c r="H94268" s="12"/>
    </row>
    <row r="94269" spans="8:8">
      <c r="H94269" s="12"/>
    </row>
    <row r="94270" spans="8:8">
      <c r="H94270" s="12"/>
    </row>
    <row r="94271" spans="8:8">
      <c r="H94271" s="12"/>
    </row>
    <row r="94272" spans="8:8">
      <c r="H94272" s="12"/>
    </row>
    <row r="94273" spans="8:8">
      <c r="H94273" s="12"/>
    </row>
    <row r="94274" spans="8:8">
      <c r="H94274" s="12"/>
    </row>
    <row r="94275" spans="8:8">
      <c r="H94275" s="12"/>
    </row>
    <row r="94276" spans="8:8">
      <c r="H94276" s="12"/>
    </row>
    <row r="94277" spans="8:8">
      <c r="H94277" s="12"/>
    </row>
    <row r="94278" spans="8:8">
      <c r="H94278" s="12"/>
    </row>
    <row r="94279" spans="8:8">
      <c r="H94279" s="12"/>
    </row>
    <row r="94280" spans="8:8">
      <c r="H94280" s="12"/>
    </row>
    <row r="94281" spans="8:8">
      <c r="H94281" s="12"/>
    </row>
    <row r="94282" spans="8:8">
      <c r="H94282" s="12"/>
    </row>
    <row r="94283" spans="8:8">
      <c r="H94283" s="12"/>
    </row>
    <row r="94284" spans="8:8">
      <c r="H94284" s="12"/>
    </row>
    <row r="94285" spans="8:8">
      <c r="H94285" s="12"/>
    </row>
    <row r="94286" spans="8:8">
      <c r="H94286" s="12"/>
    </row>
    <row r="94287" spans="8:8">
      <c r="H94287" s="12"/>
    </row>
    <row r="94288" spans="8:8">
      <c r="H94288" s="12"/>
    </row>
    <row r="94289" spans="8:8">
      <c r="H94289" s="12"/>
    </row>
    <row r="94290" spans="8:8">
      <c r="H94290" s="12"/>
    </row>
    <row r="94291" spans="8:8">
      <c r="H94291" s="12"/>
    </row>
    <row r="94292" spans="8:8">
      <c r="H94292" s="12"/>
    </row>
    <row r="94293" spans="8:8">
      <c r="H94293" s="12"/>
    </row>
    <row r="94294" spans="8:8">
      <c r="H94294" s="12"/>
    </row>
    <row r="94295" spans="8:8">
      <c r="H94295" s="12"/>
    </row>
    <row r="94296" spans="8:8">
      <c r="H94296" s="12"/>
    </row>
    <row r="94297" spans="8:8">
      <c r="H94297" s="12"/>
    </row>
    <row r="94298" spans="8:8">
      <c r="H94298" s="12"/>
    </row>
    <row r="94299" spans="8:8">
      <c r="H94299" s="12"/>
    </row>
    <row r="94300" spans="8:8">
      <c r="H94300" s="12"/>
    </row>
    <row r="94301" spans="8:8">
      <c r="H94301" s="12"/>
    </row>
    <row r="94302" spans="8:8">
      <c r="H94302" s="12"/>
    </row>
    <row r="94303" spans="8:8">
      <c r="H94303" s="12"/>
    </row>
    <row r="94304" spans="8:8">
      <c r="H94304" s="12"/>
    </row>
    <row r="94305" spans="8:8">
      <c r="H94305" s="12"/>
    </row>
    <row r="94306" spans="8:8">
      <c r="H94306" s="12"/>
    </row>
    <row r="94307" spans="8:8">
      <c r="H94307" s="12"/>
    </row>
    <row r="94308" spans="8:8">
      <c r="H94308" s="12"/>
    </row>
    <row r="94309" spans="8:8">
      <c r="H94309" s="12"/>
    </row>
    <row r="94310" spans="8:8">
      <c r="H94310" s="12"/>
    </row>
    <row r="94311" spans="8:8">
      <c r="H94311" s="12"/>
    </row>
    <row r="94312" spans="8:8">
      <c r="H94312" s="12"/>
    </row>
    <row r="94313" spans="8:8">
      <c r="H94313" s="12"/>
    </row>
    <row r="94314" spans="8:8">
      <c r="H94314" s="12"/>
    </row>
    <row r="94315" spans="8:8">
      <c r="H94315" s="12"/>
    </row>
    <row r="94316" spans="8:8">
      <c r="H94316" s="12"/>
    </row>
    <row r="94317" spans="8:8">
      <c r="H94317" s="12"/>
    </row>
    <row r="94318" spans="8:8">
      <c r="H94318" s="12"/>
    </row>
    <row r="94319" spans="8:8">
      <c r="H94319" s="12"/>
    </row>
    <row r="94320" spans="8:8">
      <c r="H94320" s="12"/>
    </row>
    <row r="94321" spans="8:8">
      <c r="H94321" s="12"/>
    </row>
    <row r="94322" spans="8:8">
      <c r="H94322" s="12"/>
    </row>
    <row r="94323" spans="8:8">
      <c r="H94323" s="12"/>
    </row>
    <row r="94324" spans="8:8">
      <c r="H94324" s="12"/>
    </row>
    <row r="94325" spans="8:8">
      <c r="H94325" s="12"/>
    </row>
    <row r="94326" spans="8:8">
      <c r="H94326" s="12"/>
    </row>
    <row r="94327" spans="8:8">
      <c r="H94327" s="12"/>
    </row>
    <row r="94328" spans="8:8">
      <c r="H94328" s="12"/>
    </row>
    <row r="94329" spans="8:8">
      <c r="H94329" s="12"/>
    </row>
    <row r="94330" spans="8:8">
      <c r="H94330" s="12"/>
    </row>
    <row r="94331" spans="8:8">
      <c r="H94331" s="12"/>
    </row>
    <row r="94332" spans="8:8">
      <c r="H94332" s="12"/>
    </row>
    <row r="94333" spans="8:8">
      <c r="H94333" s="12"/>
    </row>
    <row r="94334" spans="8:8">
      <c r="H94334" s="12"/>
    </row>
    <row r="94335" spans="8:8">
      <c r="H94335" s="12"/>
    </row>
    <row r="94336" spans="8:8">
      <c r="H94336" s="12"/>
    </row>
    <row r="94337" spans="8:8">
      <c r="H94337" s="12"/>
    </row>
    <row r="94338" spans="8:8">
      <c r="H94338" s="12"/>
    </row>
    <row r="94339" spans="8:8">
      <c r="H94339" s="12"/>
    </row>
    <row r="94340" spans="8:8">
      <c r="H94340" s="12"/>
    </row>
    <row r="94341" spans="8:8">
      <c r="H94341" s="12"/>
    </row>
    <row r="94342" spans="8:8">
      <c r="H94342" s="12"/>
    </row>
    <row r="94343" spans="8:8">
      <c r="H94343" s="12"/>
    </row>
    <row r="94344" spans="8:8">
      <c r="H94344" s="12"/>
    </row>
    <row r="94345" spans="8:8">
      <c r="H94345" s="12"/>
    </row>
    <row r="94346" spans="8:8">
      <c r="H94346" s="12"/>
    </row>
    <row r="94347" spans="8:8">
      <c r="H94347" s="12"/>
    </row>
    <row r="94348" spans="8:8">
      <c r="H94348" s="12"/>
    </row>
    <row r="94349" spans="8:8">
      <c r="H94349" s="12"/>
    </row>
    <row r="94350" spans="8:8">
      <c r="H94350" s="12"/>
    </row>
    <row r="94351" spans="8:8">
      <c r="H94351" s="12"/>
    </row>
    <row r="94352" spans="8:8">
      <c r="H94352" s="12"/>
    </row>
    <row r="94353" spans="8:8">
      <c r="H94353" s="12"/>
    </row>
    <row r="94354" spans="8:8">
      <c r="H94354" s="12"/>
    </row>
    <row r="94355" spans="8:8">
      <c r="H94355" s="12"/>
    </row>
    <row r="94356" spans="8:8">
      <c r="H94356" s="12"/>
    </row>
    <row r="94357" spans="8:8">
      <c r="H94357" s="12"/>
    </row>
    <row r="94358" spans="8:8">
      <c r="H94358" s="12"/>
    </row>
    <row r="94359" spans="8:8">
      <c r="H94359" s="12"/>
    </row>
    <row r="94360" spans="8:8">
      <c r="H94360" s="12"/>
    </row>
    <row r="94361" spans="8:8">
      <c r="H94361" s="12"/>
    </row>
    <row r="94362" spans="8:8">
      <c r="H94362" s="12"/>
    </row>
    <row r="94363" spans="8:8">
      <c r="H94363" s="12"/>
    </row>
    <row r="94364" spans="8:8">
      <c r="H94364" s="12"/>
    </row>
    <row r="94365" spans="8:8">
      <c r="H94365" s="12"/>
    </row>
    <row r="94366" spans="8:8">
      <c r="H94366" s="12"/>
    </row>
    <row r="94367" spans="8:8">
      <c r="H94367" s="12"/>
    </row>
    <row r="94368" spans="8:8">
      <c r="H94368" s="12"/>
    </row>
    <row r="94369" spans="8:8">
      <c r="H94369" s="12"/>
    </row>
    <row r="94370" spans="8:8">
      <c r="H94370" s="12"/>
    </row>
    <row r="94371" spans="8:8">
      <c r="H94371" s="12"/>
    </row>
    <row r="94372" spans="8:8">
      <c r="H94372" s="12"/>
    </row>
    <row r="94373" spans="8:8">
      <c r="H94373" s="12"/>
    </row>
    <row r="94374" spans="8:8">
      <c r="H94374" s="12"/>
    </row>
    <row r="94375" spans="8:8">
      <c r="H94375" s="12"/>
    </row>
    <row r="94376" spans="8:8">
      <c r="H94376" s="12"/>
    </row>
    <row r="94377" spans="8:8">
      <c r="H94377" s="12"/>
    </row>
    <row r="94378" spans="8:8">
      <c r="H94378" s="12"/>
    </row>
    <row r="94379" spans="8:8">
      <c r="H94379" s="12"/>
    </row>
    <row r="94380" spans="8:8">
      <c r="H94380" s="12"/>
    </row>
    <row r="94381" spans="8:8">
      <c r="H94381" s="12"/>
    </row>
    <row r="94382" spans="8:8">
      <c r="H94382" s="12"/>
    </row>
    <row r="94383" spans="8:8">
      <c r="H94383" s="12"/>
    </row>
    <row r="94384" spans="8:8">
      <c r="H94384" s="12"/>
    </row>
    <row r="94385" spans="8:8">
      <c r="H94385" s="12"/>
    </row>
    <row r="94386" spans="8:8">
      <c r="H94386" s="12"/>
    </row>
    <row r="94387" spans="8:8">
      <c r="H94387" s="12"/>
    </row>
    <row r="94388" spans="8:8">
      <c r="H94388" s="12"/>
    </row>
    <row r="94389" spans="8:8">
      <c r="H94389" s="12"/>
    </row>
    <row r="94390" spans="8:8">
      <c r="H94390" s="12"/>
    </row>
    <row r="94391" spans="8:8">
      <c r="H94391" s="12"/>
    </row>
    <row r="94392" spans="8:8">
      <c r="H94392" s="12"/>
    </row>
    <row r="94393" spans="8:8">
      <c r="H94393" s="12"/>
    </row>
    <row r="94394" spans="8:8">
      <c r="H94394" s="12"/>
    </row>
    <row r="94395" spans="8:8">
      <c r="H94395" s="12"/>
    </row>
    <row r="94396" spans="8:8">
      <c r="H94396" s="12"/>
    </row>
    <row r="94397" spans="8:8">
      <c r="H94397" s="12"/>
    </row>
    <row r="94398" spans="8:8">
      <c r="H94398" s="12"/>
    </row>
    <row r="94399" spans="8:8">
      <c r="H94399" s="12"/>
    </row>
    <row r="94400" spans="8:8">
      <c r="H94400" s="12"/>
    </row>
    <row r="94401" spans="8:8">
      <c r="H94401" s="12"/>
    </row>
    <row r="94402" spans="8:8">
      <c r="H94402" s="12"/>
    </row>
    <row r="94403" spans="8:8">
      <c r="H94403" s="12"/>
    </row>
    <row r="94404" spans="8:8">
      <c r="H94404" s="12"/>
    </row>
    <row r="94405" spans="8:8">
      <c r="H94405" s="12"/>
    </row>
    <row r="94406" spans="8:8">
      <c r="H94406" s="12"/>
    </row>
    <row r="94407" spans="8:8">
      <c r="H94407" s="12"/>
    </row>
    <row r="94408" spans="8:8">
      <c r="H94408" s="12"/>
    </row>
    <row r="94409" spans="8:8">
      <c r="H94409" s="12"/>
    </row>
    <row r="94410" spans="8:8">
      <c r="H94410" s="12"/>
    </row>
    <row r="94411" spans="8:8">
      <c r="H94411" s="12"/>
    </row>
    <row r="94412" spans="8:8">
      <c r="H94412" s="12"/>
    </row>
    <row r="94413" spans="8:8">
      <c r="H94413" s="12"/>
    </row>
    <row r="94414" spans="8:8">
      <c r="H94414" s="12"/>
    </row>
    <row r="94415" spans="8:8">
      <c r="H94415" s="12"/>
    </row>
    <row r="94416" spans="8:8">
      <c r="H94416" s="12"/>
    </row>
    <row r="94417" spans="8:8">
      <c r="H94417" s="12"/>
    </row>
    <row r="94418" spans="8:8">
      <c r="H94418" s="12"/>
    </row>
    <row r="94419" spans="8:8">
      <c r="H94419" s="12"/>
    </row>
    <row r="94420" spans="8:8">
      <c r="H94420" s="12"/>
    </row>
    <row r="94421" spans="8:8">
      <c r="H94421" s="12"/>
    </row>
    <row r="94422" spans="8:8">
      <c r="H94422" s="12"/>
    </row>
    <row r="94423" spans="8:8">
      <c r="H94423" s="12"/>
    </row>
    <row r="94424" spans="8:8">
      <c r="H94424" s="12"/>
    </row>
    <row r="94425" spans="8:8">
      <c r="H94425" s="12"/>
    </row>
    <row r="94426" spans="8:8">
      <c r="H94426" s="12"/>
    </row>
    <row r="94427" spans="8:8">
      <c r="H94427" s="12"/>
    </row>
    <row r="94428" spans="8:8">
      <c r="H94428" s="12"/>
    </row>
    <row r="94429" spans="8:8">
      <c r="H94429" s="12"/>
    </row>
    <row r="94430" spans="8:8">
      <c r="H94430" s="12"/>
    </row>
    <row r="94431" spans="8:8">
      <c r="H94431" s="12"/>
    </row>
    <row r="94432" spans="8:8">
      <c r="H94432" s="12"/>
    </row>
    <row r="94433" spans="8:8">
      <c r="H94433" s="12"/>
    </row>
    <row r="94434" spans="8:8">
      <c r="H94434" s="12"/>
    </row>
    <row r="94435" spans="8:8">
      <c r="H94435" s="12"/>
    </row>
    <row r="94436" spans="8:8">
      <c r="H94436" s="12"/>
    </row>
    <row r="94437" spans="8:8">
      <c r="H94437" s="12"/>
    </row>
    <row r="94438" spans="8:8">
      <c r="H94438" s="12"/>
    </row>
    <row r="94439" spans="8:8">
      <c r="H94439" s="12"/>
    </row>
    <row r="94440" spans="8:8">
      <c r="H94440" s="12"/>
    </row>
    <row r="94441" spans="8:8">
      <c r="H94441" s="12"/>
    </row>
    <row r="94442" spans="8:8">
      <c r="H94442" s="12"/>
    </row>
    <row r="94443" spans="8:8">
      <c r="H94443" s="12"/>
    </row>
    <row r="94444" spans="8:8">
      <c r="H94444" s="12"/>
    </row>
    <row r="94445" spans="8:8">
      <c r="H94445" s="12"/>
    </row>
    <row r="94446" spans="8:8">
      <c r="H94446" s="12"/>
    </row>
    <row r="94447" spans="8:8">
      <c r="H94447" s="12"/>
    </row>
    <row r="94448" spans="8:8">
      <c r="H94448" s="12"/>
    </row>
    <row r="94449" spans="8:8">
      <c r="H94449" s="12"/>
    </row>
    <row r="94450" spans="8:8">
      <c r="H94450" s="12"/>
    </row>
    <row r="94451" spans="8:8">
      <c r="H94451" s="12"/>
    </row>
    <row r="94452" spans="8:8">
      <c r="H94452" s="12"/>
    </row>
    <row r="94453" spans="8:8">
      <c r="H94453" s="12"/>
    </row>
    <row r="94454" spans="8:8">
      <c r="H94454" s="12"/>
    </row>
    <row r="94455" spans="8:8">
      <c r="H94455" s="12"/>
    </row>
    <row r="94456" spans="8:8">
      <c r="H94456" s="12"/>
    </row>
    <row r="94457" spans="8:8">
      <c r="H94457" s="12"/>
    </row>
    <row r="94458" spans="8:8">
      <c r="H94458" s="12"/>
    </row>
    <row r="94459" spans="8:8">
      <c r="H94459" s="12"/>
    </row>
    <row r="94460" spans="8:8">
      <c r="H94460" s="12"/>
    </row>
    <row r="94461" spans="8:8">
      <c r="H94461" s="12"/>
    </row>
    <row r="94462" spans="8:8">
      <c r="H94462" s="12"/>
    </row>
    <row r="94463" spans="8:8">
      <c r="H94463" s="12"/>
    </row>
    <row r="94464" spans="8:8">
      <c r="H94464" s="12"/>
    </row>
    <row r="94465" spans="8:8">
      <c r="H94465" s="12"/>
    </row>
    <row r="94466" spans="8:8">
      <c r="H94466" s="12"/>
    </row>
    <row r="94467" spans="8:8">
      <c r="H94467" s="12"/>
    </row>
    <row r="94468" spans="8:8">
      <c r="H94468" s="12"/>
    </row>
    <row r="94469" spans="8:8">
      <c r="H94469" s="12"/>
    </row>
    <row r="94470" spans="8:8">
      <c r="H94470" s="12"/>
    </row>
    <row r="94471" spans="8:8">
      <c r="H94471" s="12"/>
    </row>
    <row r="94472" spans="8:8">
      <c r="H94472" s="12"/>
    </row>
    <row r="94473" spans="8:8">
      <c r="H94473" s="12"/>
    </row>
    <row r="94474" spans="8:8">
      <c r="H94474" s="12"/>
    </row>
    <row r="94475" spans="8:8">
      <c r="H94475" s="12"/>
    </row>
    <row r="94476" spans="8:8">
      <c r="H94476" s="12"/>
    </row>
    <row r="94477" spans="8:8">
      <c r="H94477" s="12"/>
    </row>
    <row r="94478" spans="8:8">
      <c r="H94478" s="12"/>
    </row>
    <row r="94479" spans="8:8">
      <c r="H94479" s="12"/>
    </row>
    <row r="94480" spans="8:8">
      <c r="H94480" s="12"/>
    </row>
    <row r="94481" spans="8:8">
      <c r="H94481" s="12"/>
    </row>
    <row r="94482" spans="8:8">
      <c r="H94482" s="12"/>
    </row>
    <row r="94483" spans="8:8">
      <c r="H94483" s="12"/>
    </row>
    <row r="94484" spans="8:8">
      <c r="H94484" s="12"/>
    </row>
    <row r="94485" spans="8:8">
      <c r="H94485" s="12"/>
    </row>
    <row r="94486" spans="8:8">
      <c r="H94486" s="12"/>
    </row>
    <row r="94487" spans="8:8">
      <c r="H94487" s="12"/>
    </row>
    <row r="94488" spans="8:8">
      <c r="H94488" s="12"/>
    </row>
    <row r="94489" spans="8:8">
      <c r="H94489" s="12"/>
    </row>
    <row r="94490" spans="8:8">
      <c r="H94490" s="12"/>
    </row>
    <row r="94491" spans="8:8">
      <c r="H94491" s="12"/>
    </row>
    <row r="94492" spans="8:8">
      <c r="H94492" s="12"/>
    </row>
    <row r="94493" spans="8:8">
      <c r="H94493" s="12"/>
    </row>
    <row r="94494" spans="8:8">
      <c r="H94494" s="12"/>
    </row>
    <row r="94495" spans="8:8">
      <c r="H94495" s="12"/>
    </row>
    <row r="94496" spans="8:8">
      <c r="H94496" s="12"/>
    </row>
    <row r="94497" spans="8:8">
      <c r="H94497" s="12"/>
    </row>
    <row r="94498" spans="8:8">
      <c r="H94498" s="12"/>
    </row>
    <row r="94499" spans="8:8">
      <c r="H94499" s="12"/>
    </row>
    <row r="94500" spans="8:8">
      <c r="H94500" s="12"/>
    </row>
    <row r="94501" spans="8:8">
      <c r="H94501" s="12"/>
    </row>
    <row r="94502" spans="8:8">
      <c r="H94502" s="12"/>
    </row>
    <row r="94503" spans="8:8">
      <c r="H94503" s="12"/>
    </row>
    <row r="94504" spans="8:8">
      <c r="H94504" s="12"/>
    </row>
    <row r="94505" spans="8:8">
      <c r="H94505" s="12"/>
    </row>
    <row r="94506" spans="8:8">
      <c r="H94506" s="12"/>
    </row>
    <row r="94507" spans="8:8">
      <c r="H94507" s="12"/>
    </row>
    <row r="94508" spans="8:8">
      <c r="H94508" s="12"/>
    </row>
    <row r="94509" spans="8:8">
      <c r="H94509" s="12"/>
    </row>
    <row r="94510" spans="8:8">
      <c r="H94510" s="12"/>
    </row>
    <row r="94511" spans="8:8">
      <c r="H94511" s="12"/>
    </row>
    <row r="94512" spans="8:8">
      <c r="H94512" s="12"/>
    </row>
    <row r="94513" spans="8:8">
      <c r="H94513" s="12"/>
    </row>
    <row r="94514" spans="8:8">
      <c r="H94514" s="12"/>
    </row>
    <row r="94515" spans="8:8">
      <c r="H94515" s="12"/>
    </row>
    <row r="94516" spans="8:8">
      <c r="H94516" s="12"/>
    </row>
    <row r="94517" spans="8:8">
      <c r="H94517" s="12"/>
    </row>
    <row r="94518" spans="8:8">
      <c r="H94518" s="12"/>
    </row>
    <row r="94519" spans="8:8">
      <c r="H94519" s="12"/>
    </row>
    <row r="94520" spans="8:8">
      <c r="H94520" s="12"/>
    </row>
    <row r="94521" spans="8:8">
      <c r="H94521" s="12"/>
    </row>
    <row r="94522" spans="8:8">
      <c r="H94522" s="12"/>
    </row>
    <row r="94523" spans="8:8">
      <c r="H94523" s="12"/>
    </row>
    <row r="94524" spans="8:8">
      <c r="H94524" s="12"/>
    </row>
    <row r="94525" spans="8:8">
      <c r="H94525" s="12"/>
    </row>
    <row r="94526" spans="8:8">
      <c r="H94526" s="12"/>
    </row>
    <row r="94527" spans="8:8">
      <c r="H94527" s="12"/>
    </row>
    <row r="94528" spans="8:8">
      <c r="H94528" s="12"/>
    </row>
    <row r="94529" spans="8:8">
      <c r="H94529" s="12"/>
    </row>
    <row r="94530" spans="8:8">
      <c r="H94530" s="12"/>
    </row>
    <row r="94531" spans="8:8">
      <c r="H94531" s="12"/>
    </row>
    <row r="94532" spans="8:8">
      <c r="H94532" s="12"/>
    </row>
    <row r="94533" spans="8:8">
      <c r="H94533" s="12"/>
    </row>
    <row r="94534" spans="8:8">
      <c r="H94534" s="12"/>
    </row>
    <row r="94535" spans="8:8">
      <c r="H94535" s="12"/>
    </row>
    <row r="94536" spans="8:8">
      <c r="H94536" s="12"/>
    </row>
    <row r="94537" spans="8:8">
      <c r="H94537" s="12"/>
    </row>
    <row r="94538" spans="8:8">
      <c r="H94538" s="12"/>
    </row>
    <row r="94539" spans="8:8">
      <c r="H94539" s="12"/>
    </row>
    <row r="94540" spans="8:8">
      <c r="H94540" s="12"/>
    </row>
    <row r="94541" spans="8:8">
      <c r="H94541" s="12"/>
    </row>
    <row r="94542" spans="8:8">
      <c r="H94542" s="12"/>
    </row>
    <row r="94543" spans="8:8">
      <c r="H94543" s="12"/>
    </row>
    <row r="94544" spans="8:8">
      <c r="H94544" s="12"/>
    </row>
    <row r="94545" spans="8:8">
      <c r="H94545" s="12"/>
    </row>
    <row r="94546" spans="8:8">
      <c r="H94546" s="12"/>
    </row>
    <row r="94547" spans="8:8">
      <c r="H94547" s="12"/>
    </row>
    <row r="94548" spans="8:8">
      <c r="H94548" s="12"/>
    </row>
    <row r="94549" spans="8:8">
      <c r="H94549" s="12"/>
    </row>
    <row r="94550" spans="8:8">
      <c r="H94550" s="12"/>
    </row>
    <row r="94551" spans="8:8">
      <c r="H94551" s="12"/>
    </row>
    <row r="94552" spans="8:8">
      <c r="H94552" s="12"/>
    </row>
    <row r="94553" spans="8:8">
      <c r="H94553" s="12"/>
    </row>
    <row r="94554" spans="8:8">
      <c r="H94554" s="12"/>
    </row>
    <row r="94555" spans="8:8">
      <c r="H94555" s="12"/>
    </row>
    <row r="94556" spans="8:8">
      <c r="H94556" s="12"/>
    </row>
    <row r="94557" spans="8:8">
      <c r="H94557" s="12"/>
    </row>
    <row r="94558" spans="8:8">
      <c r="H94558" s="12"/>
    </row>
    <row r="94559" spans="8:8">
      <c r="H94559" s="12"/>
    </row>
    <row r="94560" spans="8:8">
      <c r="H94560" s="12"/>
    </row>
    <row r="94561" spans="8:8">
      <c r="H94561" s="12"/>
    </row>
    <row r="94562" spans="8:8">
      <c r="H94562" s="12"/>
    </row>
    <row r="94563" spans="8:8">
      <c r="H94563" s="12"/>
    </row>
    <row r="94564" spans="8:8">
      <c r="H94564" s="12"/>
    </row>
    <row r="94565" spans="8:8">
      <c r="H94565" s="12"/>
    </row>
    <row r="94566" spans="8:8">
      <c r="H94566" s="12"/>
    </row>
    <row r="94567" spans="8:8">
      <c r="H94567" s="12"/>
    </row>
    <row r="94568" spans="8:8">
      <c r="H94568" s="12"/>
    </row>
    <row r="94569" spans="8:8">
      <c r="H94569" s="12"/>
    </row>
    <row r="94570" spans="8:8">
      <c r="H94570" s="12"/>
    </row>
    <row r="94571" spans="8:8">
      <c r="H94571" s="12"/>
    </row>
    <row r="94572" spans="8:8">
      <c r="H94572" s="12"/>
    </row>
    <row r="94573" spans="8:8">
      <c r="H94573" s="12"/>
    </row>
    <row r="94574" spans="8:8">
      <c r="H94574" s="12"/>
    </row>
    <row r="94575" spans="8:8">
      <c r="H94575" s="12"/>
    </row>
    <row r="94576" spans="8:8">
      <c r="H94576" s="12"/>
    </row>
    <row r="94577" spans="8:8">
      <c r="H94577" s="12"/>
    </row>
    <row r="94578" spans="8:8">
      <c r="H94578" s="12"/>
    </row>
    <row r="94579" spans="8:8">
      <c r="H94579" s="12"/>
    </row>
    <row r="94580" spans="8:8">
      <c r="H94580" s="12"/>
    </row>
    <row r="94581" spans="8:8">
      <c r="H94581" s="12"/>
    </row>
    <row r="94582" spans="8:8">
      <c r="H94582" s="12"/>
    </row>
    <row r="94583" spans="8:8">
      <c r="H94583" s="12"/>
    </row>
    <row r="94584" spans="8:8">
      <c r="H94584" s="12"/>
    </row>
    <row r="94585" spans="8:8">
      <c r="H94585" s="12"/>
    </row>
    <row r="94586" spans="8:8">
      <c r="H94586" s="12"/>
    </row>
    <row r="94587" spans="8:8">
      <c r="H94587" s="12"/>
    </row>
    <row r="94588" spans="8:8">
      <c r="H94588" s="12"/>
    </row>
    <row r="94589" spans="8:8">
      <c r="H94589" s="12"/>
    </row>
    <row r="94590" spans="8:8">
      <c r="H94590" s="12"/>
    </row>
    <row r="94591" spans="8:8">
      <c r="H94591" s="12"/>
    </row>
    <row r="94592" spans="8:8">
      <c r="H94592" s="12"/>
    </row>
    <row r="94593" spans="8:8">
      <c r="H94593" s="12"/>
    </row>
    <row r="94594" spans="8:8">
      <c r="H94594" s="12"/>
    </row>
    <row r="94595" spans="8:8">
      <c r="H94595" s="12"/>
    </row>
    <row r="94596" spans="8:8">
      <c r="H94596" s="12"/>
    </row>
    <row r="94597" spans="8:8">
      <c r="H94597" s="12"/>
    </row>
    <row r="94598" spans="8:8">
      <c r="H94598" s="12"/>
    </row>
    <row r="94599" spans="8:8">
      <c r="H94599" s="12"/>
    </row>
    <row r="94600" spans="8:8">
      <c r="H94600" s="12"/>
    </row>
    <row r="94601" spans="8:8">
      <c r="H94601" s="12"/>
    </row>
    <row r="94602" spans="8:8">
      <c r="H94602" s="12"/>
    </row>
    <row r="94603" spans="8:8">
      <c r="H94603" s="12"/>
    </row>
    <row r="94604" spans="8:8">
      <c r="H94604" s="12"/>
    </row>
    <row r="94605" spans="8:8">
      <c r="H94605" s="12"/>
    </row>
    <row r="94606" spans="8:8">
      <c r="H94606" s="12"/>
    </row>
    <row r="94607" spans="8:8">
      <c r="H94607" s="12"/>
    </row>
    <row r="94608" spans="8:8">
      <c r="H94608" s="12"/>
    </row>
    <row r="94609" spans="8:8">
      <c r="H94609" s="12"/>
    </row>
    <row r="94610" spans="8:8">
      <c r="H94610" s="12"/>
    </row>
    <row r="94611" spans="8:8">
      <c r="H94611" s="12"/>
    </row>
    <row r="94612" spans="8:8">
      <c r="H94612" s="12"/>
    </row>
    <row r="94613" spans="8:8">
      <c r="H94613" s="12"/>
    </row>
    <row r="94614" spans="8:8">
      <c r="H94614" s="12"/>
    </row>
    <row r="94615" spans="8:8">
      <c r="H94615" s="12"/>
    </row>
    <row r="94616" spans="8:8">
      <c r="H94616" s="12"/>
    </row>
    <row r="94617" spans="8:8">
      <c r="H94617" s="12"/>
    </row>
    <row r="94618" spans="8:8">
      <c r="H94618" s="12"/>
    </row>
    <row r="94619" spans="8:8">
      <c r="H94619" s="12"/>
    </row>
    <row r="94620" spans="8:8">
      <c r="H94620" s="12"/>
    </row>
    <row r="94621" spans="8:8">
      <c r="H94621" s="12"/>
    </row>
    <row r="94622" spans="8:8">
      <c r="H94622" s="12"/>
    </row>
    <row r="94623" spans="8:8">
      <c r="H94623" s="12"/>
    </row>
    <row r="94624" spans="8:8">
      <c r="H94624" s="12"/>
    </row>
    <row r="94625" spans="8:8">
      <c r="H94625" s="12"/>
    </row>
    <row r="94626" spans="8:8">
      <c r="H94626" s="12"/>
    </row>
    <row r="94627" spans="8:8">
      <c r="H94627" s="12"/>
    </row>
    <row r="94628" spans="8:8">
      <c r="H94628" s="12"/>
    </row>
    <row r="94629" spans="8:8">
      <c r="H94629" s="12"/>
    </row>
    <row r="94630" spans="8:8">
      <c r="H94630" s="12"/>
    </row>
    <row r="94631" spans="8:8">
      <c r="H94631" s="12"/>
    </row>
    <row r="94632" spans="8:8">
      <c r="H94632" s="12"/>
    </row>
    <row r="94633" spans="8:8">
      <c r="H94633" s="12"/>
    </row>
    <row r="94634" spans="8:8">
      <c r="H94634" s="12"/>
    </row>
    <row r="94635" spans="8:8">
      <c r="H94635" s="12"/>
    </row>
    <row r="94636" spans="8:8">
      <c r="H94636" s="12"/>
    </row>
    <row r="94637" spans="8:8">
      <c r="H94637" s="12"/>
    </row>
    <row r="94638" spans="8:8">
      <c r="H94638" s="12"/>
    </row>
    <row r="94639" spans="8:8">
      <c r="H94639" s="12"/>
    </row>
    <row r="94640" spans="8:8">
      <c r="H94640" s="12"/>
    </row>
    <row r="94641" spans="8:8">
      <c r="H94641" s="12"/>
    </row>
    <row r="94642" spans="8:8">
      <c r="H94642" s="12"/>
    </row>
    <row r="94643" spans="8:8">
      <c r="H94643" s="12"/>
    </row>
    <row r="94644" spans="8:8">
      <c r="H94644" s="12"/>
    </row>
    <row r="94645" spans="8:8">
      <c r="H94645" s="12"/>
    </row>
    <row r="94646" spans="8:8">
      <c r="H94646" s="12"/>
    </row>
    <row r="94647" spans="8:8">
      <c r="H94647" s="12"/>
    </row>
    <row r="94648" spans="8:8">
      <c r="H94648" s="12"/>
    </row>
    <row r="94649" spans="8:8">
      <c r="H94649" s="12"/>
    </row>
    <row r="94650" spans="8:8">
      <c r="H94650" s="12"/>
    </row>
    <row r="94651" spans="8:8">
      <c r="H94651" s="12"/>
    </row>
    <row r="94652" spans="8:8">
      <c r="H94652" s="12"/>
    </row>
    <row r="94653" spans="8:8">
      <c r="H94653" s="12"/>
    </row>
    <row r="94654" spans="8:8">
      <c r="H94654" s="12"/>
    </row>
    <row r="94655" spans="8:8">
      <c r="H94655" s="12"/>
    </row>
    <row r="94656" spans="8:8">
      <c r="H94656" s="12"/>
    </row>
    <row r="94657" spans="8:8">
      <c r="H94657" s="12"/>
    </row>
    <row r="94658" spans="8:8">
      <c r="H94658" s="12"/>
    </row>
    <row r="94659" spans="8:8">
      <c r="H94659" s="12"/>
    </row>
    <row r="94660" spans="8:8">
      <c r="H94660" s="12"/>
    </row>
    <row r="94661" spans="8:8">
      <c r="H94661" s="12"/>
    </row>
    <row r="94662" spans="8:8">
      <c r="H94662" s="12"/>
    </row>
    <row r="94663" spans="8:8">
      <c r="H94663" s="12"/>
    </row>
    <row r="94664" spans="8:8">
      <c r="H94664" s="12"/>
    </row>
    <row r="94665" spans="8:8">
      <c r="H94665" s="12"/>
    </row>
    <row r="94666" spans="8:8">
      <c r="H94666" s="12"/>
    </row>
    <row r="94667" spans="8:8">
      <c r="H94667" s="12"/>
    </row>
    <row r="94668" spans="8:8">
      <c r="H94668" s="12"/>
    </row>
    <row r="94669" spans="8:8">
      <c r="H94669" s="12"/>
    </row>
    <row r="94670" spans="8:8">
      <c r="H94670" s="12"/>
    </row>
    <row r="94671" spans="8:8">
      <c r="H94671" s="12"/>
    </row>
    <row r="94672" spans="8:8">
      <c r="H94672" s="12"/>
    </row>
    <row r="94673" spans="8:8">
      <c r="H94673" s="12"/>
    </row>
    <row r="94674" spans="8:8">
      <c r="H94674" s="12"/>
    </row>
    <row r="94675" spans="8:8">
      <c r="H94675" s="12"/>
    </row>
    <row r="94676" spans="8:8">
      <c r="H94676" s="12"/>
    </row>
    <row r="94677" spans="8:8">
      <c r="H94677" s="12"/>
    </row>
    <row r="94678" spans="8:8">
      <c r="H94678" s="12"/>
    </row>
    <row r="94679" spans="8:8">
      <c r="H94679" s="12"/>
    </row>
    <row r="94680" spans="8:8">
      <c r="H94680" s="12"/>
    </row>
    <row r="94681" spans="8:8">
      <c r="H94681" s="12"/>
    </row>
    <row r="94682" spans="8:8">
      <c r="H94682" s="12"/>
    </row>
    <row r="94683" spans="8:8">
      <c r="H94683" s="12"/>
    </row>
    <row r="94684" spans="8:8">
      <c r="H94684" s="12"/>
    </row>
    <row r="94685" spans="8:8">
      <c r="H94685" s="12"/>
    </row>
    <row r="94686" spans="8:8">
      <c r="H94686" s="12"/>
    </row>
    <row r="94687" spans="8:8">
      <c r="H94687" s="12"/>
    </row>
    <row r="94688" spans="8:8">
      <c r="H94688" s="12"/>
    </row>
    <row r="94689" spans="8:8">
      <c r="H94689" s="12"/>
    </row>
    <row r="94690" spans="8:8">
      <c r="H94690" s="12"/>
    </row>
    <row r="94691" spans="8:8">
      <c r="H94691" s="12"/>
    </row>
    <row r="94692" spans="8:8">
      <c r="H94692" s="12"/>
    </row>
    <row r="94693" spans="8:8">
      <c r="H94693" s="12"/>
    </row>
    <row r="94694" spans="8:8">
      <c r="H94694" s="12"/>
    </row>
    <row r="94695" spans="8:8">
      <c r="H94695" s="12"/>
    </row>
    <row r="94696" spans="8:8">
      <c r="H94696" s="12"/>
    </row>
    <row r="94697" spans="8:8">
      <c r="H94697" s="12"/>
    </row>
    <row r="94698" spans="8:8">
      <c r="H94698" s="12"/>
    </row>
    <row r="94699" spans="8:8">
      <c r="H94699" s="12"/>
    </row>
    <row r="94700" spans="8:8">
      <c r="H94700" s="12"/>
    </row>
    <row r="94701" spans="8:8">
      <c r="H94701" s="12"/>
    </row>
    <row r="94702" spans="8:8">
      <c r="H94702" s="12"/>
    </row>
    <row r="94703" spans="8:8">
      <c r="H94703" s="12"/>
    </row>
    <row r="94704" spans="8:8">
      <c r="H94704" s="12"/>
    </row>
    <row r="94705" spans="8:8">
      <c r="H94705" s="12"/>
    </row>
    <row r="94706" spans="8:8">
      <c r="H94706" s="12"/>
    </row>
    <row r="94707" spans="8:8">
      <c r="H94707" s="12"/>
    </row>
    <row r="94708" spans="8:8">
      <c r="H94708" s="12"/>
    </row>
    <row r="94709" spans="8:8">
      <c r="H94709" s="12"/>
    </row>
    <row r="94710" spans="8:8">
      <c r="H94710" s="12"/>
    </row>
    <row r="94711" spans="8:8">
      <c r="H94711" s="12"/>
    </row>
    <row r="94712" spans="8:8">
      <c r="H94712" s="12"/>
    </row>
    <row r="94713" spans="8:8">
      <c r="H94713" s="12"/>
    </row>
    <row r="94714" spans="8:8">
      <c r="H94714" s="12"/>
    </row>
    <row r="94715" spans="8:8">
      <c r="H94715" s="12"/>
    </row>
    <row r="94716" spans="8:8">
      <c r="H94716" s="12"/>
    </row>
    <row r="94717" spans="8:8">
      <c r="H94717" s="12"/>
    </row>
    <row r="94718" spans="8:8">
      <c r="H94718" s="12"/>
    </row>
    <row r="94719" spans="8:8">
      <c r="H94719" s="12"/>
    </row>
    <row r="94720" spans="8:8">
      <c r="H94720" s="12"/>
    </row>
    <row r="94721" spans="8:8">
      <c r="H94721" s="12"/>
    </row>
    <row r="94722" spans="8:8">
      <c r="H94722" s="12"/>
    </row>
    <row r="94723" spans="8:8">
      <c r="H94723" s="12"/>
    </row>
    <row r="94724" spans="8:8">
      <c r="H94724" s="12"/>
    </row>
    <row r="94725" spans="8:8">
      <c r="H94725" s="12"/>
    </row>
    <row r="94726" spans="8:8">
      <c r="H94726" s="12"/>
    </row>
    <row r="94727" spans="8:8">
      <c r="H94727" s="12"/>
    </row>
    <row r="94728" spans="8:8">
      <c r="H94728" s="12"/>
    </row>
    <row r="94729" spans="8:8">
      <c r="H94729" s="12"/>
    </row>
    <row r="94730" spans="8:8">
      <c r="H94730" s="12"/>
    </row>
    <row r="94731" spans="8:8">
      <c r="H94731" s="12"/>
    </row>
    <row r="94732" spans="8:8">
      <c r="H94732" s="12"/>
    </row>
    <row r="94733" spans="8:8">
      <c r="H94733" s="12"/>
    </row>
    <row r="94734" spans="8:8">
      <c r="H94734" s="12"/>
    </row>
    <row r="94735" spans="8:8">
      <c r="H94735" s="12"/>
    </row>
    <row r="94736" spans="8:8">
      <c r="H94736" s="12"/>
    </row>
    <row r="94737" spans="8:8">
      <c r="H94737" s="12"/>
    </row>
    <row r="94738" spans="8:8">
      <c r="H94738" s="12"/>
    </row>
    <row r="94739" spans="8:8">
      <c r="H94739" s="12"/>
    </row>
    <row r="94740" spans="8:8">
      <c r="H94740" s="12"/>
    </row>
    <row r="94741" spans="8:8">
      <c r="H94741" s="12"/>
    </row>
    <row r="94742" spans="8:8">
      <c r="H94742" s="12"/>
    </row>
    <row r="94743" spans="8:8">
      <c r="H94743" s="12"/>
    </row>
    <row r="94744" spans="8:8">
      <c r="H94744" s="12"/>
    </row>
    <row r="94745" spans="8:8">
      <c r="H94745" s="12"/>
    </row>
    <row r="94746" spans="8:8">
      <c r="H94746" s="12"/>
    </row>
    <row r="94747" spans="8:8">
      <c r="H94747" s="12"/>
    </row>
    <row r="94748" spans="8:8">
      <c r="H94748" s="12"/>
    </row>
    <row r="94749" spans="8:8">
      <c r="H94749" s="12"/>
    </row>
    <row r="94750" spans="8:8">
      <c r="H94750" s="12"/>
    </row>
    <row r="94751" spans="8:8">
      <c r="H94751" s="12"/>
    </row>
    <row r="94752" spans="8:8">
      <c r="H94752" s="12"/>
    </row>
    <row r="94753" spans="8:8">
      <c r="H94753" s="12"/>
    </row>
    <row r="94754" spans="8:8">
      <c r="H94754" s="12"/>
    </row>
    <row r="94755" spans="8:8">
      <c r="H94755" s="12"/>
    </row>
    <row r="94756" spans="8:8">
      <c r="H94756" s="12"/>
    </row>
    <row r="94757" spans="8:8">
      <c r="H94757" s="12"/>
    </row>
    <row r="94758" spans="8:8">
      <c r="H94758" s="12"/>
    </row>
    <row r="94759" spans="8:8">
      <c r="H94759" s="12"/>
    </row>
    <row r="94760" spans="8:8">
      <c r="H94760" s="12"/>
    </row>
    <row r="94761" spans="8:8">
      <c r="H94761" s="12"/>
    </row>
    <row r="94762" spans="8:8">
      <c r="H94762" s="12"/>
    </row>
    <row r="94763" spans="8:8">
      <c r="H94763" s="12"/>
    </row>
    <row r="94764" spans="8:8">
      <c r="H94764" s="12"/>
    </row>
    <row r="94765" spans="8:8">
      <c r="H94765" s="12"/>
    </row>
    <row r="94766" spans="8:8">
      <c r="H94766" s="12"/>
    </row>
    <row r="94767" spans="8:8">
      <c r="H94767" s="12"/>
    </row>
    <row r="94768" spans="8:8">
      <c r="H94768" s="12"/>
    </row>
    <row r="94769" spans="8:8">
      <c r="H94769" s="12"/>
    </row>
    <row r="94770" spans="8:8">
      <c r="H94770" s="12"/>
    </row>
    <row r="94771" spans="8:8">
      <c r="H94771" s="12"/>
    </row>
    <row r="94772" spans="8:8">
      <c r="H94772" s="12"/>
    </row>
    <row r="94773" spans="8:8">
      <c r="H94773" s="12"/>
    </row>
    <row r="94774" spans="8:8">
      <c r="H94774" s="12"/>
    </row>
    <row r="94775" spans="8:8">
      <c r="H94775" s="12"/>
    </row>
    <row r="94776" spans="8:8">
      <c r="H94776" s="12"/>
    </row>
    <row r="94777" spans="8:8">
      <c r="H94777" s="12"/>
    </row>
    <row r="94778" spans="8:8">
      <c r="H94778" s="12"/>
    </row>
    <row r="94779" spans="8:8">
      <c r="H94779" s="12"/>
    </row>
    <row r="94780" spans="8:8">
      <c r="H94780" s="12"/>
    </row>
    <row r="94781" spans="8:8">
      <c r="H94781" s="12"/>
    </row>
    <row r="94782" spans="8:8">
      <c r="H94782" s="12"/>
    </row>
    <row r="94783" spans="8:8">
      <c r="H94783" s="12"/>
    </row>
    <row r="94784" spans="8:8">
      <c r="H94784" s="12"/>
    </row>
    <row r="94785" spans="8:8">
      <c r="H94785" s="12"/>
    </row>
    <row r="94786" spans="8:8">
      <c r="H94786" s="12"/>
    </row>
    <row r="94787" spans="8:8">
      <c r="H94787" s="12"/>
    </row>
    <row r="94788" spans="8:8">
      <c r="H94788" s="12"/>
    </row>
    <row r="94789" spans="8:8">
      <c r="H94789" s="12"/>
    </row>
    <row r="94790" spans="8:8">
      <c r="H94790" s="12"/>
    </row>
    <row r="94791" spans="8:8">
      <c r="H94791" s="12"/>
    </row>
    <row r="94792" spans="8:8">
      <c r="H94792" s="12"/>
    </row>
    <row r="94793" spans="8:8">
      <c r="H94793" s="12"/>
    </row>
    <row r="94794" spans="8:8">
      <c r="H94794" s="12"/>
    </row>
    <row r="94795" spans="8:8">
      <c r="H94795" s="12"/>
    </row>
    <row r="94796" spans="8:8">
      <c r="H94796" s="12"/>
    </row>
    <row r="94797" spans="8:8">
      <c r="H94797" s="12"/>
    </row>
    <row r="94798" spans="8:8">
      <c r="H94798" s="12"/>
    </row>
    <row r="94799" spans="8:8">
      <c r="H94799" s="12"/>
    </row>
    <row r="94800" spans="8:8">
      <c r="H94800" s="12"/>
    </row>
    <row r="94801" spans="8:8">
      <c r="H94801" s="12"/>
    </row>
    <row r="94802" spans="8:8">
      <c r="H94802" s="12"/>
    </row>
    <row r="94803" spans="8:8">
      <c r="H94803" s="12"/>
    </row>
    <row r="94804" spans="8:8">
      <c r="H94804" s="12"/>
    </row>
    <row r="94805" spans="8:8">
      <c r="H94805" s="12"/>
    </row>
    <row r="94806" spans="8:8">
      <c r="H94806" s="12"/>
    </row>
    <row r="94807" spans="8:8">
      <c r="H94807" s="12"/>
    </row>
    <row r="94808" spans="8:8">
      <c r="H94808" s="12"/>
    </row>
    <row r="94809" spans="8:8">
      <c r="H94809" s="12"/>
    </row>
    <row r="94810" spans="8:8">
      <c r="H94810" s="12"/>
    </row>
    <row r="94811" spans="8:8">
      <c r="H94811" s="12"/>
    </row>
    <row r="94812" spans="8:8">
      <c r="H94812" s="12"/>
    </row>
    <row r="94813" spans="8:8">
      <c r="H94813" s="12"/>
    </row>
    <row r="94814" spans="8:8">
      <c r="H94814" s="12"/>
    </row>
    <row r="94815" spans="8:8">
      <c r="H94815" s="12"/>
    </row>
    <row r="94816" spans="8:8">
      <c r="H94816" s="12"/>
    </row>
    <row r="94817" spans="8:8">
      <c r="H94817" s="12"/>
    </row>
    <row r="94818" spans="8:8">
      <c r="H94818" s="12"/>
    </row>
    <row r="94819" spans="8:8">
      <c r="H94819" s="12"/>
    </row>
    <row r="94820" spans="8:8">
      <c r="H94820" s="12"/>
    </row>
    <row r="94821" spans="8:8">
      <c r="H94821" s="12"/>
    </row>
    <row r="94822" spans="8:8">
      <c r="H94822" s="12"/>
    </row>
    <row r="94823" spans="8:8">
      <c r="H94823" s="12"/>
    </row>
    <row r="94824" spans="8:8">
      <c r="H94824" s="12"/>
    </row>
    <row r="94825" spans="8:8">
      <c r="H94825" s="12"/>
    </row>
    <row r="94826" spans="8:8">
      <c r="H94826" s="12"/>
    </row>
    <row r="94827" spans="8:8">
      <c r="H94827" s="12"/>
    </row>
    <row r="94828" spans="8:8">
      <c r="H94828" s="12"/>
    </row>
    <row r="94829" spans="8:8">
      <c r="H94829" s="12"/>
    </row>
    <row r="94830" spans="8:8">
      <c r="H94830" s="12"/>
    </row>
    <row r="94831" spans="8:8">
      <c r="H94831" s="12"/>
    </row>
    <row r="94832" spans="8:8">
      <c r="H94832" s="12"/>
    </row>
    <row r="94833" spans="8:8">
      <c r="H94833" s="12"/>
    </row>
    <row r="94834" spans="8:8">
      <c r="H94834" s="12"/>
    </row>
    <row r="94835" spans="8:8">
      <c r="H94835" s="12"/>
    </row>
    <row r="94836" spans="8:8">
      <c r="H94836" s="12"/>
    </row>
    <row r="94837" spans="8:8">
      <c r="H94837" s="12"/>
    </row>
    <row r="94838" spans="8:8">
      <c r="H94838" s="12"/>
    </row>
    <row r="94839" spans="8:8">
      <c r="H94839" s="12"/>
    </row>
    <row r="94840" spans="8:8">
      <c r="H94840" s="12"/>
    </row>
    <row r="94841" spans="8:8">
      <c r="H94841" s="12"/>
    </row>
    <row r="94842" spans="8:8">
      <c r="H94842" s="12"/>
    </row>
    <row r="94843" spans="8:8">
      <c r="H94843" s="12"/>
    </row>
    <row r="94844" spans="8:8">
      <c r="H94844" s="12"/>
    </row>
    <row r="94845" spans="8:8">
      <c r="H94845" s="12"/>
    </row>
    <row r="94846" spans="8:8">
      <c r="H94846" s="12"/>
    </row>
    <row r="94847" spans="8:8">
      <c r="H94847" s="12"/>
    </row>
    <row r="94848" spans="8:8">
      <c r="H94848" s="12"/>
    </row>
    <row r="94849" spans="8:8">
      <c r="H94849" s="12"/>
    </row>
    <row r="94850" spans="8:8">
      <c r="H94850" s="12"/>
    </row>
    <row r="94851" spans="8:8">
      <c r="H94851" s="12"/>
    </row>
    <row r="94852" spans="8:8">
      <c r="H94852" s="12"/>
    </row>
    <row r="94853" spans="8:8">
      <c r="H94853" s="12"/>
    </row>
    <row r="94854" spans="8:8">
      <c r="H94854" s="12"/>
    </row>
    <row r="94855" spans="8:8">
      <c r="H94855" s="12"/>
    </row>
    <row r="94856" spans="8:8">
      <c r="H94856" s="12"/>
    </row>
    <row r="94857" spans="8:8">
      <c r="H94857" s="12"/>
    </row>
    <row r="94858" spans="8:8">
      <c r="H94858" s="12"/>
    </row>
    <row r="94859" spans="8:8">
      <c r="H94859" s="12"/>
    </row>
    <row r="94860" spans="8:8">
      <c r="H94860" s="12"/>
    </row>
    <row r="94861" spans="8:8">
      <c r="H94861" s="12"/>
    </row>
    <row r="94862" spans="8:8">
      <c r="H94862" s="12"/>
    </row>
    <row r="94863" spans="8:8">
      <c r="H94863" s="12"/>
    </row>
    <row r="94864" spans="8:8">
      <c r="H94864" s="12"/>
    </row>
    <row r="94865" spans="8:8">
      <c r="H94865" s="12"/>
    </row>
    <row r="94866" spans="8:8">
      <c r="H94866" s="12"/>
    </row>
    <row r="94867" spans="8:8">
      <c r="H94867" s="12"/>
    </row>
    <row r="94868" spans="8:8">
      <c r="H94868" s="12"/>
    </row>
    <row r="94869" spans="8:8">
      <c r="H94869" s="12"/>
    </row>
    <row r="94870" spans="8:8">
      <c r="H94870" s="12"/>
    </row>
    <row r="94871" spans="8:8">
      <c r="H94871" s="12"/>
    </row>
    <row r="94872" spans="8:8">
      <c r="H94872" s="12"/>
    </row>
    <row r="94873" spans="8:8">
      <c r="H94873" s="12"/>
    </row>
    <row r="94874" spans="8:8">
      <c r="H94874" s="12"/>
    </row>
    <row r="94875" spans="8:8">
      <c r="H94875" s="12"/>
    </row>
    <row r="94876" spans="8:8">
      <c r="H94876" s="12"/>
    </row>
    <row r="94877" spans="8:8">
      <c r="H94877" s="12"/>
    </row>
    <row r="94878" spans="8:8">
      <c r="H94878" s="12"/>
    </row>
    <row r="94879" spans="8:8">
      <c r="H94879" s="12"/>
    </row>
    <row r="94880" spans="8:8">
      <c r="H94880" s="12"/>
    </row>
    <row r="94881" spans="8:8">
      <c r="H94881" s="12"/>
    </row>
    <row r="94882" spans="8:8">
      <c r="H94882" s="12"/>
    </row>
    <row r="94883" spans="8:8">
      <c r="H94883" s="12"/>
    </row>
    <row r="94884" spans="8:8">
      <c r="H94884" s="12"/>
    </row>
    <row r="94885" spans="8:8">
      <c r="H94885" s="12"/>
    </row>
    <row r="94886" spans="8:8">
      <c r="H94886" s="12"/>
    </row>
    <row r="94887" spans="8:8">
      <c r="H94887" s="12"/>
    </row>
    <row r="94888" spans="8:8">
      <c r="H94888" s="12"/>
    </row>
    <row r="94889" spans="8:8">
      <c r="H94889" s="12"/>
    </row>
    <row r="94890" spans="8:8">
      <c r="H94890" s="12"/>
    </row>
    <row r="94891" spans="8:8">
      <c r="H94891" s="12"/>
    </row>
    <row r="94892" spans="8:8">
      <c r="H94892" s="12"/>
    </row>
    <row r="94893" spans="8:8">
      <c r="H94893" s="12"/>
    </row>
    <row r="94894" spans="8:8">
      <c r="H94894" s="12"/>
    </row>
    <row r="94895" spans="8:8">
      <c r="H94895" s="12"/>
    </row>
    <row r="94896" spans="8:8">
      <c r="H94896" s="12"/>
    </row>
    <row r="94897" spans="8:8">
      <c r="H94897" s="12"/>
    </row>
    <row r="94898" spans="8:8">
      <c r="H94898" s="12"/>
    </row>
    <row r="94899" spans="8:8">
      <c r="H94899" s="12"/>
    </row>
    <row r="94900" spans="8:8">
      <c r="H94900" s="12"/>
    </row>
    <row r="94901" spans="8:8">
      <c r="H94901" s="12"/>
    </row>
    <row r="94902" spans="8:8">
      <c r="H94902" s="12"/>
    </row>
    <row r="94903" spans="8:8">
      <c r="H94903" s="12"/>
    </row>
    <row r="94904" spans="8:8">
      <c r="H94904" s="12"/>
    </row>
    <row r="94905" spans="8:8">
      <c r="H94905" s="12"/>
    </row>
    <row r="94906" spans="8:8">
      <c r="H94906" s="12"/>
    </row>
    <row r="94907" spans="8:8">
      <c r="H94907" s="12"/>
    </row>
    <row r="94908" spans="8:8">
      <c r="H94908" s="12"/>
    </row>
    <row r="94909" spans="8:8">
      <c r="H94909" s="12"/>
    </row>
    <row r="94910" spans="8:8">
      <c r="H94910" s="12"/>
    </row>
    <row r="94911" spans="8:8">
      <c r="H94911" s="12"/>
    </row>
    <row r="94912" spans="8:8">
      <c r="H94912" s="12"/>
    </row>
    <row r="94913" spans="8:8">
      <c r="H94913" s="12"/>
    </row>
    <row r="94914" spans="8:8">
      <c r="H94914" s="12"/>
    </row>
    <row r="94915" spans="8:8">
      <c r="H94915" s="12"/>
    </row>
    <row r="94916" spans="8:8">
      <c r="H94916" s="12"/>
    </row>
    <row r="94917" spans="8:8">
      <c r="H94917" s="12"/>
    </row>
    <row r="94918" spans="8:8">
      <c r="H94918" s="12"/>
    </row>
    <row r="94919" spans="8:8">
      <c r="H94919" s="12"/>
    </row>
    <row r="94920" spans="8:8">
      <c r="H94920" s="12"/>
    </row>
    <row r="94921" spans="8:8">
      <c r="H94921" s="12"/>
    </row>
    <row r="94922" spans="8:8">
      <c r="H94922" s="12"/>
    </row>
    <row r="94923" spans="8:8">
      <c r="H94923" s="12"/>
    </row>
    <row r="94924" spans="8:8">
      <c r="H94924" s="12"/>
    </row>
    <row r="94925" spans="8:8">
      <c r="H94925" s="12"/>
    </row>
    <row r="94926" spans="8:8">
      <c r="H94926" s="12"/>
    </row>
    <row r="94927" spans="8:8">
      <c r="H94927" s="12"/>
    </row>
    <row r="94928" spans="8:8">
      <c r="H94928" s="12"/>
    </row>
    <row r="94929" spans="8:8">
      <c r="H94929" s="12"/>
    </row>
    <row r="94930" spans="8:8">
      <c r="H94930" s="12"/>
    </row>
    <row r="94931" spans="8:8">
      <c r="H94931" s="12"/>
    </row>
    <row r="94932" spans="8:8">
      <c r="H94932" s="12"/>
    </row>
    <row r="94933" spans="8:8">
      <c r="H94933" s="12"/>
    </row>
    <row r="94934" spans="8:8">
      <c r="H94934" s="12"/>
    </row>
    <row r="94935" spans="8:8">
      <c r="H94935" s="12"/>
    </row>
    <row r="94936" spans="8:8">
      <c r="H94936" s="12"/>
    </row>
    <row r="94937" spans="8:8">
      <c r="H94937" s="12"/>
    </row>
    <row r="94938" spans="8:8">
      <c r="H94938" s="12"/>
    </row>
    <row r="94939" spans="8:8">
      <c r="H94939" s="12"/>
    </row>
    <row r="94940" spans="8:8">
      <c r="H94940" s="12"/>
    </row>
    <row r="94941" spans="8:8">
      <c r="H94941" s="12"/>
    </row>
    <row r="94942" spans="8:8">
      <c r="H94942" s="12"/>
    </row>
    <row r="94943" spans="8:8">
      <c r="H94943" s="12"/>
    </row>
    <row r="94944" spans="8:8">
      <c r="H94944" s="12"/>
    </row>
    <row r="94945" spans="8:8">
      <c r="H94945" s="12"/>
    </row>
    <row r="94946" spans="8:8">
      <c r="H94946" s="12"/>
    </row>
    <row r="94947" spans="8:8">
      <c r="H94947" s="12"/>
    </row>
    <row r="94948" spans="8:8">
      <c r="H94948" s="12"/>
    </row>
    <row r="94949" spans="8:8">
      <c r="H94949" s="12"/>
    </row>
    <row r="94950" spans="8:8">
      <c r="H94950" s="12"/>
    </row>
    <row r="94951" spans="8:8">
      <c r="H94951" s="12"/>
    </row>
    <row r="94952" spans="8:8">
      <c r="H94952" s="12"/>
    </row>
    <row r="94953" spans="8:8">
      <c r="H94953" s="12"/>
    </row>
    <row r="94954" spans="8:8">
      <c r="H94954" s="12"/>
    </row>
    <row r="94955" spans="8:8">
      <c r="H94955" s="12"/>
    </row>
    <row r="94956" spans="8:8">
      <c r="H94956" s="12"/>
    </row>
    <row r="94957" spans="8:8">
      <c r="H94957" s="12"/>
    </row>
    <row r="94958" spans="8:8">
      <c r="H94958" s="12"/>
    </row>
    <row r="94959" spans="8:8">
      <c r="H94959" s="12"/>
    </row>
    <row r="94960" spans="8:8">
      <c r="H94960" s="12"/>
    </row>
    <row r="94961" spans="8:8">
      <c r="H94961" s="12"/>
    </row>
    <row r="94962" spans="8:8">
      <c r="H94962" s="12"/>
    </row>
    <row r="94963" spans="8:8">
      <c r="H94963" s="12"/>
    </row>
    <row r="94964" spans="8:8">
      <c r="H94964" s="12"/>
    </row>
    <row r="94965" spans="8:8">
      <c r="H94965" s="12"/>
    </row>
    <row r="94966" spans="8:8">
      <c r="H94966" s="12"/>
    </row>
    <row r="94967" spans="8:8">
      <c r="H94967" s="12"/>
    </row>
    <row r="94968" spans="8:8">
      <c r="H94968" s="12"/>
    </row>
    <row r="94969" spans="8:8">
      <c r="H94969" s="12"/>
    </row>
    <row r="94970" spans="8:8">
      <c r="H94970" s="12"/>
    </row>
    <row r="94971" spans="8:8">
      <c r="H94971" s="12"/>
    </row>
    <row r="94972" spans="8:8">
      <c r="H94972" s="12"/>
    </row>
    <row r="94973" spans="8:8">
      <c r="H94973" s="12"/>
    </row>
    <row r="94974" spans="8:8">
      <c r="H94974" s="12"/>
    </row>
    <row r="94975" spans="8:8">
      <c r="H94975" s="12"/>
    </row>
    <row r="94976" spans="8:8">
      <c r="H94976" s="12"/>
    </row>
    <row r="94977" spans="8:8">
      <c r="H94977" s="12"/>
    </row>
    <row r="94978" spans="8:8">
      <c r="H94978" s="12"/>
    </row>
    <row r="94979" spans="8:8">
      <c r="H94979" s="12"/>
    </row>
    <row r="94980" spans="8:8">
      <c r="H94980" s="12"/>
    </row>
    <row r="94981" spans="8:8">
      <c r="H94981" s="12"/>
    </row>
    <row r="94982" spans="8:8">
      <c r="H94982" s="12"/>
    </row>
    <row r="94983" spans="8:8">
      <c r="H94983" s="12"/>
    </row>
    <row r="94984" spans="8:8">
      <c r="H94984" s="12"/>
    </row>
    <row r="94985" spans="8:8">
      <c r="H94985" s="12"/>
    </row>
    <row r="94986" spans="8:8">
      <c r="H94986" s="12"/>
    </row>
    <row r="94987" spans="8:8">
      <c r="H94987" s="12"/>
    </row>
    <row r="94988" spans="8:8">
      <c r="H94988" s="12"/>
    </row>
    <row r="94989" spans="8:8">
      <c r="H94989" s="12"/>
    </row>
    <row r="94990" spans="8:8">
      <c r="H94990" s="12"/>
    </row>
    <row r="94991" spans="8:8">
      <c r="H94991" s="12"/>
    </row>
    <row r="94992" spans="8:8">
      <c r="H94992" s="12"/>
    </row>
    <row r="94993" spans="8:8">
      <c r="H94993" s="12"/>
    </row>
    <row r="94994" spans="8:8">
      <c r="H94994" s="12"/>
    </row>
    <row r="94995" spans="8:8">
      <c r="H94995" s="12"/>
    </row>
    <row r="94996" spans="8:8">
      <c r="H94996" s="12"/>
    </row>
    <row r="94997" spans="8:8">
      <c r="H94997" s="12"/>
    </row>
    <row r="94998" spans="8:8">
      <c r="H94998" s="12"/>
    </row>
    <row r="94999" spans="8:8">
      <c r="H94999" s="12"/>
    </row>
    <row r="95000" spans="8:8">
      <c r="H95000" s="12"/>
    </row>
    <row r="95001" spans="8:8">
      <c r="H95001" s="12"/>
    </row>
    <row r="95002" spans="8:8">
      <c r="H95002" s="12"/>
    </row>
    <row r="95003" spans="8:8">
      <c r="H95003" s="12"/>
    </row>
    <row r="95004" spans="8:8">
      <c r="H95004" s="12"/>
    </row>
    <row r="95005" spans="8:8">
      <c r="H95005" s="12"/>
    </row>
    <row r="95006" spans="8:8">
      <c r="H95006" s="12"/>
    </row>
    <row r="95007" spans="8:8">
      <c r="H95007" s="12"/>
    </row>
    <row r="95008" spans="8:8">
      <c r="H95008" s="12"/>
    </row>
    <row r="95009" spans="8:8">
      <c r="H95009" s="12"/>
    </row>
    <row r="95010" spans="8:8">
      <c r="H95010" s="12"/>
    </row>
    <row r="95011" spans="8:8">
      <c r="H95011" s="12"/>
    </row>
    <row r="95012" spans="8:8">
      <c r="H95012" s="12"/>
    </row>
    <row r="95013" spans="8:8">
      <c r="H95013" s="12"/>
    </row>
    <row r="95014" spans="8:8">
      <c r="H95014" s="12"/>
    </row>
    <row r="95015" spans="8:8">
      <c r="H95015" s="12"/>
    </row>
    <row r="95016" spans="8:8">
      <c r="H95016" s="12"/>
    </row>
    <row r="95017" spans="8:8">
      <c r="H95017" s="12"/>
    </row>
    <row r="95018" spans="8:8">
      <c r="H95018" s="12"/>
    </row>
    <row r="95019" spans="8:8">
      <c r="H95019" s="12"/>
    </row>
    <row r="95020" spans="8:8">
      <c r="H95020" s="12"/>
    </row>
    <row r="95021" spans="8:8">
      <c r="H95021" s="12"/>
    </row>
    <row r="95022" spans="8:8">
      <c r="H95022" s="12"/>
    </row>
    <row r="95023" spans="8:8">
      <c r="H95023" s="12"/>
    </row>
    <row r="95024" spans="8:8">
      <c r="H95024" s="12"/>
    </row>
    <row r="95025" spans="8:8">
      <c r="H95025" s="12"/>
    </row>
    <row r="95026" spans="8:8">
      <c r="H95026" s="12"/>
    </row>
    <row r="95027" spans="8:8">
      <c r="H95027" s="12"/>
    </row>
    <row r="95028" spans="8:8">
      <c r="H95028" s="12"/>
    </row>
    <row r="95029" spans="8:8">
      <c r="H95029" s="12"/>
    </row>
    <row r="95030" spans="8:8">
      <c r="H95030" s="12"/>
    </row>
    <row r="95031" spans="8:8">
      <c r="H95031" s="12"/>
    </row>
    <row r="95032" spans="8:8">
      <c r="H95032" s="12"/>
    </row>
    <row r="95033" spans="8:8">
      <c r="H95033" s="12"/>
    </row>
    <row r="95034" spans="8:8">
      <c r="H95034" s="12"/>
    </row>
    <row r="95035" spans="8:8">
      <c r="H95035" s="12"/>
    </row>
    <row r="95036" spans="8:8">
      <c r="H95036" s="12"/>
    </row>
    <row r="95037" spans="8:8">
      <c r="H95037" s="12"/>
    </row>
    <row r="95038" spans="8:8">
      <c r="H95038" s="12"/>
    </row>
    <row r="95039" spans="8:8">
      <c r="H95039" s="12"/>
    </row>
    <row r="95040" spans="8:8">
      <c r="H95040" s="12"/>
    </row>
    <row r="95041" spans="8:8">
      <c r="H95041" s="12"/>
    </row>
    <row r="95042" spans="8:8">
      <c r="H95042" s="12"/>
    </row>
    <row r="95043" spans="8:8">
      <c r="H95043" s="12"/>
    </row>
    <row r="95044" spans="8:8">
      <c r="H95044" s="12"/>
    </row>
    <row r="95045" spans="8:8">
      <c r="H95045" s="12"/>
    </row>
    <row r="95046" spans="8:8">
      <c r="H95046" s="12"/>
    </row>
    <row r="95047" spans="8:8">
      <c r="H95047" s="12"/>
    </row>
    <row r="95048" spans="8:8">
      <c r="H95048" s="12"/>
    </row>
    <row r="95049" spans="8:8">
      <c r="H95049" s="12"/>
    </row>
    <row r="95050" spans="8:8">
      <c r="H95050" s="12"/>
    </row>
    <row r="95051" spans="8:8">
      <c r="H95051" s="12"/>
    </row>
    <row r="95052" spans="8:8">
      <c r="H95052" s="12"/>
    </row>
    <row r="95053" spans="8:8">
      <c r="H95053" s="12"/>
    </row>
    <row r="95054" spans="8:8">
      <c r="H95054" s="12"/>
    </row>
    <row r="95055" spans="8:8">
      <c r="H95055" s="12"/>
    </row>
    <row r="95056" spans="8:8">
      <c r="H95056" s="12"/>
    </row>
    <row r="95057" spans="8:8">
      <c r="H95057" s="12"/>
    </row>
    <row r="95058" spans="8:8">
      <c r="H95058" s="12"/>
    </row>
    <row r="95059" spans="8:8">
      <c r="H95059" s="12"/>
    </row>
    <row r="95060" spans="8:8">
      <c r="H95060" s="12"/>
    </row>
    <row r="95061" spans="8:8">
      <c r="H95061" s="12"/>
    </row>
    <row r="95062" spans="8:8">
      <c r="H95062" s="12"/>
    </row>
    <row r="95063" spans="8:8">
      <c r="H95063" s="12"/>
    </row>
    <row r="95064" spans="8:8">
      <c r="H95064" s="12"/>
    </row>
    <row r="95065" spans="8:8">
      <c r="H95065" s="12"/>
    </row>
    <row r="95066" spans="8:8">
      <c r="H95066" s="12"/>
    </row>
    <row r="95067" spans="8:8">
      <c r="H95067" s="12"/>
    </row>
    <row r="95068" spans="8:8">
      <c r="H95068" s="12"/>
    </row>
    <row r="95069" spans="8:8">
      <c r="H95069" s="12"/>
    </row>
    <row r="95070" spans="8:8">
      <c r="H95070" s="12"/>
    </row>
    <row r="95071" spans="8:8">
      <c r="H95071" s="12"/>
    </row>
    <row r="95072" spans="8:8">
      <c r="H95072" s="12"/>
    </row>
    <row r="95073" spans="8:8">
      <c r="H95073" s="12"/>
    </row>
    <row r="95074" spans="8:8">
      <c r="H95074" s="12"/>
    </row>
    <row r="95075" spans="8:8">
      <c r="H95075" s="12"/>
    </row>
    <row r="95076" spans="8:8">
      <c r="H95076" s="12"/>
    </row>
    <row r="95077" spans="8:8">
      <c r="H95077" s="12"/>
    </row>
    <row r="95078" spans="8:8">
      <c r="H95078" s="12"/>
    </row>
    <row r="95079" spans="8:8">
      <c r="H95079" s="12"/>
    </row>
    <row r="95080" spans="8:8">
      <c r="H95080" s="12"/>
    </row>
    <row r="95081" spans="8:8">
      <c r="H95081" s="12"/>
    </row>
    <row r="95082" spans="8:8">
      <c r="H95082" s="12"/>
    </row>
    <row r="95083" spans="8:8">
      <c r="H95083" s="12"/>
    </row>
    <row r="95084" spans="8:8">
      <c r="H95084" s="12"/>
    </row>
    <row r="95085" spans="8:8">
      <c r="H95085" s="12"/>
    </row>
    <row r="95086" spans="8:8">
      <c r="H95086" s="12"/>
    </row>
    <row r="95087" spans="8:8">
      <c r="H95087" s="12"/>
    </row>
    <row r="95088" spans="8:8">
      <c r="H95088" s="12"/>
    </row>
    <row r="95089" spans="8:8">
      <c r="H95089" s="12"/>
    </row>
    <row r="95090" spans="8:8">
      <c r="H95090" s="12"/>
    </row>
    <row r="95091" spans="8:8">
      <c r="H95091" s="12"/>
    </row>
    <row r="95092" spans="8:8">
      <c r="H95092" s="12"/>
    </row>
    <row r="95093" spans="8:8">
      <c r="H95093" s="12"/>
    </row>
    <row r="95094" spans="8:8">
      <c r="H95094" s="12"/>
    </row>
    <row r="95095" spans="8:8">
      <c r="H95095" s="12"/>
    </row>
    <row r="95096" spans="8:8">
      <c r="H95096" s="12"/>
    </row>
    <row r="95097" spans="8:8">
      <c r="H95097" s="12"/>
    </row>
    <row r="95098" spans="8:8">
      <c r="H95098" s="12"/>
    </row>
    <row r="95099" spans="8:8">
      <c r="H95099" s="12"/>
    </row>
    <row r="95100" spans="8:8">
      <c r="H95100" s="12"/>
    </row>
    <row r="95101" spans="8:8">
      <c r="H95101" s="12"/>
    </row>
    <row r="95102" spans="8:8">
      <c r="H95102" s="12"/>
    </row>
    <row r="95103" spans="8:8">
      <c r="H95103" s="12"/>
    </row>
    <row r="95104" spans="8:8">
      <c r="H95104" s="12"/>
    </row>
    <row r="95105" spans="8:8">
      <c r="H95105" s="12"/>
    </row>
    <row r="95106" spans="8:8">
      <c r="H95106" s="12"/>
    </row>
    <row r="95107" spans="8:8">
      <c r="H95107" s="12"/>
    </row>
    <row r="95108" spans="8:8">
      <c r="H95108" s="12"/>
    </row>
    <row r="95109" spans="8:8">
      <c r="H95109" s="12"/>
    </row>
    <row r="95110" spans="8:8">
      <c r="H95110" s="12"/>
    </row>
    <row r="95111" spans="8:8">
      <c r="H95111" s="12"/>
    </row>
    <row r="95112" spans="8:8">
      <c r="H95112" s="12"/>
    </row>
    <row r="95113" spans="8:8">
      <c r="H95113" s="12"/>
    </row>
    <row r="95114" spans="8:8">
      <c r="H95114" s="12"/>
    </row>
    <row r="95115" spans="8:8">
      <c r="H95115" s="12"/>
    </row>
    <row r="95116" spans="8:8">
      <c r="H95116" s="12"/>
    </row>
    <row r="95117" spans="8:8">
      <c r="H95117" s="12"/>
    </row>
    <row r="95118" spans="8:8">
      <c r="H95118" s="12"/>
    </row>
    <row r="95119" spans="8:8">
      <c r="H95119" s="12"/>
    </row>
    <row r="95120" spans="8:8">
      <c r="H95120" s="12"/>
    </row>
    <row r="95121" spans="8:8">
      <c r="H95121" s="12"/>
    </row>
    <row r="95122" spans="8:8">
      <c r="H95122" s="12"/>
    </row>
    <row r="95123" spans="8:8">
      <c r="H95123" s="12"/>
    </row>
    <row r="95124" spans="8:8">
      <c r="H95124" s="12"/>
    </row>
    <row r="95125" spans="8:8">
      <c r="H95125" s="12"/>
    </row>
    <row r="95126" spans="8:8">
      <c r="H95126" s="12"/>
    </row>
    <row r="95127" spans="8:8">
      <c r="H95127" s="12"/>
    </row>
    <row r="95128" spans="8:8">
      <c r="H95128" s="12"/>
    </row>
    <row r="95129" spans="8:8">
      <c r="H95129" s="12"/>
    </row>
    <row r="95130" spans="8:8">
      <c r="H95130" s="12"/>
    </row>
    <row r="95131" spans="8:8">
      <c r="H95131" s="12"/>
    </row>
    <row r="95132" spans="8:8">
      <c r="H95132" s="12"/>
    </row>
    <row r="95133" spans="8:8">
      <c r="H95133" s="12"/>
    </row>
    <row r="95134" spans="8:8">
      <c r="H95134" s="12"/>
    </row>
    <row r="95135" spans="8:8">
      <c r="H95135" s="12"/>
    </row>
    <row r="95136" spans="8:8">
      <c r="H95136" s="12"/>
    </row>
    <row r="95137" spans="8:8">
      <c r="H95137" s="12"/>
    </row>
    <row r="95138" spans="8:8">
      <c r="H95138" s="12"/>
    </row>
    <row r="95139" spans="8:8">
      <c r="H95139" s="12"/>
    </row>
    <row r="95140" spans="8:8">
      <c r="H95140" s="12"/>
    </row>
    <row r="95141" spans="8:8">
      <c r="H95141" s="12"/>
    </row>
    <row r="95142" spans="8:8">
      <c r="H95142" s="12"/>
    </row>
    <row r="95143" spans="8:8">
      <c r="H95143" s="12"/>
    </row>
    <row r="95144" spans="8:8">
      <c r="H95144" s="12"/>
    </row>
    <row r="95145" spans="8:8">
      <c r="H95145" s="12"/>
    </row>
    <row r="95146" spans="8:8">
      <c r="H95146" s="12"/>
    </row>
    <row r="95147" spans="8:8">
      <c r="H95147" s="12"/>
    </row>
    <row r="95148" spans="8:8">
      <c r="H95148" s="12"/>
    </row>
    <row r="95149" spans="8:8">
      <c r="H95149" s="12"/>
    </row>
    <row r="95150" spans="8:8">
      <c r="H95150" s="12"/>
    </row>
    <row r="95151" spans="8:8">
      <c r="H95151" s="12"/>
    </row>
    <row r="95152" spans="8:8">
      <c r="H95152" s="12"/>
    </row>
    <row r="95153" spans="8:8">
      <c r="H95153" s="12"/>
    </row>
    <row r="95154" spans="8:8">
      <c r="H95154" s="12"/>
    </row>
    <row r="95155" spans="8:8">
      <c r="H95155" s="12"/>
    </row>
    <row r="95156" spans="8:8">
      <c r="H95156" s="12"/>
    </row>
    <row r="95157" spans="8:8">
      <c r="H95157" s="12"/>
    </row>
    <row r="95158" spans="8:8">
      <c r="H95158" s="12"/>
    </row>
    <row r="95159" spans="8:8">
      <c r="H95159" s="12"/>
    </row>
    <row r="95160" spans="8:8">
      <c r="H95160" s="12"/>
    </row>
    <row r="95161" spans="8:8">
      <c r="H95161" s="12"/>
    </row>
    <row r="95162" spans="8:8">
      <c r="H95162" s="12"/>
    </row>
    <row r="95163" spans="8:8">
      <c r="H95163" s="12"/>
    </row>
    <row r="95164" spans="8:8">
      <c r="H95164" s="12"/>
    </row>
    <row r="95165" spans="8:8">
      <c r="H95165" s="12"/>
    </row>
    <row r="95166" spans="8:8">
      <c r="H95166" s="12"/>
    </row>
    <row r="95167" spans="8:8">
      <c r="H95167" s="12"/>
    </row>
    <row r="95168" spans="8:8">
      <c r="H95168" s="12"/>
    </row>
    <row r="95169" spans="8:8">
      <c r="H95169" s="12"/>
    </row>
    <row r="95170" spans="8:8">
      <c r="H95170" s="12"/>
    </row>
    <row r="95171" spans="8:8">
      <c r="H95171" s="12"/>
    </row>
    <row r="95172" spans="8:8">
      <c r="H95172" s="12"/>
    </row>
    <row r="95173" spans="8:8">
      <c r="H95173" s="12"/>
    </row>
    <row r="95174" spans="8:8">
      <c r="H95174" s="12"/>
    </row>
    <row r="95175" spans="8:8">
      <c r="H95175" s="12"/>
    </row>
    <row r="95176" spans="8:8">
      <c r="H95176" s="12"/>
    </row>
    <row r="95177" spans="8:8">
      <c r="H95177" s="12"/>
    </row>
    <row r="95178" spans="8:8">
      <c r="H95178" s="12"/>
    </row>
    <row r="95179" spans="8:8">
      <c r="H95179" s="12"/>
    </row>
    <row r="95180" spans="8:8">
      <c r="H95180" s="12"/>
    </row>
    <row r="95181" spans="8:8">
      <c r="H95181" s="12"/>
    </row>
    <row r="95182" spans="8:8">
      <c r="H95182" s="12"/>
    </row>
    <row r="95183" spans="8:8">
      <c r="H95183" s="12"/>
    </row>
    <row r="95184" spans="8:8">
      <c r="H95184" s="12"/>
    </row>
    <row r="95185" spans="8:8">
      <c r="H95185" s="12"/>
    </row>
    <row r="95186" spans="8:8">
      <c r="H95186" s="12"/>
    </row>
    <row r="95187" spans="8:8">
      <c r="H95187" s="12"/>
    </row>
    <row r="95188" spans="8:8">
      <c r="H95188" s="12"/>
    </row>
    <row r="95189" spans="8:8">
      <c r="H95189" s="12"/>
    </row>
    <row r="95190" spans="8:8">
      <c r="H95190" s="12"/>
    </row>
    <row r="95191" spans="8:8">
      <c r="H95191" s="12"/>
    </row>
    <row r="95192" spans="8:8">
      <c r="H95192" s="12"/>
    </row>
    <row r="95193" spans="8:8">
      <c r="H95193" s="12"/>
    </row>
    <row r="95194" spans="8:8">
      <c r="H95194" s="12"/>
    </row>
    <row r="95195" spans="8:8">
      <c r="H95195" s="12"/>
    </row>
    <row r="95196" spans="8:8">
      <c r="H95196" s="12"/>
    </row>
    <row r="95197" spans="8:8">
      <c r="H95197" s="12"/>
    </row>
    <row r="95198" spans="8:8">
      <c r="H95198" s="12"/>
    </row>
    <row r="95199" spans="8:8">
      <c r="H95199" s="12"/>
    </row>
    <row r="95200" spans="8:8">
      <c r="H95200" s="12"/>
    </row>
    <row r="95201" spans="8:8">
      <c r="H95201" s="12"/>
    </row>
    <row r="95202" spans="8:8">
      <c r="H95202" s="12"/>
    </row>
    <row r="95203" spans="8:8">
      <c r="H95203" s="12"/>
    </row>
    <row r="95204" spans="8:8">
      <c r="H95204" s="12"/>
    </row>
    <row r="95205" spans="8:8">
      <c r="H95205" s="12"/>
    </row>
    <row r="95206" spans="8:8">
      <c r="H95206" s="12"/>
    </row>
    <row r="95207" spans="8:8">
      <c r="H95207" s="12"/>
    </row>
    <row r="95208" spans="8:8">
      <c r="H95208" s="12"/>
    </row>
    <row r="95209" spans="8:8">
      <c r="H95209" s="12"/>
    </row>
    <row r="95210" spans="8:8">
      <c r="H95210" s="12"/>
    </row>
    <row r="95211" spans="8:8">
      <c r="H95211" s="12"/>
    </row>
    <row r="95212" spans="8:8">
      <c r="H95212" s="12"/>
    </row>
    <row r="95213" spans="8:8">
      <c r="H95213" s="12"/>
    </row>
    <row r="95214" spans="8:8">
      <c r="H95214" s="12"/>
    </row>
    <row r="95215" spans="8:8">
      <c r="H95215" s="12"/>
    </row>
    <row r="95216" spans="8:8">
      <c r="H95216" s="12"/>
    </row>
    <row r="95217" spans="8:8">
      <c r="H95217" s="12"/>
    </row>
    <row r="95218" spans="8:8">
      <c r="H95218" s="12"/>
    </row>
    <row r="95219" spans="8:8">
      <c r="H95219" s="12"/>
    </row>
    <row r="95220" spans="8:8">
      <c r="H95220" s="12"/>
    </row>
    <row r="95221" spans="8:8">
      <c r="H95221" s="12"/>
    </row>
    <row r="95222" spans="8:8">
      <c r="H95222" s="12"/>
    </row>
    <row r="95223" spans="8:8">
      <c r="H95223" s="12"/>
    </row>
    <row r="95224" spans="8:8">
      <c r="H95224" s="12"/>
    </row>
    <row r="95225" spans="8:8">
      <c r="H95225" s="12"/>
    </row>
    <row r="95226" spans="8:8">
      <c r="H95226" s="12"/>
    </row>
    <row r="95227" spans="8:8">
      <c r="H95227" s="12"/>
    </row>
    <row r="95228" spans="8:8">
      <c r="H95228" s="12"/>
    </row>
    <row r="95229" spans="8:8">
      <c r="H95229" s="12"/>
    </row>
    <row r="95230" spans="8:8">
      <c r="H95230" s="12"/>
    </row>
    <row r="95231" spans="8:8">
      <c r="H95231" s="12"/>
    </row>
    <row r="95232" spans="8:8">
      <c r="H95232" s="12"/>
    </row>
    <row r="95233" spans="8:8">
      <c r="H95233" s="12"/>
    </row>
    <row r="95234" spans="8:8">
      <c r="H95234" s="12"/>
    </row>
    <row r="95235" spans="8:8">
      <c r="H95235" s="12"/>
    </row>
    <row r="95236" spans="8:8">
      <c r="H95236" s="12"/>
    </row>
    <row r="95237" spans="8:8">
      <c r="H95237" s="12"/>
    </row>
    <row r="95238" spans="8:8">
      <c r="H95238" s="12"/>
    </row>
    <row r="95239" spans="8:8">
      <c r="H95239" s="12"/>
    </row>
    <row r="95240" spans="8:8">
      <c r="H95240" s="12"/>
    </row>
    <row r="95241" spans="8:8">
      <c r="H95241" s="12"/>
    </row>
    <row r="95242" spans="8:8">
      <c r="H95242" s="12"/>
    </row>
    <row r="95243" spans="8:8">
      <c r="H95243" s="12"/>
    </row>
    <row r="95244" spans="8:8">
      <c r="H95244" s="12"/>
    </row>
    <row r="95245" spans="8:8">
      <c r="H95245" s="12"/>
    </row>
    <row r="95246" spans="8:8">
      <c r="H95246" s="12"/>
    </row>
    <row r="95247" spans="8:8">
      <c r="H95247" s="12"/>
    </row>
    <row r="95248" spans="8:8">
      <c r="H95248" s="12"/>
    </row>
    <row r="95249" spans="8:8">
      <c r="H95249" s="12"/>
    </row>
    <row r="95250" spans="8:8">
      <c r="H95250" s="12"/>
    </row>
    <row r="95251" spans="8:8">
      <c r="H95251" s="12"/>
    </row>
    <row r="95252" spans="8:8">
      <c r="H95252" s="12"/>
    </row>
    <row r="95253" spans="8:8">
      <c r="H95253" s="12"/>
    </row>
    <row r="95254" spans="8:8">
      <c r="H95254" s="12"/>
    </row>
    <row r="95255" spans="8:8">
      <c r="H95255" s="12"/>
    </row>
    <row r="95256" spans="8:8">
      <c r="H95256" s="12"/>
    </row>
    <row r="95257" spans="8:8">
      <c r="H95257" s="12"/>
    </row>
    <row r="95258" spans="8:8">
      <c r="H95258" s="12"/>
    </row>
    <row r="95259" spans="8:8">
      <c r="H95259" s="12"/>
    </row>
    <row r="95260" spans="8:8">
      <c r="H95260" s="12"/>
    </row>
    <row r="95261" spans="8:8">
      <c r="H95261" s="12"/>
    </row>
    <row r="95262" spans="8:8">
      <c r="H95262" s="12"/>
    </row>
    <row r="95263" spans="8:8">
      <c r="H95263" s="12"/>
    </row>
    <row r="95264" spans="8:8">
      <c r="H95264" s="12"/>
    </row>
    <row r="95265" spans="8:8">
      <c r="H95265" s="12"/>
    </row>
    <row r="95266" spans="8:8">
      <c r="H95266" s="12"/>
    </row>
    <row r="95267" spans="8:8">
      <c r="H95267" s="12"/>
    </row>
    <row r="95268" spans="8:8">
      <c r="H95268" s="12"/>
    </row>
    <row r="95269" spans="8:8">
      <c r="H95269" s="12"/>
    </row>
    <row r="95270" spans="8:8">
      <c r="H95270" s="12"/>
    </row>
    <row r="95271" spans="8:8">
      <c r="H95271" s="12"/>
    </row>
    <row r="95272" spans="8:8">
      <c r="H95272" s="12"/>
    </row>
    <row r="95273" spans="8:8">
      <c r="H95273" s="12"/>
    </row>
    <row r="95274" spans="8:8">
      <c r="H95274" s="12"/>
    </row>
    <row r="95275" spans="8:8">
      <c r="H95275" s="12"/>
    </row>
    <row r="95276" spans="8:8">
      <c r="H95276" s="12"/>
    </row>
    <row r="95277" spans="8:8">
      <c r="H95277" s="12"/>
    </row>
    <row r="95278" spans="8:8">
      <c r="H95278" s="12"/>
    </row>
    <row r="95279" spans="8:8">
      <c r="H95279" s="12"/>
    </row>
    <row r="95280" spans="8:8">
      <c r="H95280" s="12"/>
    </row>
    <row r="95281" spans="8:8">
      <c r="H95281" s="12"/>
    </row>
    <row r="95282" spans="8:8">
      <c r="H95282" s="12"/>
    </row>
    <row r="95283" spans="8:8">
      <c r="H95283" s="12"/>
    </row>
    <row r="95284" spans="8:8">
      <c r="H95284" s="12"/>
    </row>
    <row r="95285" spans="8:8">
      <c r="H95285" s="12"/>
    </row>
    <row r="95286" spans="8:8">
      <c r="H95286" s="12"/>
    </row>
    <row r="95287" spans="8:8">
      <c r="H95287" s="12"/>
    </row>
    <row r="95288" spans="8:8">
      <c r="H95288" s="12"/>
    </row>
    <row r="95289" spans="8:8">
      <c r="H95289" s="12"/>
    </row>
    <row r="95290" spans="8:8">
      <c r="H95290" s="12"/>
    </row>
    <row r="95291" spans="8:8">
      <c r="H95291" s="12"/>
    </row>
    <row r="95292" spans="8:8">
      <c r="H95292" s="12"/>
    </row>
    <row r="95293" spans="8:8">
      <c r="H95293" s="12"/>
    </row>
    <row r="95294" spans="8:8">
      <c r="H95294" s="12"/>
    </row>
    <row r="95295" spans="8:8">
      <c r="H95295" s="12"/>
    </row>
    <row r="95296" spans="8:8">
      <c r="H95296" s="12"/>
    </row>
    <row r="95297" spans="8:8">
      <c r="H95297" s="12"/>
    </row>
    <row r="95298" spans="8:8">
      <c r="H95298" s="12"/>
    </row>
    <row r="95299" spans="8:8">
      <c r="H95299" s="12"/>
    </row>
    <row r="95300" spans="8:8">
      <c r="H95300" s="12"/>
    </row>
    <row r="95301" spans="8:8">
      <c r="H95301" s="12"/>
    </row>
    <row r="95302" spans="8:8">
      <c r="H95302" s="12"/>
    </row>
    <row r="95303" spans="8:8">
      <c r="H95303" s="12"/>
    </row>
    <row r="95304" spans="8:8">
      <c r="H95304" s="12"/>
    </row>
    <row r="95305" spans="8:8">
      <c r="H95305" s="12"/>
    </row>
    <row r="95306" spans="8:8">
      <c r="H95306" s="12"/>
    </row>
    <row r="95307" spans="8:8">
      <c r="H95307" s="12"/>
    </row>
    <row r="95308" spans="8:8">
      <c r="H95308" s="12"/>
    </row>
    <row r="95309" spans="8:8">
      <c r="H95309" s="12"/>
    </row>
    <row r="95310" spans="8:8">
      <c r="H95310" s="12"/>
    </row>
    <row r="95311" spans="8:8">
      <c r="H95311" s="12"/>
    </row>
    <row r="95312" spans="8:8">
      <c r="H95312" s="12"/>
    </row>
    <row r="95313" spans="8:8">
      <c r="H95313" s="12"/>
    </row>
    <row r="95314" spans="8:8">
      <c r="H95314" s="12"/>
    </row>
    <row r="95315" spans="8:8">
      <c r="H95315" s="12"/>
    </row>
    <row r="95316" spans="8:8">
      <c r="H95316" s="12"/>
    </row>
    <row r="95317" spans="8:8">
      <c r="H95317" s="12"/>
    </row>
    <row r="95318" spans="8:8">
      <c r="H95318" s="12"/>
    </row>
    <row r="95319" spans="8:8">
      <c r="H95319" s="12"/>
    </row>
    <row r="95320" spans="8:8">
      <c r="H95320" s="12"/>
    </row>
    <row r="95321" spans="8:8">
      <c r="H95321" s="12"/>
    </row>
    <row r="95322" spans="8:8">
      <c r="H95322" s="12"/>
    </row>
    <row r="95323" spans="8:8">
      <c r="H95323" s="12"/>
    </row>
    <row r="95324" spans="8:8">
      <c r="H95324" s="12"/>
    </row>
    <row r="95325" spans="8:8">
      <c r="H95325" s="12"/>
    </row>
    <row r="95326" spans="8:8">
      <c r="H95326" s="12"/>
    </row>
    <row r="95327" spans="8:8">
      <c r="H95327" s="12"/>
    </row>
    <row r="95328" spans="8:8">
      <c r="H95328" s="12"/>
    </row>
    <row r="95329" spans="8:8">
      <c r="H95329" s="12"/>
    </row>
    <row r="95330" spans="8:8">
      <c r="H95330" s="12"/>
    </row>
    <row r="95331" spans="8:8">
      <c r="H95331" s="12"/>
    </row>
    <row r="95332" spans="8:8">
      <c r="H95332" s="12"/>
    </row>
    <row r="95333" spans="8:8">
      <c r="H95333" s="12"/>
    </row>
    <row r="95334" spans="8:8">
      <c r="H95334" s="12"/>
    </row>
    <row r="95335" spans="8:8">
      <c r="H95335" s="12"/>
    </row>
    <row r="95336" spans="8:8">
      <c r="H95336" s="12"/>
    </row>
    <row r="95337" spans="8:8">
      <c r="H95337" s="12"/>
    </row>
    <row r="95338" spans="8:8">
      <c r="H95338" s="12"/>
    </row>
    <row r="95339" spans="8:8">
      <c r="H95339" s="12"/>
    </row>
    <row r="95340" spans="8:8">
      <c r="H95340" s="12"/>
    </row>
    <row r="95341" spans="8:8">
      <c r="H95341" s="12"/>
    </row>
    <row r="95342" spans="8:8">
      <c r="H95342" s="12"/>
    </row>
    <row r="95343" spans="8:8">
      <c r="H95343" s="12"/>
    </row>
    <row r="95344" spans="8:8">
      <c r="H95344" s="12"/>
    </row>
    <row r="95345" spans="8:8">
      <c r="H95345" s="12"/>
    </row>
    <row r="95346" spans="8:8">
      <c r="H95346" s="12"/>
    </row>
    <row r="95347" spans="8:8">
      <c r="H95347" s="12"/>
    </row>
    <row r="95348" spans="8:8">
      <c r="H95348" s="12"/>
    </row>
    <row r="95349" spans="8:8">
      <c r="H95349" s="12"/>
    </row>
    <row r="95350" spans="8:8">
      <c r="H95350" s="12"/>
    </row>
    <row r="95351" spans="8:8">
      <c r="H95351" s="12"/>
    </row>
    <row r="95352" spans="8:8">
      <c r="H95352" s="12"/>
    </row>
    <row r="95353" spans="8:8">
      <c r="H95353" s="12"/>
    </row>
    <row r="95354" spans="8:8">
      <c r="H95354" s="12"/>
    </row>
    <row r="95355" spans="8:8">
      <c r="H95355" s="12"/>
    </row>
    <row r="95356" spans="8:8">
      <c r="H95356" s="12"/>
    </row>
    <row r="95357" spans="8:8">
      <c r="H95357" s="12"/>
    </row>
    <row r="95358" spans="8:8">
      <c r="H95358" s="12"/>
    </row>
    <row r="95359" spans="8:8">
      <c r="H95359" s="12"/>
    </row>
    <row r="95360" spans="8:8">
      <c r="H95360" s="12"/>
    </row>
    <row r="95361" spans="8:8">
      <c r="H95361" s="12"/>
    </row>
    <row r="95362" spans="8:8">
      <c r="H95362" s="12"/>
    </row>
    <row r="95363" spans="8:8">
      <c r="H95363" s="12"/>
    </row>
    <row r="95364" spans="8:8">
      <c r="H95364" s="12"/>
    </row>
    <row r="95365" spans="8:8">
      <c r="H95365" s="12"/>
    </row>
    <row r="95366" spans="8:8">
      <c r="H95366" s="12"/>
    </row>
    <row r="95367" spans="8:8">
      <c r="H95367" s="12"/>
    </row>
    <row r="95368" spans="8:8">
      <c r="H95368" s="12"/>
    </row>
    <row r="95369" spans="8:8">
      <c r="H95369" s="12"/>
    </row>
    <row r="95370" spans="8:8">
      <c r="H95370" s="12"/>
    </row>
    <row r="95371" spans="8:8">
      <c r="H95371" s="12"/>
    </row>
    <row r="95372" spans="8:8">
      <c r="H95372" s="12"/>
    </row>
    <row r="95373" spans="8:8">
      <c r="H95373" s="12"/>
    </row>
    <row r="95374" spans="8:8">
      <c r="H95374" s="12"/>
    </row>
    <row r="95375" spans="8:8">
      <c r="H95375" s="12"/>
    </row>
    <row r="95376" spans="8:8">
      <c r="H95376" s="12"/>
    </row>
    <row r="95377" spans="8:8">
      <c r="H95377" s="12"/>
    </row>
    <row r="95378" spans="8:8">
      <c r="H95378" s="12"/>
    </row>
    <row r="95379" spans="8:8">
      <c r="H95379" s="12"/>
    </row>
    <row r="95380" spans="8:8">
      <c r="H95380" s="12"/>
    </row>
    <row r="95381" spans="8:8">
      <c r="H95381" s="12"/>
    </row>
    <row r="95382" spans="8:8">
      <c r="H95382" s="12"/>
    </row>
    <row r="95383" spans="8:8">
      <c r="H95383" s="12"/>
    </row>
    <row r="95384" spans="8:8">
      <c r="H95384" s="12"/>
    </row>
    <row r="95385" spans="8:8">
      <c r="H95385" s="12"/>
    </row>
    <row r="95386" spans="8:8">
      <c r="H95386" s="12"/>
    </row>
    <row r="95387" spans="8:8">
      <c r="H95387" s="12"/>
    </row>
    <row r="95388" spans="8:8">
      <c r="H95388" s="12"/>
    </row>
    <row r="95389" spans="8:8">
      <c r="H95389" s="12"/>
    </row>
    <row r="95390" spans="8:8">
      <c r="H95390" s="12"/>
    </row>
    <row r="95391" spans="8:8">
      <c r="H95391" s="12"/>
    </row>
    <row r="95392" spans="8:8">
      <c r="H95392" s="12"/>
    </row>
    <row r="95393" spans="8:8">
      <c r="H95393" s="12"/>
    </row>
    <row r="95394" spans="8:8">
      <c r="H95394" s="12"/>
    </row>
    <row r="95395" spans="8:8">
      <c r="H95395" s="12"/>
    </row>
    <row r="95396" spans="8:8">
      <c r="H95396" s="12"/>
    </row>
    <row r="95397" spans="8:8">
      <c r="H95397" s="12"/>
    </row>
    <row r="95398" spans="8:8">
      <c r="H95398" s="12"/>
    </row>
    <row r="95399" spans="8:8">
      <c r="H95399" s="12"/>
    </row>
    <row r="95400" spans="8:8">
      <c r="H95400" s="12"/>
    </row>
    <row r="95401" spans="8:8">
      <c r="H95401" s="12"/>
    </row>
    <row r="95402" spans="8:8">
      <c r="H95402" s="12"/>
    </row>
    <row r="95403" spans="8:8">
      <c r="H95403" s="12"/>
    </row>
    <row r="95404" spans="8:8">
      <c r="H95404" s="12"/>
    </row>
    <row r="95405" spans="8:8">
      <c r="H95405" s="12"/>
    </row>
    <row r="95406" spans="8:8">
      <c r="H95406" s="12"/>
    </row>
    <row r="95407" spans="8:8">
      <c r="H95407" s="12"/>
    </row>
    <row r="95408" spans="8:8">
      <c r="H95408" s="12"/>
    </row>
    <row r="95409" spans="8:8">
      <c r="H95409" s="12"/>
    </row>
    <row r="95410" spans="8:8">
      <c r="H95410" s="12"/>
    </row>
    <row r="95411" spans="8:8">
      <c r="H95411" s="12"/>
    </row>
    <row r="95412" spans="8:8">
      <c r="H95412" s="12"/>
    </row>
    <row r="95413" spans="8:8">
      <c r="H95413" s="12"/>
    </row>
    <row r="95414" spans="8:8">
      <c r="H95414" s="12"/>
    </row>
    <row r="95415" spans="8:8">
      <c r="H95415" s="12"/>
    </row>
    <row r="95416" spans="8:8">
      <c r="H95416" s="12"/>
    </row>
    <row r="95417" spans="8:8">
      <c r="H95417" s="12"/>
    </row>
    <row r="95418" spans="8:8">
      <c r="H95418" s="12"/>
    </row>
    <row r="95419" spans="8:8">
      <c r="H95419" s="12"/>
    </row>
    <row r="95420" spans="8:8">
      <c r="H95420" s="12"/>
    </row>
    <row r="95421" spans="8:8">
      <c r="H95421" s="12"/>
    </row>
    <row r="95422" spans="8:8">
      <c r="H95422" s="12"/>
    </row>
    <row r="95423" spans="8:8">
      <c r="H95423" s="12"/>
    </row>
    <row r="95424" spans="8:8">
      <c r="H95424" s="12"/>
    </row>
    <row r="95425" spans="8:8">
      <c r="H95425" s="12"/>
    </row>
    <row r="95426" spans="8:8">
      <c r="H95426" s="12"/>
    </row>
    <row r="95427" spans="8:8">
      <c r="H95427" s="12"/>
    </row>
    <row r="95428" spans="8:8">
      <c r="H95428" s="12"/>
    </row>
    <row r="95429" spans="8:8">
      <c r="H95429" s="12"/>
    </row>
    <row r="95430" spans="8:8">
      <c r="H95430" s="12"/>
    </row>
    <row r="95431" spans="8:8">
      <c r="H95431" s="12"/>
    </row>
    <row r="95432" spans="8:8">
      <c r="H95432" s="12"/>
    </row>
    <row r="95433" spans="8:8">
      <c r="H95433" s="12"/>
    </row>
    <row r="95434" spans="8:8">
      <c r="H95434" s="12"/>
    </row>
    <row r="95435" spans="8:8">
      <c r="H95435" s="12"/>
    </row>
    <row r="95436" spans="8:8">
      <c r="H95436" s="12"/>
    </row>
    <row r="95437" spans="8:8">
      <c r="H95437" s="12"/>
    </row>
    <row r="95438" spans="8:8">
      <c r="H95438" s="12"/>
    </row>
    <row r="95439" spans="8:8">
      <c r="H95439" s="12"/>
    </row>
    <row r="95440" spans="8:8">
      <c r="H95440" s="12"/>
    </row>
    <row r="95441" spans="8:8">
      <c r="H95441" s="12"/>
    </row>
    <row r="95442" spans="8:8">
      <c r="H95442" s="12"/>
    </row>
    <row r="95443" spans="8:8">
      <c r="H95443" s="12"/>
    </row>
    <row r="95444" spans="8:8">
      <c r="H95444" s="12"/>
    </row>
    <row r="95445" spans="8:8">
      <c r="H95445" s="12"/>
    </row>
    <row r="95446" spans="8:8">
      <c r="H95446" s="12"/>
    </row>
    <row r="95447" spans="8:8">
      <c r="H95447" s="12"/>
    </row>
    <row r="95448" spans="8:8">
      <c r="H95448" s="12"/>
    </row>
    <row r="95449" spans="8:8">
      <c r="H95449" s="12"/>
    </row>
    <row r="95450" spans="8:8">
      <c r="H95450" s="12"/>
    </row>
    <row r="95451" spans="8:8">
      <c r="H95451" s="12"/>
    </row>
    <row r="95452" spans="8:8">
      <c r="H95452" s="12"/>
    </row>
    <row r="95453" spans="8:8">
      <c r="H95453" s="12"/>
    </row>
    <row r="95454" spans="8:8">
      <c r="H95454" s="12"/>
    </row>
    <row r="95455" spans="8:8">
      <c r="H95455" s="12"/>
    </row>
    <row r="95456" spans="8:8">
      <c r="H95456" s="12"/>
    </row>
    <row r="95457" spans="8:8">
      <c r="H95457" s="12"/>
    </row>
    <row r="95458" spans="8:8">
      <c r="H95458" s="12"/>
    </row>
    <row r="95459" spans="8:8">
      <c r="H95459" s="12"/>
    </row>
    <row r="95460" spans="8:8">
      <c r="H95460" s="12"/>
    </row>
    <row r="95461" spans="8:8">
      <c r="H95461" s="12"/>
    </row>
    <row r="95462" spans="8:8">
      <c r="H95462" s="12"/>
    </row>
    <row r="95463" spans="8:8">
      <c r="H95463" s="12"/>
    </row>
    <row r="95464" spans="8:8">
      <c r="H95464" s="12"/>
    </row>
    <row r="95465" spans="8:8">
      <c r="H95465" s="12"/>
    </row>
    <row r="95466" spans="8:8">
      <c r="H95466" s="12"/>
    </row>
    <row r="95467" spans="8:8">
      <c r="H95467" s="12"/>
    </row>
    <row r="95468" spans="8:8">
      <c r="H95468" s="12"/>
    </row>
    <row r="95469" spans="8:8">
      <c r="H95469" s="12"/>
    </row>
    <row r="95470" spans="8:8">
      <c r="H95470" s="12"/>
    </row>
    <row r="95471" spans="8:8">
      <c r="H95471" s="12"/>
    </row>
    <row r="95472" spans="8:8">
      <c r="H95472" s="12"/>
    </row>
    <row r="95473" spans="8:8">
      <c r="H95473" s="12"/>
    </row>
    <row r="95474" spans="8:8">
      <c r="H95474" s="12"/>
    </row>
    <row r="95475" spans="8:8">
      <c r="H95475" s="12"/>
    </row>
    <row r="95476" spans="8:8">
      <c r="H95476" s="12"/>
    </row>
    <row r="95477" spans="8:8">
      <c r="H95477" s="12"/>
    </row>
    <row r="95478" spans="8:8">
      <c r="H95478" s="12"/>
    </row>
    <row r="95479" spans="8:8">
      <c r="H95479" s="12"/>
    </row>
    <row r="95480" spans="8:8">
      <c r="H95480" s="12"/>
    </row>
    <row r="95481" spans="8:8">
      <c r="H95481" s="12"/>
    </row>
    <row r="95482" spans="8:8">
      <c r="H95482" s="12"/>
    </row>
    <row r="95483" spans="8:8">
      <c r="H95483" s="12"/>
    </row>
    <row r="95484" spans="8:8">
      <c r="H95484" s="12"/>
    </row>
    <row r="95485" spans="8:8">
      <c r="H95485" s="12"/>
    </row>
    <row r="95486" spans="8:8">
      <c r="H95486" s="12"/>
    </row>
    <row r="95487" spans="8:8">
      <c r="H95487" s="12"/>
    </row>
    <row r="95488" spans="8:8">
      <c r="H95488" s="12"/>
    </row>
    <row r="95489" spans="8:8">
      <c r="H95489" s="12"/>
    </row>
    <row r="95490" spans="8:8">
      <c r="H95490" s="12"/>
    </row>
    <row r="95491" spans="8:8">
      <c r="H95491" s="12"/>
    </row>
    <row r="95492" spans="8:8">
      <c r="H95492" s="12"/>
    </row>
    <row r="95493" spans="8:8">
      <c r="H95493" s="12"/>
    </row>
    <row r="95494" spans="8:8">
      <c r="H95494" s="12"/>
    </row>
    <row r="95495" spans="8:8">
      <c r="H95495" s="12"/>
    </row>
    <row r="95496" spans="8:8">
      <c r="H95496" s="12"/>
    </row>
    <row r="95497" spans="8:8">
      <c r="H95497" s="12"/>
    </row>
    <row r="95498" spans="8:8">
      <c r="H95498" s="12"/>
    </row>
    <row r="95499" spans="8:8">
      <c r="H95499" s="12"/>
    </row>
    <row r="95500" spans="8:8">
      <c r="H95500" s="12"/>
    </row>
    <row r="95501" spans="8:8">
      <c r="H95501" s="12"/>
    </row>
    <row r="95502" spans="8:8">
      <c r="H95502" s="12"/>
    </row>
    <row r="95503" spans="8:8">
      <c r="H95503" s="12"/>
    </row>
    <row r="95504" spans="8:8">
      <c r="H95504" s="12"/>
    </row>
    <row r="95505" spans="8:8">
      <c r="H95505" s="12"/>
    </row>
    <row r="95506" spans="8:8">
      <c r="H95506" s="12"/>
    </row>
    <row r="95507" spans="8:8">
      <c r="H95507" s="12"/>
    </row>
    <row r="95508" spans="8:8">
      <c r="H95508" s="12"/>
    </row>
    <row r="95509" spans="8:8">
      <c r="H95509" s="12"/>
    </row>
    <row r="95510" spans="8:8">
      <c r="H95510" s="12"/>
    </row>
    <row r="95511" spans="8:8">
      <c r="H95511" s="12"/>
    </row>
    <row r="95512" spans="8:8">
      <c r="H95512" s="12"/>
    </row>
    <row r="95513" spans="8:8">
      <c r="H95513" s="12"/>
    </row>
    <row r="95514" spans="8:8">
      <c r="H95514" s="12"/>
    </row>
    <row r="95515" spans="8:8">
      <c r="H95515" s="12"/>
    </row>
    <row r="95516" spans="8:8">
      <c r="H95516" s="12"/>
    </row>
    <row r="95517" spans="8:8">
      <c r="H95517" s="12"/>
    </row>
    <row r="95518" spans="8:8">
      <c r="H95518" s="12"/>
    </row>
    <row r="95519" spans="8:8">
      <c r="H95519" s="12"/>
    </row>
    <row r="95520" spans="8:8">
      <c r="H95520" s="12"/>
    </row>
    <row r="95521" spans="8:8">
      <c r="H95521" s="12"/>
    </row>
    <row r="95522" spans="8:8">
      <c r="H95522" s="12"/>
    </row>
    <row r="95523" spans="8:8">
      <c r="H95523" s="12"/>
    </row>
    <row r="95524" spans="8:8">
      <c r="H95524" s="12"/>
    </row>
    <row r="95525" spans="8:8">
      <c r="H95525" s="12"/>
    </row>
    <row r="95526" spans="8:8">
      <c r="H95526" s="12"/>
    </row>
    <row r="95527" spans="8:8">
      <c r="H95527" s="12"/>
    </row>
    <row r="95528" spans="8:8">
      <c r="H95528" s="12"/>
    </row>
    <row r="95529" spans="8:8">
      <c r="H95529" s="12"/>
    </row>
    <row r="95530" spans="8:8">
      <c r="H95530" s="12"/>
    </row>
    <row r="95531" spans="8:8">
      <c r="H95531" s="12"/>
    </row>
    <row r="95532" spans="8:8">
      <c r="H95532" s="12"/>
    </row>
    <row r="95533" spans="8:8">
      <c r="H95533" s="12"/>
    </row>
    <row r="95534" spans="8:8">
      <c r="H95534" s="12"/>
    </row>
    <row r="95535" spans="8:8">
      <c r="H95535" s="12"/>
    </row>
    <row r="95536" spans="8:8">
      <c r="H95536" s="12"/>
    </row>
    <row r="95537" spans="8:8">
      <c r="H95537" s="12"/>
    </row>
    <row r="95538" spans="8:8">
      <c r="H95538" s="12"/>
    </row>
    <row r="95539" spans="8:8">
      <c r="H95539" s="12"/>
    </row>
    <row r="95540" spans="8:8">
      <c r="H95540" s="12"/>
    </row>
    <row r="95541" spans="8:8">
      <c r="H95541" s="12"/>
    </row>
    <row r="95542" spans="8:8">
      <c r="H95542" s="12"/>
    </row>
    <row r="95543" spans="8:8">
      <c r="H95543" s="12"/>
    </row>
    <row r="95544" spans="8:8">
      <c r="H95544" s="12"/>
    </row>
    <row r="95545" spans="8:8">
      <c r="H95545" s="12"/>
    </row>
    <row r="95546" spans="8:8">
      <c r="H95546" s="12"/>
    </row>
    <row r="95547" spans="8:8">
      <c r="H95547" s="12"/>
    </row>
    <row r="95548" spans="8:8">
      <c r="H95548" s="12"/>
    </row>
    <row r="95549" spans="8:8">
      <c r="H95549" s="12"/>
    </row>
    <row r="95550" spans="8:8">
      <c r="H95550" s="12"/>
    </row>
    <row r="95551" spans="8:8">
      <c r="H95551" s="12"/>
    </row>
    <row r="95552" spans="8:8">
      <c r="H95552" s="12"/>
    </row>
    <row r="95553" spans="8:8">
      <c r="H95553" s="12"/>
    </row>
    <row r="95554" spans="8:8">
      <c r="H95554" s="12"/>
    </row>
    <row r="95555" spans="8:8">
      <c r="H95555" s="12"/>
    </row>
    <row r="95556" spans="8:8">
      <c r="H95556" s="12"/>
    </row>
    <row r="95557" spans="8:8">
      <c r="H95557" s="12"/>
    </row>
    <row r="95558" spans="8:8">
      <c r="H95558" s="12"/>
    </row>
    <row r="95559" spans="8:8">
      <c r="H95559" s="12"/>
    </row>
    <row r="95560" spans="8:8">
      <c r="H95560" s="12"/>
    </row>
    <row r="95561" spans="8:8">
      <c r="H95561" s="12"/>
    </row>
    <row r="95562" spans="8:8">
      <c r="H95562" s="12"/>
    </row>
    <row r="95563" spans="8:8">
      <c r="H95563" s="12"/>
    </row>
    <row r="95564" spans="8:8">
      <c r="H95564" s="12"/>
    </row>
    <row r="95565" spans="8:8">
      <c r="H95565" s="12"/>
    </row>
    <row r="95566" spans="8:8">
      <c r="H95566" s="12"/>
    </row>
    <row r="95567" spans="8:8">
      <c r="H95567" s="12"/>
    </row>
    <row r="95568" spans="8:8">
      <c r="H95568" s="12"/>
    </row>
    <row r="95569" spans="8:8">
      <c r="H95569" s="12"/>
    </row>
    <row r="95570" spans="8:8">
      <c r="H95570" s="12"/>
    </row>
    <row r="95571" spans="8:8">
      <c r="H95571" s="12"/>
    </row>
    <row r="95572" spans="8:8">
      <c r="H95572" s="12"/>
    </row>
    <row r="95573" spans="8:8">
      <c r="H95573" s="12"/>
    </row>
    <row r="95574" spans="8:8">
      <c r="H95574" s="12"/>
    </row>
    <row r="95575" spans="8:8">
      <c r="H95575" s="12"/>
    </row>
    <row r="95576" spans="8:8">
      <c r="H95576" s="12"/>
    </row>
    <row r="95577" spans="8:8">
      <c r="H95577" s="12"/>
    </row>
    <row r="95578" spans="8:8">
      <c r="H95578" s="12"/>
    </row>
    <row r="95579" spans="8:8">
      <c r="H95579" s="12"/>
    </row>
    <row r="95580" spans="8:8">
      <c r="H95580" s="12"/>
    </row>
    <row r="95581" spans="8:8">
      <c r="H95581" s="12"/>
    </row>
    <row r="95582" spans="8:8">
      <c r="H95582" s="12"/>
    </row>
    <row r="95583" spans="8:8">
      <c r="H95583" s="12"/>
    </row>
    <row r="95584" spans="8:8">
      <c r="H95584" s="12"/>
    </row>
    <row r="95585" spans="8:8">
      <c r="H95585" s="12"/>
    </row>
    <row r="95586" spans="8:8">
      <c r="H95586" s="12"/>
    </row>
    <row r="95587" spans="8:8">
      <c r="H95587" s="12"/>
    </row>
    <row r="95588" spans="8:8">
      <c r="H95588" s="12"/>
    </row>
    <row r="95589" spans="8:8">
      <c r="H95589" s="12"/>
    </row>
    <row r="95590" spans="8:8">
      <c r="H95590" s="12"/>
    </row>
    <row r="95591" spans="8:8">
      <c r="H95591" s="12"/>
    </row>
    <row r="95592" spans="8:8">
      <c r="H95592" s="12"/>
    </row>
    <row r="95593" spans="8:8">
      <c r="H95593" s="12"/>
    </row>
    <row r="95594" spans="8:8">
      <c r="H95594" s="12"/>
    </row>
    <row r="95595" spans="8:8">
      <c r="H95595" s="12"/>
    </row>
    <row r="95596" spans="8:8">
      <c r="H95596" s="12"/>
    </row>
    <row r="95597" spans="8:8">
      <c r="H95597" s="12"/>
    </row>
    <row r="95598" spans="8:8">
      <c r="H95598" s="12"/>
    </row>
    <row r="95599" spans="8:8">
      <c r="H95599" s="12"/>
    </row>
    <row r="95600" spans="8:8">
      <c r="H95600" s="12"/>
    </row>
    <row r="95601" spans="8:8">
      <c r="H95601" s="12"/>
    </row>
    <row r="95602" spans="8:8">
      <c r="H95602" s="12"/>
    </row>
    <row r="95603" spans="8:8">
      <c r="H95603" s="12"/>
    </row>
    <row r="95604" spans="8:8">
      <c r="H95604" s="12"/>
    </row>
    <row r="95605" spans="8:8">
      <c r="H95605" s="12"/>
    </row>
    <row r="95606" spans="8:8">
      <c r="H95606" s="12"/>
    </row>
    <row r="95607" spans="8:8">
      <c r="H95607" s="12"/>
    </row>
    <row r="95608" spans="8:8">
      <c r="H95608" s="12"/>
    </row>
    <row r="95609" spans="8:8">
      <c r="H95609" s="12"/>
    </row>
    <row r="95610" spans="8:8">
      <c r="H95610" s="12"/>
    </row>
    <row r="95611" spans="8:8">
      <c r="H95611" s="12"/>
    </row>
    <row r="95612" spans="8:8">
      <c r="H95612" s="12"/>
    </row>
    <row r="95613" spans="8:8">
      <c r="H95613" s="12"/>
    </row>
    <row r="95614" spans="8:8">
      <c r="H95614" s="12"/>
    </row>
    <row r="95615" spans="8:8">
      <c r="H95615" s="12"/>
    </row>
    <row r="95616" spans="8:8">
      <c r="H95616" s="12"/>
    </row>
    <row r="95617" spans="8:8">
      <c r="H95617" s="12"/>
    </row>
    <row r="95618" spans="8:8">
      <c r="H95618" s="12"/>
    </row>
    <row r="95619" spans="8:8">
      <c r="H95619" s="12"/>
    </row>
    <row r="95620" spans="8:8">
      <c r="H95620" s="12"/>
    </row>
    <row r="95621" spans="8:8">
      <c r="H95621" s="12"/>
    </row>
    <row r="95622" spans="8:8">
      <c r="H95622" s="12"/>
    </row>
    <row r="95623" spans="8:8">
      <c r="H95623" s="12"/>
    </row>
    <row r="95624" spans="8:8">
      <c r="H95624" s="12"/>
    </row>
    <row r="95625" spans="8:8">
      <c r="H95625" s="12"/>
    </row>
    <row r="95626" spans="8:8">
      <c r="H95626" s="12"/>
    </row>
    <row r="95627" spans="8:8">
      <c r="H95627" s="12"/>
    </row>
    <row r="95628" spans="8:8">
      <c r="H95628" s="12"/>
    </row>
    <row r="95629" spans="8:8">
      <c r="H95629" s="12"/>
    </row>
    <row r="95630" spans="8:8">
      <c r="H95630" s="12"/>
    </row>
    <row r="95631" spans="8:8">
      <c r="H95631" s="12"/>
    </row>
    <row r="95632" spans="8:8">
      <c r="H95632" s="12"/>
    </row>
    <row r="95633" spans="8:8">
      <c r="H95633" s="12"/>
    </row>
    <row r="95634" spans="8:8">
      <c r="H95634" s="12"/>
    </row>
    <row r="95635" spans="8:8">
      <c r="H95635" s="12"/>
    </row>
    <row r="95636" spans="8:8">
      <c r="H95636" s="12"/>
    </row>
    <row r="95637" spans="8:8">
      <c r="H95637" s="12"/>
    </row>
    <row r="95638" spans="8:8">
      <c r="H95638" s="12"/>
    </row>
    <row r="95639" spans="8:8">
      <c r="H95639" s="12"/>
    </row>
    <row r="95640" spans="8:8">
      <c r="H95640" s="12"/>
    </row>
    <row r="95641" spans="8:8">
      <c r="H95641" s="12"/>
    </row>
    <row r="95642" spans="8:8">
      <c r="H95642" s="12"/>
    </row>
    <row r="95643" spans="8:8">
      <c r="H95643" s="12"/>
    </row>
    <row r="95644" spans="8:8">
      <c r="H95644" s="12"/>
    </row>
    <row r="95645" spans="8:8">
      <c r="H95645" s="12"/>
    </row>
    <row r="95646" spans="8:8">
      <c r="H95646" s="12"/>
    </row>
    <row r="95647" spans="8:8">
      <c r="H95647" s="12"/>
    </row>
    <row r="95648" spans="8:8">
      <c r="H95648" s="12"/>
    </row>
    <row r="95649" spans="8:8">
      <c r="H95649" s="12"/>
    </row>
    <row r="95650" spans="8:8">
      <c r="H95650" s="12"/>
    </row>
    <row r="95651" spans="8:8">
      <c r="H95651" s="12"/>
    </row>
    <row r="95652" spans="8:8">
      <c r="H95652" s="12"/>
    </row>
    <row r="95653" spans="8:8">
      <c r="H95653" s="12"/>
    </row>
    <row r="95654" spans="8:8">
      <c r="H95654" s="12"/>
    </row>
    <row r="95655" spans="8:8">
      <c r="H95655" s="12"/>
    </row>
    <row r="95656" spans="8:8">
      <c r="H95656" s="12"/>
    </row>
    <row r="95657" spans="8:8">
      <c r="H95657" s="12"/>
    </row>
    <row r="95658" spans="8:8">
      <c r="H95658" s="12"/>
    </row>
    <row r="95659" spans="8:8">
      <c r="H95659" s="12"/>
    </row>
    <row r="95660" spans="8:8">
      <c r="H95660" s="12"/>
    </row>
    <row r="95661" spans="8:8">
      <c r="H95661" s="12"/>
    </row>
    <row r="95662" spans="8:8">
      <c r="H95662" s="12"/>
    </row>
    <row r="95663" spans="8:8">
      <c r="H95663" s="12"/>
    </row>
    <row r="95664" spans="8:8">
      <c r="H95664" s="12"/>
    </row>
    <row r="95665" spans="8:8">
      <c r="H95665" s="12"/>
    </row>
    <row r="95666" spans="8:8">
      <c r="H95666" s="12"/>
    </row>
    <row r="95667" spans="8:8">
      <c r="H95667" s="12"/>
    </row>
    <row r="95668" spans="8:8">
      <c r="H95668" s="12"/>
    </row>
    <row r="95669" spans="8:8">
      <c r="H95669" s="12"/>
    </row>
    <row r="95670" spans="8:8">
      <c r="H95670" s="12"/>
    </row>
    <row r="95671" spans="8:8">
      <c r="H95671" s="12"/>
    </row>
    <row r="95672" spans="8:8">
      <c r="H95672" s="12"/>
    </row>
    <row r="95673" spans="8:8">
      <c r="H95673" s="12"/>
    </row>
    <row r="95674" spans="8:8">
      <c r="H95674" s="12"/>
    </row>
    <row r="95675" spans="8:8">
      <c r="H95675" s="12"/>
    </row>
    <row r="95676" spans="8:8">
      <c r="H95676" s="12"/>
    </row>
    <row r="95677" spans="8:8">
      <c r="H95677" s="12"/>
    </row>
    <row r="95678" spans="8:8">
      <c r="H95678" s="12"/>
    </row>
    <row r="95679" spans="8:8">
      <c r="H95679" s="12"/>
    </row>
    <row r="95680" spans="8:8">
      <c r="H95680" s="12"/>
    </row>
    <row r="95681" spans="8:8">
      <c r="H95681" s="12"/>
    </row>
    <row r="95682" spans="8:8">
      <c r="H95682" s="12"/>
    </row>
    <row r="95683" spans="8:8">
      <c r="H95683" s="12"/>
    </row>
    <row r="95684" spans="8:8">
      <c r="H95684" s="12"/>
    </row>
    <row r="95685" spans="8:8">
      <c r="H95685" s="12"/>
    </row>
    <row r="95686" spans="8:8">
      <c r="H95686" s="12"/>
    </row>
    <row r="95687" spans="8:8">
      <c r="H95687" s="12"/>
    </row>
    <row r="95688" spans="8:8">
      <c r="H95688" s="12"/>
    </row>
    <row r="95689" spans="8:8">
      <c r="H95689" s="12"/>
    </row>
    <row r="95690" spans="8:8">
      <c r="H95690" s="12"/>
    </row>
    <row r="95691" spans="8:8">
      <c r="H95691" s="12"/>
    </row>
    <row r="95692" spans="8:8">
      <c r="H95692" s="12"/>
    </row>
    <row r="95693" spans="8:8">
      <c r="H95693" s="12"/>
    </row>
    <row r="95694" spans="8:8">
      <c r="H95694" s="12"/>
    </row>
    <row r="95695" spans="8:8">
      <c r="H95695" s="12"/>
    </row>
    <row r="95696" spans="8:8">
      <c r="H95696" s="12"/>
    </row>
    <row r="95697" spans="8:8">
      <c r="H95697" s="12"/>
    </row>
    <row r="95698" spans="8:8">
      <c r="H95698" s="12"/>
    </row>
    <row r="95699" spans="8:8">
      <c r="H95699" s="12"/>
    </row>
    <row r="95700" spans="8:8">
      <c r="H95700" s="12"/>
    </row>
    <row r="95701" spans="8:8">
      <c r="H95701" s="12"/>
    </row>
    <row r="95702" spans="8:8">
      <c r="H95702" s="12"/>
    </row>
    <row r="95703" spans="8:8">
      <c r="H95703" s="12"/>
    </row>
    <row r="95704" spans="8:8">
      <c r="H95704" s="12"/>
    </row>
    <row r="95705" spans="8:8">
      <c r="H95705" s="12"/>
    </row>
    <row r="95706" spans="8:8">
      <c r="H95706" s="12"/>
    </row>
    <row r="95707" spans="8:8">
      <c r="H95707" s="12"/>
    </row>
    <row r="95708" spans="8:8">
      <c r="H95708" s="12"/>
    </row>
    <row r="95709" spans="8:8">
      <c r="H95709" s="12"/>
    </row>
    <row r="95710" spans="8:8">
      <c r="H95710" s="12"/>
    </row>
    <row r="95711" spans="8:8">
      <c r="H95711" s="12"/>
    </row>
    <row r="95712" spans="8:8">
      <c r="H95712" s="12"/>
    </row>
    <row r="95713" spans="8:8">
      <c r="H95713" s="12"/>
    </row>
    <row r="95714" spans="8:8">
      <c r="H95714" s="12"/>
    </row>
    <row r="95715" spans="8:8">
      <c r="H95715" s="12"/>
    </row>
    <row r="95716" spans="8:8">
      <c r="H95716" s="12"/>
    </row>
    <row r="95717" spans="8:8">
      <c r="H95717" s="12"/>
    </row>
    <row r="95718" spans="8:8">
      <c r="H95718" s="12"/>
    </row>
    <row r="95719" spans="8:8">
      <c r="H95719" s="12"/>
    </row>
    <row r="95720" spans="8:8">
      <c r="H95720" s="12"/>
    </row>
    <row r="95721" spans="8:8">
      <c r="H95721" s="12"/>
    </row>
    <row r="95722" spans="8:8">
      <c r="H95722" s="12"/>
    </row>
    <row r="95723" spans="8:8">
      <c r="H95723" s="12"/>
    </row>
    <row r="95724" spans="8:8">
      <c r="H95724" s="12"/>
    </row>
    <row r="95725" spans="8:8">
      <c r="H95725" s="12"/>
    </row>
    <row r="95726" spans="8:8">
      <c r="H95726" s="12"/>
    </row>
    <row r="95727" spans="8:8">
      <c r="H95727" s="12"/>
    </row>
    <row r="95728" spans="8:8">
      <c r="H95728" s="12"/>
    </row>
    <row r="95729" spans="8:8">
      <c r="H95729" s="12"/>
    </row>
    <row r="95730" spans="8:8">
      <c r="H95730" s="12"/>
    </row>
    <row r="95731" spans="8:8">
      <c r="H95731" s="12"/>
    </row>
    <row r="95732" spans="8:8">
      <c r="H95732" s="12"/>
    </row>
    <row r="95733" spans="8:8">
      <c r="H95733" s="12"/>
    </row>
    <row r="95734" spans="8:8">
      <c r="H95734" s="12"/>
    </row>
    <row r="95735" spans="8:8">
      <c r="H95735" s="12"/>
    </row>
    <row r="95736" spans="8:8">
      <c r="H95736" s="12"/>
    </row>
    <row r="95737" spans="8:8">
      <c r="H95737" s="12"/>
    </row>
    <row r="95738" spans="8:8">
      <c r="H95738" s="12"/>
    </row>
    <row r="95739" spans="8:8">
      <c r="H95739" s="12"/>
    </row>
    <row r="95740" spans="8:8">
      <c r="H95740" s="12"/>
    </row>
    <row r="95741" spans="8:8">
      <c r="H95741" s="12"/>
    </row>
    <row r="95742" spans="8:8">
      <c r="H95742" s="12"/>
    </row>
    <row r="95743" spans="8:8">
      <c r="H95743" s="12"/>
    </row>
    <row r="95744" spans="8:8">
      <c r="H95744" s="12"/>
    </row>
    <row r="95745" spans="8:8">
      <c r="H95745" s="12"/>
    </row>
    <row r="95746" spans="8:8">
      <c r="H95746" s="12"/>
    </row>
    <row r="95747" spans="8:8">
      <c r="H95747" s="12"/>
    </row>
    <row r="95748" spans="8:8">
      <c r="H95748" s="12"/>
    </row>
    <row r="95749" spans="8:8">
      <c r="H95749" s="12"/>
    </row>
    <row r="95750" spans="8:8">
      <c r="H95750" s="12"/>
    </row>
    <row r="95751" spans="8:8">
      <c r="H95751" s="12"/>
    </row>
    <row r="95752" spans="8:8">
      <c r="H95752" s="12"/>
    </row>
    <row r="95753" spans="8:8">
      <c r="H95753" s="12"/>
    </row>
    <row r="95754" spans="8:8">
      <c r="H95754" s="12"/>
    </row>
    <row r="95755" spans="8:8">
      <c r="H95755" s="12"/>
    </row>
    <row r="95756" spans="8:8">
      <c r="H95756" s="12"/>
    </row>
    <row r="95757" spans="8:8">
      <c r="H95757" s="12"/>
    </row>
    <row r="95758" spans="8:8">
      <c r="H95758" s="12"/>
    </row>
    <row r="95759" spans="8:8">
      <c r="H95759" s="12"/>
    </row>
    <row r="95760" spans="8:8">
      <c r="H95760" s="12"/>
    </row>
    <row r="95761" spans="8:8">
      <c r="H95761" s="12"/>
    </row>
    <row r="95762" spans="8:8">
      <c r="H95762" s="12"/>
    </row>
    <row r="95763" spans="8:8">
      <c r="H95763" s="12"/>
    </row>
    <row r="95764" spans="8:8">
      <c r="H95764" s="12"/>
    </row>
    <row r="95765" spans="8:8">
      <c r="H95765" s="12"/>
    </row>
    <row r="95766" spans="8:8">
      <c r="H95766" s="12"/>
    </row>
    <row r="95767" spans="8:8">
      <c r="H95767" s="12"/>
    </row>
    <row r="95768" spans="8:8">
      <c r="H95768" s="12"/>
    </row>
    <row r="95769" spans="8:8">
      <c r="H95769" s="12"/>
    </row>
    <row r="95770" spans="8:8">
      <c r="H95770" s="12"/>
    </row>
    <row r="95771" spans="8:8">
      <c r="H95771" s="12"/>
    </row>
    <row r="95772" spans="8:8">
      <c r="H95772" s="12"/>
    </row>
    <row r="95773" spans="8:8">
      <c r="H95773" s="12"/>
    </row>
    <row r="95774" spans="8:8">
      <c r="H95774" s="12"/>
    </row>
    <row r="95775" spans="8:8">
      <c r="H95775" s="12"/>
    </row>
    <row r="95776" spans="8:8">
      <c r="H95776" s="12"/>
    </row>
    <row r="95777" spans="8:8">
      <c r="H95777" s="12"/>
    </row>
    <row r="95778" spans="8:8">
      <c r="H95778" s="12"/>
    </row>
    <row r="95779" spans="8:8">
      <c r="H95779" s="12"/>
    </row>
    <row r="95780" spans="8:8">
      <c r="H95780" s="12"/>
    </row>
    <row r="95781" spans="8:8">
      <c r="H95781" s="12"/>
    </row>
    <row r="95782" spans="8:8">
      <c r="H95782" s="12"/>
    </row>
    <row r="95783" spans="8:8">
      <c r="H95783" s="12"/>
    </row>
    <row r="95784" spans="8:8">
      <c r="H95784" s="12"/>
    </row>
    <row r="95785" spans="8:8">
      <c r="H95785" s="12"/>
    </row>
    <row r="95786" spans="8:8">
      <c r="H95786" s="12"/>
    </row>
    <row r="95787" spans="8:8">
      <c r="H95787" s="12"/>
    </row>
    <row r="95788" spans="8:8">
      <c r="H95788" s="12"/>
    </row>
    <row r="95789" spans="8:8">
      <c r="H95789" s="12"/>
    </row>
    <row r="95790" spans="8:8">
      <c r="H95790" s="12"/>
    </row>
    <row r="95791" spans="8:8">
      <c r="H95791" s="12"/>
    </row>
    <row r="95792" spans="8:8">
      <c r="H95792" s="12"/>
    </row>
    <row r="95793" spans="8:8">
      <c r="H95793" s="12"/>
    </row>
    <row r="95794" spans="8:8">
      <c r="H95794" s="12"/>
    </row>
    <row r="95795" spans="8:8">
      <c r="H95795" s="12"/>
    </row>
    <row r="95796" spans="8:8">
      <c r="H95796" s="12"/>
    </row>
    <row r="95797" spans="8:8">
      <c r="H95797" s="12"/>
    </row>
    <row r="95798" spans="8:8">
      <c r="H95798" s="12"/>
    </row>
    <row r="95799" spans="8:8">
      <c r="H95799" s="12"/>
    </row>
    <row r="95800" spans="8:8">
      <c r="H95800" s="12"/>
    </row>
    <row r="95801" spans="8:8">
      <c r="H95801" s="12"/>
    </row>
    <row r="95802" spans="8:8">
      <c r="H95802" s="12"/>
    </row>
    <row r="95803" spans="8:8">
      <c r="H95803" s="12"/>
    </row>
    <row r="95804" spans="8:8">
      <c r="H95804" s="12"/>
    </row>
    <row r="95805" spans="8:8">
      <c r="H95805" s="12"/>
    </row>
    <row r="95806" spans="8:8">
      <c r="H95806" s="12"/>
    </row>
    <row r="95807" spans="8:8">
      <c r="H95807" s="12"/>
    </row>
    <row r="95808" spans="8:8">
      <c r="H95808" s="12"/>
    </row>
    <row r="95809" spans="8:8">
      <c r="H95809" s="12"/>
    </row>
    <row r="95810" spans="8:8">
      <c r="H95810" s="12"/>
    </row>
    <row r="95811" spans="8:8">
      <c r="H95811" s="12"/>
    </row>
    <row r="95812" spans="8:8">
      <c r="H95812" s="12"/>
    </row>
    <row r="95813" spans="8:8">
      <c r="H95813" s="12"/>
    </row>
    <row r="95814" spans="8:8">
      <c r="H95814" s="12"/>
    </row>
    <row r="95815" spans="8:8">
      <c r="H95815" s="12"/>
    </row>
    <row r="95816" spans="8:8">
      <c r="H95816" s="12"/>
    </row>
    <row r="95817" spans="8:8">
      <c r="H95817" s="12"/>
    </row>
    <row r="95818" spans="8:8">
      <c r="H95818" s="12"/>
    </row>
    <row r="95819" spans="8:8">
      <c r="H95819" s="12"/>
    </row>
    <row r="95820" spans="8:8">
      <c r="H95820" s="12"/>
    </row>
    <row r="95821" spans="8:8">
      <c r="H95821" s="12"/>
    </row>
    <row r="95822" spans="8:8">
      <c r="H95822" s="12"/>
    </row>
    <row r="95823" spans="8:8">
      <c r="H95823" s="12"/>
    </row>
    <row r="95824" spans="8:8">
      <c r="H95824" s="12"/>
    </row>
    <row r="95825" spans="8:8">
      <c r="H95825" s="12"/>
    </row>
    <row r="95826" spans="8:8">
      <c r="H95826" s="12"/>
    </row>
    <row r="95827" spans="8:8">
      <c r="H95827" s="12"/>
    </row>
    <row r="95828" spans="8:8">
      <c r="H95828" s="12"/>
    </row>
    <row r="95829" spans="8:8">
      <c r="H95829" s="12"/>
    </row>
    <row r="95830" spans="8:8">
      <c r="H95830" s="12"/>
    </row>
    <row r="95831" spans="8:8">
      <c r="H95831" s="12"/>
    </row>
    <row r="95832" spans="8:8">
      <c r="H95832" s="12"/>
    </row>
    <row r="95833" spans="8:8">
      <c r="H95833" s="12"/>
    </row>
    <row r="95834" spans="8:8">
      <c r="H95834" s="12"/>
    </row>
    <row r="95835" spans="8:8">
      <c r="H95835" s="12"/>
    </row>
    <row r="95836" spans="8:8">
      <c r="H95836" s="12"/>
    </row>
    <row r="95837" spans="8:8">
      <c r="H95837" s="12"/>
    </row>
    <row r="95838" spans="8:8">
      <c r="H95838" s="12"/>
    </row>
    <row r="95839" spans="8:8">
      <c r="H95839" s="12"/>
    </row>
    <row r="95840" spans="8:8">
      <c r="H95840" s="12"/>
    </row>
    <row r="95841" spans="8:8">
      <c r="H95841" s="12"/>
    </row>
    <row r="95842" spans="8:8">
      <c r="H95842" s="12"/>
    </row>
    <row r="95843" spans="8:8">
      <c r="H95843" s="12"/>
    </row>
    <row r="95844" spans="8:8">
      <c r="H95844" s="12"/>
    </row>
    <row r="95845" spans="8:8">
      <c r="H95845" s="12"/>
    </row>
    <row r="95846" spans="8:8">
      <c r="H95846" s="12"/>
    </row>
    <row r="95847" spans="8:8">
      <c r="H95847" s="12"/>
    </row>
    <row r="95848" spans="8:8">
      <c r="H95848" s="12"/>
    </row>
    <row r="95849" spans="8:8">
      <c r="H95849" s="12"/>
    </row>
    <row r="95850" spans="8:8">
      <c r="H95850" s="12"/>
    </row>
    <row r="95851" spans="8:8">
      <c r="H95851" s="12"/>
    </row>
    <row r="95852" spans="8:8">
      <c r="H95852" s="12"/>
    </row>
    <row r="95853" spans="8:8">
      <c r="H95853" s="12"/>
    </row>
    <row r="95854" spans="8:8">
      <c r="H95854" s="12"/>
    </row>
    <row r="95855" spans="8:8">
      <c r="H95855" s="12"/>
    </row>
    <row r="95856" spans="8:8">
      <c r="H95856" s="12"/>
    </row>
    <row r="95857" spans="8:8">
      <c r="H95857" s="12"/>
    </row>
    <row r="95858" spans="8:8">
      <c r="H95858" s="12"/>
    </row>
    <row r="95859" spans="8:8">
      <c r="H95859" s="12"/>
    </row>
    <row r="95860" spans="8:8">
      <c r="H95860" s="12"/>
    </row>
    <row r="95861" spans="8:8">
      <c r="H95861" s="12"/>
    </row>
    <row r="95862" spans="8:8">
      <c r="H95862" s="12"/>
    </row>
    <row r="95863" spans="8:8">
      <c r="H95863" s="12"/>
    </row>
    <row r="95864" spans="8:8">
      <c r="H95864" s="12"/>
    </row>
    <row r="95865" spans="8:8">
      <c r="H95865" s="12"/>
    </row>
    <row r="95866" spans="8:8">
      <c r="H95866" s="12"/>
    </row>
    <row r="95867" spans="8:8">
      <c r="H95867" s="12"/>
    </row>
    <row r="95868" spans="8:8">
      <c r="H95868" s="12"/>
    </row>
    <row r="95869" spans="8:8">
      <c r="H95869" s="12"/>
    </row>
    <row r="95870" spans="8:8">
      <c r="H95870" s="12"/>
    </row>
    <row r="95871" spans="8:8">
      <c r="H95871" s="12"/>
    </row>
    <row r="95872" spans="8:8">
      <c r="H95872" s="12"/>
    </row>
    <row r="95873" spans="8:8">
      <c r="H95873" s="12"/>
    </row>
    <row r="95874" spans="8:8">
      <c r="H95874" s="12"/>
    </row>
    <row r="95875" spans="8:8">
      <c r="H95875" s="12"/>
    </row>
    <row r="95876" spans="8:8">
      <c r="H95876" s="12"/>
    </row>
    <row r="95877" spans="8:8">
      <c r="H95877" s="12"/>
    </row>
    <row r="95878" spans="8:8">
      <c r="H95878" s="12"/>
    </row>
    <row r="95879" spans="8:8">
      <c r="H95879" s="12"/>
    </row>
    <row r="95880" spans="8:8">
      <c r="H95880" s="12"/>
    </row>
    <row r="95881" spans="8:8">
      <c r="H95881" s="12"/>
    </row>
    <row r="95882" spans="8:8">
      <c r="H95882" s="12"/>
    </row>
    <row r="95883" spans="8:8">
      <c r="H95883" s="12"/>
    </row>
    <row r="95884" spans="8:8">
      <c r="H95884" s="12"/>
    </row>
    <row r="95885" spans="8:8">
      <c r="H95885" s="12"/>
    </row>
    <row r="95886" spans="8:8">
      <c r="H95886" s="12"/>
    </row>
    <row r="95887" spans="8:8">
      <c r="H95887" s="12"/>
    </row>
    <row r="95888" spans="8:8">
      <c r="H95888" s="12"/>
    </row>
    <row r="95889" spans="8:8">
      <c r="H95889" s="12"/>
    </row>
    <row r="95890" spans="8:8">
      <c r="H95890" s="12"/>
    </row>
    <row r="95891" spans="8:8">
      <c r="H95891" s="12"/>
    </row>
    <row r="95892" spans="8:8">
      <c r="H95892" s="12"/>
    </row>
    <row r="95893" spans="8:8">
      <c r="H95893" s="12"/>
    </row>
    <row r="95894" spans="8:8">
      <c r="H95894" s="12"/>
    </row>
    <row r="95895" spans="8:8">
      <c r="H95895" s="12"/>
    </row>
    <row r="95896" spans="8:8">
      <c r="H95896" s="12"/>
    </row>
    <row r="95897" spans="8:8">
      <c r="H95897" s="12"/>
    </row>
    <row r="95898" spans="8:8">
      <c r="H95898" s="12"/>
    </row>
    <row r="95899" spans="8:8">
      <c r="H95899" s="12"/>
    </row>
    <row r="95900" spans="8:8">
      <c r="H95900" s="12"/>
    </row>
    <row r="95901" spans="8:8">
      <c r="H95901" s="12"/>
    </row>
    <row r="95902" spans="8:8">
      <c r="H95902" s="12"/>
    </row>
    <row r="95903" spans="8:8">
      <c r="H95903" s="12"/>
    </row>
    <row r="95904" spans="8:8">
      <c r="H95904" s="12"/>
    </row>
    <row r="95905" spans="8:8">
      <c r="H95905" s="12"/>
    </row>
    <row r="95906" spans="8:8">
      <c r="H95906" s="12"/>
    </row>
    <row r="95907" spans="8:8">
      <c r="H95907" s="12"/>
    </row>
    <row r="95908" spans="8:8">
      <c r="H95908" s="12"/>
    </row>
    <row r="95909" spans="8:8">
      <c r="H95909" s="12"/>
    </row>
    <row r="95910" spans="8:8">
      <c r="H95910" s="12"/>
    </row>
    <row r="95911" spans="8:8">
      <c r="H95911" s="12"/>
    </row>
    <row r="95912" spans="8:8">
      <c r="H95912" s="12"/>
    </row>
    <row r="95913" spans="8:8">
      <c r="H95913" s="12"/>
    </row>
    <row r="95914" spans="8:8">
      <c r="H95914" s="12"/>
    </row>
    <row r="95915" spans="8:8">
      <c r="H95915" s="12"/>
    </row>
    <row r="95916" spans="8:8">
      <c r="H95916" s="12"/>
    </row>
    <row r="95917" spans="8:8">
      <c r="H95917" s="12"/>
    </row>
    <row r="95918" spans="8:8">
      <c r="H95918" s="12"/>
    </row>
    <row r="95919" spans="8:8">
      <c r="H95919" s="12"/>
    </row>
    <row r="95920" spans="8:8">
      <c r="H95920" s="12"/>
    </row>
    <row r="95921" spans="8:8">
      <c r="H95921" s="12"/>
    </row>
    <row r="95922" spans="8:8">
      <c r="H95922" s="12"/>
    </row>
    <row r="95923" spans="8:8">
      <c r="H95923" s="12"/>
    </row>
    <row r="95924" spans="8:8">
      <c r="H95924" s="12"/>
    </row>
    <row r="95925" spans="8:8">
      <c r="H95925" s="12"/>
    </row>
    <row r="95926" spans="8:8">
      <c r="H95926" s="12"/>
    </row>
    <row r="95927" spans="8:8">
      <c r="H95927" s="12"/>
    </row>
    <row r="95928" spans="8:8">
      <c r="H95928" s="12"/>
    </row>
    <row r="95929" spans="8:8">
      <c r="H95929" s="12"/>
    </row>
    <row r="95930" spans="8:8">
      <c r="H95930" s="12"/>
    </row>
    <row r="95931" spans="8:8">
      <c r="H95931" s="12"/>
    </row>
    <row r="95932" spans="8:8">
      <c r="H95932" s="12"/>
    </row>
    <row r="95933" spans="8:8">
      <c r="H95933" s="12"/>
    </row>
    <row r="95934" spans="8:8">
      <c r="H95934" s="12"/>
    </row>
    <row r="95935" spans="8:8">
      <c r="H95935" s="12"/>
    </row>
    <row r="95936" spans="8:8">
      <c r="H95936" s="12"/>
    </row>
    <row r="95937" spans="8:8">
      <c r="H95937" s="12"/>
    </row>
    <row r="95938" spans="8:8">
      <c r="H95938" s="12"/>
    </row>
    <row r="95939" spans="8:8">
      <c r="H95939" s="12"/>
    </row>
    <row r="95940" spans="8:8">
      <c r="H95940" s="12"/>
    </row>
    <row r="95941" spans="8:8">
      <c r="H95941" s="12"/>
    </row>
    <row r="95942" spans="8:8">
      <c r="H95942" s="12"/>
    </row>
    <row r="95943" spans="8:8">
      <c r="H95943" s="12"/>
    </row>
    <row r="95944" spans="8:8">
      <c r="H95944" s="12"/>
    </row>
    <row r="95945" spans="8:8">
      <c r="H95945" s="12"/>
    </row>
    <row r="95946" spans="8:8">
      <c r="H95946" s="12"/>
    </row>
    <row r="95947" spans="8:8">
      <c r="H95947" s="12"/>
    </row>
    <row r="95948" spans="8:8">
      <c r="H95948" s="12"/>
    </row>
    <row r="95949" spans="8:8">
      <c r="H95949" s="12"/>
    </row>
    <row r="95950" spans="8:8">
      <c r="H95950" s="12"/>
    </row>
    <row r="95951" spans="8:8">
      <c r="H95951" s="12"/>
    </row>
    <row r="95952" spans="8:8">
      <c r="H95952" s="12"/>
    </row>
    <row r="95953" spans="8:8">
      <c r="H95953" s="12"/>
    </row>
    <row r="95954" spans="8:8">
      <c r="H95954" s="12"/>
    </row>
    <row r="95955" spans="8:8">
      <c r="H95955" s="12"/>
    </row>
    <row r="95956" spans="8:8">
      <c r="H95956" s="12"/>
    </row>
    <row r="95957" spans="8:8">
      <c r="H95957" s="12"/>
    </row>
    <row r="95958" spans="8:8">
      <c r="H95958" s="12"/>
    </row>
    <row r="95959" spans="8:8">
      <c r="H95959" s="12"/>
    </row>
    <row r="95960" spans="8:8">
      <c r="H95960" s="12"/>
    </row>
    <row r="95961" spans="8:8">
      <c r="H95961" s="12"/>
    </row>
    <row r="95962" spans="8:8">
      <c r="H95962" s="12"/>
    </row>
    <row r="95963" spans="8:8">
      <c r="H95963" s="12"/>
    </row>
    <row r="95964" spans="8:8">
      <c r="H95964" s="12"/>
    </row>
    <row r="95965" spans="8:8">
      <c r="H95965" s="12"/>
    </row>
    <row r="95966" spans="8:8">
      <c r="H95966" s="12"/>
    </row>
    <row r="95967" spans="8:8">
      <c r="H95967" s="12"/>
    </row>
    <row r="95968" spans="8:8">
      <c r="H95968" s="12"/>
    </row>
    <row r="95969" spans="8:8">
      <c r="H95969" s="12"/>
    </row>
    <row r="95970" spans="8:8">
      <c r="H95970" s="12"/>
    </row>
    <row r="95971" spans="8:8">
      <c r="H95971" s="12"/>
    </row>
    <row r="95972" spans="8:8">
      <c r="H95972" s="12"/>
    </row>
    <row r="95973" spans="8:8">
      <c r="H95973" s="12"/>
    </row>
    <row r="95974" spans="8:8">
      <c r="H95974" s="12"/>
    </row>
    <row r="95975" spans="8:8">
      <c r="H95975" s="12"/>
    </row>
    <row r="95976" spans="8:8">
      <c r="H95976" s="12"/>
    </row>
    <row r="95977" spans="8:8">
      <c r="H95977" s="12"/>
    </row>
    <row r="95978" spans="8:8">
      <c r="H95978" s="12"/>
    </row>
    <row r="95979" spans="8:8">
      <c r="H95979" s="12"/>
    </row>
    <row r="95980" spans="8:8">
      <c r="H95980" s="12"/>
    </row>
    <row r="95981" spans="8:8">
      <c r="H95981" s="12"/>
    </row>
    <row r="95982" spans="8:8">
      <c r="H95982" s="12"/>
    </row>
    <row r="95983" spans="8:8">
      <c r="H95983" s="12"/>
    </row>
    <row r="95984" spans="8:8">
      <c r="H95984" s="12"/>
    </row>
    <row r="95985" spans="8:8">
      <c r="H95985" s="12"/>
    </row>
    <row r="95986" spans="8:8">
      <c r="H95986" s="12"/>
    </row>
    <row r="95987" spans="8:8">
      <c r="H95987" s="12"/>
    </row>
    <row r="95988" spans="8:8">
      <c r="H95988" s="12"/>
    </row>
    <row r="95989" spans="8:8">
      <c r="H95989" s="12"/>
    </row>
    <row r="95990" spans="8:8">
      <c r="H95990" s="12"/>
    </row>
    <row r="95991" spans="8:8">
      <c r="H95991" s="12"/>
    </row>
    <row r="95992" spans="8:8">
      <c r="H95992" s="12"/>
    </row>
    <row r="95993" spans="8:8">
      <c r="H95993" s="12"/>
    </row>
    <row r="95994" spans="8:8">
      <c r="H95994" s="12"/>
    </row>
    <row r="95995" spans="8:8">
      <c r="H95995" s="12"/>
    </row>
    <row r="95996" spans="8:8">
      <c r="H95996" s="12"/>
    </row>
    <row r="95997" spans="8:8">
      <c r="H95997" s="12"/>
    </row>
    <row r="95998" spans="8:8">
      <c r="H95998" s="12"/>
    </row>
    <row r="95999" spans="8:8">
      <c r="H95999" s="12"/>
    </row>
    <row r="96000" spans="8:8">
      <c r="H96000" s="12"/>
    </row>
    <row r="96001" spans="8:8">
      <c r="H96001" s="12"/>
    </row>
    <row r="96002" spans="8:8">
      <c r="H96002" s="12"/>
    </row>
    <row r="96003" spans="8:8">
      <c r="H96003" s="12"/>
    </row>
    <row r="96004" spans="8:8">
      <c r="H96004" s="12"/>
    </row>
    <row r="96005" spans="8:8">
      <c r="H96005" s="12"/>
    </row>
    <row r="96006" spans="8:8">
      <c r="H96006" s="12"/>
    </row>
    <row r="96007" spans="8:8">
      <c r="H96007" s="12"/>
    </row>
    <row r="96008" spans="8:8">
      <c r="H96008" s="12"/>
    </row>
    <row r="96009" spans="8:8">
      <c r="H96009" s="12"/>
    </row>
    <row r="96010" spans="8:8">
      <c r="H96010" s="12"/>
    </row>
    <row r="96011" spans="8:8">
      <c r="H96011" s="12"/>
    </row>
    <row r="96012" spans="8:8">
      <c r="H96012" s="12"/>
    </row>
    <row r="96013" spans="8:8">
      <c r="H96013" s="12"/>
    </row>
    <row r="96014" spans="8:8">
      <c r="H96014" s="12"/>
    </row>
    <row r="96015" spans="8:8">
      <c r="H96015" s="12"/>
    </row>
    <row r="96016" spans="8:8">
      <c r="H96016" s="12"/>
    </row>
    <row r="96017" spans="8:8">
      <c r="H96017" s="12"/>
    </row>
    <row r="96018" spans="8:8">
      <c r="H96018" s="12"/>
    </row>
    <row r="96019" spans="8:8">
      <c r="H96019" s="12"/>
    </row>
    <row r="96020" spans="8:8">
      <c r="H96020" s="12"/>
    </row>
    <row r="96021" spans="8:8">
      <c r="H96021" s="12"/>
    </row>
    <row r="96022" spans="8:8">
      <c r="H96022" s="12"/>
    </row>
    <row r="96023" spans="8:8">
      <c r="H96023" s="12"/>
    </row>
    <row r="96024" spans="8:8">
      <c r="H96024" s="12"/>
    </row>
    <row r="96025" spans="8:8">
      <c r="H96025" s="12"/>
    </row>
    <row r="96026" spans="8:8">
      <c r="H96026" s="12"/>
    </row>
    <row r="96027" spans="8:8">
      <c r="H96027" s="12"/>
    </row>
    <row r="96028" spans="8:8">
      <c r="H96028" s="12"/>
    </row>
    <row r="96029" spans="8:8">
      <c r="H96029" s="12"/>
    </row>
    <row r="96030" spans="8:8">
      <c r="H96030" s="12"/>
    </row>
    <row r="96031" spans="8:8">
      <c r="H96031" s="12"/>
    </row>
    <row r="96032" spans="8:8">
      <c r="H96032" s="12"/>
    </row>
    <row r="96033" spans="8:8">
      <c r="H96033" s="12"/>
    </row>
    <row r="96034" spans="8:8">
      <c r="H96034" s="12"/>
    </row>
    <row r="96035" spans="8:8">
      <c r="H96035" s="12"/>
    </row>
    <row r="96036" spans="8:8">
      <c r="H96036" s="12"/>
    </row>
    <row r="96037" spans="8:8">
      <c r="H96037" s="12"/>
    </row>
    <row r="96038" spans="8:8">
      <c r="H96038" s="12"/>
    </row>
    <row r="96039" spans="8:8">
      <c r="H96039" s="12"/>
    </row>
    <row r="96040" spans="8:8">
      <c r="H96040" s="12"/>
    </row>
    <row r="96041" spans="8:8">
      <c r="H96041" s="12"/>
    </row>
    <row r="96042" spans="8:8">
      <c r="H96042" s="12"/>
    </row>
    <row r="96043" spans="8:8">
      <c r="H96043" s="12"/>
    </row>
    <row r="96044" spans="8:8">
      <c r="H96044" s="12"/>
    </row>
    <row r="96045" spans="8:8">
      <c r="H96045" s="12"/>
    </row>
    <row r="96046" spans="8:8">
      <c r="H96046" s="12"/>
    </row>
    <row r="96047" spans="8:8">
      <c r="H96047" s="12"/>
    </row>
    <row r="96048" spans="8:8">
      <c r="H96048" s="12"/>
    </row>
    <row r="96049" spans="8:8">
      <c r="H96049" s="12"/>
    </row>
    <row r="96050" spans="8:8">
      <c r="H96050" s="12"/>
    </row>
    <row r="96051" spans="8:8">
      <c r="H96051" s="12"/>
    </row>
    <row r="96052" spans="8:8">
      <c r="H96052" s="12"/>
    </row>
    <row r="96053" spans="8:8">
      <c r="H96053" s="12"/>
    </row>
    <row r="96054" spans="8:8">
      <c r="H96054" s="12"/>
    </row>
    <row r="96055" spans="8:8">
      <c r="H96055" s="12"/>
    </row>
    <row r="96056" spans="8:8">
      <c r="H96056" s="12"/>
    </row>
    <row r="96057" spans="8:8">
      <c r="H96057" s="12"/>
    </row>
    <row r="96058" spans="8:8">
      <c r="H96058" s="12"/>
    </row>
    <row r="96059" spans="8:8">
      <c r="H96059" s="12"/>
    </row>
    <row r="96060" spans="8:8">
      <c r="H96060" s="12"/>
    </row>
    <row r="96061" spans="8:8">
      <c r="H96061" s="12"/>
    </row>
    <row r="96062" spans="8:8">
      <c r="H96062" s="12"/>
    </row>
    <row r="96063" spans="8:8">
      <c r="H96063" s="12"/>
    </row>
    <row r="96064" spans="8:8">
      <c r="H96064" s="12"/>
    </row>
    <row r="96065" spans="8:8">
      <c r="H96065" s="12"/>
    </row>
    <row r="96066" spans="8:8">
      <c r="H96066" s="12"/>
    </row>
    <row r="96067" spans="8:8">
      <c r="H96067" s="12"/>
    </row>
    <row r="96068" spans="8:8">
      <c r="H96068" s="12"/>
    </row>
    <row r="96069" spans="8:8">
      <c r="H96069" s="12"/>
    </row>
    <row r="96070" spans="8:8">
      <c r="H96070" s="12"/>
    </row>
    <row r="96071" spans="8:8">
      <c r="H96071" s="12"/>
    </row>
    <row r="96072" spans="8:8">
      <c r="H96072" s="12"/>
    </row>
    <row r="96073" spans="8:8">
      <c r="H96073" s="12"/>
    </row>
    <row r="96074" spans="8:8">
      <c r="H96074" s="12"/>
    </row>
    <row r="96075" spans="8:8">
      <c r="H96075" s="12"/>
    </row>
    <row r="96076" spans="8:8">
      <c r="H96076" s="12"/>
    </row>
    <row r="96077" spans="8:8">
      <c r="H96077" s="12"/>
    </row>
    <row r="96078" spans="8:8">
      <c r="H96078" s="12"/>
    </row>
    <row r="96079" spans="8:8">
      <c r="H96079" s="12"/>
    </row>
    <row r="96080" spans="8:8">
      <c r="H96080" s="12"/>
    </row>
    <row r="96081" spans="8:8">
      <c r="H96081" s="12"/>
    </row>
    <row r="96082" spans="8:8">
      <c r="H96082" s="12"/>
    </row>
    <row r="96083" spans="8:8">
      <c r="H96083" s="12"/>
    </row>
    <row r="96084" spans="8:8">
      <c r="H96084" s="12"/>
    </row>
    <row r="96085" spans="8:8">
      <c r="H96085" s="12"/>
    </row>
    <row r="96086" spans="8:8">
      <c r="H96086" s="12"/>
    </row>
    <row r="96087" spans="8:8">
      <c r="H96087" s="12"/>
    </row>
    <row r="96088" spans="8:8">
      <c r="H96088" s="12"/>
    </row>
    <row r="96089" spans="8:8">
      <c r="H96089" s="12"/>
    </row>
    <row r="96090" spans="8:8">
      <c r="H96090" s="12"/>
    </row>
    <row r="96091" spans="8:8">
      <c r="H96091" s="12"/>
    </row>
    <row r="96092" spans="8:8">
      <c r="H96092" s="12"/>
    </row>
    <row r="96093" spans="8:8">
      <c r="H96093" s="12"/>
    </row>
    <row r="96094" spans="8:8">
      <c r="H96094" s="12"/>
    </row>
    <row r="96095" spans="8:8">
      <c r="H96095" s="12"/>
    </row>
    <row r="96096" spans="8:8">
      <c r="H96096" s="12"/>
    </row>
    <row r="96097" spans="8:8">
      <c r="H96097" s="12"/>
    </row>
    <row r="96098" spans="8:8">
      <c r="H96098" s="12"/>
    </row>
    <row r="96099" spans="8:8">
      <c r="H96099" s="12"/>
    </row>
    <row r="96100" spans="8:8">
      <c r="H96100" s="12"/>
    </row>
    <row r="96101" spans="8:8">
      <c r="H96101" s="12"/>
    </row>
    <row r="96102" spans="8:8">
      <c r="H96102" s="12"/>
    </row>
    <row r="96103" spans="8:8">
      <c r="H96103" s="12"/>
    </row>
    <row r="96104" spans="8:8">
      <c r="H96104" s="12"/>
    </row>
    <row r="96105" spans="8:8">
      <c r="H96105" s="12"/>
    </row>
    <row r="96106" spans="8:8">
      <c r="H96106" s="12"/>
    </row>
    <row r="96107" spans="8:8">
      <c r="H96107" s="12"/>
    </row>
    <row r="96108" spans="8:8">
      <c r="H96108" s="12"/>
    </row>
    <row r="96109" spans="8:8">
      <c r="H96109" s="12"/>
    </row>
    <row r="96110" spans="8:8">
      <c r="H96110" s="12"/>
    </row>
    <row r="96111" spans="8:8">
      <c r="H96111" s="12"/>
    </row>
    <row r="96112" spans="8:8">
      <c r="H96112" s="12"/>
    </row>
    <row r="96113" spans="8:8">
      <c r="H96113" s="12"/>
    </row>
    <row r="96114" spans="8:8">
      <c r="H96114" s="12"/>
    </row>
    <row r="96115" spans="8:8">
      <c r="H96115" s="12"/>
    </row>
    <row r="96116" spans="8:8">
      <c r="H96116" s="12"/>
    </row>
    <row r="96117" spans="8:8">
      <c r="H96117" s="12"/>
    </row>
    <row r="96118" spans="8:8">
      <c r="H96118" s="12"/>
    </row>
    <row r="96119" spans="8:8">
      <c r="H96119" s="12"/>
    </row>
    <row r="96120" spans="8:8">
      <c r="H96120" s="12"/>
    </row>
    <row r="96121" spans="8:8">
      <c r="H96121" s="12"/>
    </row>
    <row r="96122" spans="8:8">
      <c r="H96122" s="12"/>
    </row>
    <row r="96123" spans="8:8">
      <c r="H96123" s="12"/>
    </row>
    <row r="96124" spans="8:8">
      <c r="H96124" s="12"/>
    </row>
    <row r="96125" spans="8:8">
      <c r="H96125" s="12"/>
    </row>
    <row r="96126" spans="8:8">
      <c r="H96126" s="12"/>
    </row>
    <row r="96127" spans="8:8">
      <c r="H96127" s="12"/>
    </row>
    <row r="96128" spans="8:8">
      <c r="H96128" s="12"/>
    </row>
    <row r="96129" spans="8:8">
      <c r="H96129" s="12"/>
    </row>
    <row r="96130" spans="8:8">
      <c r="H96130" s="12"/>
    </row>
    <row r="96131" spans="8:8">
      <c r="H96131" s="12"/>
    </row>
    <row r="96132" spans="8:8">
      <c r="H96132" s="12"/>
    </row>
    <row r="96133" spans="8:8">
      <c r="H96133" s="12"/>
    </row>
    <row r="96134" spans="8:8">
      <c r="H96134" s="12"/>
    </row>
    <row r="96135" spans="8:8">
      <c r="H96135" s="12"/>
    </row>
    <row r="96136" spans="8:8">
      <c r="H96136" s="12"/>
    </row>
    <row r="96137" spans="8:8">
      <c r="H96137" s="12"/>
    </row>
    <row r="96138" spans="8:8">
      <c r="H96138" s="12"/>
    </row>
    <row r="96139" spans="8:8">
      <c r="H96139" s="12"/>
    </row>
    <row r="96140" spans="8:8">
      <c r="H96140" s="12"/>
    </row>
    <row r="96141" spans="8:8">
      <c r="H96141" s="12"/>
    </row>
    <row r="96142" spans="8:8">
      <c r="H96142" s="12"/>
    </row>
    <row r="96143" spans="8:8">
      <c r="H96143" s="12"/>
    </row>
    <row r="96144" spans="8:8">
      <c r="H96144" s="12"/>
    </row>
    <row r="96145" spans="8:8">
      <c r="H96145" s="12"/>
    </row>
    <row r="96146" spans="8:8">
      <c r="H96146" s="12"/>
    </row>
    <row r="96147" spans="8:8">
      <c r="H96147" s="12"/>
    </row>
    <row r="96148" spans="8:8">
      <c r="H96148" s="12"/>
    </row>
    <row r="96149" spans="8:8">
      <c r="H96149" s="12"/>
    </row>
    <row r="96150" spans="8:8">
      <c r="H96150" s="12"/>
    </row>
    <row r="96151" spans="8:8">
      <c r="H96151" s="12"/>
    </row>
    <row r="96152" spans="8:8">
      <c r="H96152" s="12"/>
    </row>
    <row r="96153" spans="8:8">
      <c r="H96153" s="12"/>
    </row>
    <row r="96154" spans="8:8">
      <c r="H96154" s="12"/>
    </row>
    <row r="96155" spans="8:8">
      <c r="H96155" s="12"/>
    </row>
    <row r="96156" spans="8:8">
      <c r="H96156" s="12"/>
    </row>
    <row r="96157" spans="8:8">
      <c r="H96157" s="12"/>
    </row>
    <row r="96158" spans="8:8">
      <c r="H96158" s="12"/>
    </row>
    <row r="96159" spans="8:8">
      <c r="H96159" s="12"/>
    </row>
    <row r="96160" spans="8:8">
      <c r="H96160" s="12"/>
    </row>
    <row r="96161" spans="8:8">
      <c r="H96161" s="12"/>
    </row>
    <row r="96162" spans="8:8">
      <c r="H96162" s="12"/>
    </row>
    <row r="96163" spans="8:8">
      <c r="H96163" s="12"/>
    </row>
    <row r="96164" spans="8:8">
      <c r="H96164" s="12"/>
    </row>
    <row r="96165" spans="8:8">
      <c r="H96165" s="12"/>
    </row>
    <row r="96166" spans="8:8">
      <c r="H96166" s="12"/>
    </row>
    <row r="96167" spans="8:8">
      <c r="H96167" s="12"/>
    </row>
    <row r="96168" spans="8:8">
      <c r="H96168" s="12"/>
    </row>
    <row r="96169" spans="8:8">
      <c r="H96169" s="12"/>
    </row>
    <row r="96170" spans="8:8">
      <c r="H96170" s="12"/>
    </row>
    <row r="96171" spans="8:8">
      <c r="H96171" s="12"/>
    </row>
    <row r="96172" spans="8:8">
      <c r="H96172" s="12"/>
    </row>
    <row r="96173" spans="8:8">
      <c r="H96173" s="12"/>
    </row>
    <row r="96174" spans="8:8">
      <c r="H96174" s="12"/>
    </row>
    <row r="96175" spans="8:8">
      <c r="H96175" s="12"/>
    </row>
    <row r="96176" spans="8:8">
      <c r="H96176" s="12"/>
    </row>
    <row r="96177" spans="8:8">
      <c r="H96177" s="12"/>
    </row>
    <row r="96178" spans="8:8">
      <c r="H96178" s="12"/>
    </row>
    <row r="96179" spans="8:8">
      <c r="H96179" s="12"/>
    </row>
    <row r="96180" spans="8:8">
      <c r="H96180" s="12"/>
    </row>
    <row r="96181" spans="8:8">
      <c r="H96181" s="12"/>
    </row>
    <row r="96182" spans="8:8">
      <c r="H96182" s="12"/>
    </row>
    <row r="96183" spans="8:8">
      <c r="H96183" s="12"/>
    </row>
    <row r="96184" spans="8:8">
      <c r="H96184" s="12"/>
    </row>
    <row r="96185" spans="8:8">
      <c r="H96185" s="12"/>
    </row>
    <row r="96186" spans="8:8">
      <c r="H96186" s="12"/>
    </row>
    <row r="96187" spans="8:8">
      <c r="H96187" s="12"/>
    </row>
    <row r="96188" spans="8:8">
      <c r="H96188" s="12"/>
    </row>
    <row r="96189" spans="8:8">
      <c r="H96189" s="12"/>
    </row>
    <row r="96190" spans="8:8">
      <c r="H96190" s="12"/>
    </row>
    <row r="96191" spans="8:8">
      <c r="H96191" s="12"/>
    </row>
    <row r="96192" spans="8:8">
      <c r="H96192" s="12"/>
    </row>
    <row r="96193" spans="8:8">
      <c r="H96193" s="12"/>
    </row>
    <row r="96194" spans="8:8">
      <c r="H96194" s="12"/>
    </row>
    <row r="96195" spans="8:8">
      <c r="H96195" s="12"/>
    </row>
    <row r="96196" spans="8:8">
      <c r="H96196" s="12"/>
    </row>
    <row r="96197" spans="8:8">
      <c r="H96197" s="12"/>
    </row>
    <row r="96198" spans="8:8">
      <c r="H96198" s="12"/>
    </row>
    <row r="96199" spans="8:8">
      <c r="H96199" s="12"/>
    </row>
    <row r="96200" spans="8:8">
      <c r="H96200" s="12"/>
    </row>
    <row r="96201" spans="8:8">
      <c r="H96201" s="12"/>
    </row>
    <row r="96202" spans="8:8">
      <c r="H96202" s="12"/>
    </row>
    <row r="96203" spans="8:8">
      <c r="H96203" s="12"/>
    </row>
    <row r="96204" spans="8:8">
      <c r="H96204" s="12"/>
    </row>
    <row r="96205" spans="8:8">
      <c r="H96205" s="12"/>
    </row>
    <row r="96206" spans="8:8">
      <c r="H96206" s="12"/>
    </row>
    <row r="96207" spans="8:8">
      <c r="H96207" s="12"/>
    </row>
    <row r="96208" spans="8:8">
      <c r="H96208" s="12"/>
    </row>
    <row r="96209" spans="8:8">
      <c r="H96209" s="12"/>
    </row>
    <row r="96210" spans="8:8">
      <c r="H96210" s="12"/>
    </row>
    <row r="96211" spans="8:8">
      <c r="H96211" s="12"/>
    </row>
    <row r="96212" spans="8:8">
      <c r="H96212" s="12"/>
    </row>
    <row r="96213" spans="8:8">
      <c r="H96213" s="12"/>
    </row>
    <row r="96214" spans="8:8">
      <c r="H96214" s="12"/>
    </row>
    <row r="96215" spans="8:8">
      <c r="H96215" s="12"/>
    </row>
    <row r="96216" spans="8:8">
      <c r="H96216" s="12"/>
    </row>
    <row r="96217" spans="8:8">
      <c r="H96217" s="12"/>
    </row>
    <row r="96218" spans="8:8">
      <c r="H96218" s="12"/>
    </row>
    <row r="96219" spans="8:8">
      <c r="H96219" s="12"/>
    </row>
    <row r="96220" spans="8:8">
      <c r="H96220" s="12"/>
    </row>
    <row r="96221" spans="8:8">
      <c r="H96221" s="12"/>
    </row>
    <row r="96222" spans="8:8">
      <c r="H96222" s="12"/>
    </row>
    <row r="96223" spans="8:8">
      <c r="H96223" s="12"/>
    </row>
    <row r="96224" spans="8:8">
      <c r="H96224" s="12"/>
    </row>
    <row r="96225" spans="8:8">
      <c r="H96225" s="12"/>
    </row>
    <row r="96226" spans="8:8">
      <c r="H96226" s="12"/>
    </row>
    <row r="96227" spans="8:8">
      <c r="H96227" s="12"/>
    </row>
    <row r="96228" spans="8:8">
      <c r="H96228" s="12"/>
    </row>
    <row r="96229" spans="8:8">
      <c r="H96229" s="12"/>
    </row>
    <row r="96230" spans="8:8">
      <c r="H96230" s="12"/>
    </row>
    <row r="96231" spans="8:8">
      <c r="H96231" s="12"/>
    </row>
    <row r="96232" spans="8:8">
      <c r="H96232" s="12"/>
    </row>
    <row r="96233" spans="8:8">
      <c r="H96233" s="12"/>
    </row>
    <row r="96234" spans="8:8">
      <c r="H96234" s="12"/>
    </row>
    <row r="96235" spans="8:8">
      <c r="H96235" s="12"/>
    </row>
    <row r="96236" spans="8:8">
      <c r="H96236" s="12"/>
    </row>
    <row r="96237" spans="8:8">
      <c r="H96237" s="12"/>
    </row>
    <row r="96238" spans="8:8">
      <c r="H96238" s="12"/>
    </row>
    <row r="96239" spans="8:8">
      <c r="H96239" s="12"/>
    </row>
    <row r="96240" spans="8:8">
      <c r="H96240" s="12"/>
    </row>
    <row r="96241" spans="8:8">
      <c r="H96241" s="12"/>
    </row>
    <row r="96242" spans="8:8">
      <c r="H96242" s="12"/>
    </row>
    <row r="96243" spans="8:8">
      <c r="H96243" s="12"/>
    </row>
    <row r="96244" spans="8:8">
      <c r="H96244" s="12"/>
    </row>
    <row r="96245" spans="8:8">
      <c r="H96245" s="12"/>
    </row>
    <row r="96246" spans="8:8">
      <c r="H96246" s="12"/>
    </row>
    <row r="96247" spans="8:8">
      <c r="H96247" s="12"/>
    </row>
    <row r="96248" spans="8:8">
      <c r="H96248" s="12"/>
    </row>
    <row r="96249" spans="8:8">
      <c r="H96249" s="12"/>
    </row>
    <row r="96250" spans="8:8">
      <c r="H96250" s="12"/>
    </row>
    <row r="96251" spans="8:8">
      <c r="H96251" s="12"/>
    </row>
    <row r="96252" spans="8:8">
      <c r="H96252" s="12"/>
    </row>
    <row r="96253" spans="8:8">
      <c r="H96253" s="12"/>
    </row>
    <row r="96254" spans="8:8">
      <c r="H96254" s="12"/>
    </row>
    <row r="96255" spans="8:8">
      <c r="H96255" s="12"/>
    </row>
    <row r="96256" spans="8:8">
      <c r="H96256" s="12"/>
    </row>
    <row r="96257" spans="8:8">
      <c r="H96257" s="12"/>
    </row>
    <row r="96258" spans="8:8">
      <c r="H96258" s="12"/>
    </row>
    <row r="96259" spans="8:8">
      <c r="H96259" s="12"/>
    </row>
    <row r="96260" spans="8:8">
      <c r="H96260" s="12"/>
    </row>
    <row r="96261" spans="8:8">
      <c r="H96261" s="12"/>
    </row>
    <row r="96262" spans="8:8">
      <c r="H96262" s="12"/>
    </row>
    <row r="96263" spans="8:8">
      <c r="H96263" s="12"/>
    </row>
    <row r="96264" spans="8:8">
      <c r="H96264" s="12"/>
    </row>
    <row r="96265" spans="8:8">
      <c r="H96265" s="12"/>
    </row>
    <row r="96266" spans="8:8">
      <c r="H96266" s="12"/>
    </row>
    <row r="96267" spans="8:8">
      <c r="H96267" s="12"/>
    </row>
    <row r="96268" spans="8:8">
      <c r="H96268" s="12"/>
    </row>
    <row r="96269" spans="8:8">
      <c r="H96269" s="12"/>
    </row>
    <row r="96270" spans="8:8">
      <c r="H96270" s="12"/>
    </row>
    <row r="96271" spans="8:8">
      <c r="H96271" s="12"/>
    </row>
    <row r="96272" spans="8:8">
      <c r="H96272" s="12"/>
    </row>
    <row r="96273" spans="8:8">
      <c r="H96273" s="12"/>
    </row>
    <row r="96274" spans="8:8">
      <c r="H96274" s="12"/>
    </row>
    <row r="96275" spans="8:8">
      <c r="H96275" s="12"/>
    </row>
    <row r="96276" spans="8:8">
      <c r="H96276" s="12"/>
    </row>
    <row r="96277" spans="8:8">
      <c r="H96277" s="12"/>
    </row>
    <row r="96278" spans="8:8">
      <c r="H96278" s="12"/>
    </row>
    <row r="96279" spans="8:8">
      <c r="H96279" s="12"/>
    </row>
    <row r="96280" spans="8:8">
      <c r="H96280" s="12"/>
    </row>
    <row r="96281" spans="8:8">
      <c r="H96281" s="12"/>
    </row>
    <row r="96282" spans="8:8">
      <c r="H96282" s="12"/>
    </row>
    <row r="96283" spans="8:8">
      <c r="H96283" s="12"/>
    </row>
    <row r="96284" spans="8:8">
      <c r="H96284" s="12"/>
    </row>
    <row r="96285" spans="8:8">
      <c r="H96285" s="12"/>
    </row>
    <row r="96286" spans="8:8">
      <c r="H96286" s="12"/>
    </row>
    <row r="96287" spans="8:8">
      <c r="H96287" s="12"/>
    </row>
    <row r="96288" spans="8:8">
      <c r="H96288" s="12"/>
    </row>
    <row r="96289" spans="8:8">
      <c r="H96289" s="12"/>
    </row>
    <row r="96290" spans="8:8">
      <c r="H96290" s="12"/>
    </row>
    <row r="96291" spans="8:8">
      <c r="H96291" s="12"/>
    </row>
    <row r="96292" spans="8:8">
      <c r="H96292" s="12"/>
    </row>
    <row r="96293" spans="8:8">
      <c r="H96293" s="12"/>
    </row>
    <row r="96294" spans="8:8">
      <c r="H96294" s="12"/>
    </row>
    <row r="96295" spans="8:8">
      <c r="H96295" s="12"/>
    </row>
    <row r="96296" spans="8:8">
      <c r="H96296" s="12"/>
    </row>
    <row r="96297" spans="8:8">
      <c r="H96297" s="12"/>
    </row>
    <row r="96298" spans="8:8">
      <c r="H96298" s="12"/>
    </row>
    <row r="96299" spans="8:8">
      <c r="H96299" s="12"/>
    </row>
    <row r="96300" spans="8:8">
      <c r="H96300" s="12"/>
    </row>
    <row r="96301" spans="8:8">
      <c r="H96301" s="12"/>
    </row>
    <row r="96302" spans="8:8">
      <c r="H96302" s="12"/>
    </row>
    <row r="96303" spans="8:8">
      <c r="H96303" s="12"/>
    </row>
    <row r="96304" spans="8:8">
      <c r="H96304" s="12"/>
    </row>
    <row r="96305" spans="8:8">
      <c r="H96305" s="12"/>
    </row>
    <row r="96306" spans="8:8">
      <c r="H96306" s="12"/>
    </row>
    <row r="96307" spans="8:8">
      <c r="H96307" s="12"/>
    </row>
    <row r="96308" spans="8:8">
      <c r="H96308" s="12"/>
    </row>
    <row r="96309" spans="8:8">
      <c r="H96309" s="12"/>
    </row>
    <row r="96310" spans="8:8">
      <c r="H96310" s="12"/>
    </row>
    <row r="96311" spans="8:8">
      <c r="H96311" s="12"/>
    </row>
    <row r="96312" spans="8:8">
      <c r="H96312" s="12"/>
    </row>
    <row r="96313" spans="8:8">
      <c r="H96313" s="12"/>
    </row>
    <row r="96314" spans="8:8">
      <c r="H96314" s="12"/>
    </row>
    <row r="96315" spans="8:8">
      <c r="H96315" s="12"/>
    </row>
    <row r="96316" spans="8:8">
      <c r="H96316" s="12"/>
    </row>
    <row r="96317" spans="8:8">
      <c r="H96317" s="12"/>
    </row>
    <row r="96318" spans="8:8">
      <c r="H96318" s="12"/>
    </row>
    <row r="96319" spans="8:8">
      <c r="H96319" s="12"/>
    </row>
    <row r="96320" spans="8:8">
      <c r="H96320" s="12"/>
    </row>
    <row r="96321" spans="8:8">
      <c r="H96321" s="12"/>
    </row>
    <row r="96322" spans="8:8">
      <c r="H96322" s="12"/>
    </row>
    <row r="96323" spans="8:8">
      <c r="H96323" s="12"/>
    </row>
    <row r="96324" spans="8:8">
      <c r="H96324" s="12"/>
    </row>
    <row r="96325" spans="8:8">
      <c r="H96325" s="12"/>
    </row>
    <row r="96326" spans="8:8">
      <c r="H96326" s="12"/>
    </row>
    <row r="96327" spans="8:8">
      <c r="H96327" s="12"/>
    </row>
    <row r="96328" spans="8:8">
      <c r="H96328" s="12"/>
    </row>
    <row r="96329" spans="8:8">
      <c r="H96329" s="12"/>
    </row>
    <row r="96330" spans="8:8">
      <c r="H96330" s="12"/>
    </row>
    <row r="96331" spans="8:8">
      <c r="H96331" s="12"/>
    </row>
    <row r="96332" spans="8:8">
      <c r="H96332" s="12"/>
    </row>
    <row r="96333" spans="8:8">
      <c r="H96333" s="12"/>
    </row>
    <row r="96334" spans="8:8">
      <c r="H96334" s="12"/>
    </row>
    <row r="96335" spans="8:8">
      <c r="H96335" s="12"/>
    </row>
    <row r="96336" spans="8:8">
      <c r="H96336" s="12"/>
    </row>
    <row r="96337" spans="8:8">
      <c r="H96337" s="12"/>
    </row>
    <row r="96338" spans="8:8">
      <c r="H96338" s="12"/>
    </row>
    <row r="96339" spans="8:8">
      <c r="H96339" s="12"/>
    </row>
    <row r="96340" spans="8:8">
      <c r="H96340" s="12"/>
    </row>
    <row r="96341" spans="8:8">
      <c r="H96341" s="12"/>
    </row>
    <row r="96342" spans="8:8">
      <c r="H96342" s="12"/>
    </row>
    <row r="96343" spans="8:8">
      <c r="H96343" s="12"/>
    </row>
    <row r="96344" spans="8:8">
      <c r="H96344" s="12"/>
    </row>
    <row r="96345" spans="8:8">
      <c r="H96345" s="12"/>
    </row>
    <row r="96346" spans="8:8">
      <c r="H96346" s="12"/>
    </row>
    <row r="96347" spans="8:8">
      <c r="H96347" s="12"/>
    </row>
    <row r="96348" spans="8:8">
      <c r="H96348" s="12"/>
    </row>
    <row r="96349" spans="8:8">
      <c r="H96349" s="12"/>
    </row>
    <row r="96350" spans="8:8">
      <c r="H96350" s="12"/>
    </row>
    <row r="96351" spans="8:8">
      <c r="H96351" s="12"/>
    </row>
    <row r="96352" spans="8:8">
      <c r="H96352" s="12"/>
    </row>
    <row r="96353" spans="8:8">
      <c r="H96353" s="12"/>
    </row>
    <row r="96354" spans="8:8">
      <c r="H96354" s="12"/>
    </row>
    <row r="96355" spans="8:8">
      <c r="H96355" s="12"/>
    </row>
    <row r="96356" spans="8:8">
      <c r="H96356" s="12"/>
    </row>
    <row r="96357" spans="8:8">
      <c r="H96357" s="12"/>
    </row>
    <row r="96358" spans="8:8">
      <c r="H96358" s="12"/>
    </row>
    <row r="96359" spans="8:8">
      <c r="H96359" s="12"/>
    </row>
    <row r="96360" spans="8:8">
      <c r="H96360" s="12"/>
    </row>
    <row r="96361" spans="8:8">
      <c r="H96361" s="12"/>
    </row>
    <row r="96362" spans="8:8">
      <c r="H96362" s="12"/>
    </row>
    <row r="96363" spans="8:8">
      <c r="H96363" s="12"/>
    </row>
    <row r="96364" spans="8:8">
      <c r="H96364" s="12"/>
    </row>
    <row r="96365" spans="8:8">
      <c r="H96365" s="12"/>
    </row>
    <row r="96366" spans="8:8">
      <c r="H96366" s="12"/>
    </row>
    <row r="96367" spans="8:8">
      <c r="H96367" s="12"/>
    </row>
    <row r="96368" spans="8:8">
      <c r="H96368" s="12"/>
    </row>
    <row r="96369" spans="8:8">
      <c r="H96369" s="12"/>
    </row>
    <row r="96370" spans="8:8">
      <c r="H96370" s="12"/>
    </row>
    <row r="96371" spans="8:8">
      <c r="H96371" s="12"/>
    </row>
    <row r="96372" spans="8:8">
      <c r="H96372" s="12"/>
    </row>
    <row r="96373" spans="8:8">
      <c r="H96373" s="12"/>
    </row>
    <row r="96374" spans="8:8">
      <c r="H96374" s="12"/>
    </row>
    <row r="96375" spans="8:8">
      <c r="H96375" s="12"/>
    </row>
    <row r="96376" spans="8:8">
      <c r="H96376" s="12"/>
    </row>
    <row r="96377" spans="8:8">
      <c r="H96377" s="12"/>
    </row>
    <row r="96378" spans="8:8">
      <c r="H96378" s="12"/>
    </row>
    <row r="96379" spans="8:8">
      <c r="H96379" s="12"/>
    </row>
    <row r="96380" spans="8:8">
      <c r="H96380" s="12"/>
    </row>
    <row r="96381" spans="8:8">
      <c r="H96381" s="12"/>
    </row>
    <row r="96382" spans="8:8">
      <c r="H96382" s="12"/>
    </row>
    <row r="96383" spans="8:8">
      <c r="H96383" s="12"/>
    </row>
    <row r="96384" spans="8:8">
      <c r="H96384" s="12"/>
    </row>
    <row r="96385" spans="8:8">
      <c r="H96385" s="12"/>
    </row>
    <row r="96386" spans="8:8">
      <c r="H96386" s="12"/>
    </row>
    <row r="96387" spans="8:8">
      <c r="H96387" s="12"/>
    </row>
    <row r="96388" spans="8:8">
      <c r="H96388" s="12"/>
    </row>
    <row r="96389" spans="8:8">
      <c r="H96389" s="12"/>
    </row>
    <row r="96390" spans="8:8">
      <c r="H96390" s="12"/>
    </row>
    <row r="96391" spans="8:8">
      <c r="H96391" s="12"/>
    </row>
    <row r="96392" spans="8:8">
      <c r="H96392" s="12"/>
    </row>
    <row r="96393" spans="8:8">
      <c r="H96393" s="12"/>
    </row>
    <row r="96394" spans="8:8">
      <c r="H96394" s="12"/>
    </row>
    <row r="96395" spans="8:8">
      <c r="H96395" s="12"/>
    </row>
    <row r="96396" spans="8:8">
      <c r="H96396" s="12"/>
    </row>
    <row r="96397" spans="8:8">
      <c r="H96397" s="12"/>
    </row>
    <row r="96398" spans="8:8">
      <c r="H96398" s="12"/>
    </row>
    <row r="96399" spans="8:8">
      <c r="H96399" s="12"/>
    </row>
    <row r="96400" spans="8:8">
      <c r="H96400" s="12"/>
    </row>
    <row r="96401" spans="8:8">
      <c r="H96401" s="12"/>
    </row>
    <row r="96402" spans="8:8">
      <c r="H96402" s="12"/>
    </row>
    <row r="96403" spans="8:8">
      <c r="H96403" s="12"/>
    </row>
    <row r="96404" spans="8:8">
      <c r="H96404" s="12"/>
    </row>
    <row r="96405" spans="8:8">
      <c r="H96405" s="12"/>
    </row>
    <row r="96406" spans="8:8">
      <c r="H96406" s="12"/>
    </row>
    <row r="96407" spans="8:8">
      <c r="H96407" s="12"/>
    </row>
    <row r="96408" spans="8:8">
      <c r="H96408" s="12"/>
    </row>
    <row r="96409" spans="8:8">
      <c r="H96409" s="12"/>
    </row>
    <row r="96410" spans="8:8">
      <c r="H96410" s="12"/>
    </row>
    <row r="96411" spans="8:8">
      <c r="H96411" s="12"/>
    </row>
    <row r="96412" spans="8:8">
      <c r="H96412" s="12"/>
    </row>
    <row r="96413" spans="8:8">
      <c r="H96413" s="12"/>
    </row>
    <row r="96414" spans="8:8">
      <c r="H96414" s="12"/>
    </row>
    <row r="96415" spans="8:8">
      <c r="H96415" s="12"/>
    </row>
    <row r="96416" spans="8:8">
      <c r="H96416" s="12"/>
    </row>
    <row r="96417" spans="8:8">
      <c r="H96417" s="12"/>
    </row>
    <row r="96418" spans="8:8">
      <c r="H96418" s="12"/>
    </row>
    <row r="96419" spans="8:8">
      <c r="H96419" s="12"/>
    </row>
    <row r="96420" spans="8:8">
      <c r="H96420" s="12"/>
    </row>
    <row r="96421" spans="8:8">
      <c r="H96421" s="12"/>
    </row>
    <row r="96422" spans="8:8">
      <c r="H96422" s="12"/>
    </row>
    <row r="96423" spans="8:8">
      <c r="H96423" s="12"/>
    </row>
    <row r="96424" spans="8:8">
      <c r="H96424" s="12"/>
    </row>
    <row r="96425" spans="8:8">
      <c r="H96425" s="12"/>
    </row>
    <row r="96426" spans="8:8">
      <c r="H96426" s="12"/>
    </row>
    <row r="96427" spans="8:8">
      <c r="H96427" s="12"/>
    </row>
    <row r="96428" spans="8:8">
      <c r="H96428" s="12"/>
    </row>
    <row r="96429" spans="8:8">
      <c r="H96429" s="12"/>
    </row>
    <row r="96430" spans="8:8">
      <c r="H96430" s="12"/>
    </row>
    <row r="96431" spans="8:8">
      <c r="H96431" s="12"/>
    </row>
    <row r="96432" spans="8:8">
      <c r="H96432" s="12"/>
    </row>
    <row r="96433" spans="8:8">
      <c r="H96433" s="12"/>
    </row>
    <row r="96434" spans="8:8">
      <c r="H96434" s="12"/>
    </row>
    <row r="96435" spans="8:8">
      <c r="H96435" s="12"/>
    </row>
    <row r="96436" spans="8:8">
      <c r="H96436" s="12"/>
    </row>
    <row r="96437" spans="8:8">
      <c r="H96437" s="12"/>
    </row>
    <row r="96438" spans="8:8">
      <c r="H96438" s="12"/>
    </row>
    <row r="96439" spans="8:8">
      <c r="H96439" s="12"/>
    </row>
    <row r="96440" spans="8:8">
      <c r="H96440" s="12"/>
    </row>
    <row r="96441" spans="8:8">
      <c r="H96441" s="12"/>
    </row>
    <row r="96442" spans="8:8">
      <c r="H96442" s="12"/>
    </row>
    <row r="96443" spans="8:8">
      <c r="H96443" s="12"/>
    </row>
    <row r="96444" spans="8:8">
      <c r="H96444" s="12"/>
    </row>
    <row r="96445" spans="8:8">
      <c r="H96445" s="12"/>
    </row>
    <row r="96446" spans="8:8">
      <c r="H96446" s="12"/>
    </row>
    <row r="96447" spans="8:8">
      <c r="H96447" s="12"/>
    </row>
    <row r="96448" spans="8:8">
      <c r="H96448" s="12"/>
    </row>
    <row r="96449" spans="8:8">
      <c r="H96449" s="12"/>
    </row>
    <row r="96450" spans="8:8">
      <c r="H96450" s="12"/>
    </row>
    <row r="96451" spans="8:8">
      <c r="H96451" s="12"/>
    </row>
    <row r="96452" spans="8:8">
      <c r="H96452" s="12"/>
    </row>
    <row r="96453" spans="8:8">
      <c r="H96453" s="12"/>
    </row>
    <row r="96454" spans="8:8">
      <c r="H96454" s="12"/>
    </row>
    <row r="96455" spans="8:8">
      <c r="H96455" s="12"/>
    </row>
    <row r="96456" spans="8:8">
      <c r="H96456" s="12"/>
    </row>
    <row r="96457" spans="8:8">
      <c r="H96457" s="12"/>
    </row>
    <row r="96458" spans="8:8">
      <c r="H96458" s="12"/>
    </row>
    <row r="96459" spans="8:8">
      <c r="H96459" s="12"/>
    </row>
    <row r="96460" spans="8:8">
      <c r="H96460" s="12"/>
    </row>
    <row r="96461" spans="8:8">
      <c r="H96461" s="12"/>
    </row>
    <row r="96462" spans="8:8">
      <c r="H96462" s="12"/>
    </row>
    <row r="96463" spans="8:8">
      <c r="H96463" s="12"/>
    </row>
    <row r="96464" spans="8:8">
      <c r="H96464" s="12"/>
    </row>
    <row r="96465" spans="8:8">
      <c r="H96465" s="12"/>
    </row>
    <row r="96466" spans="8:8">
      <c r="H96466" s="12"/>
    </row>
    <row r="96467" spans="8:8">
      <c r="H96467" s="12"/>
    </row>
    <row r="96468" spans="8:8">
      <c r="H96468" s="12"/>
    </row>
    <row r="96469" spans="8:8">
      <c r="H96469" s="12"/>
    </row>
    <row r="96470" spans="8:8">
      <c r="H96470" s="12"/>
    </row>
    <row r="96471" spans="8:8">
      <c r="H96471" s="12"/>
    </row>
    <row r="96472" spans="8:8">
      <c r="H96472" s="12"/>
    </row>
    <row r="96473" spans="8:8">
      <c r="H96473" s="12"/>
    </row>
    <row r="96474" spans="8:8">
      <c r="H96474" s="12"/>
    </row>
    <row r="96475" spans="8:8">
      <c r="H96475" s="12"/>
    </row>
    <row r="96476" spans="8:8">
      <c r="H96476" s="12"/>
    </row>
    <row r="96477" spans="8:8">
      <c r="H96477" s="12"/>
    </row>
    <row r="96478" spans="8:8">
      <c r="H96478" s="12"/>
    </row>
    <row r="96479" spans="8:8">
      <c r="H96479" s="12"/>
    </row>
    <row r="96480" spans="8:8">
      <c r="H96480" s="12"/>
    </row>
    <row r="96481" spans="8:8">
      <c r="H96481" s="12"/>
    </row>
    <row r="96482" spans="8:8">
      <c r="H96482" s="12"/>
    </row>
    <row r="96483" spans="8:8">
      <c r="H96483" s="12"/>
    </row>
    <row r="96484" spans="8:8">
      <c r="H96484" s="12"/>
    </row>
    <row r="96485" spans="8:8">
      <c r="H96485" s="12"/>
    </row>
    <row r="96486" spans="8:8">
      <c r="H96486" s="12"/>
    </row>
    <row r="96487" spans="8:8">
      <c r="H96487" s="12"/>
    </row>
    <row r="96488" spans="8:8">
      <c r="H96488" s="12"/>
    </row>
    <row r="96489" spans="8:8">
      <c r="H96489" s="12"/>
    </row>
    <row r="96490" spans="8:8">
      <c r="H96490" s="12"/>
    </row>
    <row r="96491" spans="8:8">
      <c r="H96491" s="12"/>
    </row>
    <row r="96492" spans="8:8">
      <c r="H96492" s="12"/>
    </row>
    <row r="96493" spans="8:8">
      <c r="H96493" s="12"/>
    </row>
    <row r="96494" spans="8:8">
      <c r="H96494" s="12"/>
    </row>
    <row r="96495" spans="8:8">
      <c r="H96495" s="12"/>
    </row>
    <row r="96496" spans="8:8">
      <c r="H96496" s="12"/>
    </row>
    <row r="96497" spans="8:8">
      <c r="H96497" s="12"/>
    </row>
    <row r="96498" spans="8:8">
      <c r="H96498" s="12"/>
    </row>
    <row r="96499" spans="8:8">
      <c r="H96499" s="12"/>
    </row>
    <row r="96500" spans="8:8">
      <c r="H96500" s="12"/>
    </row>
    <row r="96501" spans="8:8">
      <c r="H96501" s="12"/>
    </row>
    <row r="96502" spans="8:8">
      <c r="H96502" s="12"/>
    </row>
    <row r="96503" spans="8:8">
      <c r="H96503" s="12"/>
    </row>
    <row r="96504" spans="8:8">
      <c r="H96504" s="12"/>
    </row>
    <row r="96505" spans="8:8">
      <c r="H96505" s="12"/>
    </row>
    <row r="96506" spans="8:8">
      <c r="H96506" s="12"/>
    </row>
    <row r="96507" spans="8:8">
      <c r="H96507" s="12"/>
    </row>
    <row r="96508" spans="8:8">
      <c r="H96508" s="12"/>
    </row>
    <row r="96509" spans="8:8">
      <c r="H96509" s="12"/>
    </row>
    <row r="96510" spans="8:8">
      <c r="H96510" s="12"/>
    </row>
    <row r="96511" spans="8:8">
      <c r="H96511" s="12"/>
    </row>
    <row r="96512" spans="8:8">
      <c r="H96512" s="12"/>
    </row>
    <row r="96513" spans="8:8">
      <c r="H96513" s="12"/>
    </row>
    <row r="96514" spans="8:8">
      <c r="H96514" s="12"/>
    </row>
    <row r="96515" spans="8:8">
      <c r="H96515" s="12"/>
    </row>
    <row r="96516" spans="8:8">
      <c r="H96516" s="12"/>
    </row>
    <row r="96517" spans="8:8">
      <c r="H96517" s="12"/>
    </row>
    <row r="96518" spans="8:8">
      <c r="H96518" s="12"/>
    </row>
    <row r="96519" spans="8:8">
      <c r="H96519" s="12"/>
    </row>
    <row r="96520" spans="8:8">
      <c r="H96520" s="12"/>
    </row>
    <row r="96521" spans="8:8">
      <c r="H96521" s="12"/>
    </row>
    <row r="96522" spans="8:8">
      <c r="H96522" s="12"/>
    </row>
    <row r="96523" spans="8:8">
      <c r="H96523" s="12"/>
    </row>
    <row r="96524" spans="8:8">
      <c r="H96524" s="12"/>
    </row>
    <row r="96525" spans="8:8">
      <c r="H96525" s="12"/>
    </row>
    <row r="96526" spans="8:8">
      <c r="H96526" s="12"/>
    </row>
    <row r="96527" spans="8:8">
      <c r="H96527" s="12"/>
    </row>
    <row r="96528" spans="8:8">
      <c r="H96528" s="12"/>
    </row>
    <row r="96529" spans="8:8">
      <c r="H96529" s="12"/>
    </row>
    <row r="96530" spans="8:8">
      <c r="H96530" s="12"/>
    </row>
    <row r="96531" spans="8:8">
      <c r="H96531" s="12"/>
    </row>
    <row r="96532" spans="8:8">
      <c r="H96532" s="12"/>
    </row>
    <row r="96533" spans="8:8">
      <c r="H96533" s="12"/>
    </row>
    <row r="96534" spans="8:8">
      <c r="H96534" s="12"/>
    </row>
    <row r="96535" spans="8:8">
      <c r="H96535" s="12"/>
    </row>
    <row r="96536" spans="8:8">
      <c r="H96536" s="12"/>
    </row>
    <row r="96537" spans="8:8">
      <c r="H96537" s="12"/>
    </row>
    <row r="96538" spans="8:8">
      <c r="H96538" s="12"/>
    </row>
    <row r="96539" spans="8:8">
      <c r="H96539" s="12"/>
    </row>
    <row r="96540" spans="8:8">
      <c r="H96540" s="12"/>
    </row>
    <row r="96541" spans="8:8">
      <c r="H96541" s="12"/>
    </row>
    <row r="96542" spans="8:8">
      <c r="H96542" s="12"/>
    </row>
    <row r="96543" spans="8:8">
      <c r="H96543" s="12"/>
    </row>
    <row r="96544" spans="8:8">
      <c r="H96544" s="12"/>
    </row>
    <row r="96545" spans="8:8">
      <c r="H96545" s="12"/>
    </row>
    <row r="96546" spans="8:8">
      <c r="H96546" s="12"/>
    </row>
    <row r="96547" spans="8:8">
      <c r="H96547" s="12"/>
    </row>
    <row r="96548" spans="8:8">
      <c r="H96548" s="12"/>
    </row>
    <row r="96549" spans="8:8">
      <c r="H96549" s="12"/>
    </row>
    <row r="96550" spans="8:8">
      <c r="H96550" s="12"/>
    </row>
    <row r="96551" spans="8:8">
      <c r="H96551" s="12"/>
    </row>
    <row r="96552" spans="8:8">
      <c r="H96552" s="12"/>
    </row>
    <row r="96553" spans="8:8">
      <c r="H96553" s="12"/>
    </row>
    <row r="96554" spans="8:8">
      <c r="H96554" s="12"/>
    </row>
    <row r="96555" spans="8:8">
      <c r="H96555" s="12"/>
    </row>
    <row r="96556" spans="8:8">
      <c r="H96556" s="12"/>
    </row>
    <row r="96557" spans="8:8">
      <c r="H96557" s="12"/>
    </row>
    <row r="96558" spans="8:8">
      <c r="H96558" s="12"/>
    </row>
    <row r="96559" spans="8:8">
      <c r="H96559" s="12"/>
    </row>
    <row r="96560" spans="8:8">
      <c r="H96560" s="12"/>
    </row>
    <row r="96561" spans="8:8">
      <c r="H96561" s="12"/>
    </row>
    <row r="96562" spans="8:8">
      <c r="H96562" s="12"/>
    </row>
    <row r="96563" spans="8:8">
      <c r="H96563" s="12"/>
    </row>
    <row r="96564" spans="8:8">
      <c r="H96564" s="12"/>
    </row>
    <row r="96565" spans="8:8">
      <c r="H96565" s="12"/>
    </row>
    <row r="96566" spans="8:8">
      <c r="H96566" s="12"/>
    </row>
    <row r="96567" spans="8:8">
      <c r="H96567" s="12"/>
    </row>
    <row r="96568" spans="8:8">
      <c r="H96568" s="12"/>
    </row>
    <row r="96569" spans="8:8">
      <c r="H96569" s="12"/>
    </row>
    <row r="96570" spans="8:8">
      <c r="H96570" s="12"/>
    </row>
    <row r="96571" spans="8:8">
      <c r="H96571" s="12"/>
    </row>
    <row r="96572" spans="8:8">
      <c r="H96572" s="12"/>
    </row>
    <row r="96573" spans="8:8">
      <c r="H96573" s="12"/>
    </row>
    <row r="96574" spans="8:8">
      <c r="H96574" s="12"/>
    </row>
    <row r="96575" spans="8:8">
      <c r="H96575" s="12"/>
    </row>
    <row r="96576" spans="8:8">
      <c r="H96576" s="12"/>
    </row>
    <row r="96577" spans="8:8">
      <c r="H96577" s="12"/>
    </row>
    <row r="96578" spans="8:8">
      <c r="H96578" s="12"/>
    </row>
    <row r="96579" spans="8:8">
      <c r="H96579" s="12"/>
    </row>
    <row r="96580" spans="8:8">
      <c r="H96580" s="12"/>
    </row>
    <row r="96581" spans="8:8">
      <c r="H96581" s="12"/>
    </row>
    <row r="96582" spans="8:8">
      <c r="H96582" s="12"/>
    </row>
    <row r="96583" spans="8:8">
      <c r="H96583" s="12"/>
    </row>
    <row r="96584" spans="8:8">
      <c r="H96584" s="12"/>
    </row>
    <row r="96585" spans="8:8">
      <c r="H96585" s="12"/>
    </row>
    <row r="96586" spans="8:8">
      <c r="H96586" s="12"/>
    </row>
    <row r="96587" spans="8:8">
      <c r="H96587" s="12"/>
    </row>
    <row r="96588" spans="8:8">
      <c r="H96588" s="12"/>
    </row>
    <row r="96589" spans="8:8">
      <c r="H96589" s="12"/>
    </row>
    <row r="96590" spans="8:8">
      <c r="H96590" s="12"/>
    </row>
    <row r="96591" spans="8:8">
      <c r="H96591" s="12"/>
    </row>
    <row r="96592" spans="8:8">
      <c r="H96592" s="12"/>
    </row>
    <row r="96593" spans="8:8">
      <c r="H96593" s="12"/>
    </row>
    <row r="96594" spans="8:8">
      <c r="H96594" s="12"/>
    </row>
    <row r="96595" spans="8:8">
      <c r="H96595" s="12"/>
    </row>
    <row r="96596" spans="8:8">
      <c r="H96596" s="12"/>
    </row>
    <row r="96597" spans="8:8">
      <c r="H96597" s="12"/>
    </row>
    <row r="96598" spans="8:8">
      <c r="H96598" s="12"/>
    </row>
    <row r="96599" spans="8:8">
      <c r="H96599" s="12"/>
    </row>
    <row r="96600" spans="8:8">
      <c r="H96600" s="12"/>
    </row>
    <row r="96601" spans="8:8">
      <c r="H96601" s="12"/>
    </row>
    <row r="96602" spans="8:8">
      <c r="H96602" s="12"/>
    </row>
    <row r="96603" spans="8:8">
      <c r="H96603" s="12"/>
    </row>
    <row r="96604" spans="8:8">
      <c r="H96604" s="12"/>
    </row>
    <row r="96605" spans="8:8">
      <c r="H96605" s="12"/>
    </row>
    <row r="96606" spans="8:8">
      <c r="H96606" s="12"/>
    </row>
    <row r="96607" spans="8:8">
      <c r="H96607" s="12"/>
    </row>
    <row r="96608" spans="8:8">
      <c r="H96608" s="12"/>
    </row>
    <row r="96609" spans="8:8">
      <c r="H96609" s="12"/>
    </row>
    <row r="96610" spans="8:8">
      <c r="H96610" s="12"/>
    </row>
    <row r="96611" spans="8:8">
      <c r="H96611" s="12"/>
    </row>
    <row r="96612" spans="8:8">
      <c r="H96612" s="12"/>
    </row>
    <row r="96613" spans="8:8">
      <c r="H96613" s="12"/>
    </row>
    <row r="96614" spans="8:8">
      <c r="H96614" s="12"/>
    </row>
    <row r="96615" spans="8:8">
      <c r="H96615" s="12"/>
    </row>
    <row r="96616" spans="8:8">
      <c r="H96616" s="12"/>
    </row>
    <row r="96617" spans="8:8">
      <c r="H96617" s="12"/>
    </row>
    <row r="96618" spans="8:8">
      <c r="H96618" s="12"/>
    </row>
    <row r="96619" spans="8:8">
      <c r="H96619" s="12"/>
    </row>
    <row r="96620" spans="8:8">
      <c r="H96620" s="12"/>
    </row>
    <row r="96621" spans="8:8">
      <c r="H96621" s="12"/>
    </row>
    <row r="96622" spans="8:8">
      <c r="H96622" s="12"/>
    </row>
    <row r="96623" spans="8:8">
      <c r="H96623" s="12"/>
    </row>
    <row r="96624" spans="8:8">
      <c r="H96624" s="12"/>
    </row>
    <row r="96625" spans="8:8">
      <c r="H96625" s="12"/>
    </row>
    <row r="96626" spans="8:8">
      <c r="H96626" s="12"/>
    </row>
    <row r="96627" spans="8:8">
      <c r="H96627" s="12"/>
    </row>
    <row r="96628" spans="8:8">
      <c r="H96628" s="12"/>
    </row>
    <row r="96629" spans="8:8">
      <c r="H96629" s="12"/>
    </row>
    <row r="96630" spans="8:8">
      <c r="H96630" s="12"/>
    </row>
    <row r="96631" spans="8:8">
      <c r="H96631" s="12"/>
    </row>
    <row r="96632" spans="8:8">
      <c r="H96632" s="12"/>
    </row>
    <row r="96633" spans="8:8">
      <c r="H96633" s="12"/>
    </row>
    <row r="96634" spans="8:8">
      <c r="H96634" s="12"/>
    </row>
    <row r="96635" spans="8:8">
      <c r="H96635" s="12"/>
    </row>
    <row r="96636" spans="8:8">
      <c r="H96636" s="12"/>
    </row>
    <row r="96637" spans="8:8">
      <c r="H96637" s="12"/>
    </row>
    <row r="96638" spans="8:8">
      <c r="H96638" s="12"/>
    </row>
    <row r="96639" spans="8:8">
      <c r="H96639" s="12"/>
    </row>
    <row r="96640" spans="8:8">
      <c r="H96640" s="12"/>
    </row>
    <row r="96641" spans="8:8">
      <c r="H96641" s="12"/>
    </row>
    <row r="96642" spans="8:8">
      <c r="H96642" s="12"/>
    </row>
    <row r="96643" spans="8:8">
      <c r="H96643" s="12"/>
    </row>
    <row r="96644" spans="8:8">
      <c r="H96644" s="12"/>
    </row>
    <row r="96645" spans="8:8">
      <c r="H96645" s="12"/>
    </row>
    <row r="96646" spans="8:8">
      <c r="H96646" s="12"/>
    </row>
    <row r="96647" spans="8:8">
      <c r="H96647" s="12"/>
    </row>
    <row r="96648" spans="8:8">
      <c r="H96648" s="12"/>
    </row>
    <row r="96649" spans="8:8">
      <c r="H96649" s="12"/>
    </row>
    <row r="96650" spans="8:8">
      <c r="H96650" s="12"/>
    </row>
    <row r="96651" spans="8:8">
      <c r="H96651" s="12"/>
    </row>
    <row r="96652" spans="8:8">
      <c r="H96652" s="12"/>
    </row>
    <row r="96653" spans="8:8">
      <c r="H96653" s="12"/>
    </row>
    <row r="96654" spans="8:8">
      <c r="H96654" s="12"/>
    </row>
    <row r="96655" spans="8:8">
      <c r="H96655" s="12"/>
    </row>
    <row r="96656" spans="8:8">
      <c r="H96656" s="12"/>
    </row>
    <row r="96657" spans="8:8">
      <c r="H96657" s="12"/>
    </row>
    <row r="96658" spans="8:8">
      <c r="H96658" s="12"/>
    </row>
    <row r="96659" spans="8:8">
      <c r="H96659" s="12"/>
    </row>
    <row r="96660" spans="8:8">
      <c r="H96660" s="12"/>
    </row>
    <row r="96661" spans="8:8">
      <c r="H96661" s="12"/>
    </row>
    <row r="96662" spans="8:8">
      <c r="H96662" s="12"/>
    </row>
    <row r="96663" spans="8:8">
      <c r="H96663" s="12"/>
    </row>
    <row r="96664" spans="8:8">
      <c r="H96664" s="12"/>
    </row>
    <row r="96665" spans="8:8">
      <c r="H96665" s="12"/>
    </row>
    <row r="96666" spans="8:8">
      <c r="H96666" s="12"/>
    </row>
    <row r="96667" spans="8:8">
      <c r="H96667" s="12"/>
    </row>
    <row r="96668" spans="8:8">
      <c r="H96668" s="12"/>
    </row>
    <row r="96669" spans="8:8">
      <c r="H96669" s="12"/>
    </row>
    <row r="96670" spans="8:8">
      <c r="H96670" s="12"/>
    </row>
    <row r="96671" spans="8:8">
      <c r="H96671" s="12"/>
    </row>
    <row r="96672" spans="8:8">
      <c r="H96672" s="12"/>
    </row>
    <row r="96673" spans="8:8">
      <c r="H96673" s="12"/>
    </row>
    <row r="96674" spans="8:8">
      <c r="H96674" s="12"/>
    </row>
    <row r="96675" spans="8:8">
      <c r="H96675" s="12"/>
    </row>
    <row r="96676" spans="8:8">
      <c r="H96676" s="12"/>
    </row>
    <row r="96677" spans="8:8">
      <c r="H96677" s="12"/>
    </row>
    <row r="96678" spans="8:8">
      <c r="H96678" s="12"/>
    </row>
    <row r="96679" spans="8:8">
      <c r="H96679" s="12"/>
    </row>
    <row r="96680" spans="8:8">
      <c r="H96680" s="12"/>
    </row>
    <row r="96681" spans="8:8">
      <c r="H96681" s="12"/>
    </row>
    <row r="96682" spans="8:8">
      <c r="H96682" s="12"/>
    </row>
    <row r="96683" spans="8:8">
      <c r="H96683" s="12"/>
    </row>
    <row r="96684" spans="8:8">
      <c r="H96684" s="12"/>
    </row>
    <row r="96685" spans="8:8">
      <c r="H96685" s="12"/>
    </row>
    <row r="96686" spans="8:8">
      <c r="H96686" s="12"/>
    </row>
    <row r="96687" spans="8:8">
      <c r="H96687" s="12"/>
    </row>
    <row r="96688" spans="8:8">
      <c r="H96688" s="12"/>
    </row>
    <row r="96689" spans="8:8">
      <c r="H96689" s="12"/>
    </row>
    <row r="96690" spans="8:8">
      <c r="H96690" s="12"/>
    </row>
    <row r="96691" spans="8:8">
      <c r="H96691" s="12"/>
    </row>
    <row r="96692" spans="8:8">
      <c r="H96692" s="12"/>
    </row>
    <row r="96693" spans="8:8">
      <c r="H96693" s="12"/>
    </row>
    <row r="96694" spans="8:8">
      <c r="H96694" s="12"/>
    </row>
    <row r="96695" spans="8:8">
      <c r="H96695" s="12"/>
    </row>
    <row r="96696" spans="8:8">
      <c r="H96696" s="12"/>
    </row>
    <row r="96697" spans="8:8">
      <c r="H96697" s="12"/>
    </row>
    <row r="96698" spans="8:8">
      <c r="H96698" s="12"/>
    </row>
    <row r="96699" spans="8:8">
      <c r="H96699" s="12"/>
    </row>
    <row r="96700" spans="8:8">
      <c r="H96700" s="12"/>
    </row>
    <row r="96701" spans="8:8">
      <c r="H96701" s="12"/>
    </row>
    <row r="96702" spans="8:8">
      <c r="H96702" s="12"/>
    </row>
    <row r="96703" spans="8:8">
      <c r="H96703" s="12"/>
    </row>
    <row r="96704" spans="8:8">
      <c r="H96704" s="12"/>
    </row>
    <row r="96705" spans="8:8">
      <c r="H96705" s="12"/>
    </row>
    <row r="96706" spans="8:8">
      <c r="H96706" s="12"/>
    </row>
    <row r="96707" spans="8:8">
      <c r="H96707" s="12"/>
    </row>
    <row r="96708" spans="8:8">
      <c r="H96708" s="12"/>
    </row>
    <row r="96709" spans="8:8">
      <c r="H96709" s="12"/>
    </row>
    <row r="96710" spans="8:8">
      <c r="H96710" s="12"/>
    </row>
    <row r="96711" spans="8:8">
      <c r="H96711" s="12"/>
    </row>
    <row r="96712" spans="8:8">
      <c r="H96712" s="12"/>
    </row>
    <row r="96713" spans="8:8">
      <c r="H96713" s="12"/>
    </row>
    <row r="96714" spans="8:8">
      <c r="H96714" s="12"/>
    </row>
    <row r="96715" spans="8:8">
      <c r="H96715" s="12"/>
    </row>
    <row r="96716" spans="8:8">
      <c r="H96716" s="12"/>
    </row>
    <row r="96717" spans="8:8">
      <c r="H96717" s="12"/>
    </row>
    <row r="96718" spans="8:8">
      <c r="H96718" s="12"/>
    </row>
    <row r="96719" spans="8:8">
      <c r="H96719" s="12"/>
    </row>
    <row r="96720" spans="8:8">
      <c r="H96720" s="12"/>
    </row>
    <row r="96721" spans="8:8">
      <c r="H96721" s="12"/>
    </row>
    <row r="96722" spans="8:8">
      <c r="H96722" s="12"/>
    </row>
    <row r="96723" spans="8:8">
      <c r="H96723" s="12"/>
    </row>
    <row r="96724" spans="8:8">
      <c r="H96724" s="12"/>
    </row>
    <row r="96725" spans="8:8">
      <c r="H96725" s="12"/>
    </row>
    <row r="96726" spans="8:8">
      <c r="H96726" s="12"/>
    </row>
    <row r="96727" spans="8:8">
      <c r="H96727" s="12"/>
    </row>
    <row r="96728" spans="8:8">
      <c r="H96728" s="12"/>
    </row>
    <row r="96729" spans="8:8">
      <c r="H96729" s="12"/>
    </row>
    <row r="96730" spans="8:8">
      <c r="H96730" s="12"/>
    </row>
    <row r="96731" spans="8:8">
      <c r="H96731" s="12"/>
    </row>
    <row r="96732" spans="8:8">
      <c r="H96732" s="12"/>
    </row>
    <row r="96733" spans="8:8">
      <c r="H96733" s="12"/>
    </row>
    <row r="96734" spans="8:8">
      <c r="H96734" s="12"/>
    </row>
    <row r="96735" spans="8:8">
      <c r="H96735" s="12"/>
    </row>
    <row r="96736" spans="8:8">
      <c r="H96736" s="12"/>
    </row>
    <row r="96737" spans="8:8">
      <c r="H96737" s="12"/>
    </row>
    <row r="96738" spans="8:8">
      <c r="H96738" s="12"/>
    </row>
    <row r="96739" spans="8:8">
      <c r="H96739" s="12"/>
    </row>
    <row r="96740" spans="8:8">
      <c r="H96740" s="12"/>
    </row>
    <row r="96741" spans="8:8">
      <c r="H96741" s="12"/>
    </row>
    <row r="96742" spans="8:8">
      <c r="H96742" s="12"/>
    </row>
    <row r="96743" spans="8:8">
      <c r="H96743" s="12"/>
    </row>
    <row r="96744" spans="8:8">
      <c r="H96744" s="12"/>
    </row>
    <row r="96745" spans="8:8">
      <c r="H96745" s="12"/>
    </row>
    <row r="96746" spans="8:8">
      <c r="H96746" s="12"/>
    </row>
    <row r="96747" spans="8:8">
      <c r="H96747" s="12"/>
    </row>
    <row r="96748" spans="8:8">
      <c r="H96748" s="12"/>
    </row>
    <row r="96749" spans="8:8">
      <c r="H96749" s="12"/>
    </row>
    <row r="96750" spans="8:8">
      <c r="H96750" s="12"/>
    </row>
    <row r="96751" spans="8:8">
      <c r="H96751" s="12"/>
    </row>
    <row r="96752" spans="8:8">
      <c r="H96752" s="12"/>
    </row>
    <row r="96753" spans="8:8">
      <c r="H96753" s="12"/>
    </row>
    <row r="96754" spans="8:8">
      <c r="H96754" s="12"/>
    </row>
    <row r="96755" spans="8:8">
      <c r="H96755" s="12"/>
    </row>
    <row r="96756" spans="8:8">
      <c r="H96756" s="12"/>
    </row>
    <row r="96757" spans="8:8">
      <c r="H96757" s="12"/>
    </row>
    <row r="96758" spans="8:8">
      <c r="H96758" s="12"/>
    </row>
    <row r="96759" spans="8:8">
      <c r="H96759" s="12"/>
    </row>
    <row r="96760" spans="8:8">
      <c r="H96760" s="12"/>
    </row>
    <row r="96761" spans="8:8">
      <c r="H96761" s="12"/>
    </row>
    <row r="96762" spans="8:8">
      <c r="H96762" s="12"/>
    </row>
    <row r="96763" spans="8:8">
      <c r="H96763" s="12"/>
    </row>
    <row r="96764" spans="8:8">
      <c r="H96764" s="12"/>
    </row>
    <row r="96765" spans="8:8">
      <c r="H96765" s="12"/>
    </row>
    <row r="96766" spans="8:8">
      <c r="H96766" s="12"/>
    </row>
    <row r="96767" spans="8:8">
      <c r="H96767" s="12"/>
    </row>
    <row r="96768" spans="8:8">
      <c r="H96768" s="12"/>
    </row>
    <row r="96769" spans="8:8">
      <c r="H96769" s="12"/>
    </row>
    <row r="96770" spans="8:8">
      <c r="H96770" s="12"/>
    </row>
    <row r="96771" spans="8:8">
      <c r="H96771" s="12"/>
    </row>
    <row r="96772" spans="8:8">
      <c r="H96772" s="12"/>
    </row>
    <row r="96773" spans="8:8">
      <c r="H96773" s="12"/>
    </row>
    <row r="96774" spans="8:8">
      <c r="H96774" s="12"/>
    </row>
    <row r="96775" spans="8:8">
      <c r="H96775" s="12"/>
    </row>
    <row r="96776" spans="8:8">
      <c r="H96776" s="12"/>
    </row>
    <row r="96777" spans="8:8">
      <c r="H96777" s="12"/>
    </row>
    <row r="96778" spans="8:8">
      <c r="H96778" s="12"/>
    </row>
    <row r="96779" spans="8:8">
      <c r="H96779" s="12"/>
    </row>
    <row r="96780" spans="8:8">
      <c r="H96780" s="12"/>
    </row>
    <row r="96781" spans="8:8">
      <c r="H96781" s="12"/>
    </row>
    <row r="96782" spans="8:8">
      <c r="H96782" s="12"/>
    </row>
    <row r="96783" spans="8:8">
      <c r="H96783" s="12"/>
    </row>
    <row r="96784" spans="8:8">
      <c r="H96784" s="12"/>
    </row>
    <row r="96785" spans="8:8">
      <c r="H96785" s="12"/>
    </row>
    <row r="96786" spans="8:8">
      <c r="H96786" s="12"/>
    </row>
    <row r="96787" spans="8:8">
      <c r="H96787" s="12"/>
    </row>
    <row r="96788" spans="8:8">
      <c r="H96788" s="12"/>
    </row>
    <row r="96789" spans="8:8">
      <c r="H96789" s="12"/>
    </row>
    <row r="96790" spans="8:8">
      <c r="H96790" s="12"/>
    </row>
    <row r="96791" spans="8:8">
      <c r="H96791" s="12"/>
    </row>
    <row r="96792" spans="8:8">
      <c r="H96792" s="12"/>
    </row>
    <row r="96793" spans="8:8">
      <c r="H96793" s="12"/>
    </row>
    <row r="96794" spans="8:8">
      <c r="H96794" s="12"/>
    </row>
    <row r="96795" spans="8:8">
      <c r="H96795" s="12"/>
    </row>
    <row r="96796" spans="8:8">
      <c r="H96796" s="12"/>
    </row>
    <row r="96797" spans="8:8">
      <c r="H96797" s="12"/>
    </row>
    <row r="96798" spans="8:8">
      <c r="H96798" s="12"/>
    </row>
    <row r="96799" spans="8:8">
      <c r="H96799" s="12"/>
    </row>
    <row r="96800" spans="8:8">
      <c r="H96800" s="12"/>
    </row>
    <row r="96801" spans="8:8">
      <c r="H96801" s="12"/>
    </row>
    <row r="96802" spans="8:8">
      <c r="H96802" s="12"/>
    </row>
    <row r="96803" spans="8:8">
      <c r="H96803" s="12"/>
    </row>
    <row r="96804" spans="8:8">
      <c r="H96804" s="12"/>
    </row>
    <row r="96805" spans="8:8">
      <c r="H96805" s="12"/>
    </row>
    <row r="96806" spans="8:8">
      <c r="H96806" s="12"/>
    </row>
    <row r="96807" spans="8:8">
      <c r="H96807" s="12"/>
    </row>
    <row r="96808" spans="8:8">
      <c r="H96808" s="12"/>
    </row>
    <row r="96809" spans="8:8">
      <c r="H96809" s="12"/>
    </row>
    <row r="96810" spans="8:8">
      <c r="H96810" s="12"/>
    </row>
    <row r="96811" spans="8:8">
      <c r="H96811" s="12"/>
    </row>
    <row r="96812" spans="8:8">
      <c r="H96812" s="12"/>
    </row>
    <row r="96813" spans="8:8">
      <c r="H96813" s="12"/>
    </row>
    <row r="96814" spans="8:8">
      <c r="H96814" s="12"/>
    </row>
    <row r="96815" spans="8:8">
      <c r="H96815" s="12"/>
    </row>
    <row r="96816" spans="8:8">
      <c r="H96816" s="12"/>
    </row>
    <row r="96817" spans="8:8">
      <c r="H96817" s="12"/>
    </row>
    <row r="96818" spans="8:8">
      <c r="H96818" s="12"/>
    </row>
    <row r="96819" spans="8:8">
      <c r="H96819" s="12"/>
    </row>
    <row r="96820" spans="8:8">
      <c r="H96820" s="12"/>
    </row>
    <row r="96821" spans="8:8">
      <c r="H96821" s="12"/>
    </row>
    <row r="96822" spans="8:8">
      <c r="H96822" s="12"/>
    </row>
    <row r="96823" spans="8:8">
      <c r="H96823" s="12"/>
    </row>
    <row r="96824" spans="8:8">
      <c r="H96824" s="12"/>
    </row>
    <row r="96825" spans="8:8">
      <c r="H96825" s="12"/>
    </row>
    <row r="96826" spans="8:8">
      <c r="H96826" s="12"/>
    </row>
    <row r="96827" spans="8:8">
      <c r="H96827" s="12"/>
    </row>
    <row r="96828" spans="8:8">
      <c r="H96828" s="12"/>
    </row>
    <row r="96829" spans="8:8">
      <c r="H96829" s="12"/>
    </row>
    <row r="96830" spans="8:8">
      <c r="H96830" s="12"/>
    </row>
    <row r="96831" spans="8:8">
      <c r="H96831" s="12"/>
    </row>
    <row r="96832" spans="8:8">
      <c r="H96832" s="12"/>
    </row>
    <row r="96833" spans="8:8">
      <c r="H96833" s="12"/>
    </row>
    <row r="96834" spans="8:8">
      <c r="H96834" s="12"/>
    </row>
    <row r="96835" spans="8:8">
      <c r="H96835" s="12"/>
    </row>
    <row r="96836" spans="8:8">
      <c r="H96836" s="12"/>
    </row>
    <row r="96837" spans="8:8">
      <c r="H96837" s="12"/>
    </row>
    <row r="96838" spans="8:8">
      <c r="H96838" s="12"/>
    </row>
    <row r="96839" spans="8:8">
      <c r="H96839" s="12"/>
    </row>
    <row r="96840" spans="8:8">
      <c r="H96840" s="12"/>
    </row>
    <row r="96841" spans="8:8">
      <c r="H96841" s="12"/>
    </row>
    <row r="96842" spans="8:8">
      <c r="H96842" s="12"/>
    </row>
    <row r="96843" spans="8:8">
      <c r="H96843" s="12"/>
    </row>
    <row r="96844" spans="8:8">
      <c r="H96844" s="12"/>
    </row>
    <row r="96845" spans="8:8">
      <c r="H96845" s="12"/>
    </row>
    <row r="96846" spans="8:8">
      <c r="H96846" s="12"/>
    </row>
    <row r="96847" spans="8:8">
      <c r="H96847" s="12"/>
    </row>
    <row r="96848" spans="8:8">
      <c r="H96848" s="12"/>
    </row>
    <row r="96849" spans="8:8">
      <c r="H96849" s="12"/>
    </row>
    <row r="96850" spans="8:8">
      <c r="H96850" s="12"/>
    </row>
    <row r="96851" spans="8:8">
      <c r="H96851" s="12"/>
    </row>
    <row r="96852" spans="8:8">
      <c r="H96852" s="12"/>
    </row>
    <row r="96853" spans="8:8">
      <c r="H96853" s="12"/>
    </row>
    <row r="96854" spans="8:8">
      <c r="H96854" s="12"/>
    </row>
    <row r="96855" spans="8:8">
      <c r="H96855" s="12"/>
    </row>
    <row r="96856" spans="8:8">
      <c r="H96856" s="12"/>
    </row>
    <row r="96857" spans="8:8">
      <c r="H96857" s="12"/>
    </row>
    <row r="96858" spans="8:8">
      <c r="H96858" s="12"/>
    </row>
    <row r="96859" spans="8:8">
      <c r="H96859" s="12"/>
    </row>
    <row r="96860" spans="8:8">
      <c r="H96860" s="12"/>
    </row>
    <row r="96861" spans="8:8">
      <c r="H96861" s="12"/>
    </row>
    <row r="96862" spans="8:8">
      <c r="H96862" s="12"/>
    </row>
    <row r="96863" spans="8:8">
      <c r="H96863" s="12"/>
    </row>
    <row r="96864" spans="8:8">
      <c r="H96864" s="12"/>
    </row>
    <row r="96865" spans="8:8">
      <c r="H96865" s="12"/>
    </row>
    <row r="96866" spans="8:8">
      <c r="H96866" s="12"/>
    </row>
    <row r="96867" spans="8:8">
      <c r="H96867" s="12"/>
    </row>
    <row r="96868" spans="8:8">
      <c r="H96868" s="12"/>
    </row>
    <row r="96869" spans="8:8">
      <c r="H96869" s="12"/>
    </row>
    <row r="96870" spans="8:8">
      <c r="H96870" s="12"/>
    </row>
    <row r="96871" spans="8:8">
      <c r="H96871" s="12"/>
    </row>
    <row r="96872" spans="8:8">
      <c r="H96872" s="12"/>
    </row>
    <row r="96873" spans="8:8">
      <c r="H96873" s="12"/>
    </row>
    <row r="96874" spans="8:8">
      <c r="H96874" s="12"/>
    </row>
    <row r="96875" spans="8:8">
      <c r="H96875" s="12"/>
    </row>
    <row r="96876" spans="8:8">
      <c r="H96876" s="12"/>
    </row>
    <row r="96877" spans="8:8">
      <c r="H96877" s="12"/>
    </row>
    <row r="96878" spans="8:8">
      <c r="H96878" s="12"/>
    </row>
    <row r="96879" spans="8:8">
      <c r="H96879" s="12"/>
    </row>
    <row r="96880" spans="8:8">
      <c r="H96880" s="12"/>
    </row>
    <row r="96881" spans="8:8">
      <c r="H96881" s="12"/>
    </row>
    <row r="96882" spans="8:8">
      <c r="H96882" s="12"/>
    </row>
    <row r="96883" spans="8:8">
      <c r="H96883" s="12"/>
    </row>
    <row r="96884" spans="8:8">
      <c r="H96884" s="12"/>
    </row>
    <row r="96885" spans="8:8">
      <c r="H96885" s="12"/>
    </row>
    <row r="96886" spans="8:8">
      <c r="H96886" s="12"/>
    </row>
    <row r="96887" spans="8:8">
      <c r="H96887" s="12"/>
    </row>
    <row r="96888" spans="8:8">
      <c r="H96888" s="12"/>
    </row>
    <row r="96889" spans="8:8">
      <c r="H96889" s="12"/>
    </row>
    <row r="96890" spans="8:8">
      <c r="H96890" s="12"/>
    </row>
    <row r="96891" spans="8:8">
      <c r="H96891" s="12"/>
    </row>
    <row r="96892" spans="8:8">
      <c r="H96892" s="12"/>
    </row>
    <row r="96893" spans="8:8">
      <c r="H96893" s="12"/>
    </row>
    <row r="96894" spans="8:8">
      <c r="H96894" s="12"/>
    </row>
    <row r="96895" spans="8:8">
      <c r="H96895" s="12"/>
    </row>
    <row r="96896" spans="8:8">
      <c r="H96896" s="12"/>
    </row>
    <row r="96897" spans="8:8">
      <c r="H96897" s="12"/>
    </row>
    <row r="96898" spans="8:8">
      <c r="H96898" s="12"/>
    </row>
    <row r="96899" spans="8:8">
      <c r="H96899" s="12"/>
    </row>
    <row r="96900" spans="8:8">
      <c r="H96900" s="12"/>
    </row>
    <row r="96901" spans="8:8">
      <c r="H96901" s="12"/>
    </row>
    <row r="96902" spans="8:8">
      <c r="H96902" s="12"/>
    </row>
    <row r="96903" spans="8:8">
      <c r="H96903" s="12"/>
    </row>
    <row r="96904" spans="8:8">
      <c r="H96904" s="12"/>
    </row>
    <row r="96905" spans="8:8">
      <c r="H96905" s="12"/>
    </row>
    <row r="96906" spans="8:8">
      <c r="H96906" s="12"/>
    </row>
    <row r="96907" spans="8:8">
      <c r="H96907" s="12"/>
    </row>
    <row r="96908" spans="8:8">
      <c r="H96908" s="12"/>
    </row>
    <row r="96909" spans="8:8">
      <c r="H96909" s="12"/>
    </row>
    <row r="96910" spans="8:8">
      <c r="H96910" s="12"/>
    </row>
    <row r="96911" spans="8:8">
      <c r="H96911" s="12"/>
    </row>
    <row r="96912" spans="8:8">
      <c r="H96912" s="12"/>
    </row>
    <row r="96913" spans="8:8">
      <c r="H96913" s="12"/>
    </row>
    <row r="96914" spans="8:8">
      <c r="H96914" s="12"/>
    </row>
    <row r="96915" spans="8:8">
      <c r="H96915" s="12"/>
    </row>
    <row r="96916" spans="8:8">
      <c r="H96916" s="12"/>
    </row>
    <row r="96917" spans="8:8">
      <c r="H96917" s="12"/>
    </row>
    <row r="96918" spans="8:8">
      <c r="H96918" s="12"/>
    </row>
    <row r="96919" spans="8:8">
      <c r="H96919" s="12"/>
    </row>
    <row r="96920" spans="8:8">
      <c r="H96920" s="12"/>
    </row>
    <row r="96921" spans="8:8">
      <c r="H96921" s="12"/>
    </row>
    <row r="96922" spans="8:8">
      <c r="H96922" s="12"/>
    </row>
    <row r="96923" spans="8:8">
      <c r="H96923" s="12"/>
    </row>
    <row r="96924" spans="8:8">
      <c r="H96924" s="12"/>
    </row>
    <row r="96925" spans="8:8">
      <c r="H96925" s="12"/>
    </row>
    <row r="96926" spans="8:8">
      <c r="H96926" s="12"/>
    </row>
    <row r="96927" spans="8:8">
      <c r="H96927" s="12"/>
    </row>
    <row r="96928" spans="8:8">
      <c r="H96928" s="12"/>
    </row>
    <row r="96929" spans="8:8">
      <c r="H96929" s="12"/>
    </row>
    <row r="96930" spans="8:8">
      <c r="H96930" s="12"/>
    </row>
    <row r="96931" spans="8:8">
      <c r="H96931" s="12"/>
    </row>
    <row r="96932" spans="8:8">
      <c r="H96932" s="12"/>
    </row>
    <row r="96933" spans="8:8">
      <c r="H96933" s="12"/>
    </row>
    <row r="96934" spans="8:8">
      <c r="H96934" s="12"/>
    </row>
    <row r="96935" spans="8:8">
      <c r="H96935" s="12"/>
    </row>
    <row r="96936" spans="8:8">
      <c r="H96936" s="12"/>
    </row>
    <row r="96937" spans="8:8">
      <c r="H96937" s="12"/>
    </row>
    <row r="96938" spans="8:8">
      <c r="H96938" s="12"/>
    </row>
    <row r="96939" spans="8:8">
      <c r="H96939" s="12"/>
    </row>
    <row r="96940" spans="8:8">
      <c r="H96940" s="12"/>
    </row>
    <row r="96941" spans="8:8">
      <c r="H96941" s="12"/>
    </row>
    <row r="96942" spans="8:8">
      <c r="H96942" s="12"/>
    </row>
    <row r="96943" spans="8:8">
      <c r="H96943" s="12"/>
    </row>
    <row r="96944" spans="8:8">
      <c r="H96944" s="12"/>
    </row>
    <row r="96945" spans="8:8">
      <c r="H96945" s="12"/>
    </row>
    <row r="96946" spans="8:8">
      <c r="H96946" s="12"/>
    </row>
    <row r="96947" spans="8:8">
      <c r="H96947" s="12"/>
    </row>
    <row r="96948" spans="8:8">
      <c r="H96948" s="12"/>
    </row>
    <row r="96949" spans="8:8">
      <c r="H96949" s="12"/>
    </row>
    <row r="96950" spans="8:8">
      <c r="H96950" s="12"/>
    </row>
    <row r="96951" spans="8:8">
      <c r="H96951" s="12"/>
    </row>
    <row r="96952" spans="8:8">
      <c r="H96952" s="12"/>
    </row>
    <row r="96953" spans="8:8">
      <c r="H96953" s="12"/>
    </row>
    <row r="96954" spans="8:8">
      <c r="H96954" s="12"/>
    </row>
    <row r="96955" spans="8:8">
      <c r="H96955" s="12"/>
    </row>
    <row r="96956" spans="8:8">
      <c r="H96956" s="12"/>
    </row>
    <row r="96957" spans="8:8">
      <c r="H96957" s="12"/>
    </row>
    <row r="96958" spans="8:8">
      <c r="H96958" s="12"/>
    </row>
    <row r="96959" spans="8:8">
      <c r="H96959" s="12"/>
    </row>
    <row r="96960" spans="8:8">
      <c r="H96960" s="12"/>
    </row>
    <row r="96961" spans="8:8">
      <c r="H96961" s="12"/>
    </row>
    <row r="96962" spans="8:8">
      <c r="H96962" s="12"/>
    </row>
    <row r="96963" spans="8:8">
      <c r="H96963" s="12"/>
    </row>
    <row r="96964" spans="8:8">
      <c r="H96964" s="12"/>
    </row>
    <row r="96965" spans="8:8">
      <c r="H96965" s="12"/>
    </row>
    <row r="96966" spans="8:8">
      <c r="H96966" s="12"/>
    </row>
    <row r="96967" spans="8:8">
      <c r="H96967" s="12"/>
    </row>
    <row r="96968" spans="8:8">
      <c r="H96968" s="12"/>
    </row>
    <row r="96969" spans="8:8">
      <c r="H96969" s="12"/>
    </row>
    <row r="96970" spans="8:8">
      <c r="H96970" s="12"/>
    </row>
    <row r="96971" spans="8:8">
      <c r="H96971" s="12"/>
    </row>
    <row r="96972" spans="8:8">
      <c r="H96972" s="12"/>
    </row>
    <row r="96973" spans="8:8">
      <c r="H96973" s="12"/>
    </row>
    <row r="96974" spans="8:8">
      <c r="H96974" s="12"/>
    </row>
    <row r="96975" spans="8:8">
      <c r="H96975" s="12"/>
    </row>
    <row r="96976" spans="8:8">
      <c r="H96976" s="12"/>
    </row>
    <row r="96977" spans="8:8">
      <c r="H96977" s="12"/>
    </row>
    <row r="96978" spans="8:8">
      <c r="H96978" s="12"/>
    </row>
    <row r="96979" spans="8:8">
      <c r="H96979" s="12"/>
    </row>
    <row r="96980" spans="8:8">
      <c r="H96980" s="12"/>
    </row>
    <row r="96981" spans="8:8">
      <c r="H96981" s="12"/>
    </row>
    <row r="96982" spans="8:8">
      <c r="H96982" s="12"/>
    </row>
    <row r="96983" spans="8:8">
      <c r="H96983" s="12"/>
    </row>
    <row r="96984" spans="8:8">
      <c r="H96984" s="12"/>
    </row>
    <row r="96985" spans="8:8">
      <c r="H96985" s="12"/>
    </row>
    <row r="96986" spans="8:8">
      <c r="H96986" s="12"/>
    </row>
    <row r="96987" spans="8:8">
      <c r="H96987" s="12"/>
    </row>
    <row r="96988" spans="8:8">
      <c r="H96988" s="12"/>
    </row>
    <row r="96989" spans="8:8">
      <c r="H96989" s="12"/>
    </row>
    <row r="96990" spans="8:8">
      <c r="H96990" s="12"/>
    </row>
    <row r="96991" spans="8:8">
      <c r="H96991" s="12"/>
    </row>
    <row r="96992" spans="8:8">
      <c r="H96992" s="12"/>
    </row>
    <row r="96993" spans="8:8">
      <c r="H96993" s="12"/>
    </row>
    <row r="96994" spans="8:8">
      <c r="H96994" s="12"/>
    </row>
    <row r="96995" spans="8:8">
      <c r="H96995" s="12"/>
    </row>
    <row r="96996" spans="8:8">
      <c r="H96996" s="12"/>
    </row>
    <row r="96997" spans="8:8">
      <c r="H96997" s="12"/>
    </row>
    <row r="96998" spans="8:8">
      <c r="H96998" s="12"/>
    </row>
    <row r="96999" spans="8:8">
      <c r="H96999" s="12"/>
    </row>
    <row r="97000" spans="8:8">
      <c r="H97000" s="12"/>
    </row>
    <row r="97001" spans="8:8">
      <c r="H97001" s="12"/>
    </row>
    <row r="97002" spans="8:8">
      <c r="H97002" s="12"/>
    </row>
    <row r="97003" spans="8:8">
      <c r="H97003" s="12"/>
    </row>
    <row r="97004" spans="8:8">
      <c r="H97004" s="12"/>
    </row>
    <row r="97005" spans="8:8">
      <c r="H97005" s="12"/>
    </row>
    <row r="97006" spans="8:8">
      <c r="H97006" s="12"/>
    </row>
    <row r="97007" spans="8:8">
      <c r="H97007" s="12"/>
    </row>
    <row r="97008" spans="8:8">
      <c r="H97008" s="12"/>
    </row>
    <row r="97009" spans="8:8">
      <c r="H97009" s="12"/>
    </row>
    <row r="97010" spans="8:8">
      <c r="H97010" s="12"/>
    </row>
    <row r="97011" spans="8:8">
      <c r="H97011" s="12"/>
    </row>
    <row r="97012" spans="8:8">
      <c r="H97012" s="12"/>
    </row>
    <row r="97013" spans="8:8">
      <c r="H97013" s="12"/>
    </row>
    <row r="97014" spans="8:8">
      <c r="H97014" s="12"/>
    </row>
    <row r="97015" spans="8:8">
      <c r="H97015" s="12"/>
    </row>
    <row r="97016" spans="8:8">
      <c r="H97016" s="12"/>
    </row>
    <row r="97017" spans="8:8">
      <c r="H97017" s="12"/>
    </row>
    <row r="97018" spans="8:8">
      <c r="H97018" s="12"/>
    </row>
    <row r="97019" spans="8:8">
      <c r="H97019" s="12"/>
    </row>
    <row r="97020" spans="8:8">
      <c r="H97020" s="12"/>
    </row>
    <row r="97021" spans="8:8">
      <c r="H97021" s="12"/>
    </row>
    <row r="97022" spans="8:8">
      <c r="H97022" s="12"/>
    </row>
    <row r="97023" spans="8:8">
      <c r="H97023" s="12"/>
    </row>
    <row r="97024" spans="8:8">
      <c r="H97024" s="12"/>
    </row>
    <row r="97025" spans="8:8">
      <c r="H97025" s="12"/>
    </row>
    <row r="97026" spans="8:8">
      <c r="H97026" s="12"/>
    </row>
    <row r="97027" spans="8:8">
      <c r="H97027" s="12"/>
    </row>
    <row r="97028" spans="8:8">
      <c r="H97028" s="12"/>
    </row>
    <row r="97029" spans="8:8">
      <c r="H97029" s="12"/>
    </row>
    <row r="97030" spans="8:8">
      <c r="H97030" s="12"/>
    </row>
    <row r="97031" spans="8:8">
      <c r="H97031" s="12"/>
    </row>
    <row r="97032" spans="8:8">
      <c r="H97032" s="12"/>
    </row>
    <row r="97033" spans="8:8">
      <c r="H97033" s="12"/>
    </row>
    <row r="97034" spans="8:8">
      <c r="H97034" s="12"/>
    </row>
    <row r="97035" spans="8:8">
      <c r="H97035" s="12"/>
    </row>
    <row r="97036" spans="8:8">
      <c r="H97036" s="12"/>
    </row>
    <row r="97037" spans="8:8">
      <c r="H97037" s="12"/>
    </row>
    <row r="97038" spans="8:8">
      <c r="H97038" s="12"/>
    </row>
    <row r="97039" spans="8:8">
      <c r="H97039" s="12"/>
    </row>
    <row r="97040" spans="8:8">
      <c r="H97040" s="12"/>
    </row>
    <row r="97041" spans="8:8">
      <c r="H97041" s="12"/>
    </row>
    <row r="97042" spans="8:8">
      <c r="H97042" s="12"/>
    </row>
    <row r="97043" spans="8:8">
      <c r="H97043" s="12"/>
    </row>
    <row r="97044" spans="8:8">
      <c r="H97044" s="12"/>
    </row>
    <row r="97045" spans="8:8">
      <c r="H97045" s="12"/>
    </row>
    <row r="97046" spans="8:8">
      <c r="H97046" s="12"/>
    </row>
    <row r="97047" spans="8:8">
      <c r="H97047" s="12"/>
    </row>
    <row r="97048" spans="8:8">
      <c r="H97048" s="12"/>
    </row>
    <row r="97049" spans="8:8">
      <c r="H97049" s="12"/>
    </row>
    <row r="97050" spans="8:8">
      <c r="H97050" s="12"/>
    </row>
    <row r="97051" spans="8:8">
      <c r="H97051" s="12"/>
    </row>
    <row r="97052" spans="8:8">
      <c r="H97052" s="12"/>
    </row>
    <row r="97053" spans="8:8">
      <c r="H97053" s="12"/>
    </row>
    <row r="97054" spans="8:8">
      <c r="H97054" s="12"/>
    </row>
    <row r="97055" spans="8:8">
      <c r="H97055" s="12"/>
    </row>
    <row r="97056" spans="8:8">
      <c r="H97056" s="12"/>
    </row>
    <row r="97057" spans="8:8">
      <c r="H97057" s="12"/>
    </row>
    <row r="97058" spans="8:8">
      <c r="H97058" s="12"/>
    </row>
    <row r="97059" spans="8:8">
      <c r="H97059" s="12"/>
    </row>
    <row r="97060" spans="8:8">
      <c r="H97060" s="12"/>
    </row>
    <row r="97061" spans="8:8">
      <c r="H97061" s="12"/>
    </row>
    <row r="97062" spans="8:8">
      <c r="H97062" s="12"/>
    </row>
    <row r="97063" spans="8:8">
      <c r="H97063" s="12"/>
    </row>
    <row r="97064" spans="8:8">
      <c r="H97064" s="12"/>
    </row>
    <row r="97065" spans="8:8">
      <c r="H97065" s="12"/>
    </row>
    <row r="97066" spans="8:8">
      <c r="H97066" s="12"/>
    </row>
    <row r="97067" spans="8:8">
      <c r="H97067" s="12"/>
    </row>
    <row r="97068" spans="8:8">
      <c r="H97068" s="12"/>
    </row>
    <row r="97069" spans="8:8">
      <c r="H97069" s="12"/>
    </row>
    <row r="97070" spans="8:8">
      <c r="H97070" s="12"/>
    </row>
    <row r="97071" spans="8:8">
      <c r="H97071" s="12"/>
    </row>
    <row r="97072" spans="8:8">
      <c r="H97072" s="12"/>
    </row>
    <row r="97073" spans="8:8">
      <c r="H97073" s="12"/>
    </row>
    <row r="97074" spans="8:8">
      <c r="H97074" s="12"/>
    </row>
    <row r="97075" spans="8:8">
      <c r="H97075" s="12"/>
    </row>
    <row r="97076" spans="8:8">
      <c r="H97076" s="12"/>
    </row>
    <row r="97077" spans="8:8">
      <c r="H97077" s="12"/>
    </row>
    <row r="97078" spans="8:8">
      <c r="H97078" s="12"/>
    </row>
    <row r="97079" spans="8:8">
      <c r="H97079" s="12"/>
    </row>
    <row r="97080" spans="8:8">
      <c r="H97080" s="12"/>
    </row>
    <row r="97081" spans="8:8">
      <c r="H97081" s="12"/>
    </row>
    <row r="97082" spans="8:8">
      <c r="H97082" s="12"/>
    </row>
    <row r="97083" spans="8:8">
      <c r="H97083" s="12"/>
    </row>
    <row r="97084" spans="8:8">
      <c r="H97084" s="12"/>
    </row>
    <row r="97085" spans="8:8">
      <c r="H97085" s="12"/>
    </row>
    <row r="97086" spans="8:8">
      <c r="H97086" s="12"/>
    </row>
    <row r="97087" spans="8:8">
      <c r="H97087" s="12"/>
    </row>
    <row r="97088" spans="8:8">
      <c r="H97088" s="12"/>
    </row>
    <row r="97089" spans="8:8">
      <c r="H97089" s="12"/>
    </row>
    <row r="97090" spans="8:8">
      <c r="H97090" s="12"/>
    </row>
    <row r="97091" spans="8:8">
      <c r="H97091" s="12"/>
    </row>
    <row r="97092" spans="8:8">
      <c r="H97092" s="12"/>
    </row>
    <row r="97093" spans="8:8">
      <c r="H97093" s="12"/>
    </row>
    <row r="97094" spans="8:8">
      <c r="H97094" s="12"/>
    </row>
    <row r="97095" spans="8:8">
      <c r="H97095" s="12"/>
    </row>
    <row r="97096" spans="8:8">
      <c r="H97096" s="12"/>
    </row>
    <row r="97097" spans="8:8">
      <c r="H97097" s="12"/>
    </row>
    <row r="97098" spans="8:8">
      <c r="H97098" s="12"/>
    </row>
    <row r="97099" spans="8:8">
      <c r="H97099" s="12"/>
    </row>
    <row r="97100" spans="8:8">
      <c r="H97100" s="12"/>
    </row>
    <row r="97101" spans="8:8">
      <c r="H97101" s="12"/>
    </row>
    <row r="97102" spans="8:8">
      <c r="H97102" s="12"/>
    </row>
    <row r="97103" spans="8:8">
      <c r="H97103" s="12"/>
    </row>
    <row r="97104" spans="8:8">
      <c r="H97104" s="12"/>
    </row>
    <row r="97105" spans="8:8">
      <c r="H97105" s="12"/>
    </row>
    <row r="97106" spans="8:8">
      <c r="H97106" s="12"/>
    </row>
    <row r="97107" spans="8:8">
      <c r="H97107" s="12"/>
    </row>
    <row r="97108" spans="8:8">
      <c r="H97108" s="12"/>
    </row>
    <row r="97109" spans="8:8">
      <c r="H97109" s="12"/>
    </row>
    <row r="97110" spans="8:8">
      <c r="H97110" s="12"/>
    </row>
    <row r="97111" spans="8:8">
      <c r="H97111" s="12"/>
    </row>
    <row r="97112" spans="8:8">
      <c r="H97112" s="12"/>
    </row>
    <row r="97113" spans="8:8">
      <c r="H97113" s="12"/>
    </row>
    <row r="97114" spans="8:8">
      <c r="H97114" s="12"/>
    </row>
    <row r="97115" spans="8:8">
      <c r="H97115" s="12"/>
    </row>
    <row r="97116" spans="8:8">
      <c r="H97116" s="12"/>
    </row>
    <row r="97117" spans="8:8">
      <c r="H97117" s="12"/>
    </row>
    <row r="97118" spans="8:8">
      <c r="H97118" s="12"/>
    </row>
    <row r="97119" spans="8:8">
      <c r="H97119" s="12"/>
    </row>
    <row r="97120" spans="8:8">
      <c r="H97120" s="12"/>
    </row>
    <row r="97121" spans="8:8">
      <c r="H97121" s="12"/>
    </row>
    <row r="97122" spans="8:8">
      <c r="H97122" s="12"/>
    </row>
    <row r="97123" spans="8:8">
      <c r="H97123" s="12"/>
    </row>
    <row r="97124" spans="8:8">
      <c r="H97124" s="12"/>
    </row>
    <row r="97125" spans="8:8">
      <c r="H97125" s="12"/>
    </row>
    <row r="97126" spans="8:8">
      <c r="H97126" s="12"/>
    </row>
    <row r="97127" spans="8:8">
      <c r="H97127" s="12"/>
    </row>
    <row r="97128" spans="8:8">
      <c r="H97128" s="12"/>
    </row>
    <row r="97129" spans="8:8">
      <c r="H97129" s="12"/>
    </row>
    <row r="97130" spans="8:8">
      <c r="H97130" s="12"/>
    </row>
    <row r="97131" spans="8:8">
      <c r="H97131" s="12"/>
    </row>
    <row r="97132" spans="8:8">
      <c r="H97132" s="12"/>
    </row>
    <row r="97133" spans="8:8">
      <c r="H97133" s="12"/>
    </row>
    <row r="97134" spans="8:8">
      <c r="H97134" s="12"/>
    </row>
    <row r="97135" spans="8:8">
      <c r="H97135" s="12"/>
    </row>
    <row r="97136" spans="8:8">
      <c r="H97136" s="12"/>
    </row>
    <row r="97137" spans="8:8">
      <c r="H97137" s="12"/>
    </row>
    <row r="97138" spans="8:8">
      <c r="H97138" s="12"/>
    </row>
    <row r="97139" spans="8:8">
      <c r="H97139" s="12"/>
    </row>
    <row r="97140" spans="8:8">
      <c r="H97140" s="12"/>
    </row>
    <row r="97141" spans="8:8">
      <c r="H97141" s="12"/>
    </row>
    <row r="97142" spans="8:8">
      <c r="H97142" s="12"/>
    </row>
    <row r="97143" spans="8:8">
      <c r="H97143" s="12"/>
    </row>
    <row r="97144" spans="8:8">
      <c r="H97144" s="12"/>
    </row>
    <row r="97145" spans="8:8">
      <c r="H97145" s="12"/>
    </row>
    <row r="97146" spans="8:8">
      <c r="H97146" s="12"/>
    </row>
    <row r="97147" spans="8:8">
      <c r="H97147" s="12"/>
    </row>
    <row r="97148" spans="8:8">
      <c r="H97148" s="12"/>
    </row>
    <row r="97149" spans="8:8">
      <c r="H97149" s="12"/>
    </row>
    <row r="97150" spans="8:8">
      <c r="H97150" s="12"/>
    </row>
    <row r="97151" spans="8:8">
      <c r="H97151" s="12"/>
    </row>
    <row r="97152" spans="8:8">
      <c r="H97152" s="12"/>
    </row>
    <row r="97153" spans="8:8">
      <c r="H97153" s="12"/>
    </row>
    <row r="97154" spans="8:8">
      <c r="H97154" s="12"/>
    </row>
    <row r="97155" spans="8:8">
      <c r="H97155" s="12"/>
    </row>
    <row r="97156" spans="8:8">
      <c r="H97156" s="12"/>
    </row>
    <row r="97157" spans="8:8">
      <c r="H97157" s="12"/>
    </row>
    <row r="97158" spans="8:8">
      <c r="H97158" s="12"/>
    </row>
    <row r="97159" spans="8:8">
      <c r="H97159" s="12"/>
    </row>
    <row r="97160" spans="8:8">
      <c r="H97160" s="12"/>
    </row>
    <row r="97161" spans="8:8">
      <c r="H97161" s="12"/>
    </row>
    <row r="97162" spans="8:8">
      <c r="H97162" s="12"/>
    </row>
    <row r="97163" spans="8:8">
      <c r="H97163" s="12"/>
    </row>
    <row r="97164" spans="8:8">
      <c r="H97164" s="12"/>
    </row>
    <row r="97165" spans="8:8">
      <c r="H97165" s="12"/>
    </row>
    <row r="97166" spans="8:8">
      <c r="H97166" s="12"/>
    </row>
    <row r="97167" spans="8:8">
      <c r="H97167" s="12"/>
    </row>
    <row r="97168" spans="8:8">
      <c r="H97168" s="12"/>
    </row>
    <row r="97169" spans="8:8">
      <c r="H97169" s="12"/>
    </row>
    <row r="97170" spans="8:8">
      <c r="H97170" s="12"/>
    </row>
    <row r="97171" spans="8:8">
      <c r="H97171" s="12"/>
    </row>
    <row r="97172" spans="8:8">
      <c r="H97172" s="12"/>
    </row>
    <row r="97173" spans="8:8">
      <c r="H97173" s="12"/>
    </row>
    <row r="97174" spans="8:8">
      <c r="H97174" s="12"/>
    </row>
    <row r="97175" spans="8:8">
      <c r="H97175" s="12"/>
    </row>
    <row r="97176" spans="8:8">
      <c r="H97176" s="12"/>
    </row>
    <row r="97177" spans="8:8">
      <c r="H97177" s="12"/>
    </row>
    <row r="97178" spans="8:8">
      <c r="H97178" s="12"/>
    </row>
    <row r="97179" spans="8:8">
      <c r="H97179" s="12"/>
    </row>
    <row r="97180" spans="8:8">
      <c r="H97180" s="12"/>
    </row>
    <row r="97181" spans="8:8">
      <c r="H97181" s="12"/>
    </row>
    <row r="97182" spans="8:8">
      <c r="H97182" s="12"/>
    </row>
    <row r="97183" spans="8:8">
      <c r="H97183" s="12"/>
    </row>
    <row r="97184" spans="8:8">
      <c r="H97184" s="12"/>
    </row>
    <row r="97185" spans="8:8">
      <c r="H97185" s="12"/>
    </row>
    <row r="97186" spans="8:8">
      <c r="H97186" s="12"/>
    </row>
    <row r="97187" spans="8:8">
      <c r="H97187" s="12"/>
    </row>
    <row r="97188" spans="8:8">
      <c r="H97188" s="12"/>
    </row>
    <row r="97189" spans="8:8">
      <c r="H97189" s="12"/>
    </row>
    <row r="97190" spans="8:8">
      <c r="H97190" s="12"/>
    </row>
    <row r="97191" spans="8:8">
      <c r="H97191" s="12"/>
    </row>
    <row r="97192" spans="8:8">
      <c r="H97192" s="12"/>
    </row>
    <row r="97193" spans="8:8">
      <c r="H97193" s="12"/>
    </row>
    <row r="97194" spans="8:8">
      <c r="H97194" s="12"/>
    </row>
    <row r="97195" spans="8:8">
      <c r="H97195" s="12"/>
    </row>
    <row r="97196" spans="8:8">
      <c r="H97196" s="12"/>
    </row>
    <row r="97197" spans="8:8">
      <c r="H97197" s="12"/>
    </row>
    <row r="97198" spans="8:8">
      <c r="H97198" s="12"/>
    </row>
    <row r="97199" spans="8:8">
      <c r="H97199" s="12"/>
    </row>
    <row r="97200" spans="8:8">
      <c r="H97200" s="12"/>
    </row>
    <row r="97201" spans="8:8">
      <c r="H97201" s="12"/>
    </row>
    <row r="97202" spans="8:8">
      <c r="H97202" s="12"/>
    </row>
    <row r="97203" spans="8:8">
      <c r="H97203" s="12"/>
    </row>
    <row r="97204" spans="8:8">
      <c r="H97204" s="12"/>
    </row>
    <row r="97205" spans="8:8">
      <c r="H97205" s="12"/>
    </row>
    <row r="97206" spans="8:8">
      <c r="H97206" s="12"/>
    </row>
    <row r="97207" spans="8:8">
      <c r="H97207" s="12"/>
    </row>
    <row r="97208" spans="8:8">
      <c r="H97208" s="12"/>
    </row>
    <row r="97209" spans="8:8">
      <c r="H97209" s="12"/>
    </row>
    <row r="97210" spans="8:8">
      <c r="H97210" s="12"/>
    </row>
    <row r="97211" spans="8:8">
      <c r="H97211" s="12"/>
    </row>
    <row r="97212" spans="8:8">
      <c r="H97212" s="12"/>
    </row>
    <row r="97213" spans="8:8">
      <c r="H97213" s="12"/>
    </row>
    <row r="97214" spans="8:8">
      <c r="H97214" s="12"/>
    </row>
    <row r="97215" spans="8:8">
      <c r="H97215" s="12"/>
    </row>
    <row r="97216" spans="8:8">
      <c r="H97216" s="12"/>
    </row>
    <row r="97217" spans="8:8">
      <c r="H97217" s="12"/>
    </row>
    <row r="97218" spans="8:8">
      <c r="H97218" s="12"/>
    </row>
    <row r="97219" spans="8:8">
      <c r="H97219" s="12"/>
    </row>
    <row r="97220" spans="8:8">
      <c r="H97220" s="12"/>
    </row>
    <row r="97221" spans="8:8">
      <c r="H97221" s="12"/>
    </row>
    <row r="97222" spans="8:8">
      <c r="H97222" s="12"/>
    </row>
    <row r="97223" spans="8:8">
      <c r="H97223" s="12"/>
    </row>
    <row r="97224" spans="8:8">
      <c r="H97224" s="12"/>
    </row>
    <row r="97225" spans="8:8">
      <c r="H97225" s="12"/>
    </row>
    <row r="97226" spans="8:8">
      <c r="H97226" s="12"/>
    </row>
    <row r="97227" spans="8:8">
      <c r="H97227" s="12"/>
    </row>
    <row r="97228" spans="8:8">
      <c r="H97228" s="12"/>
    </row>
    <row r="97229" spans="8:8">
      <c r="H97229" s="12"/>
    </row>
    <row r="97230" spans="8:8">
      <c r="H97230" s="12"/>
    </row>
    <row r="97231" spans="8:8">
      <c r="H97231" s="12"/>
    </row>
    <row r="97232" spans="8:8">
      <c r="H97232" s="12"/>
    </row>
    <row r="97233" spans="8:8">
      <c r="H97233" s="12"/>
    </row>
    <row r="97234" spans="8:8">
      <c r="H97234" s="12"/>
    </row>
    <row r="97235" spans="8:8">
      <c r="H97235" s="12"/>
    </row>
    <row r="97236" spans="8:8">
      <c r="H97236" s="12"/>
    </row>
    <row r="97237" spans="8:8">
      <c r="H97237" s="12"/>
    </row>
    <row r="97238" spans="8:8">
      <c r="H97238" s="12"/>
    </row>
    <row r="97239" spans="8:8">
      <c r="H97239" s="12"/>
    </row>
    <row r="97240" spans="8:8">
      <c r="H97240" s="12"/>
    </row>
    <row r="97241" spans="8:8">
      <c r="H97241" s="12"/>
    </row>
    <row r="97242" spans="8:8">
      <c r="H97242" s="12"/>
    </row>
    <row r="97243" spans="8:8">
      <c r="H97243" s="12"/>
    </row>
    <row r="97244" spans="8:8">
      <c r="H97244" s="12"/>
    </row>
    <row r="97245" spans="8:8">
      <c r="H97245" s="12"/>
    </row>
    <row r="97246" spans="8:8">
      <c r="H97246" s="12"/>
    </row>
    <row r="97247" spans="8:8">
      <c r="H97247" s="12"/>
    </row>
    <row r="97248" spans="8:8">
      <c r="H97248" s="12"/>
    </row>
    <row r="97249" spans="8:8">
      <c r="H97249" s="12"/>
    </row>
    <row r="97250" spans="8:8">
      <c r="H97250" s="12"/>
    </row>
    <row r="97251" spans="8:8">
      <c r="H97251" s="12"/>
    </row>
    <row r="97252" spans="8:8">
      <c r="H97252" s="12"/>
    </row>
    <row r="97253" spans="8:8">
      <c r="H97253" s="12"/>
    </row>
    <row r="97254" spans="8:8">
      <c r="H97254" s="12"/>
    </row>
    <row r="97255" spans="8:8">
      <c r="H97255" s="12"/>
    </row>
    <row r="97256" spans="8:8">
      <c r="H97256" s="12"/>
    </row>
    <row r="97257" spans="8:8">
      <c r="H97257" s="12"/>
    </row>
    <row r="97258" spans="8:8">
      <c r="H97258" s="12"/>
    </row>
    <row r="97259" spans="8:8">
      <c r="H97259" s="12"/>
    </row>
    <row r="97260" spans="8:8">
      <c r="H97260" s="12"/>
    </row>
    <row r="97261" spans="8:8">
      <c r="H97261" s="12"/>
    </row>
    <row r="97262" spans="8:8">
      <c r="H97262" s="12"/>
    </row>
    <row r="97263" spans="8:8">
      <c r="H97263" s="12"/>
    </row>
    <row r="97264" spans="8:8">
      <c r="H97264" s="12"/>
    </row>
    <row r="97265" spans="8:8">
      <c r="H97265" s="12"/>
    </row>
    <row r="97266" spans="8:8">
      <c r="H97266" s="12"/>
    </row>
    <row r="97267" spans="8:8">
      <c r="H97267" s="12"/>
    </row>
    <row r="97268" spans="8:8">
      <c r="H97268" s="12"/>
    </row>
    <row r="97269" spans="8:8">
      <c r="H97269" s="12"/>
    </row>
    <row r="97270" spans="8:8">
      <c r="H97270" s="12"/>
    </row>
    <row r="97271" spans="8:8">
      <c r="H97271" s="12"/>
    </row>
    <row r="97272" spans="8:8">
      <c r="H97272" s="12"/>
    </row>
    <row r="97273" spans="8:8">
      <c r="H97273" s="12"/>
    </row>
    <row r="97274" spans="8:8">
      <c r="H97274" s="12"/>
    </row>
    <row r="97275" spans="8:8">
      <c r="H97275" s="12"/>
    </row>
    <row r="97276" spans="8:8">
      <c r="H97276" s="12"/>
    </row>
    <row r="97277" spans="8:8">
      <c r="H97277" s="12"/>
    </row>
    <row r="97278" spans="8:8">
      <c r="H97278" s="12"/>
    </row>
    <row r="97279" spans="8:8">
      <c r="H97279" s="12"/>
    </row>
    <row r="97280" spans="8:8">
      <c r="H97280" s="12"/>
    </row>
    <row r="97281" spans="8:8">
      <c r="H97281" s="12"/>
    </row>
    <row r="97282" spans="8:8">
      <c r="H97282" s="12"/>
    </row>
    <row r="97283" spans="8:8">
      <c r="H97283" s="12"/>
    </row>
    <row r="97284" spans="8:8">
      <c r="H97284" s="12"/>
    </row>
    <row r="97285" spans="8:8">
      <c r="H97285" s="12"/>
    </row>
    <row r="97286" spans="8:8">
      <c r="H97286" s="12"/>
    </row>
    <row r="97287" spans="8:8">
      <c r="H97287" s="12"/>
    </row>
    <row r="97288" spans="8:8">
      <c r="H97288" s="12"/>
    </row>
    <row r="97289" spans="8:8">
      <c r="H97289" s="12"/>
    </row>
    <row r="97290" spans="8:8">
      <c r="H97290" s="12"/>
    </row>
    <row r="97291" spans="8:8">
      <c r="H97291" s="12"/>
    </row>
    <row r="97292" spans="8:8">
      <c r="H97292" s="12"/>
    </row>
    <row r="97293" spans="8:8">
      <c r="H97293" s="12"/>
    </row>
    <row r="97294" spans="8:8">
      <c r="H97294" s="12"/>
    </row>
    <row r="97295" spans="8:8">
      <c r="H97295" s="12"/>
    </row>
    <row r="97296" spans="8:8">
      <c r="H97296" s="12"/>
    </row>
    <row r="97297" spans="8:8">
      <c r="H97297" s="12"/>
    </row>
    <row r="97298" spans="8:8">
      <c r="H97298" s="12"/>
    </row>
    <row r="97299" spans="8:8">
      <c r="H97299" s="12"/>
    </row>
    <row r="97300" spans="8:8">
      <c r="H97300" s="12"/>
    </row>
    <row r="97301" spans="8:8">
      <c r="H97301" s="12"/>
    </row>
    <row r="97302" spans="8:8">
      <c r="H97302" s="12"/>
    </row>
    <row r="97303" spans="8:8">
      <c r="H97303" s="12"/>
    </row>
    <row r="97304" spans="8:8">
      <c r="H97304" s="12"/>
    </row>
    <row r="97305" spans="8:8">
      <c r="H97305" s="12"/>
    </row>
    <row r="97306" spans="8:8">
      <c r="H97306" s="12"/>
    </row>
    <row r="97307" spans="8:8">
      <c r="H97307" s="12"/>
    </row>
    <row r="97308" spans="8:8">
      <c r="H97308" s="12"/>
    </row>
    <row r="97309" spans="8:8">
      <c r="H97309" s="12"/>
    </row>
    <row r="97310" spans="8:8">
      <c r="H97310" s="12"/>
    </row>
    <row r="97311" spans="8:8">
      <c r="H97311" s="12"/>
    </row>
    <row r="97312" spans="8:8">
      <c r="H97312" s="12"/>
    </row>
    <row r="97313" spans="8:8">
      <c r="H97313" s="12"/>
    </row>
    <row r="97314" spans="8:8">
      <c r="H97314" s="12"/>
    </row>
    <row r="97315" spans="8:8">
      <c r="H97315" s="12"/>
    </row>
    <row r="97316" spans="8:8">
      <c r="H97316" s="12"/>
    </row>
    <row r="97317" spans="8:8">
      <c r="H97317" s="12"/>
    </row>
    <row r="97318" spans="8:8">
      <c r="H97318" s="12"/>
    </row>
    <row r="97319" spans="8:8">
      <c r="H97319" s="12"/>
    </row>
    <row r="97320" spans="8:8">
      <c r="H97320" s="12"/>
    </row>
    <row r="97321" spans="8:8">
      <c r="H97321" s="12"/>
    </row>
    <row r="97322" spans="8:8">
      <c r="H97322" s="12"/>
    </row>
    <row r="97323" spans="8:8">
      <c r="H97323" s="12"/>
    </row>
    <row r="97324" spans="8:8">
      <c r="H97324" s="12"/>
    </row>
    <row r="97325" spans="8:8">
      <c r="H97325" s="12"/>
    </row>
    <row r="97326" spans="8:8">
      <c r="H97326" s="12"/>
    </row>
    <row r="97327" spans="8:8">
      <c r="H97327" s="12"/>
    </row>
    <row r="97328" spans="8:8">
      <c r="H97328" s="12"/>
    </row>
    <row r="97329" spans="8:8">
      <c r="H97329" s="12"/>
    </row>
    <row r="97330" spans="8:8">
      <c r="H97330" s="12"/>
    </row>
    <row r="97331" spans="8:8">
      <c r="H97331" s="12"/>
    </row>
    <row r="97332" spans="8:8">
      <c r="H97332" s="12"/>
    </row>
    <row r="97333" spans="8:8">
      <c r="H97333" s="12"/>
    </row>
    <row r="97334" spans="8:8">
      <c r="H97334" s="12"/>
    </row>
    <row r="97335" spans="8:8">
      <c r="H97335" s="12"/>
    </row>
    <row r="97336" spans="8:8">
      <c r="H97336" s="12"/>
    </row>
    <row r="97337" spans="8:8">
      <c r="H97337" s="12"/>
    </row>
    <row r="97338" spans="8:8">
      <c r="H97338" s="12"/>
    </row>
    <row r="97339" spans="8:8">
      <c r="H97339" s="12"/>
    </row>
    <row r="97340" spans="8:8">
      <c r="H97340" s="12"/>
    </row>
    <row r="97341" spans="8:8">
      <c r="H97341" s="12"/>
    </row>
    <row r="97342" spans="8:8">
      <c r="H97342" s="12"/>
    </row>
    <row r="97343" spans="8:8">
      <c r="H97343" s="12"/>
    </row>
    <row r="97344" spans="8:8">
      <c r="H97344" s="12"/>
    </row>
    <row r="97345" spans="8:8">
      <c r="H97345" s="12"/>
    </row>
    <row r="97346" spans="8:8">
      <c r="H97346" s="12"/>
    </row>
    <row r="97347" spans="8:8">
      <c r="H97347" s="12"/>
    </row>
    <row r="97348" spans="8:8">
      <c r="H97348" s="12"/>
    </row>
    <row r="97349" spans="8:8">
      <c r="H97349" s="12"/>
    </row>
    <row r="97350" spans="8:8">
      <c r="H97350" s="12"/>
    </row>
    <row r="97351" spans="8:8">
      <c r="H97351" s="12"/>
    </row>
    <row r="97352" spans="8:8">
      <c r="H97352" s="12"/>
    </row>
    <row r="97353" spans="8:8">
      <c r="H97353" s="12"/>
    </row>
    <row r="97354" spans="8:8">
      <c r="H97354" s="12"/>
    </row>
    <row r="97355" spans="8:8">
      <c r="H97355" s="12"/>
    </row>
    <row r="97356" spans="8:8">
      <c r="H97356" s="12"/>
    </row>
    <row r="97357" spans="8:8">
      <c r="H97357" s="12"/>
    </row>
    <row r="97358" spans="8:8">
      <c r="H97358" s="12"/>
    </row>
    <row r="97359" spans="8:8">
      <c r="H97359" s="12"/>
    </row>
    <row r="97360" spans="8:8">
      <c r="H97360" s="12"/>
    </row>
    <row r="97361" spans="8:8">
      <c r="H97361" s="12"/>
    </row>
    <row r="97362" spans="8:8">
      <c r="H97362" s="12"/>
    </row>
    <row r="97363" spans="8:8">
      <c r="H97363" s="12"/>
    </row>
    <row r="97364" spans="8:8">
      <c r="H97364" s="12"/>
    </row>
    <row r="97365" spans="8:8">
      <c r="H97365" s="12"/>
    </row>
    <row r="97366" spans="8:8">
      <c r="H97366" s="12"/>
    </row>
    <row r="97367" spans="8:8">
      <c r="H97367" s="12"/>
    </row>
    <row r="97368" spans="8:8">
      <c r="H97368" s="12"/>
    </row>
    <row r="97369" spans="8:8">
      <c r="H97369" s="12"/>
    </row>
    <row r="97370" spans="8:8">
      <c r="H97370" s="12"/>
    </row>
    <row r="97371" spans="8:8">
      <c r="H97371" s="12"/>
    </row>
    <row r="97372" spans="8:8">
      <c r="H97372" s="12"/>
    </row>
    <row r="97373" spans="8:8">
      <c r="H97373" s="12"/>
    </row>
    <row r="97374" spans="8:8">
      <c r="H97374" s="12"/>
    </row>
    <row r="97375" spans="8:8">
      <c r="H97375" s="12"/>
    </row>
    <row r="97376" spans="8:8">
      <c r="H97376" s="12"/>
    </row>
    <row r="97377" spans="8:8">
      <c r="H97377" s="12"/>
    </row>
    <row r="97378" spans="8:8">
      <c r="H97378" s="12"/>
    </row>
    <row r="97379" spans="8:8">
      <c r="H97379" s="12"/>
    </row>
    <row r="97380" spans="8:8">
      <c r="H97380" s="12"/>
    </row>
    <row r="97381" spans="8:8">
      <c r="H97381" s="12"/>
    </row>
    <row r="97382" spans="8:8">
      <c r="H97382" s="12"/>
    </row>
    <row r="97383" spans="8:8">
      <c r="H97383" s="12"/>
    </row>
    <row r="97384" spans="8:8">
      <c r="H97384" s="12"/>
    </row>
    <row r="97385" spans="8:8">
      <c r="H97385" s="12"/>
    </row>
    <row r="97386" spans="8:8">
      <c r="H97386" s="12"/>
    </row>
    <row r="97387" spans="8:8">
      <c r="H97387" s="12"/>
    </row>
    <row r="97388" spans="8:8">
      <c r="H97388" s="12"/>
    </row>
    <row r="97389" spans="8:8">
      <c r="H97389" s="12"/>
    </row>
    <row r="97390" spans="8:8">
      <c r="H97390" s="12"/>
    </row>
    <row r="97391" spans="8:8">
      <c r="H97391" s="12"/>
    </row>
    <row r="97392" spans="8:8">
      <c r="H97392" s="12"/>
    </row>
    <row r="97393" spans="8:8">
      <c r="H97393" s="12"/>
    </row>
    <row r="97394" spans="8:8">
      <c r="H97394" s="12"/>
    </row>
    <row r="97395" spans="8:8">
      <c r="H97395" s="12"/>
    </row>
    <row r="97396" spans="8:8">
      <c r="H97396" s="12"/>
    </row>
    <row r="97397" spans="8:8">
      <c r="H97397" s="12"/>
    </row>
    <row r="97398" spans="8:8">
      <c r="H97398" s="12"/>
    </row>
    <row r="97399" spans="8:8">
      <c r="H97399" s="12"/>
    </row>
    <row r="97400" spans="8:8">
      <c r="H97400" s="12"/>
    </row>
    <row r="97401" spans="8:8">
      <c r="H97401" s="12"/>
    </row>
    <row r="97402" spans="8:8">
      <c r="H97402" s="12"/>
    </row>
    <row r="97403" spans="8:8">
      <c r="H97403" s="12"/>
    </row>
    <row r="97404" spans="8:8">
      <c r="H97404" s="12"/>
    </row>
    <row r="97405" spans="8:8">
      <c r="H97405" s="12"/>
    </row>
    <row r="97406" spans="8:8">
      <c r="H97406" s="12"/>
    </row>
    <row r="97407" spans="8:8">
      <c r="H97407" s="12"/>
    </row>
    <row r="97408" spans="8:8">
      <c r="H97408" s="12"/>
    </row>
    <row r="97409" spans="8:8">
      <c r="H97409" s="12"/>
    </row>
    <row r="97410" spans="8:8">
      <c r="H97410" s="12"/>
    </row>
    <row r="97411" spans="8:8">
      <c r="H97411" s="12"/>
    </row>
    <row r="97412" spans="8:8">
      <c r="H97412" s="12"/>
    </row>
    <row r="97413" spans="8:8">
      <c r="H97413" s="12"/>
    </row>
    <row r="97414" spans="8:8">
      <c r="H97414" s="12"/>
    </row>
    <row r="97415" spans="8:8">
      <c r="H97415" s="12"/>
    </row>
    <row r="97416" spans="8:8">
      <c r="H97416" s="12"/>
    </row>
    <row r="97417" spans="8:8">
      <c r="H97417" s="12"/>
    </row>
    <row r="97418" spans="8:8">
      <c r="H97418" s="12"/>
    </row>
    <row r="97419" spans="8:8">
      <c r="H97419" s="12"/>
    </row>
    <row r="97420" spans="8:8">
      <c r="H97420" s="12"/>
    </row>
    <row r="97421" spans="8:8">
      <c r="H97421" s="12"/>
    </row>
    <row r="97422" spans="8:8">
      <c r="H97422" s="12"/>
    </row>
    <row r="97423" spans="8:8">
      <c r="H97423" s="12"/>
    </row>
    <row r="97424" spans="8:8">
      <c r="H97424" s="12"/>
    </row>
    <row r="97425" spans="8:8">
      <c r="H97425" s="12"/>
    </row>
    <row r="97426" spans="8:8">
      <c r="H97426" s="12"/>
    </row>
    <row r="97427" spans="8:8">
      <c r="H97427" s="12"/>
    </row>
    <row r="97428" spans="8:8">
      <c r="H97428" s="12"/>
    </row>
    <row r="97429" spans="8:8">
      <c r="H97429" s="12"/>
    </row>
    <row r="97430" spans="8:8">
      <c r="H97430" s="12"/>
    </row>
    <row r="97431" spans="8:8">
      <c r="H97431" s="12"/>
    </row>
    <row r="97432" spans="8:8">
      <c r="H97432" s="12"/>
    </row>
    <row r="97433" spans="8:8">
      <c r="H97433" s="12"/>
    </row>
    <row r="97434" spans="8:8">
      <c r="H97434" s="12"/>
    </row>
    <row r="97435" spans="8:8">
      <c r="H97435" s="12"/>
    </row>
    <row r="97436" spans="8:8">
      <c r="H97436" s="12"/>
    </row>
    <row r="97437" spans="8:8">
      <c r="H97437" s="12"/>
    </row>
    <row r="97438" spans="8:8">
      <c r="H97438" s="12"/>
    </row>
    <row r="97439" spans="8:8">
      <c r="H97439" s="12"/>
    </row>
    <row r="97440" spans="8:8">
      <c r="H97440" s="12"/>
    </row>
    <row r="97441" spans="8:8">
      <c r="H97441" s="12"/>
    </row>
    <row r="97442" spans="8:8">
      <c r="H97442" s="12"/>
    </row>
    <row r="97443" spans="8:8">
      <c r="H97443" s="12"/>
    </row>
    <row r="97444" spans="8:8">
      <c r="H97444" s="12"/>
    </row>
    <row r="97445" spans="8:8">
      <c r="H97445" s="12"/>
    </row>
    <row r="97446" spans="8:8">
      <c r="H97446" s="12"/>
    </row>
    <row r="97447" spans="8:8">
      <c r="H97447" s="12"/>
    </row>
    <row r="97448" spans="8:8">
      <c r="H97448" s="12"/>
    </row>
    <row r="97449" spans="8:8">
      <c r="H97449" s="12"/>
    </row>
    <row r="97450" spans="8:8">
      <c r="H97450" s="12"/>
    </row>
    <row r="97451" spans="8:8">
      <c r="H97451" s="12"/>
    </row>
    <row r="97452" spans="8:8">
      <c r="H97452" s="12"/>
    </row>
    <row r="97453" spans="8:8">
      <c r="H97453" s="12"/>
    </row>
    <row r="97454" spans="8:8">
      <c r="H97454" s="12"/>
    </row>
    <row r="97455" spans="8:8">
      <c r="H97455" s="12"/>
    </row>
    <row r="97456" spans="8:8">
      <c r="H97456" s="12"/>
    </row>
    <row r="97457" spans="8:8">
      <c r="H97457" s="12"/>
    </row>
    <row r="97458" spans="8:8">
      <c r="H97458" s="12"/>
    </row>
    <row r="97459" spans="8:8">
      <c r="H97459" s="12"/>
    </row>
    <row r="97460" spans="8:8">
      <c r="H97460" s="12"/>
    </row>
    <row r="97461" spans="8:8">
      <c r="H97461" s="12"/>
    </row>
    <row r="97462" spans="8:8">
      <c r="H97462" s="12"/>
    </row>
    <row r="97463" spans="8:8">
      <c r="H97463" s="12"/>
    </row>
    <row r="97464" spans="8:8">
      <c r="H97464" s="12"/>
    </row>
    <row r="97465" spans="8:8">
      <c r="H97465" s="12"/>
    </row>
    <row r="97466" spans="8:8">
      <c r="H97466" s="12"/>
    </row>
    <row r="97467" spans="8:8">
      <c r="H97467" s="12"/>
    </row>
    <row r="97468" spans="8:8">
      <c r="H97468" s="12"/>
    </row>
    <row r="97469" spans="8:8">
      <c r="H97469" s="12"/>
    </row>
    <row r="97470" spans="8:8">
      <c r="H97470" s="12"/>
    </row>
    <row r="97471" spans="8:8">
      <c r="H97471" s="12"/>
    </row>
    <row r="97472" spans="8:8">
      <c r="H97472" s="12"/>
    </row>
    <row r="97473" spans="8:8">
      <c r="H97473" s="12"/>
    </row>
    <row r="97474" spans="8:8">
      <c r="H97474" s="12"/>
    </row>
    <row r="97475" spans="8:8">
      <c r="H97475" s="12"/>
    </row>
    <row r="97476" spans="8:8">
      <c r="H97476" s="12"/>
    </row>
    <row r="97477" spans="8:8">
      <c r="H97477" s="12"/>
    </row>
    <row r="97478" spans="8:8">
      <c r="H97478" s="12"/>
    </row>
    <row r="97479" spans="8:8">
      <c r="H97479" s="12"/>
    </row>
    <row r="97480" spans="8:8">
      <c r="H97480" s="12"/>
    </row>
    <row r="97481" spans="8:8">
      <c r="H97481" s="12"/>
    </row>
    <row r="97482" spans="8:8">
      <c r="H97482" s="12"/>
    </row>
    <row r="97483" spans="8:8">
      <c r="H97483" s="12"/>
    </row>
    <row r="97484" spans="8:8">
      <c r="H97484" s="12"/>
    </row>
    <row r="97485" spans="8:8">
      <c r="H97485" s="12"/>
    </row>
    <row r="97486" spans="8:8">
      <c r="H97486" s="12"/>
    </row>
    <row r="97487" spans="8:8">
      <c r="H97487" s="12"/>
    </row>
    <row r="97488" spans="8:8">
      <c r="H97488" s="12"/>
    </row>
    <row r="97489" spans="8:8">
      <c r="H97489" s="12"/>
    </row>
    <row r="97490" spans="8:8">
      <c r="H97490" s="12"/>
    </row>
    <row r="97491" spans="8:8">
      <c r="H97491" s="12"/>
    </row>
    <row r="97492" spans="8:8">
      <c r="H97492" s="12"/>
    </row>
    <row r="97493" spans="8:8">
      <c r="H97493" s="12"/>
    </row>
    <row r="97494" spans="8:8">
      <c r="H97494" s="12"/>
    </row>
    <row r="97495" spans="8:8">
      <c r="H97495" s="12"/>
    </row>
    <row r="97496" spans="8:8">
      <c r="H97496" s="12"/>
    </row>
    <row r="97497" spans="8:8">
      <c r="H97497" s="12"/>
    </row>
    <row r="97498" spans="8:8">
      <c r="H97498" s="12"/>
    </row>
    <row r="97499" spans="8:8">
      <c r="H97499" s="12"/>
    </row>
    <row r="97500" spans="8:8">
      <c r="H97500" s="12"/>
    </row>
    <row r="97501" spans="8:8">
      <c r="H97501" s="12"/>
    </row>
    <row r="97502" spans="8:8">
      <c r="H97502" s="12"/>
    </row>
    <row r="97503" spans="8:8">
      <c r="H97503" s="12"/>
    </row>
    <row r="97504" spans="8:8">
      <c r="H97504" s="12"/>
    </row>
    <row r="97505" spans="8:8">
      <c r="H97505" s="12"/>
    </row>
    <row r="97506" spans="8:8">
      <c r="H97506" s="12"/>
    </row>
    <row r="97507" spans="8:8">
      <c r="H97507" s="12"/>
    </row>
    <row r="97508" spans="8:8">
      <c r="H97508" s="12"/>
    </row>
    <row r="97509" spans="8:8">
      <c r="H97509" s="12"/>
    </row>
    <row r="97510" spans="8:8">
      <c r="H97510" s="12"/>
    </row>
    <row r="97511" spans="8:8">
      <c r="H97511" s="12"/>
    </row>
    <row r="97512" spans="8:8">
      <c r="H97512" s="12"/>
    </row>
    <row r="97513" spans="8:8">
      <c r="H97513" s="12"/>
    </row>
    <row r="97514" spans="8:8">
      <c r="H97514" s="12"/>
    </row>
    <row r="97515" spans="8:8">
      <c r="H97515" s="12"/>
    </row>
    <row r="97516" spans="8:8">
      <c r="H97516" s="12"/>
    </row>
    <row r="97517" spans="8:8">
      <c r="H97517" s="12"/>
    </row>
    <row r="97518" spans="8:8">
      <c r="H97518" s="12"/>
    </row>
    <row r="97519" spans="8:8">
      <c r="H97519" s="12"/>
    </row>
    <row r="97520" spans="8:8">
      <c r="H97520" s="12"/>
    </row>
    <row r="97521" spans="8:8">
      <c r="H97521" s="12"/>
    </row>
    <row r="97522" spans="8:8">
      <c r="H97522" s="12"/>
    </row>
    <row r="97523" spans="8:8">
      <c r="H97523" s="12"/>
    </row>
    <row r="97524" spans="8:8">
      <c r="H97524" s="12"/>
    </row>
    <row r="97525" spans="8:8">
      <c r="H97525" s="12"/>
    </row>
    <row r="97526" spans="8:8">
      <c r="H97526" s="12"/>
    </row>
    <row r="97527" spans="8:8">
      <c r="H97527" s="12"/>
    </row>
    <row r="97528" spans="8:8">
      <c r="H97528" s="12"/>
    </row>
    <row r="97529" spans="8:8">
      <c r="H97529" s="12"/>
    </row>
    <row r="97530" spans="8:8">
      <c r="H97530" s="12"/>
    </row>
    <row r="97531" spans="8:8">
      <c r="H97531" s="12"/>
    </row>
    <row r="97532" spans="8:8">
      <c r="H97532" s="12"/>
    </row>
    <row r="97533" spans="8:8">
      <c r="H97533" s="12"/>
    </row>
    <row r="97534" spans="8:8">
      <c r="H97534" s="12"/>
    </row>
    <row r="97535" spans="8:8">
      <c r="H97535" s="12"/>
    </row>
    <row r="97536" spans="8:8">
      <c r="H97536" s="12"/>
    </row>
    <row r="97537" spans="8:8">
      <c r="H97537" s="12"/>
    </row>
    <row r="97538" spans="8:8">
      <c r="H97538" s="12"/>
    </row>
    <row r="97539" spans="8:8">
      <c r="H97539" s="12"/>
    </row>
    <row r="97540" spans="8:8">
      <c r="H97540" s="12"/>
    </row>
    <row r="97541" spans="8:8">
      <c r="H97541" s="12"/>
    </row>
    <row r="97542" spans="8:8">
      <c r="H97542" s="12"/>
    </row>
    <row r="97543" spans="8:8">
      <c r="H97543" s="12"/>
    </row>
    <row r="97544" spans="8:8">
      <c r="H97544" s="12"/>
    </row>
    <row r="97545" spans="8:8">
      <c r="H97545" s="12"/>
    </row>
    <row r="97546" spans="8:8">
      <c r="H97546" s="12"/>
    </row>
    <row r="97547" spans="8:8">
      <c r="H97547" s="12"/>
    </row>
    <row r="97548" spans="8:8">
      <c r="H97548" s="12"/>
    </row>
    <row r="97549" spans="8:8">
      <c r="H97549" s="12"/>
    </row>
    <row r="97550" spans="8:8">
      <c r="H97550" s="12"/>
    </row>
    <row r="97551" spans="8:8">
      <c r="H97551" s="12"/>
    </row>
    <row r="97552" spans="8:8">
      <c r="H97552" s="12"/>
    </row>
    <row r="97553" spans="8:8">
      <c r="H97553" s="12"/>
    </row>
    <row r="97554" spans="8:8">
      <c r="H97554" s="12"/>
    </row>
    <row r="97555" spans="8:8">
      <c r="H97555" s="12"/>
    </row>
    <row r="97556" spans="8:8">
      <c r="H97556" s="12"/>
    </row>
    <row r="97557" spans="8:8">
      <c r="H97557" s="12"/>
    </row>
    <row r="97558" spans="8:8">
      <c r="H97558" s="12"/>
    </row>
    <row r="97559" spans="8:8">
      <c r="H97559" s="12"/>
    </row>
    <row r="97560" spans="8:8">
      <c r="H97560" s="12"/>
    </row>
    <row r="97561" spans="8:8">
      <c r="H97561" s="12"/>
    </row>
    <row r="97562" spans="8:8">
      <c r="H97562" s="12"/>
    </row>
    <row r="97563" spans="8:8">
      <c r="H97563" s="12"/>
    </row>
    <row r="97564" spans="8:8">
      <c r="H97564" s="12"/>
    </row>
    <row r="97565" spans="8:8">
      <c r="H97565" s="12"/>
    </row>
    <row r="97566" spans="8:8">
      <c r="H97566" s="12"/>
    </row>
    <row r="97567" spans="8:8">
      <c r="H97567" s="12"/>
    </row>
    <row r="97568" spans="8:8">
      <c r="H97568" s="12"/>
    </row>
    <row r="97569" spans="8:8">
      <c r="H97569" s="12"/>
    </row>
    <row r="97570" spans="8:8">
      <c r="H97570" s="12"/>
    </row>
    <row r="97571" spans="8:8">
      <c r="H97571" s="12"/>
    </row>
    <row r="97572" spans="8:8">
      <c r="H97572" s="12"/>
    </row>
    <row r="97573" spans="8:8">
      <c r="H97573" s="12"/>
    </row>
    <row r="97574" spans="8:8">
      <c r="H97574" s="12"/>
    </row>
    <row r="97575" spans="8:8">
      <c r="H97575" s="12"/>
    </row>
    <row r="97576" spans="8:8">
      <c r="H97576" s="12"/>
    </row>
    <row r="97577" spans="8:8">
      <c r="H97577" s="12"/>
    </row>
    <row r="97578" spans="8:8">
      <c r="H97578" s="12"/>
    </row>
    <row r="97579" spans="8:8">
      <c r="H97579" s="12"/>
    </row>
    <row r="97580" spans="8:8">
      <c r="H97580" s="12"/>
    </row>
    <row r="97581" spans="8:8">
      <c r="H97581" s="12"/>
    </row>
    <row r="97582" spans="8:8">
      <c r="H97582" s="12"/>
    </row>
    <row r="97583" spans="8:8">
      <c r="H97583" s="12"/>
    </row>
    <row r="97584" spans="8:8">
      <c r="H97584" s="12"/>
    </row>
    <row r="97585" spans="8:8">
      <c r="H97585" s="12"/>
    </row>
    <row r="97586" spans="8:8">
      <c r="H97586" s="12"/>
    </row>
    <row r="97587" spans="8:8">
      <c r="H97587" s="12"/>
    </row>
    <row r="97588" spans="8:8">
      <c r="H97588" s="12"/>
    </row>
    <row r="97589" spans="8:8">
      <c r="H97589" s="12"/>
    </row>
    <row r="97590" spans="8:8">
      <c r="H97590" s="12"/>
    </row>
    <row r="97591" spans="8:8">
      <c r="H97591" s="12"/>
    </row>
    <row r="97592" spans="8:8">
      <c r="H97592" s="12"/>
    </row>
    <row r="97593" spans="8:8">
      <c r="H97593" s="12"/>
    </row>
    <row r="97594" spans="8:8">
      <c r="H97594" s="12"/>
    </row>
    <row r="97595" spans="8:8">
      <c r="H97595" s="12"/>
    </row>
    <row r="97596" spans="8:8">
      <c r="H97596" s="12"/>
    </row>
    <row r="97597" spans="8:8">
      <c r="H97597" s="12"/>
    </row>
    <row r="97598" spans="8:8">
      <c r="H97598" s="12"/>
    </row>
    <row r="97599" spans="8:8">
      <c r="H97599" s="12"/>
    </row>
    <row r="97600" spans="8:8">
      <c r="H97600" s="12"/>
    </row>
    <row r="97601" spans="8:8">
      <c r="H97601" s="12"/>
    </row>
    <row r="97602" spans="8:8">
      <c r="H97602" s="12"/>
    </row>
    <row r="97603" spans="8:8">
      <c r="H97603" s="12"/>
    </row>
    <row r="97604" spans="8:8">
      <c r="H97604" s="12"/>
    </row>
    <row r="97605" spans="8:8">
      <c r="H97605" s="12"/>
    </row>
    <row r="97606" spans="8:8">
      <c r="H97606" s="12"/>
    </row>
    <row r="97607" spans="8:8">
      <c r="H97607" s="12"/>
    </row>
    <row r="97608" spans="8:8">
      <c r="H97608" s="12"/>
    </row>
    <row r="97609" spans="8:8">
      <c r="H97609" s="12"/>
    </row>
    <row r="97610" spans="8:8">
      <c r="H97610" s="12"/>
    </row>
    <row r="97611" spans="8:8">
      <c r="H97611" s="12"/>
    </row>
    <row r="97612" spans="8:8">
      <c r="H97612" s="12"/>
    </row>
    <row r="97613" spans="8:8">
      <c r="H97613" s="12"/>
    </row>
    <row r="97614" spans="8:8">
      <c r="H97614" s="12"/>
    </row>
    <row r="97615" spans="8:8">
      <c r="H97615" s="12"/>
    </row>
    <row r="97616" spans="8:8">
      <c r="H97616" s="12"/>
    </row>
    <row r="97617" spans="8:8">
      <c r="H97617" s="12"/>
    </row>
    <row r="97618" spans="8:8">
      <c r="H97618" s="12"/>
    </row>
    <row r="97619" spans="8:8">
      <c r="H97619" s="12"/>
    </row>
    <row r="97620" spans="8:8">
      <c r="H97620" s="12"/>
    </row>
    <row r="97621" spans="8:8">
      <c r="H97621" s="12"/>
    </row>
    <row r="97622" spans="8:8">
      <c r="H97622" s="12"/>
    </row>
    <row r="97623" spans="8:8">
      <c r="H97623" s="12"/>
    </row>
    <row r="97624" spans="8:8">
      <c r="H97624" s="12"/>
    </row>
    <row r="97625" spans="8:8">
      <c r="H97625" s="12"/>
    </row>
    <row r="97626" spans="8:8">
      <c r="H97626" s="12"/>
    </row>
    <row r="97627" spans="8:8">
      <c r="H97627" s="12"/>
    </row>
    <row r="97628" spans="8:8">
      <c r="H97628" s="12"/>
    </row>
    <row r="97629" spans="8:8">
      <c r="H97629" s="12"/>
    </row>
    <row r="97630" spans="8:8">
      <c r="H97630" s="12"/>
    </row>
    <row r="97631" spans="8:8">
      <c r="H97631" s="12"/>
    </row>
    <row r="97632" spans="8:8">
      <c r="H97632" s="12"/>
    </row>
    <row r="97633" spans="8:8">
      <c r="H97633" s="12"/>
    </row>
    <row r="97634" spans="8:8">
      <c r="H97634" s="12"/>
    </row>
    <row r="97635" spans="8:8">
      <c r="H97635" s="12"/>
    </row>
    <row r="97636" spans="8:8">
      <c r="H97636" s="12"/>
    </row>
    <row r="97637" spans="8:8">
      <c r="H97637" s="12"/>
    </row>
    <row r="97638" spans="8:8">
      <c r="H97638" s="12"/>
    </row>
    <row r="97639" spans="8:8">
      <c r="H97639" s="12"/>
    </row>
    <row r="97640" spans="8:8">
      <c r="H97640" s="12"/>
    </row>
    <row r="97641" spans="8:8">
      <c r="H97641" s="12"/>
    </row>
    <row r="97642" spans="8:8">
      <c r="H97642" s="12"/>
    </row>
    <row r="97643" spans="8:8">
      <c r="H97643" s="12"/>
    </row>
    <row r="97644" spans="8:8">
      <c r="H97644" s="12"/>
    </row>
    <row r="97645" spans="8:8">
      <c r="H97645" s="12"/>
    </row>
    <row r="97646" spans="8:8">
      <c r="H97646" s="12"/>
    </row>
    <row r="97647" spans="8:8">
      <c r="H97647" s="12"/>
    </row>
    <row r="97648" spans="8:8">
      <c r="H97648" s="12"/>
    </row>
    <row r="97649" spans="8:8">
      <c r="H97649" s="12"/>
    </row>
    <row r="97650" spans="8:8">
      <c r="H97650" s="12"/>
    </row>
    <row r="97651" spans="8:8">
      <c r="H97651" s="12"/>
    </row>
    <row r="97652" spans="8:8">
      <c r="H97652" s="12"/>
    </row>
    <row r="97653" spans="8:8">
      <c r="H97653" s="12"/>
    </row>
    <row r="97654" spans="8:8">
      <c r="H97654" s="12"/>
    </row>
    <row r="97655" spans="8:8">
      <c r="H97655" s="12"/>
    </row>
    <row r="97656" spans="8:8">
      <c r="H97656" s="12"/>
    </row>
    <row r="97657" spans="8:8">
      <c r="H97657" s="12"/>
    </row>
    <row r="97658" spans="8:8">
      <c r="H97658" s="12"/>
    </row>
    <row r="97659" spans="8:8">
      <c r="H97659" s="12"/>
    </row>
    <row r="97660" spans="8:8">
      <c r="H97660" s="12"/>
    </row>
    <row r="97661" spans="8:8">
      <c r="H97661" s="12"/>
    </row>
    <row r="97662" spans="8:8">
      <c r="H97662" s="12"/>
    </row>
    <row r="97663" spans="8:8">
      <c r="H97663" s="12"/>
    </row>
    <row r="97664" spans="8:8">
      <c r="H97664" s="12"/>
    </row>
    <row r="97665" spans="8:8">
      <c r="H97665" s="12"/>
    </row>
    <row r="97666" spans="8:8">
      <c r="H97666" s="12"/>
    </row>
    <row r="97667" spans="8:8">
      <c r="H97667" s="12"/>
    </row>
    <row r="97668" spans="8:8">
      <c r="H97668" s="12"/>
    </row>
    <row r="97669" spans="8:8">
      <c r="H97669" s="12"/>
    </row>
    <row r="97670" spans="8:8">
      <c r="H97670" s="12"/>
    </row>
    <row r="97671" spans="8:8">
      <c r="H97671" s="12"/>
    </row>
    <row r="97672" spans="8:8">
      <c r="H97672" s="12"/>
    </row>
    <row r="97673" spans="8:8">
      <c r="H97673" s="12"/>
    </row>
    <row r="97674" spans="8:8">
      <c r="H97674" s="12"/>
    </row>
    <row r="97675" spans="8:8">
      <c r="H97675" s="12"/>
    </row>
    <row r="97676" spans="8:8">
      <c r="H97676" s="12"/>
    </row>
    <row r="97677" spans="8:8">
      <c r="H97677" s="12"/>
    </row>
    <row r="97678" spans="8:8">
      <c r="H97678" s="12"/>
    </row>
    <row r="97679" spans="8:8">
      <c r="H97679" s="12"/>
    </row>
    <row r="97680" spans="8:8">
      <c r="H97680" s="12"/>
    </row>
    <row r="97681" spans="8:8">
      <c r="H97681" s="12"/>
    </row>
    <row r="97682" spans="8:8">
      <c r="H97682" s="12"/>
    </row>
    <row r="97683" spans="8:8">
      <c r="H97683" s="12"/>
    </row>
    <row r="97684" spans="8:8">
      <c r="H97684" s="12"/>
    </row>
    <row r="97685" spans="8:8">
      <c r="H97685" s="12"/>
    </row>
    <row r="97686" spans="8:8">
      <c r="H97686" s="12"/>
    </row>
    <row r="97687" spans="8:8">
      <c r="H97687" s="12"/>
    </row>
    <row r="97688" spans="8:8">
      <c r="H97688" s="12"/>
    </row>
    <row r="97689" spans="8:8">
      <c r="H97689" s="12"/>
    </row>
    <row r="97690" spans="8:8">
      <c r="H97690" s="12"/>
    </row>
    <row r="97691" spans="8:8">
      <c r="H97691" s="12"/>
    </row>
    <row r="97692" spans="8:8">
      <c r="H97692" s="12"/>
    </row>
    <row r="97693" spans="8:8">
      <c r="H97693" s="12"/>
    </row>
    <row r="97694" spans="8:8">
      <c r="H97694" s="12"/>
    </row>
    <row r="97695" spans="8:8">
      <c r="H97695" s="12"/>
    </row>
    <row r="97696" spans="8:8">
      <c r="H97696" s="12"/>
    </row>
    <row r="97697" spans="8:8">
      <c r="H97697" s="12"/>
    </row>
    <row r="97698" spans="8:8">
      <c r="H97698" s="12"/>
    </row>
    <row r="97699" spans="8:8">
      <c r="H97699" s="12"/>
    </row>
    <row r="97700" spans="8:8">
      <c r="H97700" s="12"/>
    </row>
    <row r="97701" spans="8:8">
      <c r="H97701" s="12"/>
    </row>
    <row r="97702" spans="8:8">
      <c r="H97702" s="12"/>
    </row>
    <row r="97703" spans="8:8">
      <c r="H97703" s="12"/>
    </row>
    <row r="97704" spans="8:8">
      <c r="H97704" s="12"/>
    </row>
    <row r="97705" spans="8:8">
      <c r="H97705" s="12"/>
    </row>
    <row r="97706" spans="8:8">
      <c r="H97706" s="12"/>
    </row>
    <row r="97707" spans="8:8">
      <c r="H97707" s="12"/>
    </row>
    <row r="97708" spans="8:8">
      <c r="H97708" s="12"/>
    </row>
    <row r="97709" spans="8:8">
      <c r="H97709" s="12"/>
    </row>
    <row r="97710" spans="8:8">
      <c r="H97710" s="12"/>
    </row>
    <row r="97711" spans="8:8">
      <c r="H97711" s="12"/>
    </row>
    <row r="97712" spans="8:8">
      <c r="H97712" s="12"/>
    </row>
    <row r="97713" spans="8:8">
      <c r="H97713" s="12"/>
    </row>
    <row r="97714" spans="8:8">
      <c r="H97714" s="12"/>
    </row>
    <row r="97715" spans="8:8">
      <c r="H97715" s="12"/>
    </row>
    <row r="97716" spans="8:8">
      <c r="H97716" s="12"/>
    </row>
    <row r="97717" spans="8:8">
      <c r="H97717" s="12"/>
    </row>
    <row r="97718" spans="8:8">
      <c r="H97718" s="12"/>
    </row>
    <row r="97719" spans="8:8">
      <c r="H97719" s="12"/>
    </row>
    <row r="97720" spans="8:8">
      <c r="H97720" s="12"/>
    </row>
    <row r="97721" spans="8:8">
      <c r="H97721" s="12"/>
    </row>
    <row r="97722" spans="8:8">
      <c r="H97722" s="12"/>
    </row>
    <row r="97723" spans="8:8">
      <c r="H97723" s="12"/>
    </row>
    <row r="97724" spans="8:8">
      <c r="H97724" s="12"/>
    </row>
    <row r="97725" spans="8:8">
      <c r="H97725" s="12"/>
    </row>
    <row r="97726" spans="8:8">
      <c r="H97726" s="12"/>
    </row>
    <row r="97727" spans="8:8">
      <c r="H97727" s="12"/>
    </row>
    <row r="97728" spans="8:8">
      <c r="H97728" s="12"/>
    </row>
    <row r="97729" spans="8:8">
      <c r="H97729" s="12"/>
    </row>
    <row r="97730" spans="8:8">
      <c r="H97730" s="12"/>
    </row>
    <row r="97731" spans="8:8">
      <c r="H97731" s="12"/>
    </row>
    <row r="97732" spans="8:8">
      <c r="H97732" s="12"/>
    </row>
    <row r="97733" spans="8:8">
      <c r="H97733" s="12"/>
    </row>
    <row r="97734" spans="8:8">
      <c r="H97734" s="12"/>
    </row>
    <row r="97735" spans="8:8">
      <c r="H97735" s="12"/>
    </row>
    <row r="97736" spans="8:8">
      <c r="H97736" s="12"/>
    </row>
    <row r="97737" spans="8:8">
      <c r="H97737" s="12"/>
    </row>
    <row r="97738" spans="8:8">
      <c r="H97738" s="12"/>
    </row>
    <row r="97739" spans="8:8">
      <c r="H97739" s="12"/>
    </row>
    <row r="97740" spans="8:8">
      <c r="H97740" s="12"/>
    </row>
    <row r="97741" spans="8:8">
      <c r="H97741" s="12"/>
    </row>
    <row r="97742" spans="8:8">
      <c r="H97742" s="12"/>
    </row>
    <row r="97743" spans="8:8">
      <c r="H97743" s="12"/>
    </row>
    <row r="97744" spans="8:8">
      <c r="H97744" s="12"/>
    </row>
    <row r="97745" spans="8:8">
      <c r="H97745" s="12"/>
    </row>
    <row r="97746" spans="8:8">
      <c r="H97746" s="12"/>
    </row>
    <row r="97747" spans="8:8">
      <c r="H97747" s="12"/>
    </row>
    <row r="97748" spans="8:8">
      <c r="H97748" s="12"/>
    </row>
    <row r="97749" spans="8:8">
      <c r="H97749" s="12"/>
    </row>
    <row r="97750" spans="8:8">
      <c r="H97750" s="12"/>
    </row>
    <row r="97751" spans="8:8">
      <c r="H97751" s="12"/>
    </row>
    <row r="97752" spans="8:8">
      <c r="H97752" s="12"/>
    </row>
    <row r="97753" spans="8:8">
      <c r="H97753" s="12"/>
    </row>
    <row r="97754" spans="8:8">
      <c r="H97754" s="12"/>
    </row>
    <row r="97755" spans="8:8">
      <c r="H97755" s="12"/>
    </row>
    <row r="97756" spans="8:8">
      <c r="H97756" s="12"/>
    </row>
    <row r="97757" spans="8:8">
      <c r="H97757" s="12"/>
    </row>
    <row r="97758" spans="8:8">
      <c r="H97758" s="12"/>
    </row>
    <row r="97759" spans="8:8">
      <c r="H97759" s="12"/>
    </row>
    <row r="97760" spans="8:8">
      <c r="H97760" s="12"/>
    </row>
    <row r="97761" spans="8:8">
      <c r="H97761" s="12"/>
    </row>
    <row r="97762" spans="8:8">
      <c r="H97762" s="12"/>
    </row>
    <row r="97763" spans="8:8">
      <c r="H97763" s="12"/>
    </row>
    <row r="97764" spans="8:8">
      <c r="H97764" s="12"/>
    </row>
    <row r="97765" spans="8:8">
      <c r="H97765" s="12"/>
    </row>
    <row r="97766" spans="8:8">
      <c r="H97766" s="12"/>
    </row>
    <row r="97767" spans="8:8">
      <c r="H97767" s="12"/>
    </row>
    <row r="97768" spans="8:8">
      <c r="H97768" s="12"/>
    </row>
    <row r="97769" spans="8:8">
      <c r="H97769" s="12"/>
    </row>
    <row r="97770" spans="8:8">
      <c r="H97770" s="12"/>
    </row>
    <row r="97771" spans="8:8">
      <c r="H97771" s="12"/>
    </row>
    <row r="97772" spans="8:8">
      <c r="H97772" s="12"/>
    </row>
    <row r="97773" spans="8:8">
      <c r="H97773" s="12"/>
    </row>
    <row r="97774" spans="8:8">
      <c r="H97774" s="12"/>
    </row>
    <row r="97775" spans="8:8">
      <c r="H97775" s="12"/>
    </row>
    <row r="97776" spans="8:8">
      <c r="H97776" s="12"/>
    </row>
    <row r="97777" spans="8:8">
      <c r="H97777" s="12"/>
    </row>
    <row r="97778" spans="8:8">
      <c r="H97778" s="12"/>
    </row>
    <row r="97779" spans="8:8">
      <c r="H97779" s="12"/>
    </row>
    <row r="97780" spans="8:8">
      <c r="H97780" s="12"/>
    </row>
    <row r="97781" spans="8:8">
      <c r="H97781" s="12"/>
    </row>
    <row r="97782" spans="8:8">
      <c r="H97782" s="12"/>
    </row>
    <row r="97783" spans="8:8">
      <c r="H97783" s="12"/>
    </row>
    <row r="97784" spans="8:8">
      <c r="H97784" s="12"/>
    </row>
    <row r="97785" spans="8:8">
      <c r="H97785" s="12"/>
    </row>
    <row r="97786" spans="8:8">
      <c r="H97786" s="12"/>
    </row>
    <row r="97787" spans="8:8">
      <c r="H97787" s="12"/>
    </row>
    <row r="97788" spans="8:8">
      <c r="H97788" s="12"/>
    </row>
    <row r="97789" spans="8:8">
      <c r="H97789" s="12"/>
    </row>
    <row r="97790" spans="8:8">
      <c r="H97790" s="12"/>
    </row>
    <row r="97791" spans="8:8">
      <c r="H97791" s="12"/>
    </row>
    <row r="97792" spans="8:8">
      <c r="H97792" s="12"/>
    </row>
    <row r="97793" spans="8:8">
      <c r="H97793" s="12"/>
    </row>
    <row r="97794" spans="8:8">
      <c r="H97794" s="12"/>
    </row>
    <row r="97795" spans="8:8">
      <c r="H97795" s="12"/>
    </row>
    <row r="97796" spans="8:8">
      <c r="H97796" s="12"/>
    </row>
    <row r="97797" spans="8:8">
      <c r="H97797" s="12"/>
    </row>
    <row r="97798" spans="8:8">
      <c r="H97798" s="12"/>
    </row>
    <row r="97799" spans="8:8">
      <c r="H97799" s="12"/>
    </row>
    <row r="97800" spans="8:8">
      <c r="H97800" s="12"/>
    </row>
    <row r="97801" spans="8:8">
      <c r="H97801" s="12"/>
    </row>
    <row r="97802" spans="8:8">
      <c r="H97802" s="12"/>
    </row>
    <row r="97803" spans="8:8">
      <c r="H97803" s="12"/>
    </row>
    <row r="97804" spans="8:8">
      <c r="H97804" s="12"/>
    </row>
    <row r="97805" spans="8:8">
      <c r="H97805" s="12"/>
    </row>
    <row r="97806" spans="8:8">
      <c r="H97806" s="12"/>
    </row>
    <row r="97807" spans="8:8">
      <c r="H97807" s="12"/>
    </row>
    <row r="97808" spans="8:8">
      <c r="H97808" s="12"/>
    </row>
    <row r="97809" spans="8:8">
      <c r="H97809" s="12"/>
    </row>
    <row r="97810" spans="8:8">
      <c r="H97810" s="12"/>
    </row>
    <row r="97811" spans="8:8">
      <c r="H97811" s="12"/>
    </row>
    <row r="97812" spans="8:8">
      <c r="H97812" s="12"/>
    </row>
    <row r="97813" spans="8:8">
      <c r="H97813" s="12"/>
    </row>
    <row r="97814" spans="8:8">
      <c r="H97814" s="12"/>
    </row>
    <row r="97815" spans="8:8">
      <c r="H97815" s="12"/>
    </row>
    <row r="97816" spans="8:8">
      <c r="H97816" s="12"/>
    </row>
    <row r="97817" spans="8:8">
      <c r="H97817" s="12"/>
    </row>
    <row r="97818" spans="8:8">
      <c r="H97818" s="12"/>
    </row>
    <row r="97819" spans="8:8">
      <c r="H97819" s="12"/>
    </row>
    <row r="97820" spans="8:8">
      <c r="H97820" s="12"/>
    </row>
    <row r="97821" spans="8:8">
      <c r="H97821" s="12"/>
    </row>
    <row r="97822" spans="8:8">
      <c r="H97822" s="12"/>
    </row>
    <row r="97823" spans="8:8">
      <c r="H97823" s="12"/>
    </row>
    <row r="97824" spans="8:8">
      <c r="H97824" s="12"/>
    </row>
    <row r="97825" spans="8:8">
      <c r="H97825" s="12"/>
    </row>
    <row r="97826" spans="8:8">
      <c r="H97826" s="12"/>
    </row>
    <row r="97827" spans="8:8">
      <c r="H97827" s="12"/>
    </row>
    <row r="97828" spans="8:8">
      <c r="H97828" s="12"/>
    </row>
    <row r="97829" spans="8:8">
      <c r="H97829" s="12"/>
    </row>
    <row r="97830" spans="8:8">
      <c r="H97830" s="12"/>
    </row>
    <row r="97831" spans="8:8">
      <c r="H97831" s="12"/>
    </row>
    <row r="97832" spans="8:8">
      <c r="H97832" s="12"/>
    </row>
    <row r="97833" spans="8:8">
      <c r="H97833" s="12"/>
    </row>
    <row r="97834" spans="8:8">
      <c r="H97834" s="12"/>
    </row>
    <row r="97835" spans="8:8">
      <c r="H97835" s="12"/>
    </row>
    <row r="97836" spans="8:8">
      <c r="H97836" s="12"/>
    </row>
    <row r="97837" spans="8:8">
      <c r="H97837" s="12"/>
    </row>
    <row r="97838" spans="8:8">
      <c r="H97838" s="12"/>
    </row>
    <row r="97839" spans="8:8">
      <c r="H97839" s="12"/>
    </row>
    <row r="97840" spans="8:8">
      <c r="H97840" s="12"/>
    </row>
    <row r="97841" spans="8:8">
      <c r="H97841" s="12"/>
    </row>
    <row r="97842" spans="8:8">
      <c r="H97842" s="12"/>
    </row>
    <row r="97843" spans="8:8">
      <c r="H97843" s="12"/>
    </row>
    <row r="97844" spans="8:8">
      <c r="H97844" s="12"/>
    </row>
    <row r="97845" spans="8:8">
      <c r="H97845" s="12"/>
    </row>
    <row r="97846" spans="8:8">
      <c r="H97846" s="12"/>
    </row>
    <row r="97847" spans="8:8">
      <c r="H97847" s="12"/>
    </row>
    <row r="97848" spans="8:8">
      <c r="H97848" s="12"/>
    </row>
    <row r="97849" spans="8:8">
      <c r="H97849" s="12"/>
    </row>
    <row r="97850" spans="8:8">
      <c r="H97850" s="12"/>
    </row>
    <row r="97851" spans="8:8">
      <c r="H97851" s="12"/>
    </row>
    <row r="97852" spans="8:8">
      <c r="H97852" s="12"/>
    </row>
    <row r="97853" spans="8:8">
      <c r="H97853" s="12"/>
    </row>
    <row r="97854" spans="8:8">
      <c r="H97854" s="12"/>
    </row>
    <row r="97855" spans="8:8">
      <c r="H97855" s="12"/>
    </row>
    <row r="97856" spans="8:8">
      <c r="H97856" s="12"/>
    </row>
    <row r="97857" spans="8:8">
      <c r="H97857" s="12"/>
    </row>
    <row r="97858" spans="8:8">
      <c r="H97858" s="12"/>
    </row>
    <row r="97859" spans="8:8">
      <c r="H97859" s="12"/>
    </row>
    <row r="97860" spans="8:8">
      <c r="H97860" s="12"/>
    </row>
    <row r="97861" spans="8:8">
      <c r="H97861" s="12"/>
    </row>
    <row r="97862" spans="8:8">
      <c r="H97862" s="12"/>
    </row>
    <row r="97863" spans="8:8">
      <c r="H97863" s="12"/>
    </row>
    <row r="97864" spans="8:8">
      <c r="H97864" s="12"/>
    </row>
    <row r="97865" spans="8:8">
      <c r="H97865" s="12"/>
    </row>
    <row r="97866" spans="8:8">
      <c r="H97866" s="12"/>
    </row>
    <row r="97867" spans="8:8">
      <c r="H97867" s="12"/>
    </row>
    <row r="97868" spans="8:8">
      <c r="H97868" s="12"/>
    </row>
    <row r="97869" spans="8:8">
      <c r="H97869" s="12"/>
    </row>
    <row r="97870" spans="8:8">
      <c r="H97870" s="12"/>
    </row>
    <row r="97871" spans="8:8">
      <c r="H97871" s="12"/>
    </row>
    <row r="97872" spans="8:8">
      <c r="H97872" s="12"/>
    </row>
    <row r="97873" spans="8:8">
      <c r="H97873" s="12"/>
    </row>
    <row r="97874" spans="8:8">
      <c r="H97874" s="12"/>
    </row>
    <row r="97875" spans="8:8">
      <c r="H97875" s="12"/>
    </row>
    <row r="97876" spans="8:8">
      <c r="H97876" s="12"/>
    </row>
    <row r="97877" spans="8:8">
      <c r="H97877" s="12"/>
    </row>
    <row r="97878" spans="8:8">
      <c r="H97878" s="12"/>
    </row>
    <row r="97879" spans="8:8">
      <c r="H97879" s="12"/>
    </row>
    <row r="97880" spans="8:8">
      <c r="H97880" s="12"/>
    </row>
    <row r="97881" spans="8:8">
      <c r="H97881" s="12"/>
    </row>
    <row r="97882" spans="8:8">
      <c r="H97882" s="12"/>
    </row>
    <row r="97883" spans="8:8">
      <c r="H97883" s="12"/>
    </row>
    <row r="97884" spans="8:8">
      <c r="H97884" s="12"/>
    </row>
    <row r="97885" spans="8:8">
      <c r="H97885" s="12"/>
    </row>
    <row r="97886" spans="8:8">
      <c r="H97886" s="12"/>
    </row>
    <row r="97887" spans="8:8">
      <c r="H97887" s="12"/>
    </row>
    <row r="97888" spans="8:8">
      <c r="H97888" s="12"/>
    </row>
    <row r="97889" spans="8:8">
      <c r="H97889" s="12"/>
    </row>
    <row r="97890" spans="8:8">
      <c r="H97890" s="12"/>
    </row>
    <row r="97891" spans="8:8">
      <c r="H97891" s="12"/>
    </row>
    <row r="97892" spans="8:8">
      <c r="H97892" s="12"/>
    </row>
    <row r="97893" spans="8:8">
      <c r="H97893" s="12"/>
    </row>
    <row r="97894" spans="8:8">
      <c r="H97894" s="12"/>
    </row>
    <row r="97895" spans="8:8">
      <c r="H97895" s="12"/>
    </row>
    <row r="97896" spans="8:8">
      <c r="H97896" s="12"/>
    </row>
    <row r="97897" spans="8:8">
      <c r="H97897" s="12"/>
    </row>
    <row r="97898" spans="8:8">
      <c r="H97898" s="12"/>
    </row>
    <row r="97899" spans="8:8">
      <c r="H97899" s="12"/>
    </row>
    <row r="97900" spans="8:8">
      <c r="H97900" s="12"/>
    </row>
    <row r="97901" spans="8:8">
      <c r="H97901" s="12"/>
    </row>
    <row r="97902" spans="8:8">
      <c r="H97902" s="12"/>
    </row>
    <row r="97903" spans="8:8">
      <c r="H97903" s="12"/>
    </row>
    <row r="97904" spans="8:8">
      <c r="H97904" s="12"/>
    </row>
    <row r="97905" spans="8:8">
      <c r="H97905" s="12"/>
    </row>
    <row r="97906" spans="8:8">
      <c r="H97906" s="12"/>
    </row>
    <row r="97907" spans="8:8">
      <c r="H97907" s="12"/>
    </row>
    <row r="97908" spans="8:8">
      <c r="H97908" s="12"/>
    </row>
    <row r="97909" spans="8:8">
      <c r="H97909" s="12"/>
    </row>
    <row r="97910" spans="8:8">
      <c r="H97910" s="12"/>
    </row>
    <row r="97911" spans="8:8">
      <c r="H97911" s="12"/>
    </row>
    <row r="97912" spans="8:8">
      <c r="H97912" s="12"/>
    </row>
    <row r="97913" spans="8:8">
      <c r="H97913" s="12"/>
    </row>
    <row r="97914" spans="8:8">
      <c r="H97914" s="12"/>
    </row>
    <row r="97915" spans="8:8">
      <c r="H97915" s="12"/>
    </row>
    <row r="97916" spans="8:8">
      <c r="H97916" s="12"/>
    </row>
    <row r="97917" spans="8:8">
      <c r="H97917" s="12"/>
    </row>
    <row r="97918" spans="8:8">
      <c r="H97918" s="12"/>
    </row>
    <row r="97919" spans="8:8">
      <c r="H97919" s="12"/>
    </row>
    <row r="97920" spans="8:8">
      <c r="H97920" s="12"/>
    </row>
    <row r="97921" spans="8:8">
      <c r="H97921" s="12"/>
    </row>
    <row r="97922" spans="8:8">
      <c r="H97922" s="12"/>
    </row>
    <row r="97923" spans="8:8">
      <c r="H97923" s="12"/>
    </row>
    <row r="97924" spans="8:8">
      <c r="H97924" s="12"/>
    </row>
    <row r="97925" spans="8:8">
      <c r="H97925" s="12"/>
    </row>
    <row r="97926" spans="8:8">
      <c r="H97926" s="12"/>
    </row>
    <row r="97927" spans="8:8">
      <c r="H97927" s="12"/>
    </row>
    <row r="97928" spans="8:8">
      <c r="H97928" s="12"/>
    </row>
    <row r="97929" spans="8:8">
      <c r="H97929" s="12"/>
    </row>
    <row r="97930" spans="8:8">
      <c r="H97930" s="12"/>
    </row>
    <row r="97931" spans="8:8">
      <c r="H97931" s="12"/>
    </row>
    <row r="97932" spans="8:8">
      <c r="H97932" s="12"/>
    </row>
    <row r="97933" spans="8:8">
      <c r="H97933" s="12"/>
    </row>
    <row r="97934" spans="8:8">
      <c r="H97934" s="12"/>
    </row>
    <row r="97935" spans="8:8">
      <c r="H97935" s="12"/>
    </row>
    <row r="97936" spans="8:8">
      <c r="H97936" s="12"/>
    </row>
    <row r="97937" spans="8:8">
      <c r="H97937" s="12"/>
    </row>
    <row r="97938" spans="8:8">
      <c r="H97938" s="12"/>
    </row>
    <row r="97939" spans="8:8">
      <c r="H97939" s="12"/>
    </row>
    <row r="97940" spans="8:8">
      <c r="H97940" s="12"/>
    </row>
    <row r="97941" spans="8:8">
      <c r="H97941" s="12"/>
    </row>
    <row r="97942" spans="8:8">
      <c r="H97942" s="12"/>
    </row>
    <row r="97943" spans="8:8">
      <c r="H97943" s="12"/>
    </row>
    <row r="97944" spans="8:8">
      <c r="H97944" s="12"/>
    </row>
    <row r="97945" spans="8:8">
      <c r="H97945" s="12"/>
    </row>
    <row r="97946" spans="8:8">
      <c r="H97946" s="12"/>
    </row>
    <row r="97947" spans="8:8">
      <c r="H97947" s="12"/>
    </row>
    <row r="97948" spans="8:8">
      <c r="H97948" s="12"/>
    </row>
    <row r="97949" spans="8:8">
      <c r="H97949" s="12"/>
    </row>
    <row r="97950" spans="8:8">
      <c r="H97950" s="12"/>
    </row>
    <row r="97951" spans="8:8">
      <c r="H97951" s="12"/>
    </row>
    <row r="97952" spans="8:8">
      <c r="H97952" s="12"/>
    </row>
    <row r="97953" spans="8:8">
      <c r="H97953" s="12"/>
    </row>
    <row r="97954" spans="8:8">
      <c r="H97954" s="12"/>
    </row>
    <row r="97955" spans="8:8">
      <c r="H97955" s="12"/>
    </row>
    <row r="97956" spans="8:8">
      <c r="H97956" s="12"/>
    </row>
    <row r="97957" spans="8:8">
      <c r="H97957" s="12"/>
    </row>
    <row r="97958" spans="8:8">
      <c r="H97958" s="12"/>
    </row>
    <row r="97959" spans="8:8">
      <c r="H97959" s="12"/>
    </row>
    <row r="97960" spans="8:8">
      <c r="H97960" s="12"/>
    </row>
    <row r="97961" spans="8:8">
      <c r="H97961" s="12"/>
    </row>
    <row r="97962" spans="8:8">
      <c r="H97962" s="12"/>
    </row>
    <row r="97963" spans="8:8">
      <c r="H97963" s="12"/>
    </row>
    <row r="97964" spans="8:8">
      <c r="H97964" s="12"/>
    </row>
    <row r="97965" spans="8:8">
      <c r="H97965" s="12"/>
    </row>
    <row r="97966" spans="8:8">
      <c r="H97966" s="12"/>
    </row>
    <row r="97967" spans="8:8">
      <c r="H97967" s="12"/>
    </row>
    <row r="97968" spans="8:8">
      <c r="H97968" s="12"/>
    </row>
    <row r="97969" spans="8:8">
      <c r="H97969" s="12"/>
    </row>
    <row r="97970" spans="8:8">
      <c r="H97970" s="12"/>
    </row>
    <row r="97971" spans="8:8">
      <c r="H97971" s="12"/>
    </row>
    <row r="97972" spans="8:8">
      <c r="H97972" s="12"/>
    </row>
    <row r="97973" spans="8:8">
      <c r="H97973" s="12"/>
    </row>
    <row r="97974" spans="8:8">
      <c r="H97974" s="12"/>
    </row>
    <row r="97975" spans="8:8">
      <c r="H97975" s="12"/>
    </row>
    <row r="97976" spans="8:8">
      <c r="H97976" s="12"/>
    </row>
    <row r="97977" spans="8:8">
      <c r="H97977" s="12"/>
    </row>
    <row r="97978" spans="8:8">
      <c r="H97978" s="12"/>
    </row>
    <row r="97979" spans="8:8">
      <c r="H97979" s="12"/>
    </row>
    <row r="97980" spans="8:8">
      <c r="H97980" s="12"/>
    </row>
    <row r="97981" spans="8:8">
      <c r="H97981" s="12"/>
    </row>
    <row r="97982" spans="8:8">
      <c r="H97982" s="12"/>
    </row>
    <row r="97983" spans="8:8">
      <c r="H97983" s="12"/>
    </row>
    <row r="97984" spans="8:8">
      <c r="H97984" s="12"/>
    </row>
    <row r="97985" spans="8:8">
      <c r="H97985" s="12"/>
    </row>
    <row r="97986" spans="8:8">
      <c r="H97986" s="12"/>
    </row>
    <row r="97987" spans="8:8">
      <c r="H97987" s="12"/>
    </row>
    <row r="97988" spans="8:8">
      <c r="H97988" s="12"/>
    </row>
    <row r="97989" spans="8:8">
      <c r="H97989" s="12"/>
    </row>
    <row r="97990" spans="8:8">
      <c r="H97990" s="12"/>
    </row>
    <row r="97991" spans="8:8">
      <c r="H97991" s="12"/>
    </row>
    <row r="97992" spans="8:8">
      <c r="H97992" s="12"/>
    </row>
    <row r="97993" spans="8:8">
      <c r="H97993" s="12"/>
    </row>
    <row r="97994" spans="8:8">
      <c r="H97994" s="12"/>
    </row>
    <row r="97995" spans="8:8">
      <c r="H97995" s="12"/>
    </row>
    <row r="97996" spans="8:8">
      <c r="H97996" s="12"/>
    </row>
    <row r="97997" spans="8:8">
      <c r="H97997" s="12"/>
    </row>
    <row r="97998" spans="8:8">
      <c r="H97998" s="12"/>
    </row>
    <row r="97999" spans="8:8">
      <c r="H97999" s="12"/>
    </row>
    <row r="98000" spans="8:8">
      <c r="H98000" s="12"/>
    </row>
    <row r="98001" spans="8:8">
      <c r="H98001" s="12"/>
    </row>
    <row r="98002" spans="8:8">
      <c r="H98002" s="12"/>
    </row>
    <row r="98003" spans="8:8">
      <c r="H98003" s="12"/>
    </row>
    <row r="98004" spans="8:8">
      <c r="H98004" s="12"/>
    </row>
    <row r="98005" spans="8:8">
      <c r="H98005" s="12"/>
    </row>
    <row r="98006" spans="8:8">
      <c r="H98006" s="12"/>
    </row>
    <row r="98007" spans="8:8">
      <c r="H98007" s="12"/>
    </row>
    <row r="98008" spans="8:8">
      <c r="H98008" s="12"/>
    </row>
    <row r="98009" spans="8:8">
      <c r="H98009" s="12"/>
    </row>
    <row r="98010" spans="8:8">
      <c r="H98010" s="12"/>
    </row>
    <row r="98011" spans="8:8">
      <c r="H98011" s="12"/>
    </row>
    <row r="98012" spans="8:8">
      <c r="H98012" s="12"/>
    </row>
    <row r="98013" spans="8:8">
      <c r="H98013" s="12"/>
    </row>
    <row r="98014" spans="8:8">
      <c r="H98014" s="12"/>
    </row>
    <row r="98015" spans="8:8">
      <c r="H98015" s="12"/>
    </row>
    <row r="98016" spans="8:8">
      <c r="H98016" s="12"/>
    </row>
    <row r="98017" spans="8:8">
      <c r="H98017" s="12"/>
    </row>
    <row r="98018" spans="8:8">
      <c r="H98018" s="12"/>
    </row>
    <row r="98019" spans="8:8">
      <c r="H98019" s="12"/>
    </row>
    <row r="98020" spans="8:8">
      <c r="H98020" s="12"/>
    </row>
    <row r="98021" spans="8:8">
      <c r="H98021" s="12"/>
    </row>
    <row r="98022" spans="8:8">
      <c r="H98022" s="12"/>
    </row>
    <row r="98023" spans="8:8">
      <c r="H98023" s="12"/>
    </row>
    <row r="98024" spans="8:8">
      <c r="H98024" s="12"/>
    </row>
    <row r="98025" spans="8:8">
      <c r="H98025" s="12"/>
    </row>
    <row r="98026" spans="8:8">
      <c r="H98026" s="12"/>
    </row>
    <row r="98027" spans="8:8">
      <c r="H98027" s="12"/>
    </row>
    <row r="98028" spans="8:8">
      <c r="H98028" s="12"/>
    </row>
    <row r="98029" spans="8:8">
      <c r="H98029" s="12"/>
    </row>
    <row r="98030" spans="8:8">
      <c r="H98030" s="12"/>
    </row>
    <row r="98031" spans="8:8">
      <c r="H98031" s="12"/>
    </row>
    <row r="98032" spans="8:8">
      <c r="H98032" s="12"/>
    </row>
    <row r="98033" spans="8:8">
      <c r="H98033" s="12"/>
    </row>
    <row r="98034" spans="8:8">
      <c r="H98034" s="12"/>
    </row>
    <row r="98035" spans="8:8">
      <c r="H98035" s="12"/>
    </row>
    <row r="98036" spans="8:8">
      <c r="H98036" s="12"/>
    </row>
    <row r="98037" spans="8:8">
      <c r="H98037" s="12"/>
    </row>
    <row r="98038" spans="8:8">
      <c r="H98038" s="12"/>
    </row>
    <row r="98039" spans="8:8">
      <c r="H98039" s="12"/>
    </row>
    <row r="98040" spans="8:8">
      <c r="H98040" s="12"/>
    </row>
    <row r="98041" spans="8:8">
      <c r="H98041" s="12"/>
    </row>
    <row r="98042" spans="8:8">
      <c r="H98042" s="12"/>
    </row>
    <row r="98043" spans="8:8">
      <c r="H98043" s="12"/>
    </row>
    <row r="98044" spans="8:8">
      <c r="H98044" s="12"/>
    </row>
    <row r="98045" spans="8:8">
      <c r="H98045" s="12"/>
    </row>
    <row r="98046" spans="8:8">
      <c r="H98046" s="12"/>
    </row>
    <row r="98047" spans="8:8">
      <c r="H98047" s="12"/>
    </row>
    <row r="98048" spans="8:8">
      <c r="H98048" s="12"/>
    </row>
    <row r="98049" spans="8:8">
      <c r="H98049" s="12"/>
    </row>
    <row r="98050" spans="8:8">
      <c r="H98050" s="12"/>
    </row>
    <row r="98051" spans="8:8">
      <c r="H98051" s="12"/>
    </row>
    <row r="98052" spans="8:8">
      <c r="H98052" s="12"/>
    </row>
    <row r="98053" spans="8:8">
      <c r="H98053" s="12"/>
    </row>
    <row r="98054" spans="8:8">
      <c r="H98054" s="12"/>
    </row>
    <row r="98055" spans="8:8">
      <c r="H98055" s="12"/>
    </row>
    <row r="98056" spans="8:8">
      <c r="H98056" s="12"/>
    </row>
    <row r="98057" spans="8:8">
      <c r="H98057" s="12"/>
    </row>
    <row r="98058" spans="8:8">
      <c r="H98058" s="12"/>
    </row>
    <row r="98059" spans="8:8">
      <c r="H98059" s="12"/>
    </row>
    <row r="98060" spans="8:8">
      <c r="H98060" s="12"/>
    </row>
    <row r="98061" spans="8:8">
      <c r="H98061" s="12"/>
    </row>
    <row r="98062" spans="8:8">
      <c r="H98062" s="12"/>
    </row>
    <row r="98063" spans="8:8">
      <c r="H98063" s="12"/>
    </row>
    <row r="98064" spans="8:8">
      <c r="H98064" s="12"/>
    </row>
    <row r="98065" spans="8:8">
      <c r="H98065" s="12"/>
    </row>
    <row r="98066" spans="8:8">
      <c r="H98066" s="12"/>
    </row>
    <row r="98067" spans="8:8">
      <c r="H98067" s="12"/>
    </row>
    <row r="98068" spans="8:8">
      <c r="H98068" s="12"/>
    </row>
    <row r="98069" spans="8:8">
      <c r="H98069" s="12"/>
    </row>
    <row r="98070" spans="8:8">
      <c r="H98070" s="12"/>
    </row>
    <row r="98071" spans="8:8">
      <c r="H98071" s="12"/>
    </row>
    <row r="98072" spans="8:8">
      <c r="H98072" s="12"/>
    </row>
    <row r="98073" spans="8:8">
      <c r="H98073" s="12"/>
    </row>
    <row r="98074" spans="8:8">
      <c r="H98074" s="12"/>
    </row>
    <row r="98075" spans="8:8">
      <c r="H98075" s="12"/>
    </row>
    <row r="98076" spans="8:8">
      <c r="H98076" s="12"/>
    </row>
    <row r="98077" spans="8:8">
      <c r="H98077" s="12"/>
    </row>
    <row r="98078" spans="8:8">
      <c r="H98078" s="12"/>
    </row>
    <row r="98079" spans="8:8">
      <c r="H98079" s="12"/>
    </row>
    <row r="98080" spans="8:8">
      <c r="H98080" s="12"/>
    </row>
    <row r="98081" spans="8:8">
      <c r="H98081" s="12"/>
    </row>
    <row r="98082" spans="8:8">
      <c r="H98082" s="12"/>
    </row>
    <row r="98083" spans="8:8">
      <c r="H98083" s="12"/>
    </row>
    <row r="98084" spans="8:8">
      <c r="H98084" s="12"/>
    </row>
    <row r="98085" spans="8:8">
      <c r="H98085" s="12"/>
    </row>
    <row r="98086" spans="8:8">
      <c r="H98086" s="12"/>
    </row>
    <row r="98087" spans="8:8">
      <c r="H98087" s="12"/>
    </row>
    <row r="98088" spans="8:8">
      <c r="H98088" s="12"/>
    </row>
    <row r="98089" spans="8:8">
      <c r="H98089" s="12"/>
    </row>
    <row r="98090" spans="8:8">
      <c r="H98090" s="12"/>
    </row>
    <row r="98091" spans="8:8">
      <c r="H98091" s="12"/>
    </row>
    <row r="98092" spans="8:8">
      <c r="H98092" s="12"/>
    </row>
    <row r="98093" spans="8:8">
      <c r="H98093" s="12"/>
    </row>
    <row r="98094" spans="8:8">
      <c r="H98094" s="12"/>
    </row>
    <row r="98095" spans="8:8">
      <c r="H98095" s="12"/>
    </row>
    <row r="98096" spans="8:8">
      <c r="H98096" s="12"/>
    </row>
    <row r="98097" spans="8:8">
      <c r="H98097" s="12"/>
    </row>
    <row r="98098" spans="8:8">
      <c r="H98098" s="12"/>
    </row>
    <row r="98099" spans="8:8">
      <c r="H98099" s="12"/>
    </row>
    <row r="98100" spans="8:8">
      <c r="H98100" s="12"/>
    </row>
    <row r="98101" spans="8:8">
      <c r="H98101" s="12"/>
    </row>
    <row r="98102" spans="8:8">
      <c r="H98102" s="12"/>
    </row>
    <row r="98103" spans="8:8">
      <c r="H98103" s="12"/>
    </row>
    <row r="98104" spans="8:8">
      <c r="H98104" s="12"/>
    </row>
    <row r="98105" spans="8:8">
      <c r="H98105" s="12"/>
    </row>
    <row r="98106" spans="8:8">
      <c r="H98106" s="12"/>
    </row>
    <row r="98107" spans="8:8">
      <c r="H98107" s="12"/>
    </row>
    <row r="98108" spans="8:8">
      <c r="H98108" s="12"/>
    </row>
    <row r="98109" spans="8:8">
      <c r="H98109" s="12"/>
    </row>
    <row r="98110" spans="8:8">
      <c r="H98110" s="12"/>
    </row>
    <row r="98111" spans="8:8">
      <c r="H98111" s="12"/>
    </row>
    <row r="98112" spans="8:8">
      <c r="H98112" s="12"/>
    </row>
    <row r="98113" spans="8:8">
      <c r="H98113" s="12"/>
    </row>
    <row r="98114" spans="8:8">
      <c r="H98114" s="12"/>
    </row>
    <row r="98115" spans="8:8">
      <c r="H98115" s="12"/>
    </row>
    <row r="98116" spans="8:8">
      <c r="H98116" s="12"/>
    </row>
    <row r="98117" spans="8:8">
      <c r="H98117" s="12"/>
    </row>
    <row r="98118" spans="8:8">
      <c r="H98118" s="12"/>
    </row>
    <row r="98119" spans="8:8">
      <c r="H98119" s="12"/>
    </row>
    <row r="98120" spans="8:8">
      <c r="H98120" s="12"/>
    </row>
    <row r="98121" spans="8:8">
      <c r="H98121" s="12"/>
    </row>
    <row r="98122" spans="8:8">
      <c r="H98122" s="12"/>
    </row>
    <row r="98123" spans="8:8">
      <c r="H98123" s="12"/>
    </row>
    <row r="98124" spans="8:8">
      <c r="H98124" s="12"/>
    </row>
    <row r="98125" spans="8:8">
      <c r="H98125" s="12"/>
    </row>
    <row r="98126" spans="8:8">
      <c r="H98126" s="12"/>
    </row>
    <row r="98127" spans="8:8">
      <c r="H98127" s="12"/>
    </row>
    <row r="98128" spans="8:8">
      <c r="H98128" s="12"/>
    </row>
    <row r="98129" spans="8:8">
      <c r="H98129" s="12"/>
    </row>
    <row r="98130" spans="8:8">
      <c r="H98130" s="12"/>
    </row>
    <row r="98131" spans="8:8">
      <c r="H98131" s="12"/>
    </row>
    <row r="98132" spans="8:8">
      <c r="H98132" s="12"/>
    </row>
    <row r="98133" spans="8:8">
      <c r="H98133" s="12"/>
    </row>
    <row r="98134" spans="8:8">
      <c r="H98134" s="12"/>
    </row>
    <row r="98135" spans="8:8">
      <c r="H98135" s="12"/>
    </row>
    <row r="98136" spans="8:8">
      <c r="H98136" s="12"/>
    </row>
    <row r="98137" spans="8:8">
      <c r="H98137" s="12"/>
    </row>
    <row r="98138" spans="8:8">
      <c r="H98138" s="12"/>
    </row>
    <row r="98139" spans="8:8">
      <c r="H98139" s="12"/>
    </row>
    <row r="98140" spans="8:8">
      <c r="H98140" s="12"/>
    </row>
    <row r="98141" spans="8:8">
      <c r="H98141" s="12"/>
    </row>
    <row r="98142" spans="8:8">
      <c r="H98142" s="12"/>
    </row>
    <row r="98143" spans="8:8">
      <c r="H98143" s="12"/>
    </row>
    <row r="98144" spans="8:8">
      <c r="H98144" s="12"/>
    </row>
    <row r="98145" spans="8:8">
      <c r="H98145" s="12"/>
    </row>
    <row r="98146" spans="8:8">
      <c r="H98146" s="12"/>
    </row>
    <row r="98147" spans="8:8">
      <c r="H98147" s="12"/>
    </row>
    <row r="98148" spans="8:8">
      <c r="H98148" s="12"/>
    </row>
    <row r="98149" spans="8:8">
      <c r="H98149" s="12"/>
    </row>
    <row r="98150" spans="8:8">
      <c r="H98150" s="12"/>
    </row>
    <row r="98151" spans="8:8">
      <c r="H98151" s="12"/>
    </row>
    <row r="98152" spans="8:8">
      <c r="H98152" s="12"/>
    </row>
    <row r="98153" spans="8:8">
      <c r="H98153" s="12"/>
    </row>
    <row r="98154" spans="8:8">
      <c r="H98154" s="12"/>
    </row>
    <row r="98155" spans="8:8">
      <c r="H98155" s="12"/>
    </row>
    <row r="98156" spans="8:8">
      <c r="H98156" s="12"/>
    </row>
    <row r="98157" spans="8:8">
      <c r="H98157" s="12"/>
    </row>
    <row r="98158" spans="8:8">
      <c r="H98158" s="12"/>
    </row>
    <row r="98159" spans="8:8">
      <c r="H98159" s="12"/>
    </row>
    <row r="98160" spans="8:8">
      <c r="H98160" s="12"/>
    </row>
    <row r="98161" spans="8:8">
      <c r="H98161" s="12"/>
    </row>
    <row r="98162" spans="8:8">
      <c r="H98162" s="12"/>
    </row>
    <row r="98163" spans="8:8">
      <c r="H98163" s="12"/>
    </row>
    <row r="98164" spans="8:8">
      <c r="H98164" s="12"/>
    </row>
    <row r="98165" spans="8:8">
      <c r="H98165" s="12"/>
    </row>
    <row r="98166" spans="8:8">
      <c r="H98166" s="12"/>
    </row>
    <row r="98167" spans="8:8">
      <c r="H98167" s="12"/>
    </row>
    <row r="98168" spans="8:8">
      <c r="H98168" s="12"/>
    </row>
    <row r="98169" spans="8:8">
      <c r="H98169" s="12"/>
    </row>
    <row r="98170" spans="8:8">
      <c r="H98170" s="12"/>
    </row>
    <row r="98171" spans="8:8">
      <c r="H98171" s="12"/>
    </row>
    <row r="98172" spans="8:8">
      <c r="H98172" s="12"/>
    </row>
    <row r="98173" spans="8:8">
      <c r="H98173" s="12"/>
    </row>
    <row r="98174" spans="8:8">
      <c r="H98174" s="12"/>
    </row>
    <row r="98175" spans="8:8">
      <c r="H98175" s="12"/>
    </row>
    <row r="98176" spans="8:8">
      <c r="H98176" s="12"/>
    </row>
    <row r="98177" spans="8:8">
      <c r="H98177" s="12"/>
    </row>
    <row r="98178" spans="8:8">
      <c r="H98178" s="12"/>
    </row>
    <row r="98179" spans="8:8">
      <c r="H98179" s="12"/>
    </row>
    <row r="98180" spans="8:8">
      <c r="H98180" s="12"/>
    </row>
    <row r="98181" spans="8:8">
      <c r="H98181" s="12"/>
    </row>
    <row r="98182" spans="8:8">
      <c r="H98182" s="12"/>
    </row>
    <row r="98183" spans="8:8">
      <c r="H98183" s="12"/>
    </row>
    <row r="98184" spans="8:8">
      <c r="H98184" s="12"/>
    </row>
    <row r="98185" spans="8:8">
      <c r="H98185" s="12"/>
    </row>
    <row r="98186" spans="8:8">
      <c r="H98186" s="12"/>
    </row>
    <row r="98187" spans="8:8">
      <c r="H98187" s="12"/>
    </row>
    <row r="98188" spans="8:8">
      <c r="H98188" s="12"/>
    </row>
    <row r="98189" spans="8:8">
      <c r="H98189" s="12"/>
    </row>
    <row r="98190" spans="8:8">
      <c r="H98190" s="12"/>
    </row>
    <row r="98191" spans="8:8">
      <c r="H98191" s="12"/>
    </row>
    <row r="98192" spans="8:8">
      <c r="H98192" s="12"/>
    </row>
    <row r="98193" spans="8:8">
      <c r="H98193" s="12"/>
    </row>
    <row r="98194" spans="8:8">
      <c r="H98194" s="12"/>
    </row>
    <row r="98195" spans="8:8">
      <c r="H98195" s="12"/>
    </row>
    <row r="98196" spans="8:8">
      <c r="H98196" s="12"/>
    </row>
    <row r="98197" spans="8:8">
      <c r="H98197" s="12"/>
    </row>
    <row r="98198" spans="8:8">
      <c r="H98198" s="12"/>
    </row>
    <row r="98199" spans="8:8">
      <c r="H98199" s="12"/>
    </row>
    <row r="98200" spans="8:8">
      <c r="H98200" s="12"/>
    </row>
    <row r="98201" spans="8:8">
      <c r="H98201" s="12"/>
    </row>
    <row r="98202" spans="8:8">
      <c r="H98202" s="12"/>
    </row>
    <row r="98203" spans="8:8">
      <c r="H98203" s="12"/>
    </row>
    <row r="98204" spans="8:8">
      <c r="H98204" s="12"/>
    </row>
    <row r="98205" spans="8:8">
      <c r="H98205" s="12"/>
    </row>
    <row r="98206" spans="8:8">
      <c r="H98206" s="12"/>
    </row>
    <row r="98207" spans="8:8">
      <c r="H98207" s="12"/>
    </row>
    <row r="98208" spans="8:8">
      <c r="H98208" s="12"/>
    </row>
    <row r="98209" spans="8:8">
      <c r="H98209" s="12"/>
    </row>
    <row r="98210" spans="8:8">
      <c r="H98210" s="12"/>
    </row>
    <row r="98211" spans="8:8">
      <c r="H98211" s="12"/>
    </row>
    <row r="98212" spans="8:8">
      <c r="H98212" s="12"/>
    </row>
    <row r="98213" spans="8:8">
      <c r="H98213" s="12"/>
    </row>
    <row r="98214" spans="8:8">
      <c r="H98214" s="12"/>
    </row>
    <row r="98215" spans="8:8">
      <c r="H98215" s="12"/>
    </row>
    <row r="98216" spans="8:8">
      <c r="H98216" s="12"/>
    </row>
    <row r="98217" spans="8:8">
      <c r="H98217" s="12"/>
    </row>
    <row r="98218" spans="8:8">
      <c r="H98218" s="12"/>
    </row>
    <row r="98219" spans="8:8">
      <c r="H98219" s="12"/>
    </row>
    <row r="98220" spans="8:8">
      <c r="H98220" s="12"/>
    </row>
    <row r="98221" spans="8:8">
      <c r="H98221" s="12"/>
    </row>
    <row r="98222" spans="8:8">
      <c r="H98222" s="12"/>
    </row>
    <row r="98223" spans="8:8">
      <c r="H98223" s="12"/>
    </row>
    <row r="98224" spans="8:8">
      <c r="H98224" s="12"/>
    </row>
    <row r="98225" spans="8:8">
      <c r="H98225" s="12"/>
    </row>
    <row r="98226" spans="8:8">
      <c r="H98226" s="12"/>
    </row>
    <row r="98227" spans="8:8">
      <c r="H98227" s="12"/>
    </row>
    <row r="98228" spans="8:8">
      <c r="H98228" s="12"/>
    </row>
    <row r="98229" spans="8:8">
      <c r="H98229" s="12"/>
    </row>
    <row r="98230" spans="8:8">
      <c r="H98230" s="12"/>
    </row>
    <row r="98231" spans="8:8">
      <c r="H98231" s="12"/>
    </row>
    <row r="98232" spans="8:8">
      <c r="H98232" s="12"/>
    </row>
    <row r="98233" spans="8:8">
      <c r="H98233" s="12"/>
    </row>
    <row r="98234" spans="8:8">
      <c r="H98234" s="12"/>
    </row>
    <row r="98235" spans="8:8">
      <c r="H98235" s="12"/>
    </row>
    <row r="98236" spans="8:8">
      <c r="H98236" s="12"/>
    </row>
    <row r="98237" spans="8:8">
      <c r="H98237" s="12"/>
    </row>
    <row r="98238" spans="8:8">
      <c r="H98238" s="12"/>
    </row>
    <row r="98239" spans="8:8">
      <c r="H98239" s="12"/>
    </row>
    <row r="98240" spans="8:8">
      <c r="H98240" s="12"/>
    </row>
    <row r="98241" spans="8:8">
      <c r="H98241" s="12"/>
    </row>
    <row r="98242" spans="8:8">
      <c r="H98242" s="12"/>
    </row>
    <row r="98243" spans="8:8">
      <c r="H98243" s="12"/>
    </row>
    <row r="98244" spans="8:8">
      <c r="H98244" s="12"/>
    </row>
    <row r="98245" spans="8:8">
      <c r="H98245" s="12"/>
    </row>
    <row r="98246" spans="8:8">
      <c r="H98246" s="12"/>
    </row>
    <row r="98247" spans="8:8">
      <c r="H98247" s="12"/>
    </row>
    <row r="98248" spans="8:8">
      <c r="H98248" s="12"/>
    </row>
    <row r="98249" spans="8:8">
      <c r="H98249" s="12"/>
    </row>
    <row r="98250" spans="8:8">
      <c r="H98250" s="12"/>
    </row>
    <row r="98251" spans="8:8">
      <c r="H98251" s="12"/>
    </row>
    <row r="98252" spans="8:8">
      <c r="H98252" s="12"/>
    </row>
    <row r="98253" spans="8:8">
      <c r="H98253" s="12"/>
    </row>
    <row r="98254" spans="8:8">
      <c r="H98254" s="12"/>
    </row>
    <row r="98255" spans="8:8">
      <c r="H98255" s="12"/>
    </row>
    <row r="98256" spans="8:8">
      <c r="H98256" s="12"/>
    </row>
    <row r="98257" spans="8:8">
      <c r="H98257" s="12"/>
    </row>
    <row r="98258" spans="8:8">
      <c r="H98258" s="12"/>
    </row>
    <row r="98259" spans="8:8">
      <c r="H98259" s="12"/>
    </row>
    <row r="98260" spans="8:8">
      <c r="H98260" s="12"/>
    </row>
    <row r="98261" spans="8:8">
      <c r="H98261" s="12"/>
    </row>
    <row r="98262" spans="8:8">
      <c r="H98262" s="12"/>
    </row>
    <row r="98263" spans="8:8">
      <c r="H98263" s="12"/>
    </row>
    <row r="98264" spans="8:8">
      <c r="H98264" s="12"/>
    </row>
    <row r="98265" spans="8:8">
      <c r="H98265" s="12"/>
    </row>
    <row r="98266" spans="8:8">
      <c r="H98266" s="12"/>
    </row>
    <row r="98267" spans="8:8">
      <c r="H98267" s="12"/>
    </row>
    <row r="98268" spans="8:8">
      <c r="H98268" s="12"/>
    </row>
    <row r="98269" spans="8:8">
      <c r="H98269" s="12"/>
    </row>
    <row r="98270" spans="8:8">
      <c r="H98270" s="12"/>
    </row>
    <row r="98271" spans="8:8">
      <c r="H98271" s="12"/>
    </row>
    <row r="98272" spans="8:8">
      <c r="H98272" s="12"/>
    </row>
    <row r="98273" spans="8:8">
      <c r="H98273" s="12"/>
    </row>
    <row r="98274" spans="8:8">
      <c r="H98274" s="12"/>
    </row>
    <row r="98275" spans="8:8">
      <c r="H98275" s="12"/>
    </row>
    <row r="98276" spans="8:8">
      <c r="H98276" s="12"/>
    </row>
    <row r="98277" spans="8:8">
      <c r="H98277" s="12"/>
    </row>
    <row r="98278" spans="8:8">
      <c r="H98278" s="12"/>
    </row>
    <row r="98279" spans="8:8">
      <c r="H98279" s="12"/>
    </row>
    <row r="98280" spans="8:8">
      <c r="H98280" s="12"/>
    </row>
    <row r="98281" spans="8:8">
      <c r="H98281" s="12"/>
    </row>
    <row r="98282" spans="8:8">
      <c r="H98282" s="12"/>
    </row>
    <row r="98283" spans="8:8">
      <c r="H98283" s="12"/>
    </row>
    <row r="98284" spans="8:8">
      <c r="H98284" s="12"/>
    </row>
    <row r="98285" spans="8:8">
      <c r="H98285" s="12"/>
    </row>
    <row r="98286" spans="8:8">
      <c r="H98286" s="12"/>
    </row>
    <row r="98287" spans="8:8">
      <c r="H98287" s="12"/>
    </row>
    <row r="98288" spans="8:8">
      <c r="H98288" s="12"/>
    </row>
    <row r="98289" spans="8:8">
      <c r="H98289" s="12"/>
    </row>
    <row r="98290" spans="8:8">
      <c r="H98290" s="12"/>
    </row>
    <row r="98291" spans="8:8">
      <c r="H98291" s="12"/>
    </row>
    <row r="98292" spans="8:8">
      <c r="H98292" s="12"/>
    </row>
    <row r="98293" spans="8:8">
      <c r="H98293" s="12"/>
    </row>
    <row r="98294" spans="8:8">
      <c r="H98294" s="12"/>
    </row>
    <row r="98295" spans="8:8">
      <c r="H98295" s="12"/>
    </row>
    <row r="98296" spans="8:8">
      <c r="H98296" s="12"/>
    </row>
    <row r="98297" spans="8:8">
      <c r="H98297" s="12"/>
    </row>
    <row r="98298" spans="8:8">
      <c r="H98298" s="12"/>
    </row>
    <row r="98299" spans="8:8">
      <c r="H98299" s="12"/>
    </row>
    <row r="98300" spans="8:8">
      <c r="H98300" s="12"/>
    </row>
    <row r="98301" spans="8:8">
      <c r="H98301" s="12"/>
    </row>
    <row r="98302" spans="8:8">
      <c r="H98302" s="12"/>
    </row>
    <row r="98303" spans="8:8">
      <c r="H98303" s="12"/>
    </row>
    <row r="98304" spans="8:8">
      <c r="H98304" s="12"/>
    </row>
    <row r="98305" spans="8:8">
      <c r="H98305" s="12"/>
    </row>
    <row r="98306" spans="8:8">
      <c r="H98306" s="12"/>
    </row>
    <row r="98307" spans="8:8">
      <c r="H98307" s="12"/>
    </row>
    <row r="98308" spans="8:8">
      <c r="H98308" s="12"/>
    </row>
    <row r="98309" spans="8:8">
      <c r="H98309" s="12"/>
    </row>
    <row r="98310" spans="8:8">
      <c r="H98310" s="12"/>
    </row>
    <row r="98311" spans="8:8">
      <c r="H98311" s="12"/>
    </row>
    <row r="98312" spans="8:8">
      <c r="H98312" s="12"/>
    </row>
    <row r="98313" spans="8:8">
      <c r="H98313" s="12"/>
    </row>
    <row r="98314" spans="8:8">
      <c r="H98314" s="12"/>
    </row>
    <row r="98315" spans="8:8">
      <c r="H98315" s="12"/>
    </row>
    <row r="98316" spans="8:8">
      <c r="H98316" s="12"/>
    </row>
    <row r="98317" spans="8:8">
      <c r="H98317" s="12"/>
    </row>
    <row r="98318" spans="8:8">
      <c r="H98318" s="12"/>
    </row>
    <row r="98319" spans="8:8">
      <c r="H98319" s="12"/>
    </row>
    <row r="98320" spans="8:8">
      <c r="H98320" s="12"/>
    </row>
    <row r="98321" spans="8:8">
      <c r="H98321" s="12"/>
    </row>
    <row r="98322" spans="8:8">
      <c r="H98322" s="12"/>
    </row>
    <row r="98323" spans="8:8">
      <c r="H98323" s="12"/>
    </row>
    <row r="98324" spans="8:8">
      <c r="H98324" s="12"/>
    </row>
    <row r="98325" spans="8:8">
      <c r="H98325" s="12"/>
    </row>
    <row r="98326" spans="8:8">
      <c r="H98326" s="12"/>
    </row>
    <row r="98327" spans="8:8">
      <c r="H98327" s="12"/>
    </row>
    <row r="98328" spans="8:8">
      <c r="H98328" s="12"/>
    </row>
    <row r="98329" spans="8:8">
      <c r="H98329" s="12"/>
    </row>
    <row r="98330" spans="8:8">
      <c r="H98330" s="12"/>
    </row>
    <row r="98331" spans="8:8">
      <c r="H98331" s="12"/>
    </row>
    <row r="98332" spans="8:8">
      <c r="H98332" s="12"/>
    </row>
    <row r="98333" spans="8:8">
      <c r="H98333" s="12"/>
    </row>
    <row r="98334" spans="8:8">
      <c r="H98334" s="12"/>
    </row>
    <row r="98335" spans="8:8">
      <c r="H98335" s="12"/>
    </row>
    <row r="98336" spans="8:8">
      <c r="H98336" s="12"/>
    </row>
    <row r="98337" spans="8:8">
      <c r="H98337" s="12"/>
    </row>
    <row r="98338" spans="8:8">
      <c r="H98338" s="12"/>
    </row>
    <row r="98339" spans="8:8">
      <c r="H98339" s="12"/>
    </row>
    <row r="98340" spans="8:8">
      <c r="H98340" s="12"/>
    </row>
    <row r="98341" spans="8:8">
      <c r="H98341" s="12"/>
    </row>
    <row r="98342" spans="8:8">
      <c r="H98342" s="12"/>
    </row>
    <row r="98343" spans="8:8">
      <c r="H98343" s="12"/>
    </row>
    <row r="98344" spans="8:8">
      <c r="H98344" s="12"/>
    </row>
    <row r="98345" spans="8:8">
      <c r="H98345" s="12"/>
    </row>
    <row r="98346" spans="8:8">
      <c r="H98346" s="12"/>
    </row>
    <row r="98347" spans="8:8">
      <c r="H98347" s="12"/>
    </row>
    <row r="98348" spans="8:8">
      <c r="H98348" s="12"/>
    </row>
    <row r="98349" spans="8:8">
      <c r="H98349" s="12"/>
    </row>
    <row r="98350" spans="8:8">
      <c r="H98350" s="12"/>
    </row>
    <row r="98351" spans="8:8">
      <c r="H98351" s="12"/>
    </row>
    <row r="98352" spans="8:8">
      <c r="H98352" s="12"/>
    </row>
    <row r="98353" spans="8:8">
      <c r="H98353" s="12"/>
    </row>
    <row r="98354" spans="8:8">
      <c r="H98354" s="12"/>
    </row>
    <row r="98355" spans="8:8">
      <c r="H98355" s="12"/>
    </row>
    <row r="98356" spans="8:8">
      <c r="H98356" s="12"/>
    </row>
    <row r="98357" spans="8:8">
      <c r="H98357" s="12"/>
    </row>
    <row r="98358" spans="8:8">
      <c r="H98358" s="12"/>
    </row>
    <row r="98359" spans="8:8">
      <c r="H98359" s="12"/>
    </row>
    <row r="98360" spans="8:8">
      <c r="H98360" s="12"/>
    </row>
    <row r="98361" spans="8:8">
      <c r="H98361" s="12"/>
    </row>
    <row r="98362" spans="8:8">
      <c r="H98362" s="12"/>
    </row>
    <row r="98363" spans="8:8">
      <c r="H98363" s="12"/>
    </row>
    <row r="98364" spans="8:8">
      <c r="H98364" s="12"/>
    </row>
    <row r="98365" spans="8:8">
      <c r="H98365" s="12"/>
    </row>
    <row r="98366" spans="8:8">
      <c r="H98366" s="12"/>
    </row>
    <row r="98367" spans="8:8">
      <c r="H98367" s="12"/>
    </row>
    <row r="98368" spans="8:8">
      <c r="H98368" s="12"/>
    </row>
    <row r="98369" spans="8:8">
      <c r="H98369" s="12"/>
    </row>
    <row r="98370" spans="8:8">
      <c r="H98370" s="12"/>
    </row>
    <row r="98371" spans="8:8">
      <c r="H98371" s="12"/>
    </row>
    <row r="98372" spans="8:8">
      <c r="H98372" s="12"/>
    </row>
    <row r="98373" spans="8:8">
      <c r="H98373" s="12"/>
    </row>
    <row r="98374" spans="8:8">
      <c r="H98374" s="12"/>
    </row>
    <row r="98375" spans="8:8">
      <c r="H98375" s="12"/>
    </row>
    <row r="98376" spans="8:8">
      <c r="H98376" s="12"/>
    </row>
    <row r="98377" spans="8:8">
      <c r="H98377" s="12"/>
    </row>
    <row r="98378" spans="8:8">
      <c r="H98378" s="12"/>
    </row>
    <row r="98379" spans="8:8">
      <c r="H98379" s="12"/>
    </row>
    <row r="98380" spans="8:8">
      <c r="H98380" s="12"/>
    </row>
    <row r="98381" spans="8:8">
      <c r="H98381" s="12"/>
    </row>
    <row r="98382" spans="8:8">
      <c r="H98382" s="12"/>
    </row>
    <row r="98383" spans="8:8">
      <c r="H98383" s="12"/>
    </row>
    <row r="98384" spans="8:8">
      <c r="H98384" s="12"/>
    </row>
    <row r="98385" spans="8:8">
      <c r="H98385" s="12"/>
    </row>
    <row r="98386" spans="8:8">
      <c r="H98386" s="12"/>
    </row>
    <row r="98387" spans="8:8">
      <c r="H98387" s="12"/>
    </row>
    <row r="98388" spans="8:8">
      <c r="H98388" s="12"/>
    </row>
    <row r="98389" spans="8:8">
      <c r="H98389" s="12"/>
    </row>
    <row r="98390" spans="8:8">
      <c r="H98390" s="12"/>
    </row>
    <row r="98391" spans="8:8">
      <c r="H98391" s="12"/>
    </row>
    <row r="98392" spans="8:8">
      <c r="H98392" s="12"/>
    </row>
    <row r="98393" spans="8:8">
      <c r="H98393" s="12"/>
    </row>
    <row r="98394" spans="8:8">
      <c r="H98394" s="12"/>
    </row>
    <row r="98395" spans="8:8">
      <c r="H98395" s="12"/>
    </row>
    <row r="98396" spans="8:8">
      <c r="H98396" s="12"/>
    </row>
    <row r="98397" spans="8:8">
      <c r="H98397" s="12"/>
    </row>
    <row r="98398" spans="8:8">
      <c r="H98398" s="12"/>
    </row>
    <row r="98399" spans="8:8">
      <c r="H98399" s="12"/>
    </row>
    <row r="98400" spans="8:8">
      <c r="H98400" s="12"/>
    </row>
    <row r="98401" spans="8:8">
      <c r="H98401" s="12"/>
    </row>
    <row r="98402" spans="8:8">
      <c r="H98402" s="12"/>
    </row>
    <row r="98403" spans="8:8">
      <c r="H98403" s="12"/>
    </row>
    <row r="98404" spans="8:8">
      <c r="H98404" s="12"/>
    </row>
    <row r="98405" spans="8:8">
      <c r="H98405" s="12"/>
    </row>
    <row r="98406" spans="8:8">
      <c r="H98406" s="12"/>
    </row>
    <row r="98407" spans="8:8">
      <c r="H98407" s="12"/>
    </row>
    <row r="98408" spans="8:8">
      <c r="H98408" s="12"/>
    </row>
    <row r="98409" spans="8:8">
      <c r="H98409" s="12"/>
    </row>
    <row r="98410" spans="8:8">
      <c r="H98410" s="12"/>
    </row>
    <row r="98411" spans="8:8">
      <c r="H98411" s="12"/>
    </row>
    <row r="98412" spans="8:8">
      <c r="H98412" s="12"/>
    </row>
    <row r="98413" spans="8:8">
      <c r="H98413" s="12"/>
    </row>
    <row r="98414" spans="8:8">
      <c r="H98414" s="12"/>
    </row>
    <row r="98415" spans="8:8">
      <c r="H98415" s="12"/>
    </row>
    <row r="98416" spans="8:8">
      <c r="H98416" s="12"/>
    </row>
    <row r="98417" spans="8:8">
      <c r="H98417" s="12"/>
    </row>
    <row r="98418" spans="8:8">
      <c r="H98418" s="12"/>
    </row>
    <row r="98419" spans="8:8">
      <c r="H98419" s="12"/>
    </row>
    <row r="98420" spans="8:8">
      <c r="H98420" s="12"/>
    </row>
    <row r="98421" spans="8:8">
      <c r="H98421" s="12"/>
    </row>
    <row r="98422" spans="8:8">
      <c r="H98422" s="12"/>
    </row>
    <row r="98423" spans="8:8">
      <c r="H98423" s="12"/>
    </row>
    <row r="98424" spans="8:8">
      <c r="H98424" s="12"/>
    </row>
    <row r="98425" spans="8:8">
      <c r="H98425" s="12"/>
    </row>
    <row r="98426" spans="8:8">
      <c r="H98426" s="12"/>
    </row>
    <row r="98427" spans="8:8">
      <c r="H98427" s="12"/>
    </row>
    <row r="98428" spans="8:8">
      <c r="H98428" s="12"/>
    </row>
    <row r="98429" spans="8:8">
      <c r="H98429" s="12"/>
    </row>
    <row r="98430" spans="8:8">
      <c r="H98430" s="12"/>
    </row>
    <row r="98431" spans="8:8">
      <c r="H98431" s="12"/>
    </row>
    <row r="98432" spans="8:8">
      <c r="H98432" s="12"/>
    </row>
    <row r="98433" spans="8:8">
      <c r="H98433" s="12"/>
    </row>
    <row r="98434" spans="8:8">
      <c r="H98434" s="12"/>
    </row>
    <row r="98435" spans="8:8">
      <c r="H98435" s="12"/>
    </row>
    <row r="98436" spans="8:8">
      <c r="H98436" s="12"/>
    </row>
    <row r="98437" spans="8:8">
      <c r="H98437" s="12"/>
    </row>
    <row r="98438" spans="8:8">
      <c r="H98438" s="12"/>
    </row>
    <row r="98439" spans="8:8">
      <c r="H98439" s="12"/>
    </row>
    <row r="98440" spans="8:8">
      <c r="H98440" s="12"/>
    </row>
    <row r="98441" spans="8:8">
      <c r="H98441" s="12"/>
    </row>
    <row r="98442" spans="8:8">
      <c r="H98442" s="12"/>
    </row>
    <row r="98443" spans="8:8">
      <c r="H98443" s="12"/>
    </row>
    <row r="98444" spans="8:8">
      <c r="H98444" s="12"/>
    </row>
    <row r="98445" spans="8:8">
      <c r="H98445" s="12"/>
    </row>
    <row r="98446" spans="8:8">
      <c r="H98446" s="12"/>
    </row>
    <row r="98447" spans="8:8">
      <c r="H98447" s="12"/>
    </row>
    <row r="98448" spans="8:8">
      <c r="H98448" s="12"/>
    </row>
    <row r="98449" spans="8:8">
      <c r="H98449" s="12"/>
    </row>
    <row r="98450" spans="8:8">
      <c r="H98450" s="12"/>
    </row>
    <row r="98451" spans="8:8">
      <c r="H98451" s="12"/>
    </row>
    <row r="98452" spans="8:8">
      <c r="H98452" s="12"/>
    </row>
    <row r="98453" spans="8:8">
      <c r="H98453" s="12"/>
    </row>
    <row r="98454" spans="8:8">
      <c r="H98454" s="12"/>
    </row>
    <row r="98455" spans="8:8">
      <c r="H98455" s="12"/>
    </row>
    <row r="98456" spans="8:8">
      <c r="H98456" s="12"/>
    </row>
    <row r="98457" spans="8:8">
      <c r="H98457" s="12"/>
    </row>
    <row r="98458" spans="8:8">
      <c r="H98458" s="12"/>
    </row>
    <row r="98459" spans="8:8">
      <c r="H98459" s="12"/>
    </row>
    <row r="98460" spans="8:8">
      <c r="H98460" s="12"/>
    </row>
    <row r="98461" spans="8:8">
      <c r="H98461" s="12"/>
    </row>
    <row r="98462" spans="8:8">
      <c r="H98462" s="12"/>
    </row>
    <row r="98463" spans="8:8">
      <c r="H98463" s="12"/>
    </row>
    <row r="98464" spans="8:8">
      <c r="H98464" s="12"/>
    </row>
    <row r="98465" spans="8:8">
      <c r="H98465" s="12"/>
    </row>
    <row r="98466" spans="8:8">
      <c r="H98466" s="12"/>
    </row>
    <row r="98467" spans="8:8">
      <c r="H98467" s="12"/>
    </row>
    <row r="98468" spans="8:8">
      <c r="H98468" s="12"/>
    </row>
    <row r="98469" spans="8:8">
      <c r="H98469" s="12"/>
    </row>
    <row r="98470" spans="8:8">
      <c r="H98470" s="12"/>
    </row>
    <row r="98471" spans="8:8">
      <c r="H98471" s="12"/>
    </row>
    <row r="98472" spans="8:8">
      <c r="H98472" s="12"/>
    </row>
    <row r="98473" spans="8:8">
      <c r="H98473" s="12"/>
    </row>
    <row r="98474" spans="8:8">
      <c r="H98474" s="12"/>
    </row>
    <row r="98475" spans="8:8">
      <c r="H98475" s="12"/>
    </row>
    <row r="98476" spans="8:8">
      <c r="H98476" s="12"/>
    </row>
    <row r="98477" spans="8:8">
      <c r="H98477" s="12"/>
    </row>
    <row r="98478" spans="8:8">
      <c r="H98478" s="12"/>
    </row>
    <row r="98479" spans="8:8">
      <c r="H98479" s="12"/>
    </row>
    <row r="98480" spans="8:8">
      <c r="H98480" s="12"/>
    </row>
    <row r="98481" spans="8:8">
      <c r="H98481" s="12"/>
    </row>
    <row r="98482" spans="8:8">
      <c r="H98482" s="12"/>
    </row>
    <row r="98483" spans="8:8">
      <c r="H98483" s="12"/>
    </row>
    <row r="98484" spans="8:8">
      <c r="H98484" s="12"/>
    </row>
    <row r="98485" spans="8:8">
      <c r="H98485" s="12"/>
    </row>
    <row r="98486" spans="8:8">
      <c r="H98486" s="12"/>
    </row>
    <row r="98487" spans="8:8">
      <c r="H98487" s="12"/>
    </row>
    <row r="98488" spans="8:8">
      <c r="H98488" s="12"/>
    </row>
    <row r="98489" spans="8:8">
      <c r="H98489" s="12"/>
    </row>
    <row r="98490" spans="8:8">
      <c r="H98490" s="12"/>
    </row>
    <row r="98491" spans="8:8">
      <c r="H98491" s="12"/>
    </row>
    <row r="98492" spans="8:8">
      <c r="H98492" s="12"/>
    </row>
    <row r="98493" spans="8:8">
      <c r="H98493" s="12"/>
    </row>
    <row r="98494" spans="8:8">
      <c r="H98494" s="12"/>
    </row>
    <row r="98495" spans="8:8">
      <c r="H98495" s="12"/>
    </row>
    <row r="98496" spans="8:8">
      <c r="H98496" s="12"/>
    </row>
    <row r="98497" spans="8:8">
      <c r="H98497" s="12"/>
    </row>
    <row r="98498" spans="8:8">
      <c r="H98498" s="12"/>
    </row>
    <row r="98499" spans="8:8">
      <c r="H98499" s="12"/>
    </row>
    <row r="98500" spans="8:8">
      <c r="H98500" s="12"/>
    </row>
    <row r="98501" spans="8:8">
      <c r="H98501" s="12"/>
    </row>
    <row r="98502" spans="8:8">
      <c r="H98502" s="12"/>
    </row>
    <row r="98503" spans="8:8">
      <c r="H98503" s="12"/>
    </row>
    <row r="98504" spans="8:8">
      <c r="H98504" s="12"/>
    </row>
    <row r="98505" spans="8:8">
      <c r="H98505" s="12"/>
    </row>
    <row r="98506" spans="8:8">
      <c r="H98506" s="12"/>
    </row>
    <row r="98507" spans="8:8">
      <c r="H98507" s="12"/>
    </row>
    <row r="98508" spans="8:8">
      <c r="H98508" s="12"/>
    </row>
    <row r="98509" spans="8:8">
      <c r="H98509" s="12"/>
    </row>
    <row r="98510" spans="8:8">
      <c r="H98510" s="12"/>
    </row>
    <row r="98511" spans="8:8">
      <c r="H98511" s="12"/>
    </row>
    <row r="98512" spans="8:8">
      <c r="H98512" s="12"/>
    </row>
    <row r="98513" spans="8:8">
      <c r="H98513" s="12"/>
    </row>
    <row r="98514" spans="8:8">
      <c r="H98514" s="12"/>
    </row>
    <row r="98515" spans="8:8">
      <c r="H98515" s="12"/>
    </row>
    <row r="98516" spans="8:8">
      <c r="H98516" s="12"/>
    </row>
    <row r="98517" spans="8:8">
      <c r="H98517" s="12"/>
    </row>
    <row r="98518" spans="8:8">
      <c r="H98518" s="12"/>
    </row>
    <row r="98519" spans="8:8">
      <c r="H98519" s="12"/>
    </row>
    <row r="98520" spans="8:8">
      <c r="H98520" s="12"/>
    </row>
    <row r="98521" spans="8:8">
      <c r="H98521" s="12"/>
    </row>
    <row r="98522" spans="8:8">
      <c r="H98522" s="12"/>
    </row>
    <row r="98523" spans="8:8">
      <c r="H98523" s="12"/>
    </row>
    <row r="98524" spans="8:8">
      <c r="H98524" s="12"/>
    </row>
    <row r="98525" spans="8:8">
      <c r="H98525" s="12"/>
    </row>
    <row r="98526" spans="8:8">
      <c r="H98526" s="12"/>
    </row>
    <row r="98527" spans="8:8">
      <c r="H98527" s="12"/>
    </row>
    <row r="98528" spans="8:8">
      <c r="H98528" s="12"/>
    </row>
    <row r="98529" spans="8:8">
      <c r="H98529" s="12"/>
    </row>
    <row r="98530" spans="8:8">
      <c r="H98530" s="12"/>
    </row>
    <row r="98531" spans="8:8">
      <c r="H98531" s="12"/>
    </row>
    <row r="98532" spans="8:8">
      <c r="H98532" s="12"/>
    </row>
    <row r="98533" spans="8:8">
      <c r="H98533" s="12"/>
    </row>
    <row r="98534" spans="8:8">
      <c r="H98534" s="12"/>
    </row>
    <row r="98535" spans="8:8">
      <c r="H98535" s="12"/>
    </row>
    <row r="98536" spans="8:8">
      <c r="H98536" s="12"/>
    </row>
    <row r="98537" spans="8:8">
      <c r="H98537" s="12"/>
    </row>
    <row r="98538" spans="8:8">
      <c r="H98538" s="12"/>
    </row>
    <row r="98539" spans="8:8">
      <c r="H98539" s="12"/>
    </row>
    <row r="98540" spans="8:8">
      <c r="H98540" s="12"/>
    </row>
    <row r="98541" spans="8:8">
      <c r="H98541" s="12"/>
    </row>
    <row r="98542" spans="8:8">
      <c r="H98542" s="12"/>
    </row>
    <row r="98543" spans="8:8">
      <c r="H98543" s="12"/>
    </row>
    <row r="98544" spans="8:8">
      <c r="H98544" s="12"/>
    </row>
    <row r="98545" spans="8:8">
      <c r="H98545" s="12"/>
    </row>
    <row r="98546" spans="8:8">
      <c r="H98546" s="12"/>
    </row>
    <row r="98547" spans="8:8">
      <c r="H98547" s="12"/>
    </row>
    <row r="98548" spans="8:8">
      <c r="H98548" s="12"/>
    </row>
    <row r="98549" spans="8:8">
      <c r="H98549" s="12"/>
    </row>
    <row r="98550" spans="8:8">
      <c r="H98550" s="12"/>
    </row>
    <row r="98551" spans="8:8">
      <c r="H98551" s="12"/>
    </row>
    <row r="98552" spans="8:8">
      <c r="H98552" s="12"/>
    </row>
    <row r="98553" spans="8:8">
      <c r="H98553" s="12"/>
    </row>
    <row r="98554" spans="8:8">
      <c r="H98554" s="12"/>
    </row>
    <row r="98555" spans="8:8">
      <c r="H98555" s="12"/>
    </row>
    <row r="98556" spans="8:8">
      <c r="H98556" s="12"/>
    </row>
    <row r="98557" spans="8:8">
      <c r="H98557" s="12"/>
    </row>
    <row r="98558" spans="8:8">
      <c r="H98558" s="12"/>
    </row>
    <row r="98559" spans="8:8">
      <c r="H98559" s="12"/>
    </row>
    <row r="98560" spans="8:8">
      <c r="H98560" s="12"/>
    </row>
    <row r="98561" spans="8:8">
      <c r="H98561" s="12"/>
    </row>
    <row r="98562" spans="8:8">
      <c r="H98562" s="12"/>
    </row>
    <row r="98563" spans="8:8">
      <c r="H98563" s="12"/>
    </row>
    <row r="98564" spans="8:8">
      <c r="H98564" s="12"/>
    </row>
    <row r="98565" spans="8:8">
      <c r="H98565" s="12"/>
    </row>
    <row r="98566" spans="8:8">
      <c r="H98566" s="12"/>
    </row>
    <row r="98567" spans="8:8">
      <c r="H98567" s="12"/>
    </row>
    <row r="98568" spans="8:8">
      <c r="H98568" s="12"/>
    </row>
    <row r="98569" spans="8:8">
      <c r="H98569" s="12"/>
    </row>
    <row r="98570" spans="8:8">
      <c r="H98570" s="12"/>
    </row>
    <row r="98571" spans="8:8">
      <c r="H98571" s="12"/>
    </row>
    <row r="98572" spans="8:8">
      <c r="H98572" s="12"/>
    </row>
    <row r="98573" spans="8:8">
      <c r="H98573" s="12"/>
    </row>
    <row r="98574" spans="8:8">
      <c r="H98574" s="12"/>
    </row>
    <row r="98575" spans="8:8">
      <c r="H98575" s="12"/>
    </row>
    <row r="98576" spans="8:8">
      <c r="H98576" s="12"/>
    </row>
    <row r="98577" spans="8:8">
      <c r="H98577" s="12"/>
    </row>
    <row r="98578" spans="8:8">
      <c r="H98578" s="12"/>
    </row>
    <row r="98579" spans="8:8">
      <c r="H98579" s="12"/>
    </row>
    <row r="98580" spans="8:8">
      <c r="H98580" s="12"/>
    </row>
    <row r="98581" spans="8:8">
      <c r="H98581" s="12"/>
    </row>
    <row r="98582" spans="8:8">
      <c r="H98582" s="12"/>
    </row>
    <row r="98583" spans="8:8">
      <c r="H98583" s="12"/>
    </row>
    <row r="98584" spans="8:8">
      <c r="H98584" s="12"/>
    </row>
    <row r="98585" spans="8:8">
      <c r="H98585" s="12"/>
    </row>
    <row r="98586" spans="8:8">
      <c r="H98586" s="12"/>
    </row>
    <row r="98587" spans="8:8">
      <c r="H98587" s="12"/>
    </row>
    <row r="98588" spans="8:8">
      <c r="H98588" s="12"/>
    </row>
    <row r="98589" spans="8:8">
      <c r="H98589" s="12"/>
    </row>
    <row r="98590" spans="8:8">
      <c r="H98590" s="12"/>
    </row>
    <row r="98591" spans="8:8">
      <c r="H98591" s="12"/>
    </row>
    <row r="98592" spans="8:8">
      <c r="H98592" s="12"/>
    </row>
    <row r="98593" spans="8:8">
      <c r="H98593" s="12"/>
    </row>
    <row r="98594" spans="8:8">
      <c r="H98594" s="12"/>
    </row>
    <row r="98595" spans="8:8">
      <c r="H98595" s="12"/>
    </row>
    <row r="98596" spans="8:8">
      <c r="H98596" s="12"/>
    </row>
    <row r="98597" spans="8:8">
      <c r="H98597" s="12"/>
    </row>
    <row r="98598" spans="8:8">
      <c r="H98598" s="12"/>
    </row>
    <row r="98599" spans="8:8">
      <c r="H98599" s="12"/>
    </row>
    <row r="98600" spans="8:8">
      <c r="H98600" s="12"/>
    </row>
    <row r="98601" spans="8:8">
      <c r="H98601" s="12"/>
    </row>
    <row r="98602" spans="8:8">
      <c r="H98602" s="12"/>
    </row>
    <row r="98603" spans="8:8">
      <c r="H98603" s="12"/>
    </row>
    <row r="98604" spans="8:8">
      <c r="H98604" s="12"/>
    </row>
    <row r="98605" spans="8:8">
      <c r="H98605" s="12"/>
    </row>
    <row r="98606" spans="8:8">
      <c r="H98606" s="12"/>
    </row>
    <row r="98607" spans="8:8">
      <c r="H98607" s="12"/>
    </row>
    <row r="98608" spans="8:8">
      <c r="H98608" s="12"/>
    </row>
    <row r="98609" spans="8:8">
      <c r="H98609" s="12"/>
    </row>
    <row r="98610" spans="8:8">
      <c r="H98610" s="12"/>
    </row>
    <row r="98611" spans="8:8">
      <c r="H98611" s="12"/>
    </row>
    <row r="98612" spans="8:8">
      <c r="H98612" s="12"/>
    </row>
    <row r="98613" spans="8:8">
      <c r="H98613" s="12"/>
    </row>
    <row r="98614" spans="8:8">
      <c r="H98614" s="12"/>
    </row>
    <row r="98615" spans="8:8">
      <c r="H98615" s="12"/>
    </row>
    <row r="98616" spans="8:8">
      <c r="H98616" s="12"/>
    </row>
    <row r="98617" spans="8:8">
      <c r="H98617" s="12"/>
    </row>
    <row r="98618" spans="8:8">
      <c r="H98618" s="12"/>
    </row>
    <row r="98619" spans="8:8">
      <c r="H98619" s="12"/>
    </row>
    <row r="98620" spans="8:8">
      <c r="H98620" s="12"/>
    </row>
    <row r="98621" spans="8:8">
      <c r="H98621" s="12"/>
    </row>
    <row r="98622" spans="8:8">
      <c r="H98622" s="12"/>
    </row>
    <row r="98623" spans="8:8">
      <c r="H98623" s="12"/>
    </row>
    <row r="98624" spans="8:8">
      <c r="H98624" s="12"/>
    </row>
    <row r="98625" spans="8:8">
      <c r="H98625" s="12"/>
    </row>
    <row r="98626" spans="8:8">
      <c r="H98626" s="12"/>
    </row>
    <row r="98627" spans="8:8">
      <c r="H98627" s="12"/>
    </row>
    <row r="98628" spans="8:8">
      <c r="H98628" s="12"/>
    </row>
    <row r="98629" spans="8:8">
      <c r="H98629" s="12"/>
    </row>
    <row r="98630" spans="8:8">
      <c r="H98630" s="12"/>
    </row>
    <row r="98631" spans="8:8">
      <c r="H98631" s="12"/>
    </row>
    <row r="98632" spans="8:8">
      <c r="H98632" s="12"/>
    </row>
    <row r="98633" spans="8:8">
      <c r="H98633" s="12"/>
    </row>
    <row r="98634" spans="8:8">
      <c r="H98634" s="12"/>
    </row>
    <row r="98635" spans="8:8">
      <c r="H98635" s="12"/>
    </row>
    <row r="98636" spans="8:8">
      <c r="H98636" s="12"/>
    </row>
    <row r="98637" spans="8:8">
      <c r="H98637" s="12"/>
    </row>
    <row r="98638" spans="8:8">
      <c r="H98638" s="12"/>
    </row>
    <row r="98639" spans="8:8">
      <c r="H98639" s="12"/>
    </row>
    <row r="98640" spans="8:8">
      <c r="H98640" s="12"/>
    </row>
    <row r="98641" spans="8:8">
      <c r="H98641" s="12"/>
    </row>
    <row r="98642" spans="8:8">
      <c r="H98642" s="12"/>
    </row>
    <row r="98643" spans="8:8">
      <c r="H98643" s="12"/>
    </row>
    <row r="98644" spans="8:8">
      <c r="H98644" s="12"/>
    </row>
    <row r="98645" spans="8:8">
      <c r="H98645" s="12"/>
    </row>
    <row r="98646" spans="8:8">
      <c r="H98646" s="12"/>
    </row>
    <row r="98647" spans="8:8">
      <c r="H98647" s="12"/>
    </row>
    <row r="98648" spans="8:8">
      <c r="H98648" s="12"/>
    </row>
    <row r="98649" spans="8:8">
      <c r="H98649" s="12"/>
    </row>
    <row r="98650" spans="8:8">
      <c r="H98650" s="12"/>
    </row>
    <row r="98651" spans="8:8">
      <c r="H98651" s="12"/>
    </row>
    <row r="98652" spans="8:8">
      <c r="H98652" s="12"/>
    </row>
    <row r="98653" spans="8:8">
      <c r="H98653" s="12"/>
    </row>
    <row r="98654" spans="8:8">
      <c r="H98654" s="12"/>
    </row>
    <row r="98655" spans="8:8">
      <c r="H98655" s="12"/>
    </row>
    <row r="98656" spans="8:8">
      <c r="H98656" s="12"/>
    </row>
    <row r="98657" spans="8:8">
      <c r="H98657" s="12"/>
    </row>
    <row r="98658" spans="8:8">
      <c r="H98658" s="12"/>
    </row>
    <row r="98659" spans="8:8">
      <c r="H98659" s="12"/>
    </row>
    <row r="98660" spans="8:8">
      <c r="H98660" s="12"/>
    </row>
    <row r="98661" spans="8:8">
      <c r="H98661" s="12"/>
    </row>
    <row r="98662" spans="8:8">
      <c r="H98662" s="12"/>
    </row>
    <row r="98663" spans="8:8">
      <c r="H98663" s="12"/>
    </row>
    <row r="98664" spans="8:8">
      <c r="H98664" s="12"/>
    </row>
    <row r="98665" spans="8:8">
      <c r="H98665" s="12"/>
    </row>
    <row r="98666" spans="8:8">
      <c r="H98666" s="12"/>
    </row>
    <row r="98667" spans="8:8">
      <c r="H98667" s="12"/>
    </row>
    <row r="98668" spans="8:8">
      <c r="H98668" s="12"/>
    </row>
    <row r="98669" spans="8:8">
      <c r="H98669" s="12"/>
    </row>
    <row r="98670" spans="8:8">
      <c r="H98670" s="12"/>
    </row>
    <row r="98671" spans="8:8">
      <c r="H98671" s="12"/>
    </row>
    <row r="98672" spans="8:8">
      <c r="H98672" s="12"/>
    </row>
    <row r="98673" spans="8:8">
      <c r="H98673" s="12"/>
    </row>
    <row r="98674" spans="8:8">
      <c r="H98674" s="12"/>
    </row>
    <row r="98675" spans="8:8">
      <c r="H98675" s="12"/>
    </row>
    <row r="98676" spans="8:8">
      <c r="H98676" s="12"/>
    </row>
    <row r="98677" spans="8:8">
      <c r="H98677" s="12"/>
    </row>
    <row r="98678" spans="8:8">
      <c r="H98678" s="12"/>
    </row>
    <row r="98679" spans="8:8">
      <c r="H98679" s="12"/>
    </row>
    <row r="98680" spans="8:8">
      <c r="H98680" s="12"/>
    </row>
    <row r="98681" spans="8:8">
      <c r="H98681" s="12"/>
    </row>
    <row r="98682" spans="8:8">
      <c r="H98682" s="12"/>
    </row>
    <row r="98683" spans="8:8">
      <c r="H98683" s="12"/>
    </row>
    <row r="98684" spans="8:8">
      <c r="H98684" s="12"/>
    </row>
    <row r="98685" spans="8:8">
      <c r="H98685" s="12"/>
    </row>
    <row r="98686" spans="8:8">
      <c r="H98686" s="12"/>
    </row>
    <row r="98687" spans="8:8">
      <c r="H98687" s="12"/>
    </row>
    <row r="98688" spans="8:8">
      <c r="H98688" s="12"/>
    </row>
    <row r="98689" spans="8:8">
      <c r="H98689" s="12"/>
    </row>
    <row r="98690" spans="8:8">
      <c r="H98690" s="12"/>
    </row>
    <row r="98691" spans="8:8">
      <c r="H98691" s="12"/>
    </row>
    <row r="98692" spans="8:8">
      <c r="H98692" s="12"/>
    </row>
    <row r="98693" spans="8:8">
      <c r="H98693" s="12"/>
    </row>
    <row r="98694" spans="8:8">
      <c r="H98694" s="12"/>
    </row>
    <row r="98695" spans="8:8">
      <c r="H98695" s="12"/>
    </row>
    <row r="98696" spans="8:8">
      <c r="H98696" s="12"/>
    </row>
    <row r="98697" spans="8:8">
      <c r="H98697" s="12"/>
    </row>
    <row r="98698" spans="8:8">
      <c r="H98698" s="12"/>
    </row>
    <row r="98699" spans="8:8">
      <c r="H98699" s="12"/>
    </row>
    <row r="98700" spans="8:8">
      <c r="H98700" s="12"/>
    </row>
    <row r="98701" spans="8:8">
      <c r="H98701" s="12"/>
    </row>
    <row r="98702" spans="8:8">
      <c r="H98702" s="12"/>
    </row>
    <row r="98703" spans="8:8">
      <c r="H98703" s="12"/>
    </row>
    <row r="98704" spans="8:8">
      <c r="H98704" s="12"/>
    </row>
    <row r="98705" spans="8:8">
      <c r="H98705" s="12"/>
    </row>
    <row r="98706" spans="8:8">
      <c r="H98706" s="12"/>
    </row>
    <row r="98707" spans="8:8">
      <c r="H98707" s="12"/>
    </row>
    <row r="98708" spans="8:8">
      <c r="H98708" s="12"/>
    </row>
    <row r="98709" spans="8:8">
      <c r="H98709" s="12"/>
    </row>
    <row r="98710" spans="8:8">
      <c r="H98710" s="12"/>
    </row>
    <row r="98711" spans="8:8">
      <c r="H98711" s="12"/>
    </row>
    <row r="98712" spans="8:8">
      <c r="H98712" s="12"/>
    </row>
    <row r="98713" spans="8:8">
      <c r="H98713" s="12"/>
    </row>
    <row r="98714" spans="8:8">
      <c r="H98714" s="12"/>
    </row>
    <row r="98715" spans="8:8">
      <c r="H98715" s="12"/>
    </row>
    <row r="98716" spans="8:8">
      <c r="H98716" s="12"/>
    </row>
    <row r="98717" spans="8:8">
      <c r="H98717" s="12"/>
    </row>
    <row r="98718" spans="8:8">
      <c r="H98718" s="12"/>
    </row>
    <row r="98719" spans="8:8">
      <c r="H98719" s="12"/>
    </row>
    <row r="98720" spans="8:8">
      <c r="H98720" s="12"/>
    </row>
    <row r="98721" spans="8:8">
      <c r="H98721" s="12"/>
    </row>
    <row r="98722" spans="8:8">
      <c r="H98722" s="12"/>
    </row>
    <row r="98723" spans="8:8">
      <c r="H98723" s="12"/>
    </row>
    <row r="98724" spans="8:8">
      <c r="H98724" s="12"/>
    </row>
    <row r="98725" spans="8:8">
      <c r="H98725" s="12"/>
    </row>
    <row r="98726" spans="8:8">
      <c r="H98726" s="12"/>
    </row>
    <row r="98727" spans="8:8">
      <c r="H98727" s="12"/>
    </row>
    <row r="98728" spans="8:8">
      <c r="H98728" s="12"/>
    </row>
    <row r="98729" spans="8:8">
      <c r="H98729" s="12"/>
    </row>
    <row r="98730" spans="8:8">
      <c r="H98730" s="12"/>
    </row>
    <row r="98731" spans="8:8">
      <c r="H98731" s="12"/>
    </row>
    <row r="98732" spans="8:8">
      <c r="H98732" s="12"/>
    </row>
    <row r="98733" spans="8:8">
      <c r="H98733" s="12"/>
    </row>
    <row r="98734" spans="8:8">
      <c r="H98734" s="12"/>
    </row>
    <row r="98735" spans="8:8">
      <c r="H98735" s="12"/>
    </row>
    <row r="98736" spans="8:8">
      <c r="H98736" s="12"/>
    </row>
    <row r="98737" spans="8:8">
      <c r="H98737" s="12"/>
    </row>
    <row r="98738" spans="8:8">
      <c r="H98738" s="12"/>
    </row>
    <row r="98739" spans="8:8">
      <c r="H98739" s="12"/>
    </row>
    <row r="98740" spans="8:8">
      <c r="H98740" s="12"/>
    </row>
    <row r="98741" spans="8:8">
      <c r="H98741" s="12"/>
    </row>
    <row r="98742" spans="8:8">
      <c r="H98742" s="12"/>
    </row>
    <row r="98743" spans="8:8">
      <c r="H98743" s="12"/>
    </row>
    <row r="98744" spans="8:8">
      <c r="H98744" s="12"/>
    </row>
    <row r="98745" spans="8:8">
      <c r="H98745" s="12"/>
    </row>
    <row r="98746" spans="8:8">
      <c r="H98746" s="12"/>
    </row>
    <row r="98747" spans="8:8">
      <c r="H98747" s="12"/>
    </row>
    <row r="98748" spans="8:8">
      <c r="H98748" s="12"/>
    </row>
    <row r="98749" spans="8:8">
      <c r="H98749" s="12"/>
    </row>
    <row r="98750" spans="8:8">
      <c r="H98750" s="12"/>
    </row>
    <row r="98751" spans="8:8">
      <c r="H98751" s="12"/>
    </row>
    <row r="98752" spans="8:8">
      <c r="H98752" s="12"/>
    </row>
    <row r="98753" spans="8:8">
      <c r="H98753" s="12"/>
    </row>
    <row r="98754" spans="8:8">
      <c r="H98754" s="12"/>
    </row>
    <row r="98755" spans="8:8">
      <c r="H98755" s="12"/>
    </row>
    <row r="98756" spans="8:8">
      <c r="H98756" s="12"/>
    </row>
    <row r="98757" spans="8:8">
      <c r="H98757" s="12"/>
    </row>
    <row r="98758" spans="8:8">
      <c r="H98758" s="12"/>
    </row>
    <row r="98759" spans="8:8">
      <c r="H98759" s="12"/>
    </row>
    <row r="98760" spans="8:8">
      <c r="H98760" s="12"/>
    </row>
    <row r="98761" spans="8:8">
      <c r="H98761" s="12"/>
    </row>
    <row r="98762" spans="8:8">
      <c r="H98762" s="12"/>
    </row>
    <row r="98763" spans="8:8">
      <c r="H98763" s="12"/>
    </row>
    <row r="98764" spans="8:8">
      <c r="H98764" s="12"/>
    </row>
    <row r="98765" spans="8:8">
      <c r="H98765" s="12"/>
    </row>
    <row r="98766" spans="8:8">
      <c r="H98766" s="12"/>
    </row>
    <row r="98767" spans="8:8">
      <c r="H98767" s="12"/>
    </row>
    <row r="98768" spans="8:8">
      <c r="H98768" s="12"/>
    </row>
    <row r="98769" spans="8:8">
      <c r="H98769" s="12"/>
    </row>
    <row r="98770" spans="8:8">
      <c r="H98770" s="12"/>
    </row>
    <row r="98771" spans="8:8">
      <c r="H98771" s="12"/>
    </row>
    <row r="98772" spans="8:8">
      <c r="H98772" s="12"/>
    </row>
    <row r="98773" spans="8:8">
      <c r="H98773" s="12"/>
    </row>
    <row r="98774" spans="8:8">
      <c r="H98774" s="12"/>
    </row>
    <row r="98775" spans="8:8">
      <c r="H98775" s="12"/>
    </row>
    <row r="98776" spans="8:8">
      <c r="H98776" s="12"/>
    </row>
    <row r="98777" spans="8:8">
      <c r="H98777" s="12"/>
    </row>
    <row r="98778" spans="8:8">
      <c r="H98778" s="12"/>
    </row>
    <row r="98779" spans="8:8">
      <c r="H98779" s="12"/>
    </row>
    <row r="98780" spans="8:8">
      <c r="H98780" s="12"/>
    </row>
    <row r="98781" spans="8:8">
      <c r="H98781" s="12"/>
    </row>
    <row r="98782" spans="8:8">
      <c r="H98782" s="12"/>
    </row>
    <row r="98783" spans="8:8">
      <c r="H98783" s="12"/>
    </row>
    <row r="98784" spans="8:8">
      <c r="H98784" s="12"/>
    </row>
    <row r="98785" spans="8:8">
      <c r="H98785" s="12"/>
    </row>
    <row r="98786" spans="8:8">
      <c r="H98786" s="12"/>
    </row>
    <row r="98787" spans="8:8">
      <c r="H98787" s="12"/>
    </row>
    <row r="98788" spans="8:8">
      <c r="H98788" s="12"/>
    </row>
    <row r="98789" spans="8:8">
      <c r="H98789" s="12"/>
    </row>
    <row r="98790" spans="8:8">
      <c r="H98790" s="12"/>
    </row>
    <row r="98791" spans="8:8">
      <c r="H98791" s="12"/>
    </row>
    <row r="98792" spans="8:8">
      <c r="H98792" s="12"/>
    </row>
    <row r="98793" spans="8:8">
      <c r="H98793" s="12"/>
    </row>
    <row r="98794" spans="8:8">
      <c r="H98794" s="12"/>
    </row>
    <row r="98795" spans="8:8">
      <c r="H98795" s="12"/>
    </row>
    <row r="98796" spans="8:8">
      <c r="H98796" s="12"/>
    </row>
    <row r="98797" spans="8:8">
      <c r="H98797" s="12"/>
    </row>
    <row r="98798" spans="8:8">
      <c r="H98798" s="12"/>
    </row>
    <row r="98799" spans="8:8">
      <c r="H98799" s="12"/>
    </row>
    <row r="98800" spans="8:8">
      <c r="H98800" s="12"/>
    </row>
    <row r="98801" spans="8:8">
      <c r="H98801" s="12"/>
    </row>
    <row r="98802" spans="8:8">
      <c r="H98802" s="12"/>
    </row>
    <row r="98803" spans="8:8">
      <c r="H98803" s="12"/>
    </row>
    <row r="98804" spans="8:8">
      <c r="H98804" s="12"/>
    </row>
    <row r="98805" spans="8:8">
      <c r="H98805" s="12"/>
    </row>
    <row r="98806" spans="8:8">
      <c r="H98806" s="12"/>
    </row>
    <row r="98807" spans="8:8">
      <c r="H98807" s="12"/>
    </row>
    <row r="98808" spans="8:8">
      <c r="H98808" s="12"/>
    </row>
    <row r="98809" spans="8:8">
      <c r="H98809" s="12"/>
    </row>
    <row r="98810" spans="8:8">
      <c r="H98810" s="12"/>
    </row>
    <row r="98811" spans="8:8">
      <c r="H98811" s="12"/>
    </row>
    <row r="98812" spans="8:8">
      <c r="H98812" s="12"/>
    </row>
    <row r="98813" spans="8:8">
      <c r="H98813" s="12"/>
    </row>
    <row r="98814" spans="8:8">
      <c r="H98814" s="12"/>
    </row>
    <row r="98815" spans="8:8">
      <c r="H98815" s="12"/>
    </row>
    <row r="98816" spans="8:8">
      <c r="H98816" s="12"/>
    </row>
    <row r="98817" spans="8:8">
      <c r="H98817" s="12"/>
    </row>
    <row r="98818" spans="8:8">
      <c r="H98818" s="12"/>
    </row>
    <row r="98819" spans="8:8">
      <c r="H98819" s="12"/>
    </row>
    <row r="98820" spans="8:8">
      <c r="H98820" s="12"/>
    </row>
    <row r="98821" spans="8:8">
      <c r="H98821" s="12"/>
    </row>
    <row r="98822" spans="8:8">
      <c r="H98822" s="12"/>
    </row>
    <row r="98823" spans="8:8">
      <c r="H98823" s="12"/>
    </row>
    <row r="98824" spans="8:8">
      <c r="H98824" s="12"/>
    </row>
    <row r="98825" spans="8:8">
      <c r="H98825" s="12"/>
    </row>
    <row r="98826" spans="8:8">
      <c r="H98826" s="12"/>
    </row>
    <row r="98827" spans="8:8">
      <c r="H98827" s="12"/>
    </row>
    <row r="98828" spans="8:8">
      <c r="H98828" s="12"/>
    </row>
    <row r="98829" spans="8:8">
      <c r="H98829" s="12"/>
    </row>
    <row r="98830" spans="8:8">
      <c r="H98830" s="12"/>
    </row>
    <row r="98831" spans="8:8">
      <c r="H98831" s="12"/>
    </row>
    <row r="98832" spans="8:8">
      <c r="H98832" s="12"/>
    </row>
    <row r="98833" spans="8:8">
      <c r="H98833" s="12"/>
    </row>
    <row r="98834" spans="8:8">
      <c r="H98834" s="12"/>
    </row>
    <row r="98835" spans="8:8">
      <c r="H98835" s="12"/>
    </row>
    <row r="98836" spans="8:8">
      <c r="H98836" s="12"/>
    </row>
    <row r="98837" spans="8:8">
      <c r="H98837" s="12"/>
    </row>
    <row r="98838" spans="8:8">
      <c r="H98838" s="12"/>
    </row>
    <row r="98839" spans="8:8">
      <c r="H98839" s="12"/>
    </row>
    <row r="98840" spans="8:8">
      <c r="H98840" s="12"/>
    </row>
    <row r="98841" spans="8:8">
      <c r="H98841" s="12"/>
    </row>
    <row r="98842" spans="8:8">
      <c r="H98842" s="12"/>
    </row>
    <row r="98843" spans="8:8">
      <c r="H98843" s="12"/>
    </row>
    <row r="98844" spans="8:8">
      <c r="H98844" s="12"/>
    </row>
    <row r="98845" spans="8:8">
      <c r="H98845" s="12"/>
    </row>
    <row r="98846" spans="8:8">
      <c r="H98846" s="12"/>
    </row>
    <row r="98847" spans="8:8">
      <c r="H98847" s="12"/>
    </row>
    <row r="98848" spans="8:8">
      <c r="H98848" s="12"/>
    </row>
    <row r="98849" spans="8:8">
      <c r="H98849" s="12"/>
    </row>
    <row r="98850" spans="8:8">
      <c r="H98850" s="12"/>
    </row>
    <row r="98851" spans="8:8">
      <c r="H98851" s="12"/>
    </row>
    <row r="98852" spans="8:8">
      <c r="H98852" s="12"/>
    </row>
    <row r="98853" spans="8:8">
      <c r="H98853" s="12"/>
    </row>
    <row r="98854" spans="8:8">
      <c r="H98854" s="12"/>
    </row>
    <row r="98855" spans="8:8">
      <c r="H98855" s="12"/>
    </row>
    <row r="98856" spans="8:8">
      <c r="H98856" s="12"/>
    </row>
    <row r="98857" spans="8:8">
      <c r="H98857" s="12"/>
    </row>
    <row r="98858" spans="8:8">
      <c r="H98858" s="12"/>
    </row>
    <row r="98859" spans="8:8">
      <c r="H98859" s="12"/>
    </row>
    <row r="98860" spans="8:8">
      <c r="H98860" s="12"/>
    </row>
    <row r="98861" spans="8:8">
      <c r="H98861" s="12"/>
    </row>
    <row r="98862" spans="8:8">
      <c r="H98862" s="12"/>
    </row>
    <row r="98863" spans="8:8">
      <c r="H98863" s="12"/>
    </row>
    <row r="98864" spans="8:8">
      <c r="H98864" s="12"/>
    </row>
    <row r="98865" spans="8:8">
      <c r="H98865" s="12"/>
    </row>
    <row r="98866" spans="8:8">
      <c r="H98866" s="12"/>
    </row>
    <row r="98867" spans="8:8">
      <c r="H98867" s="12"/>
    </row>
    <row r="98868" spans="8:8">
      <c r="H98868" s="12"/>
    </row>
    <row r="98869" spans="8:8">
      <c r="H98869" s="12"/>
    </row>
    <row r="98870" spans="8:8">
      <c r="H98870" s="12"/>
    </row>
    <row r="98871" spans="8:8">
      <c r="H98871" s="12"/>
    </row>
    <row r="98872" spans="8:8">
      <c r="H98872" s="12"/>
    </row>
    <row r="98873" spans="8:8">
      <c r="H98873" s="12"/>
    </row>
    <row r="98874" spans="8:8">
      <c r="H98874" s="12"/>
    </row>
    <row r="98875" spans="8:8">
      <c r="H98875" s="12"/>
    </row>
    <row r="98876" spans="8:8">
      <c r="H98876" s="12"/>
    </row>
    <row r="98877" spans="8:8">
      <c r="H98877" s="12"/>
    </row>
    <row r="98878" spans="8:8">
      <c r="H98878" s="12"/>
    </row>
    <row r="98879" spans="8:8">
      <c r="H98879" s="12"/>
    </row>
    <row r="98880" spans="8:8">
      <c r="H98880" s="12"/>
    </row>
    <row r="98881" spans="8:8">
      <c r="H98881" s="12"/>
    </row>
    <row r="98882" spans="8:8">
      <c r="H98882" s="12"/>
    </row>
    <row r="98883" spans="8:8">
      <c r="H98883" s="12"/>
    </row>
    <row r="98884" spans="8:8">
      <c r="H98884" s="12"/>
    </row>
    <row r="98885" spans="8:8">
      <c r="H98885" s="12"/>
    </row>
    <row r="98886" spans="8:8">
      <c r="H98886" s="12"/>
    </row>
    <row r="98887" spans="8:8">
      <c r="H98887" s="12"/>
    </row>
    <row r="98888" spans="8:8">
      <c r="H98888" s="12"/>
    </row>
    <row r="98889" spans="8:8">
      <c r="H98889" s="12"/>
    </row>
    <row r="98890" spans="8:8">
      <c r="H98890" s="12"/>
    </row>
    <row r="98891" spans="8:8">
      <c r="H98891" s="12"/>
    </row>
    <row r="98892" spans="8:8">
      <c r="H98892" s="12"/>
    </row>
    <row r="98893" spans="8:8">
      <c r="H98893" s="12"/>
    </row>
    <row r="98894" spans="8:8">
      <c r="H98894" s="12"/>
    </row>
    <row r="98895" spans="8:8">
      <c r="H98895" s="12"/>
    </row>
    <row r="98896" spans="8:8">
      <c r="H98896" s="12"/>
    </row>
    <row r="98897" spans="8:8">
      <c r="H98897" s="12"/>
    </row>
    <row r="98898" spans="8:8">
      <c r="H98898" s="12"/>
    </row>
    <row r="98899" spans="8:8">
      <c r="H98899" s="12"/>
    </row>
    <row r="98900" spans="8:8">
      <c r="H98900" s="12"/>
    </row>
    <row r="98901" spans="8:8">
      <c r="H98901" s="12"/>
    </row>
    <row r="98902" spans="8:8">
      <c r="H98902" s="12"/>
    </row>
    <row r="98903" spans="8:8">
      <c r="H98903" s="12"/>
    </row>
    <row r="98904" spans="8:8">
      <c r="H98904" s="12"/>
    </row>
    <row r="98905" spans="8:8">
      <c r="H98905" s="12"/>
    </row>
    <row r="98906" spans="8:8">
      <c r="H98906" s="12"/>
    </row>
    <row r="98907" spans="8:8">
      <c r="H98907" s="12"/>
    </row>
    <row r="98908" spans="8:8">
      <c r="H98908" s="12"/>
    </row>
    <row r="98909" spans="8:8">
      <c r="H98909" s="12"/>
    </row>
    <row r="98910" spans="8:8">
      <c r="H98910" s="12"/>
    </row>
    <row r="98911" spans="8:8">
      <c r="H98911" s="12"/>
    </row>
    <row r="98912" spans="8:8">
      <c r="H98912" s="12"/>
    </row>
    <row r="98913" spans="8:8">
      <c r="H98913" s="12"/>
    </row>
    <row r="98914" spans="8:8">
      <c r="H98914" s="12"/>
    </row>
    <row r="98915" spans="8:8">
      <c r="H98915" s="12"/>
    </row>
    <row r="98916" spans="8:8">
      <c r="H98916" s="12"/>
    </row>
    <row r="98917" spans="8:8">
      <c r="H98917" s="12"/>
    </row>
    <row r="98918" spans="8:8">
      <c r="H98918" s="12"/>
    </row>
    <row r="98919" spans="8:8">
      <c r="H98919" s="12"/>
    </row>
    <row r="98920" spans="8:8">
      <c r="H98920" s="12"/>
    </row>
    <row r="98921" spans="8:8">
      <c r="H98921" s="12"/>
    </row>
    <row r="98922" spans="8:8">
      <c r="H98922" s="12"/>
    </row>
    <row r="98923" spans="8:8">
      <c r="H98923" s="12"/>
    </row>
    <row r="98924" spans="8:8">
      <c r="H98924" s="12"/>
    </row>
    <row r="98925" spans="8:8">
      <c r="H98925" s="12"/>
    </row>
    <row r="98926" spans="8:8">
      <c r="H98926" s="12"/>
    </row>
    <row r="98927" spans="8:8">
      <c r="H98927" s="12"/>
    </row>
    <row r="98928" spans="8:8">
      <c r="H98928" s="12"/>
    </row>
    <row r="98929" spans="8:8">
      <c r="H98929" s="12"/>
    </row>
    <row r="98930" spans="8:8">
      <c r="H98930" s="12"/>
    </row>
    <row r="98931" spans="8:8">
      <c r="H98931" s="12"/>
    </row>
    <row r="98932" spans="8:8">
      <c r="H98932" s="12"/>
    </row>
    <row r="98933" spans="8:8">
      <c r="H98933" s="12"/>
    </row>
    <row r="98934" spans="8:8">
      <c r="H98934" s="12"/>
    </row>
    <row r="98935" spans="8:8">
      <c r="H98935" s="12"/>
    </row>
    <row r="98936" spans="8:8">
      <c r="H98936" s="12"/>
    </row>
    <row r="98937" spans="8:8">
      <c r="H98937" s="12"/>
    </row>
    <row r="98938" spans="8:8">
      <c r="H98938" s="12"/>
    </row>
    <row r="98939" spans="8:8">
      <c r="H98939" s="12"/>
    </row>
    <row r="98940" spans="8:8">
      <c r="H98940" s="12"/>
    </row>
    <row r="98941" spans="8:8">
      <c r="H98941" s="12"/>
    </row>
    <row r="98942" spans="8:8">
      <c r="H98942" s="12"/>
    </row>
    <row r="98943" spans="8:8">
      <c r="H98943" s="12"/>
    </row>
    <row r="98944" spans="8:8">
      <c r="H98944" s="12"/>
    </row>
    <row r="98945" spans="8:8">
      <c r="H98945" s="12"/>
    </row>
    <row r="98946" spans="8:8">
      <c r="H98946" s="12"/>
    </row>
    <row r="98947" spans="8:8">
      <c r="H98947" s="12"/>
    </row>
    <row r="98948" spans="8:8">
      <c r="H98948" s="12"/>
    </row>
    <row r="98949" spans="8:8">
      <c r="H98949" s="12"/>
    </row>
    <row r="98950" spans="8:8">
      <c r="H98950" s="12"/>
    </row>
    <row r="98951" spans="8:8">
      <c r="H98951" s="12"/>
    </row>
    <row r="98952" spans="8:8">
      <c r="H98952" s="12"/>
    </row>
    <row r="98953" spans="8:8">
      <c r="H98953" s="12"/>
    </row>
    <row r="98954" spans="8:8">
      <c r="H98954" s="12"/>
    </row>
    <row r="98955" spans="8:8">
      <c r="H98955" s="12"/>
    </row>
    <row r="98956" spans="8:8">
      <c r="H98956" s="12"/>
    </row>
    <row r="98957" spans="8:8">
      <c r="H98957" s="12"/>
    </row>
    <row r="98958" spans="8:8">
      <c r="H98958" s="12"/>
    </row>
    <row r="98959" spans="8:8">
      <c r="H98959" s="12"/>
    </row>
    <row r="98960" spans="8:8">
      <c r="H98960" s="12"/>
    </row>
    <row r="98961" spans="8:8">
      <c r="H98961" s="12"/>
    </row>
    <row r="98962" spans="8:8">
      <c r="H98962" s="12"/>
    </row>
    <row r="98963" spans="8:8">
      <c r="H98963" s="12"/>
    </row>
    <row r="98964" spans="8:8">
      <c r="H98964" s="12"/>
    </row>
    <row r="98965" spans="8:8">
      <c r="H98965" s="12"/>
    </row>
    <row r="98966" spans="8:8">
      <c r="H98966" s="12"/>
    </row>
    <row r="98967" spans="8:8">
      <c r="H98967" s="12"/>
    </row>
    <row r="98968" spans="8:8">
      <c r="H98968" s="12"/>
    </row>
    <row r="98969" spans="8:8">
      <c r="H98969" s="12"/>
    </row>
    <row r="98970" spans="8:8">
      <c r="H98970" s="12"/>
    </row>
    <row r="98971" spans="8:8">
      <c r="H98971" s="12"/>
    </row>
    <row r="98972" spans="8:8">
      <c r="H98972" s="12"/>
    </row>
    <row r="98973" spans="8:8">
      <c r="H98973" s="12"/>
    </row>
    <row r="98974" spans="8:8">
      <c r="H98974" s="12"/>
    </row>
    <row r="98975" spans="8:8">
      <c r="H98975" s="12"/>
    </row>
    <row r="98976" spans="8:8">
      <c r="H98976" s="12"/>
    </row>
    <row r="98977" spans="8:8">
      <c r="H98977" s="12"/>
    </row>
    <row r="98978" spans="8:8">
      <c r="H98978" s="12"/>
    </row>
    <row r="98979" spans="8:8">
      <c r="H98979" s="12"/>
    </row>
    <row r="98980" spans="8:8">
      <c r="H98980" s="12"/>
    </row>
    <row r="98981" spans="8:8">
      <c r="H98981" s="12"/>
    </row>
    <row r="98982" spans="8:8">
      <c r="H98982" s="12"/>
    </row>
    <row r="98983" spans="8:8">
      <c r="H98983" s="12"/>
    </row>
    <row r="98984" spans="8:8">
      <c r="H98984" s="12"/>
    </row>
    <row r="98985" spans="8:8">
      <c r="H98985" s="12"/>
    </row>
    <row r="98986" spans="8:8">
      <c r="H98986" s="12"/>
    </row>
    <row r="98987" spans="8:8">
      <c r="H98987" s="12"/>
    </row>
    <row r="98988" spans="8:8">
      <c r="H98988" s="12"/>
    </row>
    <row r="98989" spans="8:8">
      <c r="H98989" s="12"/>
    </row>
    <row r="98990" spans="8:8">
      <c r="H98990" s="12"/>
    </row>
    <row r="98991" spans="8:8">
      <c r="H98991" s="12"/>
    </row>
    <row r="98992" spans="8:8">
      <c r="H98992" s="12"/>
    </row>
    <row r="98993" spans="8:8">
      <c r="H98993" s="12"/>
    </row>
    <row r="98994" spans="8:8">
      <c r="H98994" s="12"/>
    </row>
    <row r="98995" spans="8:8">
      <c r="H98995" s="12"/>
    </row>
    <row r="98996" spans="8:8">
      <c r="H98996" s="12"/>
    </row>
    <row r="98997" spans="8:8">
      <c r="H98997" s="12"/>
    </row>
    <row r="98998" spans="8:8">
      <c r="H98998" s="12"/>
    </row>
    <row r="98999" spans="8:8">
      <c r="H98999" s="12"/>
    </row>
    <row r="99000" spans="8:8">
      <c r="H99000" s="12"/>
    </row>
    <row r="99001" spans="8:8">
      <c r="H99001" s="12"/>
    </row>
    <row r="99002" spans="8:8">
      <c r="H99002" s="12"/>
    </row>
    <row r="99003" spans="8:8">
      <c r="H99003" s="12"/>
    </row>
    <row r="99004" spans="8:8">
      <c r="H99004" s="12"/>
    </row>
    <row r="99005" spans="8:8">
      <c r="H99005" s="12"/>
    </row>
    <row r="99006" spans="8:8">
      <c r="H99006" s="12"/>
    </row>
    <row r="99007" spans="8:8">
      <c r="H99007" s="12"/>
    </row>
    <row r="99008" spans="8:8">
      <c r="H99008" s="12"/>
    </row>
    <row r="99009" spans="8:8">
      <c r="H99009" s="12"/>
    </row>
    <row r="99010" spans="8:8">
      <c r="H99010" s="12"/>
    </row>
    <row r="99011" spans="8:8">
      <c r="H99011" s="12"/>
    </row>
    <row r="99012" spans="8:8">
      <c r="H99012" s="12"/>
    </row>
    <row r="99013" spans="8:8">
      <c r="H99013" s="12"/>
    </row>
    <row r="99014" spans="8:8">
      <c r="H99014" s="12"/>
    </row>
    <row r="99015" spans="8:8">
      <c r="H99015" s="12"/>
    </row>
    <row r="99016" spans="8:8">
      <c r="H99016" s="12"/>
    </row>
    <row r="99017" spans="8:8">
      <c r="H99017" s="12"/>
    </row>
    <row r="99018" spans="8:8">
      <c r="H99018" s="12"/>
    </row>
    <row r="99019" spans="8:8">
      <c r="H99019" s="12"/>
    </row>
    <row r="99020" spans="8:8">
      <c r="H99020" s="12"/>
    </row>
    <row r="99021" spans="8:8">
      <c r="H99021" s="12"/>
    </row>
    <row r="99022" spans="8:8">
      <c r="H99022" s="12"/>
    </row>
    <row r="99023" spans="8:8">
      <c r="H99023" s="12"/>
    </row>
    <row r="99024" spans="8:8">
      <c r="H99024" s="12"/>
    </row>
    <row r="99025" spans="8:8">
      <c r="H99025" s="12"/>
    </row>
    <row r="99026" spans="8:8">
      <c r="H99026" s="12"/>
    </row>
    <row r="99027" spans="8:8">
      <c r="H99027" s="12"/>
    </row>
    <row r="99028" spans="8:8">
      <c r="H99028" s="12"/>
    </row>
    <row r="99029" spans="8:8">
      <c r="H99029" s="12"/>
    </row>
    <row r="99030" spans="8:8">
      <c r="H99030" s="12"/>
    </row>
    <row r="99031" spans="8:8">
      <c r="H99031" s="12"/>
    </row>
    <row r="99032" spans="8:8">
      <c r="H99032" s="12"/>
    </row>
    <row r="99033" spans="8:8">
      <c r="H99033" s="12"/>
    </row>
    <row r="99034" spans="8:8">
      <c r="H99034" s="12"/>
    </row>
    <row r="99035" spans="8:8">
      <c r="H99035" s="12"/>
    </row>
    <row r="99036" spans="8:8">
      <c r="H99036" s="12"/>
    </row>
    <row r="99037" spans="8:8">
      <c r="H99037" s="12"/>
    </row>
    <row r="99038" spans="8:8">
      <c r="H99038" s="12"/>
    </row>
    <row r="99039" spans="8:8">
      <c r="H99039" s="12"/>
    </row>
    <row r="99040" spans="8:8">
      <c r="H99040" s="12"/>
    </row>
    <row r="99041" spans="8:8">
      <c r="H99041" s="12"/>
    </row>
    <row r="99042" spans="8:8">
      <c r="H99042" s="12"/>
    </row>
    <row r="99043" spans="8:8">
      <c r="H99043" s="12"/>
    </row>
    <row r="99044" spans="8:8">
      <c r="H99044" s="12"/>
    </row>
    <row r="99045" spans="8:8">
      <c r="H99045" s="12"/>
    </row>
    <row r="99046" spans="8:8">
      <c r="H99046" s="12"/>
    </row>
    <row r="99047" spans="8:8">
      <c r="H99047" s="12"/>
    </row>
    <row r="99048" spans="8:8">
      <c r="H99048" s="12"/>
    </row>
    <row r="99049" spans="8:8">
      <c r="H99049" s="12"/>
    </row>
    <row r="99050" spans="8:8">
      <c r="H99050" s="12"/>
    </row>
    <row r="99051" spans="8:8">
      <c r="H99051" s="12"/>
    </row>
    <row r="99052" spans="8:8">
      <c r="H99052" s="12"/>
    </row>
    <row r="99053" spans="8:8">
      <c r="H99053" s="12"/>
    </row>
    <row r="99054" spans="8:8">
      <c r="H99054" s="12"/>
    </row>
    <row r="99055" spans="8:8">
      <c r="H99055" s="12"/>
    </row>
    <row r="99056" spans="8:8">
      <c r="H99056" s="12"/>
    </row>
    <row r="99057" spans="8:8">
      <c r="H99057" s="12"/>
    </row>
    <row r="99058" spans="8:8">
      <c r="H99058" s="12"/>
    </row>
    <row r="99059" spans="8:8">
      <c r="H99059" s="12"/>
    </row>
    <row r="99060" spans="8:8">
      <c r="H99060" s="12"/>
    </row>
    <row r="99061" spans="8:8">
      <c r="H99061" s="12"/>
    </row>
    <row r="99062" spans="8:8">
      <c r="H99062" s="12"/>
    </row>
    <row r="99063" spans="8:8">
      <c r="H99063" s="12"/>
    </row>
    <row r="99064" spans="8:8">
      <c r="H99064" s="12"/>
    </row>
    <row r="99065" spans="8:8">
      <c r="H99065" s="12"/>
    </row>
    <row r="99066" spans="8:8">
      <c r="H99066" s="12"/>
    </row>
    <row r="99067" spans="8:8">
      <c r="H99067" s="12"/>
    </row>
    <row r="99068" spans="8:8">
      <c r="H99068" s="12"/>
    </row>
    <row r="99069" spans="8:8">
      <c r="H99069" s="12"/>
    </row>
    <row r="99070" spans="8:8">
      <c r="H99070" s="12"/>
    </row>
    <row r="99071" spans="8:8">
      <c r="H99071" s="12"/>
    </row>
    <row r="99072" spans="8:8">
      <c r="H99072" s="12"/>
    </row>
    <row r="99073" spans="8:8">
      <c r="H99073" s="12"/>
    </row>
    <row r="99074" spans="8:8">
      <c r="H99074" s="12"/>
    </row>
    <row r="99075" spans="8:8">
      <c r="H99075" s="12"/>
    </row>
    <row r="99076" spans="8:8">
      <c r="H99076" s="12"/>
    </row>
    <row r="99077" spans="8:8">
      <c r="H99077" s="12"/>
    </row>
    <row r="99078" spans="8:8">
      <c r="H99078" s="12"/>
    </row>
    <row r="99079" spans="8:8">
      <c r="H99079" s="12"/>
    </row>
    <row r="99080" spans="8:8">
      <c r="H99080" s="12"/>
    </row>
    <row r="99081" spans="8:8">
      <c r="H99081" s="12"/>
    </row>
    <row r="99082" spans="8:8">
      <c r="H99082" s="12"/>
    </row>
    <row r="99083" spans="8:8">
      <c r="H99083" s="12"/>
    </row>
    <row r="99084" spans="8:8">
      <c r="H99084" s="12"/>
    </row>
    <row r="99085" spans="8:8">
      <c r="H99085" s="12"/>
    </row>
    <row r="99086" spans="8:8">
      <c r="H99086" s="12"/>
    </row>
    <row r="99087" spans="8:8">
      <c r="H99087" s="12"/>
    </row>
    <row r="99088" spans="8:8">
      <c r="H99088" s="12"/>
    </row>
    <row r="99089" spans="8:8">
      <c r="H99089" s="12"/>
    </row>
    <row r="99090" spans="8:8">
      <c r="H99090" s="12"/>
    </row>
    <row r="99091" spans="8:8">
      <c r="H99091" s="12"/>
    </row>
    <row r="99092" spans="8:8">
      <c r="H99092" s="12"/>
    </row>
    <row r="99093" spans="8:8">
      <c r="H99093" s="12"/>
    </row>
    <row r="99094" spans="8:8">
      <c r="H99094" s="12"/>
    </row>
    <row r="99095" spans="8:8">
      <c r="H99095" s="12"/>
    </row>
    <row r="99096" spans="8:8">
      <c r="H99096" s="12"/>
    </row>
    <row r="99097" spans="8:8">
      <c r="H99097" s="12"/>
    </row>
    <row r="99098" spans="8:8">
      <c r="H99098" s="12"/>
    </row>
    <row r="99099" spans="8:8">
      <c r="H99099" s="12"/>
    </row>
    <row r="99100" spans="8:8">
      <c r="H99100" s="12"/>
    </row>
    <row r="99101" spans="8:8">
      <c r="H99101" s="12"/>
    </row>
    <row r="99102" spans="8:8">
      <c r="H99102" s="12"/>
    </row>
    <row r="99103" spans="8:8">
      <c r="H99103" s="12"/>
    </row>
    <row r="99104" spans="8:8">
      <c r="H99104" s="12"/>
    </row>
    <row r="99105" spans="8:8">
      <c r="H99105" s="12"/>
    </row>
    <row r="99106" spans="8:8">
      <c r="H99106" s="12"/>
    </row>
    <row r="99107" spans="8:8">
      <c r="H99107" s="12"/>
    </row>
    <row r="99108" spans="8:8">
      <c r="H99108" s="12"/>
    </row>
    <row r="99109" spans="8:8">
      <c r="H99109" s="12"/>
    </row>
    <row r="99110" spans="8:8">
      <c r="H99110" s="12"/>
    </row>
    <row r="99111" spans="8:8">
      <c r="H99111" s="12"/>
    </row>
    <row r="99112" spans="8:8">
      <c r="H99112" s="12"/>
    </row>
    <row r="99113" spans="8:8">
      <c r="H99113" s="12"/>
    </row>
    <row r="99114" spans="8:8">
      <c r="H99114" s="12"/>
    </row>
    <row r="99115" spans="8:8">
      <c r="H99115" s="12"/>
    </row>
    <row r="99116" spans="8:8">
      <c r="H99116" s="12"/>
    </row>
    <row r="99117" spans="8:8">
      <c r="H99117" s="12"/>
    </row>
    <row r="99118" spans="8:8">
      <c r="H99118" s="12"/>
    </row>
    <row r="99119" spans="8:8">
      <c r="H99119" s="12"/>
    </row>
    <row r="99120" spans="8:8">
      <c r="H99120" s="12"/>
    </row>
    <row r="99121" spans="8:8">
      <c r="H99121" s="12"/>
    </row>
    <row r="99122" spans="8:8">
      <c r="H99122" s="12"/>
    </row>
    <row r="99123" spans="8:8">
      <c r="H99123" s="12"/>
    </row>
    <row r="99124" spans="8:8">
      <c r="H99124" s="12"/>
    </row>
    <row r="99125" spans="8:8">
      <c r="H99125" s="12"/>
    </row>
    <row r="99126" spans="8:8">
      <c r="H99126" s="12"/>
    </row>
    <row r="99127" spans="8:8">
      <c r="H99127" s="12"/>
    </row>
    <row r="99128" spans="8:8">
      <c r="H99128" s="12"/>
    </row>
    <row r="99129" spans="8:8">
      <c r="H99129" s="12"/>
    </row>
    <row r="99130" spans="8:8">
      <c r="H99130" s="12"/>
    </row>
    <row r="99131" spans="8:8">
      <c r="H99131" s="12"/>
    </row>
    <row r="99132" spans="8:8">
      <c r="H99132" s="12"/>
    </row>
    <row r="99133" spans="8:8">
      <c r="H99133" s="12"/>
    </row>
    <row r="99134" spans="8:8">
      <c r="H99134" s="12"/>
    </row>
    <row r="99135" spans="8:8">
      <c r="H99135" s="12"/>
    </row>
    <row r="99136" spans="8:8">
      <c r="H99136" s="12"/>
    </row>
    <row r="99137" spans="8:8">
      <c r="H99137" s="12"/>
    </row>
    <row r="99138" spans="8:8">
      <c r="H99138" s="12"/>
    </row>
    <row r="99139" spans="8:8">
      <c r="H99139" s="12"/>
    </row>
    <row r="99140" spans="8:8">
      <c r="H99140" s="12"/>
    </row>
    <row r="99141" spans="8:8">
      <c r="H99141" s="12"/>
    </row>
    <row r="99142" spans="8:8">
      <c r="H99142" s="12"/>
    </row>
    <row r="99143" spans="8:8">
      <c r="H99143" s="12"/>
    </row>
    <row r="99144" spans="8:8">
      <c r="H99144" s="12"/>
    </row>
    <row r="99145" spans="8:8">
      <c r="H99145" s="12"/>
    </row>
    <row r="99146" spans="8:8">
      <c r="H99146" s="12"/>
    </row>
    <row r="99147" spans="8:8">
      <c r="H99147" s="12"/>
    </row>
    <row r="99148" spans="8:8">
      <c r="H99148" s="12"/>
    </row>
    <row r="99149" spans="8:8">
      <c r="H99149" s="12"/>
    </row>
    <row r="99150" spans="8:8">
      <c r="H99150" s="12"/>
    </row>
    <row r="99151" spans="8:8">
      <c r="H99151" s="12"/>
    </row>
    <row r="99152" spans="8:8">
      <c r="H99152" s="12"/>
    </row>
    <row r="99153" spans="8:8">
      <c r="H99153" s="12"/>
    </row>
    <row r="99154" spans="8:8">
      <c r="H99154" s="12"/>
    </row>
    <row r="99155" spans="8:8">
      <c r="H99155" s="12"/>
    </row>
    <row r="99156" spans="8:8">
      <c r="H99156" s="12"/>
    </row>
    <row r="99157" spans="8:8">
      <c r="H99157" s="12"/>
    </row>
    <row r="99158" spans="8:8">
      <c r="H99158" s="12"/>
    </row>
    <row r="99159" spans="8:8">
      <c r="H99159" s="12"/>
    </row>
    <row r="99160" spans="8:8">
      <c r="H99160" s="12"/>
    </row>
    <row r="99161" spans="8:8">
      <c r="H99161" s="12"/>
    </row>
    <row r="99162" spans="8:8">
      <c r="H99162" s="12"/>
    </row>
    <row r="99163" spans="8:8">
      <c r="H99163" s="12"/>
    </row>
    <row r="99164" spans="8:8">
      <c r="H99164" s="12"/>
    </row>
    <row r="99165" spans="8:8">
      <c r="H99165" s="12"/>
    </row>
    <row r="99166" spans="8:8">
      <c r="H99166" s="12"/>
    </row>
    <row r="99167" spans="8:8">
      <c r="H99167" s="12"/>
    </row>
    <row r="99168" spans="8:8">
      <c r="H99168" s="12"/>
    </row>
    <row r="99169" spans="8:8">
      <c r="H99169" s="12"/>
    </row>
    <row r="99170" spans="8:8">
      <c r="H99170" s="12"/>
    </row>
    <row r="99171" spans="8:8">
      <c r="H99171" s="12"/>
    </row>
    <row r="99172" spans="8:8">
      <c r="H99172" s="12"/>
    </row>
    <row r="99173" spans="8:8">
      <c r="H99173" s="12"/>
    </row>
    <row r="99174" spans="8:8">
      <c r="H99174" s="12"/>
    </row>
    <row r="99175" spans="8:8">
      <c r="H99175" s="12"/>
    </row>
    <row r="99176" spans="8:8">
      <c r="H99176" s="12"/>
    </row>
    <row r="99177" spans="8:8">
      <c r="H99177" s="12"/>
    </row>
    <row r="99178" spans="8:8">
      <c r="H99178" s="12"/>
    </row>
    <row r="99179" spans="8:8">
      <c r="H99179" s="12"/>
    </row>
    <row r="99180" spans="8:8">
      <c r="H99180" s="12"/>
    </row>
    <row r="99181" spans="8:8">
      <c r="H99181" s="12"/>
    </row>
    <row r="99182" spans="8:8">
      <c r="H99182" s="12"/>
    </row>
    <row r="99183" spans="8:8">
      <c r="H99183" s="12"/>
    </row>
    <row r="99184" spans="8:8">
      <c r="H99184" s="12"/>
    </row>
    <row r="99185" spans="8:8">
      <c r="H99185" s="12"/>
    </row>
    <row r="99186" spans="8:8">
      <c r="H99186" s="12"/>
    </row>
    <row r="99187" spans="8:8">
      <c r="H99187" s="12"/>
    </row>
    <row r="99188" spans="8:8">
      <c r="H99188" s="12"/>
    </row>
    <row r="99189" spans="8:8">
      <c r="H99189" s="12"/>
    </row>
    <row r="99190" spans="8:8">
      <c r="H99190" s="12"/>
    </row>
    <row r="99191" spans="8:8">
      <c r="H99191" s="12"/>
    </row>
    <row r="99192" spans="8:8">
      <c r="H99192" s="12"/>
    </row>
    <row r="99193" spans="8:8">
      <c r="H99193" s="12"/>
    </row>
    <row r="99194" spans="8:8">
      <c r="H99194" s="12"/>
    </row>
    <row r="99195" spans="8:8">
      <c r="H99195" s="12"/>
    </row>
    <row r="99196" spans="8:8">
      <c r="H99196" s="12"/>
    </row>
    <row r="99197" spans="8:8">
      <c r="H99197" s="12"/>
    </row>
    <row r="99198" spans="8:8">
      <c r="H99198" s="12"/>
    </row>
    <row r="99199" spans="8:8">
      <c r="H99199" s="12"/>
    </row>
    <row r="99200" spans="8:8">
      <c r="H99200" s="12"/>
    </row>
    <row r="99201" spans="8:8">
      <c r="H99201" s="12"/>
    </row>
    <row r="99202" spans="8:8">
      <c r="H99202" s="12"/>
    </row>
    <row r="99203" spans="8:8">
      <c r="H99203" s="12"/>
    </row>
    <row r="99204" spans="8:8">
      <c r="H99204" s="12"/>
    </row>
    <row r="99205" spans="8:8">
      <c r="H99205" s="12"/>
    </row>
    <row r="99206" spans="8:8">
      <c r="H99206" s="12"/>
    </row>
    <row r="99207" spans="8:8">
      <c r="H99207" s="12"/>
    </row>
    <row r="99208" spans="8:8">
      <c r="H99208" s="12"/>
    </row>
    <row r="99209" spans="8:8">
      <c r="H99209" s="12"/>
    </row>
    <row r="99210" spans="8:8">
      <c r="H99210" s="12"/>
    </row>
    <row r="99211" spans="8:8">
      <c r="H99211" s="12"/>
    </row>
    <row r="99212" spans="8:8">
      <c r="H99212" s="12"/>
    </row>
    <row r="99213" spans="8:8">
      <c r="H99213" s="12"/>
    </row>
    <row r="99214" spans="8:8">
      <c r="H99214" s="12"/>
    </row>
    <row r="99215" spans="8:8">
      <c r="H99215" s="12"/>
    </row>
    <row r="99216" spans="8:8">
      <c r="H99216" s="12"/>
    </row>
    <row r="99217" spans="8:8">
      <c r="H99217" s="12"/>
    </row>
    <row r="99218" spans="8:8">
      <c r="H99218" s="12"/>
    </row>
    <row r="99219" spans="8:8">
      <c r="H99219" s="12"/>
    </row>
    <row r="99220" spans="8:8">
      <c r="H99220" s="12"/>
    </row>
    <row r="99221" spans="8:8">
      <c r="H99221" s="12"/>
    </row>
    <row r="99222" spans="8:8">
      <c r="H99222" s="12"/>
    </row>
    <row r="99223" spans="8:8">
      <c r="H99223" s="12"/>
    </row>
    <row r="99224" spans="8:8">
      <c r="H99224" s="12"/>
    </row>
    <row r="99225" spans="8:8">
      <c r="H99225" s="12"/>
    </row>
    <row r="99226" spans="8:8">
      <c r="H99226" s="12"/>
    </row>
    <row r="99227" spans="8:8">
      <c r="H99227" s="12"/>
    </row>
    <row r="99228" spans="8:8">
      <c r="H99228" s="12"/>
    </row>
    <row r="99229" spans="8:8">
      <c r="H99229" s="12"/>
    </row>
    <row r="99230" spans="8:8">
      <c r="H99230" s="12"/>
    </row>
    <row r="99231" spans="8:8">
      <c r="H99231" s="12"/>
    </row>
    <row r="99232" spans="8:8">
      <c r="H99232" s="12"/>
    </row>
    <row r="99233" spans="8:8">
      <c r="H99233" s="12"/>
    </row>
    <row r="99234" spans="8:8">
      <c r="H99234" s="12"/>
    </row>
    <row r="99235" spans="8:8">
      <c r="H99235" s="12"/>
    </row>
    <row r="99236" spans="8:8">
      <c r="H99236" s="12"/>
    </row>
    <row r="99237" spans="8:8">
      <c r="H99237" s="12"/>
    </row>
    <row r="99238" spans="8:8">
      <c r="H99238" s="12"/>
    </row>
    <row r="99239" spans="8:8">
      <c r="H99239" s="12"/>
    </row>
    <row r="99240" spans="8:8">
      <c r="H99240" s="12"/>
    </row>
    <row r="99241" spans="8:8">
      <c r="H99241" s="12"/>
    </row>
    <row r="99242" spans="8:8">
      <c r="H99242" s="12"/>
    </row>
    <row r="99243" spans="8:8">
      <c r="H99243" s="12"/>
    </row>
    <row r="99244" spans="8:8">
      <c r="H99244" s="12"/>
    </row>
    <row r="99245" spans="8:8">
      <c r="H99245" s="12"/>
    </row>
    <row r="99246" spans="8:8">
      <c r="H99246" s="12"/>
    </row>
    <row r="99247" spans="8:8">
      <c r="H99247" s="12"/>
    </row>
    <row r="99248" spans="8:8">
      <c r="H99248" s="12"/>
    </row>
    <row r="99249" spans="8:8">
      <c r="H99249" s="12"/>
    </row>
    <row r="99250" spans="8:8">
      <c r="H99250" s="12"/>
    </row>
    <row r="99251" spans="8:8">
      <c r="H99251" s="12"/>
    </row>
    <row r="99252" spans="8:8">
      <c r="H99252" s="12"/>
    </row>
    <row r="99253" spans="8:8">
      <c r="H99253" s="12"/>
    </row>
    <row r="99254" spans="8:8">
      <c r="H99254" s="12"/>
    </row>
    <row r="99255" spans="8:8">
      <c r="H99255" s="12"/>
    </row>
    <row r="99256" spans="8:8">
      <c r="H99256" s="12"/>
    </row>
    <row r="99257" spans="8:8">
      <c r="H99257" s="12"/>
    </row>
    <row r="99258" spans="8:8">
      <c r="H99258" s="12"/>
    </row>
    <row r="99259" spans="8:8">
      <c r="H99259" s="12"/>
    </row>
    <row r="99260" spans="8:8">
      <c r="H99260" s="12"/>
    </row>
    <row r="99261" spans="8:8">
      <c r="H99261" s="12"/>
    </row>
    <row r="99262" spans="8:8">
      <c r="H99262" s="12"/>
    </row>
    <row r="99263" spans="8:8">
      <c r="H99263" s="12"/>
    </row>
    <row r="99264" spans="8:8">
      <c r="H99264" s="12"/>
    </row>
    <row r="99265" spans="8:8">
      <c r="H99265" s="12"/>
    </row>
    <row r="99266" spans="8:8">
      <c r="H99266" s="12"/>
    </row>
    <row r="99267" spans="8:8">
      <c r="H99267" s="12"/>
    </row>
    <row r="99268" spans="8:8">
      <c r="H99268" s="12"/>
    </row>
    <row r="99269" spans="8:8">
      <c r="H99269" s="12"/>
    </row>
    <row r="99270" spans="8:8">
      <c r="H99270" s="12"/>
    </row>
    <row r="99271" spans="8:8">
      <c r="H99271" s="12"/>
    </row>
    <row r="99272" spans="8:8">
      <c r="H99272" s="12"/>
    </row>
    <row r="99273" spans="8:8">
      <c r="H99273" s="12"/>
    </row>
    <row r="99274" spans="8:8">
      <c r="H99274" s="12"/>
    </row>
    <row r="99275" spans="8:8">
      <c r="H99275" s="12"/>
    </row>
    <row r="99276" spans="8:8">
      <c r="H99276" s="12"/>
    </row>
    <row r="99277" spans="8:8">
      <c r="H99277" s="12"/>
    </row>
    <row r="99278" spans="8:8">
      <c r="H99278" s="12"/>
    </row>
    <row r="99279" spans="8:8">
      <c r="H99279" s="12"/>
    </row>
    <row r="99280" spans="8:8">
      <c r="H99280" s="12"/>
    </row>
    <row r="99281" spans="8:8">
      <c r="H99281" s="12"/>
    </row>
    <row r="99282" spans="8:8">
      <c r="H99282" s="12"/>
    </row>
    <row r="99283" spans="8:8">
      <c r="H99283" s="12"/>
    </row>
    <row r="99284" spans="8:8">
      <c r="H99284" s="12"/>
    </row>
    <row r="99285" spans="8:8">
      <c r="H99285" s="12"/>
    </row>
    <row r="99286" spans="8:8">
      <c r="H99286" s="12"/>
    </row>
    <row r="99287" spans="8:8">
      <c r="H99287" s="12"/>
    </row>
    <row r="99288" spans="8:8">
      <c r="H99288" s="12"/>
    </row>
    <row r="99289" spans="8:8">
      <c r="H99289" s="12"/>
    </row>
    <row r="99290" spans="8:8">
      <c r="H99290" s="12"/>
    </row>
    <row r="99291" spans="8:8">
      <c r="H99291" s="12"/>
    </row>
    <row r="99292" spans="8:8">
      <c r="H99292" s="12"/>
    </row>
    <row r="99293" spans="8:8">
      <c r="H99293" s="12"/>
    </row>
    <row r="99294" spans="8:8">
      <c r="H99294" s="12"/>
    </row>
    <row r="99295" spans="8:8">
      <c r="H99295" s="12"/>
    </row>
    <row r="99296" spans="8:8">
      <c r="H99296" s="12"/>
    </row>
    <row r="99297" spans="8:8">
      <c r="H99297" s="12"/>
    </row>
    <row r="99298" spans="8:8">
      <c r="H99298" s="12"/>
    </row>
    <row r="99299" spans="8:8">
      <c r="H99299" s="12"/>
    </row>
    <row r="99300" spans="8:8">
      <c r="H99300" s="12"/>
    </row>
    <row r="99301" spans="8:8">
      <c r="H99301" s="12"/>
    </row>
    <row r="99302" spans="8:8">
      <c r="H99302" s="12"/>
    </row>
    <row r="99303" spans="8:8">
      <c r="H99303" s="12"/>
    </row>
    <row r="99304" spans="8:8">
      <c r="H99304" s="12"/>
    </row>
    <row r="99305" spans="8:8">
      <c r="H99305" s="12"/>
    </row>
    <row r="99306" spans="8:8">
      <c r="H99306" s="12"/>
    </row>
    <row r="99307" spans="8:8">
      <c r="H99307" s="12"/>
    </row>
    <row r="99308" spans="8:8">
      <c r="H99308" s="12"/>
    </row>
    <row r="99309" spans="8:8">
      <c r="H99309" s="12"/>
    </row>
    <row r="99310" spans="8:8">
      <c r="H99310" s="12"/>
    </row>
    <row r="99311" spans="8:8">
      <c r="H99311" s="12"/>
    </row>
    <row r="99312" spans="8:8">
      <c r="H99312" s="12"/>
    </row>
    <row r="99313" spans="8:8">
      <c r="H99313" s="12"/>
    </row>
    <row r="99314" spans="8:8">
      <c r="H99314" s="12"/>
    </row>
    <row r="99315" spans="8:8">
      <c r="H99315" s="12"/>
    </row>
    <row r="99316" spans="8:8">
      <c r="H99316" s="12"/>
    </row>
    <row r="99317" spans="8:8">
      <c r="H99317" s="12"/>
    </row>
    <row r="99318" spans="8:8">
      <c r="H99318" s="12"/>
    </row>
    <row r="99319" spans="8:8">
      <c r="H99319" s="12"/>
    </row>
    <row r="99320" spans="8:8">
      <c r="H99320" s="12"/>
    </row>
    <row r="99321" spans="8:8">
      <c r="H99321" s="12"/>
    </row>
    <row r="99322" spans="8:8">
      <c r="H99322" s="12"/>
    </row>
    <row r="99323" spans="8:8">
      <c r="H99323" s="12"/>
    </row>
    <row r="99324" spans="8:8">
      <c r="H99324" s="12"/>
    </row>
    <row r="99325" spans="8:8">
      <c r="H99325" s="12"/>
    </row>
    <row r="99326" spans="8:8">
      <c r="H99326" s="12"/>
    </row>
    <row r="99327" spans="8:8">
      <c r="H99327" s="12"/>
    </row>
    <row r="99328" spans="8:8">
      <c r="H99328" s="12"/>
    </row>
    <row r="99329" spans="8:8">
      <c r="H99329" s="12"/>
    </row>
    <row r="99330" spans="8:8">
      <c r="H99330" s="12"/>
    </row>
    <row r="99331" spans="8:8">
      <c r="H99331" s="12"/>
    </row>
    <row r="99332" spans="8:8">
      <c r="H99332" s="12"/>
    </row>
    <row r="99333" spans="8:8">
      <c r="H99333" s="12"/>
    </row>
    <row r="99334" spans="8:8">
      <c r="H99334" s="12"/>
    </row>
    <row r="99335" spans="8:8">
      <c r="H99335" s="12"/>
    </row>
    <row r="99336" spans="8:8">
      <c r="H99336" s="12"/>
    </row>
    <row r="99337" spans="8:8">
      <c r="H99337" s="12"/>
    </row>
    <row r="99338" spans="8:8">
      <c r="H99338" s="12"/>
    </row>
    <row r="99339" spans="8:8">
      <c r="H99339" s="12"/>
    </row>
    <row r="99340" spans="8:8">
      <c r="H99340" s="12"/>
    </row>
    <row r="99341" spans="8:8">
      <c r="H99341" s="12"/>
    </row>
    <row r="99342" spans="8:8">
      <c r="H99342" s="12"/>
    </row>
    <row r="99343" spans="8:8">
      <c r="H99343" s="12"/>
    </row>
    <row r="99344" spans="8:8">
      <c r="H99344" s="12"/>
    </row>
    <row r="99345" spans="8:8">
      <c r="H99345" s="12"/>
    </row>
    <row r="99346" spans="8:8">
      <c r="H99346" s="12"/>
    </row>
    <row r="99347" spans="8:8">
      <c r="H99347" s="12"/>
    </row>
    <row r="99348" spans="8:8">
      <c r="H99348" s="12"/>
    </row>
    <row r="99349" spans="8:8">
      <c r="H99349" s="12"/>
    </row>
    <row r="99350" spans="8:8">
      <c r="H99350" s="12"/>
    </row>
    <row r="99351" spans="8:8">
      <c r="H99351" s="12"/>
    </row>
    <row r="99352" spans="8:8">
      <c r="H99352" s="12"/>
    </row>
    <row r="99353" spans="8:8">
      <c r="H99353" s="12"/>
    </row>
    <row r="99354" spans="8:8">
      <c r="H99354" s="12"/>
    </row>
    <row r="99355" spans="8:8">
      <c r="H99355" s="12"/>
    </row>
    <row r="99356" spans="8:8">
      <c r="H99356" s="12"/>
    </row>
    <row r="99357" spans="8:8">
      <c r="H99357" s="12"/>
    </row>
    <row r="99358" spans="8:8">
      <c r="H99358" s="12"/>
    </row>
    <row r="99359" spans="8:8">
      <c r="H99359" s="12"/>
    </row>
    <row r="99360" spans="8:8">
      <c r="H99360" s="12"/>
    </row>
    <row r="99361" spans="8:8">
      <c r="H99361" s="12"/>
    </row>
    <row r="99362" spans="8:8">
      <c r="H99362" s="12"/>
    </row>
    <row r="99363" spans="8:8">
      <c r="H99363" s="12"/>
    </row>
    <row r="99364" spans="8:8">
      <c r="H99364" s="12"/>
    </row>
    <row r="99365" spans="8:8">
      <c r="H99365" s="12"/>
    </row>
    <row r="99366" spans="8:8">
      <c r="H99366" s="12"/>
    </row>
    <row r="99367" spans="8:8">
      <c r="H99367" s="12"/>
    </row>
    <row r="99368" spans="8:8">
      <c r="H99368" s="12"/>
    </row>
    <row r="99369" spans="8:8">
      <c r="H99369" s="12"/>
    </row>
    <row r="99370" spans="8:8">
      <c r="H99370" s="12"/>
    </row>
    <row r="99371" spans="8:8">
      <c r="H99371" s="12"/>
    </row>
    <row r="99372" spans="8:8">
      <c r="H99372" s="12"/>
    </row>
    <row r="99373" spans="8:8">
      <c r="H99373" s="12"/>
    </row>
    <row r="99374" spans="8:8">
      <c r="H99374" s="12"/>
    </row>
    <row r="99375" spans="8:8">
      <c r="H99375" s="12"/>
    </row>
    <row r="99376" spans="8:8">
      <c r="H99376" s="12"/>
    </row>
    <row r="99377" spans="8:8">
      <c r="H99377" s="12"/>
    </row>
    <row r="99378" spans="8:8">
      <c r="H99378" s="12"/>
    </row>
    <row r="99379" spans="8:8">
      <c r="H99379" s="12"/>
    </row>
    <row r="99380" spans="8:8">
      <c r="H99380" s="12"/>
    </row>
    <row r="99381" spans="8:8">
      <c r="H99381" s="12"/>
    </row>
    <row r="99382" spans="8:8">
      <c r="H99382" s="12"/>
    </row>
    <row r="99383" spans="8:8">
      <c r="H99383" s="12"/>
    </row>
    <row r="99384" spans="8:8">
      <c r="H99384" s="12"/>
    </row>
    <row r="99385" spans="8:8">
      <c r="H99385" s="12"/>
    </row>
    <row r="99386" spans="8:8">
      <c r="H99386" s="12"/>
    </row>
    <row r="99387" spans="8:8">
      <c r="H99387" s="12"/>
    </row>
    <row r="99388" spans="8:8">
      <c r="H99388" s="12"/>
    </row>
    <row r="99389" spans="8:8">
      <c r="H99389" s="12"/>
    </row>
    <row r="99390" spans="8:8">
      <c r="H99390" s="12"/>
    </row>
    <row r="99391" spans="8:8">
      <c r="H99391" s="12"/>
    </row>
    <row r="99392" spans="8:8">
      <c r="H99392" s="12"/>
    </row>
    <row r="99393" spans="8:8">
      <c r="H99393" s="12"/>
    </row>
    <row r="99394" spans="8:8">
      <c r="H99394" s="12"/>
    </row>
    <row r="99395" spans="8:8">
      <c r="H99395" s="12"/>
    </row>
    <row r="99396" spans="8:8">
      <c r="H99396" s="12"/>
    </row>
    <row r="99397" spans="8:8">
      <c r="H99397" s="12"/>
    </row>
    <row r="99398" spans="8:8">
      <c r="H99398" s="12"/>
    </row>
    <row r="99399" spans="8:8">
      <c r="H99399" s="12"/>
    </row>
    <row r="99400" spans="8:8">
      <c r="H99400" s="12"/>
    </row>
    <row r="99401" spans="8:8">
      <c r="H99401" s="12"/>
    </row>
    <row r="99402" spans="8:8">
      <c r="H99402" s="12"/>
    </row>
    <row r="99403" spans="8:8">
      <c r="H99403" s="12"/>
    </row>
    <row r="99404" spans="8:8">
      <c r="H99404" s="12"/>
    </row>
    <row r="99405" spans="8:8">
      <c r="H99405" s="12"/>
    </row>
    <row r="99406" spans="8:8">
      <c r="H99406" s="12"/>
    </row>
    <row r="99407" spans="8:8">
      <c r="H99407" s="12"/>
    </row>
    <row r="99408" spans="8:8">
      <c r="H99408" s="12"/>
    </row>
    <row r="99409" spans="8:8">
      <c r="H99409" s="12"/>
    </row>
    <row r="99410" spans="8:8">
      <c r="H99410" s="12"/>
    </row>
    <row r="99411" spans="8:8">
      <c r="H99411" s="12"/>
    </row>
    <row r="99412" spans="8:8">
      <c r="H99412" s="12"/>
    </row>
    <row r="99413" spans="8:8">
      <c r="H99413" s="12"/>
    </row>
    <row r="99414" spans="8:8">
      <c r="H99414" s="12"/>
    </row>
    <row r="99415" spans="8:8">
      <c r="H99415" s="12"/>
    </row>
    <row r="99416" spans="8:8">
      <c r="H99416" s="12"/>
    </row>
    <row r="99417" spans="8:8">
      <c r="H99417" s="12"/>
    </row>
    <row r="99418" spans="8:8">
      <c r="H99418" s="12"/>
    </row>
    <row r="99419" spans="8:8">
      <c r="H99419" s="12"/>
    </row>
    <row r="99420" spans="8:8">
      <c r="H99420" s="12"/>
    </row>
    <row r="99421" spans="8:8">
      <c r="H99421" s="12"/>
    </row>
    <row r="99422" spans="8:8">
      <c r="H99422" s="12"/>
    </row>
    <row r="99423" spans="8:8">
      <c r="H99423" s="12"/>
    </row>
    <row r="99424" spans="8:8">
      <c r="H99424" s="12"/>
    </row>
    <row r="99425" spans="8:8">
      <c r="H99425" s="12"/>
    </row>
    <row r="99426" spans="8:8">
      <c r="H99426" s="12"/>
    </row>
    <row r="99427" spans="8:8">
      <c r="H99427" s="12"/>
    </row>
    <row r="99428" spans="8:8">
      <c r="H99428" s="12"/>
    </row>
    <row r="99429" spans="8:8">
      <c r="H99429" s="12"/>
    </row>
    <row r="99430" spans="8:8">
      <c r="H99430" s="12"/>
    </row>
    <row r="99431" spans="8:8">
      <c r="H99431" s="12"/>
    </row>
    <row r="99432" spans="8:8">
      <c r="H99432" s="12"/>
    </row>
    <row r="99433" spans="8:8">
      <c r="H99433" s="12"/>
    </row>
    <row r="99434" spans="8:8">
      <c r="H99434" s="12"/>
    </row>
    <row r="99435" spans="8:8">
      <c r="H99435" s="12"/>
    </row>
    <row r="99436" spans="8:8">
      <c r="H99436" s="12"/>
    </row>
    <row r="99437" spans="8:8">
      <c r="H99437" s="12"/>
    </row>
    <row r="99438" spans="8:8">
      <c r="H99438" s="12"/>
    </row>
    <row r="99439" spans="8:8">
      <c r="H99439" s="12"/>
    </row>
    <row r="99440" spans="8:8">
      <c r="H99440" s="12"/>
    </row>
    <row r="99441" spans="8:8">
      <c r="H99441" s="12"/>
    </row>
    <row r="99442" spans="8:8">
      <c r="H99442" s="12"/>
    </row>
    <row r="99443" spans="8:8">
      <c r="H99443" s="12"/>
    </row>
    <row r="99444" spans="8:8">
      <c r="H99444" s="12"/>
    </row>
    <row r="99445" spans="8:8">
      <c r="H99445" s="12"/>
    </row>
    <row r="99446" spans="8:8">
      <c r="H99446" s="12"/>
    </row>
    <row r="99447" spans="8:8">
      <c r="H99447" s="12"/>
    </row>
    <row r="99448" spans="8:8">
      <c r="H99448" s="12"/>
    </row>
    <row r="99449" spans="8:8">
      <c r="H99449" s="12"/>
    </row>
    <row r="99450" spans="8:8">
      <c r="H99450" s="12"/>
    </row>
    <row r="99451" spans="8:8">
      <c r="H99451" s="12"/>
    </row>
    <row r="99452" spans="8:8">
      <c r="H99452" s="12"/>
    </row>
    <row r="99453" spans="8:8">
      <c r="H99453" s="12"/>
    </row>
    <row r="99454" spans="8:8">
      <c r="H99454" s="12"/>
    </row>
    <row r="99455" spans="8:8">
      <c r="H99455" s="12"/>
    </row>
    <row r="99456" spans="8:8">
      <c r="H99456" s="12"/>
    </row>
    <row r="99457" spans="8:8">
      <c r="H99457" s="12"/>
    </row>
    <row r="99458" spans="8:8">
      <c r="H99458" s="12"/>
    </row>
    <row r="99459" spans="8:8">
      <c r="H99459" s="12"/>
    </row>
    <row r="99460" spans="8:8">
      <c r="H99460" s="12"/>
    </row>
    <row r="99461" spans="8:8">
      <c r="H99461" s="12"/>
    </row>
    <row r="99462" spans="8:8">
      <c r="H99462" s="12"/>
    </row>
    <row r="99463" spans="8:8">
      <c r="H99463" s="12"/>
    </row>
    <row r="99464" spans="8:8">
      <c r="H99464" s="12"/>
    </row>
    <row r="99465" spans="8:8">
      <c r="H99465" s="12"/>
    </row>
    <row r="99466" spans="8:8">
      <c r="H99466" s="12"/>
    </row>
    <row r="99467" spans="8:8">
      <c r="H99467" s="12"/>
    </row>
    <row r="99468" spans="8:8">
      <c r="H99468" s="12"/>
    </row>
    <row r="99469" spans="8:8">
      <c r="H99469" s="12"/>
    </row>
    <row r="99470" spans="8:8">
      <c r="H99470" s="12"/>
    </row>
    <row r="99471" spans="8:8">
      <c r="H99471" s="12"/>
    </row>
    <row r="99472" spans="8:8">
      <c r="H99472" s="12"/>
    </row>
    <row r="99473" spans="8:8">
      <c r="H99473" s="12"/>
    </row>
    <row r="99474" spans="8:8">
      <c r="H99474" s="12"/>
    </row>
    <row r="99475" spans="8:8">
      <c r="H99475" s="12"/>
    </row>
    <row r="99476" spans="8:8">
      <c r="H99476" s="12"/>
    </row>
    <row r="99477" spans="8:8">
      <c r="H99477" s="12"/>
    </row>
    <row r="99478" spans="8:8">
      <c r="H99478" s="12"/>
    </row>
    <row r="99479" spans="8:8">
      <c r="H99479" s="12"/>
    </row>
    <row r="99480" spans="8:8">
      <c r="H99480" s="12"/>
    </row>
    <row r="99481" spans="8:8">
      <c r="H99481" s="12"/>
    </row>
    <row r="99482" spans="8:8">
      <c r="H99482" s="12"/>
    </row>
    <row r="99483" spans="8:8">
      <c r="H99483" s="12"/>
    </row>
    <row r="99484" spans="8:8">
      <c r="H99484" s="12"/>
    </row>
    <row r="99485" spans="8:8">
      <c r="H99485" s="12"/>
    </row>
    <row r="99486" spans="8:8">
      <c r="H99486" s="12"/>
    </row>
    <row r="99487" spans="8:8">
      <c r="H99487" s="12"/>
    </row>
    <row r="99488" spans="8:8">
      <c r="H99488" s="12"/>
    </row>
    <row r="99489" spans="8:8">
      <c r="H99489" s="12"/>
    </row>
    <row r="99490" spans="8:8">
      <c r="H99490" s="12"/>
    </row>
    <row r="99491" spans="8:8">
      <c r="H99491" s="12"/>
    </row>
    <row r="99492" spans="8:8">
      <c r="H99492" s="12"/>
    </row>
    <row r="99493" spans="8:8">
      <c r="H99493" s="12"/>
    </row>
    <row r="99494" spans="8:8">
      <c r="H99494" s="12"/>
    </row>
    <row r="99495" spans="8:8">
      <c r="H99495" s="12"/>
    </row>
    <row r="99496" spans="8:8">
      <c r="H99496" s="12"/>
    </row>
    <row r="99497" spans="8:8">
      <c r="H99497" s="12"/>
    </row>
    <row r="99498" spans="8:8">
      <c r="H99498" s="12"/>
    </row>
    <row r="99499" spans="8:8">
      <c r="H99499" s="12"/>
    </row>
    <row r="99500" spans="8:8">
      <c r="H99500" s="12"/>
    </row>
    <row r="99501" spans="8:8">
      <c r="H99501" s="12"/>
    </row>
    <row r="99502" spans="8:8">
      <c r="H99502" s="12"/>
    </row>
    <row r="99503" spans="8:8">
      <c r="H99503" s="12"/>
    </row>
    <row r="99504" spans="8:8">
      <c r="H99504" s="12"/>
    </row>
    <row r="99505" spans="8:8">
      <c r="H99505" s="12"/>
    </row>
    <row r="99506" spans="8:8">
      <c r="H99506" s="12"/>
    </row>
    <row r="99507" spans="8:8">
      <c r="H99507" s="12"/>
    </row>
    <row r="99508" spans="8:8">
      <c r="H99508" s="12"/>
    </row>
    <row r="99509" spans="8:8">
      <c r="H99509" s="12"/>
    </row>
    <row r="99510" spans="8:8">
      <c r="H99510" s="12"/>
    </row>
    <row r="99511" spans="8:8">
      <c r="H99511" s="12"/>
    </row>
    <row r="99512" spans="8:8">
      <c r="H99512" s="12"/>
    </row>
    <row r="99513" spans="8:8">
      <c r="H99513" s="12"/>
    </row>
    <row r="99514" spans="8:8">
      <c r="H99514" s="12"/>
    </row>
    <row r="99515" spans="8:8">
      <c r="H99515" s="12"/>
    </row>
    <row r="99516" spans="8:8">
      <c r="H99516" s="12"/>
    </row>
    <row r="99517" spans="8:8">
      <c r="H99517" s="12"/>
    </row>
    <row r="99518" spans="8:8">
      <c r="H99518" s="12"/>
    </row>
    <row r="99519" spans="8:8">
      <c r="H99519" s="12"/>
    </row>
    <row r="99520" spans="8:8">
      <c r="H99520" s="12"/>
    </row>
    <row r="99521" spans="8:8">
      <c r="H99521" s="12"/>
    </row>
    <row r="99522" spans="8:8">
      <c r="H99522" s="12"/>
    </row>
    <row r="99523" spans="8:8">
      <c r="H99523" s="12"/>
    </row>
    <row r="99524" spans="8:8">
      <c r="H99524" s="12"/>
    </row>
    <row r="99525" spans="8:8">
      <c r="H99525" s="12"/>
    </row>
    <row r="99526" spans="8:8">
      <c r="H99526" s="12"/>
    </row>
    <row r="99527" spans="8:8">
      <c r="H99527" s="12"/>
    </row>
    <row r="99528" spans="8:8">
      <c r="H99528" s="12"/>
    </row>
    <row r="99529" spans="8:8">
      <c r="H99529" s="12"/>
    </row>
    <row r="99530" spans="8:8">
      <c r="H99530" s="12"/>
    </row>
    <row r="99531" spans="8:8">
      <c r="H99531" s="12"/>
    </row>
    <row r="99532" spans="8:8">
      <c r="H99532" s="12"/>
    </row>
    <row r="99533" spans="8:8">
      <c r="H99533" s="12"/>
    </row>
    <row r="99534" spans="8:8">
      <c r="H99534" s="12"/>
    </row>
    <row r="99535" spans="8:8">
      <c r="H99535" s="12"/>
    </row>
    <row r="99536" spans="8:8">
      <c r="H99536" s="12"/>
    </row>
    <row r="99537" spans="8:8">
      <c r="H99537" s="12"/>
    </row>
    <row r="99538" spans="8:8">
      <c r="H99538" s="12"/>
    </row>
    <row r="99539" spans="8:8">
      <c r="H99539" s="12"/>
    </row>
    <row r="99540" spans="8:8">
      <c r="H99540" s="12"/>
    </row>
    <row r="99541" spans="8:8">
      <c r="H99541" s="12"/>
    </row>
    <row r="99542" spans="8:8">
      <c r="H99542" s="12"/>
    </row>
    <row r="99543" spans="8:8">
      <c r="H99543" s="12"/>
    </row>
    <row r="99544" spans="8:8">
      <c r="H99544" s="12"/>
    </row>
    <row r="99545" spans="8:8">
      <c r="H99545" s="12"/>
    </row>
    <row r="99546" spans="8:8">
      <c r="H99546" s="12"/>
    </row>
    <row r="99547" spans="8:8">
      <c r="H99547" s="12"/>
    </row>
    <row r="99548" spans="8:8">
      <c r="H99548" s="12"/>
    </row>
    <row r="99549" spans="8:8">
      <c r="H99549" s="12"/>
    </row>
    <row r="99550" spans="8:8">
      <c r="H99550" s="12"/>
    </row>
    <row r="99551" spans="8:8">
      <c r="H99551" s="12"/>
    </row>
    <row r="99552" spans="8:8">
      <c r="H99552" s="12"/>
    </row>
    <row r="99553" spans="8:8">
      <c r="H99553" s="12"/>
    </row>
    <row r="99554" spans="8:8">
      <c r="H99554" s="12"/>
    </row>
    <row r="99555" spans="8:8">
      <c r="H99555" s="12"/>
    </row>
    <row r="99556" spans="8:8">
      <c r="H99556" s="12"/>
    </row>
    <row r="99557" spans="8:8">
      <c r="H99557" s="12"/>
    </row>
    <row r="99558" spans="8:8">
      <c r="H99558" s="12"/>
    </row>
    <row r="99559" spans="8:8">
      <c r="H99559" s="12"/>
    </row>
    <row r="99560" spans="8:8">
      <c r="H99560" s="12"/>
    </row>
    <row r="99561" spans="8:8">
      <c r="H99561" s="12"/>
    </row>
    <row r="99562" spans="8:8">
      <c r="H99562" s="12"/>
    </row>
    <row r="99563" spans="8:8">
      <c r="H99563" s="12"/>
    </row>
    <row r="99564" spans="8:8">
      <c r="H99564" s="12"/>
    </row>
    <row r="99565" spans="8:8">
      <c r="H99565" s="12"/>
    </row>
    <row r="99566" spans="8:8">
      <c r="H99566" s="12"/>
    </row>
    <row r="99567" spans="8:8">
      <c r="H99567" s="12"/>
    </row>
    <row r="99568" spans="8:8">
      <c r="H99568" s="12"/>
    </row>
    <row r="99569" spans="8:8">
      <c r="H99569" s="12"/>
    </row>
    <row r="99570" spans="8:8">
      <c r="H99570" s="12"/>
    </row>
    <row r="99571" spans="8:8">
      <c r="H99571" s="12"/>
    </row>
    <row r="99572" spans="8:8">
      <c r="H99572" s="12"/>
    </row>
    <row r="99573" spans="8:8">
      <c r="H99573" s="12"/>
    </row>
    <row r="99574" spans="8:8">
      <c r="H99574" s="12"/>
    </row>
    <row r="99575" spans="8:8">
      <c r="H99575" s="12"/>
    </row>
    <row r="99576" spans="8:8">
      <c r="H99576" s="12"/>
    </row>
    <row r="99577" spans="8:8">
      <c r="H99577" s="12"/>
    </row>
    <row r="99578" spans="8:8">
      <c r="H99578" s="12"/>
    </row>
    <row r="99579" spans="8:8">
      <c r="H99579" s="12"/>
    </row>
    <row r="99580" spans="8:8">
      <c r="H99580" s="12"/>
    </row>
    <row r="99581" spans="8:8">
      <c r="H99581" s="12"/>
    </row>
    <row r="99582" spans="8:8">
      <c r="H99582" s="12"/>
    </row>
    <row r="99583" spans="8:8">
      <c r="H99583" s="12"/>
    </row>
    <row r="99584" spans="8:8">
      <c r="H99584" s="12"/>
    </row>
    <row r="99585" spans="8:8">
      <c r="H99585" s="12"/>
    </row>
    <row r="99586" spans="8:8">
      <c r="H99586" s="12"/>
    </row>
    <row r="99587" spans="8:8">
      <c r="H99587" s="12"/>
    </row>
    <row r="99588" spans="8:8">
      <c r="H99588" s="12"/>
    </row>
    <row r="99589" spans="8:8">
      <c r="H99589" s="12"/>
    </row>
    <row r="99590" spans="8:8">
      <c r="H99590" s="12"/>
    </row>
    <row r="99591" spans="8:8">
      <c r="H99591" s="12"/>
    </row>
    <row r="99592" spans="8:8">
      <c r="H99592" s="12"/>
    </row>
    <row r="99593" spans="8:8">
      <c r="H99593" s="12"/>
    </row>
    <row r="99594" spans="8:8">
      <c r="H99594" s="12"/>
    </row>
    <row r="99595" spans="8:8">
      <c r="H99595" s="12"/>
    </row>
    <row r="99596" spans="8:8">
      <c r="H99596" s="12"/>
    </row>
    <row r="99597" spans="8:8">
      <c r="H99597" s="12"/>
    </row>
    <row r="99598" spans="8:8">
      <c r="H99598" s="12"/>
    </row>
    <row r="99599" spans="8:8">
      <c r="H99599" s="12"/>
    </row>
    <row r="99600" spans="8:8">
      <c r="H99600" s="12"/>
    </row>
    <row r="99601" spans="8:8">
      <c r="H99601" s="12"/>
    </row>
    <row r="99602" spans="8:8">
      <c r="H99602" s="12"/>
    </row>
    <row r="99603" spans="8:8">
      <c r="H99603" s="12"/>
    </row>
    <row r="99604" spans="8:8">
      <c r="H99604" s="12"/>
    </row>
    <row r="99605" spans="8:8">
      <c r="H99605" s="12"/>
    </row>
    <row r="99606" spans="8:8">
      <c r="H99606" s="12"/>
    </row>
    <row r="99607" spans="8:8">
      <c r="H99607" s="12"/>
    </row>
    <row r="99608" spans="8:8">
      <c r="H99608" s="12"/>
    </row>
    <row r="99609" spans="8:8">
      <c r="H99609" s="12"/>
    </row>
    <row r="99610" spans="8:8">
      <c r="H99610" s="12"/>
    </row>
    <row r="99611" spans="8:8">
      <c r="H99611" s="12"/>
    </row>
    <row r="99612" spans="8:8">
      <c r="H99612" s="12"/>
    </row>
    <row r="99613" spans="8:8">
      <c r="H99613" s="12"/>
    </row>
    <row r="99614" spans="8:8">
      <c r="H99614" s="12"/>
    </row>
    <row r="99615" spans="8:8">
      <c r="H99615" s="12"/>
    </row>
    <row r="99616" spans="8:8">
      <c r="H99616" s="12"/>
    </row>
    <row r="99617" spans="8:8">
      <c r="H99617" s="12"/>
    </row>
    <row r="99618" spans="8:8">
      <c r="H99618" s="12"/>
    </row>
    <row r="99619" spans="8:8">
      <c r="H99619" s="12"/>
    </row>
    <row r="99620" spans="8:8">
      <c r="H99620" s="12"/>
    </row>
    <row r="99621" spans="8:8">
      <c r="H99621" s="12"/>
    </row>
    <row r="99622" spans="8:8">
      <c r="H99622" s="12"/>
    </row>
    <row r="99623" spans="8:8">
      <c r="H99623" s="12"/>
    </row>
    <row r="99624" spans="8:8">
      <c r="H99624" s="12"/>
    </row>
    <row r="99625" spans="8:8">
      <c r="H99625" s="12"/>
    </row>
    <row r="99626" spans="8:8">
      <c r="H99626" s="12"/>
    </row>
    <row r="99627" spans="8:8">
      <c r="H99627" s="12"/>
    </row>
    <row r="99628" spans="8:8">
      <c r="H99628" s="12"/>
    </row>
    <row r="99629" spans="8:8">
      <c r="H99629" s="12"/>
    </row>
    <row r="99630" spans="8:8">
      <c r="H99630" s="12"/>
    </row>
    <row r="99631" spans="8:8">
      <c r="H99631" s="12"/>
    </row>
    <row r="99632" spans="8:8">
      <c r="H99632" s="12"/>
    </row>
    <row r="99633" spans="8:8">
      <c r="H99633" s="12"/>
    </row>
    <row r="99634" spans="8:8">
      <c r="H99634" s="12"/>
    </row>
    <row r="99635" spans="8:8">
      <c r="H99635" s="12"/>
    </row>
    <row r="99636" spans="8:8">
      <c r="H99636" s="12"/>
    </row>
    <row r="99637" spans="8:8">
      <c r="H99637" s="12"/>
    </row>
    <row r="99638" spans="8:8">
      <c r="H99638" s="12"/>
    </row>
    <row r="99639" spans="8:8">
      <c r="H99639" s="12"/>
    </row>
    <row r="99640" spans="8:8">
      <c r="H99640" s="12"/>
    </row>
    <row r="99641" spans="8:8">
      <c r="H99641" s="12"/>
    </row>
    <row r="99642" spans="8:8">
      <c r="H99642" s="12"/>
    </row>
    <row r="99643" spans="8:8">
      <c r="H99643" s="12"/>
    </row>
    <row r="99644" spans="8:8">
      <c r="H99644" s="12"/>
    </row>
    <row r="99645" spans="8:8">
      <c r="H99645" s="12"/>
    </row>
    <row r="99646" spans="8:8">
      <c r="H99646" s="12"/>
    </row>
    <row r="99647" spans="8:8">
      <c r="H99647" s="12"/>
    </row>
    <row r="99648" spans="8:8">
      <c r="H99648" s="12"/>
    </row>
    <row r="99649" spans="8:8">
      <c r="H99649" s="12"/>
    </row>
    <row r="99650" spans="8:8">
      <c r="H99650" s="12"/>
    </row>
    <row r="99651" spans="8:8">
      <c r="H99651" s="12"/>
    </row>
    <row r="99652" spans="8:8">
      <c r="H99652" s="12"/>
    </row>
    <row r="99653" spans="8:8">
      <c r="H99653" s="12"/>
    </row>
    <row r="99654" spans="8:8">
      <c r="H99654" s="12"/>
    </row>
    <row r="99655" spans="8:8">
      <c r="H99655" s="12"/>
    </row>
    <row r="99656" spans="8:8">
      <c r="H99656" s="12"/>
    </row>
    <row r="99657" spans="8:8">
      <c r="H99657" s="12"/>
    </row>
    <row r="99658" spans="8:8">
      <c r="H99658" s="12"/>
    </row>
    <row r="99659" spans="8:8">
      <c r="H99659" s="12"/>
    </row>
    <row r="99660" spans="8:8">
      <c r="H99660" s="12"/>
    </row>
    <row r="99661" spans="8:8">
      <c r="H99661" s="12"/>
    </row>
    <row r="99662" spans="8:8">
      <c r="H99662" s="12"/>
    </row>
    <row r="99663" spans="8:8">
      <c r="H99663" s="12"/>
    </row>
    <row r="99664" spans="8:8">
      <c r="H99664" s="12"/>
    </row>
    <row r="99665" spans="8:8">
      <c r="H99665" s="12"/>
    </row>
    <row r="99666" spans="8:8">
      <c r="H99666" s="12"/>
    </row>
    <row r="99667" spans="8:8">
      <c r="H99667" s="12"/>
    </row>
    <row r="99668" spans="8:8">
      <c r="H99668" s="12"/>
    </row>
    <row r="99669" spans="8:8">
      <c r="H99669" s="12"/>
    </row>
    <row r="99670" spans="8:8">
      <c r="H99670" s="12"/>
    </row>
    <row r="99671" spans="8:8">
      <c r="H99671" s="12"/>
    </row>
    <row r="99672" spans="8:8">
      <c r="H99672" s="12"/>
    </row>
    <row r="99673" spans="8:8">
      <c r="H99673" s="12"/>
    </row>
    <row r="99674" spans="8:8">
      <c r="H99674" s="12"/>
    </row>
    <row r="99675" spans="8:8">
      <c r="H99675" s="12"/>
    </row>
    <row r="99676" spans="8:8">
      <c r="H99676" s="12"/>
    </row>
    <row r="99677" spans="8:8">
      <c r="H99677" s="12"/>
    </row>
    <row r="99678" spans="8:8">
      <c r="H99678" s="12"/>
    </row>
    <row r="99679" spans="8:8">
      <c r="H99679" s="12"/>
    </row>
    <row r="99680" spans="8:8">
      <c r="H99680" s="12"/>
    </row>
    <row r="99681" spans="8:8">
      <c r="H99681" s="12"/>
    </row>
    <row r="99682" spans="8:8">
      <c r="H99682" s="12"/>
    </row>
    <row r="99683" spans="8:8">
      <c r="H99683" s="12"/>
    </row>
    <row r="99684" spans="8:8">
      <c r="H99684" s="12"/>
    </row>
    <row r="99685" spans="8:8">
      <c r="H99685" s="12"/>
    </row>
    <row r="99686" spans="8:8">
      <c r="H99686" s="12"/>
    </row>
    <row r="99687" spans="8:8">
      <c r="H99687" s="12"/>
    </row>
    <row r="99688" spans="8:8">
      <c r="H99688" s="12"/>
    </row>
    <row r="99689" spans="8:8">
      <c r="H99689" s="12"/>
    </row>
    <row r="99690" spans="8:8">
      <c r="H99690" s="12"/>
    </row>
    <row r="99691" spans="8:8">
      <c r="H99691" s="12"/>
    </row>
    <row r="99692" spans="8:8">
      <c r="H99692" s="12"/>
    </row>
    <row r="99693" spans="8:8">
      <c r="H99693" s="12"/>
    </row>
    <row r="99694" spans="8:8">
      <c r="H99694" s="12"/>
    </row>
    <row r="99695" spans="8:8">
      <c r="H99695" s="12"/>
    </row>
    <row r="99696" spans="8:8">
      <c r="H99696" s="12"/>
    </row>
    <row r="99697" spans="8:8">
      <c r="H99697" s="12"/>
    </row>
    <row r="99698" spans="8:8">
      <c r="H99698" s="12"/>
    </row>
    <row r="99699" spans="8:8">
      <c r="H99699" s="12"/>
    </row>
    <row r="99700" spans="8:8">
      <c r="H99700" s="12"/>
    </row>
    <row r="99701" spans="8:8">
      <c r="H99701" s="12"/>
    </row>
    <row r="99702" spans="8:8">
      <c r="H99702" s="12"/>
    </row>
    <row r="99703" spans="8:8">
      <c r="H99703" s="12"/>
    </row>
    <row r="99704" spans="8:8">
      <c r="H99704" s="12"/>
    </row>
    <row r="99705" spans="8:8">
      <c r="H99705" s="12"/>
    </row>
    <row r="99706" spans="8:8">
      <c r="H99706" s="12"/>
    </row>
    <row r="99707" spans="8:8">
      <c r="H99707" s="12"/>
    </row>
    <row r="99708" spans="8:8">
      <c r="H99708" s="12"/>
    </row>
    <row r="99709" spans="8:8">
      <c r="H99709" s="12"/>
    </row>
    <row r="99710" spans="8:8">
      <c r="H99710" s="12"/>
    </row>
    <row r="99711" spans="8:8">
      <c r="H99711" s="12"/>
    </row>
    <row r="99712" spans="8:8">
      <c r="H99712" s="12"/>
    </row>
    <row r="99713" spans="8:8">
      <c r="H99713" s="12"/>
    </row>
    <row r="99714" spans="8:8">
      <c r="H99714" s="12"/>
    </row>
    <row r="99715" spans="8:8">
      <c r="H99715" s="12"/>
    </row>
    <row r="99716" spans="8:8">
      <c r="H99716" s="12"/>
    </row>
    <row r="99717" spans="8:8">
      <c r="H99717" s="12"/>
    </row>
    <row r="99718" spans="8:8">
      <c r="H99718" s="12"/>
    </row>
    <row r="99719" spans="8:8">
      <c r="H99719" s="12"/>
    </row>
    <row r="99720" spans="8:8">
      <c r="H99720" s="12"/>
    </row>
    <row r="99721" spans="8:8">
      <c r="H99721" s="12"/>
    </row>
    <row r="99722" spans="8:8">
      <c r="H99722" s="12"/>
    </row>
    <row r="99723" spans="8:8">
      <c r="H99723" s="12"/>
    </row>
    <row r="99724" spans="8:8">
      <c r="H99724" s="12"/>
    </row>
    <row r="99725" spans="8:8">
      <c r="H99725" s="12"/>
    </row>
    <row r="99726" spans="8:8">
      <c r="H99726" s="12"/>
    </row>
    <row r="99727" spans="8:8">
      <c r="H99727" s="12"/>
    </row>
    <row r="99728" spans="8:8">
      <c r="H99728" s="12"/>
    </row>
    <row r="99729" spans="8:8">
      <c r="H99729" s="12"/>
    </row>
    <row r="99730" spans="8:8">
      <c r="H99730" s="12"/>
    </row>
    <row r="99731" spans="8:8">
      <c r="H99731" s="12"/>
    </row>
    <row r="99732" spans="8:8">
      <c r="H99732" s="12"/>
    </row>
    <row r="99733" spans="8:8">
      <c r="H99733" s="12"/>
    </row>
    <row r="99734" spans="8:8">
      <c r="H99734" s="12"/>
    </row>
    <row r="99735" spans="8:8">
      <c r="H99735" s="12"/>
    </row>
    <row r="99736" spans="8:8">
      <c r="H99736" s="12"/>
    </row>
    <row r="99737" spans="8:8">
      <c r="H99737" s="12"/>
    </row>
    <row r="99738" spans="8:8">
      <c r="H99738" s="12"/>
    </row>
    <row r="99739" spans="8:8">
      <c r="H99739" s="12"/>
    </row>
    <row r="99740" spans="8:8">
      <c r="H99740" s="12"/>
    </row>
    <row r="99741" spans="8:8">
      <c r="H99741" s="12"/>
    </row>
    <row r="99742" spans="8:8">
      <c r="H99742" s="12"/>
    </row>
    <row r="99743" spans="8:8">
      <c r="H99743" s="12"/>
    </row>
    <row r="99744" spans="8:8">
      <c r="H99744" s="12"/>
    </row>
    <row r="99745" spans="8:8">
      <c r="H99745" s="12"/>
    </row>
    <row r="99746" spans="8:8">
      <c r="H99746" s="12"/>
    </row>
    <row r="99747" spans="8:8">
      <c r="H99747" s="12"/>
    </row>
    <row r="99748" spans="8:8">
      <c r="H99748" s="12"/>
    </row>
    <row r="99749" spans="8:8">
      <c r="H99749" s="12"/>
    </row>
    <row r="99750" spans="8:8">
      <c r="H99750" s="12"/>
    </row>
    <row r="99751" spans="8:8">
      <c r="H99751" s="12"/>
    </row>
    <row r="99752" spans="8:8">
      <c r="H99752" s="12"/>
    </row>
    <row r="99753" spans="8:8">
      <c r="H99753" s="12"/>
    </row>
    <row r="99754" spans="8:8">
      <c r="H99754" s="12"/>
    </row>
    <row r="99755" spans="8:8">
      <c r="H99755" s="12"/>
    </row>
    <row r="99756" spans="8:8">
      <c r="H99756" s="12"/>
    </row>
    <row r="99757" spans="8:8">
      <c r="H99757" s="12"/>
    </row>
    <row r="99758" spans="8:8">
      <c r="H99758" s="12"/>
    </row>
    <row r="99759" spans="8:8">
      <c r="H99759" s="12"/>
    </row>
    <row r="99760" spans="8:8">
      <c r="H99760" s="12"/>
    </row>
    <row r="99761" spans="8:8">
      <c r="H99761" s="12"/>
    </row>
    <row r="99762" spans="8:8">
      <c r="H99762" s="12"/>
    </row>
    <row r="99763" spans="8:8">
      <c r="H99763" s="12"/>
    </row>
    <row r="99764" spans="8:8">
      <c r="H99764" s="12"/>
    </row>
    <row r="99765" spans="8:8">
      <c r="H99765" s="12"/>
    </row>
    <row r="99766" spans="8:8">
      <c r="H99766" s="12"/>
    </row>
    <row r="99767" spans="8:8">
      <c r="H99767" s="12"/>
    </row>
    <row r="99768" spans="8:8">
      <c r="H99768" s="12"/>
    </row>
    <row r="99769" spans="8:8">
      <c r="H99769" s="12"/>
    </row>
    <row r="99770" spans="8:8">
      <c r="H99770" s="12"/>
    </row>
    <row r="99771" spans="8:8">
      <c r="H99771" s="12"/>
    </row>
    <row r="99772" spans="8:8">
      <c r="H99772" s="12"/>
    </row>
    <row r="99773" spans="8:8">
      <c r="H99773" s="12"/>
    </row>
    <row r="99774" spans="8:8">
      <c r="H99774" s="12"/>
    </row>
    <row r="99775" spans="8:8">
      <c r="H99775" s="12"/>
    </row>
    <row r="99776" spans="8:8">
      <c r="H99776" s="12"/>
    </row>
    <row r="99777" spans="8:8">
      <c r="H99777" s="12"/>
    </row>
    <row r="99778" spans="8:8">
      <c r="H99778" s="12"/>
    </row>
    <row r="99779" spans="8:8">
      <c r="H99779" s="12"/>
    </row>
    <row r="99780" spans="8:8">
      <c r="H99780" s="12"/>
    </row>
    <row r="99781" spans="8:8">
      <c r="H99781" s="12"/>
    </row>
    <row r="99782" spans="8:8">
      <c r="H99782" s="12"/>
    </row>
    <row r="99783" spans="8:8">
      <c r="H99783" s="12"/>
    </row>
    <row r="99784" spans="8:8">
      <c r="H99784" s="12"/>
    </row>
    <row r="99785" spans="8:8">
      <c r="H99785" s="12"/>
    </row>
    <row r="99786" spans="8:8">
      <c r="H99786" s="12"/>
    </row>
    <row r="99787" spans="8:8">
      <c r="H99787" s="12"/>
    </row>
    <row r="99788" spans="8:8">
      <c r="H99788" s="12"/>
    </row>
    <row r="99789" spans="8:8">
      <c r="H99789" s="12"/>
    </row>
    <row r="99790" spans="8:8">
      <c r="H99790" s="12"/>
    </row>
    <row r="99791" spans="8:8">
      <c r="H99791" s="12"/>
    </row>
    <row r="99792" spans="8:8">
      <c r="H99792" s="12"/>
    </row>
    <row r="99793" spans="8:8">
      <c r="H99793" s="12"/>
    </row>
    <row r="99794" spans="8:8">
      <c r="H99794" s="12"/>
    </row>
    <row r="99795" spans="8:8">
      <c r="H99795" s="12"/>
    </row>
    <row r="99796" spans="8:8">
      <c r="H99796" s="12"/>
    </row>
    <row r="99797" spans="8:8">
      <c r="H99797" s="12"/>
    </row>
    <row r="99798" spans="8:8">
      <c r="H99798" s="12"/>
    </row>
    <row r="99799" spans="8:8">
      <c r="H99799" s="12"/>
    </row>
    <row r="99800" spans="8:8">
      <c r="H99800" s="12"/>
    </row>
    <row r="99801" spans="8:8">
      <c r="H99801" s="12"/>
    </row>
    <row r="99802" spans="8:8">
      <c r="H99802" s="12"/>
    </row>
    <row r="99803" spans="8:8">
      <c r="H99803" s="12"/>
    </row>
    <row r="99804" spans="8:8">
      <c r="H99804" s="12"/>
    </row>
    <row r="99805" spans="8:8">
      <c r="H99805" s="12"/>
    </row>
    <row r="99806" spans="8:8">
      <c r="H99806" s="12"/>
    </row>
    <row r="99807" spans="8:8">
      <c r="H99807" s="12"/>
    </row>
    <row r="99808" spans="8:8">
      <c r="H99808" s="12"/>
    </row>
    <row r="99809" spans="8:8">
      <c r="H99809" s="12"/>
    </row>
    <row r="99810" spans="8:8">
      <c r="H99810" s="12"/>
    </row>
    <row r="99811" spans="8:8">
      <c r="H99811" s="12"/>
    </row>
    <row r="99812" spans="8:8">
      <c r="H99812" s="12"/>
    </row>
    <row r="99813" spans="8:8">
      <c r="H99813" s="12"/>
    </row>
    <row r="99814" spans="8:8">
      <c r="H99814" s="12"/>
    </row>
    <row r="99815" spans="8:8">
      <c r="H99815" s="12"/>
    </row>
    <row r="99816" spans="8:8">
      <c r="H99816" s="12"/>
    </row>
    <row r="99817" spans="8:8">
      <c r="H99817" s="12"/>
    </row>
    <row r="99818" spans="8:8">
      <c r="H99818" s="12"/>
    </row>
    <row r="99819" spans="8:8">
      <c r="H99819" s="12"/>
    </row>
    <row r="99820" spans="8:8">
      <c r="H99820" s="12"/>
    </row>
    <row r="99821" spans="8:8">
      <c r="H99821" s="12"/>
    </row>
    <row r="99822" spans="8:8">
      <c r="H99822" s="12"/>
    </row>
    <row r="99823" spans="8:8">
      <c r="H99823" s="12"/>
    </row>
    <row r="99824" spans="8:8">
      <c r="H99824" s="12"/>
    </row>
    <row r="99825" spans="8:8">
      <c r="H99825" s="12"/>
    </row>
    <row r="99826" spans="8:8">
      <c r="H99826" s="12"/>
    </row>
    <row r="99827" spans="8:8">
      <c r="H99827" s="12"/>
    </row>
    <row r="99828" spans="8:8">
      <c r="H99828" s="12"/>
    </row>
    <row r="99829" spans="8:8">
      <c r="H99829" s="12"/>
    </row>
    <row r="99830" spans="8:8">
      <c r="H99830" s="12"/>
    </row>
    <row r="99831" spans="8:8">
      <c r="H99831" s="12"/>
    </row>
    <row r="99832" spans="8:8">
      <c r="H99832" s="12"/>
    </row>
    <row r="99833" spans="8:8">
      <c r="H99833" s="12"/>
    </row>
    <row r="99834" spans="8:8">
      <c r="H99834" s="12"/>
    </row>
    <row r="99835" spans="8:8">
      <c r="H99835" s="12"/>
    </row>
    <row r="99836" spans="8:8">
      <c r="H99836" s="12"/>
    </row>
    <row r="99837" spans="8:8">
      <c r="H99837" s="12"/>
    </row>
    <row r="99838" spans="8:8">
      <c r="H99838" s="12"/>
    </row>
    <row r="99839" spans="8:8">
      <c r="H99839" s="12"/>
    </row>
    <row r="99840" spans="8:8">
      <c r="H99840" s="12"/>
    </row>
    <row r="99841" spans="8:8">
      <c r="H99841" s="12"/>
    </row>
    <row r="99842" spans="8:8">
      <c r="H99842" s="12"/>
    </row>
    <row r="99843" spans="8:8">
      <c r="H99843" s="12"/>
    </row>
    <row r="99844" spans="8:8">
      <c r="H99844" s="12"/>
    </row>
    <row r="99845" spans="8:8">
      <c r="H99845" s="12"/>
    </row>
    <row r="99846" spans="8:8">
      <c r="H99846" s="12"/>
    </row>
    <row r="99847" spans="8:8">
      <c r="H99847" s="12"/>
    </row>
    <row r="99848" spans="8:8">
      <c r="H99848" s="12"/>
    </row>
    <row r="99849" spans="8:8">
      <c r="H99849" s="12"/>
    </row>
    <row r="99850" spans="8:8">
      <c r="H99850" s="12"/>
    </row>
    <row r="99851" spans="8:8">
      <c r="H99851" s="12"/>
    </row>
    <row r="99852" spans="8:8">
      <c r="H99852" s="12"/>
    </row>
    <row r="99853" spans="8:8">
      <c r="H99853" s="12"/>
    </row>
    <row r="99854" spans="8:8">
      <c r="H99854" s="12"/>
    </row>
    <row r="99855" spans="8:8">
      <c r="H99855" s="12"/>
    </row>
    <row r="99856" spans="8:8">
      <c r="H99856" s="12"/>
    </row>
    <row r="99857" spans="8:8">
      <c r="H99857" s="12"/>
    </row>
    <row r="99858" spans="8:8">
      <c r="H99858" s="12"/>
    </row>
    <row r="99859" spans="8:8">
      <c r="H99859" s="12"/>
    </row>
    <row r="99860" spans="8:8">
      <c r="H99860" s="12"/>
    </row>
    <row r="99861" spans="8:8">
      <c r="H99861" s="12"/>
    </row>
    <row r="99862" spans="8:8">
      <c r="H99862" s="12"/>
    </row>
    <row r="99863" spans="8:8">
      <c r="H99863" s="12"/>
    </row>
    <row r="99864" spans="8:8">
      <c r="H99864" s="12"/>
    </row>
    <row r="99865" spans="8:8">
      <c r="H99865" s="12"/>
    </row>
    <row r="99866" spans="8:8">
      <c r="H99866" s="12"/>
    </row>
    <row r="99867" spans="8:8">
      <c r="H99867" s="12"/>
    </row>
    <row r="99868" spans="8:8">
      <c r="H99868" s="12"/>
    </row>
    <row r="99869" spans="8:8">
      <c r="H99869" s="12"/>
    </row>
    <row r="99870" spans="8:8">
      <c r="H99870" s="12"/>
    </row>
    <row r="99871" spans="8:8">
      <c r="H99871" s="12"/>
    </row>
    <row r="99872" spans="8:8">
      <c r="H99872" s="12"/>
    </row>
    <row r="99873" spans="8:8">
      <c r="H99873" s="12"/>
    </row>
    <row r="99874" spans="8:8">
      <c r="H99874" s="12"/>
    </row>
    <row r="99875" spans="8:8">
      <c r="H99875" s="12"/>
    </row>
    <row r="99876" spans="8:8">
      <c r="H99876" s="12"/>
    </row>
    <row r="99877" spans="8:8">
      <c r="H99877" s="12"/>
    </row>
    <row r="99878" spans="8:8">
      <c r="H99878" s="12"/>
    </row>
    <row r="99879" spans="8:8">
      <c r="H99879" s="12"/>
    </row>
    <row r="99880" spans="8:8">
      <c r="H99880" s="12"/>
    </row>
    <row r="99881" spans="8:8">
      <c r="H99881" s="12"/>
    </row>
    <row r="99882" spans="8:8">
      <c r="H99882" s="12"/>
    </row>
    <row r="99883" spans="8:8">
      <c r="H99883" s="12"/>
    </row>
    <row r="99884" spans="8:8">
      <c r="H99884" s="12"/>
    </row>
    <row r="99885" spans="8:8">
      <c r="H99885" s="12"/>
    </row>
    <row r="99886" spans="8:8">
      <c r="H99886" s="12"/>
    </row>
    <row r="99887" spans="8:8">
      <c r="H99887" s="12"/>
    </row>
    <row r="99888" spans="8:8">
      <c r="H99888" s="12"/>
    </row>
    <row r="99889" spans="8:8">
      <c r="H99889" s="12"/>
    </row>
    <row r="99890" spans="8:8">
      <c r="H99890" s="12"/>
    </row>
    <row r="99891" spans="8:8">
      <c r="H99891" s="12"/>
    </row>
    <row r="99892" spans="8:8">
      <c r="H99892" s="12"/>
    </row>
    <row r="99893" spans="8:8">
      <c r="H99893" s="12"/>
    </row>
    <row r="99894" spans="8:8">
      <c r="H99894" s="12"/>
    </row>
    <row r="99895" spans="8:8">
      <c r="H99895" s="12"/>
    </row>
    <row r="99896" spans="8:8">
      <c r="H99896" s="12"/>
    </row>
    <row r="99897" spans="8:8">
      <c r="H99897" s="12"/>
    </row>
    <row r="99898" spans="8:8">
      <c r="H99898" s="12"/>
    </row>
    <row r="99899" spans="8:8">
      <c r="H99899" s="12"/>
    </row>
    <row r="99900" spans="8:8">
      <c r="H99900" s="12"/>
    </row>
    <row r="99901" spans="8:8">
      <c r="H99901" s="12"/>
    </row>
    <row r="99902" spans="8:8">
      <c r="H99902" s="12"/>
    </row>
    <row r="99903" spans="8:8">
      <c r="H99903" s="12"/>
    </row>
    <row r="99904" spans="8:8">
      <c r="H99904" s="12"/>
    </row>
    <row r="99905" spans="8:8">
      <c r="H99905" s="12"/>
    </row>
    <row r="99906" spans="8:8">
      <c r="H99906" s="12"/>
    </row>
    <row r="99907" spans="8:8">
      <c r="H99907" s="12"/>
    </row>
    <row r="99908" spans="8:8">
      <c r="H99908" s="12"/>
    </row>
    <row r="99909" spans="8:8">
      <c r="H99909" s="12"/>
    </row>
    <row r="99910" spans="8:8">
      <c r="H99910" s="12"/>
    </row>
    <row r="99911" spans="8:8">
      <c r="H99911" s="12"/>
    </row>
    <row r="99912" spans="8:8">
      <c r="H99912" s="12"/>
    </row>
    <row r="99913" spans="8:8">
      <c r="H99913" s="12"/>
    </row>
    <row r="99914" spans="8:8">
      <c r="H99914" s="12"/>
    </row>
    <row r="99915" spans="8:8">
      <c r="H99915" s="12"/>
    </row>
    <row r="99916" spans="8:8">
      <c r="H99916" s="12"/>
    </row>
    <row r="99917" spans="8:8">
      <c r="H99917" s="12"/>
    </row>
    <row r="99918" spans="8:8">
      <c r="H99918" s="12"/>
    </row>
    <row r="99919" spans="8:8">
      <c r="H99919" s="12"/>
    </row>
    <row r="99920" spans="8:8">
      <c r="H99920" s="12"/>
    </row>
    <row r="99921" spans="8:8">
      <c r="H99921" s="12"/>
    </row>
    <row r="99922" spans="8:8">
      <c r="H99922" s="12"/>
    </row>
    <row r="99923" spans="8:8">
      <c r="H99923" s="12"/>
    </row>
    <row r="99924" spans="8:8">
      <c r="H99924" s="12"/>
    </row>
    <row r="99925" spans="8:8">
      <c r="H99925" s="12"/>
    </row>
    <row r="99926" spans="8:8">
      <c r="H99926" s="12"/>
    </row>
    <row r="99927" spans="8:8">
      <c r="H99927" s="12"/>
    </row>
    <row r="99928" spans="8:8">
      <c r="H99928" s="12"/>
    </row>
    <row r="99929" spans="8:8">
      <c r="H99929" s="12"/>
    </row>
    <row r="99930" spans="8:8">
      <c r="H99930" s="12"/>
    </row>
    <row r="99931" spans="8:8">
      <c r="H99931" s="12"/>
    </row>
    <row r="99932" spans="8:8">
      <c r="H99932" s="12"/>
    </row>
    <row r="99933" spans="8:8">
      <c r="H99933" s="12"/>
    </row>
    <row r="99934" spans="8:8">
      <c r="H99934" s="12"/>
    </row>
    <row r="99935" spans="8:8">
      <c r="H99935" s="12"/>
    </row>
    <row r="99936" spans="8:8">
      <c r="H99936" s="12"/>
    </row>
    <row r="99937" spans="8:8">
      <c r="H99937" s="12"/>
    </row>
    <row r="99938" spans="8:8">
      <c r="H99938" s="12"/>
    </row>
    <row r="99939" spans="8:8">
      <c r="H99939" s="12"/>
    </row>
    <row r="99940" spans="8:8">
      <c r="H99940" s="12"/>
    </row>
    <row r="99941" spans="8:8">
      <c r="H99941" s="12"/>
    </row>
    <row r="99942" spans="8:8">
      <c r="H99942" s="12"/>
    </row>
    <row r="99943" spans="8:8">
      <c r="H99943" s="12"/>
    </row>
    <row r="99944" spans="8:8">
      <c r="H99944" s="12"/>
    </row>
    <row r="99945" spans="8:8">
      <c r="H99945" s="12"/>
    </row>
    <row r="99946" spans="8:8">
      <c r="H99946" s="12"/>
    </row>
    <row r="99947" spans="8:8">
      <c r="H99947" s="12"/>
    </row>
    <row r="99948" spans="8:8">
      <c r="H99948" s="12"/>
    </row>
    <row r="99949" spans="8:8">
      <c r="H99949" s="12"/>
    </row>
    <row r="99950" spans="8:8">
      <c r="H99950" s="12"/>
    </row>
    <row r="99951" spans="8:8">
      <c r="H99951" s="12"/>
    </row>
    <row r="99952" spans="8:8">
      <c r="H99952" s="12"/>
    </row>
    <row r="99953" spans="8:8">
      <c r="H99953" s="12"/>
    </row>
    <row r="99954" spans="8:8">
      <c r="H99954" s="12"/>
    </row>
    <row r="99955" spans="8:8">
      <c r="H99955" s="12"/>
    </row>
    <row r="99956" spans="8:8">
      <c r="H99956" s="12"/>
    </row>
    <row r="99957" spans="8:8">
      <c r="H99957" s="12"/>
    </row>
    <row r="99958" spans="8:8">
      <c r="H99958" s="12"/>
    </row>
    <row r="99959" spans="8:8">
      <c r="H99959" s="12"/>
    </row>
    <row r="99960" spans="8:8">
      <c r="H99960" s="12"/>
    </row>
    <row r="99961" spans="8:8">
      <c r="H99961" s="12"/>
    </row>
    <row r="99962" spans="8:8">
      <c r="H99962" s="12"/>
    </row>
    <row r="99963" spans="8:8">
      <c r="H99963" s="12"/>
    </row>
    <row r="99964" spans="8:8">
      <c r="H99964" s="12"/>
    </row>
    <row r="99965" spans="8:8">
      <c r="H99965" s="12"/>
    </row>
    <row r="99966" spans="8:8">
      <c r="H99966" s="12"/>
    </row>
    <row r="99967" spans="8:8">
      <c r="H99967" s="12"/>
    </row>
    <row r="99968" spans="8:8">
      <c r="H99968" s="12"/>
    </row>
    <row r="99969" spans="8:8">
      <c r="H99969" s="12"/>
    </row>
    <row r="99970" spans="8:8">
      <c r="H99970" s="12"/>
    </row>
    <row r="99971" spans="8:8">
      <c r="H99971" s="12"/>
    </row>
    <row r="99972" spans="8:8">
      <c r="H99972" s="12"/>
    </row>
    <row r="99973" spans="8:8">
      <c r="H99973" s="12"/>
    </row>
    <row r="99974" spans="8:8">
      <c r="H99974" s="12"/>
    </row>
    <row r="99975" spans="8:8">
      <c r="H99975" s="12"/>
    </row>
    <row r="99976" spans="8:8">
      <c r="H99976" s="12"/>
    </row>
    <row r="99977" spans="8:8">
      <c r="H99977" s="12"/>
    </row>
    <row r="99978" spans="8:8">
      <c r="H99978" s="12"/>
    </row>
    <row r="99979" spans="8:8">
      <c r="H99979" s="12"/>
    </row>
    <row r="99980" spans="8:8">
      <c r="H99980" s="12"/>
    </row>
    <row r="99981" spans="8:8">
      <c r="H99981" s="12"/>
    </row>
    <row r="99982" spans="8:8">
      <c r="H99982" s="12"/>
    </row>
    <row r="99983" spans="8:8">
      <c r="H99983" s="12"/>
    </row>
    <row r="99984" spans="8:8">
      <c r="H99984" s="12"/>
    </row>
    <row r="99985" spans="8:8">
      <c r="H99985" s="12"/>
    </row>
    <row r="99986" spans="8:8">
      <c r="H99986" s="12"/>
    </row>
    <row r="99987" spans="8:8">
      <c r="H99987" s="12"/>
    </row>
    <row r="99988" spans="8:8">
      <c r="H99988" s="12"/>
    </row>
    <row r="99989" spans="8:8">
      <c r="H99989" s="12"/>
    </row>
    <row r="99990" spans="8:8">
      <c r="H99990" s="12"/>
    </row>
    <row r="99991" spans="8:8">
      <c r="H99991" s="12"/>
    </row>
    <row r="99992" spans="8:8">
      <c r="H99992" s="12"/>
    </row>
    <row r="99993" spans="8:8">
      <c r="H99993" s="12"/>
    </row>
    <row r="99994" spans="8:8">
      <c r="H99994" s="12"/>
    </row>
    <row r="99995" spans="8:8">
      <c r="H99995" s="12"/>
    </row>
    <row r="99996" spans="8:8">
      <c r="H99996" s="12"/>
    </row>
    <row r="99997" spans="8:8">
      <c r="H99997" s="12"/>
    </row>
    <row r="99998" spans="8:8">
      <c r="H99998" s="12"/>
    </row>
    <row r="99999" spans="8:8">
      <c r="H99999" s="12"/>
    </row>
    <row r="100000" spans="8:8">
      <c r="H100000" s="12"/>
    </row>
    <row r="100001" spans="8:8">
      <c r="H100001" s="12"/>
    </row>
    <row r="100002" spans="8:8">
      <c r="H100002" s="12"/>
    </row>
    <row r="100003" spans="8:8">
      <c r="H100003" s="12"/>
    </row>
    <row r="100004" spans="8:8">
      <c r="H100004" s="12"/>
    </row>
    <row r="100005" spans="8:8">
      <c r="H100005" s="12"/>
    </row>
    <row r="100006" spans="8:8">
      <c r="H100006" s="12"/>
    </row>
    <row r="100007" spans="8:8">
      <c r="H100007" s="12"/>
    </row>
    <row r="100008" spans="8:8">
      <c r="H100008" s="12"/>
    </row>
    <row r="100009" spans="8:8">
      <c r="H100009" s="12"/>
    </row>
    <row r="100010" spans="8:8">
      <c r="H100010" s="12"/>
    </row>
    <row r="100011" spans="8:8">
      <c r="H100011" s="12"/>
    </row>
    <row r="100012" spans="8:8">
      <c r="H100012" s="12"/>
    </row>
    <row r="100013" spans="8:8">
      <c r="H100013" s="12"/>
    </row>
    <row r="100014" spans="8:8">
      <c r="H100014" s="12"/>
    </row>
    <row r="100015" spans="8:8">
      <c r="H100015" s="12"/>
    </row>
    <row r="100016" spans="8:8">
      <c r="H100016" s="12"/>
    </row>
    <row r="100017" spans="8:8">
      <c r="H100017" s="12"/>
    </row>
    <row r="100018" spans="8:8">
      <c r="H100018" s="12"/>
    </row>
    <row r="100019" spans="8:8">
      <c r="H100019" s="12"/>
    </row>
    <row r="100020" spans="8:8">
      <c r="H100020" s="12"/>
    </row>
    <row r="100021" spans="8:8">
      <c r="H100021" s="12"/>
    </row>
    <row r="100022" spans="8:8">
      <c r="H100022" s="12"/>
    </row>
    <row r="100023" spans="8:8">
      <c r="H100023" s="12"/>
    </row>
    <row r="100024" spans="8:8">
      <c r="H100024" s="12"/>
    </row>
    <row r="100025" spans="8:8">
      <c r="H100025" s="12"/>
    </row>
    <row r="100026" spans="8:8">
      <c r="H100026" s="12"/>
    </row>
    <row r="100027" spans="8:8">
      <c r="H100027" s="12"/>
    </row>
    <row r="100028" spans="8:8">
      <c r="H100028" s="12"/>
    </row>
    <row r="100029" spans="8:8">
      <c r="H100029" s="12"/>
    </row>
    <row r="100030" spans="8:8">
      <c r="H100030" s="12"/>
    </row>
    <row r="100031" spans="8:8">
      <c r="H100031" s="12"/>
    </row>
    <row r="100032" spans="8:8">
      <c r="H100032" s="12"/>
    </row>
    <row r="100033" spans="8:8">
      <c r="H100033" s="12"/>
    </row>
    <row r="100034" spans="8:8">
      <c r="H100034" s="12"/>
    </row>
    <row r="100035" spans="8:8">
      <c r="H100035" s="12"/>
    </row>
    <row r="100036" spans="8:8">
      <c r="H100036" s="12"/>
    </row>
    <row r="100037" spans="8:8">
      <c r="H100037" s="12"/>
    </row>
    <row r="100038" spans="8:8">
      <c r="H100038" s="12"/>
    </row>
    <row r="100039" spans="8:8">
      <c r="H100039" s="12"/>
    </row>
    <row r="100040" spans="8:8">
      <c r="H100040" s="12"/>
    </row>
    <row r="100041" spans="8:8">
      <c r="H100041" s="12"/>
    </row>
    <row r="100042" spans="8:8">
      <c r="H100042" s="12"/>
    </row>
    <row r="100043" spans="8:8">
      <c r="H100043" s="12"/>
    </row>
    <row r="100044" spans="8:8">
      <c r="H100044" s="12"/>
    </row>
    <row r="100045" spans="8:8">
      <c r="H100045" s="12"/>
    </row>
    <row r="100046" spans="8:8">
      <c r="H100046" s="12"/>
    </row>
    <row r="100047" spans="8:8">
      <c r="H100047" s="12"/>
    </row>
    <row r="100048" spans="8:8">
      <c r="H100048" s="12"/>
    </row>
    <row r="100049" spans="8:8">
      <c r="H100049" s="12"/>
    </row>
    <row r="100050" spans="8:8">
      <c r="H100050" s="12"/>
    </row>
    <row r="100051" spans="8:8">
      <c r="H100051" s="12"/>
    </row>
    <row r="100052" spans="8:8">
      <c r="H100052" s="12"/>
    </row>
    <row r="100053" spans="8:8">
      <c r="H100053" s="12"/>
    </row>
    <row r="100054" spans="8:8">
      <c r="H100054" s="12"/>
    </row>
    <row r="100055" spans="8:8">
      <c r="H100055" s="12"/>
    </row>
    <row r="100056" spans="8:8">
      <c r="H100056" s="12"/>
    </row>
    <row r="100057" spans="8:8">
      <c r="H100057" s="12"/>
    </row>
    <row r="100058" spans="8:8">
      <c r="H100058" s="12"/>
    </row>
    <row r="100059" spans="8:8">
      <c r="H100059" s="12"/>
    </row>
    <row r="100060" spans="8:8">
      <c r="H100060" s="12"/>
    </row>
    <row r="100061" spans="8:8">
      <c r="H100061" s="12"/>
    </row>
    <row r="100062" spans="8:8">
      <c r="H100062" s="12"/>
    </row>
    <row r="100063" spans="8:8">
      <c r="H100063" s="12"/>
    </row>
    <row r="100064" spans="8:8">
      <c r="H100064" s="12"/>
    </row>
    <row r="100065" spans="8:8">
      <c r="H100065" s="12"/>
    </row>
    <row r="100066" spans="8:8">
      <c r="H100066" s="12"/>
    </row>
    <row r="100067" spans="8:8">
      <c r="H100067" s="12"/>
    </row>
    <row r="100068" spans="8:8">
      <c r="H100068" s="12"/>
    </row>
    <row r="100069" spans="8:8">
      <c r="H100069" s="12"/>
    </row>
    <row r="100070" spans="8:8">
      <c r="H100070" s="12"/>
    </row>
    <row r="100071" spans="8:8">
      <c r="H100071" s="12"/>
    </row>
    <row r="100072" spans="8:8">
      <c r="H100072" s="12"/>
    </row>
    <row r="100073" spans="8:8">
      <c r="H100073" s="12"/>
    </row>
    <row r="100074" spans="8:8">
      <c r="H100074" s="12"/>
    </row>
    <row r="100075" spans="8:8">
      <c r="H100075" s="12"/>
    </row>
    <row r="100076" spans="8:8">
      <c r="H100076" s="12"/>
    </row>
    <row r="100077" spans="8:8">
      <c r="H100077" s="12"/>
    </row>
    <row r="100078" spans="8:8">
      <c r="H100078" s="12"/>
    </row>
    <row r="100079" spans="8:8">
      <c r="H100079" s="12"/>
    </row>
    <row r="100080" spans="8:8">
      <c r="H100080" s="12"/>
    </row>
    <row r="100081" spans="8:8">
      <c r="H100081" s="12"/>
    </row>
    <row r="100082" spans="8:8">
      <c r="H100082" s="12"/>
    </row>
    <row r="100083" spans="8:8">
      <c r="H100083" s="12"/>
    </row>
    <row r="100084" spans="8:8">
      <c r="H100084" s="12"/>
    </row>
    <row r="100085" spans="8:8">
      <c r="H100085" s="12"/>
    </row>
    <row r="100086" spans="8:8">
      <c r="H100086" s="12"/>
    </row>
    <row r="100087" spans="8:8">
      <c r="H100087" s="12"/>
    </row>
    <row r="100088" spans="8:8">
      <c r="H100088" s="12"/>
    </row>
    <row r="100089" spans="8:8">
      <c r="H100089" s="12"/>
    </row>
    <row r="100090" spans="8:8">
      <c r="H100090" s="12"/>
    </row>
    <row r="100091" spans="8:8">
      <c r="H100091" s="12"/>
    </row>
    <row r="100092" spans="8:8">
      <c r="H100092" s="12"/>
    </row>
    <row r="100093" spans="8:8">
      <c r="H100093" s="12"/>
    </row>
    <row r="100094" spans="8:8">
      <c r="H100094" s="12"/>
    </row>
    <row r="100095" spans="8:8">
      <c r="H100095" s="12"/>
    </row>
    <row r="100096" spans="8:8">
      <c r="H100096" s="12"/>
    </row>
    <row r="100097" spans="8:8">
      <c r="H100097" s="12"/>
    </row>
    <row r="100098" spans="8:8">
      <c r="H100098" s="12"/>
    </row>
    <row r="100099" spans="8:8">
      <c r="H100099" s="12"/>
    </row>
    <row r="100100" spans="8:8">
      <c r="H100100" s="12"/>
    </row>
    <row r="100101" spans="8:8">
      <c r="H100101" s="12"/>
    </row>
    <row r="100102" spans="8:8">
      <c r="H100102" s="12"/>
    </row>
    <row r="100103" spans="8:8">
      <c r="H100103" s="12"/>
    </row>
    <row r="100104" spans="8:8">
      <c r="H100104" s="12"/>
    </row>
    <row r="100105" spans="8:8">
      <c r="H100105" s="12"/>
    </row>
    <row r="100106" spans="8:8">
      <c r="H100106" s="12"/>
    </row>
    <row r="100107" spans="8:8">
      <c r="H100107" s="12"/>
    </row>
    <row r="100108" spans="8:8">
      <c r="H100108" s="12"/>
    </row>
    <row r="100109" spans="8:8">
      <c r="H100109" s="12"/>
    </row>
    <row r="100110" spans="8:8">
      <c r="H100110" s="12"/>
    </row>
    <row r="100111" spans="8:8">
      <c r="H100111" s="12"/>
    </row>
    <row r="100112" spans="8:8">
      <c r="H100112" s="12"/>
    </row>
    <row r="100113" spans="8:8">
      <c r="H100113" s="12"/>
    </row>
    <row r="100114" spans="8:8">
      <c r="H100114" s="12"/>
    </row>
    <row r="100115" spans="8:8">
      <c r="H100115" s="12"/>
    </row>
    <row r="100116" spans="8:8">
      <c r="H100116" s="12"/>
    </row>
    <row r="100117" spans="8:8">
      <c r="H100117" s="12"/>
    </row>
    <row r="100118" spans="8:8">
      <c r="H100118" s="12"/>
    </row>
    <row r="100119" spans="8:8">
      <c r="H100119" s="12"/>
    </row>
    <row r="100120" spans="8:8">
      <c r="H100120" s="12"/>
    </row>
    <row r="100121" spans="8:8">
      <c r="H100121" s="12"/>
    </row>
    <row r="100122" spans="8:8">
      <c r="H100122" s="12"/>
    </row>
    <row r="100123" spans="8:8">
      <c r="H100123" s="12"/>
    </row>
    <row r="100124" spans="8:8">
      <c r="H100124" s="12"/>
    </row>
    <row r="100125" spans="8:8">
      <c r="H100125" s="12"/>
    </row>
    <row r="100126" spans="8:8">
      <c r="H100126" s="12"/>
    </row>
    <row r="100127" spans="8:8">
      <c r="H100127" s="12"/>
    </row>
    <row r="100128" spans="8:8">
      <c r="H100128" s="12"/>
    </row>
    <row r="100129" spans="8:8">
      <c r="H100129" s="12"/>
    </row>
    <row r="100130" spans="8:8">
      <c r="H100130" s="12"/>
    </row>
    <row r="100131" spans="8:8">
      <c r="H100131" s="12"/>
    </row>
    <row r="100132" spans="8:8">
      <c r="H100132" s="12"/>
    </row>
    <row r="100133" spans="8:8">
      <c r="H100133" s="12"/>
    </row>
    <row r="100134" spans="8:8">
      <c r="H100134" s="12"/>
    </row>
    <row r="100135" spans="8:8">
      <c r="H100135" s="12"/>
    </row>
    <row r="100136" spans="8:8">
      <c r="H100136" s="12"/>
    </row>
    <row r="100137" spans="8:8">
      <c r="H100137" s="12"/>
    </row>
    <row r="100138" spans="8:8">
      <c r="H100138" s="12"/>
    </row>
    <row r="100139" spans="8:8">
      <c r="H100139" s="12"/>
    </row>
    <row r="100140" spans="8:8">
      <c r="H100140" s="12"/>
    </row>
    <row r="100141" spans="8:8">
      <c r="H100141" s="12"/>
    </row>
    <row r="100142" spans="8:8">
      <c r="H100142" s="12"/>
    </row>
    <row r="100143" spans="8:8">
      <c r="H100143" s="12"/>
    </row>
    <row r="100144" spans="8:8">
      <c r="H100144" s="12"/>
    </row>
    <row r="100145" spans="8:8">
      <c r="H100145" s="12"/>
    </row>
    <row r="100146" spans="8:8">
      <c r="H100146" s="12"/>
    </row>
    <row r="100147" spans="8:8">
      <c r="H100147" s="12"/>
    </row>
    <row r="100148" spans="8:8">
      <c r="H100148" s="12"/>
    </row>
    <row r="100149" spans="8:8">
      <c r="H100149" s="12"/>
    </row>
    <row r="100150" spans="8:8">
      <c r="H100150" s="12"/>
    </row>
    <row r="100151" spans="8:8">
      <c r="H100151" s="12"/>
    </row>
    <row r="100152" spans="8:8">
      <c r="H100152" s="12"/>
    </row>
    <row r="100153" spans="8:8">
      <c r="H100153" s="12"/>
    </row>
    <row r="100154" spans="8:8">
      <c r="H100154" s="12"/>
    </row>
    <row r="100155" spans="8:8">
      <c r="H100155" s="12"/>
    </row>
    <row r="100156" spans="8:8">
      <c r="H100156" s="12"/>
    </row>
    <row r="100157" spans="8:8">
      <c r="H100157" s="12"/>
    </row>
    <row r="100158" spans="8:8">
      <c r="H100158" s="12"/>
    </row>
    <row r="100159" spans="8:8">
      <c r="H100159" s="12"/>
    </row>
    <row r="100160" spans="8:8">
      <c r="H100160" s="12"/>
    </row>
    <row r="100161" spans="8:8">
      <c r="H100161" s="12"/>
    </row>
    <row r="100162" spans="8:8">
      <c r="H100162" s="12"/>
    </row>
    <row r="100163" spans="8:8">
      <c r="H100163" s="12"/>
    </row>
    <row r="100164" spans="8:8">
      <c r="H100164" s="12"/>
    </row>
    <row r="100165" spans="8:8">
      <c r="H100165" s="12"/>
    </row>
    <row r="100166" spans="8:8">
      <c r="H100166" s="12"/>
    </row>
    <row r="100167" spans="8:8">
      <c r="H100167" s="12"/>
    </row>
    <row r="100168" spans="8:8">
      <c r="H100168" s="12"/>
    </row>
    <row r="100169" spans="8:8">
      <c r="H100169" s="12"/>
    </row>
    <row r="100170" spans="8:8">
      <c r="H100170" s="12"/>
    </row>
    <row r="100171" spans="8:8">
      <c r="H100171" s="12"/>
    </row>
    <row r="100172" spans="8:8">
      <c r="H100172" s="12"/>
    </row>
    <row r="100173" spans="8:8">
      <c r="H100173" s="12"/>
    </row>
    <row r="100174" spans="8:8">
      <c r="H100174" s="12"/>
    </row>
    <row r="100175" spans="8:8">
      <c r="H100175" s="12"/>
    </row>
    <row r="100176" spans="8:8">
      <c r="H100176" s="12"/>
    </row>
    <row r="100177" spans="8:8">
      <c r="H100177" s="12"/>
    </row>
    <row r="100178" spans="8:8">
      <c r="H100178" s="12"/>
    </row>
    <row r="100179" spans="8:8">
      <c r="H100179" s="12"/>
    </row>
    <row r="100180" spans="8:8">
      <c r="H100180" s="12"/>
    </row>
    <row r="100181" spans="8:8">
      <c r="H100181" s="12"/>
    </row>
    <row r="100182" spans="8:8">
      <c r="H100182" s="12"/>
    </row>
    <row r="100183" spans="8:8">
      <c r="H100183" s="12"/>
    </row>
    <row r="100184" spans="8:8">
      <c r="H100184" s="12"/>
    </row>
    <row r="100185" spans="8:8">
      <c r="H100185" s="12"/>
    </row>
    <row r="100186" spans="8:8">
      <c r="H100186" s="12"/>
    </row>
    <row r="100187" spans="8:8">
      <c r="H100187" s="12"/>
    </row>
    <row r="100188" spans="8:8">
      <c r="H100188" s="12"/>
    </row>
    <row r="100189" spans="8:8">
      <c r="H100189" s="12"/>
    </row>
    <row r="100190" spans="8:8">
      <c r="H100190" s="12"/>
    </row>
    <row r="100191" spans="8:8">
      <c r="H100191" s="12"/>
    </row>
    <row r="100192" spans="8:8">
      <c r="H100192" s="12"/>
    </row>
    <row r="100193" spans="8:8">
      <c r="H100193" s="12"/>
    </row>
    <row r="100194" spans="8:8">
      <c r="H100194" s="12"/>
    </row>
    <row r="100195" spans="8:8">
      <c r="H100195" s="12"/>
    </row>
    <row r="100196" spans="8:8">
      <c r="H100196" s="12"/>
    </row>
    <row r="100197" spans="8:8">
      <c r="H100197" s="12"/>
    </row>
    <row r="100198" spans="8:8">
      <c r="H100198" s="12"/>
    </row>
    <row r="100199" spans="8:8">
      <c r="H100199" s="12"/>
    </row>
    <row r="100200" spans="8:8">
      <c r="H100200" s="12"/>
    </row>
    <row r="100201" spans="8:8">
      <c r="H100201" s="12"/>
    </row>
    <row r="100202" spans="8:8">
      <c r="H100202" s="12"/>
    </row>
    <row r="100203" spans="8:8">
      <c r="H100203" s="12"/>
    </row>
    <row r="100204" spans="8:8">
      <c r="H100204" s="12"/>
    </row>
    <row r="100205" spans="8:8">
      <c r="H100205" s="12"/>
    </row>
    <row r="100206" spans="8:8">
      <c r="H100206" s="12"/>
    </row>
    <row r="100207" spans="8:8">
      <c r="H100207" s="12"/>
    </row>
    <row r="100208" spans="8:8">
      <c r="H100208" s="12"/>
    </row>
    <row r="100209" spans="8:8">
      <c r="H100209" s="12"/>
    </row>
    <row r="100210" spans="8:8">
      <c r="H100210" s="12"/>
    </row>
    <row r="100211" spans="8:8">
      <c r="H100211" s="12"/>
    </row>
    <row r="100212" spans="8:8">
      <c r="H100212" s="12"/>
    </row>
    <row r="100213" spans="8:8">
      <c r="H100213" s="12"/>
    </row>
    <row r="100214" spans="8:8">
      <c r="H100214" s="12"/>
    </row>
    <row r="100215" spans="8:8">
      <c r="H100215" s="12"/>
    </row>
    <row r="100216" spans="8:8">
      <c r="H100216" s="12"/>
    </row>
    <row r="100217" spans="8:8">
      <c r="H100217" s="12"/>
    </row>
    <row r="100218" spans="8:8">
      <c r="H100218" s="12"/>
    </row>
    <row r="100219" spans="8:8">
      <c r="H100219" s="12"/>
    </row>
    <row r="100220" spans="8:8">
      <c r="H100220" s="12"/>
    </row>
    <row r="100221" spans="8:8">
      <c r="H100221" s="12"/>
    </row>
    <row r="100222" spans="8:8">
      <c r="H100222" s="12"/>
    </row>
    <row r="100223" spans="8:8">
      <c r="H100223" s="12"/>
    </row>
    <row r="100224" spans="8:8">
      <c r="H100224" s="12"/>
    </row>
    <row r="100225" spans="8:8">
      <c r="H100225" s="12"/>
    </row>
    <row r="100226" spans="8:8">
      <c r="H100226" s="12"/>
    </row>
    <row r="100227" spans="8:8">
      <c r="H100227" s="12"/>
    </row>
    <row r="100228" spans="8:8">
      <c r="H100228" s="12"/>
    </row>
    <row r="100229" spans="8:8">
      <c r="H100229" s="12"/>
    </row>
    <row r="100230" spans="8:8">
      <c r="H100230" s="12"/>
    </row>
    <row r="100231" spans="8:8">
      <c r="H100231" s="12"/>
    </row>
    <row r="100232" spans="8:8">
      <c r="H100232" s="12"/>
    </row>
    <row r="100233" spans="8:8">
      <c r="H100233" s="12"/>
    </row>
    <row r="100234" spans="8:8">
      <c r="H100234" s="12"/>
    </row>
    <row r="100235" spans="8:8">
      <c r="H100235" s="12"/>
    </row>
    <row r="100236" spans="8:8">
      <c r="H100236" s="12"/>
    </row>
    <row r="100237" spans="8:8">
      <c r="H100237" s="12"/>
    </row>
    <row r="100238" spans="8:8">
      <c r="H100238" s="12"/>
    </row>
    <row r="100239" spans="8:8">
      <c r="H100239" s="12"/>
    </row>
    <row r="100240" spans="8:8">
      <c r="H100240" s="12"/>
    </row>
    <row r="100241" spans="8:8">
      <c r="H100241" s="12"/>
    </row>
    <row r="100242" spans="8:8">
      <c r="H100242" s="12"/>
    </row>
    <row r="100243" spans="8:8">
      <c r="H100243" s="12"/>
    </row>
    <row r="100244" spans="8:8">
      <c r="H100244" s="12"/>
    </row>
    <row r="100245" spans="8:8">
      <c r="H100245" s="12"/>
    </row>
    <row r="100246" spans="8:8">
      <c r="H100246" s="12"/>
    </row>
    <row r="100247" spans="8:8">
      <c r="H100247" s="12"/>
    </row>
    <row r="100248" spans="8:8">
      <c r="H100248" s="12"/>
    </row>
    <row r="100249" spans="8:8">
      <c r="H100249" s="12"/>
    </row>
    <row r="100250" spans="8:8">
      <c r="H100250" s="12"/>
    </row>
    <row r="100251" spans="8:8">
      <c r="H100251" s="12"/>
    </row>
    <row r="100252" spans="8:8">
      <c r="H100252" s="12"/>
    </row>
    <row r="100253" spans="8:8">
      <c r="H100253" s="12"/>
    </row>
    <row r="100254" spans="8:8">
      <c r="H100254" s="12"/>
    </row>
    <row r="100255" spans="8:8">
      <c r="H100255" s="12"/>
    </row>
    <row r="100256" spans="8:8">
      <c r="H100256" s="12"/>
    </row>
    <row r="100257" spans="8:8">
      <c r="H100257" s="12"/>
    </row>
    <row r="100258" spans="8:8">
      <c r="H100258" s="12"/>
    </row>
    <row r="100259" spans="8:8">
      <c r="H100259" s="12"/>
    </row>
    <row r="100260" spans="8:8">
      <c r="H100260" s="12"/>
    </row>
    <row r="100261" spans="8:8">
      <c r="H100261" s="12"/>
    </row>
    <row r="100262" spans="8:8">
      <c r="H100262" s="12"/>
    </row>
    <row r="100263" spans="8:8">
      <c r="H100263" s="12"/>
    </row>
    <row r="100264" spans="8:8">
      <c r="H100264" s="12"/>
    </row>
    <row r="100265" spans="8:8">
      <c r="H100265" s="12"/>
    </row>
    <row r="100266" spans="8:8">
      <c r="H100266" s="12"/>
    </row>
    <row r="100267" spans="8:8">
      <c r="H100267" s="12"/>
    </row>
    <row r="100268" spans="8:8">
      <c r="H100268" s="12"/>
    </row>
    <row r="100269" spans="8:8">
      <c r="H100269" s="12"/>
    </row>
    <row r="100270" spans="8:8">
      <c r="H100270" s="12"/>
    </row>
    <row r="100271" spans="8:8">
      <c r="H100271" s="12"/>
    </row>
    <row r="100272" spans="8:8">
      <c r="H100272" s="12"/>
    </row>
    <row r="100273" spans="8:8">
      <c r="H100273" s="12"/>
    </row>
    <row r="100274" spans="8:8">
      <c r="H100274" s="12"/>
    </row>
    <row r="100275" spans="8:8">
      <c r="H100275" s="12"/>
    </row>
    <row r="100276" spans="8:8">
      <c r="H100276" s="12"/>
    </row>
    <row r="100277" spans="8:8">
      <c r="H100277" s="12"/>
    </row>
    <row r="100278" spans="8:8">
      <c r="H100278" s="12"/>
    </row>
    <row r="100279" spans="8:8">
      <c r="H100279" s="12"/>
    </row>
    <row r="100280" spans="8:8">
      <c r="H100280" s="12"/>
    </row>
    <row r="100281" spans="8:8">
      <c r="H100281" s="12"/>
    </row>
    <row r="100282" spans="8:8">
      <c r="H100282" s="12"/>
    </row>
    <row r="100283" spans="8:8">
      <c r="H100283" s="12"/>
    </row>
    <row r="100284" spans="8:8">
      <c r="H100284" s="12"/>
    </row>
    <row r="100285" spans="8:8">
      <c r="H100285" s="12"/>
    </row>
    <row r="100286" spans="8:8">
      <c r="H100286" s="12"/>
    </row>
    <row r="100287" spans="8:8">
      <c r="H100287" s="12"/>
    </row>
    <row r="100288" spans="8:8">
      <c r="H100288" s="12"/>
    </row>
    <row r="100289" spans="8:8">
      <c r="H100289" s="12"/>
    </row>
    <row r="100290" spans="8:8">
      <c r="H100290" s="12"/>
    </row>
    <row r="100291" spans="8:8">
      <c r="H100291" s="12"/>
    </row>
    <row r="100292" spans="8:8">
      <c r="H100292" s="12"/>
    </row>
    <row r="100293" spans="8:8">
      <c r="H100293" s="12"/>
    </row>
    <row r="100294" spans="8:8">
      <c r="H100294" s="12"/>
    </row>
    <row r="100295" spans="8:8">
      <c r="H100295" s="12"/>
    </row>
    <row r="100296" spans="8:8">
      <c r="H100296" s="12"/>
    </row>
    <row r="100297" spans="8:8">
      <c r="H100297" s="12"/>
    </row>
    <row r="100298" spans="8:8">
      <c r="H100298" s="12"/>
    </row>
    <row r="100299" spans="8:8">
      <c r="H100299" s="12"/>
    </row>
    <row r="100300" spans="8:8">
      <c r="H100300" s="12"/>
    </row>
    <row r="100301" spans="8:8">
      <c r="H100301" s="12"/>
    </row>
    <row r="100302" spans="8:8">
      <c r="H100302" s="12"/>
    </row>
    <row r="100303" spans="8:8">
      <c r="H100303" s="12"/>
    </row>
    <row r="100304" spans="8:8">
      <c r="H100304" s="12"/>
    </row>
    <row r="100305" spans="8:8">
      <c r="H100305" s="12"/>
    </row>
    <row r="100306" spans="8:8">
      <c r="H100306" s="12"/>
    </row>
    <row r="100307" spans="8:8">
      <c r="H100307" s="12"/>
    </row>
    <row r="100308" spans="8:8">
      <c r="H100308" s="12"/>
    </row>
    <row r="100309" spans="8:8">
      <c r="H100309" s="12"/>
    </row>
    <row r="100310" spans="8:8">
      <c r="H100310" s="12"/>
    </row>
    <row r="100311" spans="8:8">
      <c r="H100311" s="12"/>
    </row>
    <row r="100312" spans="8:8">
      <c r="H100312" s="12"/>
    </row>
    <row r="100313" spans="8:8">
      <c r="H100313" s="12"/>
    </row>
    <row r="100314" spans="8:8">
      <c r="H100314" s="12"/>
    </row>
    <row r="100315" spans="8:8">
      <c r="H100315" s="12"/>
    </row>
    <row r="100316" spans="8:8">
      <c r="H100316" s="12"/>
    </row>
    <row r="100317" spans="8:8">
      <c r="H100317" s="12"/>
    </row>
    <row r="100318" spans="8:8">
      <c r="H100318" s="12"/>
    </row>
    <row r="100319" spans="8:8">
      <c r="H100319" s="12"/>
    </row>
    <row r="100320" spans="8:8">
      <c r="H100320" s="12"/>
    </row>
    <row r="100321" spans="8:8">
      <c r="H100321" s="12"/>
    </row>
    <row r="100322" spans="8:8">
      <c r="H100322" s="12"/>
    </row>
    <row r="100323" spans="8:8">
      <c r="H100323" s="12"/>
    </row>
    <row r="100324" spans="8:8">
      <c r="H100324" s="12"/>
    </row>
    <row r="100325" spans="8:8">
      <c r="H100325" s="12"/>
    </row>
    <row r="100326" spans="8:8">
      <c r="H100326" s="12"/>
    </row>
    <row r="100327" spans="8:8">
      <c r="H100327" s="12"/>
    </row>
    <row r="100328" spans="8:8">
      <c r="H100328" s="12"/>
    </row>
    <row r="100329" spans="8:8">
      <c r="H100329" s="12"/>
    </row>
    <row r="100330" spans="8:8">
      <c r="H100330" s="12"/>
    </row>
    <row r="100331" spans="8:8">
      <c r="H100331" s="12"/>
    </row>
    <row r="100332" spans="8:8">
      <c r="H100332" s="12"/>
    </row>
    <row r="100333" spans="8:8">
      <c r="H100333" s="12"/>
    </row>
    <row r="100334" spans="8:8">
      <c r="H100334" s="12"/>
    </row>
    <row r="100335" spans="8:8">
      <c r="H100335" s="12"/>
    </row>
    <row r="100336" spans="8:8">
      <c r="H100336" s="12"/>
    </row>
    <row r="100337" spans="8:8">
      <c r="H100337" s="12"/>
    </row>
    <row r="100338" spans="8:8">
      <c r="H100338" s="12"/>
    </row>
    <row r="100339" spans="8:8">
      <c r="H100339" s="12"/>
    </row>
    <row r="100340" spans="8:8">
      <c r="H100340" s="12"/>
    </row>
    <row r="100341" spans="8:8">
      <c r="H100341" s="12"/>
    </row>
    <row r="100342" spans="8:8">
      <c r="H100342" s="12"/>
    </row>
    <row r="100343" spans="8:8">
      <c r="H100343" s="12"/>
    </row>
    <row r="100344" spans="8:8">
      <c r="H100344" s="12"/>
    </row>
    <row r="100345" spans="8:8">
      <c r="H100345" s="12"/>
    </row>
    <row r="100346" spans="8:8">
      <c r="H100346" s="12"/>
    </row>
    <row r="100347" spans="8:8">
      <c r="H100347" s="12"/>
    </row>
    <row r="100348" spans="8:8">
      <c r="H100348" s="12"/>
    </row>
    <row r="100349" spans="8:8">
      <c r="H100349" s="12"/>
    </row>
    <row r="100350" spans="8:8">
      <c r="H100350" s="12"/>
    </row>
    <row r="100351" spans="8:8">
      <c r="H100351" s="12"/>
    </row>
    <row r="100352" spans="8:8">
      <c r="H100352" s="12"/>
    </row>
    <row r="100353" spans="8:8">
      <c r="H100353" s="12"/>
    </row>
    <row r="100354" spans="8:8">
      <c r="H100354" s="12"/>
    </row>
    <row r="100355" spans="8:8">
      <c r="H100355" s="12"/>
    </row>
    <row r="100356" spans="8:8">
      <c r="H100356" s="12"/>
    </row>
    <row r="100357" spans="8:8">
      <c r="H100357" s="12"/>
    </row>
    <row r="100358" spans="8:8">
      <c r="H100358" s="12"/>
    </row>
    <row r="100359" spans="8:8">
      <c r="H100359" s="12"/>
    </row>
    <row r="100360" spans="8:8">
      <c r="H100360" s="12"/>
    </row>
    <row r="100361" spans="8:8">
      <c r="H100361" s="12"/>
    </row>
    <row r="100362" spans="8:8">
      <c r="H100362" s="12"/>
    </row>
    <row r="100363" spans="8:8">
      <c r="H100363" s="12"/>
    </row>
    <row r="100364" spans="8:8">
      <c r="H100364" s="12"/>
    </row>
    <row r="100365" spans="8:8">
      <c r="H100365" s="12"/>
    </row>
    <row r="100366" spans="8:8">
      <c r="H100366" s="12"/>
    </row>
    <row r="100367" spans="8:8">
      <c r="H100367" s="12"/>
    </row>
    <row r="100368" spans="8:8">
      <c r="H100368" s="12"/>
    </row>
    <row r="100369" spans="8:8">
      <c r="H100369" s="12"/>
    </row>
    <row r="100370" spans="8:8">
      <c r="H100370" s="12"/>
    </row>
    <row r="100371" spans="8:8">
      <c r="H100371" s="12"/>
    </row>
    <row r="100372" spans="8:8">
      <c r="H100372" s="12"/>
    </row>
    <row r="100373" spans="8:8">
      <c r="H100373" s="12"/>
    </row>
    <row r="100374" spans="8:8">
      <c r="H100374" s="12"/>
    </row>
    <row r="100375" spans="8:8">
      <c r="H100375" s="12"/>
    </row>
    <row r="100376" spans="8:8">
      <c r="H100376" s="12"/>
    </row>
    <row r="100377" spans="8:8">
      <c r="H100377" s="12"/>
    </row>
    <row r="100378" spans="8:8">
      <c r="H100378" s="12"/>
    </row>
    <row r="100379" spans="8:8">
      <c r="H100379" s="12"/>
    </row>
    <row r="100380" spans="8:8">
      <c r="H100380" s="12"/>
    </row>
    <row r="100381" spans="8:8">
      <c r="H100381" s="12"/>
    </row>
    <row r="100382" spans="8:8">
      <c r="H100382" s="12"/>
    </row>
    <row r="100383" spans="8:8">
      <c r="H100383" s="12"/>
    </row>
    <row r="100384" spans="8:8">
      <c r="H100384" s="12"/>
    </row>
    <row r="100385" spans="8:8">
      <c r="H100385" s="12"/>
    </row>
    <row r="100386" spans="8:8">
      <c r="H100386" s="12"/>
    </row>
    <row r="100387" spans="8:8">
      <c r="H100387" s="12"/>
    </row>
    <row r="100388" spans="8:8">
      <c r="H100388" s="12"/>
    </row>
    <row r="100389" spans="8:8">
      <c r="H100389" s="12"/>
    </row>
    <row r="100390" spans="8:8">
      <c r="H100390" s="12"/>
    </row>
    <row r="100391" spans="8:8">
      <c r="H100391" s="12"/>
    </row>
    <row r="100392" spans="8:8">
      <c r="H100392" s="12"/>
    </row>
    <row r="100393" spans="8:8">
      <c r="H100393" s="12"/>
    </row>
    <row r="100394" spans="8:8">
      <c r="H100394" s="12"/>
    </row>
    <row r="100395" spans="8:8">
      <c r="H100395" s="12"/>
    </row>
    <row r="100396" spans="8:8">
      <c r="H100396" s="12"/>
    </row>
    <row r="100397" spans="8:8">
      <c r="H100397" s="12"/>
    </row>
    <row r="100398" spans="8:8">
      <c r="H100398" s="12"/>
    </row>
    <row r="100399" spans="8:8">
      <c r="H100399" s="12"/>
    </row>
    <row r="100400" spans="8:8">
      <c r="H100400" s="12"/>
    </row>
    <row r="100401" spans="8:8">
      <c r="H100401" s="12"/>
    </row>
    <row r="100402" spans="8:8">
      <c r="H100402" s="12"/>
    </row>
    <row r="100403" spans="8:8">
      <c r="H100403" s="12"/>
    </row>
    <row r="100404" spans="8:8">
      <c r="H100404" s="12"/>
    </row>
    <row r="100405" spans="8:8">
      <c r="H100405" s="12"/>
    </row>
    <row r="100406" spans="8:8">
      <c r="H100406" s="12"/>
    </row>
    <row r="100407" spans="8:8">
      <c r="H100407" s="12"/>
    </row>
    <row r="100408" spans="8:8">
      <c r="H100408" s="12"/>
    </row>
    <row r="100409" spans="8:8">
      <c r="H100409" s="12"/>
    </row>
    <row r="100410" spans="8:8">
      <c r="H100410" s="12"/>
    </row>
    <row r="100411" spans="8:8">
      <c r="H100411" s="12"/>
    </row>
    <row r="100412" spans="8:8">
      <c r="H100412" s="12"/>
    </row>
    <row r="100413" spans="8:8">
      <c r="H100413" s="12"/>
    </row>
    <row r="100414" spans="8:8">
      <c r="H100414" s="12"/>
    </row>
    <row r="100415" spans="8:8">
      <c r="H100415" s="12"/>
    </row>
    <row r="100416" spans="8:8">
      <c r="H100416" s="12"/>
    </row>
    <row r="100417" spans="8:8">
      <c r="H100417" s="12"/>
    </row>
    <row r="100418" spans="8:8">
      <c r="H100418" s="12"/>
    </row>
    <row r="100419" spans="8:8">
      <c r="H100419" s="12"/>
    </row>
    <row r="100420" spans="8:8">
      <c r="H100420" s="12"/>
    </row>
    <row r="100421" spans="8:8">
      <c r="H100421" s="12"/>
    </row>
    <row r="100422" spans="8:8">
      <c r="H100422" s="12"/>
    </row>
    <row r="100423" spans="8:8">
      <c r="H100423" s="12"/>
    </row>
    <row r="100424" spans="8:8">
      <c r="H100424" s="12"/>
    </row>
    <row r="100425" spans="8:8">
      <c r="H100425" s="12"/>
    </row>
    <row r="100426" spans="8:8">
      <c r="H100426" s="12"/>
    </row>
    <row r="100427" spans="8:8">
      <c r="H100427" s="12"/>
    </row>
    <row r="100428" spans="8:8">
      <c r="H100428" s="12"/>
    </row>
    <row r="100429" spans="8:8">
      <c r="H100429" s="12"/>
    </row>
    <row r="100430" spans="8:8">
      <c r="H100430" s="12"/>
    </row>
    <row r="100431" spans="8:8">
      <c r="H100431" s="12"/>
    </row>
    <row r="100432" spans="8:8">
      <c r="H100432" s="12"/>
    </row>
    <row r="100433" spans="8:8">
      <c r="H100433" s="12"/>
    </row>
    <row r="100434" spans="8:8">
      <c r="H100434" s="12"/>
    </row>
    <row r="100435" spans="8:8">
      <c r="H100435" s="12"/>
    </row>
    <row r="100436" spans="8:8">
      <c r="H100436" s="12"/>
    </row>
    <row r="100437" spans="8:8">
      <c r="H100437" s="12"/>
    </row>
    <row r="100438" spans="8:8">
      <c r="H100438" s="12"/>
    </row>
    <row r="100439" spans="8:8">
      <c r="H100439" s="12"/>
    </row>
    <row r="100440" spans="8:8">
      <c r="H100440" s="12"/>
    </row>
    <row r="100441" spans="8:8">
      <c r="H100441" s="12"/>
    </row>
    <row r="100442" spans="8:8">
      <c r="H100442" s="12"/>
    </row>
    <row r="100443" spans="8:8">
      <c r="H100443" s="12"/>
    </row>
    <row r="100444" spans="8:8">
      <c r="H100444" s="12"/>
    </row>
    <row r="100445" spans="8:8">
      <c r="H100445" s="12"/>
    </row>
    <row r="100446" spans="8:8">
      <c r="H100446" s="12"/>
    </row>
    <row r="100447" spans="8:8">
      <c r="H100447" s="12"/>
    </row>
    <row r="100448" spans="8:8">
      <c r="H100448" s="12"/>
    </row>
    <row r="100449" spans="8:8">
      <c r="H100449" s="12"/>
    </row>
    <row r="100450" spans="8:8">
      <c r="H100450" s="12"/>
    </row>
    <row r="100451" spans="8:8">
      <c r="H100451" s="12"/>
    </row>
    <row r="100452" spans="8:8">
      <c r="H100452" s="12"/>
    </row>
    <row r="100453" spans="8:8">
      <c r="H100453" s="12"/>
    </row>
    <row r="100454" spans="8:8">
      <c r="H100454" s="12"/>
    </row>
    <row r="100455" spans="8:8">
      <c r="H100455" s="12"/>
    </row>
    <row r="100456" spans="8:8">
      <c r="H100456" s="12"/>
    </row>
    <row r="100457" spans="8:8">
      <c r="H100457" s="12"/>
    </row>
    <row r="100458" spans="8:8">
      <c r="H100458" s="12"/>
    </row>
    <row r="100459" spans="8:8">
      <c r="H100459" s="12"/>
    </row>
    <row r="100460" spans="8:8">
      <c r="H100460" s="12"/>
    </row>
    <row r="100461" spans="8:8">
      <c r="H100461" s="12"/>
    </row>
    <row r="100462" spans="8:8">
      <c r="H100462" s="12"/>
    </row>
    <row r="100463" spans="8:8">
      <c r="H100463" s="12"/>
    </row>
    <row r="100464" spans="8:8">
      <c r="H100464" s="12"/>
    </row>
    <row r="100465" spans="8:8">
      <c r="H100465" s="12"/>
    </row>
    <row r="100466" spans="8:8">
      <c r="H100466" s="12"/>
    </row>
    <row r="100467" spans="8:8">
      <c r="H100467" s="12"/>
    </row>
    <row r="100468" spans="8:8">
      <c r="H100468" s="12"/>
    </row>
    <row r="100469" spans="8:8">
      <c r="H100469" s="12"/>
    </row>
    <row r="100470" spans="8:8">
      <c r="H100470" s="12"/>
    </row>
    <row r="100471" spans="8:8">
      <c r="H100471" s="12"/>
    </row>
    <row r="100472" spans="8:8">
      <c r="H100472" s="12"/>
    </row>
    <row r="100473" spans="8:8">
      <c r="H100473" s="12"/>
    </row>
    <row r="100474" spans="8:8">
      <c r="H100474" s="12"/>
    </row>
    <row r="100475" spans="8:8">
      <c r="H100475" s="12"/>
    </row>
    <row r="100476" spans="8:8">
      <c r="H100476" s="12"/>
    </row>
    <row r="100477" spans="8:8">
      <c r="H100477" s="12"/>
    </row>
    <row r="100478" spans="8:8">
      <c r="H100478" s="12"/>
    </row>
    <row r="100479" spans="8:8">
      <c r="H100479" s="12"/>
    </row>
    <row r="100480" spans="8:8">
      <c r="H100480" s="12"/>
    </row>
    <row r="100481" spans="8:8">
      <c r="H100481" s="12"/>
    </row>
    <row r="100482" spans="8:8">
      <c r="H100482" s="12"/>
    </row>
    <row r="100483" spans="8:8">
      <c r="H100483" s="12"/>
    </row>
    <row r="100484" spans="8:8">
      <c r="H100484" s="12"/>
    </row>
    <row r="100485" spans="8:8">
      <c r="H100485" s="12"/>
    </row>
    <row r="100486" spans="8:8">
      <c r="H100486" s="12"/>
    </row>
    <row r="100487" spans="8:8">
      <c r="H100487" s="12"/>
    </row>
    <row r="100488" spans="8:8">
      <c r="H100488" s="12"/>
    </row>
    <row r="100489" spans="8:8">
      <c r="H100489" s="12"/>
    </row>
    <row r="100490" spans="8:8">
      <c r="H100490" s="12"/>
    </row>
    <row r="100491" spans="8:8">
      <c r="H100491" s="12"/>
    </row>
    <row r="100492" spans="8:8">
      <c r="H100492" s="12"/>
    </row>
    <row r="100493" spans="8:8">
      <c r="H100493" s="12"/>
    </row>
    <row r="100494" spans="8:8">
      <c r="H100494" s="12"/>
    </row>
    <row r="100495" spans="8:8">
      <c r="H100495" s="12"/>
    </row>
    <row r="100496" spans="8:8">
      <c r="H100496" s="12"/>
    </row>
    <row r="100497" spans="8:8">
      <c r="H100497" s="12"/>
    </row>
    <row r="100498" spans="8:8">
      <c r="H100498" s="12"/>
    </row>
    <row r="100499" spans="8:8">
      <c r="H100499" s="12"/>
    </row>
    <row r="100500" spans="8:8">
      <c r="H100500" s="12"/>
    </row>
    <row r="100501" spans="8:8">
      <c r="H100501" s="12"/>
    </row>
    <row r="100502" spans="8:8">
      <c r="H100502" s="12"/>
    </row>
    <row r="100503" spans="8:8">
      <c r="H100503" s="12"/>
    </row>
    <row r="100504" spans="8:8">
      <c r="H100504" s="12"/>
    </row>
    <row r="100505" spans="8:8">
      <c r="H100505" s="12"/>
    </row>
    <row r="100506" spans="8:8">
      <c r="H100506" s="12"/>
    </row>
    <row r="100507" spans="8:8">
      <c r="H100507" s="12"/>
    </row>
    <row r="100508" spans="8:8">
      <c r="H100508" s="12"/>
    </row>
    <row r="100509" spans="8:8">
      <c r="H100509" s="12"/>
    </row>
    <row r="100510" spans="8:8">
      <c r="H100510" s="12"/>
    </row>
    <row r="100511" spans="8:8">
      <c r="H100511" s="12"/>
    </row>
    <row r="100512" spans="8:8">
      <c r="H100512" s="12"/>
    </row>
    <row r="100513" spans="8:8">
      <c r="H100513" s="12"/>
    </row>
    <row r="100514" spans="8:8">
      <c r="H100514" s="12"/>
    </row>
    <row r="100515" spans="8:8">
      <c r="H100515" s="12"/>
    </row>
    <row r="100516" spans="8:8">
      <c r="H100516" s="12"/>
    </row>
    <row r="100517" spans="8:8">
      <c r="H100517" s="12"/>
    </row>
    <row r="100518" spans="8:8">
      <c r="H100518" s="12"/>
    </row>
    <row r="100519" spans="8:8">
      <c r="H100519" s="12"/>
    </row>
    <row r="100520" spans="8:8">
      <c r="H100520" s="12"/>
    </row>
    <row r="100521" spans="8:8">
      <c r="H100521" s="12"/>
    </row>
    <row r="100522" spans="8:8">
      <c r="H100522" s="12"/>
    </row>
    <row r="100523" spans="8:8">
      <c r="H100523" s="12"/>
    </row>
    <row r="100524" spans="8:8">
      <c r="H100524" s="12"/>
    </row>
    <row r="100525" spans="8:8">
      <c r="H100525" s="12"/>
    </row>
    <row r="100526" spans="8:8">
      <c r="H100526" s="12"/>
    </row>
    <row r="100527" spans="8:8">
      <c r="H100527" s="12"/>
    </row>
    <row r="100528" spans="8:8">
      <c r="H100528" s="12"/>
    </row>
    <row r="100529" spans="8:8">
      <c r="H100529" s="12"/>
    </row>
    <row r="100530" spans="8:8">
      <c r="H100530" s="12"/>
    </row>
    <row r="100531" spans="8:8">
      <c r="H100531" s="12"/>
    </row>
    <row r="100532" spans="8:8">
      <c r="H100532" s="12"/>
    </row>
    <row r="100533" spans="8:8">
      <c r="H100533" s="12"/>
    </row>
    <row r="100534" spans="8:8">
      <c r="H100534" s="12"/>
    </row>
    <row r="100535" spans="8:8">
      <c r="H100535" s="12"/>
    </row>
    <row r="100536" spans="8:8">
      <c r="H100536" s="12"/>
    </row>
    <row r="100537" spans="8:8">
      <c r="H100537" s="12"/>
    </row>
    <row r="100538" spans="8:8">
      <c r="H100538" s="12"/>
    </row>
    <row r="100539" spans="8:8">
      <c r="H100539" s="12"/>
    </row>
    <row r="100540" spans="8:8">
      <c r="H100540" s="12"/>
    </row>
    <row r="100541" spans="8:8">
      <c r="H100541" s="12"/>
    </row>
    <row r="100542" spans="8:8">
      <c r="H100542" s="12"/>
    </row>
    <row r="100543" spans="8:8">
      <c r="H100543" s="12"/>
    </row>
    <row r="100544" spans="8:8">
      <c r="H100544" s="12"/>
    </row>
    <row r="100545" spans="8:8">
      <c r="H100545" s="12"/>
    </row>
    <row r="100546" spans="8:8">
      <c r="H100546" s="12"/>
    </row>
    <row r="100547" spans="8:8">
      <c r="H100547" s="12"/>
    </row>
    <row r="100548" spans="8:8">
      <c r="H100548" s="12"/>
    </row>
    <row r="100549" spans="8:8">
      <c r="H100549" s="12"/>
    </row>
    <row r="100550" spans="8:8">
      <c r="H100550" s="12"/>
    </row>
    <row r="100551" spans="8:8">
      <c r="H100551" s="12"/>
    </row>
    <row r="100552" spans="8:8">
      <c r="H100552" s="12"/>
    </row>
    <row r="100553" spans="8:8">
      <c r="H100553" s="12"/>
    </row>
    <row r="100554" spans="8:8">
      <c r="H100554" s="12"/>
    </row>
    <row r="100555" spans="8:8">
      <c r="H100555" s="12"/>
    </row>
    <row r="100556" spans="8:8">
      <c r="H100556" s="12"/>
    </row>
    <row r="100557" spans="8:8">
      <c r="H100557" s="12"/>
    </row>
    <row r="100558" spans="8:8">
      <c r="H100558" s="12"/>
    </row>
    <row r="100559" spans="8:8">
      <c r="H100559" s="12"/>
    </row>
    <row r="100560" spans="8:8">
      <c r="H100560" s="12"/>
    </row>
    <row r="100561" spans="8:8">
      <c r="H100561" s="12"/>
    </row>
    <row r="100562" spans="8:8">
      <c r="H100562" s="12"/>
    </row>
    <row r="100563" spans="8:8">
      <c r="H100563" s="12"/>
    </row>
    <row r="100564" spans="8:8">
      <c r="H100564" s="12"/>
    </row>
    <row r="100565" spans="8:8">
      <c r="H100565" s="12"/>
    </row>
    <row r="100566" spans="8:8">
      <c r="H100566" s="12"/>
    </row>
    <row r="100567" spans="8:8">
      <c r="H100567" s="12"/>
    </row>
    <row r="100568" spans="8:8">
      <c r="H100568" s="12"/>
    </row>
    <row r="100569" spans="8:8">
      <c r="H100569" s="12"/>
    </row>
    <row r="100570" spans="8:8">
      <c r="H100570" s="12"/>
    </row>
    <row r="100571" spans="8:8">
      <c r="H100571" s="12"/>
    </row>
    <row r="100572" spans="8:8">
      <c r="H100572" s="12"/>
    </row>
    <row r="100573" spans="8:8">
      <c r="H100573" s="12"/>
    </row>
    <row r="100574" spans="8:8">
      <c r="H100574" s="12"/>
    </row>
    <row r="100575" spans="8:8">
      <c r="H100575" s="12"/>
    </row>
    <row r="100576" spans="8:8">
      <c r="H100576" s="12"/>
    </row>
    <row r="100577" spans="8:8">
      <c r="H100577" s="12"/>
    </row>
    <row r="100578" spans="8:8">
      <c r="H100578" s="12"/>
    </row>
    <row r="100579" spans="8:8">
      <c r="H100579" s="12"/>
    </row>
    <row r="100580" spans="8:8">
      <c r="H100580" s="12"/>
    </row>
    <row r="100581" spans="8:8">
      <c r="H100581" s="12"/>
    </row>
    <row r="100582" spans="8:8">
      <c r="H100582" s="12"/>
    </row>
    <row r="100583" spans="8:8">
      <c r="H100583" s="12"/>
    </row>
    <row r="100584" spans="8:8">
      <c r="H100584" s="12"/>
    </row>
    <row r="100585" spans="8:8">
      <c r="H100585" s="12"/>
    </row>
    <row r="100586" spans="8:8">
      <c r="H100586" s="12"/>
    </row>
    <row r="100587" spans="8:8">
      <c r="H100587" s="12"/>
    </row>
    <row r="100588" spans="8:8">
      <c r="H100588" s="12"/>
    </row>
    <row r="100589" spans="8:8">
      <c r="H100589" s="12"/>
    </row>
    <row r="100590" spans="8:8">
      <c r="H100590" s="12"/>
    </row>
    <row r="100591" spans="8:8">
      <c r="H100591" s="12"/>
    </row>
    <row r="100592" spans="8:8">
      <c r="H100592" s="12"/>
    </row>
    <row r="100593" spans="8:8">
      <c r="H100593" s="12"/>
    </row>
    <row r="100594" spans="8:8">
      <c r="H100594" s="12"/>
    </row>
    <row r="100595" spans="8:8">
      <c r="H100595" s="12"/>
    </row>
    <row r="100596" spans="8:8">
      <c r="H100596" s="12"/>
    </row>
    <row r="100597" spans="8:8">
      <c r="H100597" s="12"/>
    </row>
    <row r="100598" spans="8:8">
      <c r="H100598" s="12"/>
    </row>
    <row r="100599" spans="8:8">
      <c r="H100599" s="12"/>
    </row>
    <row r="100600" spans="8:8">
      <c r="H100600" s="12"/>
    </row>
    <row r="100601" spans="8:8">
      <c r="H100601" s="12"/>
    </row>
    <row r="100602" spans="8:8">
      <c r="H100602" s="12"/>
    </row>
    <row r="100603" spans="8:8">
      <c r="H100603" s="12"/>
    </row>
    <row r="100604" spans="8:8">
      <c r="H100604" s="12"/>
    </row>
    <row r="100605" spans="8:8">
      <c r="H100605" s="12"/>
    </row>
    <row r="100606" spans="8:8">
      <c r="H100606" s="12"/>
    </row>
    <row r="100607" spans="8:8">
      <c r="H100607" s="12"/>
    </row>
    <row r="100608" spans="8:8">
      <c r="H100608" s="12"/>
    </row>
    <row r="100609" spans="8:8">
      <c r="H100609" s="12"/>
    </row>
    <row r="100610" spans="8:8">
      <c r="H100610" s="12"/>
    </row>
    <row r="100611" spans="8:8">
      <c r="H100611" s="12"/>
    </row>
    <row r="100612" spans="8:8">
      <c r="H100612" s="12"/>
    </row>
    <row r="100613" spans="8:8">
      <c r="H100613" s="12"/>
    </row>
    <row r="100614" spans="8:8">
      <c r="H100614" s="12"/>
    </row>
    <row r="100615" spans="8:8">
      <c r="H100615" s="12"/>
    </row>
    <row r="100616" spans="8:8">
      <c r="H100616" s="12"/>
    </row>
    <row r="100617" spans="8:8">
      <c r="H100617" s="12"/>
    </row>
    <row r="100618" spans="8:8">
      <c r="H100618" s="12"/>
    </row>
    <row r="100619" spans="8:8">
      <c r="H100619" s="12"/>
    </row>
    <row r="100620" spans="8:8">
      <c r="H100620" s="12"/>
    </row>
    <row r="100621" spans="8:8">
      <c r="H100621" s="12"/>
    </row>
    <row r="100622" spans="8:8">
      <c r="H100622" s="12"/>
    </row>
    <row r="100623" spans="8:8">
      <c r="H100623" s="12"/>
    </row>
    <row r="100624" spans="8:8">
      <c r="H100624" s="12"/>
    </row>
    <row r="100625" spans="8:8">
      <c r="H100625" s="12"/>
    </row>
    <row r="100626" spans="8:8">
      <c r="H100626" s="12"/>
    </row>
    <row r="100627" spans="8:8">
      <c r="H100627" s="12"/>
    </row>
    <row r="100628" spans="8:8">
      <c r="H100628" s="12"/>
    </row>
    <row r="100629" spans="8:8">
      <c r="H100629" s="12"/>
    </row>
    <row r="100630" spans="8:8">
      <c r="H100630" s="12"/>
    </row>
    <row r="100631" spans="8:8">
      <c r="H100631" s="12"/>
    </row>
    <row r="100632" spans="8:8">
      <c r="H100632" s="12"/>
    </row>
    <row r="100633" spans="8:8">
      <c r="H100633" s="12"/>
    </row>
    <row r="100634" spans="8:8">
      <c r="H100634" s="12"/>
    </row>
    <row r="100635" spans="8:8">
      <c r="H100635" s="12"/>
    </row>
    <row r="100636" spans="8:8">
      <c r="H100636" s="12"/>
    </row>
    <row r="100637" spans="8:8">
      <c r="H100637" s="12"/>
    </row>
    <row r="100638" spans="8:8">
      <c r="H100638" s="12"/>
    </row>
    <row r="100639" spans="8:8">
      <c r="H100639" s="12"/>
    </row>
    <row r="100640" spans="8:8">
      <c r="H100640" s="12"/>
    </row>
    <row r="100641" spans="8:8">
      <c r="H100641" s="12"/>
    </row>
    <row r="100642" spans="8:8">
      <c r="H100642" s="12"/>
    </row>
    <row r="100643" spans="8:8">
      <c r="H100643" s="12"/>
    </row>
    <row r="100644" spans="8:8">
      <c r="H100644" s="12"/>
    </row>
    <row r="100645" spans="8:8">
      <c r="H100645" s="12"/>
    </row>
    <row r="100646" spans="8:8">
      <c r="H100646" s="12"/>
    </row>
    <row r="100647" spans="8:8">
      <c r="H100647" s="12"/>
    </row>
    <row r="100648" spans="8:8">
      <c r="H100648" s="12"/>
    </row>
    <row r="100649" spans="8:8">
      <c r="H100649" s="12"/>
    </row>
    <row r="100650" spans="8:8">
      <c r="H100650" s="12"/>
    </row>
    <row r="100651" spans="8:8">
      <c r="H100651" s="12"/>
    </row>
    <row r="100652" spans="8:8">
      <c r="H100652" s="12"/>
    </row>
    <row r="100653" spans="8:8">
      <c r="H100653" s="12"/>
    </row>
    <row r="100654" spans="8:8">
      <c r="H100654" s="12"/>
    </row>
    <row r="100655" spans="8:8">
      <c r="H100655" s="12"/>
    </row>
    <row r="100656" spans="8:8">
      <c r="H100656" s="12"/>
    </row>
    <row r="100657" spans="8:8">
      <c r="H100657" s="12"/>
    </row>
    <row r="100658" spans="8:8">
      <c r="H100658" s="12"/>
    </row>
    <row r="100659" spans="8:8">
      <c r="H100659" s="12"/>
    </row>
    <row r="100660" spans="8:8">
      <c r="H100660" s="12"/>
    </row>
    <row r="100661" spans="8:8">
      <c r="H100661" s="12"/>
    </row>
    <row r="100662" spans="8:8">
      <c r="H100662" s="12"/>
    </row>
    <row r="100663" spans="8:8">
      <c r="H100663" s="12"/>
    </row>
    <row r="100664" spans="8:8">
      <c r="H100664" s="12"/>
    </row>
    <row r="100665" spans="8:8">
      <c r="H100665" s="12"/>
    </row>
    <row r="100666" spans="8:8">
      <c r="H100666" s="12"/>
    </row>
    <row r="100667" spans="8:8">
      <c r="H100667" s="12"/>
    </row>
    <row r="100668" spans="8:8">
      <c r="H100668" s="12"/>
    </row>
    <row r="100669" spans="8:8">
      <c r="H100669" s="12"/>
    </row>
    <row r="100670" spans="8:8">
      <c r="H100670" s="12"/>
    </row>
    <row r="100671" spans="8:8">
      <c r="H100671" s="12"/>
    </row>
    <row r="100672" spans="8:8">
      <c r="H100672" s="12"/>
    </row>
    <row r="100673" spans="8:8">
      <c r="H100673" s="12"/>
    </row>
    <row r="100674" spans="8:8">
      <c r="H100674" s="12"/>
    </row>
    <row r="100675" spans="8:8">
      <c r="H100675" s="12"/>
    </row>
    <row r="100676" spans="8:8">
      <c r="H100676" s="12"/>
    </row>
    <row r="100677" spans="8:8">
      <c r="H100677" s="12"/>
    </row>
    <row r="100678" spans="8:8">
      <c r="H100678" s="12"/>
    </row>
    <row r="100679" spans="8:8">
      <c r="H100679" s="12"/>
    </row>
    <row r="100680" spans="8:8">
      <c r="H100680" s="12"/>
    </row>
    <row r="100681" spans="8:8">
      <c r="H100681" s="12"/>
    </row>
    <row r="100682" spans="8:8">
      <c r="H100682" s="12"/>
    </row>
    <row r="100683" spans="8:8">
      <c r="H100683" s="12"/>
    </row>
    <row r="100684" spans="8:8">
      <c r="H100684" s="12"/>
    </row>
    <row r="100685" spans="8:8">
      <c r="H100685" s="12"/>
    </row>
    <row r="100686" spans="8:8">
      <c r="H100686" s="12"/>
    </row>
    <row r="100687" spans="8:8">
      <c r="H100687" s="12"/>
    </row>
    <row r="100688" spans="8:8">
      <c r="H100688" s="12"/>
    </row>
    <row r="100689" spans="8:8">
      <c r="H100689" s="12"/>
    </row>
    <row r="100690" spans="8:8">
      <c r="H100690" s="12"/>
    </row>
    <row r="100691" spans="8:8">
      <c r="H100691" s="12"/>
    </row>
    <row r="100692" spans="8:8">
      <c r="H100692" s="12"/>
    </row>
    <row r="100693" spans="8:8">
      <c r="H100693" s="12"/>
    </row>
    <row r="100694" spans="8:8">
      <c r="H100694" s="12"/>
    </row>
    <row r="100695" spans="8:8">
      <c r="H100695" s="12"/>
    </row>
    <row r="100696" spans="8:8">
      <c r="H100696" s="12"/>
    </row>
    <row r="100697" spans="8:8">
      <c r="H100697" s="12"/>
    </row>
    <row r="100698" spans="8:8">
      <c r="H100698" s="12"/>
    </row>
    <row r="100699" spans="8:8">
      <c r="H100699" s="12"/>
    </row>
    <row r="100700" spans="8:8">
      <c r="H100700" s="12"/>
    </row>
    <row r="100701" spans="8:8">
      <c r="H100701" s="12"/>
    </row>
    <row r="100702" spans="8:8">
      <c r="H100702" s="12"/>
    </row>
    <row r="100703" spans="8:8">
      <c r="H100703" s="12"/>
    </row>
    <row r="100704" spans="8:8">
      <c r="H100704" s="12"/>
    </row>
    <row r="100705" spans="8:8">
      <c r="H100705" s="12"/>
    </row>
    <row r="100706" spans="8:8">
      <c r="H100706" s="12"/>
    </row>
    <row r="100707" spans="8:8">
      <c r="H100707" s="12"/>
    </row>
    <row r="100708" spans="8:8">
      <c r="H100708" s="12"/>
    </row>
    <row r="100709" spans="8:8">
      <c r="H100709" s="12"/>
    </row>
    <row r="100710" spans="8:8">
      <c r="H100710" s="12"/>
    </row>
    <row r="100711" spans="8:8">
      <c r="H100711" s="12"/>
    </row>
    <row r="100712" spans="8:8">
      <c r="H100712" s="12"/>
    </row>
    <row r="100713" spans="8:8">
      <c r="H100713" s="12"/>
    </row>
    <row r="100714" spans="8:8">
      <c r="H100714" s="12"/>
    </row>
    <row r="100715" spans="8:8">
      <c r="H100715" s="12"/>
    </row>
    <row r="100716" spans="8:8">
      <c r="H100716" s="12"/>
    </row>
    <row r="100717" spans="8:8">
      <c r="H100717" s="12"/>
    </row>
    <row r="100718" spans="8:8">
      <c r="H100718" s="12"/>
    </row>
    <row r="100719" spans="8:8">
      <c r="H100719" s="12"/>
    </row>
    <row r="100720" spans="8:8">
      <c r="H100720" s="12"/>
    </row>
    <row r="100721" spans="8:8">
      <c r="H100721" s="12"/>
    </row>
    <row r="100722" spans="8:8">
      <c r="H100722" s="12"/>
    </row>
    <row r="100723" spans="8:8">
      <c r="H100723" s="12"/>
    </row>
    <row r="100724" spans="8:8">
      <c r="H100724" s="12"/>
    </row>
    <row r="100725" spans="8:8">
      <c r="H100725" s="12"/>
    </row>
    <row r="100726" spans="8:8">
      <c r="H100726" s="12"/>
    </row>
    <row r="100727" spans="8:8">
      <c r="H100727" s="12"/>
    </row>
    <row r="100728" spans="8:8">
      <c r="H100728" s="12"/>
    </row>
    <row r="100729" spans="8:8">
      <c r="H100729" s="12"/>
    </row>
    <row r="100730" spans="8:8">
      <c r="H100730" s="12"/>
    </row>
    <row r="100731" spans="8:8">
      <c r="H100731" s="12"/>
    </row>
    <row r="100732" spans="8:8">
      <c r="H100732" s="12"/>
    </row>
    <row r="100733" spans="8:8">
      <c r="H100733" s="12"/>
    </row>
    <row r="100734" spans="8:8">
      <c r="H100734" s="12"/>
    </row>
    <row r="100735" spans="8:8">
      <c r="H100735" s="12"/>
    </row>
    <row r="100736" spans="8:8">
      <c r="H100736" s="12"/>
    </row>
    <row r="100737" spans="8:8">
      <c r="H100737" s="12"/>
    </row>
    <row r="100738" spans="8:8">
      <c r="H100738" s="12"/>
    </row>
    <row r="100739" spans="8:8">
      <c r="H100739" s="12"/>
    </row>
    <row r="100740" spans="8:8">
      <c r="H100740" s="12"/>
    </row>
    <row r="100741" spans="8:8">
      <c r="H100741" s="12"/>
    </row>
    <row r="100742" spans="8:8">
      <c r="H100742" s="12"/>
    </row>
    <row r="100743" spans="8:8">
      <c r="H100743" s="12"/>
    </row>
    <row r="100744" spans="8:8">
      <c r="H100744" s="12"/>
    </row>
    <row r="100745" spans="8:8">
      <c r="H100745" s="12"/>
    </row>
    <row r="100746" spans="8:8">
      <c r="H100746" s="12"/>
    </row>
    <row r="100747" spans="8:8">
      <c r="H100747" s="12"/>
    </row>
    <row r="100748" spans="8:8">
      <c r="H100748" s="12"/>
    </row>
    <row r="100749" spans="8:8">
      <c r="H100749" s="12"/>
    </row>
    <row r="100750" spans="8:8">
      <c r="H100750" s="12"/>
    </row>
    <row r="100751" spans="8:8">
      <c r="H100751" s="12"/>
    </row>
    <row r="100752" spans="8:8">
      <c r="H100752" s="12"/>
    </row>
    <row r="100753" spans="8:8">
      <c r="H100753" s="12"/>
    </row>
    <row r="100754" spans="8:8">
      <c r="H100754" s="12"/>
    </row>
    <row r="100755" spans="8:8">
      <c r="H100755" s="12"/>
    </row>
    <row r="100756" spans="8:8">
      <c r="H100756" s="12"/>
    </row>
    <row r="100757" spans="8:8">
      <c r="H100757" s="12"/>
    </row>
    <row r="100758" spans="8:8">
      <c r="H100758" s="12"/>
    </row>
    <row r="100759" spans="8:8">
      <c r="H100759" s="12"/>
    </row>
    <row r="100760" spans="8:8">
      <c r="H100760" s="12"/>
    </row>
    <row r="100761" spans="8:8">
      <c r="H100761" s="12"/>
    </row>
    <row r="100762" spans="8:8">
      <c r="H100762" s="12"/>
    </row>
    <row r="100763" spans="8:8">
      <c r="H100763" s="12"/>
    </row>
    <row r="100764" spans="8:8">
      <c r="H100764" s="12"/>
    </row>
    <row r="100765" spans="8:8">
      <c r="H100765" s="12"/>
    </row>
    <row r="100766" spans="8:8">
      <c r="H100766" s="12"/>
    </row>
    <row r="100767" spans="8:8">
      <c r="H100767" s="12"/>
    </row>
    <row r="100768" spans="8:8">
      <c r="H100768" s="12"/>
    </row>
    <row r="100769" spans="8:8">
      <c r="H100769" s="12"/>
    </row>
    <row r="100770" spans="8:8">
      <c r="H100770" s="12"/>
    </row>
    <row r="100771" spans="8:8">
      <c r="H100771" s="12"/>
    </row>
    <row r="100772" spans="8:8">
      <c r="H100772" s="12"/>
    </row>
    <row r="100773" spans="8:8">
      <c r="H100773" s="12"/>
    </row>
    <row r="100774" spans="8:8">
      <c r="H100774" s="12"/>
    </row>
    <row r="100775" spans="8:8">
      <c r="H100775" s="12"/>
    </row>
    <row r="100776" spans="8:8">
      <c r="H100776" s="12"/>
    </row>
    <row r="100777" spans="8:8">
      <c r="H100777" s="12"/>
    </row>
    <row r="100778" spans="8:8">
      <c r="H100778" s="12"/>
    </row>
    <row r="100779" spans="8:8">
      <c r="H100779" s="12"/>
    </row>
    <row r="100780" spans="8:8">
      <c r="H100780" s="12"/>
    </row>
    <row r="100781" spans="8:8">
      <c r="H100781" s="12"/>
    </row>
    <row r="100782" spans="8:8">
      <c r="H100782" s="12"/>
    </row>
    <row r="100783" spans="8:8">
      <c r="H100783" s="12"/>
    </row>
    <row r="100784" spans="8:8">
      <c r="H100784" s="12"/>
    </row>
    <row r="100785" spans="8:8">
      <c r="H100785" s="12"/>
    </row>
    <row r="100786" spans="8:8">
      <c r="H100786" s="12"/>
    </row>
    <row r="100787" spans="8:8">
      <c r="H100787" s="12"/>
    </row>
    <row r="100788" spans="8:8">
      <c r="H100788" s="12"/>
    </row>
    <row r="100789" spans="8:8">
      <c r="H100789" s="12"/>
    </row>
    <row r="100790" spans="8:8">
      <c r="H100790" s="12"/>
    </row>
    <row r="100791" spans="8:8">
      <c r="H100791" s="12"/>
    </row>
    <row r="100792" spans="8:8">
      <c r="H100792" s="12"/>
    </row>
    <row r="100793" spans="8:8">
      <c r="H100793" s="12"/>
    </row>
    <row r="100794" spans="8:8">
      <c r="H100794" s="12"/>
    </row>
    <row r="100795" spans="8:8">
      <c r="H100795" s="12"/>
    </row>
    <row r="100796" spans="8:8">
      <c r="H100796" s="12"/>
    </row>
    <row r="100797" spans="8:8">
      <c r="H100797" s="12"/>
    </row>
    <row r="100798" spans="8:8">
      <c r="H100798" s="12"/>
    </row>
    <row r="100799" spans="8:8">
      <c r="H100799" s="12"/>
    </row>
    <row r="100800" spans="8:8">
      <c r="H100800" s="12"/>
    </row>
    <row r="100801" spans="8:8">
      <c r="H100801" s="12"/>
    </row>
    <row r="100802" spans="8:8">
      <c r="H100802" s="12"/>
    </row>
    <row r="100803" spans="8:8">
      <c r="H100803" s="12"/>
    </row>
    <row r="100804" spans="8:8">
      <c r="H100804" s="12"/>
    </row>
    <row r="100805" spans="8:8">
      <c r="H100805" s="12"/>
    </row>
    <row r="100806" spans="8:8">
      <c r="H100806" s="12"/>
    </row>
    <row r="100807" spans="8:8">
      <c r="H100807" s="12"/>
    </row>
    <row r="100808" spans="8:8">
      <c r="H100808" s="12"/>
    </row>
    <row r="100809" spans="8:8">
      <c r="H100809" s="12"/>
    </row>
    <row r="100810" spans="8:8">
      <c r="H100810" s="12"/>
    </row>
    <row r="100811" spans="8:8">
      <c r="H100811" s="12"/>
    </row>
    <row r="100812" spans="8:8">
      <c r="H100812" s="12"/>
    </row>
    <row r="100813" spans="8:8">
      <c r="H100813" s="12"/>
    </row>
    <row r="100814" spans="8:8">
      <c r="H100814" s="12"/>
    </row>
    <row r="100815" spans="8:8">
      <c r="H100815" s="12"/>
    </row>
    <row r="100816" spans="8:8">
      <c r="H100816" s="12"/>
    </row>
    <row r="100817" spans="8:8">
      <c r="H100817" s="12"/>
    </row>
    <row r="100818" spans="8:8">
      <c r="H100818" s="12"/>
    </row>
    <row r="100819" spans="8:8">
      <c r="H100819" s="12"/>
    </row>
    <row r="100820" spans="8:8">
      <c r="H100820" s="12"/>
    </row>
    <row r="100821" spans="8:8">
      <c r="H100821" s="12"/>
    </row>
    <row r="100822" spans="8:8">
      <c r="H100822" s="12"/>
    </row>
    <row r="100823" spans="8:8">
      <c r="H100823" s="12"/>
    </row>
    <row r="100824" spans="8:8">
      <c r="H100824" s="12"/>
    </row>
    <row r="100825" spans="8:8">
      <c r="H100825" s="12"/>
    </row>
    <row r="100826" spans="8:8">
      <c r="H100826" s="12"/>
    </row>
    <row r="100827" spans="8:8">
      <c r="H100827" s="12"/>
    </row>
    <row r="100828" spans="8:8">
      <c r="H100828" s="12"/>
    </row>
    <row r="100829" spans="8:8">
      <c r="H100829" s="12"/>
    </row>
    <row r="100830" spans="8:8">
      <c r="H100830" s="12"/>
    </row>
    <row r="100831" spans="8:8">
      <c r="H100831" s="12"/>
    </row>
    <row r="100832" spans="8:8">
      <c r="H100832" s="12"/>
    </row>
    <row r="100833" spans="8:8">
      <c r="H100833" s="12"/>
    </row>
    <row r="100834" spans="8:8">
      <c r="H100834" s="12"/>
    </row>
    <row r="100835" spans="8:8">
      <c r="H100835" s="12"/>
    </row>
    <row r="100836" spans="8:8">
      <c r="H100836" s="12"/>
    </row>
    <row r="100837" spans="8:8">
      <c r="H100837" s="12"/>
    </row>
    <row r="100838" spans="8:8">
      <c r="H100838" s="12"/>
    </row>
    <row r="100839" spans="8:8">
      <c r="H100839" s="12"/>
    </row>
    <row r="100840" spans="8:8">
      <c r="H100840" s="12"/>
    </row>
    <row r="100841" spans="8:8">
      <c r="H100841" s="12"/>
    </row>
    <row r="100842" spans="8:8">
      <c r="H100842" s="12"/>
    </row>
    <row r="100843" spans="8:8">
      <c r="H100843" s="12"/>
    </row>
    <row r="100844" spans="8:8">
      <c r="H100844" s="12"/>
    </row>
    <row r="100845" spans="8:8">
      <c r="H100845" s="12"/>
    </row>
    <row r="100846" spans="8:8">
      <c r="H100846" s="12"/>
    </row>
    <row r="100847" spans="8:8">
      <c r="H100847" s="12"/>
    </row>
    <row r="100848" spans="8:8">
      <c r="H100848" s="12"/>
    </row>
    <row r="100849" spans="8:8">
      <c r="H100849" s="12"/>
    </row>
    <row r="100850" spans="8:8">
      <c r="H100850" s="12"/>
    </row>
    <row r="100851" spans="8:8">
      <c r="H100851" s="12"/>
    </row>
    <row r="100852" spans="8:8">
      <c r="H100852" s="12"/>
    </row>
    <row r="100853" spans="8:8">
      <c r="H100853" s="12"/>
    </row>
    <row r="100854" spans="8:8">
      <c r="H100854" s="12"/>
    </row>
    <row r="100855" spans="8:8">
      <c r="H100855" s="12"/>
    </row>
    <row r="100856" spans="8:8">
      <c r="H100856" s="12"/>
    </row>
    <row r="100857" spans="8:8">
      <c r="H100857" s="12"/>
    </row>
    <row r="100858" spans="8:8">
      <c r="H100858" s="12"/>
    </row>
    <row r="100859" spans="8:8">
      <c r="H100859" s="12"/>
    </row>
    <row r="100860" spans="8:8">
      <c r="H100860" s="12"/>
    </row>
    <row r="100861" spans="8:8">
      <c r="H100861" s="12"/>
    </row>
    <row r="100862" spans="8:8">
      <c r="H100862" s="12"/>
    </row>
    <row r="100863" spans="8:8">
      <c r="H100863" s="12"/>
    </row>
    <row r="100864" spans="8:8">
      <c r="H100864" s="12"/>
    </row>
    <row r="100865" spans="8:8">
      <c r="H100865" s="12"/>
    </row>
    <row r="100866" spans="8:8">
      <c r="H100866" s="12"/>
    </row>
    <row r="100867" spans="8:8">
      <c r="H100867" s="12"/>
    </row>
    <row r="100868" spans="8:8">
      <c r="H100868" s="12"/>
    </row>
    <row r="100869" spans="8:8">
      <c r="H100869" s="12"/>
    </row>
    <row r="100870" spans="8:8">
      <c r="H100870" s="12"/>
    </row>
    <row r="100871" spans="8:8">
      <c r="H100871" s="12"/>
    </row>
    <row r="100872" spans="8:8">
      <c r="H100872" s="12"/>
    </row>
    <row r="100873" spans="8:8">
      <c r="H100873" s="12"/>
    </row>
    <row r="100874" spans="8:8">
      <c r="H100874" s="12"/>
    </row>
    <row r="100875" spans="8:8">
      <c r="H100875" s="12"/>
    </row>
    <row r="100876" spans="8:8">
      <c r="H100876" s="12"/>
    </row>
    <row r="100877" spans="8:8">
      <c r="H100877" s="12"/>
    </row>
    <row r="100878" spans="8:8">
      <c r="H100878" s="12"/>
    </row>
    <row r="100879" spans="8:8">
      <c r="H100879" s="12"/>
    </row>
    <row r="100880" spans="8:8">
      <c r="H100880" s="12"/>
    </row>
    <row r="100881" spans="8:8">
      <c r="H100881" s="12"/>
    </row>
    <row r="100882" spans="8:8">
      <c r="H100882" s="12"/>
    </row>
    <row r="100883" spans="8:8">
      <c r="H100883" s="12"/>
    </row>
    <row r="100884" spans="8:8">
      <c r="H100884" s="12"/>
    </row>
    <row r="100885" spans="8:8">
      <c r="H100885" s="12"/>
    </row>
    <row r="100886" spans="8:8">
      <c r="H100886" s="12"/>
    </row>
    <row r="100887" spans="8:8">
      <c r="H100887" s="12"/>
    </row>
    <row r="100888" spans="8:8">
      <c r="H100888" s="12"/>
    </row>
    <row r="100889" spans="8:8">
      <c r="H100889" s="12"/>
    </row>
    <row r="100890" spans="8:8">
      <c r="H100890" s="12"/>
    </row>
    <row r="100891" spans="8:8">
      <c r="H100891" s="12"/>
    </row>
    <row r="100892" spans="8:8">
      <c r="H100892" s="12"/>
    </row>
    <row r="100893" spans="8:8">
      <c r="H100893" s="12"/>
    </row>
    <row r="100894" spans="8:8">
      <c r="H100894" s="12"/>
    </row>
    <row r="100895" spans="8:8">
      <c r="H100895" s="12"/>
    </row>
    <row r="100896" spans="8:8">
      <c r="H100896" s="12"/>
    </row>
    <row r="100897" spans="8:8">
      <c r="H100897" s="12"/>
    </row>
    <row r="100898" spans="8:8">
      <c r="H100898" s="12"/>
    </row>
    <row r="100899" spans="8:8">
      <c r="H100899" s="12"/>
    </row>
    <row r="100900" spans="8:8">
      <c r="H100900" s="12"/>
    </row>
    <row r="100901" spans="8:8">
      <c r="H100901" s="12"/>
    </row>
    <row r="100902" spans="8:8">
      <c r="H100902" s="12"/>
    </row>
    <row r="100903" spans="8:8">
      <c r="H100903" s="12"/>
    </row>
    <row r="100904" spans="8:8">
      <c r="H100904" s="12"/>
    </row>
    <row r="100905" spans="8:8">
      <c r="H100905" s="12"/>
    </row>
    <row r="100906" spans="8:8">
      <c r="H100906" s="12"/>
    </row>
    <row r="100907" spans="8:8">
      <c r="H100907" s="12"/>
    </row>
    <row r="100908" spans="8:8">
      <c r="H100908" s="12"/>
    </row>
    <row r="100909" spans="8:8">
      <c r="H100909" s="12"/>
    </row>
    <row r="100910" spans="8:8">
      <c r="H100910" s="12"/>
    </row>
    <row r="100911" spans="8:8">
      <c r="H100911" s="12"/>
    </row>
    <row r="100912" spans="8:8">
      <c r="H100912" s="12"/>
    </row>
    <row r="100913" spans="8:8">
      <c r="H100913" s="12"/>
    </row>
    <row r="100914" spans="8:8">
      <c r="H100914" s="12"/>
    </row>
    <row r="100915" spans="8:8">
      <c r="H100915" s="12"/>
    </row>
    <row r="100916" spans="8:8">
      <c r="H100916" s="12"/>
    </row>
    <row r="100917" spans="8:8">
      <c r="H100917" s="12"/>
    </row>
    <row r="100918" spans="8:8">
      <c r="H100918" s="12"/>
    </row>
    <row r="100919" spans="8:8">
      <c r="H100919" s="12"/>
    </row>
    <row r="100920" spans="8:8">
      <c r="H100920" s="12"/>
    </row>
    <row r="100921" spans="8:8">
      <c r="H100921" s="12"/>
    </row>
    <row r="100922" spans="8:8">
      <c r="H100922" s="12"/>
    </row>
    <row r="100923" spans="8:8">
      <c r="H100923" s="12"/>
    </row>
    <row r="100924" spans="8:8">
      <c r="H100924" s="12"/>
    </row>
    <row r="100925" spans="8:8">
      <c r="H100925" s="12"/>
    </row>
    <row r="100926" spans="8:8">
      <c r="H100926" s="12"/>
    </row>
    <row r="100927" spans="8:8">
      <c r="H100927" s="12"/>
    </row>
    <row r="100928" spans="8:8">
      <c r="H100928" s="12"/>
    </row>
    <row r="100929" spans="8:8">
      <c r="H100929" s="12"/>
    </row>
    <row r="100930" spans="8:8">
      <c r="H100930" s="12"/>
    </row>
    <row r="100931" spans="8:8">
      <c r="H100931" s="12"/>
    </row>
    <row r="100932" spans="8:8">
      <c r="H100932" s="12"/>
    </row>
    <row r="100933" spans="8:8">
      <c r="H100933" s="12"/>
    </row>
    <row r="100934" spans="8:8">
      <c r="H100934" s="12"/>
    </row>
    <row r="100935" spans="8:8">
      <c r="H100935" s="12"/>
    </row>
    <row r="100936" spans="8:8">
      <c r="H100936" s="12"/>
    </row>
    <row r="100937" spans="8:8">
      <c r="H100937" s="12"/>
    </row>
    <row r="100938" spans="8:8">
      <c r="H100938" s="12"/>
    </row>
    <row r="100939" spans="8:8">
      <c r="H100939" s="12"/>
    </row>
    <row r="100940" spans="8:8">
      <c r="H100940" s="12"/>
    </row>
    <row r="100941" spans="8:8">
      <c r="H100941" s="12"/>
    </row>
    <row r="100942" spans="8:8">
      <c r="H100942" s="12"/>
    </row>
    <row r="100943" spans="8:8">
      <c r="H100943" s="12"/>
    </row>
    <row r="100944" spans="8:8">
      <c r="H100944" s="12"/>
    </row>
    <row r="100945" spans="8:8">
      <c r="H100945" s="12"/>
    </row>
    <row r="100946" spans="8:8">
      <c r="H100946" s="12"/>
    </row>
    <row r="100947" spans="8:8">
      <c r="H100947" s="12"/>
    </row>
    <row r="100948" spans="8:8">
      <c r="H100948" s="12"/>
    </row>
    <row r="100949" spans="8:8">
      <c r="H100949" s="12"/>
    </row>
    <row r="100950" spans="8:8">
      <c r="H100950" s="12"/>
    </row>
    <row r="100951" spans="8:8">
      <c r="H100951" s="12"/>
    </row>
    <row r="100952" spans="8:8">
      <c r="H100952" s="12"/>
    </row>
    <row r="100953" spans="8:8">
      <c r="H100953" s="12"/>
    </row>
    <row r="100954" spans="8:8">
      <c r="H100954" s="12"/>
    </row>
    <row r="100955" spans="8:8">
      <c r="H100955" s="12"/>
    </row>
    <row r="100956" spans="8:8">
      <c r="H100956" s="12"/>
    </row>
    <row r="100957" spans="8:8">
      <c r="H100957" s="12"/>
    </row>
    <row r="100958" spans="8:8">
      <c r="H100958" s="12"/>
    </row>
    <row r="100959" spans="8:8">
      <c r="H100959" s="12"/>
    </row>
    <row r="100960" spans="8:8">
      <c r="H100960" s="12"/>
    </row>
    <row r="100961" spans="8:8">
      <c r="H100961" s="12"/>
    </row>
    <row r="100962" spans="8:8">
      <c r="H100962" s="12"/>
    </row>
    <row r="100963" spans="8:8">
      <c r="H100963" s="12"/>
    </row>
    <row r="100964" spans="8:8">
      <c r="H100964" s="12"/>
    </row>
    <row r="100965" spans="8:8">
      <c r="H100965" s="12"/>
    </row>
    <row r="100966" spans="8:8">
      <c r="H100966" s="12"/>
    </row>
    <row r="100967" spans="8:8">
      <c r="H100967" s="12"/>
    </row>
    <row r="100968" spans="8:8">
      <c r="H100968" s="12"/>
    </row>
    <row r="100969" spans="8:8">
      <c r="H100969" s="12"/>
    </row>
    <row r="100970" spans="8:8">
      <c r="H100970" s="12"/>
    </row>
    <row r="100971" spans="8:8">
      <c r="H100971" s="12"/>
    </row>
    <row r="100972" spans="8:8">
      <c r="H100972" s="12"/>
    </row>
    <row r="100973" spans="8:8">
      <c r="H100973" s="12"/>
    </row>
    <row r="100974" spans="8:8">
      <c r="H100974" s="12"/>
    </row>
    <row r="100975" spans="8:8">
      <c r="H100975" s="12"/>
    </row>
    <row r="100976" spans="8:8">
      <c r="H100976" s="12"/>
    </row>
    <row r="100977" spans="8:8">
      <c r="H100977" s="12"/>
    </row>
    <row r="100978" spans="8:8">
      <c r="H100978" s="12"/>
    </row>
    <row r="100979" spans="8:8">
      <c r="H100979" s="12"/>
    </row>
    <row r="100980" spans="8:8">
      <c r="H100980" s="12"/>
    </row>
    <row r="100981" spans="8:8">
      <c r="H100981" s="12"/>
    </row>
    <row r="100982" spans="8:8">
      <c r="H100982" s="12"/>
    </row>
    <row r="100983" spans="8:8">
      <c r="H100983" s="12"/>
    </row>
    <row r="100984" spans="8:8">
      <c r="H100984" s="12"/>
    </row>
    <row r="100985" spans="8:8">
      <c r="H100985" s="12"/>
    </row>
    <row r="100986" spans="8:8">
      <c r="H100986" s="12"/>
    </row>
    <row r="100987" spans="8:8">
      <c r="H100987" s="12"/>
    </row>
    <row r="100988" spans="8:8">
      <c r="H100988" s="12"/>
    </row>
    <row r="100989" spans="8:8">
      <c r="H100989" s="12"/>
    </row>
    <row r="100990" spans="8:8">
      <c r="H100990" s="12"/>
    </row>
    <row r="100991" spans="8:8">
      <c r="H100991" s="12"/>
    </row>
    <row r="100992" spans="8:8">
      <c r="H100992" s="12"/>
    </row>
    <row r="100993" spans="8:8">
      <c r="H100993" s="12"/>
    </row>
    <row r="100994" spans="8:8">
      <c r="H100994" s="12"/>
    </row>
    <row r="100995" spans="8:8">
      <c r="H100995" s="12"/>
    </row>
    <row r="100996" spans="8:8">
      <c r="H100996" s="12"/>
    </row>
    <row r="100997" spans="8:8">
      <c r="H100997" s="12"/>
    </row>
    <row r="100998" spans="8:8">
      <c r="H100998" s="12"/>
    </row>
    <row r="100999" spans="8:8">
      <c r="H100999" s="12"/>
    </row>
    <row r="101000" spans="8:8">
      <c r="H101000" s="12"/>
    </row>
    <row r="101001" spans="8:8">
      <c r="H101001" s="12"/>
    </row>
    <row r="101002" spans="8:8">
      <c r="H101002" s="12"/>
    </row>
    <row r="101003" spans="8:8">
      <c r="H101003" s="12"/>
    </row>
    <row r="101004" spans="8:8">
      <c r="H101004" s="12"/>
    </row>
    <row r="101005" spans="8:8">
      <c r="H101005" s="12"/>
    </row>
    <row r="101006" spans="8:8">
      <c r="H101006" s="12"/>
    </row>
    <row r="101007" spans="8:8">
      <c r="H101007" s="12"/>
    </row>
    <row r="101008" spans="8:8">
      <c r="H101008" s="12"/>
    </row>
    <row r="101009" spans="8:8">
      <c r="H101009" s="12"/>
    </row>
    <row r="101010" spans="8:8">
      <c r="H101010" s="12"/>
    </row>
    <row r="101011" spans="8:8">
      <c r="H101011" s="12"/>
    </row>
    <row r="101012" spans="8:8">
      <c r="H101012" s="12"/>
    </row>
    <row r="101013" spans="8:8">
      <c r="H101013" s="12"/>
    </row>
    <row r="101014" spans="8:8">
      <c r="H101014" s="12"/>
    </row>
    <row r="101015" spans="8:8">
      <c r="H101015" s="12"/>
    </row>
    <row r="101016" spans="8:8">
      <c r="H101016" s="12"/>
    </row>
    <row r="101017" spans="8:8">
      <c r="H101017" s="12"/>
    </row>
    <row r="101018" spans="8:8">
      <c r="H101018" s="12"/>
    </row>
    <row r="101019" spans="8:8">
      <c r="H101019" s="12"/>
    </row>
    <row r="101020" spans="8:8">
      <c r="H101020" s="12"/>
    </row>
    <row r="101021" spans="8:8">
      <c r="H101021" s="12"/>
    </row>
    <row r="101022" spans="8:8">
      <c r="H101022" s="12"/>
    </row>
    <row r="101023" spans="8:8">
      <c r="H101023" s="12"/>
    </row>
    <row r="101024" spans="8:8">
      <c r="H101024" s="12"/>
    </row>
    <row r="101025" spans="8:8">
      <c r="H101025" s="12"/>
    </row>
    <row r="101026" spans="8:8">
      <c r="H101026" s="12"/>
    </row>
    <row r="101027" spans="8:8">
      <c r="H101027" s="12"/>
    </row>
    <row r="101028" spans="8:8">
      <c r="H101028" s="12"/>
    </row>
    <row r="101029" spans="8:8">
      <c r="H101029" s="12"/>
    </row>
    <row r="101030" spans="8:8">
      <c r="H101030" s="12"/>
    </row>
    <row r="101031" spans="8:8">
      <c r="H101031" s="12"/>
    </row>
    <row r="101032" spans="8:8">
      <c r="H101032" s="12"/>
    </row>
    <row r="101033" spans="8:8">
      <c r="H101033" s="12"/>
    </row>
    <row r="101034" spans="8:8">
      <c r="H101034" s="12"/>
    </row>
    <row r="101035" spans="8:8">
      <c r="H101035" s="12"/>
    </row>
    <row r="101036" spans="8:8">
      <c r="H101036" s="12"/>
    </row>
    <row r="101037" spans="8:8">
      <c r="H101037" s="12"/>
    </row>
    <row r="101038" spans="8:8">
      <c r="H101038" s="12"/>
    </row>
    <row r="101039" spans="8:8">
      <c r="H101039" s="12"/>
    </row>
    <row r="101040" spans="8:8">
      <c r="H101040" s="12"/>
    </row>
    <row r="101041" spans="8:8">
      <c r="H101041" s="12"/>
    </row>
    <row r="101042" spans="8:8">
      <c r="H101042" s="12"/>
    </row>
    <row r="101043" spans="8:8">
      <c r="H101043" s="12"/>
    </row>
    <row r="101044" spans="8:8">
      <c r="H101044" s="12"/>
    </row>
    <row r="101045" spans="8:8">
      <c r="H101045" s="12"/>
    </row>
    <row r="101046" spans="8:8">
      <c r="H101046" s="12"/>
    </row>
    <row r="101047" spans="8:8">
      <c r="H101047" s="12"/>
    </row>
    <row r="101048" spans="8:8">
      <c r="H101048" s="12"/>
    </row>
    <row r="101049" spans="8:8">
      <c r="H101049" s="12"/>
    </row>
    <row r="101050" spans="8:8">
      <c r="H101050" s="12"/>
    </row>
    <row r="101051" spans="8:8">
      <c r="H101051" s="12"/>
    </row>
    <row r="101052" spans="8:8">
      <c r="H101052" s="12"/>
    </row>
    <row r="101053" spans="8:8">
      <c r="H101053" s="12"/>
    </row>
    <row r="101054" spans="8:8">
      <c r="H101054" s="12"/>
    </row>
    <row r="101055" spans="8:8">
      <c r="H101055" s="12"/>
    </row>
    <row r="101056" spans="8:8">
      <c r="H101056" s="12"/>
    </row>
    <row r="101057" spans="8:8">
      <c r="H101057" s="12"/>
    </row>
    <row r="101058" spans="8:8">
      <c r="H101058" s="12"/>
    </row>
    <row r="101059" spans="8:8">
      <c r="H101059" s="12"/>
    </row>
    <row r="101060" spans="8:8">
      <c r="H101060" s="12"/>
    </row>
    <row r="101061" spans="8:8">
      <c r="H101061" s="12"/>
    </row>
    <row r="101062" spans="8:8">
      <c r="H101062" s="12"/>
    </row>
    <row r="101063" spans="8:8">
      <c r="H101063" s="12"/>
    </row>
    <row r="101064" spans="8:8">
      <c r="H101064" s="12"/>
    </row>
    <row r="101065" spans="8:8">
      <c r="H101065" s="12"/>
    </row>
    <row r="101066" spans="8:8">
      <c r="H101066" s="12"/>
    </row>
    <row r="101067" spans="8:8">
      <c r="H101067" s="12"/>
    </row>
    <row r="101068" spans="8:8">
      <c r="H101068" s="12"/>
    </row>
    <row r="101069" spans="8:8">
      <c r="H101069" s="12"/>
    </row>
    <row r="101070" spans="8:8">
      <c r="H101070" s="12"/>
    </row>
    <row r="101071" spans="8:8">
      <c r="H101071" s="12"/>
    </row>
    <row r="101072" spans="8:8">
      <c r="H101072" s="12"/>
    </row>
    <row r="101073" spans="8:8">
      <c r="H101073" s="12"/>
    </row>
    <row r="101074" spans="8:8">
      <c r="H101074" s="12"/>
    </row>
    <row r="101075" spans="8:8">
      <c r="H101075" s="12"/>
    </row>
    <row r="101076" spans="8:8">
      <c r="H101076" s="12"/>
    </row>
    <row r="101077" spans="8:8">
      <c r="H101077" s="12"/>
    </row>
    <row r="101078" spans="8:8">
      <c r="H101078" s="12"/>
    </row>
    <row r="101079" spans="8:8">
      <c r="H101079" s="12"/>
    </row>
    <row r="101080" spans="8:8">
      <c r="H101080" s="12"/>
    </row>
    <row r="101081" spans="8:8">
      <c r="H101081" s="12"/>
    </row>
    <row r="101082" spans="8:8">
      <c r="H101082" s="12"/>
    </row>
    <row r="101083" spans="8:8">
      <c r="H101083" s="12"/>
    </row>
    <row r="101084" spans="8:8">
      <c r="H101084" s="12"/>
    </row>
    <row r="101085" spans="8:8">
      <c r="H101085" s="12"/>
    </row>
    <row r="101086" spans="8:8">
      <c r="H101086" s="12"/>
    </row>
    <row r="101087" spans="8:8">
      <c r="H101087" s="12"/>
    </row>
    <row r="101088" spans="8:8">
      <c r="H101088" s="12"/>
    </row>
    <row r="101089" spans="8:8">
      <c r="H101089" s="12"/>
    </row>
    <row r="101090" spans="8:8">
      <c r="H101090" s="12"/>
    </row>
    <row r="101091" spans="8:8">
      <c r="H101091" s="12"/>
    </row>
    <row r="101092" spans="8:8">
      <c r="H101092" s="12"/>
    </row>
    <row r="101093" spans="8:8">
      <c r="H101093" s="12"/>
    </row>
    <row r="101094" spans="8:8">
      <c r="H101094" s="12"/>
    </row>
    <row r="101095" spans="8:8">
      <c r="H101095" s="12"/>
    </row>
    <row r="101096" spans="8:8">
      <c r="H101096" s="12"/>
    </row>
    <row r="101097" spans="8:8">
      <c r="H101097" s="12"/>
    </row>
    <row r="101098" spans="8:8">
      <c r="H101098" s="12"/>
    </row>
    <row r="101099" spans="8:8">
      <c r="H101099" s="12"/>
    </row>
    <row r="101100" spans="8:8">
      <c r="H101100" s="12"/>
    </row>
    <row r="101101" spans="8:8">
      <c r="H101101" s="12"/>
    </row>
    <row r="101102" spans="8:8">
      <c r="H101102" s="12"/>
    </row>
    <row r="101103" spans="8:8">
      <c r="H101103" s="12"/>
    </row>
    <row r="101104" spans="8:8">
      <c r="H101104" s="12"/>
    </row>
    <row r="101105" spans="8:8">
      <c r="H101105" s="12"/>
    </row>
    <row r="101106" spans="8:8">
      <c r="H101106" s="12"/>
    </row>
    <row r="101107" spans="8:8">
      <c r="H101107" s="12"/>
    </row>
    <row r="101108" spans="8:8">
      <c r="H101108" s="12"/>
    </row>
    <row r="101109" spans="8:8">
      <c r="H101109" s="12"/>
    </row>
    <row r="101110" spans="8:8">
      <c r="H101110" s="12"/>
    </row>
    <row r="101111" spans="8:8">
      <c r="H101111" s="12"/>
    </row>
    <row r="101112" spans="8:8">
      <c r="H101112" s="12"/>
    </row>
    <row r="101113" spans="8:8">
      <c r="H101113" s="12"/>
    </row>
    <row r="101114" spans="8:8">
      <c r="H101114" s="12"/>
    </row>
    <row r="101115" spans="8:8">
      <c r="H101115" s="12"/>
    </row>
    <row r="101116" spans="8:8">
      <c r="H101116" s="12"/>
    </row>
    <row r="101117" spans="8:8">
      <c r="H101117" s="12"/>
    </row>
    <row r="101118" spans="8:8">
      <c r="H101118" s="12"/>
    </row>
    <row r="101119" spans="8:8">
      <c r="H101119" s="12"/>
    </row>
    <row r="101120" spans="8:8">
      <c r="H101120" s="12"/>
    </row>
    <row r="101121" spans="8:8">
      <c r="H101121" s="12"/>
    </row>
    <row r="101122" spans="8:8">
      <c r="H101122" s="12"/>
    </row>
    <row r="101123" spans="8:8">
      <c r="H101123" s="12"/>
    </row>
    <row r="101124" spans="8:8">
      <c r="H101124" s="12"/>
    </row>
    <row r="101125" spans="8:8">
      <c r="H101125" s="12"/>
    </row>
    <row r="101126" spans="8:8">
      <c r="H101126" s="12"/>
    </row>
    <row r="101127" spans="8:8">
      <c r="H101127" s="12"/>
    </row>
    <row r="101128" spans="8:8">
      <c r="H101128" s="12"/>
    </row>
    <row r="101129" spans="8:8">
      <c r="H101129" s="12"/>
    </row>
    <row r="101130" spans="8:8">
      <c r="H101130" s="12"/>
    </row>
    <row r="101131" spans="8:8">
      <c r="H101131" s="12"/>
    </row>
    <row r="101132" spans="8:8">
      <c r="H101132" s="12"/>
    </row>
    <row r="101133" spans="8:8">
      <c r="H101133" s="12"/>
    </row>
    <row r="101134" spans="8:8">
      <c r="H101134" s="12"/>
    </row>
    <row r="101135" spans="8:8">
      <c r="H101135" s="12"/>
    </row>
    <row r="101136" spans="8:8">
      <c r="H101136" s="12"/>
    </row>
    <row r="101137" spans="8:8">
      <c r="H101137" s="12"/>
    </row>
    <row r="101138" spans="8:8">
      <c r="H101138" s="12"/>
    </row>
    <row r="101139" spans="8:8">
      <c r="H101139" s="12"/>
    </row>
    <row r="101140" spans="8:8">
      <c r="H101140" s="12"/>
    </row>
    <row r="101141" spans="8:8">
      <c r="H101141" s="12"/>
    </row>
    <row r="101142" spans="8:8">
      <c r="H101142" s="12"/>
    </row>
    <row r="101143" spans="8:8">
      <c r="H101143" s="12"/>
    </row>
    <row r="101144" spans="8:8">
      <c r="H101144" s="12"/>
    </row>
    <row r="101145" spans="8:8">
      <c r="H101145" s="12"/>
    </row>
    <row r="101146" spans="8:8">
      <c r="H101146" s="12"/>
    </row>
    <row r="101147" spans="8:8">
      <c r="H101147" s="12"/>
    </row>
    <row r="101148" spans="8:8">
      <c r="H101148" s="12"/>
    </row>
    <row r="101149" spans="8:8">
      <c r="H101149" s="12"/>
    </row>
    <row r="101150" spans="8:8">
      <c r="H101150" s="12"/>
    </row>
    <row r="101151" spans="8:8">
      <c r="H101151" s="12"/>
    </row>
    <row r="101152" spans="8:8">
      <c r="H101152" s="12"/>
    </row>
    <row r="101153" spans="8:8">
      <c r="H101153" s="12"/>
    </row>
    <row r="101154" spans="8:8">
      <c r="H101154" s="12"/>
    </row>
    <row r="101155" spans="8:8">
      <c r="H101155" s="12"/>
    </row>
    <row r="101156" spans="8:8">
      <c r="H101156" s="12"/>
    </row>
    <row r="101157" spans="8:8">
      <c r="H101157" s="12"/>
    </row>
    <row r="101158" spans="8:8">
      <c r="H101158" s="12"/>
    </row>
    <row r="101159" spans="8:8">
      <c r="H101159" s="12"/>
    </row>
    <row r="101160" spans="8:8">
      <c r="H101160" s="12"/>
    </row>
    <row r="101161" spans="8:8">
      <c r="H101161" s="12"/>
    </row>
    <row r="101162" spans="8:8">
      <c r="H101162" s="12"/>
    </row>
    <row r="101163" spans="8:8">
      <c r="H101163" s="12"/>
    </row>
    <row r="101164" spans="8:8">
      <c r="H101164" s="12"/>
    </row>
    <row r="101165" spans="8:8">
      <c r="H101165" s="12"/>
    </row>
    <row r="101166" spans="8:8">
      <c r="H101166" s="12"/>
    </row>
    <row r="101167" spans="8:8">
      <c r="H101167" s="12"/>
    </row>
    <row r="101168" spans="8:8">
      <c r="H101168" s="12"/>
    </row>
    <row r="101169" spans="8:8">
      <c r="H101169" s="12"/>
    </row>
    <row r="101170" spans="8:8">
      <c r="H101170" s="12"/>
    </row>
    <row r="101171" spans="8:8">
      <c r="H101171" s="12"/>
    </row>
    <row r="101172" spans="8:8">
      <c r="H101172" s="12"/>
    </row>
    <row r="101173" spans="8:8">
      <c r="H101173" s="12"/>
    </row>
    <row r="101174" spans="8:8">
      <c r="H101174" s="12"/>
    </row>
    <row r="101175" spans="8:8">
      <c r="H101175" s="12"/>
    </row>
    <row r="101176" spans="8:8">
      <c r="H101176" s="12"/>
    </row>
    <row r="101177" spans="8:8">
      <c r="H101177" s="12"/>
    </row>
    <row r="101178" spans="8:8">
      <c r="H101178" s="12"/>
    </row>
    <row r="101179" spans="8:8">
      <c r="H101179" s="12"/>
    </row>
    <row r="101180" spans="8:8">
      <c r="H101180" s="12"/>
    </row>
    <row r="101181" spans="8:8">
      <c r="H101181" s="12"/>
    </row>
    <row r="101182" spans="8:8">
      <c r="H101182" s="12"/>
    </row>
    <row r="101183" spans="8:8">
      <c r="H101183" s="12"/>
    </row>
    <row r="101184" spans="8:8">
      <c r="H101184" s="12"/>
    </row>
    <row r="101185" spans="8:8">
      <c r="H101185" s="12"/>
    </row>
    <row r="101186" spans="8:8">
      <c r="H101186" s="12"/>
    </row>
    <row r="101187" spans="8:8">
      <c r="H101187" s="12"/>
    </row>
    <row r="101188" spans="8:8">
      <c r="H101188" s="12"/>
    </row>
    <row r="101189" spans="8:8">
      <c r="H101189" s="12"/>
    </row>
    <row r="101190" spans="8:8">
      <c r="H101190" s="12"/>
    </row>
    <row r="101191" spans="8:8">
      <c r="H101191" s="12"/>
    </row>
    <row r="101192" spans="8:8">
      <c r="H101192" s="12"/>
    </row>
    <row r="101193" spans="8:8">
      <c r="H101193" s="12"/>
    </row>
    <row r="101194" spans="8:8">
      <c r="H101194" s="12"/>
    </row>
    <row r="101195" spans="8:8">
      <c r="H101195" s="12"/>
    </row>
    <row r="101196" spans="8:8">
      <c r="H101196" s="12"/>
    </row>
    <row r="101197" spans="8:8">
      <c r="H101197" s="12"/>
    </row>
    <row r="101198" spans="8:8">
      <c r="H101198" s="12"/>
    </row>
    <row r="101199" spans="8:8">
      <c r="H101199" s="12"/>
    </row>
    <row r="101200" spans="8:8">
      <c r="H101200" s="12"/>
    </row>
    <row r="101201" spans="8:8">
      <c r="H101201" s="12"/>
    </row>
    <row r="101202" spans="8:8">
      <c r="H101202" s="12"/>
    </row>
    <row r="101203" spans="8:8">
      <c r="H101203" s="12"/>
    </row>
    <row r="101204" spans="8:8">
      <c r="H101204" s="12"/>
    </row>
    <row r="101205" spans="8:8">
      <c r="H101205" s="12"/>
    </row>
    <row r="101206" spans="8:8">
      <c r="H101206" s="12"/>
    </row>
    <row r="101207" spans="8:8">
      <c r="H101207" s="12"/>
    </row>
    <row r="101208" spans="8:8">
      <c r="H101208" s="12"/>
    </row>
    <row r="101209" spans="8:8">
      <c r="H101209" s="12"/>
    </row>
    <row r="101210" spans="8:8">
      <c r="H101210" s="12"/>
    </row>
    <row r="101211" spans="8:8">
      <c r="H101211" s="12"/>
    </row>
    <row r="101212" spans="8:8">
      <c r="H101212" s="12"/>
    </row>
    <row r="101213" spans="8:8">
      <c r="H101213" s="12"/>
    </row>
    <row r="101214" spans="8:8">
      <c r="H101214" s="12"/>
    </row>
    <row r="101215" spans="8:8">
      <c r="H101215" s="12"/>
    </row>
    <row r="101216" spans="8:8">
      <c r="H101216" s="12"/>
    </row>
    <row r="101217" spans="8:8">
      <c r="H101217" s="12"/>
    </row>
    <row r="101218" spans="8:8">
      <c r="H101218" s="12"/>
    </row>
    <row r="101219" spans="8:8">
      <c r="H101219" s="12"/>
    </row>
    <row r="101220" spans="8:8">
      <c r="H101220" s="12"/>
    </row>
    <row r="101221" spans="8:8">
      <c r="H101221" s="12"/>
    </row>
    <row r="101222" spans="8:8">
      <c r="H101222" s="12"/>
    </row>
    <row r="101223" spans="8:8">
      <c r="H101223" s="12"/>
    </row>
    <row r="101224" spans="8:8">
      <c r="H101224" s="12"/>
    </row>
    <row r="101225" spans="8:8">
      <c r="H101225" s="12"/>
    </row>
    <row r="101226" spans="8:8">
      <c r="H101226" s="12"/>
    </row>
    <row r="101227" spans="8:8">
      <c r="H101227" s="12"/>
    </row>
    <row r="101228" spans="8:8">
      <c r="H101228" s="12"/>
    </row>
    <row r="101229" spans="8:8">
      <c r="H101229" s="12"/>
    </row>
    <row r="101230" spans="8:8">
      <c r="H101230" s="12"/>
    </row>
    <row r="101231" spans="8:8">
      <c r="H101231" s="12"/>
    </row>
    <row r="101232" spans="8:8">
      <c r="H101232" s="12"/>
    </row>
    <row r="101233" spans="8:8">
      <c r="H101233" s="12"/>
    </row>
    <row r="101234" spans="8:8">
      <c r="H101234" s="12"/>
    </row>
    <row r="101235" spans="8:8">
      <c r="H101235" s="12"/>
    </row>
    <row r="101236" spans="8:8">
      <c r="H101236" s="12"/>
    </row>
    <row r="101237" spans="8:8">
      <c r="H101237" s="12"/>
    </row>
    <row r="101238" spans="8:8">
      <c r="H101238" s="12"/>
    </row>
    <row r="101239" spans="8:8">
      <c r="H101239" s="12"/>
    </row>
    <row r="101240" spans="8:8">
      <c r="H101240" s="12"/>
    </row>
    <row r="101241" spans="8:8">
      <c r="H101241" s="12"/>
    </row>
    <row r="101242" spans="8:8">
      <c r="H101242" s="12"/>
    </row>
    <row r="101243" spans="8:8">
      <c r="H101243" s="12"/>
    </row>
    <row r="101244" spans="8:8">
      <c r="H101244" s="12"/>
    </row>
    <row r="101245" spans="8:8">
      <c r="H101245" s="12"/>
    </row>
    <row r="101246" spans="8:8">
      <c r="H101246" s="12"/>
    </row>
    <row r="101247" spans="8:8">
      <c r="H101247" s="12"/>
    </row>
    <row r="101248" spans="8:8">
      <c r="H101248" s="12"/>
    </row>
    <row r="101249" spans="8:8">
      <c r="H101249" s="12"/>
    </row>
    <row r="101250" spans="8:8">
      <c r="H101250" s="12"/>
    </row>
    <row r="101251" spans="8:8">
      <c r="H101251" s="12"/>
    </row>
    <row r="101252" spans="8:8">
      <c r="H101252" s="12"/>
    </row>
    <row r="101253" spans="8:8">
      <c r="H101253" s="12"/>
    </row>
    <row r="101254" spans="8:8">
      <c r="H101254" s="12"/>
    </row>
    <row r="101255" spans="8:8">
      <c r="H101255" s="12"/>
    </row>
    <row r="101256" spans="8:8">
      <c r="H101256" s="12"/>
    </row>
    <row r="101257" spans="8:8">
      <c r="H101257" s="12"/>
    </row>
    <row r="101258" spans="8:8">
      <c r="H101258" s="12"/>
    </row>
    <row r="101259" spans="8:8">
      <c r="H101259" s="12"/>
    </row>
    <row r="101260" spans="8:8">
      <c r="H101260" s="12"/>
    </row>
    <row r="101261" spans="8:8">
      <c r="H101261" s="12"/>
    </row>
    <row r="101262" spans="8:8">
      <c r="H101262" s="12"/>
    </row>
    <row r="101263" spans="8:8">
      <c r="H101263" s="12"/>
    </row>
    <row r="101264" spans="8:8">
      <c r="H101264" s="12"/>
    </row>
    <row r="101265" spans="8:8">
      <c r="H101265" s="12"/>
    </row>
    <row r="101266" spans="8:8">
      <c r="H101266" s="12"/>
    </row>
    <row r="101267" spans="8:8">
      <c r="H101267" s="12"/>
    </row>
    <row r="101268" spans="8:8">
      <c r="H101268" s="12"/>
    </row>
    <row r="101269" spans="8:8">
      <c r="H101269" s="12"/>
    </row>
    <row r="101270" spans="8:8">
      <c r="H101270" s="12"/>
    </row>
    <row r="101271" spans="8:8">
      <c r="H101271" s="12"/>
    </row>
    <row r="101272" spans="8:8">
      <c r="H101272" s="12"/>
    </row>
    <row r="101273" spans="8:8">
      <c r="H101273" s="12"/>
    </row>
    <row r="101274" spans="8:8">
      <c r="H101274" s="12"/>
    </row>
    <row r="101275" spans="8:8">
      <c r="H101275" s="12"/>
    </row>
    <row r="101276" spans="8:8">
      <c r="H101276" s="12"/>
    </row>
    <row r="101277" spans="8:8">
      <c r="H101277" s="12"/>
    </row>
    <row r="101278" spans="8:8">
      <c r="H101278" s="12"/>
    </row>
    <row r="101279" spans="8:8">
      <c r="H101279" s="12"/>
    </row>
    <row r="101280" spans="8:8">
      <c r="H101280" s="12"/>
    </row>
    <row r="101281" spans="8:8">
      <c r="H101281" s="12"/>
    </row>
    <row r="101282" spans="8:8">
      <c r="H101282" s="12"/>
    </row>
    <row r="101283" spans="8:8">
      <c r="H101283" s="12"/>
    </row>
    <row r="101284" spans="8:8">
      <c r="H101284" s="12"/>
    </row>
    <row r="101285" spans="8:8">
      <c r="H101285" s="12"/>
    </row>
    <row r="101286" spans="8:8">
      <c r="H101286" s="12"/>
    </row>
    <row r="101287" spans="8:8">
      <c r="H101287" s="12"/>
    </row>
    <row r="101288" spans="8:8">
      <c r="H101288" s="12"/>
    </row>
    <row r="101289" spans="8:8">
      <c r="H101289" s="12"/>
    </row>
    <row r="101290" spans="8:8">
      <c r="H101290" s="12"/>
    </row>
    <row r="101291" spans="8:8">
      <c r="H101291" s="12"/>
    </row>
    <row r="101292" spans="8:8">
      <c r="H101292" s="12"/>
    </row>
    <row r="101293" spans="8:8">
      <c r="H101293" s="12"/>
    </row>
    <row r="101294" spans="8:8">
      <c r="H101294" s="12"/>
    </row>
    <row r="101295" spans="8:8">
      <c r="H101295" s="12"/>
    </row>
    <row r="101296" spans="8:8">
      <c r="H101296" s="12"/>
    </row>
    <row r="101297" spans="8:8">
      <c r="H101297" s="12"/>
    </row>
    <row r="101298" spans="8:8">
      <c r="H101298" s="12"/>
    </row>
    <row r="101299" spans="8:8">
      <c r="H101299" s="12"/>
    </row>
    <row r="101300" spans="8:8">
      <c r="H101300" s="12"/>
    </row>
    <row r="101301" spans="8:8">
      <c r="H101301" s="12"/>
    </row>
    <row r="101302" spans="8:8">
      <c r="H101302" s="12"/>
    </row>
    <row r="101303" spans="8:8">
      <c r="H101303" s="12"/>
    </row>
    <row r="101304" spans="8:8">
      <c r="H101304" s="12"/>
    </row>
    <row r="101305" spans="8:8">
      <c r="H101305" s="12"/>
    </row>
    <row r="101306" spans="8:8">
      <c r="H101306" s="12"/>
    </row>
    <row r="101307" spans="8:8">
      <c r="H101307" s="12"/>
    </row>
    <row r="101308" spans="8:8">
      <c r="H101308" s="12"/>
    </row>
    <row r="101309" spans="8:8">
      <c r="H101309" s="12"/>
    </row>
    <row r="101310" spans="8:8">
      <c r="H101310" s="12"/>
    </row>
    <row r="101311" spans="8:8">
      <c r="H101311" s="12"/>
    </row>
    <row r="101312" spans="8:8">
      <c r="H101312" s="12"/>
    </row>
    <row r="101313" spans="8:8">
      <c r="H101313" s="12"/>
    </row>
    <row r="101314" spans="8:8">
      <c r="H101314" s="12"/>
    </row>
    <row r="101315" spans="8:8">
      <c r="H101315" s="12"/>
    </row>
    <row r="101316" spans="8:8">
      <c r="H101316" s="12"/>
    </row>
    <row r="101317" spans="8:8">
      <c r="H101317" s="12"/>
    </row>
    <row r="101318" spans="8:8">
      <c r="H101318" s="12"/>
    </row>
    <row r="101319" spans="8:8">
      <c r="H101319" s="12"/>
    </row>
    <row r="101320" spans="8:8">
      <c r="H101320" s="12"/>
    </row>
    <row r="101321" spans="8:8">
      <c r="H101321" s="12"/>
    </row>
    <row r="101322" spans="8:8">
      <c r="H101322" s="12"/>
    </row>
    <row r="101323" spans="8:8">
      <c r="H101323" s="12"/>
    </row>
    <row r="101324" spans="8:8">
      <c r="H101324" s="12"/>
    </row>
    <row r="101325" spans="8:8">
      <c r="H101325" s="12"/>
    </row>
    <row r="101326" spans="8:8">
      <c r="H101326" s="12"/>
    </row>
    <row r="101327" spans="8:8">
      <c r="H101327" s="12"/>
    </row>
    <row r="101328" spans="8:8">
      <c r="H101328" s="12"/>
    </row>
    <row r="101329" spans="8:8">
      <c r="H101329" s="12"/>
    </row>
    <row r="101330" spans="8:8">
      <c r="H101330" s="12"/>
    </row>
    <row r="101331" spans="8:8">
      <c r="H101331" s="12"/>
    </row>
    <row r="101332" spans="8:8">
      <c r="H101332" s="12"/>
    </row>
    <row r="101333" spans="8:8">
      <c r="H101333" s="12"/>
    </row>
    <row r="101334" spans="8:8">
      <c r="H101334" s="12"/>
    </row>
    <row r="101335" spans="8:8">
      <c r="H101335" s="12"/>
    </row>
    <row r="101336" spans="8:8">
      <c r="H101336" s="12"/>
    </row>
    <row r="101337" spans="8:8">
      <c r="H101337" s="12"/>
    </row>
    <row r="101338" spans="8:8">
      <c r="H101338" s="12"/>
    </row>
    <row r="101339" spans="8:8">
      <c r="H101339" s="12"/>
    </row>
    <row r="101340" spans="8:8">
      <c r="H101340" s="12"/>
    </row>
    <row r="101341" spans="8:8">
      <c r="H101341" s="12"/>
    </row>
    <row r="101342" spans="8:8">
      <c r="H101342" s="12"/>
    </row>
    <row r="101343" spans="8:8">
      <c r="H101343" s="12"/>
    </row>
    <row r="101344" spans="8:8">
      <c r="H101344" s="12"/>
    </row>
    <row r="101345" spans="8:8">
      <c r="H101345" s="12"/>
    </row>
    <row r="101346" spans="8:8">
      <c r="H101346" s="12"/>
    </row>
    <row r="101347" spans="8:8">
      <c r="H101347" s="12"/>
    </row>
    <row r="101348" spans="8:8">
      <c r="H101348" s="12"/>
    </row>
    <row r="101349" spans="8:8">
      <c r="H101349" s="12"/>
    </row>
    <row r="101350" spans="8:8">
      <c r="H101350" s="12"/>
    </row>
    <row r="101351" spans="8:8">
      <c r="H101351" s="12"/>
    </row>
    <row r="101352" spans="8:8">
      <c r="H101352" s="12"/>
    </row>
    <row r="101353" spans="8:8">
      <c r="H101353" s="12"/>
    </row>
    <row r="101354" spans="8:8">
      <c r="H101354" s="12"/>
    </row>
    <row r="101355" spans="8:8">
      <c r="H101355" s="12"/>
    </row>
    <row r="101356" spans="8:8">
      <c r="H101356" s="12"/>
    </row>
    <row r="101357" spans="8:8">
      <c r="H101357" s="12"/>
    </row>
    <row r="101358" spans="8:8">
      <c r="H101358" s="12"/>
    </row>
    <row r="101359" spans="8:8">
      <c r="H101359" s="12"/>
    </row>
    <row r="101360" spans="8:8">
      <c r="H101360" s="12"/>
    </row>
    <row r="101361" spans="8:8">
      <c r="H101361" s="12"/>
    </row>
    <row r="101362" spans="8:8">
      <c r="H101362" s="12"/>
    </row>
    <row r="101363" spans="8:8">
      <c r="H101363" s="12"/>
    </row>
    <row r="101364" spans="8:8">
      <c r="H101364" s="12"/>
    </row>
    <row r="101365" spans="8:8">
      <c r="H101365" s="12"/>
    </row>
    <row r="101366" spans="8:8">
      <c r="H101366" s="12"/>
    </row>
    <row r="101367" spans="8:8">
      <c r="H101367" s="12"/>
    </row>
    <row r="101368" spans="8:8">
      <c r="H101368" s="12"/>
    </row>
    <row r="101369" spans="8:8">
      <c r="H101369" s="12"/>
    </row>
    <row r="101370" spans="8:8">
      <c r="H101370" s="12"/>
    </row>
    <row r="101371" spans="8:8">
      <c r="H101371" s="12"/>
    </row>
    <row r="101372" spans="8:8">
      <c r="H101372" s="12"/>
    </row>
    <row r="101373" spans="8:8">
      <c r="H101373" s="12"/>
    </row>
    <row r="101374" spans="8:8">
      <c r="H101374" s="12"/>
    </row>
    <row r="101375" spans="8:8">
      <c r="H101375" s="12"/>
    </row>
    <row r="101376" spans="8:8">
      <c r="H101376" s="12"/>
    </row>
    <row r="101377" spans="8:8">
      <c r="H101377" s="12"/>
    </row>
    <row r="101378" spans="8:8">
      <c r="H101378" s="12"/>
    </row>
    <row r="101379" spans="8:8">
      <c r="H101379" s="12"/>
    </row>
    <row r="101380" spans="8:8">
      <c r="H101380" s="12"/>
    </row>
    <row r="101381" spans="8:8">
      <c r="H101381" s="12"/>
    </row>
    <row r="101382" spans="8:8">
      <c r="H101382" s="12"/>
    </row>
    <row r="101383" spans="8:8">
      <c r="H101383" s="12"/>
    </row>
    <row r="101384" spans="8:8">
      <c r="H101384" s="12"/>
    </row>
    <row r="101385" spans="8:8">
      <c r="H101385" s="12"/>
    </row>
    <row r="101386" spans="8:8">
      <c r="H101386" s="12"/>
    </row>
    <row r="101387" spans="8:8">
      <c r="H101387" s="12"/>
    </row>
    <row r="101388" spans="8:8">
      <c r="H101388" s="12"/>
    </row>
    <row r="101389" spans="8:8">
      <c r="H101389" s="12"/>
    </row>
    <row r="101390" spans="8:8">
      <c r="H101390" s="12"/>
    </row>
    <row r="101391" spans="8:8">
      <c r="H101391" s="12"/>
    </row>
    <row r="101392" spans="8:8">
      <c r="H101392" s="12"/>
    </row>
    <row r="101393" spans="8:8">
      <c r="H101393" s="12"/>
    </row>
    <row r="101394" spans="8:8">
      <c r="H101394" s="12"/>
    </row>
    <row r="101395" spans="8:8">
      <c r="H101395" s="12"/>
    </row>
    <row r="101396" spans="8:8">
      <c r="H101396" s="12"/>
    </row>
    <row r="101397" spans="8:8">
      <c r="H101397" s="12"/>
    </row>
    <row r="101398" spans="8:8">
      <c r="H101398" s="12"/>
    </row>
    <row r="101399" spans="8:8">
      <c r="H101399" s="12"/>
    </row>
    <row r="101400" spans="8:8">
      <c r="H101400" s="12"/>
    </row>
    <row r="101401" spans="8:8">
      <c r="H101401" s="12"/>
    </row>
    <row r="101402" spans="8:8">
      <c r="H101402" s="12"/>
    </row>
    <row r="101403" spans="8:8">
      <c r="H101403" s="12"/>
    </row>
    <row r="101404" spans="8:8">
      <c r="H101404" s="12"/>
    </row>
    <row r="101405" spans="8:8">
      <c r="H101405" s="12"/>
    </row>
    <row r="101406" spans="8:8">
      <c r="H101406" s="12"/>
    </row>
    <row r="101407" spans="8:8">
      <c r="H101407" s="12"/>
    </row>
    <row r="101408" spans="8:8">
      <c r="H101408" s="12"/>
    </row>
    <row r="101409" spans="8:8">
      <c r="H101409" s="12"/>
    </row>
    <row r="101410" spans="8:8">
      <c r="H101410" s="12"/>
    </row>
    <row r="101411" spans="8:8">
      <c r="H101411" s="12"/>
    </row>
    <row r="101412" spans="8:8">
      <c r="H101412" s="12"/>
    </row>
    <row r="101413" spans="8:8">
      <c r="H101413" s="12"/>
    </row>
    <row r="101414" spans="8:8">
      <c r="H101414" s="12"/>
    </row>
    <row r="101415" spans="8:8">
      <c r="H101415" s="12"/>
    </row>
    <row r="101416" spans="8:8">
      <c r="H101416" s="12"/>
    </row>
    <row r="101417" spans="8:8">
      <c r="H101417" s="12"/>
    </row>
    <row r="101418" spans="8:8">
      <c r="H101418" s="12"/>
    </row>
    <row r="101419" spans="8:8">
      <c r="H101419" s="12"/>
    </row>
    <row r="101420" spans="8:8">
      <c r="H101420" s="12"/>
    </row>
    <row r="101421" spans="8:8">
      <c r="H101421" s="12"/>
    </row>
    <row r="101422" spans="8:8">
      <c r="H101422" s="12"/>
    </row>
    <row r="101423" spans="8:8">
      <c r="H101423" s="12"/>
    </row>
    <row r="101424" spans="8:8">
      <c r="H101424" s="12"/>
    </row>
    <row r="101425" spans="8:8">
      <c r="H101425" s="12"/>
    </row>
    <row r="101426" spans="8:8">
      <c r="H101426" s="12"/>
    </row>
    <row r="101427" spans="8:8">
      <c r="H101427" s="12"/>
    </row>
    <row r="101428" spans="8:8">
      <c r="H101428" s="12"/>
    </row>
    <row r="101429" spans="8:8">
      <c r="H101429" s="12"/>
    </row>
    <row r="101430" spans="8:8">
      <c r="H101430" s="12"/>
    </row>
    <row r="101431" spans="8:8">
      <c r="H101431" s="12"/>
    </row>
    <row r="101432" spans="8:8">
      <c r="H101432" s="12"/>
    </row>
    <row r="101433" spans="8:8">
      <c r="H101433" s="12"/>
    </row>
    <row r="101434" spans="8:8">
      <c r="H101434" s="12"/>
    </row>
    <row r="101435" spans="8:8">
      <c r="H101435" s="12"/>
    </row>
    <row r="101436" spans="8:8">
      <c r="H101436" s="12"/>
    </row>
    <row r="101437" spans="8:8">
      <c r="H101437" s="12"/>
    </row>
    <row r="101438" spans="8:8">
      <c r="H101438" s="12"/>
    </row>
    <row r="101439" spans="8:8">
      <c r="H101439" s="12"/>
    </row>
    <row r="101440" spans="8:8">
      <c r="H101440" s="12"/>
    </row>
    <row r="101441" spans="8:8">
      <c r="H101441" s="12"/>
    </row>
    <row r="101442" spans="8:8">
      <c r="H101442" s="12"/>
    </row>
    <row r="101443" spans="8:8">
      <c r="H101443" s="12"/>
    </row>
    <row r="101444" spans="8:8">
      <c r="H101444" s="12"/>
    </row>
    <row r="101445" spans="8:8">
      <c r="H101445" s="12"/>
    </row>
    <row r="101446" spans="8:8">
      <c r="H101446" s="12"/>
    </row>
    <row r="101447" spans="8:8">
      <c r="H101447" s="12"/>
    </row>
    <row r="101448" spans="8:8">
      <c r="H101448" s="12"/>
    </row>
    <row r="101449" spans="8:8">
      <c r="H101449" s="12"/>
    </row>
    <row r="101450" spans="8:8">
      <c r="H101450" s="12"/>
    </row>
    <row r="101451" spans="8:8">
      <c r="H101451" s="12"/>
    </row>
    <row r="101452" spans="8:8">
      <c r="H101452" s="12"/>
    </row>
    <row r="101453" spans="8:8">
      <c r="H101453" s="12"/>
    </row>
    <row r="101454" spans="8:8">
      <c r="H101454" s="12"/>
    </row>
    <row r="101455" spans="8:8">
      <c r="H101455" s="12"/>
    </row>
    <row r="101456" spans="8:8">
      <c r="H101456" s="12"/>
    </row>
    <row r="101457" spans="8:8">
      <c r="H101457" s="12"/>
    </row>
    <row r="101458" spans="8:8">
      <c r="H101458" s="12"/>
    </row>
    <row r="101459" spans="8:8">
      <c r="H101459" s="12"/>
    </row>
    <row r="101460" spans="8:8">
      <c r="H101460" s="12"/>
    </row>
    <row r="101461" spans="8:8">
      <c r="H101461" s="12"/>
    </row>
    <row r="101462" spans="8:8">
      <c r="H101462" s="12"/>
    </row>
    <row r="101463" spans="8:8">
      <c r="H101463" s="12"/>
    </row>
    <row r="101464" spans="8:8">
      <c r="H101464" s="12"/>
    </row>
    <row r="101465" spans="8:8">
      <c r="H101465" s="12"/>
    </row>
    <row r="101466" spans="8:8">
      <c r="H101466" s="12"/>
    </row>
    <row r="101467" spans="8:8">
      <c r="H101467" s="12"/>
    </row>
    <row r="101468" spans="8:8">
      <c r="H101468" s="12"/>
    </row>
    <row r="101469" spans="8:8">
      <c r="H101469" s="12"/>
    </row>
    <row r="101470" spans="8:8">
      <c r="H101470" s="12"/>
    </row>
    <row r="101471" spans="8:8">
      <c r="H101471" s="12"/>
    </row>
    <row r="101472" spans="8:8">
      <c r="H101472" s="12"/>
    </row>
    <row r="101473" spans="8:8">
      <c r="H101473" s="12"/>
    </row>
    <row r="101474" spans="8:8">
      <c r="H101474" s="12"/>
    </row>
    <row r="101475" spans="8:8">
      <c r="H101475" s="12"/>
    </row>
    <row r="101476" spans="8:8">
      <c r="H101476" s="12"/>
    </row>
    <row r="101477" spans="8:8">
      <c r="H101477" s="12"/>
    </row>
    <row r="101478" spans="8:8">
      <c r="H101478" s="12"/>
    </row>
    <row r="101479" spans="8:8">
      <c r="H101479" s="12"/>
    </row>
    <row r="101480" spans="8:8">
      <c r="H101480" s="12"/>
    </row>
    <row r="101481" spans="8:8">
      <c r="H101481" s="12"/>
    </row>
    <row r="101482" spans="8:8">
      <c r="H101482" s="12"/>
    </row>
    <row r="101483" spans="8:8">
      <c r="H101483" s="12"/>
    </row>
    <row r="101484" spans="8:8">
      <c r="H101484" s="12"/>
    </row>
    <row r="101485" spans="8:8">
      <c r="H101485" s="12"/>
    </row>
    <row r="101486" spans="8:8">
      <c r="H101486" s="12"/>
    </row>
    <row r="101487" spans="8:8">
      <c r="H101487" s="12"/>
    </row>
    <row r="101488" spans="8:8">
      <c r="H101488" s="12"/>
    </row>
    <row r="101489" spans="8:8">
      <c r="H101489" s="12"/>
    </row>
    <row r="101490" spans="8:8">
      <c r="H101490" s="12"/>
    </row>
    <row r="101491" spans="8:8">
      <c r="H101491" s="12"/>
    </row>
    <row r="101492" spans="8:8">
      <c r="H101492" s="12"/>
    </row>
    <row r="101493" spans="8:8">
      <c r="H101493" s="12"/>
    </row>
    <row r="101494" spans="8:8">
      <c r="H101494" s="12"/>
    </row>
    <row r="101495" spans="8:8">
      <c r="H101495" s="12"/>
    </row>
    <row r="101496" spans="8:8">
      <c r="H101496" s="12"/>
    </row>
    <row r="101497" spans="8:8">
      <c r="H101497" s="12"/>
    </row>
    <row r="101498" spans="8:8">
      <c r="H101498" s="12"/>
    </row>
    <row r="101499" spans="8:8">
      <c r="H101499" s="12"/>
    </row>
    <row r="101500" spans="8:8">
      <c r="H101500" s="12"/>
    </row>
    <row r="101501" spans="8:8">
      <c r="H101501" s="12"/>
    </row>
    <row r="101502" spans="8:8">
      <c r="H101502" s="12"/>
    </row>
    <row r="101503" spans="8:8">
      <c r="H101503" s="12"/>
    </row>
    <row r="101504" spans="8:8">
      <c r="H101504" s="12"/>
    </row>
    <row r="101505" spans="8:8">
      <c r="H101505" s="12"/>
    </row>
    <row r="101506" spans="8:8">
      <c r="H101506" s="12"/>
    </row>
    <row r="101507" spans="8:8">
      <c r="H101507" s="12"/>
    </row>
    <row r="101508" spans="8:8">
      <c r="H101508" s="12"/>
    </row>
    <row r="101509" spans="8:8">
      <c r="H101509" s="12"/>
    </row>
    <row r="101510" spans="8:8">
      <c r="H101510" s="12"/>
    </row>
    <row r="101511" spans="8:8">
      <c r="H101511" s="12"/>
    </row>
    <row r="101512" spans="8:8">
      <c r="H101512" s="12"/>
    </row>
    <row r="101513" spans="8:8">
      <c r="H101513" s="12"/>
    </row>
    <row r="101514" spans="8:8">
      <c r="H101514" s="12"/>
    </row>
    <row r="101515" spans="8:8">
      <c r="H101515" s="12"/>
    </row>
    <row r="101516" spans="8:8">
      <c r="H101516" s="12"/>
    </row>
    <row r="101517" spans="8:8">
      <c r="H101517" s="12"/>
    </row>
    <row r="101518" spans="8:8">
      <c r="H101518" s="12"/>
    </row>
    <row r="101519" spans="8:8">
      <c r="H101519" s="12"/>
    </row>
    <row r="101520" spans="8:8">
      <c r="H101520" s="12"/>
    </row>
    <row r="101521" spans="8:8">
      <c r="H101521" s="12"/>
    </row>
    <row r="101522" spans="8:8">
      <c r="H101522" s="12"/>
    </row>
    <row r="101523" spans="8:8">
      <c r="H101523" s="12"/>
    </row>
    <row r="101524" spans="8:8">
      <c r="H101524" s="12"/>
    </row>
    <row r="101525" spans="8:8">
      <c r="H101525" s="12"/>
    </row>
    <row r="101526" spans="8:8">
      <c r="H101526" s="12"/>
    </row>
    <row r="101527" spans="8:8">
      <c r="H101527" s="12"/>
    </row>
    <row r="101528" spans="8:8">
      <c r="H101528" s="12"/>
    </row>
    <row r="101529" spans="8:8">
      <c r="H101529" s="12"/>
    </row>
    <row r="101530" spans="8:8">
      <c r="H101530" s="12"/>
    </row>
    <row r="101531" spans="8:8">
      <c r="H101531" s="12"/>
    </row>
    <row r="101532" spans="8:8">
      <c r="H101532" s="12"/>
    </row>
    <row r="101533" spans="8:8">
      <c r="H101533" s="12"/>
    </row>
    <row r="101534" spans="8:8">
      <c r="H101534" s="12"/>
    </row>
    <row r="101535" spans="8:8">
      <c r="H101535" s="12"/>
    </row>
    <row r="101536" spans="8:8">
      <c r="H101536" s="12"/>
    </row>
    <row r="101537" spans="8:8">
      <c r="H101537" s="12"/>
    </row>
    <row r="101538" spans="8:8">
      <c r="H101538" s="12"/>
    </row>
    <row r="101539" spans="8:8">
      <c r="H101539" s="12"/>
    </row>
    <row r="101540" spans="8:8">
      <c r="H101540" s="12"/>
    </row>
    <row r="101541" spans="8:8">
      <c r="H101541" s="12"/>
    </row>
    <row r="101542" spans="8:8">
      <c r="H101542" s="12"/>
    </row>
    <row r="101543" spans="8:8">
      <c r="H101543" s="12"/>
    </row>
    <row r="101544" spans="8:8">
      <c r="H101544" s="12"/>
    </row>
    <row r="101545" spans="8:8">
      <c r="H101545" s="12"/>
    </row>
    <row r="101546" spans="8:8">
      <c r="H101546" s="12"/>
    </row>
    <row r="101547" spans="8:8">
      <c r="H101547" s="12"/>
    </row>
    <row r="101548" spans="8:8">
      <c r="H101548" s="12"/>
    </row>
    <row r="101549" spans="8:8">
      <c r="H101549" s="12"/>
    </row>
    <row r="101550" spans="8:8">
      <c r="H101550" s="12"/>
    </row>
    <row r="101551" spans="8:8">
      <c r="H101551" s="12"/>
    </row>
    <row r="101552" spans="8:8">
      <c r="H101552" s="12"/>
    </row>
    <row r="101553" spans="8:8">
      <c r="H101553" s="12"/>
    </row>
    <row r="101554" spans="8:8">
      <c r="H101554" s="12"/>
    </row>
    <row r="101555" spans="8:8">
      <c r="H101555" s="12"/>
    </row>
    <row r="101556" spans="8:8">
      <c r="H101556" s="12"/>
    </row>
    <row r="101557" spans="8:8">
      <c r="H101557" s="12"/>
    </row>
    <row r="101558" spans="8:8">
      <c r="H101558" s="12"/>
    </row>
    <row r="101559" spans="8:8">
      <c r="H101559" s="12"/>
    </row>
    <row r="101560" spans="8:8">
      <c r="H101560" s="12"/>
    </row>
    <row r="101561" spans="8:8">
      <c r="H101561" s="12"/>
    </row>
    <row r="101562" spans="8:8">
      <c r="H101562" s="12"/>
    </row>
    <row r="101563" spans="8:8">
      <c r="H101563" s="12"/>
    </row>
    <row r="101564" spans="8:8">
      <c r="H101564" s="12"/>
    </row>
    <row r="101565" spans="8:8">
      <c r="H101565" s="12"/>
    </row>
    <row r="101566" spans="8:8">
      <c r="H101566" s="12"/>
    </row>
    <row r="101567" spans="8:8">
      <c r="H101567" s="12"/>
    </row>
    <row r="101568" spans="8:8">
      <c r="H101568" s="12"/>
    </row>
    <row r="101569" spans="8:8">
      <c r="H101569" s="12"/>
    </row>
    <row r="101570" spans="8:8">
      <c r="H101570" s="12"/>
    </row>
    <row r="101571" spans="8:8">
      <c r="H101571" s="12"/>
    </row>
    <row r="101572" spans="8:8">
      <c r="H101572" s="12"/>
    </row>
    <row r="101573" spans="8:8">
      <c r="H101573" s="12"/>
    </row>
    <row r="101574" spans="8:8">
      <c r="H101574" s="12"/>
    </row>
    <row r="101575" spans="8:8">
      <c r="H101575" s="12"/>
    </row>
    <row r="101576" spans="8:8">
      <c r="H101576" s="12"/>
    </row>
    <row r="101577" spans="8:8">
      <c r="H101577" s="12"/>
    </row>
    <row r="101578" spans="8:8">
      <c r="H101578" s="12"/>
    </row>
    <row r="101579" spans="8:8">
      <c r="H101579" s="12"/>
    </row>
    <row r="101580" spans="8:8">
      <c r="H101580" s="12"/>
    </row>
    <row r="101581" spans="8:8">
      <c r="H101581" s="12"/>
    </row>
    <row r="101582" spans="8:8">
      <c r="H101582" s="12"/>
    </row>
    <row r="101583" spans="8:8">
      <c r="H101583" s="12"/>
    </row>
    <row r="101584" spans="8:8">
      <c r="H101584" s="12"/>
    </row>
    <row r="101585" spans="8:8">
      <c r="H101585" s="12"/>
    </row>
    <row r="101586" spans="8:8">
      <c r="H101586" s="12"/>
    </row>
    <row r="101587" spans="8:8">
      <c r="H101587" s="12"/>
    </row>
    <row r="101588" spans="8:8">
      <c r="H101588" s="12"/>
    </row>
    <row r="101589" spans="8:8">
      <c r="H101589" s="12"/>
    </row>
    <row r="101590" spans="8:8">
      <c r="H101590" s="12"/>
    </row>
    <row r="101591" spans="8:8">
      <c r="H101591" s="12"/>
    </row>
    <row r="101592" spans="8:8">
      <c r="H101592" s="12"/>
    </row>
    <row r="101593" spans="8:8">
      <c r="H101593" s="12"/>
    </row>
    <row r="101594" spans="8:8">
      <c r="H101594" s="12"/>
    </row>
    <row r="101595" spans="8:8">
      <c r="H101595" s="12"/>
    </row>
    <row r="101596" spans="8:8">
      <c r="H101596" s="12"/>
    </row>
    <row r="101597" spans="8:8">
      <c r="H101597" s="12"/>
    </row>
    <row r="101598" spans="8:8">
      <c r="H101598" s="12"/>
    </row>
    <row r="101599" spans="8:8">
      <c r="H101599" s="12"/>
    </row>
    <row r="101600" spans="8:8">
      <c r="H101600" s="12"/>
    </row>
    <row r="101601" spans="8:8">
      <c r="H101601" s="12"/>
    </row>
    <row r="101602" spans="8:8">
      <c r="H101602" s="12"/>
    </row>
    <row r="101603" spans="8:8">
      <c r="H101603" s="12"/>
    </row>
    <row r="101604" spans="8:8">
      <c r="H101604" s="12"/>
    </row>
    <row r="101605" spans="8:8">
      <c r="H101605" s="12"/>
    </row>
    <row r="101606" spans="8:8">
      <c r="H101606" s="12"/>
    </row>
    <row r="101607" spans="8:8">
      <c r="H101607" s="12"/>
    </row>
    <row r="101608" spans="8:8">
      <c r="H101608" s="12"/>
    </row>
    <row r="101609" spans="8:8">
      <c r="H101609" s="12"/>
    </row>
    <row r="101610" spans="8:8">
      <c r="H101610" s="12"/>
    </row>
    <row r="101611" spans="8:8">
      <c r="H101611" s="12"/>
    </row>
    <row r="101612" spans="8:8">
      <c r="H101612" s="12"/>
    </row>
    <row r="101613" spans="8:8">
      <c r="H101613" s="12"/>
    </row>
    <row r="101614" spans="8:8">
      <c r="H101614" s="12"/>
    </row>
    <row r="101615" spans="8:8">
      <c r="H101615" s="12"/>
    </row>
    <row r="101616" spans="8:8">
      <c r="H101616" s="12"/>
    </row>
    <row r="101617" spans="8:8">
      <c r="H101617" s="12"/>
    </row>
    <row r="101618" spans="8:8">
      <c r="H101618" s="12"/>
    </row>
    <row r="101619" spans="8:8">
      <c r="H101619" s="12"/>
    </row>
    <row r="101620" spans="8:8">
      <c r="H101620" s="12"/>
    </row>
    <row r="101621" spans="8:8">
      <c r="H101621" s="12"/>
    </row>
    <row r="101622" spans="8:8">
      <c r="H101622" s="12"/>
    </row>
    <row r="101623" spans="8:8">
      <c r="H101623" s="12"/>
    </row>
    <row r="101624" spans="8:8">
      <c r="H101624" s="12"/>
    </row>
    <row r="101625" spans="8:8">
      <c r="H101625" s="12"/>
    </row>
    <row r="101626" spans="8:8">
      <c r="H101626" s="12"/>
    </row>
    <row r="101627" spans="8:8">
      <c r="H101627" s="12"/>
    </row>
    <row r="101628" spans="8:8">
      <c r="H101628" s="12"/>
    </row>
    <row r="101629" spans="8:8">
      <c r="H101629" s="12"/>
    </row>
    <row r="101630" spans="8:8">
      <c r="H101630" s="12"/>
    </row>
    <row r="101631" spans="8:8">
      <c r="H101631" s="12"/>
    </row>
    <row r="101632" spans="8:8">
      <c r="H101632" s="12"/>
    </row>
    <row r="101633" spans="8:8">
      <c r="H101633" s="12"/>
    </row>
    <row r="101634" spans="8:8">
      <c r="H101634" s="12"/>
    </row>
    <row r="101635" spans="8:8">
      <c r="H101635" s="12"/>
    </row>
    <row r="101636" spans="8:8">
      <c r="H101636" s="12"/>
    </row>
    <row r="101637" spans="8:8">
      <c r="H101637" s="12"/>
    </row>
    <row r="101638" spans="8:8">
      <c r="H101638" s="12"/>
    </row>
    <row r="101639" spans="8:8">
      <c r="H101639" s="12"/>
    </row>
    <row r="101640" spans="8:8">
      <c r="H101640" s="12"/>
    </row>
    <row r="101641" spans="8:8">
      <c r="H101641" s="12"/>
    </row>
    <row r="101642" spans="8:8">
      <c r="H101642" s="12"/>
    </row>
    <row r="101643" spans="8:8">
      <c r="H101643" s="12"/>
    </row>
    <row r="101644" spans="8:8">
      <c r="H101644" s="12"/>
    </row>
    <row r="101645" spans="8:8">
      <c r="H101645" s="12"/>
    </row>
    <row r="101646" spans="8:8">
      <c r="H101646" s="12"/>
    </row>
    <row r="101647" spans="8:8">
      <c r="H101647" s="12"/>
    </row>
    <row r="101648" spans="8:8">
      <c r="H101648" s="12"/>
    </row>
    <row r="101649" spans="8:8">
      <c r="H101649" s="12"/>
    </row>
    <row r="101650" spans="8:8">
      <c r="H101650" s="12"/>
    </row>
    <row r="101651" spans="8:8">
      <c r="H101651" s="12"/>
    </row>
    <row r="101652" spans="8:8">
      <c r="H101652" s="12"/>
    </row>
    <row r="101653" spans="8:8">
      <c r="H101653" s="12"/>
    </row>
    <row r="101654" spans="8:8">
      <c r="H101654" s="12"/>
    </row>
    <row r="101655" spans="8:8">
      <c r="H101655" s="12"/>
    </row>
    <row r="101656" spans="8:8">
      <c r="H101656" s="12"/>
    </row>
    <row r="101657" spans="8:8">
      <c r="H101657" s="12"/>
    </row>
    <row r="101658" spans="8:8">
      <c r="H101658" s="12"/>
    </row>
    <row r="101659" spans="8:8">
      <c r="H101659" s="12"/>
    </row>
    <row r="101660" spans="8:8">
      <c r="H101660" s="12"/>
    </row>
    <row r="101661" spans="8:8">
      <c r="H101661" s="12"/>
    </row>
    <row r="101662" spans="8:8">
      <c r="H101662" s="12"/>
    </row>
    <row r="101663" spans="8:8">
      <c r="H101663" s="12"/>
    </row>
    <row r="101664" spans="8:8">
      <c r="H101664" s="12"/>
    </row>
    <row r="101665" spans="8:8">
      <c r="H101665" s="12"/>
    </row>
    <row r="101666" spans="8:8">
      <c r="H101666" s="12"/>
    </row>
    <row r="101667" spans="8:8">
      <c r="H101667" s="12"/>
    </row>
    <row r="101668" spans="8:8">
      <c r="H101668" s="12"/>
    </row>
    <row r="101669" spans="8:8">
      <c r="H101669" s="12"/>
    </row>
    <row r="101670" spans="8:8">
      <c r="H101670" s="12"/>
    </row>
    <row r="101671" spans="8:8">
      <c r="H101671" s="12"/>
    </row>
    <row r="101672" spans="8:8">
      <c r="H101672" s="12"/>
    </row>
    <row r="101673" spans="8:8">
      <c r="H101673" s="12"/>
    </row>
    <row r="101674" spans="8:8">
      <c r="H101674" s="12"/>
    </row>
    <row r="101675" spans="8:8">
      <c r="H101675" s="12"/>
    </row>
    <row r="101676" spans="8:8">
      <c r="H101676" s="12"/>
    </row>
    <row r="101677" spans="8:8">
      <c r="H101677" s="12"/>
    </row>
    <row r="101678" spans="8:8">
      <c r="H101678" s="12"/>
    </row>
    <row r="101679" spans="8:8">
      <c r="H101679" s="12"/>
    </row>
    <row r="101680" spans="8:8">
      <c r="H101680" s="12"/>
    </row>
    <row r="101681" spans="8:8">
      <c r="H101681" s="12"/>
    </row>
    <row r="101682" spans="8:8">
      <c r="H101682" s="12"/>
    </row>
    <row r="101683" spans="8:8">
      <c r="H101683" s="12"/>
    </row>
    <row r="101684" spans="8:8">
      <c r="H101684" s="12"/>
    </row>
    <row r="101685" spans="8:8">
      <c r="H101685" s="12"/>
    </row>
    <row r="101686" spans="8:8">
      <c r="H101686" s="12"/>
    </row>
    <row r="101687" spans="8:8">
      <c r="H101687" s="12"/>
    </row>
    <row r="101688" spans="8:8">
      <c r="H101688" s="12"/>
    </row>
    <row r="101689" spans="8:8">
      <c r="H101689" s="12"/>
    </row>
    <row r="101690" spans="8:8">
      <c r="H101690" s="12"/>
    </row>
    <row r="101691" spans="8:8">
      <c r="H101691" s="12"/>
    </row>
    <row r="101692" spans="8:8">
      <c r="H101692" s="12"/>
    </row>
    <row r="101693" spans="8:8">
      <c r="H101693" s="12"/>
    </row>
    <row r="101694" spans="8:8">
      <c r="H101694" s="12"/>
    </row>
    <row r="101695" spans="8:8">
      <c r="H101695" s="12"/>
    </row>
    <row r="101696" spans="8:8">
      <c r="H101696" s="12"/>
    </row>
    <row r="101697" spans="8:8">
      <c r="H101697" s="12"/>
    </row>
    <row r="101698" spans="8:8">
      <c r="H101698" s="12"/>
    </row>
    <row r="101699" spans="8:8">
      <c r="H101699" s="12"/>
    </row>
    <row r="101700" spans="8:8">
      <c r="H101700" s="12"/>
    </row>
    <row r="101701" spans="8:8">
      <c r="H101701" s="12"/>
    </row>
    <row r="101702" spans="8:8">
      <c r="H101702" s="12"/>
    </row>
    <row r="101703" spans="8:8">
      <c r="H101703" s="12"/>
    </row>
    <row r="101704" spans="8:8">
      <c r="H101704" s="12"/>
    </row>
    <row r="101705" spans="8:8">
      <c r="H101705" s="12"/>
    </row>
    <row r="101706" spans="8:8">
      <c r="H101706" s="12"/>
    </row>
    <row r="101707" spans="8:8">
      <c r="H101707" s="12"/>
    </row>
    <row r="101708" spans="8:8">
      <c r="H101708" s="12"/>
    </row>
    <row r="101709" spans="8:8">
      <c r="H101709" s="12"/>
    </row>
    <row r="101710" spans="8:8">
      <c r="H101710" s="12"/>
    </row>
    <row r="101711" spans="8:8">
      <c r="H101711" s="12"/>
    </row>
    <row r="101712" spans="8:8">
      <c r="H101712" s="12"/>
    </row>
    <row r="101713" spans="8:8">
      <c r="H101713" s="12"/>
    </row>
    <row r="101714" spans="8:8">
      <c r="H101714" s="12"/>
    </row>
    <row r="101715" spans="8:8">
      <c r="H101715" s="12"/>
    </row>
    <row r="101716" spans="8:8">
      <c r="H101716" s="12"/>
    </row>
    <row r="101717" spans="8:8">
      <c r="H101717" s="12"/>
    </row>
    <row r="101718" spans="8:8">
      <c r="H101718" s="12"/>
    </row>
    <row r="101719" spans="8:8">
      <c r="H101719" s="12"/>
    </row>
    <row r="101720" spans="8:8">
      <c r="H101720" s="12"/>
    </row>
    <row r="101721" spans="8:8">
      <c r="H101721" s="12"/>
    </row>
    <row r="101722" spans="8:8">
      <c r="H101722" s="12"/>
    </row>
    <row r="101723" spans="8:8">
      <c r="H101723" s="12"/>
    </row>
    <row r="101724" spans="8:8">
      <c r="H101724" s="12"/>
    </row>
    <row r="101725" spans="8:8">
      <c r="H101725" s="12"/>
    </row>
    <row r="101726" spans="8:8">
      <c r="H101726" s="12"/>
    </row>
    <row r="101727" spans="8:8">
      <c r="H101727" s="12"/>
    </row>
    <row r="101728" spans="8:8">
      <c r="H101728" s="12"/>
    </row>
    <row r="101729" spans="8:8">
      <c r="H101729" s="12"/>
    </row>
    <row r="101730" spans="8:8">
      <c r="H101730" s="12"/>
    </row>
    <row r="101731" spans="8:8">
      <c r="H101731" s="12"/>
    </row>
    <row r="101732" spans="8:8">
      <c r="H101732" s="12"/>
    </row>
    <row r="101733" spans="8:8">
      <c r="H101733" s="12"/>
    </row>
    <row r="101734" spans="8:8">
      <c r="H101734" s="12"/>
    </row>
    <row r="101735" spans="8:8">
      <c r="H101735" s="12"/>
    </row>
    <row r="101736" spans="8:8">
      <c r="H101736" s="12"/>
    </row>
    <row r="101737" spans="8:8">
      <c r="H101737" s="12"/>
    </row>
    <row r="101738" spans="8:8">
      <c r="H101738" s="12"/>
    </row>
    <row r="101739" spans="8:8">
      <c r="H101739" s="12"/>
    </row>
    <row r="101740" spans="8:8">
      <c r="H101740" s="12"/>
    </row>
    <row r="101741" spans="8:8">
      <c r="H101741" s="12"/>
    </row>
    <row r="101742" spans="8:8">
      <c r="H101742" s="12"/>
    </row>
    <row r="101743" spans="8:8">
      <c r="H101743" s="12"/>
    </row>
    <row r="101744" spans="8:8">
      <c r="H101744" s="12"/>
    </row>
    <row r="101745" spans="8:8">
      <c r="H101745" s="12"/>
    </row>
    <row r="101746" spans="8:8">
      <c r="H101746" s="12"/>
    </row>
    <row r="101747" spans="8:8">
      <c r="H101747" s="12"/>
    </row>
    <row r="101748" spans="8:8">
      <c r="H101748" s="12"/>
    </row>
    <row r="101749" spans="8:8">
      <c r="H101749" s="12"/>
    </row>
    <row r="101750" spans="8:8">
      <c r="H101750" s="12"/>
    </row>
    <row r="101751" spans="8:8">
      <c r="H101751" s="12"/>
    </row>
    <row r="101752" spans="8:8">
      <c r="H101752" s="12"/>
    </row>
    <row r="101753" spans="8:8">
      <c r="H101753" s="12"/>
    </row>
    <row r="101754" spans="8:8">
      <c r="H101754" s="12"/>
    </row>
    <row r="101755" spans="8:8">
      <c r="H101755" s="12"/>
    </row>
    <row r="101756" spans="8:8">
      <c r="H101756" s="12"/>
    </row>
    <row r="101757" spans="8:8">
      <c r="H101757" s="12"/>
    </row>
    <row r="101758" spans="8:8">
      <c r="H101758" s="12"/>
    </row>
    <row r="101759" spans="8:8">
      <c r="H101759" s="12"/>
    </row>
    <row r="101760" spans="8:8">
      <c r="H101760" s="12"/>
    </row>
    <row r="101761" spans="8:8">
      <c r="H101761" s="12"/>
    </row>
    <row r="101762" spans="8:8">
      <c r="H101762" s="12"/>
    </row>
    <row r="101763" spans="8:8">
      <c r="H101763" s="12"/>
    </row>
    <row r="101764" spans="8:8">
      <c r="H101764" s="12"/>
    </row>
    <row r="101765" spans="8:8">
      <c r="H101765" s="12"/>
    </row>
    <row r="101766" spans="8:8">
      <c r="H101766" s="12"/>
    </row>
    <row r="101767" spans="8:8">
      <c r="H101767" s="12"/>
    </row>
    <row r="101768" spans="8:8">
      <c r="H101768" s="12"/>
    </row>
    <row r="101769" spans="8:8">
      <c r="H101769" s="12"/>
    </row>
    <row r="101770" spans="8:8">
      <c r="H101770" s="12"/>
    </row>
    <row r="101771" spans="8:8">
      <c r="H101771" s="12"/>
    </row>
    <row r="101772" spans="8:8">
      <c r="H101772" s="12"/>
    </row>
    <row r="101773" spans="8:8">
      <c r="H101773" s="12"/>
    </row>
    <row r="101774" spans="8:8">
      <c r="H101774" s="12"/>
    </row>
    <row r="101775" spans="8:8">
      <c r="H101775" s="12"/>
    </row>
    <row r="101776" spans="8:8">
      <c r="H101776" s="12"/>
    </row>
    <row r="101777" spans="8:8">
      <c r="H101777" s="12"/>
    </row>
    <row r="101778" spans="8:8">
      <c r="H101778" s="12"/>
    </row>
    <row r="101779" spans="8:8">
      <c r="H101779" s="12"/>
    </row>
    <row r="101780" spans="8:8">
      <c r="H101780" s="12"/>
    </row>
    <row r="101781" spans="8:8">
      <c r="H101781" s="12"/>
    </row>
    <row r="101782" spans="8:8">
      <c r="H101782" s="12"/>
    </row>
    <row r="101783" spans="8:8">
      <c r="H101783" s="12"/>
    </row>
    <row r="101784" spans="8:8">
      <c r="H101784" s="12"/>
    </row>
    <row r="101785" spans="8:8">
      <c r="H101785" s="12"/>
    </row>
    <row r="101786" spans="8:8">
      <c r="H101786" s="12"/>
    </row>
    <row r="101787" spans="8:8">
      <c r="H101787" s="12"/>
    </row>
    <row r="101788" spans="8:8">
      <c r="H101788" s="12"/>
    </row>
    <row r="101789" spans="8:8">
      <c r="H101789" s="12"/>
    </row>
    <row r="101790" spans="8:8">
      <c r="H101790" s="12"/>
    </row>
    <row r="101791" spans="8:8">
      <c r="H101791" s="12"/>
    </row>
    <row r="101792" spans="8:8">
      <c r="H101792" s="12"/>
    </row>
    <row r="101793" spans="8:8">
      <c r="H101793" s="12"/>
    </row>
    <row r="101794" spans="8:8">
      <c r="H101794" s="12"/>
    </row>
    <row r="101795" spans="8:8">
      <c r="H101795" s="12"/>
    </row>
    <row r="101796" spans="8:8">
      <c r="H101796" s="12"/>
    </row>
    <row r="101797" spans="8:8">
      <c r="H101797" s="12"/>
    </row>
    <row r="101798" spans="8:8">
      <c r="H101798" s="12"/>
    </row>
    <row r="101799" spans="8:8">
      <c r="H101799" s="12"/>
    </row>
    <row r="101800" spans="8:8">
      <c r="H101800" s="12"/>
    </row>
    <row r="101801" spans="8:8">
      <c r="H101801" s="12"/>
    </row>
    <row r="101802" spans="8:8">
      <c r="H101802" s="12"/>
    </row>
    <row r="101803" spans="8:8">
      <c r="H101803" s="12"/>
    </row>
    <row r="101804" spans="8:8">
      <c r="H101804" s="12"/>
    </row>
    <row r="101805" spans="8:8">
      <c r="H101805" s="12"/>
    </row>
    <row r="101806" spans="8:8">
      <c r="H101806" s="12"/>
    </row>
    <row r="101807" spans="8:8">
      <c r="H101807" s="12"/>
    </row>
    <row r="101808" spans="8:8">
      <c r="H101808" s="12"/>
    </row>
    <row r="101809" spans="8:8">
      <c r="H101809" s="12"/>
    </row>
    <row r="101810" spans="8:8">
      <c r="H101810" s="12"/>
    </row>
    <row r="101811" spans="8:8">
      <c r="H101811" s="12"/>
    </row>
    <row r="101812" spans="8:8">
      <c r="H101812" s="12"/>
    </row>
    <row r="101813" spans="8:8">
      <c r="H101813" s="12"/>
    </row>
    <row r="101814" spans="8:8">
      <c r="H101814" s="12"/>
    </row>
    <row r="101815" spans="8:8">
      <c r="H101815" s="12"/>
    </row>
    <row r="101816" spans="8:8">
      <c r="H101816" s="12"/>
    </row>
    <row r="101817" spans="8:8">
      <c r="H101817" s="12"/>
    </row>
    <row r="101818" spans="8:8">
      <c r="H101818" s="12"/>
    </row>
    <row r="101819" spans="8:8">
      <c r="H101819" s="12"/>
    </row>
    <row r="101820" spans="8:8">
      <c r="H101820" s="12"/>
    </row>
    <row r="101821" spans="8:8">
      <c r="H101821" s="12"/>
    </row>
    <row r="101822" spans="8:8">
      <c r="H101822" s="12"/>
    </row>
    <row r="101823" spans="8:8">
      <c r="H101823" s="12"/>
    </row>
    <row r="101824" spans="8:8">
      <c r="H101824" s="12"/>
    </row>
    <row r="101825" spans="8:8">
      <c r="H101825" s="12"/>
    </row>
    <row r="101826" spans="8:8">
      <c r="H101826" s="12"/>
    </row>
    <row r="101827" spans="8:8">
      <c r="H101827" s="12"/>
    </row>
    <row r="101828" spans="8:8">
      <c r="H101828" s="12"/>
    </row>
    <row r="101829" spans="8:8">
      <c r="H101829" s="12"/>
    </row>
    <row r="101830" spans="8:8">
      <c r="H101830" s="12"/>
    </row>
    <row r="101831" spans="8:8">
      <c r="H101831" s="12"/>
    </row>
    <row r="101832" spans="8:8">
      <c r="H101832" s="12"/>
    </row>
    <row r="101833" spans="8:8">
      <c r="H101833" s="12"/>
    </row>
    <row r="101834" spans="8:8">
      <c r="H101834" s="12"/>
    </row>
    <row r="101835" spans="8:8">
      <c r="H101835" s="12"/>
    </row>
    <row r="101836" spans="8:8">
      <c r="H101836" s="12"/>
    </row>
    <row r="101837" spans="8:8">
      <c r="H101837" s="12"/>
    </row>
    <row r="101838" spans="8:8">
      <c r="H101838" s="12"/>
    </row>
    <row r="101839" spans="8:8">
      <c r="H101839" s="12"/>
    </row>
    <row r="101840" spans="8:8">
      <c r="H101840" s="12"/>
    </row>
    <row r="101841" spans="8:8">
      <c r="H101841" s="12"/>
    </row>
    <row r="101842" spans="8:8">
      <c r="H101842" s="12"/>
    </row>
    <row r="101843" spans="8:8">
      <c r="H101843" s="12"/>
    </row>
    <row r="101844" spans="8:8">
      <c r="H101844" s="12"/>
    </row>
    <row r="101845" spans="8:8">
      <c r="H101845" s="12"/>
    </row>
    <row r="101846" spans="8:8">
      <c r="H101846" s="12"/>
    </row>
    <row r="101847" spans="8:8">
      <c r="H101847" s="12"/>
    </row>
    <row r="101848" spans="8:8">
      <c r="H101848" s="12"/>
    </row>
    <row r="101849" spans="8:8">
      <c r="H101849" s="12"/>
    </row>
    <row r="101850" spans="8:8">
      <c r="H101850" s="12"/>
    </row>
    <row r="101851" spans="8:8">
      <c r="H101851" s="12"/>
    </row>
    <row r="101852" spans="8:8">
      <c r="H101852" s="12"/>
    </row>
    <row r="101853" spans="8:8">
      <c r="H101853" s="12"/>
    </row>
    <row r="101854" spans="8:8">
      <c r="H101854" s="12"/>
    </row>
    <row r="101855" spans="8:8">
      <c r="H101855" s="12"/>
    </row>
    <row r="101856" spans="8:8">
      <c r="H101856" s="12"/>
    </row>
    <row r="101857" spans="8:8">
      <c r="H101857" s="12"/>
    </row>
    <row r="101858" spans="8:8">
      <c r="H101858" s="12"/>
    </row>
    <row r="101859" spans="8:8">
      <c r="H101859" s="12"/>
    </row>
    <row r="101860" spans="8:8">
      <c r="H101860" s="12"/>
    </row>
    <row r="101861" spans="8:8">
      <c r="H101861" s="12"/>
    </row>
    <row r="101862" spans="8:8">
      <c r="H101862" s="12"/>
    </row>
    <row r="101863" spans="8:8">
      <c r="H101863" s="12"/>
    </row>
    <row r="101864" spans="8:8">
      <c r="H101864" s="12"/>
    </row>
    <row r="101865" spans="8:8">
      <c r="H101865" s="12"/>
    </row>
    <row r="101866" spans="8:8">
      <c r="H101866" s="12"/>
    </row>
    <row r="101867" spans="8:8">
      <c r="H101867" s="12"/>
    </row>
    <row r="101868" spans="8:8">
      <c r="H101868" s="12"/>
    </row>
    <row r="101869" spans="8:8">
      <c r="H101869" s="12"/>
    </row>
    <row r="101870" spans="8:8">
      <c r="H101870" s="12"/>
    </row>
    <row r="101871" spans="8:8">
      <c r="H101871" s="12"/>
    </row>
    <row r="101872" spans="8:8">
      <c r="H101872" s="12"/>
    </row>
    <row r="101873" spans="8:8">
      <c r="H101873" s="12"/>
    </row>
    <row r="101874" spans="8:8">
      <c r="H101874" s="12"/>
    </row>
    <row r="101875" spans="8:8">
      <c r="H101875" s="12"/>
    </row>
    <row r="101876" spans="8:8">
      <c r="H101876" s="12"/>
    </row>
    <row r="101877" spans="8:8">
      <c r="H101877" s="12"/>
    </row>
    <row r="101878" spans="8:8">
      <c r="H101878" s="12"/>
    </row>
    <row r="101879" spans="8:8">
      <c r="H101879" s="12"/>
    </row>
    <row r="101880" spans="8:8">
      <c r="H101880" s="12"/>
    </row>
    <row r="101881" spans="8:8">
      <c r="H101881" s="12"/>
    </row>
    <row r="101882" spans="8:8">
      <c r="H101882" s="12"/>
    </row>
    <row r="101883" spans="8:8">
      <c r="H101883" s="12"/>
    </row>
    <row r="101884" spans="8:8">
      <c r="H101884" s="12"/>
    </row>
    <row r="101885" spans="8:8">
      <c r="H101885" s="12"/>
    </row>
    <row r="101886" spans="8:8">
      <c r="H101886" s="12"/>
    </row>
    <row r="101887" spans="8:8">
      <c r="H101887" s="12"/>
    </row>
    <row r="101888" spans="8:8">
      <c r="H101888" s="12"/>
    </row>
    <row r="101889" spans="8:8">
      <c r="H101889" s="12"/>
    </row>
    <row r="101890" spans="8:8">
      <c r="H101890" s="12"/>
    </row>
    <row r="101891" spans="8:8">
      <c r="H101891" s="12"/>
    </row>
    <row r="101892" spans="8:8">
      <c r="H101892" s="12"/>
    </row>
    <row r="101893" spans="8:8">
      <c r="H101893" s="12"/>
    </row>
    <row r="101894" spans="8:8">
      <c r="H101894" s="12"/>
    </row>
    <row r="101895" spans="8:8">
      <c r="H101895" s="12"/>
    </row>
    <row r="101896" spans="8:8">
      <c r="H101896" s="12"/>
    </row>
    <row r="101897" spans="8:8">
      <c r="H101897" s="12"/>
    </row>
    <row r="101898" spans="8:8">
      <c r="H101898" s="12"/>
    </row>
    <row r="101899" spans="8:8">
      <c r="H101899" s="12"/>
    </row>
    <row r="101900" spans="8:8">
      <c r="H101900" s="12"/>
    </row>
    <row r="101901" spans="8:8">
      <c r="H101901" s="12"/>
    </row>
    <row r="101902" spans="8:8">
      <c r="H101902" s="12"/>
    </row>
    <row r="101903" spans="8:8">
      <c r="H101903" s="12"/>
    </row>
    <row r="101904" spans="8:8">
      <c r="H101904" s="12"/>
    </row>
    <row r="101905" spans="8:8">
      <c r="H101905" s="12"/>
    </row>
    <row r="101906" spans="8:8">
      <c r="H101906" s="12"/>
    </row>
    <row r="101907" spans="8:8">
      <c r="H101907" s="12"/>
    </row>
    <row r="101908" spans="8:8">
      <c r="H101908" s="12"/>
    </row>
    <row r="101909" spans="8:8">
      <c r="H101909" s="12"/>
    </row>
    <row r="101910" spans="8:8">
      <c r="H101910" s="12"/>
    </row>
    <row r="101911" spans="8:8">
      <c r="H101911" s="12"/>
    </row>
    <row r="101912" spans="8:8">
      <c r="H101912" s="12"/>
    </row>
    <row r="101913" spans="8:8">
      <c r="H101913" s="12"/>
    </row>
    <row r="101914" spans="8:8">
      <c r="H101914" s="12"/>
    </row>
    <row r="101915" spans="8:8">
      <c r="H101915" s="12"/>
    </row>
    <row r="101916" spans="8:8">
      <c r="H101916" s="12"/>
    </row>
    <row r="101917" spans="8:8">
      <c r="H101917" s="12"/>
    </row>
    <row r="101918" spans="8:8">
      <c r="H101918" s="12"/>
    </row>
    <row r="101919" spans="8:8">
      <c r="H101919" s="12"/>
    </row>
    <row r="101920" spans="8:8">
      <c r="H101920" s="12"/>
    </row>
    <row r="101921" spans="8:8">
      <c r="H101921" s="12"/>
    </row>
    <row r="101922" spans="8:8">
      <c r="H101922" s="12"/>
    </row>
    <row r="101923" spans="8:8">
      <c r="H101923" s="12"/>
    </row>
    <row r="101924" spans="8:8">
      <c r="H101924" s="12"/>
    </row>
    <row r="101925" spans="8:8">
      <c r="H101925" s="12"/>
    </row>
    <row r="101926" spans="8:8">
      <c r="H101926" s="12"/>
    </row>
    <row r="101927" spans="8:8">
      <c r="H101927" s="12"/>
    </row>
    <row r="101928" spans="8:8">
      <c r="H101928" s="12"/>
    </row>
    <row r="101929" spans="8:8">
      <c r="H101929" s="12"/>
    </row>
    <row r="101930" spans="8:8">
      <c r="H101930" s="12"/>
    </row>
    <row r="101931" spans="8:8">
      <c r="H101931" s="12"/>
    </row>
    <row r="101932" spans="8:8">
      <c r="H101932" s="12"/>
    </row>
    <row r="101933" spans="8:8">
      <c r="H101933" s="12"/>
    </row>
    <row r="101934" spans="8:8">
      <c r="H101934" s="12"/>
    </row>
    <row r="101935" spans="8:8">
      <c r="H101935" s="12"/>
    </row>
    <row r="101936" spans="8:8">
      <c r="H101936" s="12"/>
    </row>
    <row r="101937" spans="8:8">
      <c r="H101937" s="12"/>
    </row>
    <row r="101938" spans="8:8">
      <c r="H101938" s="12"/>
    </row>
    <row r="101939" spans="8:8">
      <c r="H101939" s="12"/>
    </row>
    <row r="101940" spans="8:8">
      <c r="H101940" s="12"/>
    </row>
    <row r="101941" spans="8:8">
      <c r="H101941" s="12"/>
    </row>
    <row r="101942" spans="8:8">
      <c r="H101942" s="12"/>
    </row>
    <row r="101943" spans="8:8">
      <c r="H101943" s="12"/>
    </row>
    <row r="101944" spans="8:8">
      <c r="H101944" s="12"/>
    </row>
    <row r="101945" spans="8:8">
      <c r="H101945" s="12"/>
    </row>
    <row r="101946" spans="8:8">
      <c r="H101946" s="12"/>
    </row>
    <row r="101947" spans="8:8">
      <c r="H101947" s="12"/>
    </row>
    <row r="101948" spans="8:8">
      <c r="H101948" s="12"/>
    </row>
    <row r="101949" spans="8:8">
      <c r="H101949" s="12"/>
    </row>
    <row r="101950" spans="8:8">
      <c r="H101950" s="12"/>
    </row>
    <row r="101951" spans="8:8">
      <c r="H101951" s="12"/>
    </row>
    <row r="101952" spans="8:8">
      <c r="H101952" s="12"/>
    </row>
    <row r="101953" spans="8:8">
      <c r="H101953" s="12"/>
    </row>
    <row r="101954" spans="8:8">
      <c r="H101954" s="12"/>
    </row>
    <row r="101955" spans="8:8">
      <c r="H101955" s="12"/>
    </row>
    <row r="101956" spans="8:8">
      <c r="H101956" s="12"/>
    </row>
    <row r="101957" spans="8:8">
      <c r="H101957" s="12"/>
    </row>
    <row r="101958" spans="8:8">
      <c r="H101958" s="12"/>
    </row>
    <row r="101959" spans="8:8">
      <c r="H101959" s="12"/>
    </row>
    <row r="101960" spans="8:8">
      <c r="H101960" s="12"/>
    </row>
    <row r="101961" spans="8:8">
      <c r="H101961" s="12"/>
    </row>
    <row r="101962" spans="8:8">
      <c r="H101962" s="12"/>
    </row>
    <row r="101963" spans="8:8">
      <c r="H101963" s="12"/>
    </row>
    <row r="101964" spans="8:8">
      <c r="H101964" s="12"/>
    </row>
    <row r="101965" spans="8:8">
      <c r="H101965" s="12"/>
    </row>
    <row r="101966" spans="8:8">
      <c r="H101966" s="12"/>
    </row>
    <row r="101967" spans="8:8">
      <c r="H101967" s="12"/>
    </row>
    <row r="101968" spans="8:8">
      <c r="H101968" s="12"/>
    </row>
    <row r="101969" spans="8:8">
      <c r="H101969" s="12"/>
    </row>
    <row r="101970" spans="8:8">
      <c r="H101970" s="12"/>
    </row>
    <row r="101971" spans="8:8">
      <c r="H101971" s="12"/>
    </row>
    <row r="101972" spans="8:8">
      <c r="H101972" s="12"/>
    </row>
    <row r="101973" spans="8:8">
      <c r="H101973" s="12"/>
    </row>
    <row r="101974" spans="8:8">
      <c r="H101974" s="12"/>
    </row>
    <row r="101975" spans="8:8">
      <c r="H101975" s="12"/>
    </row>
    <row r="101976" spans="8:8">
      <c r="H101976" s="12"/>
    </row>
    <row r="101977" spans="8:8">
      <c r="H101977" s="12"/>
    </row>
    <row r="101978" spans="8:8">
      <c r="H101978" s="12"/>
    </row>
    <row r="101979" spans="8:8">
      <c r="H101979" s="12"/>
    </row>
    <row r="101980" spans="8:8">
      <c r="H101980" s="12"/>
    </row>
    <row r="101981" spans="8:8">
      <c r="H101981" s="12"/>
    </row>
    <row r="101982" spans="8:8">
      <c r="H101982" s="12"/>
    </row>
    <row r="101983" spans="8:8">
      <c r="H101983" s="12"/>
    </row>
    <row r="101984" spans="8:8">
      <c r="H101984" s="12"/>
    </row>
    <row r="101985" spans="8:8">
      <c r="H101985" s="12"/>
    </row>
    <row r="101986" spans="8:8">
      <c r="H101986" s="12"/>
    </row>
    <row r="101987" spans="8:8">
      <c r="H101987" s="12"/>
    </row>
    <row r="101988" spans="8:8">
      <c r="H101988" s="12"/>
    </row>
    <row r="101989" spans="8:8">
      <c r="H101989" s="12"/>
    </row>
    <row r="101990" spans="8:8">
      <c r="H101990" s="12"/>
    </row>
    <row r="101991" spans="8:8">
      <c r="H101991" s="12"/>
    </row>
    <row r="101992" spans="8:8">
      <c r="H101992" s="12"/>
    </row>
    <row r="101993" spans="8:8">
      <c r="H101993" s="12"/>
    </row>
    <row r="101994" spans="8:8">
      <c r="H101994" s="12"/>
    </row>
    <row r="101995" spans="8:8">
      <c r="H101995" s="12"/>
    </row>
    <row r="101996" spans="8:8">
      <c r="H101996" s="12"/>
    </row>
    <row r="101997" spans="8:8">
      <c r="H101997" s="12"/>
    </row>
    <row r="101998" spans="8:8">
      <c r="H101998" s="12"/>
    </row>
    <row r="101999" spans="8:8">
      <c r="H101999" s="12"/>
    </row>
    <row r="102000" spans="8:8">
      <c r="H102000" s="12"/>
    </row>
    <row r="102001" spans="8:8">
      <c r="H102001" s="12"/>
    </row>
    <row r="102002" spans="8:8">
      <c r="H102002" s="12"/>
    </row>
    <row r="102003" spans="8:8">
      <c r="H102003" s="12"/>
    </row>
    <row r="102004" spans="8:8">
      <c r="H102004" s="12"/>
    </row>
    <row r="102005" spans="8:8">
      <c r="H102005" s="12"/>
    </row>
    <row r="102006" spans="8:8">
      <c r="H102006" s="12"/>
    </row>
    <row r="102007" spans="8:8">
      <c r="H102007" s="12"/>
    </row>
    <row r="102008" spans="8:8">
      <c r="H102008" s="12"/>
    </row>
    <row r="102009" spans="8:8">
      <c r="H102009" s="12"/>
    </row>
    <row r="102010" spans="8:8">
      <c r="H102010" s="12"/>
    </row>
    <row r="102011" spans="8:8">
      <c r="H102011" s="12"/>
    </row>
    <row r="102012" spans="8:8">
      <c r="H102012" s="12"/>
    </row>
    <row r="102013" spans="8:8">
      <c r="H102013" s="12"/>
    </row>
    <row r="102014" spans="8:8">
      <c r="H102014" s="12"/>
    </row>
    <row r="102015" spans="8:8">
      <c r="H102015" s="12"/>
    </row>
    <row r="102016" spans="8:8">
      <c r="H102016" s="12"/>
    </row>
    <row r="102017" spans="8:8">
      <c r="H102017" s="12"/>
    </row>
    <row r="102018" spans="8:8">
      <c r="H102018" s="12"/>
    </row>
    <row r="102019" spans="8:8">
      <c r="H102019" s="12"/>
    </row>
    <row r="102020" spans="8:8">
      <c r="H102020" s="12"/>
    </row>
    <row r="102021" spans="8:8">
      <c r="H102021" s="12"/>
    </row>
    <row r="102022" spans="8:8">
      <c r="H102022" s="12"/>
    </row>
    <row r="102023" spans="8:8">
      <c r="H102023" s="12"/>
    </row>
    <row r="102024" spans="8:8">
      <c r="H102024" s="12"/>
    </row>
    <row r="102025" spans="8:8">
      <c r="H102025" s="12"/>
    </row>
    <row r="102026" spans="8:8">
      <c r="H102026" s="12"/>
    </row>
    <row r="102027" spans="8:8">
      <c r="H102027" s="12"/>
    </row>
    <row r="102028" spans="8:8">
      <c r="H102028" s="12"/>
    </row>
    <row r="102029" spans="8:8">
      <c r="H102029" s="12"/>
    </row>
    <row r="102030" spans="8:8">
      <c r="H102030" s="12"/>
    </row>
    <row r="102031" spans="8:8">
      <c r="H102031" s="12"/>
    </row>
    <row r="102032" spans="8:8">
      <c r="H102032" s="12"/>
    </row>
    <row r="102033" spans="8:8">
      <c r="H102033" s="12"/>
    </row>
    <row r="102034" spans="8:8">
      <c r="H102034" s="12"/>
    </row>
    <row r="102035" spans="8:8">
      <c r="H102035" s="12"/>
    </row>
    <row r="102036" spans="8:8">
      <c r="H102036" s="12"/>
    </row>
    <row r="102037" spans="8:8">
      <c r="H102037" s="12"/>
    </row>
    <row r="102038" spans="8:8">
      <c r="H102038" s="12"/>
    </row>
    <row r="102039" spans="8:8">
      <c r="H102039" s="12"/>
    </row>
    <row r="102040" spans="8:8">
      <c r="H102040" s="12"/>
    </row>
    <row r="102041" spans="8:8">
      <c r="H102041" s="12"/>
    </row>
    <row r="102042" spans="8:8">
      <c r="H102042" s="12"/>
    </row>
    <row r="102043" spans="8:8">
      <c r="H102043" s="12"/>
    </row>
    <row r="102044" spans="8:8">
      <c r="H102044" s="12"/>
    </row>
    <row r="102045" spans="8:8">
      <c r="H102045" s="12"/>
    </row>
    <row r="102046" spans="8:8">
      <c r="H102046" s="12"/>
    </row>
    <row r="102047" spans="8:8">
      <c r="H102047" s="12"/>
    </row>
    <row r="102048" spans="8:8">
      <c r="H102048" s="12"/>
    </row>
    <row r="102049" spans="8:8">
      <c r="H102049" s="12"/>
    </row>
    <row r="102050" spans="8:8">
      <c r="H102050" s="12"/>
    </row>
    <row r="102051" spans="8:8">
      <c r="H102051" s="12"/>
    </row>
    <row r="102052" spans="8:8">
      <c r="H102052" s="12"/>
    </row>
    <row r="102053" spans="8:8">
      <c r="H102053" s="12"/>
    </row>
    <row r="102054" spans="8:8">
      <c r="H102054" s="12"/>
    </row>
    <row r="102055" spans="8:8">
      <c r="H102055" s="12"/>
    </row>
    <row r="102056" spans="8:8">
      <c r="H102056" s="12"/>
    </row>
    <row r="102057" spans="8:8">
      <c r="H102057" s="12"/>
    </row>
    <row r="102058" spans="8:8">
      <c r="H102058" s="12"/>
    </row>
    <row r="102059" spans="8:8">
      <c r="H102059" s="12"/>
    </row>
    <row r="102060" spans="8:8">
      <c r="H102060" s="12"/>
    </row>
    <row r="102061" spans="8:8">
      <c r="H102061" s="12"/>
    </row>
    <row r="102062" spans="8:8">
      <c r="H102062" s="12"/>
    </row>
    <row r="102063" spans="8:8">
      <c r="H102063" s="12"/>
    </row>
    <row r="102064" spans="8:8">
      <c r="H102064" s="12"/>
    </row>
    <row r="102065" spans="8:8">
      <c r="H102065" s="12"/>
    </row>
    <row r="102066" spans="8:8">
      <c r="H102066" s="12"/>
    </row>
    <row r="102067" spans="8:8">
      <c r="H102067" s="12"/>
    </row>
    <row r="102068" spans="8:8">
      <c r="H102068" s="12"/>
    </row>
    <row r="102069" spans="8:8">
      <c r="H102069" s="12"/>
    </row>
    <row r="102070" spans="8:8">
      <c r="H102070" s="12"/>
    </row>
    <row r="102071" spans="8:8">
      <c r="H102071" s="12"/>
    </row>
    <row r="102072" spans="8:8">
      <c r="H102072" s="12"/>
    </row>
    <row r="102073" spans="8:8">
      <c r="H102073" s="12"/>
    </row>
    <row r="102074" spans="8:8">
      <c r="H102074" s="12"/>
    </row>
    <row r="102075" spans="8:8">
      <c r="H102075" s="12"/>
    </row>
    <row r="102076" spans="8:8">
      <c r="H102076" s="12"/>
    </row>
    <row r="102077" spans="8:8">
      <c r="H102077" s="12"/>
    </row>
    <row r="102078" spans="8:8">
      <c r="H102078" s="12"/>
    </row>
    <row r="102079" spans="8:8">
      <c r="H102079" s="12"/>
    </row>
    <row r="102080" spans="8:8">
      <c r="H102080" s="12"/>
    </row>
    <row r="102081" spans="8:8">
      <c r="H102081" s="12"/>
    </row>
    <row r="102082" spans="8:8">
      <c r="H102082" s="12"/>
    </row>
    <row r="102083" spans="8:8">
      <c r="H102083" s="12"/>
    </row>
    <row r="102084" spans="8:8">
      <c r="H102084" s="12"/>
    </row>
    <row r="102085" spans="8:8">
      <c r="H102085" s="12"/>
    </row>
    <row r="102086" spans="8:8">
      <c r="H102086" s="12"/>
    </row>
    <row r="102087" spans="8:8">
      <c r="H102087" s="12"/>
    </row>
    <row r="102088" spans="8:8">
      <c r="H102088" s="12"/>
    </row>
    <row r="102089" spans="8:8">
      <c r="H102089" s="12"/>
    </row>
    <row r="102090" spans="8:8">
      <c r="H102090" s="12"/>
    </row>
    <row r="102091" spans="8:8">
      <c r="H102091" s="12"/>
    </row>
    <row r="102092" spans="8:8">
      <c r="H102092" s="12"/>
    </row>
    <row r="102093" spans="8:8">
      <c r="H102093" s="12"/>
    </row>
    <row r="102094" spans="8:8">
      <c r="H102094" s="12"/>
    </row>
    <row r="102095" spans="8:8">
      <c r="H102095" s="12"/>
    </row>
    <row r="102096" spans="8:8">
      <c r="H102096" s="12"/>
    </row>
    <row r="102097" spans="8:8">
      <c r="H102097" s="12"/>
    </row>
    <row r="102098" spans="8:8">
      <c r="H102098" s="12"/>
    </row>
    <row r="102099" spans="8:8">
      <c r="H102099" s="12"/>
    </row>
    <row r="102100" spans="8:8">
      <c r="H102100" s="12"/>
    </row>
    <row r="102101" spans="8:8">
      <c r="H102101" s="12"/>
    </row>
    <row r="102102" spans="8:8">
      <c r="H102102" s="12"/>
    </row>
    <row r="102103" spans="8:8">
      <c r="H102103" s="12"/>
    </row>
    <row r="102104" spans="8:8">
      <c r="H102104" s="12"/>
    </row>
    <row r="102105" spans="8:8">
      <c r="H102105" s="12"/>
    </row>
    <row r="102106" spans="8:8">
      <c r="H102106" s="12"/>
    </row>
    <row r="102107" spans="8:8">
      <c r="H102107" s="12"/>
    </row>
    <row r="102108" spans="8:8">
      <c r="H102108" s="12"/>
    </row>
    <row r="102109" spans="8:8">
      <c r="H102109" s="12"/>
    </row>
    <row r="102110" spans="8:8">
      <c r="H102110" s="12"/>
    </row>
    <row r="102111" spans="8:8">
      <c r="H102111" s="12"/>
    </row>
    <row r="102112" spans="8:8">
      <c r="H102112" s="12"/>
    </row>
    <row r="102113" spans="8:8">
      <c r="H102113" s="12"/>
    </row>
    <row r="102114" spans="8:8">
      <c r="H102114" s="12"/>
    </row>
    <row r="102115" spans="8:8">
      <c r="H102115" s="12"/>
    </row>
    <row r="102116" spans="8:8">
      <c r="H102116" s="12"/>
    </row>
    <row r="102117" spans="8:8">
      <c r="H102117" s="12"/>
    </row>
    <row r="102118" spans="8:8">
      <c r="H102118" s="12"/>
    </row>
    <row r="102119" spans="8:8">
      <c r="H102119" s="12"/>
    </row>
    <row r="102120" spans="8:8">
      <c r="H102120" s="12"/>
    </row>
    <row r="102121" spans="8:8">
      <c r="H102121" s="12"/>
    </row>
    <row r="102122" spans="8:8">
      <c r="H102122" s="12"/>
    </row>
    <row r="102123" spans="8:8">
      <c r="H102123" s="12"/>
    </row>
    <row r="102124" spans="8:8">
      <c r="H102124" s="12"/>
    </row>
    <row r="102125" spans="8:8">
      <c r="H102125" s="12"/>
    </row>
    <row r="102126" spans="8:8">
      <c r="H102126" s="12"/>
    </row>
    <row r="102127" spans="8:8">
      <c r="H102127" s="12"/>
    </row>
    <row r="102128" spans="8:8">
      <c r="H102128" s="12"/>
    </row>
    <row r="102129" spans="8:8">
      <c r="H102129" s="12"/>
    </row>
    <row r="102130" spans="8:8">
      <c r="H102130" s="12"/>
    </row>
    <row r="102131" spans="8:8">
      <c r="H102131" s="12"/>
    </row>
    <row r="102132" spans="8:8">
      <c r="H102132" s="12"/>
    </row>
    <row r="102133" spans="8:8">
      <c r="H102133" s="12"/>
    </row>
    <row r="102134" spans="8:8">
      <c r="H102134" s="12"/>
    </row>
    <row r="102135" spans="8:8">
      <c r="H102135" s="12"/>
    </row>
    <row r="102136" spans="8:8">
      <c r="H102136" s="12"/>
    </row>
    <row r="102137" spans="8:8">
      <c r="H102137" s="12"/>
    </row>
    <row r="102138" spans="8:8">
      <c r="H102138" s="12"/>
    </row>
    <row r="102139" spans="8:8">
      <c r="H102139" s="12"/>
    </row>
    <row r="102140" spans="8:8">
      <c r="H102140" s="12"/>
    </row>
    <row r="102141" spans="8:8">
      <c r="H102141" s="12"/>
    </row>
    <row r="102142" spans="8:8">
      <c r="H102142" s="12"/>
    </row>
    <row r="102143" spans="8:8">
      <c r="H102143" s="12"/>
    </row>
    <row r="102144" spans="8:8">
      <c r="H102144" s="12"/>
    </row>
    <row r="102145" spans="8:8">
      <c r="H102145" s="12"/>
    </row>
    <row r="102146" spans="8:8">
      <c r="H102146" s="12"/>
    </row>
    <row r="102147" spans="8:8">
      <c r="H102147" s="12"/>
    </row>
    <row r="102148" spans="8:8">
      <c r="H102148" s="12"/>
    </row>
    <row r="102149" spans="8:8">
      <c r="H102149" s="12"/>
    </row>
    <row r="102150" spans="8:8">
      <c r="H102150" s="12"/>
    </row>
    <row r="102151" spans="8:8">
      <c r="H102151" s="12"/>
    </row>
    <row r="102152" spans="8:8">
      <c r="H102152" s="12"/>
    </row>
    <row r="102153" spans="8:8">
      <c r="H102153" s="12"/>
    </row>
    <row r="102154" spans="8:8">
      <c r="H102154" s="12"/>
    </row>
    <row r="102155" spans="8:8">
      <c r="H102155" s="12"/>
    </row>
    <row r="102156" spans="8:8">
      <c r="H102156" s="12"/>
    </row>
    <row r="102157" spans="8:8">
      <c r="H102157" s="12"/>
    </row>
    <row r="102158" spans="8:8">
      <c r="H102158" s="12"/>
    </row>
    <row r="102159" spans="8:8">
      <c r="H102159" s="12"/>
    </row>
    <row r="102160" spans="8:8">
      <c r="H102160" s="12"/>
    </row>
    <row r="102161" spans="8:8">
      <c r="H102161" s="12"/>
    </row>
    <row r="102162" spans="8:8">
      <c r="H102162" s="12"/>
    </row>
    <row r="102163" spans="8:8">
      <c r="H102163" s="12"/>
    </row>
    <row r="102164" spans="8:8">
      <c r="H102164" s="12"/>
    </row>
    <row r="102165" spans="8:8">
      <c r="H102165" s="12"/>
    </row>
    <row r="102166" spans="8:8">
      <c r="H102166" s="12"/>
    </row>
    <row r="102167" spans="8:8">
      <c r="H102167" s="12"/>
    </row>
    <row r="102168" spans="8:8">
      <c r="H102168" s="12"/>
    </row>
    <row r="102169" spans="8:8">
      <c r="H102169" s="12"/>
    </row>
    <row r="102170" spans="8:8">
      <c r="H102170" s="12"/>
    </row>
    <row r="102171" spans="8:8">
      <c r="H102171" s="12"/>
    </row>
    <row r="102172" spans="8:8">
      <c r="H102172" s="12"/>
    </row>
    <row r="102173" spans="8:8">
      <c r="H102173" s="12"/>
    </row>
    <row r="102174" spans="8:8">
      <c r="H102174" s="12"/>
    </row>
    <row r="102175" spans="8:8">
      <c r="H102175" s="12"/>
    </row>
    <row r="102176" spans="8:8">
      <c r="H102176" s="12"/>
    </row>
    <row r="102177" spans="8:8">
      <c r="H102177" s="12"/>
    </row>
    <row r="102178" spans="8:8">
      <c r="H102178" s="12"/>
    </row>
    <row r="102179" spans="8:8">
      <c r="H102179" s="12"/>
    </row>
    <row r="102180" spans="8:8">
      <c r="H102180" s="12"/>
    </row>
    <row r="102181" spans="8:8">
      <c r="H102181" s="12"/>
    </row>
    <row r="102182" spans="8:8">
      <c r="H102182" s="12"/>
    </row>
    <row r="102183" spans="8:8">
      <c r="H102183" s="12"/>
    </row>
    <row r="102184" spans="8:8">
      <c r="H102184" s="12"/>
    </row>
    <row r="102185" spans="8:8">
      <c r="H102185" s="12"/>
    </row>
    <row r="102186" spans="8:8">
      <c r="H102186" s="12"/>
    </row>
    <row r="102187" spans="8:8">
      <c r="H102187" s="12"/>
    </row>
    <row r="102188" spans="8:8">
      <c r="H102188" s="12"/>
    </row>
    <row r="102189" spans="8:8">
      <c r="H102189" s="12"/>
    </row>
    <row r="102190" spans="8:8">
      <c r="H102190" s="12"/>
    </row>
    <row r="102191" spans="8:8">
      <c r="H102191" s="12"/>
    </row>
    <row r="102192" spans="8:8">
      <c r="H102192" s="12"/>
    </row>
    <row r="102193" spans="8:8">
      <c r="H102193" s="12"/>
    </row>
    <row r="102194" spans="8:8">
      <c r="H102194" s="12"/>
    </row>
    <row r="102195" spans="8:8">
      <c r="H102195" s="12"/>
    </row>
    <row r="102196" spans="8:8">
      <c r="H102196" s="12"/>
    </row>
    <row r="102197" spans="8:8">
      <c r="H102197" s="12"/>
    </row>
    <row r="102198" spans="8:8">
      <c r="H102198" s="12"/>
    </row>
    <row r="102199" spans="8:8">
      <c r="H102199" s="12"/>
    </row>
    <row r="102200" spans="8:8">
      <c r="H102200" s="12"/>
    </row>
    <row r="102201" spans="8:8">
      <c r="H102201" s="12"/>
    </row>
    <row r="102202" spans="8:8">
      <c r="H102202" s="12"/>
    </row>
    <row r="102203" spans="8:8">
      <c r="H102203" s="12"/>
    </row>
    <row r="102204" spans="8:8">
      <c r="H102204" s="12"/>
    </row>
    <row r="102205" spans="8:8">
      <c r="H102205" s="12"/>
    </row>
    <row r="102206" spans="8:8">
      <c r="H102206" s="12"/>
    </row>
    <row r="102207" spans="8:8">
      <c r="H102207" s="12"/>
    </row>
    <row r="102208" spans="8:8">
      <c r="H102208" s="12"/>
    </row>
    <row r="102209" spans="8:8">
      <c r="H102209" s="12"/>
    </row>
    <row r="102210" spans="8:8">
      <c r="H102210" s="12"/>
    </row>
    <row r="102211" spans="8:8">
      <c r="H102211" s="12"/>
    </row>
    <row r="102212" spans="8:8">
      <c r="H102212" s="12"/>
    </row>
    <row r="102213" spans="8:8">
      <c r="H102213" s="12"/>
    </row>
    <row r="102214" spans="8:8">
      <c r="H102214" s="12"/>
    </row>
    <row r="102215" spans="8:8">
      <c r="H102215" s="12"/>
    </row>
    <row r="102216" spans="8:8">
      <c r="H102216" s="12"/>
    </row>
    <row r="102217" spans="8:8">
      <c r="H102217" s="12"/>
    </row>
    <row r="102218" spans="8:8">
      <c r="H102218" s="12"/>
    </row>
    <row r="102219" spans="8:8">
      <c r="H102219" s="12"/>
    </row>
    <row r="102220" spans="8:8">
      <c r="H102220" s="12"/>
    </row>
    <row r="102221" spans="8:8">
      <c r="H102221" s="12"/>
    </row>
    <row r="102222" spans="8:8">
      <c r="H102222" s="12"/>
    </row>
    <row r="102223" spans="8:8">
      <c r="H102223" s="12"/>
    </row>
    <row r="102224" spans="8:8">
      <c r="H102224" s="12"/>
    </row>
    <row r="102225" spans="8:8">
      <c r="H102225" s="12"/>
    </row>
    <row r="102226" spans="8:8">
      <c r="H102226" s="12"/>
    </row>
    <row r="102227" spans="8:8">
      <c r="H102227" s="12"/>
    </row>
    <row r="102228" spans="8:8">
      <c r="H102228" s="12"/>
    </row>
    <row r="102229" spans="8:8">
      <c r="H102229" s="12"/>
    </row>
    <row r="102230" spans="8:8">
      <c r="H102230" s="12"/>
    </row>
    <row r="102231" spans="8:8">
      <c r="H102231" s="12"/>
    </row>
    <row r="102232" spans="8:8">
      <c r="H102232" s="12"/>
    </row>
    <row r="102233" spans="8:8">
      <c r="H102233" s="12"/>
    </row>
    <row r="102234" spans="8:8">
      <c r="H102234" s="12"/>
    </row>
    <row r="102235" spans="8:8">
      <c r="H102235" s="12"/>
    </row>
    <row r="102236" spans="8:8">
      <c r="H102236" s="12"/>
    </row>
    <row r="102237" spans="8:8">
      <c r="H102237" s="12"/>
    </row>
    <row r="102238" spans="8:8">
      <c r="H102238" s="12"/>
    </row>
    <row r="102239" spans="8:8">
      <c r="H102239" s="12"/>
    </row>
    <row r="102240" spans="8:8">
      <c r="H102240" s="12"/>
    </row>
    <row r="102241" spans="8:8">
      <c r="H102241" s="12"/>
    </row>
    <row r="102242" spans="8:8">
      <c r="H102242" s="12"/>
    </row>
    <row r="102243" spans="8:8">
      <c r="H102243" s="12"/>
    </row>
    <row r="102244" spans="8:8">
      <c r="H102244" s="12"/>
    </row>
    <row r="102245" spans="8:8">
      <c r="H102245" s="12"/>
    </row>
    <row r="102246" spans="8:8">
      <c r="H102246" s="12"/>
    </row>
    <row r="102247" spans="8:8">
      <c r="H102247" s="12"/>
    </row>
    <row r="102248" spans="8:8">
      <c r="H102248" s="12"/>
    </row>
    <row r="102249" spans="8:8">
      <c r="H102249" s="12"/>
    </row>
    <row r="102250" spans="8:8">
      <c r="H102250" s="12"/>
    </row>
    <row r="102251" spans="8:8">
      <c r="H102251" s="12"/>
    </row>
    <row r="102252" spans="8:8">
      <c r="H102252" s="12"/>
    </row>
    <row r="102253" spans="8:8">
      <c r="H102253" s="12"/>
    </row>
    <row r="102254" spans="8:8">
      <c r="H102254" s="12"/>
    </row>
    <row r="102255" spans="8:8">
      <c r="H102255" s="12"/>
    </row>
    <row r="102256" spans="8:8">
      <c r="H102256" s="12"/>
    </row>
    <row r="102257" spans="8:8">
      <c r="H102257" s="12"/>
    </row>
    <row r="102258" spans="8:8">
      <c r="H102258" s="12"/>
    </row>
    <row r="102259" spans="8:8">
      <c r="H102259" s="12"/>
    </row>
    <row r="102260" spans="8:8">
      <c r="H102260" s="12"/>
    </row>
    <row r="102261" spans="8:8">
      <c r="H102261" s="12"/>
    </row>
    <row r="102262" spans="8:8">
      <c r="H102262" s="12"/>
    </row>
    <row r="102263" spans="8:8">
      <c r="H102263" s="12"/>
    </row>
    <row r="102264" spans="8:8">
      <c r="H102264" s="12"/>
    </row>
    <row r="102265" spans="8:8">
      <c r="H102265" s="12"/>
    </row>
    <row r="102266" spans="8:8">
      <c r="H102266" s="12"/>
    </row>
    <row r="102267" spans="8:8">
      <c r="H102267" s="12"/>
    </row>
    <row r="102268" spans="8:8">
      <c r="H102268" s="12"/>
    </row>
    <row r="102269" spans="8:8">
      <c r="H102269" s="12"/>
    </row>
    <row r="102270" spans="8:8">
      <c r="H102270" s="12"/>
    </row>
    <row r="102271" spans="8:8">
      <c r="H102271" s="12"/>
    </row>
    <row r="102272" spans="8:8">
      <c r="H102272" s="12"/>
    </row>
    <row r="102273" spans="8:8">
      <c r="H102273" s="12"/>
    </row>
    <row r="102274" spans="8:8">
      <c r="H102274" s="12"/>
    </row>
    <row r="102275" spans="8:8">
      <c r="H102275" s="12"/>
    </row>
    <row r="102276" spans="8:8">
      <c r="H102276" s="12"/>
    </row>
    <row r="102277" spans="8:8">
      <c r="H102277" s="12"/>
    </row>
    <row r="102278" spans="8:8">
      <c r="H102278" s="12"/>
    </row>
    <row r="102279" spans="8:8">
      <c r="H102279" s="12"/>
    </row>
    <row r="102280" spans="8:8">
      <c r="H102280" s="12"/>
    </row>
    <row r="102281" spans="8:8">
      <c r="H102281" s="12"/>
    </row>
    <row r="102282" spans="8:8">
      <c r="H102282" s="12"/>
    </row>
    <row r="102283" spans="8:8">
      <c r="H102283" s="12"/>
    </row>
    <row r="102284" spans="8:8">
      <c r="H102284" s="12"/>
    </row>
    <row r="102285" spans="8:8">
      <c r="H102285" s="12"/>
    </row>
    <row r="102286" spans="8:8">
      <c r="H102286" s="12"/>
    </row>
    <row r="102287" spans="8:8">
      <c r="H102287" s="12"/>
    </row>
    <row r="102288" spans="8:8">
      <c r="H102288" s="12"/>
    </row>
    <row r="102289" spans="8:8">
      <c r="H102289" s="12"/>
    </row>
    <row r="102290" spans="8:8">
      <c r="H102290" s="12"/>
    </row>
    <row r="102291" spans="8:8">
      <c r="H102291" s="12"/>
    </row>
    <row r="102292" spans="8:8">
      <c r="H102292" s="12"/>
    </row>
    <row r="102293" spans="8:8">
      <c r="H102293" s="12"/>
    </row>
    <row r="102294" spans="8:8">
      <c r="H102294" s="12"/>
    </row>
    <row r="102295" spans="8:8">
      <c r="H102295" s="12"/>
    </row>
    <row r="102296" spans="8:8">
      <c r="H102296" s="12"/>
    </row>
    <row r="102297" spans="8:8">
      <c r="H102297" s="12"/>
    </row>
    <row r="102298" spans="8:8">
      <c r="H102298" s="12"/>
    </row>
    <row r="102299" spans="8:8">
      <c r="H102299" s="12"/>
    </row>
    <row r="102300" spans="8:8">
      <c r="H102300" s="12"/>
    </row>
    <row r="102301" spans="8:8">
      <c r="H102301" s="12"/>
    </row>
    <row r="102302" spans="8:8">
      <c r="H102302" s="12"/>
    </row>
    <row r="102303" spans="8:8">
      <c r="H102303" s="12"/>
    </row>
    <row r="102304" spans="8:8">
      <c r="H102304" s="12"/>
    </row>
    <row r="102305" spans="8:8">
      <c r="H102305" s="12"/>
    </row>
    <row r="102306" spans="8:8">
      <c r="H102306" s="12"/>
    </row>
    <row r="102307" spans="8:8">
      <c r="H102307" s="12"/>
    </row>
    <row r="102308" spans="8:8">
      <c r="H102308" s="12"/>
    </row>
    <row r="102309" spans="8:8">
      <c r="H102309" s="12"/>
    </row>
    <row r="102310" spans="8:8">
      <c r="H102310" s="12"/>
    </row>
    <row r="102311" spans="8:8">
      <c r="H102311" s="12"/>
    </row>
    <row r="102312" spans="8:8">
      <c r="H102312" s="12"/>
    </row>
    <row r="102313" spans="8:8">
      <c r="H102313" s="12"/>
    </row>
    <row r="102314" spans="8:8">
      <c r="H102314" s="12"/>
    </row>
    <row r="102315" spans="8:8">
      <c r="H102315" s="12"/>
    </row>
    <row r="102316" spans="8:8">
      <c r="H102316" s="12"/>
    </row>
    <row r="102317" spans="8:8">
      <c r="H102317" s="12"/>
    </row>
    <row r="102318" spans="8:8">
      <c r="H102318" s="12"/>
    </row>
    <row r="102319" spans="8:8">
      <c r="H102319" s="12"/>
    </row>
    <row r="102320" spans="8:8">
      <c r="H102320" s="12"/>
    </row>
    <row r="102321" spans="8:8">
      <c r="H102321" s="12"/>
    </row>
    <row r="102322" spans="8:8">
      <c r="H102322" s="12"/>
    </row>
    <row r="102323" spans="8:8">
      <c r="H102323" s="12"/>
    </row>
    <row r="102324" spans="8:8">
      <c r="H102324" s="12"/>
    </row>
    <row r="102325" spans="8:8">
      <c r="H102325" s="12"/>
    </row>
    <row r="102326" spans="8:8">
      <c r="H102326" s="12"/>
    </row>
    <row r="102327" spans="8:8">
      <c r="H102327" s="12"/>
    </row>
    <row r="102328" spans="8:8">
      <c r="H102328" s="12"/>
    </row>
    <row r="102329" spans="8:8">
      <c r="H102329" s="12"/>
    </row>
    <row r="102330" spans="8:8">
      <c r="H102330" s="12"/>
    </row>
    <row r="102331" spans="8:8">
      <c r="H102331" s="12"/>
    </row>
    <row r="102332" spans="8:8">
      <c r="H102332" s="12"/>
    </row>
    <row r="102333" spans="8:8">
      <c r="H102333" s="12"/>
    </row>
    <row r="102334" spans="8:8">
      <c r="H102334" s="12"/>
    </row>
    <row r="102335" spans="8:8">
      <c r="H102335" s="12"/>
    </row>
    <row r="102336" spans="8:8">
      <c r="H102336" s="12"/>
    </row>
    <row r="102337" spans="8:8">
      <c r="H102337" s="12"/>
    </row>
    <row r="102338" spans="8:8">
      <c r="H102338" s="12"/>
    </row>
    <row r="102339" spans="8:8">
      <c r="H102339" s="12"/>
    </row>
    <row r="102340" spans="8:8">
      <c r="H102340" s="12"/>
    </row>
    <row r="102341" spans="8:8">
      <c r="H102341" s="12"/>
    </row>
    <row r="102342" spans="8:8">
      <c r="H102342" s="12"/>
    </row>
    <row r="102343" spans="8:8">
      <c r="H102343" s="12"/>
    </row>
    <row r="102344" spans="8:8">
      <c r="H102344" s="12"/>
    </row>
    <row r="102345" spans="8:8">
      <c r="H102345" s="12"/>
    </row>
    <row r="102346" spans="8:8">
      <c r="H102346" s="12"/>
    </row>
    <row r="102347" spans="8:8">
      <c r="H102347" s="12"/>
    </row>
    <row r="102348" spans="8:8">
      <c r="H102348" s="12"/>
    </row>
    <row r="102349" spans="8:8">
      <c r="H102349" s="12"/>
    </row>
    <row r="102350" spans="8:8">
      <c r="H102350" s="12"/>
    </row>
    <row r="102351" spans="8:8">
      <c r="H102351" s="12"/>
    </row>
    <row r="102352" spans="8:8">
      <c r="H102352" s="12"/>
    </row>
    <row r="102353" spans="8:8">
      <c r="H102353" s="12"/>
    </row>
    <row r="102354" spans="8:8">
      <c r="H102354" s="12"/>
    </row>
    <row r="102355" spans="8:8">
      <c r="H102355" s="12"/>
    </row>
    <row r="102356" spans="8:8">
      <c r="H102356" s="12"/>
    </row>
    <row r="102357" spans="8:8">
      <c r="H102357" s="12"/>
    </row>
    <row r="102358" spans="8:8">
      <c r="H102358" s="12"/>
    </row>
    <row r="102359" spans="8:8">
      <c r="H102359" s="12"/>
    </row>
    <row r="102360" spans="8:8">
      <c r="H102360" s="12"/>
    </row>
    <row r="102361" spans="8:8">
      <c r="H102361" s="12"/>
    </row>
    <row r="102362" spans="8:8">
      <c r="H102362" s="12"/>
    </row>
    <row r="102363" spans="8:8">
      <c r="H102363" s="12"/>
    </row>
    <row r="102364" spans="8:8">
      <c r="H102364" s="12"/>
    </row>
    <row r="102365" spans="8:8">
      <c r="H102365" s="12"/>
    </row>
    <row r="102366" spans="8:8">
      <c r="H102366" s="12"/>
    </row>
    <row r="102367" spans="8:8">
      <c r="H102367" s="12"/>
    </row>
    <row r="102368" spans="8:8">
      <c r="H102368" s="12"/>
    </row>
    <row r="102369" spans="8:8">
      <c r="H102369" s="12"/>
    </row>
    <row r="102370" spans="8:8">
      <c r="H102370" s="12"/>
    </row>
    <row r="102371" spans="8:8">
      <c r="H102371" s="12"/>
    </row>
    <row r="102372" spans="8:8">
      <c r="H102372" s="12"/>
    </row>
    <row r="102373" spans="8:8">
      <c r="H102373" s="12"/>
    </row>
    <row r="102374" spans="8:8">
      <c r="H102374" s="12"/>
    </row>
    <row r="102375" spans="8:8">
      <c r="H102375" s="12"/>
    </row>
    <row r="102376" spans="8:8">
      <c r="H102376" s="12"/>
    </row>
    <row r="102377" spans="8:8">
      <c r="H102377" s="12"/>
    </row>
    <row r="102378" spans="8:8">
      <c r="H102378" s="12"/>
    </row>
    <row r="102379" spans="8:8">
      <c r="H102379" s="12"/>
    </row>
    <row r="102380" spans="8:8">
      <c r="H102380" s="12"/>
    </row>
    <row r="102381" spans="8:8">
      <c r="H102381" s="12"/>
    </row>
    <row r="102382" spans="8:8">
      <c r="H102382" s="12"/>
    </row>
    <row r="102383" spans="8:8">
      <c r="H102383" s="12"/>
    </row>
    <row r="102384" spans="8:8">
      <c r="H102384" s="12"/>
    </row>
    <row r="102385" spans="8:8">
      <c r="H102385" s="12"/>
    </row>
    <row r="102386" spans="8:8">
      <c r="H102386" s="12"/>
    </row>
    <row r="102387" spans="8:8">
      <c r="H102387" s="12"/>
    </row>
    <row r="102388" spans="8:8">
      <c r="H102388" s="12"/>
    </row>
    <row r="102389" spans="8:8">
      <c r="H102389" s="12"/>
    </row>
    <row r="102390" spans="8:8">
      <c r="H102390" s="12"/>
    </row>
    <row r="102391" spans="8:8">
      <c r="H102391" s="12"/>
    </row>
    <row r="102392" spans="8:8">
      <c r="H102392" s="12"/>
    </row>
    <row r="102393" spans="8:8">
      <c r="H102393" s="12"/>
    </row>
    <row r="102394" spans="8:8">
      <c r="H102394" s="12"/>
    </row>
    <row r="102395" spans="8:8">
      <c r="H102395" s="12"/>
    </row>
    <row r="102396" spans="8:8">
      <c r="H102396" s="12"/>
    </row>
    <row r="102397" spans="8:8">
      <c r="H102397" s="12"/>
    </row>
    <row r="102398" spans="8:8">
      <c r="H102398" s="12"/>
    </row>
    <row r="102399" spans="8:8">
      <c r="H102399" s="12"/>
    </row>
    <row r="102400" spans="8:8">
      <c r="H102400" s="12"/>
    </row>
    <row r="102401" spans="8:8">
      <c r="H102401" s="12"/>
    </row>
    <row r="102402" spans="8:8">
      <c r="H102402" s="12"/>
    </row>
    <row r="102403" spans="8:8">
      <c r="H102403" s="12"/>
    </row>
    <row r="102404" spans="8:8">
      <c r="H102404" s="12"/>
    </row>
    <row r="102405" spans="8:8">
      <c r="H102405" s="12"/>
    </row>
    <row r="102406" spans="8:8">
      <c r="H102406" s="12"/>
    </row>
    <row r="102407" spans="8:8">
      <c r="H102407" s="12"/>
    </row>
    <row r="102408" spans="8:8">
      <c r="H102408" s="12"/>
    </row>
    <row r="102409" spans="8:8">
      <c r="H102409" s="12"/>
    </row>
    <row r="102410" spans="8:8">
      <c r="H102410" s="12"/>
    </row>
    <row r="102411" spans="8:8">
      <c r="H102411" s="12"/>
    </row>
    <row r="102412" spans="8:8">
      <c r="H102412" s="12"/>
    </row>
    <row r="102413" spans="8:8">
      <c r="H102413" s="12"/>
    </row>
    <row r="102414" spans="8:8">
      <c r="H102414" s="12"/>
    </row>
    <row r="102415" spans="8:8">
      <c r="H102415" s="12"/>
    </row>
    <row r="102416" spans="8:8">
      <c r="H102416" s="12"/>
    </row>
    <row r="102417" spans="8:8">
      <c r="H102417" s="12"/>
    </row>
    <row r="102418" spans="8:8">
      <c r="H102418" s="12"/>
    </row>
    <row r="102419" spans="8:8">
      <c r="H102419" s="12"/>
    </row>
    <row r="102420" spans="8:8">
      <c r="H102420" s="12"/>
    </row>
    <row r="102421" spans="8:8">
      <c r="H102421" s="12"/>
    </row>
    <row r="102422" spans="8:8">
      <c r="H102422" s="12"/>
    </row>
    <row r="102423" spans="8:8">
      <c r="H102423" s="12"/>
    </row>
    <row r="102424" spans="8:8">
      <c r="H102424" s="12"/>
    </row>
    <row r="102425" spans="8:8">
      <c r="H102425" s="12"/>
    </row>
    <row r="102426" spans="8:8">
      <c r="H102426" s="12"/>
    </row>
    <row r="102427" spans="8:8">
      <c r="H102427" s="12"/>
    </row>
    <row r="102428" spans="8:8">
      <c r="H102428" s="12"/>
    </row>
    <row r="102429" spans="8:8">
      <c r="H102429" s="12"/>
    </row>
    <row r="102430" spans="8:8">
      <c r="H102430" s="12"/>
    </row>
    <row r="102431" spans="8:8">
      <c r="H102431" s="12"/>
    </row>
    <row r="102432" spans="8:8">
      <c r="H102432" s="12"/>
    </row>
    <row r="102433" spans="8:8">
      <c r="H102433" s="12"/>
    </row>
    <row r="102434" spans="8:8">
      <c r="H102434" s="12"/>
    </row>
    <row r="102435" spans="8:8">
      <c r="H102435" s="12"/>
    </row>
    <row r="102436" spans="8:8">
      <c r="H102436" s="12"/>
    </row>
    <row r="102437" spans="8:8">
      <c r="H102437" s="12"/>
    </row>
    <row r="102438" spans="8:8">
      <c r="H102438" s="12"/>
    </row>
    <row r="102439" spans="8:8">
      <c r="H102439" s="12"/>
    </row>
    <row r="102440" spans="8:8">
      <c r="H102440" s="12"/>
    </row>
    <row r="102441" spans="8:8">
      <c r="H102441" s="12"/>
    </row>
    <row r="102442" spans="8:8">
      <c r="H102442" s="12"/>
    </row>
    <row r="102443" spans="8:8">
      <c r="H102443" s="12"/>
    </row>
    <row r="102444" spans="8:8">
      <c r="H102444" s="12"/>
    </row>
    <row r="102445" spans="8:8">
      <c r="H102445" s="12"/>
    </row>
    <row r="102446" spans="8:8">
      <c r="H102446" s="12"/>
    </row>
    <row r="102447" spans="8:8">
      <c r="H102447" s="12"/>
    </row>
    <row r="102448" spans="8:8">
      <c r="H102448" s="12"/>
    </row>
    <row r="102449" spans="8:8">
      <c r="H102449" s="12"/>
    </row>
    <row r="102450" spans="8:8">
      <c r="H102450" s="12"/>
    </row>
    <row r="102451" spans="8:8">
      <c r="H102451" s="12"/>
    </row>
    <row r="102452" spans="8:8">
      <c r="H102452" s="12"/>
    </row>
    <row r="102453" spans="8:8">
      <c r="H102453" s="12"/>
    </row>
    <row r="102454" spans="8:8">
      <c r="H102454" s="12"/>
    </row>
    <row r="102455" spans="8:8">
      <c r="H102455" s="12"/>
    </row>
    <row r="102456" spans="8:8">
      <c r="H102456" s="12"/>
    </row>
    <row r="102457" spans="8:8">
      <c r="H102457" s="12"/>
    </row>
    <row r="102458" spans="8:8">
      <c r="H102458" s="12"/>
    </row>
    <row r="102459" spans="8:8">
      <c r="H102459" s="12"/>
    </row>
    <row r="102460" spans="8:8">
      <c r="H102460" s="12"/>
    </row>
    <row r="102461" spans="8:8">
      <c r="H102461" s="12"/>
    </row>
    <row r="102462" spans="8:8">
      <c r="H102462" s="12"/>
    </row>
    <row r="102463" spans="8:8">
      <c r="H102463" s="12"/>
    </row>
    <row r="102464" spans="8:8">
      <c r="H102464" s="12"/>
    </row>
    <row r="102465" spans="8:8">
      <c r="H102465" s="12"/>
    </row>
    <row r="102466" spans="8:8">
      <c r="H102466" s="12"/>
    </row>
    <row r="102467" spans="8:8">
      <c r="H102467" s="12"/>
    </row>
    <row r="102468" spans="8:8">
      <c r="H102468" s="12"/>
    </row>
    <row r="102469" spans="8:8">
      <c r="H102469" s="12"/>
    </row>
    <row r="102470" spans="8:8">
      <c r="H102470" s="12"/>
    </row>
    <row r="102471" spans="8:8">
      <c r="H102471" s="12"/>
    </row>
    <row r="102472" spans="8:8">
      <c r="H102472" s="12"/>
    </row>
    <row r="102473" spans="8:8">
      <c r="H102473" s="12"/>
    </row>
    <row r="102474" spans="8:8">
      <c r="H102474" s="12"/>
    </row>
    <row r="102475" spans="8:8">
      <c r="H102475" s="12"/>
    </row>
    <row r="102476" spans="8:8">
      <c r="H102476" s="12"/>
    </row>
    <row r="102477" spans="8:8">
      <c r="H102477" s="12"/>
    </row>
    <row r="102478" spans="8:8">
      <c r="H102478" s="12"/>
    </row>
    <row r="102479" spans="8:8">
      <c r="H102479" s="12"/>
    </row>
    <row r="102480" spans="8:8">
      <c r="H102480" s="12"/>
    </row>
    <row r="102481" spans="8:8">
      <c r="H102481" s="12"/>
    </row>
    <row r="102482" spans="8:8">
      <c r="H102482" s="12"/>
    </row>
    <row r="102483" spans="8:8">
      <c r="H102483" s="12"/>
    </row>
    <row r="102484" spans="8:8">
      <c r="H102484" s="12"/>
    </row>
    <row r="102485" spans="8:8">
      <c r="H102485" s="12"/>
    </row>
    <row r="102486" spans="8:8">
      <c r="H102486" s="12"/>
    </row>
    <row r="102487" spans="8:8">
      <c r="H102487" s="12"/>
    </row>
    <row r="102488" spans="8:8">
      <c r="H102488" s="12"/>
    </row>
    <row r="102489" spans="8:8">
      <c r="H102489" s="12"/>
    </row>
    <row r="102490" spans="8:8">
      <c r="H102490" s="12"/>
    </row>
    <row r="102491" spans="8:8">
      <c r="H102491" s="12"/>
    </row>
    <row r="102492" spans="8:8">
      <c r="H102492" s="12"/>
    </row>
    <row r="102493" spans="8:8">
      <c r="H102493" s="12"/>
    </row>
    <row r="102494" spans="8:8">
      <c r="H102494" s="12"/>
    </row>
    <row r="102495" spans="8:8">
      <c r="H102495" s="12"/>
    </row>
    <row r="102496" spans="8:8">
      <c r="H102496" s="12"/>
    </row>
    <row r="102497" spans="8:8">
      <c r="H102497" s="12"/>
    </row>
    <row r="102498" spans="8:8">
      <c r="H102498" s="12"/>
    </row>
    <row r="102499" spans="8:8">
      <c r="H102499" s="12"/>
    </row>
    <row r="102500" spans="8:8">
      <c r="H102500" s="12"/>
    </row>
    <row r="102501" spans="8:8">
      <c r="H102501" s="12"/>
    </row>
    <row r="102502" spans="8:8">
      <c r="H102502" s="12"/>
    </row>
    <row r="102503" spans="8:8">
      <c r="H102503" s="12"/>
    </row>
    <row r="102504" spans="8:8">
      <c r="H102504" s="12"/>
    </row>
    <row r="102505" spans="8:8">
      <c r="H102505" s="12"/>
    </row>
    <row r="102506" spans="8:8">
      <c r="H102506" s="12"/>
    </row>
    <row r="102507" spans="8:8">
      <c r="H102507" s="12"/>
    </row>
    <row r="102508" spans="8:8">
      <c r="H102508" s="12"/>
    </row>
    <row r="102509" spans="8:8">
      <c r="H102509" s="12"/>
    </row>
    <row r="102510" spans="8:8">
      <c r="H102510" s="12"/>
    </row>
    <row r="102511" spans="8:8">
      <c r="H102511" s="12"/>
    </row>
    <row r="102512" spans="8:8">
      <c r="H102512" s="12"/>
    </row>
    <row r="102513" spans="8:8">
      <c r="H102513" s="12"/>
    </row>
    <row r="102514" spans="8:8">
      <c r="H102514" s="12"/>
    </row>
    <row r="102515" spans="8:8">
      <c r="H102515" s="12"/>
    </row>
    <row r="102516" spans="8:8">
      <c r="H102516" s="12"/>
    </row>
    <row r="102517" spans="8:8">
      <c r="H102517" s="12"/>
    </row>
    <row r="102518" spans="8:8">
      <c r="H102518" s="12"/>
    </row>
    <row r="102519" spans="8:8">
      <c r="H102519" s="12"/>
    </row>
    <row r="102520" spans="8:8">
      <c r="H102520" s="12"/>
    </row>
    <row r="102521" spans="8:8">
      <c r="H102521" s="12"/>
    </row>
    <row r="102522" spans="8:8">
      <c r="H102522" s="12"/>
    </row>
    <row r="102523" spans="8:8">
      <c r="H102523" s="12"/>
    </row>
    <row r="102524" spans="8:8">
      <c r="H102524" s="12"/>
    </row>
    <row r="102525" spans="8:8">
      <c r="H102525" s="12"/>
    </row>
    <row r="102526" spans="8:8">
      <c r="H102526" s="12"/>
    </row>
    <row r="102527" spans="8:8">
      <c r="H102527" s="12"/>
    </row>
    <row r="102528" spans="8:8">
      <c r="H102528" s="12"/>
    </row>
    <row r="102529" spans="8:8">
      <c r="H102529" s="12"/>
    </row>
    <row r="102530" spans="8:8">
      <c r="H102530" s="12"/>
    </row>
    <row r="102531" spans="8:8">
      <c r="H102531" s="12"/>
    </row>
    <row r="102532" spans="8:8">
      <c r="H102532" s="12"/>
    </row>
    <row r="102533" spans="8:8">
      <c r="H102533" s="12"/>
    </row>
    <row r="102534" spans="8:8">
      <c r="H102534" s="12"/>
    </row>
    <row r="102535" spans="8:8">
      <c r="H102535" s="12"/>
    </row>
    <row r="102536" spans="8:8">
      <c r="H102536" s="12"/>
    </row>
    <row r="102537" spans="8:8">
      <c r="H102537" s="12"/>
    </row>
    <row r="102538" spans="8:8">
      <c r="H102538" s="12"/>
    </row>
    <row r="102539" spans="8:8">
      <c r="H102539" s="12"/>
    </row>
    <row r="102540" spans="8:8">
      <c r="H102540" s="12"/>
    </row>
    <row r="102541" spans="8:8">
      <c r="H102541" s="12"/>
    </row>
    <row r="102542" spans="8:8">
      <c r="H102542" s="12"/>
    </row>
    <row r="102543" spans="8:8">
      <c r="H102543" s="12"/>
    </row>
    <row r="102544" spans="8:8">
      <c r="H102544" s="12"/>
    </row>
    <row r="102545" spans="8:8">
      <c r="H102545" s="12"/>
    </row>
    <row r="102546" spans="8:8">
      <c r="H102546" s="12"/>
    </row>
    <row r="102547" spans="8:8">
      <c r="H102547" s="12"/>
    </row>
    <row r="102548" spans="8:8">
      <c r="H102548" s="12"/>
    </row>
    <row r="102549" spans="8:8">
      <c r="H102549" s="12"/>
    </row>
    <row r="102550" spans="8:8">
      <c r="H102550" s="12"/>
    </row>
    <row r="102551" spans="8:8">
      <c r="H102551" s="12"/>
    </row>
    <row r="102552" spans="8:8">
      <c r="H102552" s="12"/>
    </row>
    <row r="102553" spans="8:8">
      <c r="H102553" s="12"/>
    </row>
    <row r="102554" spans="8:8">
      <c r="H102554" s="12"/>
    </row>
    <row r="102555" spans="8:8">
      <c r="H102555" s="12"/>
    </row>
    <row r="102556" spans="8:8">
      <c r="H102556" s="12"/>
    </row>
    <row r="102557" spans="8:8">
      <c r="H102557" s="12"/>
    </row>
    <row r="102558" spans="8:8">
      <c r="H102558" s="12"/>
    </row>
    <row r="102559" spans="8:8">
      <c r="H102559" s="12"/>
    </row>
    <row r="102560" spans="8:8">
      <c r="H102560" s="12"/>
    </row>
    <row r="102561" spans="8:8">
      <c r="H102561" s="12"/>
    </row>
    <row r="102562" spans="8:8">
      <c r="H102562" s="12"/>
    </row>
    <row r="102563" spans="8:8">
      <c r="H102563" s="12"/>
    </row>
    <row r="102564" spans="8:8">
      <c r="H102564" s="12"/>
    </row>
    <row r="102565" spans="8:8">
      <c r="H102565" s="12"/>
    </row>
    <row r="102566" spans="8:8">
      <c r="H102566" s="12"/>
    </row>
    <row r="102567" spans="8:8">
      <c r="H102567" s="12"/>
    </row>
    <row r="102568" spans="8:8">
      <c r="H102568" s="12"/>
    </row>
    <row r="102569" spans="8:8">
      <c r="H102569" s="12"/>
    </row>
    <row r="102570" spans="8:8">
      <c r="H102570" s="12"/>
    </row>
    <row r="102571" spans="8:8">
      <c r="H102571" s="12"/>
    </row>
    <row r="102572" spans="8:8">
      <c r="H102572" s="12"/>
    </row>
    <row r="102573" spans="8:8">
      <c r="H102573" s="12"/>
    </row>
    <row r="102574" spans="8:8">
      <c r="H102574" s="12"/>
    </row>
    <row r="102575" spans="8:8">
      <c r="H102575" s="12"/>
    </row>
    <row r="102576" spans="8:8">
      <c r="H102576" s="12"/>
    </row>
    <row r="102577" spans="8:8">
      <c r="H102577" s="12"/>
    </row>
    <row r="102578" spans="8:8">
      <c r="H102578" s="12"/>
    </row>
    <row r="102579" spans="8:8">
      <c r="H102579" s="12"/>
    </row>
    <row r="102580" spans="8:8">
      <c r="H102580" s="12"/>
    </row>
    <row r="102581" spans="8:8">
      <c r="H102581" s="12"/>
    </row>
    <row r="102582" spans="8:8">
      <c r="H102582" s="12"/>
    </row>
    <row r="102583" spans="8:8">
      <c r="H102583" s="12"/>
    </row>
    <row r="102584" spans="8:8">
      <c r="H102584" s="12"/>
    </row>
    <row r="102585" spans="8:8">
      <c r="H102585" s="12"/>
    </row>
    <row r="102586" spans="8:8">
      <c r="H102586" s="12"/>
    </row>
    <row r="102587" spans="8:8">
      <c r="H102587" s="12"/>
    </row>
    <row r="102588" spans="8:8">
      <c r="H102588" s="12"/>
    </row>
    <row r="102589" spans="8:8">
      <c r="H102589" s="12"/>
    </row>
    <row r="102590" spans="8:8">
      <c r="H102590" s="12"/>
    </row>
    <row r="102591" spans="8:8">
      <c r="H102591" s="12"/>
    </row>
    <row r="102592" spans="8:8">
      <c r="H102592" s="12"/>
    </row>
    <row r="102593" spans="8:8">
      <c r="H102593" s="12"/>
    </row>
    <row r="102594" spans="8:8">
      <c r="H102594" s="12"/>
    </row>
    <row r="102595" spans="8:8">
      <c r="H102595" s="12"/>
    </row>
    <row r="102596" spans="8:8">
      <c r="H102596" s="12"/>
    </row>
    <row r="102597" spans="8:8">
      <c r="H102597" s="12"/>
    </row>
    <row r="102598" spans="8:8">
      <c r="H102598" s="12"/>
    </row>
    <row r="102599" spans="8:8">
      <c r="H102599" s="12"/>
    </row>
    <row r="102600" spans="8:8">
      <c r="H102600" s="12"/>
    </row>
    <row r="102601" spans="8:8">
      <c r="H102601" s="12"/>
    </row>
    <row r="102602" spans="8:8">
      <c r="H102602" s="12"/>
    </row>
    <row r="102603" spans="8:8">
      <c r="H102603" s="12"/>
    </row>
    <row r="102604" spans="8:8">
      <c r="H102604" s="12"/>
    </row>
    <row r="102605" spans="8:8">
      <c r="H102605" s="12"/>
    </row>
    <row r="102606" spans="8:8">
      <c r="H102606" s="12"/>
    </row>
    <row r="102607" spans="8:8">
      <c r="H102607" s="12"/>
    </row>
    <row r="102608" spans="8:8">
      <c r="H102608" s="12"/>
    </row>
    <row r="102609" spans="8:8">
      <c r="H102609" s="12"/>
    </row>
    <row r="102610" spans="8:8">
      <c r="H102610" s="12"/>
    </row>
    <row r="102611" spans="8:8">
      <c r="H102611" s="12"/>
    </row>
    <row r="102612" spans="8:8">
      <c r="H102612" s="12"/>
    </row>
    <row r="102613" spans="8:8">
      <c r="H102613" s="12"/>
    </row>
    <row r="102614" spans="8:8">
      <c r="H102614" s="12"/>
    </row>
    <row r="102615" spans="8:8">
      <c r="H102615" s="12"/>
    </row>
    <row r="102616" spans="8:8">
      <c r="H102616" s="12"/>
    </row>
    <row r="102617" spans="8:8">
      <c r="H102617" s="12"/>
    </row>
    <row r="102618" spans="8:8">
      <c r="H102618" s="12"/>
    </row>
    <row r="102619" spans="8:8">
      <c r="H102619" s="12"/>
    </row>
    <row r="102620" spans="8:8">
      <c r="H102620" s="12"/>
    </row>
    <row r="102621" spans="8:8">
      <c r="H102621" s="12"/>
    </row>
    <row r="102622" spans="8:8">
      <c r="H102622" s="12"/>
    </row>
    <row r="102623" spans="8:8">
      <c r="H102623" s="12"/>
    </row>
    <row r="102624" spans="8:8">
      <c r="H102624" s="12"/>
    </row>
    <row r="102625" spans="8:8">
      <c r="H102625" s="12"/>
    </row>
    <row r="102626" spans="8:8">
      <c r="H102626" s="12"/>
    </row>
    <row r="102627" spans="8:8">
      <c r="H102627" s="12"/>
    </row>
    <row r="102628" spans="8:8">
      <c r="H102628" s="12"/>
    </row>
    <row r="102629" spans="8:8">
      <c r="H102629" s="12"/>
    </row>
    <row r="102630" spans="8:8">
      <c r="H102630" s="12"/>
    </row>
    <row r="102631" spans="8:8">
      <c r="H102631" s="12"/>
    </row>
    <row r="102632" spans="8:8">
      <c r="H102632" s="12"/>
    </row>
    <row r="102633" spans="8:8">
      <c r="H102633" s="12"/>
    </row>
    <row r="102634" spans="8:8">
      <c r="H102634" s="12"/>
    </row>
    <row r="102635" spans="8:8">
      <c r="H102635" s="12"/>
    </row>
    <row r="102636" spans="8:8">
      <c r="H102636" s="12"/>
    </row>
    <row r="102637" spans="8:8">
      <c r="H102637" s="12"/>
    </row>
    <row r="102638" spans="8:8">
      <c r="H102638" s="12"/>
    </row>
    <row r="102639" spans="8:8">
      <c r="H102639" s="12"/>
    </row>
    <row r="102640" spans="8:8">
      <c r="H102640" s="12"/>
    </row>
    <row r="102641" spans="8:8">
      <c r="H102641" s="12"/>
    </row>
    <row r="102642" spans="8:8">
      <c r="H102642" s="12"/>
    </row>
    <row r="102643" spans="8:8">
      <c r="H102643" s="12"/>
    </row>
    <row r="102644" spans="8:8">
      <c r="H102644" s="12"/>
    </row>
    <row r="102645" spans="8:8">
      <c r="H102645" s="12"/>
    </row>
    <row r="102646" spans="8:8">
      <c r="H102646" s="12"/>
    </row>
    <row r="102647" spans="8:8">
      <c r="H102647" s="12"/>
    </row>
    <row r="102648" spans="8:8">
      <c r="H102648" s="12"/>
    </row>
    <row r="102649" spans="8:8">
      <c r="H102649" s="12"/>
    </row>
    <row r="102650" spans="8:8">
      <c r="H102650" s="12"/>
    </row>
    <row r="102651" spans="8:8">
      <c r="H102651" s="12"/>
    </row>
    <row r="102652" spans="8:8">
      <c r="H102652" s="12"/>
    </row>
    <row r="102653" spans="8:8">
      <c r="H102653" s="12"/>
    </row>
    <row r="102654" spans="8:8">
      <c r="H102654" s="12"/>
    </row>
    <row r="102655" spans="8:8">
      <c r="H102655" s="12"/>
    </row>
    <row r="102656" spans="8:8">
      <c r="H102656" s="12"/>
    </row>
    <row r="102657" spans="8:8">
      <c r="H102657" s="12"/>
    </row>
    <row r="102658" spans="8:8">
      <c r="H102658" s="12"/>
    </row>
    <row r="102659" spans="8:8">
      <c r="H102659" s="12"/>
    </row>
    <row r="102660" spans="8:8">
      <c r="H102660" s="12"/>
    </row>
    <row r="102661" spans="8:8">
      <c r="H102661" s="12"/>
    </row>
    <row r="102662" spans="8:8">
      <c r="H102662" s="12"/>
    </row>
    <row r="102663" spans="8:8">
      <c r="H102663" s="12"/>
    </row>
    <row r="102664" spans="8:8">
      <c r="H102664" s="12"/>
    </row>
    <row r="102665" spans="8:8">
      <c r="H102665" s="12"/>
    </row>
    <row r="102666" spans="8:8">
      <c r="H102666" s="12"/>
    </row>
    <row r="102667" spans="8:8">
      <c r="H102667" s="12"/>
    </row>
    <row r="102668" spans="8:8">
      <c r="H102668" s="12"/>
    </row>
    <row r="102669" spans="8:8">
      <c r="H102669" s="12"/>
    </row>
    <row r="102670" spans="8:8">
      <c r="H102670" s="12"/>
    </row>
    <row r="102671" spans="8:8">
      <c r="H102671" s="12"/>
    </row>
    <row r="102672" spans="8:8">
      <c r="H102672" s="12"/>
    </row>
    <row r="102673" spans="8:8">
      <c r="H102673" s="12"/>
    </row>
    <row r="102674" spans="8:8">
      <c r="H102674" s="12"/>
    </row>
    <row r="102675" spans="8:8">
      <c r="H102675" s="12"/>
    </row>
    <row r="102676" spans="8:8">
      <c r="H102676" s="12"/>
    </row>
    <row r="102677" spans="8:8">
      <c r="H102677" s="12"/>
    </row>
    <row r="102678" spans="8:8">
      <c r="H102678" s="12"/>
    </row>
    <row r="102679" spans="8:8">
      <c r="H102679" s="12"/>
    </row>
    <row r="102680" spans="8:8">
      <c r="H102680" s="12"/>
    </row>
    <row r="102681" spans="8:8">
      <c r="H102681" s="12"/>
    </row>
    <row r="102682" spans="8:8">
      <c r="H102682" s="12"/>
    </row>
    <row r="102683" spans="8:8">
      <c r="H102683" s="12"/>
    </row>
    <row r="102684" spans="8:8">
      <c r="H102684" s="12"/>
    </row>
    <row r="102685" spans="8:8">
      <c r="H102685" s="12"/>
    </row>
    <row r="102686" spans="8:8">
      <c r="H102686" s="12"/>
    </row>
    <row r="102687" spans="8:8">
      <c r="H102687" s="12"/>
    </row>
    <row r="102688" spans="8:8">
      <c r="H102688" s="12"/>
    </row>
    <row r="102689" spans="8:8">
      <c r="H102689" s="12"/>
    </row>
    <row r="102690" spans="8:8">
      <c r="H102690" s="12"/>
    </row>
    <row r="102691" spans="8:8">
      <c r="H102691" s="12"/>
    </row>
    <row r="102692" spans="8:8">
      <c r="H102692" s="12"/>
    </row>
    <row r="102693" spans="8:8">
      <c r="H102693" s="12"/>
    </row>
    <row r="102694" spans="8:8">
      <c r="H102694" s="12"/>
    </row>
    <row r="102695" spans="8:8">
      <c r="H102695" s="12"/>
    </row>
    <row r="102696" spans="8:8">
      <c r="H102696" s="12"/>
    </row>
    <row r="102697" spans="8:8">
      <c r="H102697" s="12"/>
    </row>
    <row r="102698" spans="8:8">
      <c r="H102698" s="12"/>
    </row>
    <row r="102699" spans="8:8">
      <c r="H102699" s="12"/>
    </row>
    <row r="102700" spans="8:8">
      <c r="H102700" s="12"/>
    </row>
    <row r="102701" spans="8:8">
      <c r="H102701" s="12"/>
    </row>
    <row r="102702" spans="8:8">
      <c r="H102702" s="12"/>
    </row>
    <row r="102703" spans="8:8">
      <c r="H102703" s="12"/>
    </row>
    <row r="102704" spans="8:8">
      <c r="H102704" s="12"/>
    </row>
    <row r="102705" spans="8:8">
      <c r="H102705" s="12"/>
    </row>
    <row r="102706" spans="8:8">
      <c r="H102706" s="12"/>
    </row>
    <row r="102707" spans="8:8">
      <c r="H102707" s="12"/>
    </row>
    <row r="102708" spans="8:8">
      <c r="H102708" s="12"/>
    </row>
    <row r="102709" spans="8:8">
      <c r="H102709" s="12"/>
    </row>
    <row r="102710" spans="8:8">
      <c r="H102710" s="12"/>
    </row>
    <row r="102711" spans="8:8">
      <c r="H102711" s="12"/>
    </row>
    <row r="102712" spans="8:8">
      <c r="H102712" s="12"/>
    </row>
    <row r="102713" spans="8:8">
      <c r="H102713" s="12"/>
    </row>
    <row r="102714" spans="8:8">
      <c r="H102714" s="12"/>
    </row>
    <row r="102715" spans="8:8">
      <c r="H102715" s="12"/>
    </row>
    <row r="102716" spans="8:8">
      <c r="H102716" s="12"/>
    </row>
    <row r="102717" spans="8:8">
      <c r="H102717" s="12"/>
    </row>
    <row r="102718" spans="8:8">
      <c r="H102718" s="12"/>
    </row>
    <row r="102719" spans="8:8">
      <c r="H102719" s="12"/>
    </row>
    <row r="102720" spans="8:8">
      <c r="H102720" s="12"/>
    </row>
    <row r="102721" spans="8:8">
      <c r="H102721" s="12"/>
    </row>
    <row r="102722" spans="8:8">
      <c r="H102722" s="12"/>
    </row>
    <row r="102723" spans="8:8">
      <c r="H102723" s="12"/>
    </row>
    <row r="102724" spans="8:8">
      <c r="H102724" s="12"/>
    </row>
    <row r="102725" spans="8:8">
      <c r="H102725" s="12"/>
    </row>
    <row r="102726" spans="8:8">
      <c r="H102726" s="12"/>
    </row>
    <row r="102727" spans="8:8">
      <c r="H102727" s="12"/>
    </row>
    <row r="102728" spans="8:8">
      <c r="H102728" s="12"/>
    </row>
    <row r="102729" spans="8:8">
      <c r="H102729" s="12"/>
    </row>
    <row r="102730" spans="8:8">
      <c r="H102730" s="12"/>
    </row>
    <row r="102731" spans="8:8">
      <c r="H102731" s="12"/>
    </row>
    <row r="102732" spans="8:8">
      <c r="H102732" s="12"/>
    </row>
    <row r="102733" spans="8:8">
      <c r="H102733" s="12"/>
    </row>
    <row r="102734" spans="8:8">
      <c r="H102734" s="12"/>
    </row>
    <row r="102735" spans="8:8">
      <c r="H102735" s="12"/>
    </row>
    <row r="102736" spans="8:8">
      <c r="H102736" s="12"/>
    </row>
    <row r="102737" spans="8:8">
      <c r="H102737" s="12"/>
    </row>
    <row r="102738" spans="8:8">
      <c r="H102738" s="12"/>
    </row>
    <row r="102739" spans="8:8">
      <c r="H102739" s="12"/>
    </row>
    <row r="102740" spans="8:8">
      <c r="H102740" s="12"/>
    </row>
    <row r="102741" spans="8:8">
      <c r="H102741" s="12"/>
    </row>
    <row r="102742" spans="8:8">
      <c r="H102742" s="12"/>
    </row>
    <row r="102743" spans="8:8">
      <c r="H102743" s="12"/>
    </row>
    <row r="102744" spans="8:8">
      <c r="H102744" s="12"/>
    </row>
    <row r="102745" spans="8:8">
      <c r="H102745" s="12"/>
    </row>
    <row r="102746" spans="8:8">
      <c r="H102746" s="12"/>
    </row>
    <row r="102747" spans="8:8">
      <c r="H102747" s="12"/>
    </row>
    <row r="102748" spans="8:8">
      <c r="H102748" s="12"/>
    </row>
    <row r="102749" spans="8:8">
      <c r="H102749" s="12"/>
    </row>
    <row r="102750" spans="8:8">
      <c r="H102750" s="12"/>
    </row>
    <row r="102751" spans="8:8">
      <c r="H102751" s="12"/>
    </row>
    <row r="102752" spans="8:8">
      <c r="H102752" s="12"/>
    </row>
    <row r="102753" spans="8:8">
      <c r="H102753" s="12"/>
    </row>
    <row r="102754" spans="8:8">
      <c r="H102754" s="12"/>
    </row>
    <row r="102755" spans="8:8">
      <c r="H102755" s="12"/>
    </row>
    <row r="102756" spans="8:8">
      <c r="H102756" s="12"/>
    </row>
    <row r="102757" spans="8:8">
      <c r="H102757" s="12"/>
    </row>
    <row r="102758" spans="8:8">
      <c r="H102758" s="12"/>
    </row>
    <row r="102759" spans="8:8">
      <c r="H102759" s="12"/>
    </row>
    <row r="102760" spans="8:8">
      <c r="H102760" s="12"/>
    </row>
    <row r="102761" spans="8:8">
      <c r="H102761" s="12"/>
    </row>
    <row r="102762" spans="8:8">
      <c r="H102762" s="12"/>
    </row>
    <row r="102763" spans="8:8">
      <c r="H102763" s="12"/>
    </row>
    <row r="102764" spans="8:8">
      <c r="H102764" s="12"/>
    </row>
    <row r="102765" spans="8:8">
      <c r="H102765" s="12"/>
    </row>
    <row r="102766" spans="8:8">
      <c r="H102766" s="12"/>
    </row>
    <row r="102767" spans="8:8">
      <c r="H102767" s="12"/>
    </row>
    <row r="102768" spans="8:8">
      <c r="H102768" s="12"/>
    </row>
    <row r="102769" spans="8:8">
      <c r="H102769" s="12"/>
    </row>
    <row r="102770" spans="8:8">
      <c r="H102770" s="12"/>
    </row>
    <row r="102771" spans="8:8">
      <c r="H102771" s="12"/>
    </row>
    <row r="102772" spans="8:8">
      <c r="H102772" s="12"/>
    </row>
    <row r="102773" spans="8:8">
      <c r="H102773" s="12"/>
    </row>
    <row r="102774" spans="8:8">
      <c r="H102774" s="12"/>
    </row>
    <row r="102775" spans="8:8">
      <c r="H102775" s="12"/>
    </row>
    <row r="102776" spans="8:8">
      <c r="H102776" s="12"/>
    </row>
    <row r="102777" spans="8:8">
      <c r="H102777" s="12"/>
    </row>
    <row r="102778" spans="8:8">
      <c r="H102778" s="12"/>
    </row>
    <row r="102779" spans="8:8">
      <c r="H102779" s="12"/>
    </row>
    <row r="102780" spans="8:8">
      <c r="H102780" s="12"/>
    </row>
    <row r="102781" spans="8:8">
      <c r="H102781" s="12"/>
    </row>
    <row r="102782" spans="8:8">
      <c r="H102782" s="12"/>
    </row>
    <row r="102783" spans="8:8">
      <c r="H102783" s="12"/>
    </row>
    <row r="102784" spans="8:8">
      <c r="H102784" s="12"/>
    </row>
    <row r="102785" spans="8:8">
      <c r="H102785" s="12"/>
    </row>
    <row r="102786" spans="8:8">
      <c r="H102786" s="12"/>
    </row>
    <row r="102787" spans="8:8">
      <c r="H102787" s="12"/>
    </row>
    <row r="102788" spans="8:8">
      <c r="H102788" s="12"/>
    </row>
    <row r="102789" spans="8:8">
      <c r="H102789" s="12"/>
    </row>
    <row r="102790" spans="8:8">
      <c r="H102790" s="12"/>
    </row>
    <row r="102791" spans="8:8">
      <c r="H102791" s="12"/>
    </row>
    <row r="102792" spans="8:8">
      <c r="H102792" s="12"/>
    </row>
    <row r="102793" spans="8:8">
      <c r="H102793" s="12"/>
    </row>
    <row r="102794" spans="8:8">
      <c r="H102794" s="12"/>
    </row>
    <row r="102795" spans="8:8">
      <c r="H102795" s="12"/>
    </row>
    <row r="102796" spans="8:8">
      <c r="H102796" s="12"/>
    </row>
    <row r="102797" spans="8:8">
      <c r="H102797" s="12"/>
    </row>
    <row r="102798" spans="8:8">
      <c r="H102798" s="12"/>
    </row>
    <row r="102799" spans="8:8">
      <c r="H102799" s="12"/>
    </row>
    <row r="102800" spans="8:8">
      <c r="H102800" s="12"/>
    </row>
    <row r="102801" spans="8:8">
      <c r="H102801" s="12"/>
    </row>
    <row r="102802" spans="8:8">
      <c r="H102802" s="12"/>
    </row>
    <row r="102803" spans="8:8">
      <c r="H102803" s="12"/>
    </row>
    <row r="102804" spans="8:8">
      <c r="H102804" s="12"/>
    </row>
    <row r="102805" spans="8:8">
      <c r="H102805" s="12"/>
    </row>
    <row r="102806" spans="8:8">
      <c r="H102806" s="12"/>
    </row>
    <row r="102807" spans="8:8">
      <c r="H102807" s="12"/>
    </row>
    <row r="102808" spans="8:8">
      <c r="H102808" s="12"/>
    </row>
    <row r="102809" spans="8:8">
      <c r="H102809" s="12"/>
    </row>
    <row r="102810" spans="8:8">
      <c r="H102810" s="12"/>
    </row>
    <row r="102811" spans="8:8">
      <c r="H102811" s="12"/>
    </row>
    <row r="102812" spans="8:8">
      <c r="H102812" s="12"/>
    </row>
    <row r="102813" spans="8:8">
      <c r="H102813" s="12"/>
    </row>
    <row r="102814" spans="8:8">
      <c r="H102814" s="12"/>
    </row>
    <row r="102815" spans="8:8">
      <c r="H102815" s="12"/>
    </row>
    <row r="102816" spans="8:8">
      <c r="H102816" s="12"/>
    </row>
    <row r="102817" spans="8:8">
      <c r="H102817" s="12"/>
    </row>
    <row r="102818" spans="8:8">
      <c r="H102818" s="12"/>
    </row>
    <row r="102819" spans="8:8">
      <c r="H102819" s="12"/>
    </row>
    <row r="102820" spans="8:8">
      <c r="H102820" s="12"/>
    </row>
    <row r="102821" spans="8:8">
      <c r="H102821" s="12"/>
    </row>
    <row r="102822" spans="8:8">
      <c r="H102822" s="12"/>
    </row>
    <row r="102823" spans="8:8">
      <c r="H102823" s="12"/>
    </row>
    <row r="102824" spans="8:8">
      <c r="H102824" s="12"/>
    </row>
    <row r="102825" spans="8:8">
      <c r="H102825" s="12"/>
    </row>
    <row r="102826" spans="8:8">
      <c r="H102826" s="12"/>
    </row>
    <row r="102827" spans="8:8">
      <c r="H102827" s="12"/>
    </row>
    <row r="102828" spans="8:8">
      <c r="H102828" s="12"/>
    </row>
    <row r="102829" spans="8:8">
      <c r="H102829" s="12"/>
    </row>
    <row r="102830" spans="8:8">
      <c r="H102830" s="12"/>
    </row>
    <row r="102831" spans="8:8">
      <c r="H102831" s="12"/>
    </row>
    <row r="102832" spans="8:8">
      <c r="H102832" s="12"/>
    </row>
    <row r="102833" spans="8:8">
      <c r="H102833" s="12"/>
    </row>
    <row r="102834" spans="8:8">
      <c r="H102834" s="12"/>
    </row>
    <row r="102835" spans="8:8">
      <c r="H102835" s="12"/>
    </row>
    <row r="102836" spans="8:8">
      <c r="H102836" s="12"/>
    </row>
    <row r="102837" spans="8:8">
      <c r="H102837" s="12"/>
    </row>
    <row r="102838" spans="8:8">
      <c r="H102838" s="12"/>
    </row>
    <row r="102839" spans="8:8">
      <c r="H102839" s="12"/>
    </row>
    <row r="102840" spans="8:8">
      <c r="H102840" s="12"/>
    </row>
    <row r="102841" spans="8:8">
      <c r="H102841" s="12"/>
    </row>
    <row r="102842" spans="8:8">
      <c r="H102842" s="12"/>
    </row>
    <row r="102843" spans="8:8">
      <c r="H102843" s="12"/>
    </row>
    <row r="102844" spans="8:8">
      <c r="H102844" s="12"/>
    </row>
    <row r="102845" spans="8:8">
      <c r="H102845" s="12"/>
    </row>
    <row r="102846" spans="8:8">
      <c r="H102846" s="12"/>
    </row>
    <row r="102847" spans="8:8">
      <c r="H102847" s="12"/>
    </row>
    <row r="102848" spans="8:8">
      <c r="H102848" s="12"/>
    </row>
    <row r="102849" spans="8:8">
      <c r="H102849" s="12"/>
    </row>
    <row r="102850" spans="8:8">
      <c r="H102850" s="12"/>
    </row>
    <row r="102851" spans="8:8">
      <c r="H102851" s="12"/>
    </row>
    <row r="102852" spans="8:8">
      <c r="H102852" s="12"/>
    </row>
    <row r="102853" spans="8:8">
      <c r="H102853" s="12"/>
    </row>
    <row r="102854" spans="8:8">
      <c r="H102854" s="12"/>
    </row>
    <row r="102855" spans="8:8">
      <c r="H102855" s="12"/>
    </row>
    <row r="102856" spans="8:8">
      <c r="H102856" s="12"/>
    </row>
    <row r="102857" spans="8:8">
      <c r="H102857" s="12"/>
    </row>
    <row r="102858" spans="8:8">
      <c r="H102858" s="12"/>
    </row>
    <row r="102859" spans="8:8">
      <c r="H102859" s="12"/>
    </row>
    <row r="102860" spans="8:8">
      <c r="H102860" s="12"/>
    </row>
    <row r="102861" spans="8:8">
      <c r="H102861" s="12"/>
    </row>
    <row r="102862" spans="8:8">
      <c r="H102862" s="12"/>
    </row>
    <row r="102863" spans="8:8">
      <c r="H102863" s="12"/>
    </row>
    <row r="102864" spans="8:8">
      <c r="H102864" s="12"/>
    </row>
    <row r="102865" spans="8:8">
      <c r="H102865" s="12"/>
    </row>
    <row r="102866" spans="8:8">
      <c r="H102866" s="12"/>
    </row>
    <row r="102867" spans="8:8">
      <c r="H102867" s="12"/>
    </row>
    <row r="102868" spans="8:8">
      <c r="H102868" s="12"/>
    </row>
    <row r="102869" spans="8:8">
      <c r="H102869" s="12"/>
    </row>
    <row r="102870" spans="8:8">
      <c r="H102870" s="12"/>
    </row>
    <row r="102871" spans="8:8">
      <c r="H102871" s="12"/>
    </row>
    <row r="102872" spans="8:8">
      <c r="H102872" s="12"/>
    </row>
    <row r="102873" spans="8:8">
      <c r="H102873" s="12"/>
    </row>
    <row r="102874" spans="8:8">
      <c r="H102874" s="12"/>
    </row>
    <row r="102875" spans="8:8">
      <c r="H102875" s="12"/>
    </row>
    <row r="102876" spans="8:8">
      <c r="H102876" s="12"/>
    </row>
    <row r="102877" spans="8:8">
      <c r="H102877" s="12"/>
    </row>
    <row r="102878" spans="8:8">
      <c r="H102878" s="12"/>
    </row>
    <row r="102879" spans="8:8">
      <c r="H102879" s="12"/>
    </row>
    <row r="102880" spans="8:8">
      <c r="H102880" s="12"/>
    </row>
    <row r="102881" spans="8:8">
      <c r="H102881" s="12"/>
    </row>
    <row r="102882" spans="8:8">
      <c r="H102882" s="12"/>
    </row>
    <row r="102883" spans="8:8">
      <c r="H102883" s="12"/>
    </row>
    <row r="102884" spans="8:8">
      <c r="H102884" s="12"/>
    </row>
    <row r="102885" spans="8:8">
      <c r="H102885" s="12"/>
    </row>
    <row r="102886" spans="8:8">
      <c r="H102886" s="12"/>
    </row>
    <row r="102887" spans="8:8">
      <c r="H102887" s="12"/>
    </row>
    <row r="102888" spans="8:8">
      <c r="H102888" s="12"/>
    </row>
    <row r="102889" spans="8:8">
      <c r="H102889" s="12"/>
    </row>
    <row r="102890" spans="8:8">
      <c r="H102890" s="12"/>
    </row>
    <row r="102891" spans="8:8">
      <c r="H102891" s="12"/>
    </row>
    <row r="102892" spans="8:8">
      <c r="H102892" s="12"/>
    </row>
    <row r="102893" spans="8:8">
      <c r="H102893" s="12"/>
    </row>
    <row r="102894" spans="8:8">
      <c r="H102894" s="12"/>
    </row>
    <row r="102895" spans="8:8">
      <c r="H102895" s="12"/>
    </row>
    <row r="102896" spans="8:8">
      <c r="H102896" s="12"/>
    </row>
    <row r="102897" spans="8:8">
      <c r="H102897" s="12"/>
    </row>
    <row r="102898" spans="8:8">
      <c r="H102898" s="12"/>
    </row>
    <row r="102899" spans="8:8">
      <c r="H102899" s="12"/>
    </row>
    <row r="102900" spans="8:8">
      <c r="H102900" s="12"/>
    </row>
    <row r="102901" spans="8:8">
      <c r="H102901" s="12"/>
    </row>
    <row r="102902" spans="8:8">
      <c r="H102902" s="12"/>
    </row>
    <row r="102903" spans="8:8">
      <c r="H102903" s="12"/>
    </row>
    <row r="102904" spans="8:8">
      <c r="H102904" s="12"/>
    </row>
    <row r="102905" spans="8:8">
      <c r="H102905" s="12"/>
    </row>
    <row r="102906" spans="8:8">
      <c r="H102906" s="12"/>
    </row>
    <row r="102907" spans="8:8">
      <c r="H102907" s="12"/>
    </row>
    <row r="102908" spans="8:8">
      <c r="H102908" s="12"/>
    </row>
    <row r="102909" spans="8:8">
      <c r="H102909" s="12"/>
    </row>
    <row r="102910" spans="8:8">
      <c r="H102910" s="12"/>
    </row>
    <row r="102911" spans="8:8">
      <c r="H102911" s="12"/>
    </row>
    <row r="102912" spans="8:8">
      <c r="H102912" s="12"/>
    </row>
    <row r="102913" spans="8:8">
      <c r="H102913" s="12"/>
    </row>
    <row r="102914" spans="8:8">
      <c r="H102914" s="12"/>
    </row>
    <row r="102915" spans="8:8">
      <c r="H102915" s="12"/>
    </row>
    <row r="102916" spans="8:8">
      <c r="H102916" s="12"/>
    </row>
    <row r="102917" spans="8:8">
      <c r="H102917" s="12"/>
    </row>
    <row r="102918" spans="8:8">
      <c r="H102918" s="12"/>
    </row>
    <row r="102919" spans="8:8">
      <c r="H102919" s="12"/>
    </row>
    <row r="102920" spans="8:8">
      <c r="H102920" s="12"/>
    </row>
    <row r="102921" spans="8:8">
      <c r="H102921" s="12"/>
    </row>
    <row r="102922" spans="8:8">
      <c r="H102922" s="12"/>
    </row>
    <row r="102923" spans="8:8">
      <c r="H102923" s="12"/>
    </row>
    <row r="102924" spans="8:8">
      <c r="H102924" s="12"/>
    </row>
    <row r="102925" spans="8:8">
      <c r="H102925" s="12"/>
    </row>
    <row r="102926" spans="8:8">
      <c r="H102926" s="12"/>
    </row>
    <row r="102927" spans="8:8">
      <c r="H102927" s="12"/>
    </row>
    <row r="102928" spans="8:8">
      <c r="H102928" s="12"/>
    </row>
    <row r="102929" spans="8:8">
      <c r="H102929" s="12"/>
    </row>
    <row r="102930" spans="8:8">
      <c r="H102930" s="12"/>
    </row>
    <row r="102931" spans="8:8">
      <c r="H102931" s="12"/>
    </row>
    <row r="102932" spans="8:8">
      <c r="H102932" s="12"/>
    </row>
    <row r="102933" spans="8:8">
      <c r="H102933" s="12"/>
    </row>
    <row r="102934" spans="8:8">
      <c r="H102934" s="12"/>
    </row>
    <row r="102935" spans="8:8">
      <c r="H102935" s="12"/>
    </row>
    <row r="102936" spans="8:8">
      <c r="H102936" s="12"/>
    </row>
    <row r="102937" spans="8:8">
      <c r="H102937" s="12"/>
    </row>
    <row r="102938" spans="8:8">
      <c r="H102938" s="12"/>
    </row>
    <row r="102939" spans="8:8">
      <c r="H102939" s="12"/>
    </row>
    <row r="102940" spans="8:8">
      <c r="H102940" s="12"/>
    </row>
    <row r="102941" spans="8:8">
      <c r="H102941" s="12"/>
    </row>
    <row r="102942" spans="8:8">
      <c r="H102942" s="12"/>
    </row>
    <row r="102943" spans="8:8">
      <c r="H102943" s="12"/>
    </row>
    <row r="102944" spans="8:8">
      <c r="H102944" s="12"/>
    </row>
    <row r="102945" spans="8:8">
      <c r="H102945" s="12"/>
    </row>
    <row r="102946" spans="8:8">
      <c r="H102946" s="12"/>
    </row>
    <row r="102947" spans="8:8">
      <c r="H102947" s="12"/>
    </row>
    <row r="102948" spans="8:8">
      <c r="H102948" s="12"/>
    </row>
    <row r="102949" spans="8:8">
      <c r="H102949" s="12"/>
    </row>
    <row r="102950" spans="8:8">
      <c r="H102950" s="12"/>
    </row>
    <row r="102951" spans="8:8">
      <c r="H102951" s="12"/>
    </row>
    <row r="102952" spans="8:8">
      <c r="H102952" s="12"/>
    </row>
    <row r="102953" spans="8:8">
      <c r="H102953" s="12"/>
    </row>
    <row r="102954" spans="8:8">
      <c r="H102954" s="12"/>
    </row>
    <row r="102955" spans="8:8">
      <c r="H102955" s="12"/>
    </row>
    <row r="102956" spans="8:8">
      <c r="H102956" s="12"/>
    </row>
    <row r="102957" spans="8:8">
      <c r="H102957" s="12"/>
    </row>
    <row r="102958" spans="8:8">
      <c r="H102958" s="12"/>
    </row>
    <row r="102959" spans="8:8">
      <c r="H102959" s="12"/>
    </row>
    <row r="102960" spans="8:8">
      <c r="H102960" s="12"/>
    </row>
    <row r="102961" spans="8:8">
      <c r="H102961" s="12"/>
    </row>
    <row r="102962" spans="8:8">
      <c r="H102962" s="12"/>
    </row>
    <row r="102963" spans="8:8">
      <c r="H102963" s="12"/>
    </row>
    <row r="102964" spans="8:8">
      <c r="H102964" s="12"/>
    </row>
    <row r="102965" spans="8:8">
      <c r="H102965" s="12"/>
    </row>
    <row r="102966" spans="8:8">
      <c r="H102966" s="12"/>
    </row>
    <row r="102967" spans="8:8">
      <c r="H102967" s="12"/>
    </row>
    <row r="102968" spans="8:8">
      <c r="H102968" s="12"/>
    </row>
    <row r="102969" spans="8:8">
      <c r="H102969" s="12"/>
    </row>
    <row r="102970" spans="8:8">
      <c r="H102970" s="12"/>
    </row>
    <row r="102971" spans="8:8">
      <c r="H102971" s="12"/>
    </row>
    <row r="102972" spans="8:8">
      <c r="H102972" s="12"/>
    </row>
    <row r="102973" spans="8:8">
      <c r="H102973" s="12"/>
    </row>
    <row r="102974" spans="8:8">
      <c r="H102974" s="12"/>
    </row>
    <row r="102975" spans="8:8">
      <c r="H102975" s="12"/>
    </row>
    <row r="102976" spans="8:8">
      <c r="H102976" s="12"/>
    </row>
    <row r="102977" spans="8:8">
      <c r="H102977" s="12"/>
    </row>
    <row r="102978" spans="8:8">
      <c r="H102978" s="12"/>
    </row>
    <row r="102979" spans="8:8">
      <c r="H102979" s="12"/>
    </row>
    <row r="102980" spans="8:8">
      <c r="H102980" s="12"/>
    </row>
    <row r="102981" spans="8:8">
      <c r="H102981" s="12"/>
    </row>
    <row r="102982" spans="8:8">
      <c r="H102982" s="12"/>
    </row>
    <row r="102983" spans="8:8">
      <c r="H102983" s="12"/>
    </row>
    <row r="102984" spans="8:8">
      <c r="H102984" s="12"/>
    </row>
    <row r="102985" spans="8:8">
      <c r="H102985" s="12"/>
    </row>
    <row r="102986" spans="8:8">
      <c r="H102986" s="12"/>
    </row>
    <row r="102987" spans="8:8">
      <c r="H102987" s="12"/>
    </row>
    <row r="102988" spans="8:8">
      <c r="H102988" s="12"/>
    </row>
    <row r="102989" spans="8:8">
      <c r="H102989" s="12"/>
    </row>
    <row r="102990" spans="8:8">
      <c r="H102990" s="12"/>
    </row>
    <row r="102991" spans="8:8">
      <c r="H102991" s="12"/>
    </row>
    <row r="102992" spans="8:8">
      <c r="H102992" s="12"/>
    </row>
    <row r="102993" spans="8:8">
      <c r="H102993" s="12"/>
    </row>
    <row r="102994" spans="8:8">
      <c r="H102994" s="12"/>
    </row>
    <row r="102995" spans="8:8">
      <c r="H102995" s="12"/>
    </row>
    <row r="102996" spans="8:8">
      <c r="H102996" s="12"/>
    </row>
    <row r="102997" spans="8:8">
      <c r="H102997" s="12"/>
    </row>
    <row r="102998" spans="8:8">
      <c r="H102998" s="12"/>
    </row>
    <row r="102999" spans="8:8">
      <c r="H102999" s="12"/>
    </row>
    <row r="103000" spans="8:8">
      <c r="H103000" s="12"/>
    </row>
    <row r="103001" spans="8:8">
      <c r="H103001" s="12"/>
    </row>
    <row r="103002" spans="8:8">
      <c r="H103002" s="12"/>
    </row>
    <row r="103003" spans="8:8">
      <c r="H103003" s="12"/>
    </row>
    <row r="103004" spans="8:8">
      <c r="H103004" s="12"/>
    </row>
    <row r="103005" spans="8:8">
      <c r="H103005" s="12"/>
    </row>
    <row r="103006" spans="8:8">
      <c r="H103006" s="12"/>
    </row>
    <row r="103007" spans="8:8">
      <c r="H103007" s="12"/>
    </row>
    <row r="103008" spans="8:8">
      <c r="H103008" s="12"/>
    </row>
    <row r="103009" spans="8:8">
      <c r="H103009" s="12"/>
    </row>
    <row r="103010" spans="8:8">
      <c r="H103010" s="12"/>
    </row>
    <row r="103011" spans="8:8">
      <c r="H103011" s="12"/>
    </row>
    <row r="103012" spans="8:8">
      <c r="H103012" s="12"/>
    </row>
    <row r="103013" spans="8:8">
      <c r="H103013" s="12"/>
    </row>
    <row r="103014" spans="8:8">
      <c r="H103014" s="12"/>
    </row>
    <row r="103015" spans="8:8">
      <c r="H103015" s="12"/>
    </row>
    <row r="103016" spans="8:8">
      <c r="H103016" s="12"/>
    </row>
    <row r="103017" spans="8:8">
      <c r="H103017" s="12"/>
    </row>
    <row r="103018" spans="8:8">
      <c r="H103018" s="12"/>
    </row>
    <row r="103019" spans="8:8">
      <c r="H103019" s="12"/>
    </row>
    <row r="103020" spans="8:8">
      <c r="H103020" s="12"/>
    </row>
    <row r="103021" spans="8:8">
      <c r="H103021" s="12"/>
    </row>
    <row r="103022" spans="8:8">
      <c r="H103022" s="12"/>
    </row>
    <row r="103023" spans="8:8">
      <c r="H103023" s="12"/>
    </row>
    <row r="103024" spans="8:8">
      <c r="H103024" s="12"/>
    </row>
    <row r="103025" spans="8:8">
      <c r="H103025" s="12"/>
    </row>
    <row r="103026" spans="8:8">
      <c r="H103026" s="12"/>
    </row>
    <row r="103027" spans="8:8">
      <c r="H103027" s="12"/>
    </row>
    <row r="103028" spans="8:8">
      <c r="H103028" s="12"/>
    </row>
    <row r="103029" spans="8:8">
      <c r="H103029" s="12"/>
    </row>
    <row r="103030" spans="8:8">
      <c r="H103030" s="12"/>
    </row>
    <row r="103031" spans="8:8">
      <c r="H103031" s="12"/>
    </row>
    <row r="103032" spans="8:8">
      <c r="H103032" s="12"/>
    </row>
    <row r="103033" spans="8:8">
      <c r="H103033" s="12"/>
    </row>
    <row r="103034" spans="8:8">
      <c r="H103034" s="12"/>
    </row>
    <row r="103035" spans="8:8">
      <c r="H103035" s="12"/>
    </row>
    <row r="103036" spans="8:8">
      <c r="H103036" s="12"/>
    </row>
    <row r="103037" spans="8:8">
      <c r="H103037" s="12"/>
    </row>
    <row r="103038" spans="8:8">
      <c r="H103038" s="12"/>
    </row>
    <row r="103039" spans="8:8">
      <c r="H103039" s="12"/>
    </row>
    <row r="103040" spans="8:8">
      <c r="H103040" s="12"/>
    </row>
    <row r="103041" spans="8:8">
      <c r="H103041" s="12"/>
    </row>
    <row r="103042" spans="8:8">
      <c r="H103042" s="12"/>
    </row>
    <row r="103043" spans="8:8">
      <c r="H103043" s="12"/>
    </row>
    <row r="103044" spans="8:8">
      <c r="H103044" s="12"/>
    </row>
    <row r="103045" spans="8:8">
      <c r="H103045" s="12"/>
    </row>
    <row r="103046" spans="8:8">
      <c r="H103046" s="12"/>
    </row>
    <row r="103047" spans="8:8">
      <c r="H103047" s="12"/>
    </row>
    <row r="103048" spans="8:8">
      <c r="H103048" s="12"/>
    </row>
    <row r="103049" spans="8:8">
      <c r="H103049" s="12"/>
    </row>
    <row r="103050" spans="8:8">
      <c r="H103050" s="12"/>
    </row>
    <row r="103051" spans="8:8">
      <c r="H103051" s="12"/>
    </row>
    <row r="103052" spans="8:8">
      <c r="H103052" s="12"/>
    </row>
    <row r="103053" spans="8:8">
      <c r="H103053" s="12"/>
    </row>
    <row r="103054" spans="8:8">
      <c r="H103054" s="12"/>
    </row>
    <row r="103055" spans="8:8">
      <c r="H103055" s="12"/>
    </row>
    <row r="103056" spans="8:8">
      <c r="H103056" s="12"/>
    </row>
    <row r="103057" spans="8:8">
      <c r="H103057" s="12"/>
    </row>
    <row r="103058" spans="8:8">
      <c r="H103058" s="12"/>
    </row>
    <row r="103059" spans="8:8">
      <c r="H103059" s="12"/>
    </row>
    <row r="103060" spans="8:8">
      <c r="H103060" s="12"/>
    </row>
    <row r="103061" spans="8:8">
      <c r="H103061" s="12"/>
    </row>
    <row r="103062" spans="8:8">
      <c r="H103062" s="12"/>
    </row>
    <row r="103063" spans="8:8">
      <c r="H103063" s="12"/>
    </row>
    <row r="103064" spans="8:8">
      <c r="H103064" s="12"/>
    </row>
    <row r="103065" spans="8:8">
      <c r="H103065" s="12"/>
    </row>
    <row r="103066" spans="8:8">
      <c r="H103066" s="12"/>
    </row>
    <row r="103067" spans="8:8">
      <c r="H103067" s="12"/>
    </row>
    <row r="103068" spans="8:8">
      <c r="H103068" s="12"/>
    </row>
    <row r="103069" spans="8:8">
      <c r="H103069" s="12"/>
    </row>
    <row r="103070" spans="8:8">
      <c r="H103070" s="12"/>
    </row>
    <row r="103071" spans="8:8">
      <c r="H103071" s="12"/>
    </row>
    <row r="103072" spans="8:8">
      <c r="H103072" s="12"/>
    </row>
    <row r="103073" spans="8:8">
      <c r="H103073" s="12"/>
    </row>
    <row r="103074" spans="8:8">
      <c r="H103074" s="12"/>
    </row>
    <row r="103075" spans="8:8">
      <c r="H103075" s="12"/>
    </row>
    <row r="103076" spans="8:8">
      <c r="H103076" s="12"/>
    </row>
    <row r="103077" spans="8:8">
      <c r="H103077" s="12"/>
    </row>
    <row r="103078" spans="8:8">
      <c r="H103078" s="12"/>
    </row>
    <row r="103079" spans="8:8">
      <c r="H103079" s="12"/>
    </row>
    <row r="103080" spans="8:8">
      <c r="H103080" s="12"/>
    </row>
    <row r="103081" spans="8:8">
      <c r="H103081" s="12"/>
    </row>
    <row r="103082" spans="8:8">
      <c r="H103082" s="12"/>
    </row>
    <row r="103083" spans="8:8">
      <c r="H103083" s="12"/>
    </row>
    <row r="103084" spans="8:8">
      <c r="H103084" s="12"/>
    </row>
    <row r="103085" spans="8:8">
      <c r="H103085" s="12"/>
    </row>
    <row r="103086" spans="8:8">
      <c r="H103086" s="12"/>
    </row>
    <row r="103087" spans="8:8">
      <c r="H103087" s="12"/>
    </row>
    <row r="103088" spans="8:8">
      <c r="H103088" s="12"/>
    </row>
    <row r="103089" spans="8:8">
      <c r="H103089" s="12"/>
    </row>
    <row r="103090" spans="8:8">
      <c r="H103090" s="12"/>
    </row>
    <row r="103091" spans="8:8">
      <c r="H103091" s="12"/>
    </row>
    <row r="103092" spans="8:8">
      <c r="H103092" s="12"/>
    </row>
    <row r="103093" spans="8:8">
      <c r="H103093" s="12"/>
    </row>
    <row r="103094" spans="8:8">
      <c r="H103094" s="12"/>
    </row>
    <row r="103095" spans="8:8">
      <c r="H103095" s="12"/>
    </row>
    <row r="103096" spans="8:8">
      <c r="H103096" s="12"/>
    </row>
    <row r="103097" spans="8:8">
      <c r="H103097" s="12"/>
    </row>
    <row r="103098" spans="8:8">
      <c r="H103098" s="12"/>
    </row>
    <row r="103099" spans="8:8">
      <c r="H103099" s="12"/>
    </row>
    <row r="103100" spans="8:8">
      <c r="H103100" s="12"/>
    </row>
    <row r="103101" spans="8:8">
      <c r="H103101" s="12"/>
    </row>
    <row r="103102" spans="8:8">
      <c r="H103102" s="12"/>
    </row>
    <row r="103103" spans="8:8">
      <c r="H103103" s="12"/>
    </row>
    <row r="103104" spans="8:8">
      <c r="H103104" s="12"/>
    </row>
    <row r="103105" spans="8:8">
      <c r="H103105" s="12"/>
    </row>
    <row r="103106" spans="8:8">
      <c r="H103106" s="12"/>
    </row>
    <row r="103107" spans="8:8">
      <c r="H103107" s="12"/>
    </row>
    <row r="103108" spans="8:8">
      <c r="H103108" s="12"/>
    </row>
    <row r="103109" spans="8:8">
      <c r="H103109" s="12"/>
    </row>
    <row r="103110" spans="8:8">
      <c r="H103110" s="12"/>
    </row>
    <row r="103111" spans="8:8">
      <c r="H103111" s="12"/>
    </row>
    <row r="103112" spans="8:8">
      <c r="H103112" s="12"/>
    </row>
    <row r="103113" spans="8:8">
      <c r="H103113" s="12"/>
    </row>
    <row r="103114" spans="8:8">
      <c r="H103114" s="12"/>
    </row>
    <row r="103115" spans="8:8">
      <c r="H103115" s="12"/>
    </row>
    <row r="103116" spans="8:8">
      <c r="H103116" s="12"/>
    </row>
    <row r="103117" spans="8:8">
      <c r="H103117" s="12"/>
    </row>
    <row r="103118" spans="8:8">
      <c r="H103118" s="12"/>
    </row>
    <row r="103119" spans="8:8">
      <c r="H103119" s="12"/>
    </row>
    <row r="103120" spans="8:8">
      <c r="H103120" s="12"/>
    </row>
    <row r="103121" spans="8:8">
      <c r="H103121" s="12"/>
    </row>
    <row r="103122" spans="8:8">
      <c r="H103122" s="12"/>
    </row>
    <row r="103123" spans="8:8">
      <c r="H103123" s="12"/>
    </row>
    <row r="103124" spans="8:8">
      <c r="H103124" s="12"/>
    </row>
    <row r="103125" spans="8:8">
      <c r="H103125" s="12"/>
    </row>
    <row r="103126" spans="8:8">
      <c r="H103126" s="12"/>
    </row>
    <row r="103127" spans="8:8">
      <c r="H103127" s="12"/>
    </row>
    <row r="103128" spans="8:8">
      <c r="H103128" s="12"/>
    </row>
    <row r="103129" spans="8:8">
      <c r="H103129" s="12"/>
    </row>
    <row r="103130" spans="8:8">
      <c r="H103130" s="12"/>
    </row>
    <row r="103131" spans="8:8">
      <c r="H103131" s="12"/>
    </row>
    <row r="103132" spans="8:8">
      <c r="H103132" s="12"/>
    </row>
    <row r="103133" spans="8:8">
      <c r="H103133" s="12"/>
    </row>
    <row r="103134" spans="8:8">
      <c r="H103134" s="12"/>
    </row>
    <row r="103135" spans="8:8">
      <c r="H103135" s="12"/>
    </row>
    <row r="103136" spans="8:8">
      <c r="H103136" s="12"/>
    </row>
    <row r="103137" spans="8:8">
      <c r="H103137" s="12"/>
    </row>
    <row r="103138" spans="8:8">
      <c r="H103138" s="12"/>
    </row>
    <row r="103139" spans="8:8">
      <c r="H103139" s="12"/>
    </row>
    <row r="103140" spans="8:8">
      <c r="H103140" s="12"/>
    </row>
    <row r="103141" spans="8:8">
      <c r="H103141" s="12"/>
    </row>
    <row r="103142" spans="8:8">
      <c r="H103142" s="12"/>
    </row>
    <row r="103143" spans="8:8">
      <c r="H103143" s="12"/>
    </row>
    <row r="103144" spans="8:8">
      <c r="H103144" s="12"/>
    </row>
    <row r="103145" spans="8:8">
      <c r="H103145" s="12"/>
    </row>
    <row r="103146" spans="8:8">
      <c r="H103146" s="12"/>
    </row>
    <row r="103147" spans="8:8">
      <c r="H103147" s="12"/>
    </row>
    <row r="103148" spans="8:8">
      <c r="H103148" s="12"/>
    </row>
    <row r="103149" spans="8:8">
      <c r="H103149" s="12"/>
    </row>
    <row r="103150" spans="8:8">
      <c r="H103150" s="12"/>
    </row>
    <row r="103151" spans="8:8">
      <c r="H103151" s="12"/>
    </row>
    <row r="103152" spans="8:8">
      <c r="H103152" s="12"/>
    </row>
    <row r="103153" spans="8:8">
      <c r="H103153" s="12"/>
    </row>
    <row r="103154" spans="8:8">
      <c r="H103154" s="12"/>
    </row>
    <row r="103155" spans="8:8">
      <c r="H103155" s="12"/>
    </row>
    <row r="103156" spans="8:8">
      <c r="H103156" s="12"/>
    </row>
    <row r="103157" spans="8:8">
      <c r="H103157" s="12"/>
    </row>
    <row r="103158" spans="8:8">
      <c r="H103158" s="12"/>
    </row>
    <row r="103159" spans="8:8">
      <c r="H103159" s="12"/>
    </row>
    <row r="103160" spans="8:8">
      <c r="H103160" s="12"/>
    </row>
    <row r="103161" spans="8:8">
      <c r="H103161" s="12"/>
    </row>
    <row r="103162" spans="8:8">
      <c r="H103162" s="12"/>
    </row>
    <row r="103163" spans="8:8">
      <c r="H103163" s="12"/>
    </row>
    <row r="103164" spans="8:8">
      <c r="H103164" s="12"/>
    </row>
    <row r="103165" spans="8:8">
      <c r="H103165" s="12"/>
    </row>
    <row r="103166" spans="8:8">
      <c r="H103166" s="12"/>
    </row>
    <row r="103167" spans="8:8">
      <c r="H103167" s="12"/>
    </row>
    <row r="103168" spans="8:8">
      <c r="H103168" s="12"/>
    </row>
    <row r="103169" spans="8:8">
      <c r="H103169" s="12"/>
    </row>
    <row r="103170" spans="8:8">
      <c r="H103170" s="12"/>
    </row>
    <row r="103171" spans="8:8">
      <c r="H103171" s="12"/>
    </row>
    <row r="103172" spans="8:8">
      <c r="H103172" s="12"/>
    </row>
    <row r="103173" spans="8:8">
      <c r="H103173" s="12"/>
    </row>
    <row r="103174" spans="8:8">
      <c r="H103174" s="12"/>
    </row>
    <row r="103175" spans="8:8">
      <c r="H103175" s="12"/>
    </row>
    <row r="103176" spans="8:8">
      <c r="H103176" s="12"/>
    </row>
    <row r="103177" spans="8:8">
      <c r="H103177" s="12"/>
    </row>
    <row r="103178" spans="8:8">
      <c r="H103178" s="12"/>
    </row>
    <row r="103179" spans="8:8">
      <c r="H103179" s="12"/>
    </row>
    <row r="103180" spans="8:8">
      <c r="H103180" s="12"/>
    </row>
    <row r="103181" spans="8:8">
      <c r="H103181" s="12"/>
    </row>
    <row r="103182" spans="8:8">
      <c r="H103182" s="12"/>
    </row>
    <row r="103183" spans="8:8">
      <c r="H103183" s="12"/>
    </row>
    <row r="103184" spans="8:8">
      <c r="H103184" s="12"/>
    </row>
    <row r="103185" spans="8:8">
      <c r="H103185" s="12"/>
    </row>
    <row r="103186" spans="8:8">
      <c r="H103186" s="12"/>
    </row>
    <row r="103187" spans="8:8">
      <c r="H103187" s="12"/>
    </row>
    <row r="103188" spans="8:8">
      <c r="H103188" s="12"/>
    </row>
    <row r="103189" spans="8:8">
      <c r="H103189" s="12"/>
    </row>
    <row r="103190" spans="8:8">
      <c r="H103190" s="12"/>
    </row>
    <row r="103191" spans="8:8">
      <c r="H103191" s="12"/>
    </row>
    <row r="103192" spans="8:8">
      <c r="H103192" s="12"/>
    </row>
    <row r="103193" spans="8:8">
      <c r="H103193" s="12"/>
    </row>
    <row r="103194" spans="8:8">
      <c r="H103194" s="12"/>
    </row>
    <row r="103195" spans="8:8">
      <c r="H103195" s="12"/>
    </row>
    <row r="103196" spans="8:8">
      <c r="H103196" s="12"/>
    </row>
    <row r="103197" spans="8:8">
      <c r="H103197" s="12"/>
    </row>
    <row r="103198" spans="8:8">
      <c r="H103198" s="12"/>
    </row>
    <row r="103199" spans="8:8">
      <c r="H103199" s="12"/>
    </row>
    <row r="103200" spans="8:8">
      <c r="H103200" s="12"/>
    </row>
    <row r="103201" spans="8:8">
      <c r="H103201" s="12"/>
    </row>
    <row r="103202" spans="8:8">
      <c r="H103202" s="12"/>
    </row>
    <row r="103203" spans="8:8">
      <c r="H103203" s="12"/>
    </row>
    <row r="103204" spans="8:8">
      <c r="H103204" s="12"/>
    </row>
    <row r="103205" spans="8:8">
      <c r="H103205" s="12"/>
    </row>
    <row r="103206" spans="8:8">
      <c r="H103206" s="12"/>
    </row>
    <row r="103207" spans="8:8">
      <c r="H103207" s="12"/>
    </row>
    <row r="103208" spans="8:8">
      <c r="H103208" s="12"/>
    </row>
    <row r="103209" spans="8:8">
      <c r="H103209" s="12"/>
    </row>
    <row r="103210" spans="8:8">
      <c r="H103210" s="12"/>
    </row>
    <row r="103211" spans="8:8">
      <c r="H103211" s="12"/>
    </row>
    <row r="103212" spans="8:8">
      <c r="H103212" s="12"/>
    </row>
    <row r="103213" spans="8:8">
      <c r="H103213" s="12"/>
    </row>
    <row r="103214" spans="8:8">
      <c r="H103214" s="12"/>
    </row>
    <row r="103215" spans="8:8">
      <c r="H103215" s="12"/>
    </row>
    <row r="103216" spans="8:8">
      <c r="H103216" s="12"/>
    </row>
    <row r="103217" spans="8:8">
      <c r="H103217" s="12"/>
    </row>
    <row r="103218" spans="8:8">
      <c r="H103218" s="12"/>
    </row>
    <row r="103219" spans="8:8">
      <c r="H103219" s="12"/>
    </row>
    <row r="103220" spans="8:8">
      <c r="H103220" s="12"/>
    </row>
    <row r="103221" spans="8:8">
      <c r="H103221" s="12"/>
    </row>
    <row r="103222" spans="8:8">
      <c r="H103222" s="12"/>
    </row>
    <row r="103223" spans="8:8">
      <c r="H103223" s="12"/>
    </row>
    <row r="103224" spans="8:8">
      <c r="H103224" s="12"/>
    </row>
    <row r="103225" spans="8:8">
      <c r="H103225" s="12"/>
    </row>
    <row r="103226" spans="8:8">
      <c r="H103226" s="12"/>
    </row>
    <row r="103227" spans="8:8">
      <c r="H103227" s="12"/>
    </row>
    <row r="103228" spans="8:8">
      <c r="H103228" s="12"/>
    </row>
    <row r="103229" spans="8:8">
      <c r="H103229" s="12"/>
    </row>
    <row r="103230" spans="8:8">
      <c r="H103230" s="12"/>
    </row>
    <row r="103231" spans="8:8">
      <c r="H103231" s="12"/>
    </row>
    <row r="103232" spans="8:8">
      <c r="H103232" s="12"/>
    </row>
    <row r="103233" spans="8:8">
      <c r="H103233" s="12"/>
    </row>
    <row r="103234" spans="8:8">
      <c r="H103234" s="12"/>
    </row>
    <row r="103235" spans="8:8">
      <c r="H103235" s="12"/>
    </row>
    <row r="103236" spans="8:8">
      <c r="H103236" s="12"/>
    </row>
    <row r="103237" spans="8:8">
      <c r="H103237" s="12"/>
    </row>
    <row r="103238" spans="8:8">
      <c r="H103238" s="12"/>
    </row>
    <row r="103239" spans="8:8">
      <c r="H103239" s="12"/>
    </row>
    <row r="103240" spans="8:8">
      <c r="H103240" s="12"/>
    </row>
    <row r="103241" spans="8:8">
      <c r="H103241" s="12"/>
    </row>
    <row r="103242" spans="8:8">
      <c r="H103242" s="12"/>
    </row>
    <row r="103243" spans="8:8">
      <c r="H103243" s="12"/>
    </row>
    <row r="103244" spans="8:8">
      <c r="H103244" s="12"/>
    </row>
    <row r="103245" spans="8:8">
      <c r="H103245" s="12"/>
    </row>
    <row r="103246" spans="8:8">
      <c r="H103246" s="12"/>
    </row>
    <row r="103247" spans="8:8">
      <c r="H103247" s="12"/>
    </row>
    <row r="103248" spans="8:8">
      <c r="H103248" s="12"/>
    </row>
    <row r="103249" spans="8:8">
      <c r="H103249" s="12"/>
    </row>
    <row r="103250" spans="8:8">
      <c r="H103250" s="12"/>
    </row>
    <row r="103251" spans="8:8">
      <c r="H103251" s="12"/>
    </row>
    <row r="103252" spans="8:8">
      <c r="H103252" s="12"/>
    </row>
    <row r="103253" spans="8:8">
      <c r="H103253" s="12"/>
    </row>
    <row r="103254" spans="8:8">
      <c r="H103254" s="12"/>
    </row>
    <row r="103255" spans="8:8">
      <c r="H103255" s="12"/>
    </row>
    <row r="103256" spans="8:8">
      <c r="H103256" s="12"/>
    </row>
    <row r="103257" spans="8:8">
      <c r="H103257" s="12"/>
    </row>
    <row r="103258" spans="8:8">
      <c r="H103258" s="12"/>
    </row>
    <row r="103259" spans="8:8">
      <c r="H103259" s="12"/>
    </row>
    <row r="103260" spans="8:8">
      <c r="H103260" s="12"/>
    </row>
    <row r="103261" spans="8:8">
      <c r="H103261" s="12"/>
    </row>
    <row r="103262" spans="8:8">
      <c r="H103262" s="12"/>
    </row>
    <row r="103263" spans="8:8">
      <c r="H103263" s="12"/>
    </row>
    <row r="103264" spans="8:8">
      <c r="H103264" s="12"/>
    </row>
    <row r="103265" spans="8:8">
      <c r="H103265" s="12"/>
    </row>
    <row r="103266" spans="8:8">
      <c r="H103266" s="12"/>
    </row>
    <row r="103267" spans="8:8">
      <c r="H103267" s="12"/>
    </row>
    <row r="103268" spans="8:8">
      <c r="H103268" s="12"/>
    </row>
    <row r="103269" spans="8:8">
      <c r="H103269" s="12"/>
    </row>
    <row r="103270" spans="8:8">
      <c r="H103270" s="12"/>
    </row>
    <row r="103271" spans="8:8">
      <c r="H103271" s="12"/>
    </row>
    <row r="103272" spans="8:8">
      <c r="H103272" s="12"/>
    </row>
    <row r="103273" spans="8:8">
      <c r="H103273" s="12"/>
    </row>
    <row r="103274" spans="8:8">
      <c r="H103274" s="12"/>
    </row>
    <row r="103275" spans="8:8">
      <c r="H103275" s="12"/>
    </row>
    <row r="103276" spans="8:8">
      <c r="H103276" s="12"/>
    </row>
    <row r="103277" spans="8:8">
      <c r="H103277" s="12"/>
    </row>
    <row r="103278" spans="8:8">
      <c r="H103278" s="12"/>
    </row>
    <row r="103279" spans="8:8">
      <c r="H103279" s="12"/>
    </row>
    <row r="103280" spans="8:8">
      <c r="H103280" s="12"/>
    </row>
    <row r="103281" spans="8:8">
      <c r="H103281" s="12"/>
    </row>
    <row r="103282" spans="8:8">
      <c r="H103282" s="12"/>
    </row>
    <row r="103283" spans="8:8">
      <c r="H103283" s="12"/>
    </row>
    <row r="103284" spans="8:8">
      <c r="H103284" s="12"/>
    </row>
    <row r="103285" spans="8:8">
      <c r="H103285" s="12"/>
    </row>
    <row r="103286" spans="8:8">
      <c r="H103286" s="12"/>
    </row>
    <row r="103287" spans="8:8">
      <c r="H103287" s="12"/>
    </row>
    <row r="103288" spans="8:8">
      <c r="H103288" s="12"/>
    </row>
    <row r="103289" spans="8:8">
      <c r="H103289" s="12"/>
    </row>
    <row r="103290" spans="8:8">
      <c r="H103290" s="12"/>
    </row>
    <row r="103291" spans="8:8">
      <c r="H103291" s="12"/>
    </row>
    <row r="103292" spans="8:8">
      <c r="H103292" s="12"/>
    </row>
    <row r="103293" spans="8:8">
      <c r="H103293" s="12"/>
    </row>
    <row r="103294" spans="8:8">
      <c r="H103294" s="12"/>
    </row>
    <row r="103295" spans="8:8">
      <c r="H103295" s="12"/>
    </row>
    <row r="103296" spans="8:8">
      <c r="H103296" s="12"/>
    </row>
    <row r="103297" spans="8:8">
      <c r="H103297" s="12"/>
    </row>
    <row r="103298" spans="8:8">
      <c r="H103298" s="12"/>
    </row>
    <row r="103299" spans="8:8">
      <c r="H103299" s="12"/>
    </row>
    <row r="103300" spans="8:8">
      <c r="H103300" s="12"/>
    </row>
    <row r="103301" spans="8:8">
      <c r="H103301" s="12"/>
    </row>
    <row r="103302" spans="8:8">
      <c r="H103302" s="12"/>
    </row>
    <row r="103303" spans="8:8">
      <c r="H103303" s="12"/>
    </row>
    <row r="103304" spans="8:8">
      <c r="H103304" s="12"/>
    </row>
    <row r="103305" spans="8:8">
      <c r="H103305" s="12"/>
    </row>
    <row r="103306" spans="8:8">
      <c r="H103306" s="12"/>
    </row>
    <row r="103307" spans="8:8">
      <c r="H103307" s="12"/>
    </row>
    <row r="103308" spans="8:8">
      <c r="H103308" s="12"/>
    </row>
    <row r="103309" spans="8:8">
      <c r="H103309" s="12"/>
    </row>
    <row r="103310" spans="8:8">
      <c r="H103310" s="12"/>
    </row>
    <row r="103311" spans="8:8">
      <c r="H103311" s="12"/>
    </row>
    <row r="103312" spans="8:8">
      <c r="H103312" s="12"/>
    </row>
    <row r="103313" spans="8:8">
      <c r="H103313" s="12"/>
    </row>
    <row r="103314" spans="8:8">
      <c r="H103314" s="12"/>
    </row>
    <row r="103315" spans="8:8">
      <c r="H103315" s="12"/>
    </row>
    <row r="103316" spans="8:8">
      <c r="H103316" s="12"/>
    </row>
    <row r="103317" spans="8:8">
      <c r="H103317" s="12"/>
    </row>
    <row r="103318" spans="8:8">
      <c r="H103318" s="12"/>
    </row>
    <row r="103319" spans="8:8">
      <c r="H103319" s="12"/>
    </row>
    <row r="103320" spans="8:8">
      <c r="H103320" s="12"/>
    </row>
    <row r="103321" spans="8:8">
      <c r="H103321" s="12"/>
    </row>
    <row r="103322" spans="8:8">
      <c r="H103322" s="12"/>
    </row>
    <row r="103323" spans="8:8">
      <c r="H103323" s="12"/>
    </row>
    <row r="103324" spans="8:8">
      <c r="H103324" s="12"/>
    </row>
    <row r="103325" spans="8:8">
      <c r="H103325" s="12"/>
    </row>
    <row r="103326" spans="8:8">
      <c r="H103326" s="12"/>
    </row>
    <row r="103327" spans="8:8">
      <c r="H103327" s="12"/>
    </row>
    <row r="103328" spans="8:8">
      <c r="H103328" s="12"/>
    </row>
    <row r="103329" spans="8:8">
      <c r="H103329" s="12"/>
    </row>
    <row r="103330" spans="8:8">
      <c r="H103330" s="12"/>
    </row>
    <row r="103331" spans="8:8">
      <c r="H103331" s="12"/>
    </row>
    <row r="103332" spans="8:8">
      <c r="H103332" s="12"/>
    </row>
    <row r="103333" spans="8:8">
      <c r="H103333" s="12"/>
    </row>
    <row r="103334" spans="8:8">
      <c r="H103334" s="12"/>
    </row>
    <row r="103335" spans="8:8">
      <c r="H103335" s="12"/>
    </row>
    <row r="103336" spans="8:8">
      <c r="H103336" s="12"/>
    </row>
    <row r="103337" spans="8:8">
      <c r="H103337" s="12"/>
    </row>
    <row r="103338" spans="8:8">
      <c r="H103338" s="12"/>
    </row>
    <row r="103339" spans="8:8">
      <c r="H103339" s="12"/>
    </row>
    <row r="103340" spans="8:8">
      <c r="H103340" s="12"/>
    </row>
    <row r="103341" spans="8:8">
      <c r="H103341" s="12"/>
    </row>
    <row r="103342" spans="8:8">
      <c r="H103342" s="12"/>
    </row>
    <row r="103343" spans="8:8">
      <c r="H103343" s="12"/>
    </row>
    <row r="103344" spans="8:8">
      <c r="H103344" s="12"/>
    </row>
    <row r="103345" spans="8:8">
      <c r="H103345" s="12"/>
    </row>
    <row r="103346" spans="8:8">
      <c r="H103346" s="12"/>
    </row>
    <row r="103347" spans="8:8">
      <c r="H103347" s="12"/>
    </row>
    <row r="103348" spans="8:8">
      <c r="H103348" s="12"/>
    </row>
    <row r="103349" spans="8:8">
      <c r="H103349" s="12"/>
    </row>
    <row r="103350" spans="8:8">
      <c r="H103350" s="12"/>
    </row>
    <row r="103351" spans="8:8">
      <c r="H103351" s="12"/>
    </row>
    <row r="103352" spans="8:8">
      <c r="H103352" s="12"/>
    </row>
    <row r="103353" spans="8:8">
      <c r="H103353" s="12"/>
    </row>
    <row r="103354" spans="8:8">
      <c r="H103354" s="12"/>
    </row>
    <row r="103355" spans="8:8">
      <c r="H103355" s="12"/>
    </row>
    <row r="103356" spans="8:8">
      <c r="H103356" s="12"/>
    </row>
    <row r="103357" spans="8:8">
      <c r="H103357" s="12"/>
    </row>
    <row r="103358" spans="8:8">
      <c r="H103358" s="12"/>
    </row>
    <row r="103359" spans="8:8">
      <c r="H103359" s="12"/>
    </row>
    <row r="103360" spans="8:8">
      <c r="H103360" s="12"/>
    </row>
    <row r="103361" spans="8:8">
      <c r="H103361" s="12"/>
    </row>
    <row r="103362" spans="8:8">
      <c r="H103362" s="12"/>
    </row>
    <row r="103363" spans="8:8">
      <c r="H103363" s="12"/>
    </row>
    <row r="103364" spans="8:8">
      <c r="H103364" s="12"/>
    </row>
    <row r="103365" spans="8:8">
      <c r="H103365" s="12"/>
    </row>
    <row r="103366" spans="8:8">
      <c r="H103366" s="12"/>
    </row>
    <row r="103367" spans="8:8">
      <c r="H103367" s="12"/>
    </row>
    <row r="103368" spans="8:8">
      <c r="H103368" s="12"/>
    </row>
    <row r="103369" spans="8:8">
      <c r="H103369" s="12"/>
    </row>
    <row r="103370" spans="8:8">
      <c r="H103370" s="12"/>
    </row>
    <row r="103371" spans="8:8">
      <c r="H103371" s="12"/>
    </row>
    <row r="103372" spans="8:8">
      <c r="H103372" s="12"/>
    </row>
    <row r="103373" spans="8:8">
      <c r="H103373" s="12"/>
    </row>
    <row r="103374" spans="8:8">
      <c r="H103374" s="12"/>
    </row>
    <row r="103375" spans="8:8">
      <c r="H103375" s="12"/>
    </row>
    <row r="103376" spans="8:8">
      <c r="H103376" s="12"/>
    </row>
    <row r="103377" spans="8:8">
      <c r="H103377" s="12"/>
    </row>
    <row r="103378" spans="8:8">
      <c r="H103378" s="12"/>
    </row>
    <row r="103379" spans="8:8">
      <c r="H103379" s="12"/>
    </row>
    <row r="103380" spans="8:8">
      <c r="H103380" s="12"/>
    </row>
    <row r="103381" spans="8:8">
      <c r="H103381" s="12"/>
    </row>
    <row r="103382" spans="8:8">
      <c r="H103382" s="12"/>
    </row>
    <row r="103383" spans="8:8">
      <c r="H103383" s="12"/>
    </row>
    <row r="103384" spans="8:8">
      <c r="H103384" s="12"/>
    </row>
    <row r="103385" spans="8:8">
      <c r="H103385" s="12"/>
    </row>
    <row r="103386" spans="8:8">
      <c r="H103386" s="12"/>
    </row>
    <row r="103387" spans="8:8">
      <c r="H103387" s="12"/>
    </row>
    <row r="103388" spans="8:8">
      <c r="H103388" s="12"/>
    </row>
    <row r="103389" spans="8:8">
      <c r="H103389" s="12"/>
    </row>
    <row r="103390" spans="8:8">
      <c r="H103390" s="12"/>
    </row>
    <row r="103391" spans="8:8">
      <c r="H103391" s="12"/>
    </row>
    <row r="103392" spans="8:8">
      <c r="H103392" s="12"/>
    </row>
    <row r="103393" spans="8:8">
      <c r="H103393" s="12"/>
    </row>
    <row r="103394" spans="8:8">
      <c r="H103394" s="12"/>
    </row>
    <row r="103395" spans="8:8">
      <c r="H103395" s="12"/>
    </row>
    <row r="103396" spans="8:8">
      <c r="H103396" s="12"/>
    </row>
    <row r="103397" spans="8:8">
      <c r="H103397" s="12"/>
    </row>
    <row r="103398" spans="8:8">
      <c r="H103398" s="12"/>
    </row>
    <row r="103399" spans="8:8">
      <c r="H103399" s="12"/>
    </row>
    <row r="103400" spans="8:8">
      <c r="H103400" s="12"/>
    </row>
    <row r="103401" spans="8:8">
      <c r="H103401" s="12"/>
    </row>
    <row r="103402" spans="8:8">
      <c r="H103402" s="12"/>
    </row>
    <row r="103403" spans="8:8">
      <c r="H103403" s="12"/>
    </row>
    <row r="103404" spans="8:8">
      <c r="H103404" s="12"/>
    </row>
    <row r="103405" spans="8:8">
      <c r="H103405" s="12"/>
    </row>
    <row r="103406" spans="8:8">
      <c r="H103406" s="12"/>
    </row>
    <row r="103407" spans="8:8">
      <c r="H103407" s="12"/>
    </row>
    <row r="103408" spans="8:8">
      <c r="H103408" s="12"/>
    </row>
    <row r="103409" spans="8:8">
      <c r="H103409" s="12"/>
    </row>
    <row r="103410" spans="8:8">
      <c r="H103410" s="12"/>
    </row>
    <row r="103411" spans="8:8">
      <c r="H103411" s="12"/>
    </row>
    <row r="103412" spans="8:8">
      <c r="H103412" s="12"/>
    </row>
    <row r="103413" spans="8:8">
      <c r="H103413" s="12"/>
    </row>
    <row r="103414" spans="8:8">
      <c r="H103414" s="12"/>
    </row>
    <row r="103415" spans="8:8">
      <c r="H103415" s="12"/>
    </row>
    <row r="103416" spans="8:8">
      <c r="H103416" s="12"/>
    </row>
    <row r="103417" spans="8:8">
      <c r="H103417" s="12"/>
    </row>
    <row r="103418" spans="8:8">
      <c r="H103418" s="12"/>
    </row>
    <row r="103419" spans="8:8">
      <c r="H103419" s="12"/>
    </row>
    <row r="103420" spans="8:8">
      <c r="H103420" s="12"/>
    </row>
    <row r="103421" spans="8:8">
      <c r="H103421" s="12"/>
    </row>
    <row r="103422" spans="8:8">
      <c r="H103422" s="12"/>
    </row>
    <row r="103423" spans="8:8">
      <c r="H103423" s="12"/>
    </row>
    <row r="103424" spans="8:8">
      <c r="H103424" s="12"/>
    </row>
    <row r="103425" spans="8:8">
      <c r="H103425" s="12"/>
    </row>
    <row r="103426" spans="8:8">
      <c r="H103426" s="12"/>
    </row>
    <row r="103427" spans="8:8">
      <c r="H103427" s="12"/>
    </row>
    <row r="103428" spans="8:8">
      <c r="H103428" s="12"/>
    </row>
    <row r="103429" spans="8:8">
      <c r="H103429" s="12"/>
    </row>
    <row r="103430" spans="8:8">
      <c r="H103430" s="12"/>
    </row>
    <row r="103431" spans="8:8">
      <c r="H103431" s="12"/>
    </row>
    <row r="103432" spans="8:8">
      <c r="H103432" s="12"/>
    </row>
    <row r="103433" spans="8:8">
      <c r="H103433" s="12"/>
    </row>
    <row r="103434" spans="8:8">
      <c r="H103434" s="12"/>
    </row>
    <row r="103435" spans="8:8">
      <c r="H103435" s="12"/>
    </row>
    <row r="103436" spans="8:8">
      <c r="H103436" s="12"/>
    </row>
    <row r="103437" spans="8:8">
      <c r="H103437" s="12"/>
    </row>
    <row r="103438" spans="8:8">
      <c r="H103438" s="12"/>
    </row>
    <row r="103439" spans="8:8">
      <c r="H103439" s="12"/>
    </row>
    <row r="103440" spans="8:8">
      <c r="H103440" s="12"/>
    </row>
    <row r="103441" spans="8:8">
      <c r="H103441" s="12"/>
    </row>
    <row r="103442" spans="8:8">
      <c r="H103442" s="12"/>
    </row>
    <row r="103443" spans="8:8">
      <c r="H103443" s="12"/>
    </row>
    <row r="103444" spans="8:8">
      <c r="H103444" s="12"/>
    </row>
    <row r="103445" spans="8:8">
      <c r="H103445" s="12"/>
    </row>
    <row r="103446" spans="8:8">
      <c r="H103446" s="12"/>
    </row>
    <row r="103447" spans="8:8">
      <c r="H103447" s="12"/>
    </row>
    <row r="103448" spans="8:8">
      <c r="H103448" s="12"/>
    </row>
    <row r="103449" spans="8:8">
      <c r="H103449" s="12"/>
    </row>
    <row r="103450" spans="8:8">
      <c r="H103450" s="12"/>
    </row>
    <row r="103451" spans="8:8">
      <c r="H103451" s="12"/>
    </row>
    <row r="103452" spans="8:8">
      <c r="H103452" s="12"/>
    </row>
    <row r="103453" spans="8:8">
      <c r="H103453" s="12"/>
    </row>
    <row r="103454" spans="8:8">
      <c r="H103454" s="12"/>
    </row>
    <row r="103455" spans="8:8">
      <c r="H103455" s="12"/>
    </row>
    <row r="103456" spans="8:8">
      <c r="H103456" s="12"/>
    </row>
    <row r="103457" spans="8:8">
      <c r="H103457" s="12"/>
    </row>
    <row r="103458" spans="8:8">
      <c r="H103458" s="12"/>
    </row>
    <row r="103459" spans="8:8">
      <c r="H103459" s="12"/>
    </row>
    <row r="103460" spans="8:8">
      <c r="H103460" s="12"/>
    </row>
    <row r="103461" spans="8:8">
      <c r="H103461" s="12"/>
    </row>
    <row r="103462" spans="8:8">
      <c r="H103462" s="12"/>
    </row>
    <row r="103463" spans="8:8">
      <c r="H103463" s="12"/>
    </row>
    <row r="103464" spans="8:8">
      <c r="H103464" s="12"/>
    </row>
    <row r="103465" spans="8:8">
      <c r="H103465" s="12"/>
    </row>
    <row r="103466" spans="8:8">
      <c r="H103466" s="12"/>
    </row>
    <row r="103467" spans="8:8">
      <c r="H103467" s="12"/>
    </row>
    <row r="103468" spans="8:8">
      <c r="H103468" s="12"/>
    </row>
    <row r="103469" spans="8:8">
      <c r="H103469" s="12"/>
    </row>
    <row r="103470" spans="8:8">
      <c r="H103470" s="12"/>
    </row>
    <row r="103471" spans="8:8">
      <c r="H103471" s="12"/>
    </row>
    <row r="103472" spans="8:8">
      <c r="H103472" s="12"/>
    </row>
    <row r="103473" spans="8:8">
      <c r="H103473" s="12"/>
    </row>
    <row r="103474" spans="8:8">
      <c r="H103474" s="12"/>
    </row>
    <row r="103475" spans="8:8">
      <c r="H103475" s="12"/>
    </row>
    <row r="103476" spans="8:8">
      <c r="H103476" s="12"/>
    </row>
    <row r="103477" spans="8:8">
      <c r="H103477" s="12"/>
    </row>
    <row r="103478" spans="8:8">
      <c r="H103478" s="12"/>
    </row>
    <row r="103479" spans="8:8">
      <c r="H103479" s="12"/>
    </row>
    <row r="103480" spans="8:8">
      <c r="H103480" s="12"/>
    </row>
    <row r="103481" spans="8:8">
      <c r="H103481" s="12"/>
    </row>
    <row r="103482" spans="8:8">
      <c r="H103482" s="12"/>
    </row>
    <row r="103483" spans="8:8">
      <c r="H103483" s="12"/>
    </row>
    <row r="103484" spans="8:8">
      <c r="H103484" s="12"/>
    </row>
    <row r="103485" spans="8:8">
      <c r="H103485" s="12"/>
    </row>
    <row r="103486" spans="8:8">
      <c r="H103486" s="12"/>
    </row>
    <row r="103487" spans="8:8">
      <c r="H103487" s="12"/>
    </row>
    <row r="103488" spans="8:8">
      <c r="H103488" s="12"/>
    </row>
    <row r="103489" spans="8:8">
      <c r="H103489" s="12"/>
    </row>
    <row r="103490" spans="8:8">
      <c r="H103490" s="12"/>
    </row>
    <row r="103491" spans="8:8">
      <c r="H103491" s="12"/>
    </row>
    <row r="103492" spans="8:8">
      <c r="H103492" s="12"/>
    </row>
    <row r="103493" spans="8:8">
      <c r="H103493" s="12"/>
    </row>
    <row r="103494" spans="8:8">
      <c r="H103494" s="12"/>
    </row>
    <row r="103495" spans="8:8">
      <c r="H103495" s="12"/>
    </row>
    <row r="103496" spans="8:8">
      <c r="H103496" s="12"/>
    </row>
    <row r="103497" spans="8:8">
      <c r="H103497" s="12"/>
    </row>
    <row r="103498" spans="8:8">
      <c r="H103498" s="12"/>
    </row>
    <row r="103499" spans="8:8">
      <c r="H103499" s="12"/>
    </row>
    <row r="103500" spans="8:8">
      <c r="H103500" s="12"/>
    </row>
    <row r="103501" spans="8:8">
      <c r="H103501" s="12"/>
    </row>
    <row r="103502" spans="8:8">
      <c r="H103502" s="12"/>
    </row>
    <row r="103503" spans="8:8">
      <c r="H103503" s="12"/>
    </row>
    <row r="103504" spans="8:8">
      <c r="H103504" s="12"/>
    </row>
    <row r="103505" spans="8:8">
      <c r="H103505" s="12"/>
    </row>
    <row r="103506" spans="8:8">
      <c r="H103506" s="12"/>
    </row>
    <row r="103507" spans="8:8">
      <c r="H103507" s="12"/>
    </row>
    <row r="103508" spans="8:8">
      <c r="H103508" s="12"/>
    </row>
    <row r="103509" spans="8:8">
      <c r="H103509" s="12"/>
    </row>
    <row r="103510" spans="8:8">
      <c r="H103510" s="12"/>
    </row>
    <row r="103511" spans="8:8">
      <c r="H103511" s="12"/>
    </row>
    <row r="103512" spans="8:8">
      <c r="H103512" s="12"/>
    </row>
    <row r="103513" spans="8:8">
      <c r="H103513" s="12"/>
    </row>
    <row r="103514" spans="8:8">
      <c r="H103514" s="12"/>
    </row>
    <row r="103515" spans="8:8">
      <c r="H103515" s="12"/>
    </row>
    <row r="103516" spans="8:8">
      <c r="H103516" s="12"/>
    </row>
    <row r="103517" spans="8:8">
      <c r="H103517" s="12"/>
    </row>
    <row r="103518" spans="8:8">
      <c r="H103518" s="12"/>
    </row>
    <row r="103519" spans="8:8">
      <c r="H103519" s="12"/>
    </row>
    <row r="103520" spans="8:8">
      <c r="H103520" s="12"/>
    </row>
    <row r="103521" spans="8:8">
      <c r="H103521" s="12"/>
    </row>
    <row r="103522" spans="8:8">
      <c r="H103522" s="12"/>
    </row>
    <row r="103523" spans="8:8">
      <c r="H103523" s="12"/>
    </row>
    <row r="103524" spans="8:8">
      <c r="H103524" s="12"/>
    </row>
    <row r="103525" spans="8:8">
      <c r="H103525" s="12"/>
    </row>
    <row r="103526" spans="8:8">
      <c r="H103526" s="12"/>
    </row>
    <row r="103527" spans="8:8">
      <c r="H103527" s="12"/>
    </row>
    <row r="103528" spans="8:8">
      <c r="H103528" s="12"/>
    </row>
    <row r="103529" spans="8:8">
      <c r="H103529" s="12"/>
    </row>
    <row r="103530" spans="8:8">
      <c r="H103530" s="12"/>
    </row>
    <row r="103531" spans="8:8">
      <c r="H103531" s="12"/>
    </row>
    <row r="103532" spans="8:8">
      <c r="H103532" s="12"/>
    </row>
    <row r="103533" spans="8:8">
      <c r="H103533" s="12"/>
    </row>
    <row r="103534" spans="8:8">
      <c r="H103534" s="12"/>
    </row>
    <row r="103535" spans="8:8">
      <c r="H103535" s="12"/>
    </row>
    <row r="103536" spans="8:8">
      <c r="H103536" s="12"/>
    </row>
    <row r="103537" spans="8:8">
      <c r="H103537" s="12"/>
    </row>
    <row r="103538" spans="8:8">
      <c r="H103538" s="12"/>
    </row>
    <row r="103539" spans="8:8">
      <c r="H103539" s="12"/>
    </row>
    <row r="103540" spans="8:8">
      <c r="H103540" s="12"/>
    </row>
    <row r="103541" spans="8:8">
      <c r="H103541" s="12"/>
    </row>
    <row r="103542" spans="8:8">
      <c r="H103542" s="12"/>
    </row>
    <row r="103543" spans="8:8">
      <c r="H103543" s="12"/>
    </row>
    <row r="103544" spans="8:8">
      <c r="H103544" s="12"/>
    </row>
    <row r="103545" spans="8:8">
      <c r="H103545" s="12"/>
    </row>
    <row r="103546" spans="8:8">
      <c r="H103546" s="12"/>
    </row>
    <row r="103547" spans="8:8">
      <c r="H103547" s="12"/>
    </row>
    <row r="103548" spans="8:8">
      <c r="H103548" s="12"/>
    </row>
    <row r="103549" spans="8:8">
      <c r="H103549" s="12"/>
    </row>
    <row r="103550" spans="8:8">
      <c r="H103550" s="12"/>
    </row>
    <row r="103551" spans="8:8">
      <c r="H103551" s="12"/>
    </row>
    <row r="103552" spans="8:8">
      <c r="H103552" s="12"/>
    </row>
    <row r="103553" spans="8:8">
      <c r="H103553" s="12"/>
    </row>
    <row r="103554" spans="8:8">
      <c r="H103554" s="12"/>
    </row>
    <row r="103555" spans="8:8">
      <c r="H103555" s="12"/>
    </row>
    <row r="103556" spans="8:8">
      <c r="H103556" s="12"/>
    </row>
    <row r="103557" spans="8:8">
      <c r="H103557" s="12"/>
    </row>
    <row r="103558" spans="8:8">
      <c r="H103558" s="12"/>
    </row>
    <row r="103559" spans="8:8">
      <c r="H103559" s="12"/>
    </row>
    <row r="103560" spans="8:8">
      <c r="H103560" s="12"/>
    </row>
    <row r="103561" spans="8:8">
      <c r="H103561" s="12"/>
    </row>
    <row r="103562" spans="8:8">
      <c r="H103562" s="12"/>
    </row>
    <row r="103563" spans="8:8">
      <c r="H103563" s="12"/>
    </row>
    <row r="103564" spans="8:8">
      <c r="H103564" s="12"/>
    </row>
    <row r="103565" spans="8:8">
      <c r="H103565" s="12"/>
    </row>
    <row r="103566" spans="8:8">
      <c r="H103566" s="12"/>
    </row>
    <row r="103567" spans="8:8">
      <c r="H103567" s="12"/>
    </row>
    <row r="103568" spans="8:8">
      <c r="H103568" s="12"/>
    </row>
    <row r="103569" spans="8:8">
      <c r="H103569" s="12"/>
    </row>
    <row r="103570" spans="8:8">
      <c r="H103570" s="12"/>
    </row>
    <row r="103571" spans="8:8">
      <c r="H103571" s="12"/>
    </row>
    <row r="103572" spans="8:8">
      <c r="H103572" s="12"/>
    </row>
    <row r="103573" spans="8:8">
      <c r="H103573" s="12"/>
    </row>
    <row r="103574" spans="8:8">
      <c r="H103574" s="12"/>
    </row>
    <row r="103575" spans="8:8">
      <c r="H103575" s="12"/>
    </row>
    <row r="103576" spans="8:8">
      <c r="H103576" s="12"/>
    </row>
    <row r="103577" spans="8:8">
      <c r="H103577" s="12"/>
    </row>
    <row r="103578" spans="8:8">
      <c r="H103578" s="12"/>
    </row>
    <row r="103579" spans="8:8">
      <c r="H103579" s="12"/>
    </row>
    <row r="103580" spans="8:8">
      <c r="H103580" s="12"/>
    </row>
    <row r="103581" spans="8:8">
      <c r="H103581" s="12"/>
    </row>
    <row r="103582" spans="8:8">
      <c r="H103582" s="12"/>
    </row>
    <row r="103583" spans="8:8">
      <c r="H103583" s="12"/>
    </row>
    <row r="103584" spans="8:8">
      <c r="H103584" s="12"/>
    </row>
    <row r="103585" spans="8:8">
      <c r="H103585" s="12"/>
    </row>
    <row r="103586" spans="8:8">
      <c r="H103586" s="12"/>
    </row>
    <row r="103587" spans="8:8">
      <c r="H103587" s="12"/>
    </row>
    <row r="103588" spans="8:8">
      <c r="H103588" s="12"/>
    </row>
    <row r="103589" spans="8:8">
      <c r="H103589" s="12"/>
    </row>
    <row r="103590" spans="8:8">
      <c r="H103590" s="12"/>
    </row>
    <row r="103591" spans="8:8">
      <c r="H103591" s="12"/>
    </row>
    <row r="103592" spans="8:8">
      <c r="H103592" s="12"/>
    </row>
    <row r="103593" spans="8:8">
      <c r="H103593" s="12"/>
    </row>
    <row r="103594" spans="8:8">
      <c r="H103594" s="12"/>
    </row>
    <row r="103595" spans="8:8">
      <c r="H103595" s="12"/>
    </row>
    <row r="103596" spans="8:8">
      <c r="H103596" s="12"/>
    </row>
    <row r="103597" spans="8:8">
      <c r="H103597" s="12"/>
    </row>
    <row r="103598" spans="8:8">
      <c r="H103598" s="12"/>
    </row>
    <row r="103599" spans="8:8">
      <c r="H103599" s="12"/>
    </row>
    <row r="103600" spans="8:8">
      <c r="H103600" s="12"/>
    </row>
    <row r="103601" spans="8:8">
      <c r="H103601" s="12"/>
    </row>
    <row r="103602" spans="8:8">
      <c r="H103602" s="12"/>
    </row>
    <row r="103603" spans="8:8">
      <c r="H103603" s="12"/>
    </row>
    <row r="103604" spans="8:8">
      <c r="H103604" s="12"/>
    </row>
    <row r="103605" spans="8:8">
      <c r="H103605" s="12"/>
    </row>
    <row r="103606" spans="8:8">
      <c r="H103606" s="12"/>
    </row>
    <row r="103607" spans="8:8">
      <c r="H103607" s="12"/>
    </row>
    <row r="103608" spans="8:8">
      <c r="H103608" s="12"/>
    </row>
    <row r="103609" spans="8:8">
      <c r="H103609" s="12"/>
    </row>
    <row r="103610" spans="8:8">
      <c r="H103610" s="12"/>
    </row>
    <row r="103611" spans="8:8">
      <c r="H103611" s="12"/>
    </row>
    <row r="103612" spans="8:8">
      <c r="H103612" s="12"/>
    </row>
    <row r="103613" spans="8:8">
      <c r="H103613" s="12"/>
    </row>
    <row r="103614" spans="8:8">
      <c r="H103614" s="12"/>
    </row>
    <row r="103615" spans="8:8">
      <c r="H103615" s="12"/>
    </row>
    <row r="103616" spans="8:8">
      <c r="H103616" s="12"/>
    </row>
    <row r="103617" spans="8:8">
      <c r="H103617" s="12"/>
    </row>
    <row r="103618" spans="8:8">
      <c r="H103618" s="12"/>
    </row>
    <row r="103619" spans="8:8">
      <c r="H103619" s="12"/>
    </row>
    <row r="103620" spans="8:8">
      <c r="H103620" s="12"/>
    </row>
    <row r="103621" spans="8:8">
      <c r="H103621" s="12"/>
    </row>
    <row r="103622" spans="8:8">
      <c r="H103622" s="12"/>
    </row>
    <row r="103623" spans="8:8">
      <c r="H103623" s="12"/>
    </row>
    <row r="103624" spans="8:8">
      <c r="H103624" s="12"/>
    </row>
    <row r="103625" spans="8:8">
      <c r="H103625" s="12"/>
    </row>
    <row r="103626" spans="8:8">
      <c r="H103626" s="12"/>
    </row>
    <row r="103627" spans="8:8">
      <c r="H103627" s="12"/>
    </row>
    <row r="103628" spans="8:8">
      <c r="H103628" s="12"/>
    </row>
    <row r="103629" spans="8:8">
      <c r="H103629" s="12"/>
    </row>
    <row r="103630" spans="8:8">
      <c r="H103630" s="12"/>
    </row>
    <row r="103631" spans="8:8">
      <c r="H103631" s="12"/>
    </row>
    <row r="103632" spans="8:8">
      <c r="H103632" s="12"/>
    </row>
    <row r="103633" spans="8:8">
      <c r="H103633" s="12"/>
    </row>
    <row r="103634" spans="8:8">
      <c r="H103634" s="12"/>
    </row>
    <row r="103635" spans="8:8">
      <c r="H103635" s="12"/>
    </row>
    <row r="103636" spans="8:8">
      <c r="H103636" s="12"/>
    </row>
    <row r="103637" spans="8:8">
      <c r="H103637" s="12"/>
    </row>
    <row r="103638" spans="8:8">
      <c r="H103638" s="12"/>
    </row>
    <row r="103639" spans="8:8">
      <c r="H103639" s="12"/>
    </row>
    <row r="103640" spans="8:8">
      <c r="H103640" s="12"/>
    </row>
    <row r="103641" spans="8:8">
      <c r="H103641" s="12"/>
    </row>
    <row r="103642" spans="8:8">
      <c r="H103642" s="12"/>
    </row>
    <row r="103643" spans="8:8">
      <c r="H103643" s="12"/>
    </row>
    <row r="103644" spans="8:8">
      <c r="H103644" s="12"/>
    </row>
    <row r="103645" spans="8:8">
      <c r="H103645" s="12"/>
    </row>
    <row r="103646" spans="8:8">
      <c r="H103646" s="12"/>
    </row>
    <row r="103647" spans="8:8">
      <c r="H103647" s="12"/>
    </row>
    <row r="103648" spans="8:8">
      <c r="H103648" s="12"/>
    </row>
    <row r="103649" spans="8:8">
      <c r="H103649" s="12"/>
    </row>
    <row r="103650" spans="8:8">
      <c r="H103650" s="12"/>
    </row>
    <row r="103651" spans="8:8">
      <c r="H103651" s="12"/>
    </row>
    <row r="103652" spans="8:8">
      <c r="H103652" s="12"/>
    </row>
    <row r="103653" spans="8:8">
      <c r="H103653" s="12"/>
    </row>
    <row r="103654" spans="8:8">
      <c r="H103654" s="12"/>
    </row>
    <row r="103655" spans="8:8">
      <c r="H103655" s="12"/>
    </row>
    <row r="103656" spans="8:8">
      <c r="H103656" s="12"/>
    </row>
    <row r="103657" spans="8:8">
      <c r="H103657" s="12"/>
    </row>
    <row r="103658" spans="8:8">
      <c r="H103658" s="12"/>
    </row>
    <row r="103659" spans="8:8">
      <c r="H103659" s="12"/>
    </row>
    <row r="103660" spans="8:8">
      <c r="H103660" s="12"/>
    </row>
    <row r="103661" spans="8:8">
      <c r="H103661" s="12"/>
    </row>
    <row r="103662" spans="8:8">
      <c r="H103662" s="12"/>
    </row>
    <row r="103663" spans="8:8">
      <c r="H103663" s="12"/>
    </row>
    <row r="103664" spans="8:8">
      <c r="H103664" s="12"/>
    </row>
    <row r="103665" spans="8:8">
      <c r="H103665" s="12"/>
    </row>
    <row r="103666" spans="8:8">
      <c r="H103666" s="12"/>
    </row>
    <row r="103667" spans="8:8">
      <c r="H103667" s="12"/>
    </row>
    <row r="103668" spans="8:8">
      <c r="H103668" s="12"/>
    </row>
    <row r="103669" spans="8:8">
      <c r="H103669" s="12"/>
    </row>
    <row r="103670" spans="8:8">
      <c r="H103670" s="12"/>
    </row>
    <row r="103671" spans="8:8">
      <c r="H103671" s="12"/>
    </row>
    <row r="103672" spans="8:8">
      <c r="H103672" s="12"/>
    </row>
    <row r="103673" spans="8:8">
      <c r="H103673" s="12"/>
    </row>
    <row r="103674" spans="8:8">
      <c r="H103674" s="12"/>
    </row>
    <row r="103675" spans="8:8">
      <c r="H103675" s="12"/>
    </row>
    <row r="103676" spans="8:8">
      <c r="H103676" s="12"/>
    </row>
    <row r="103677" spans="8:8">
      <c r="H103677" s="12"/>
    </row>
    <row r="103678" spans="8:8">
      <c r="H103678" s="12"/>
    </row>
    <row r="103679" spans="8:8">
      <c r="H103679" s="12"/>
    </row>
    <row r="103680" spans="8:8">
      <c r="H103680" s="12"/>
    </row>
    <row r="103681" spans="8:8">
      <c r="H103681" s="12"/>
    </row>
    <row r="103682" spans="8:8">
      <c r="H103682" s="12"/>
    </row>
    <row r="103683" spans="8:8">
      <c r="H103683" s="12"/>
    </row>
    <row r="103684" spans="8:8">
      <c r="H103684" s="12"/>
    </row>
    <row r="103685" spans="8:8">
      <c r="H103685" s="12"/>
    </row>
    <row r="103686" spans="8:8">
      <c r="H103686" s="12"/>
    </row>
    <row r="103687" spans="8:8">
      <c r="H103687" s="12"/>
    </row>
    <row r="103688" spans="8:8">
      <c r="H103688" s="12"/>
    </row>
    <row r="103689" spans="8:8">
      <c r="H103689" s="12"/>
    </row>
    <row r="103690" spans="8:8">
      <c r="H103690" s="12"/>
    </row>
    <row r="103691" spans="8:8">
      <c r="H103691" s="12"/>
    </row>
    <row r="103692" spans="8:8">
      <c r="H103692" s="12"/>
    </row>
    <row r="103693" spans="8:8">
      <c r="H103693" s="12"/>
    </row>
    <row r="103694" spans="8:8">
      <c r="H103694" s="12"/>
    </row>
    <row r="103695" spans="8:8">
      <c r="H103695" s="12"/>
    </row>
    <row r="103696" spans="8:8">
      <c r="H103696" s="12"/>
    </row>
    <row r="103697" spans="8:8">
      <c r="H103697" s="12"/>
    </row>
    <row r="103698" spans="8:8">
      <c r="H103698" s="12"/>
    </row>
    <row r="103699" spans="8:8">
      <c r="H103699" s="12"/>
    </row>
    <row r="103700" spans="8:8">
      <c r="H103700" s="12"/>
    </row>
    <row r="103701" spans="8:8">
      <c r="H103701" s="12"/>
    </row>
    <row r="103702" spans="8:8">
      <c r="H103702" s="12"/>
    </row>
    <row r="103703" spans="8:8">
      <c r="H103703" s="12"/>
    </row>
    <row r="103704" spans="8:8">
      <c r="H103704" s="12"/>
    </row>
    <row r="103705" spans="8:8">
      <c r="H103705" s="12"/>
    </row>
    <row r="103706" spans="8:8">
      <c r="H103706" s="12"/>
    </row>
    <row r="103707" spans="8:8">
      <c r="H103707" s="12"/>
    </row>
    <row r="103708" spans="8:8">
      <c r="H103708" s="12"/>
    </row>
    <row r="103709" spans="8:8">
      <c r="H103709" s="12"/>
    </row>
    <row r="103710" spans="8:8">
      <c r="H103710" s="12"/>
    </row>
    <row r="103711" spans="8:8">
      <c r="H103711" s="12"/>
    </row>
    <row r="103712" spans="8:8">
      <c r="H103712" s="12"/>
    </row>
    <row r="103713" spans="8:8">
      <c r="H103713" s="12"/>
    </row>
    <row r="103714" spans="8:8">
      <c r="H103714" s="12"/>
    </row>
    <row r="103715" spans="8:8">
      <c r="H103715" s="12"/>
    </row>
    <row r="103716" spans="8:8">
      <c r="H103716" s="12"/>
    </row>
    <row r="103717" spans="8:8">
      <c r="H103717" s="12"/>
    </row>
    <row r="103718" spans="8:8">
      <c r="H103718" s="12"/>
    </row>
    <row r="103719" spans="8:8">
      <c r="H103719" s="12"/>
    </row>
    <row r="103720" spans="8:8">
      <c r="H103720" s="12"/>
    </row>
    <row r="103721" spans="8:8">
      <c r="H103721" s="12"/>
    </row>
    <row r="103722" spans="8:8">
      <c r="H103722" s="12"/>
    </row>
    <row r="103723" spans="8:8">
      <c r="H103723" s="12"/>
    </row>
    <row r="103724" spans="8:8">
      <c r="H103724" s="12"/>
    </row>
    <row r="103725" spans="8:8">
      <c r="H103725" s="12"/>
    </row>
    <row r="103726" spans="8:8">
      <c r="H103726" s="12"/>
    </row>
    <row r="103727" spans="8:8">
      <c r="H103727" s="12"/>
    </row>
    <row r="103728" spans="8:8">
      <c r="H103728" s="12"/>
    </row>
    <row r="103729" spans="8:8">
      <c r="H103729" s="12"/>
    </row>
    <row r="103730" spans="8:8">
      <c r="H103730" s="12"/>
    </row>
    <row r="103731" spans="8:8">
      <c r="H103731" s="12"/>
    </row>
    <row r="103732" spans="8:8">
      <c r="H103732" s="12"/>
    </row>
    <row r="103733" spans="8:8">
      <c r="H103733" s="12"/>
    </row>
    <row r="103734" spans="8:8">
      <c r="H103734" s="12"/>
    </row>
    <row r="103735" spans="8:8">
      <c r="H103735" s="12"/>
    </row>
    <row r="103736" spans="8:8">
      <c r="H103736" s="12"/>
    </row>
    <row r="103737" spans="8:8">
      <c r="H103737" s="12"/>
    </row>
    <row r="103738" spans="8:8">
      <c r="H103738" s="12"/>
    </row>
    <row r="103739" spans="8:8">
      <c r="H103739" s="12"/>
    </row>
    <row r="103740" spans="8:8">
      <c r="H103740" s="12"/>
    </row>
    <row r="103741" spans="8:8">
      <c r="H103741" s="12"/>
    </row>
    <row r="103742" spans="8:8">
      <c r="H103742" s="12"/>
    </row>
    <row r="103743" spans="8:8">
      <c r="H103743" s="12"/>
    </row>
    <row r="103744" spans="8:8">
      <c r="H103744" s="12"/>
    </row>
    <row r="103745" spans="8:8">
      <c r="H103745" s="12"/>
    </row>
    <row r="103746" spans="8:8">
      <c r="H103746" s="12"/>
    </row>
    <row r="103747" spans="8:8">
      <c r="H103747" s="12"/>
    </row>
    <row r="103748" spans="8:8">
      <c r="H103748" s="12"/>
    </row>
    <row r="103749" spans="8:8">
      <c r="H103749" s="12"/>
    </row>
    <row r="103750" spans="8:8">
      <c r="H103750" s="12"/>
    </row>
    <row r="103751" spans="8:8">
      <c r="H103751" s="12"/>
    </row>
    <row r="103752" spans="8:8">
      <c r="H103752" s="12"/>
    </row>
    <row r="103753" spans="8:8">
      <c r="H103753" s="12"/>
    </row>
    <row r="103754" spans="8:8">
      <c r="H103754" s="12"/>
    </row>
    <row r="103755" spans="8:8">
      <c r="H103755" s="12"/>
    </row>
    <row r="103756" spans="8:8">
      <c r="H103756" s="12"/>
    </row>
    <row r="103757" spans="8:8">
      <c r="H103757" s="12"/>
    </row>
    <row r="103758" spans="8:8">
      <c r="H103758" s="12"/>
    </row>
    <row r="103759" spans="8:8">
      <c r="H103759" s="12"/>
    </row>
    <row r="103760" spans="8:8">
      <c r="H103760" s="12"/>
    </row>
    <row r="103761" spans="8:8">
      <c r="H103761" s="12"/>
    </row>
    <row r="103762" spans="8:8">
      <c r="H103762" s="12"/>
    </row>
    <row r="103763" spans="8:8">
      <c r="H103763" s="12"/>
    </row>
    <row r="103764" spans="8:8">
      <c r="H103764" s="12"/>
    </row>
    <row r="103765" spans="8:8">
      <c r="H103765" s="12"/>
    </row>
    <row r="103766" spans="8:8">
      <c r="H103766" s="12"/>
    </row>
    <row r="103767" spans="8:8">
      <c r="H103767" s="12"/>
    </row>
    <row r="103768" spans="8:8">
      <c r="H103768" s="12"/>
    </row>
    <row r="103769" spans="8:8">
      <c r="H103769" s="12"/>
    </row>
    <row r="103770" spans="8:8">
      <c r="H103770" s="12"/>
    </row>
    <row r="103771" spans="8:8">
      <c r="H103771" s="12"/>
    </row>
    <row r="103772" spans="8:8">
      <c r="H103772" s="12"/>
    </row>
    <row r="103773" spans="8:8">
      <c r="H103773" s="12"/>
    </row>
    <row r="103774" spans="8:8">
      <c r="H103774" s="12"/>
    </row>
    <row r="103775" spans="8:8">
      <c r="H103775" s="12"/>
    </row>
    <row r="103776" spans="8:8">
      <c r="H103776" s="12"/>
    </row>
    <row r="103777" spans="8:8">
      <c r="H103777" s="12"/>
    </row>
    <row r="103778" spans="8:8">
      <c r="H103778" s="12"/>
    </row>
    <row r="103779" spans="8:8">
      <c r="H103779" s="12"/>
    </row>
    <row r="103780" spans="8:8">
      <c r="H103780" s="12"/>
    </row>
    <row r="103781" spans="8:8">
      <c r="H103781" s="12"/>
    </row>
    <row r="103782" spans="8:8">
      <c r="H103782" s="12"/>
    </row>
    <row r="103783" spans="8:8">
      <c r="H103783" s="12"/>
    </row>
    <row r="103784" spans="8:8">
      <c r="H103784" s="12"/>
    </row>
    <row r="103785" spans="8:8">
      <c r="H103785" s="12"/>
    </row>
    <row r="103786" spans="8:8">
      <c r="H103786" s="12"/>
    </row>
    <row r="103787" spans="8:8">
      <c r="H103787" s="12"/>
    </row>
    <row r="103788" spans="8:8">
      <c r="H103788" s="12"/>
    </row>
    <row r="103789" spans="8:8">
      <c r="H103789" s="12"/>
    </row>
    <row r="103790" spans="8:8">
      <c r="H103790" s="12"/>
    </row>
    <row r="103791" spans="8:8">
      <c r="H103791" s="12"/>
    </row>
    <row r="103792" spans="8:8">
      <c r="H103792" s="12"/>
    </row>
    <row r="103793" spans="8:8">
      <c r="H103793" s="12"/>
    </row>
    <row r="103794" spans="8:8">
      <c r="H103794" s="12"/>
    </row>
    <row r="103795" spans="8:8">
      <c r="H103795" s="12"/>
    </row>
    <row r="103796" spans="8:8">
      <c r="H103796" s="12"/>
    </row>
    <row r="103797" spans="8:8">
      <c r="H103797" s="12"/>
    </row>
    <row r="103798" spans="8:8">
      <c r="H103798" s="12"/>
    </row>
    <row r="103799" spans="8:8">
      <c r="H103799" s="12"/>
    </row>
    <row r="103800" spans="8:8">
      <c r="H103800" s="12"/>
    </row>
    <row r="103801" spans="8:8">
      <c r="H103801" s="12"/>
    </row>
    <row r="103802" spans="8:8">
      <c r="H103802" s="12"/>
    </row>
    <row r="103803" spans="8:8">
      <c r="H103803" s="12"/>
    </row>
    <row r="103804" spans="8:8">
      <c r="H103804" s="12"/>
    </row>
    <row r="103805" spans="8:8">
      <c r="H103805" s="12"/>
    </row>
    <row r="103806" spans="8:8">
      <c r="H103806" s="12"/>
    </row>
    <row r="103807" spans="8:8">
      <c r="H103807" s="12"/>
    </row>
    <row r="103808" spans="8:8">
      <c r="H103808" s="12"/>
    </row>
    <row r="103809" spans="8:8">
      <c r="H103809" s="12"/>
    </row>
    <row r="103810" spans="8:8">
      <c r="H103810" s="12"/>
    </row>
    <row r="103811" spans="8:8">
      <c r="H103811" s="12"/>
    </row>
    <row r="103812" spans="8:8">
      <c r="H103812" s="12"/>
    </row>
    <row r="103813" spans="8:8">
      <c r="H103813" s="12"/>
    </row>
    <row r="103814" spans="8:8">
      <c r="H103814" s="12"/>
    </row>
    <row r="103815" spans="8:8">
      <c r="H103815" s="12"/>
    </row>
    <row r="103816" spans="8:8">
      <c r="H103816" s="12"/>
    </row>
    <row r="103817" spans="8:8">
      <c r="H103817" s="12"/>
    </row>
    <row r="103818" spans="8:8">
      <c r="H103818" s="12"/>
    </row>
    <row r="103819" spans="8:8">
      <c r="H103819" s="12"/>
    </row>
    <row r="103820" spans="8:8">
      <c r="H103820" s="12"/>
    </row>
    <row r="103821" spans="8:8">
      <c r="H103821" s="12"/>
    </row>
    <row r="103822" spans="8:8">
      <c r="H103822" s="12"/>
    </row>
    <row r="103823" spans="8:8">
      <c r="H103823" s="12"/>
    </row>
    <row r="103824" spans="8:8">
      <c r="H103824" s="12"/>
    </row>
    <row r="103825" spans="8:8">
      <c r="H103825" s="12"/>
    </row>
    <row r="103826" spans="8:8">
      <c r="H103826" s="12"/>
    </row>
    <row r="103827" spans="8:8">
      <c r="H103827" s="12"/>
    </row>
    <row r="103828" spans="8:8">
      <c r="H103828" s="12"/>
    </row>
    <row r="103829" spans="8:8">
      <c r="H103829" s="12"/>
    </row>
    <row r="103830" spans="8:8">
      <c r="H103830" s="12"/>
    </row>
    <row r="103831" spans="8:8">
      <c r="H103831" s="12"/>
    </row>
    <row r="103832" spans="8:8">
      <c r="H103832" s="12"/>
    </row>
    <row r="103833" spans="8:8">
      <c r="H103833" s="12"/>
    </row>
    <row r="103834" spans="8:8">
      <c r="H103834" s="12"/>
    </row>
    <row r="103835" spans="8:8">
      <c r="H103835" s="12"/>
    </row>
    <row r="103836" spans="8:8">
      <c r="H103836" s="12"/>
    </row>
    <row r="103837" spans="8:8">
      <c r="H103837" s="12"/>
    </row>
    <row r="103838" spans="8:8">
      <c r="H103838" s="12"/>
    </row>
    <row r="103839" spans="8:8">
      <c r="H103839" s="12"/>
    </row>
    <row r="103840" spans="8:8">
      <c r="H103840" s="12"/>
    </row>
    <row r="103841" spans="8:8">
      <c r="H103841" s="12"/>
    </row>
    <row r="103842" spans="8:8">
      <c r="H103842" s="12"/>
    </row>
    <row r="103843" spans="8:8">
      <c r="H103843" s="12"/>
    </row>
    <row r="103844" spans="8:8">
      <c r="H103844" s="12"/>
    </row>
    <row r="103845" spans="8:8">
      <c r="H103845" s="12"/>
    </row>
    <row r="103846" spans="8:8">
      <c r="H103846" s="12"/>
    </row>
    <row r="103847" spans="8:8">
      <c r="H103847" s="12"/>
    </row>
    <row r="103848" spans="8:8">
      <c r="H103848" s="12"/>
    </row>
    <row r="103849" spans="8:8">
      <c r="H103849" s="12"/>
    </row>
    <row r="103850" spans="8:8">
      <c r="H103850" s="12"/>
    </row>
    <row r="103851" spans="8:8">
      <c r="H103851" s="12"/>
    </row>
    <row r="103852" spans="8:8">
      <c r="H103852" s="12"/>
    </row>
    <row r="103853" spans="8:8">
      <c r="H103853" s="12"/>
    </row>
    <row r="103854" spans="8:8">
      <c r="H103854" s="12"/>
    </row>
    <row r="103855" spans="8:8">
      <c r="H103855" s="12"/>
    </row>
    <row r="103856" spans="8:8">
      <c r="H103856" s="12"/>
    </row>
    <row r="103857" spans="8:8">
      <c r="H103857" s="12"/>
    </row>
    <row r="103858" spans="8:8">
      <c r="H103858" s="12"/>
    </row>
    <row r="103859" spans="8:8">
      <c r="H103859" s="12"/>
    </row>
    <row r="103860" spans="8:8">
      <c r="H103860" s="12"/>
    </row>
    <row r="103861" spans="8:8">
      <c r="H103861" s="12"/>
    </row>
    <row r="103862" spans="8:8">
      <c r="H103862" s="12"/>
    </row>
    <row r="103863" spans="8:8">
      <c r="H103863" s="12"/>
    </row>
    <row r="103864" spans="8:8">
      <c r="H103864" s="12"/>
    </row>
    <row r="103865" spans="8:8">
      <c r="H103865" s="12"/>
    </row>
    <row r="103866" spans="8:8">
      <c r="H103866" s="12"/>
    </row>
    <row r="103867" spans="8:8">
      <c r="H103867" s="12"/>
    </row>
    <row r="103868" spans="8:8">
      <c r="H103868" s="12"/>
    </row>
    <row r="103869" spans="8:8">
      <c r="H103869" s="12"/>
    </row>
    <row r="103870" spans="8:8">
      <c r="H103870" s="12"/>
    </row>
    <row r="103871" spans="8:8">
      <c r="H103871" s="12"/>
    </row>
    <row r="103872" spans="8:8">
      <c r="H103872" s="12"/>
    </row>
    <row r="103873" spans="8:8">
      <c r="H103873" s="12"/>
    </row>
    <row r="103874" spans="8:8">
      <c r="H103874" s="12"/>
    </row>
    <row r="103875" spans="8:8">
      <c r="H103875" s="12"/>
    </row>
    <row r="103876" spans="8:8">
      <c r="H103876" s="12"/>
    </row>
    <row r="103877" spans="8:8">
      <c r="H103877" s="12"/>
    </row>
    <row r="103878" spans="8:8">
      <c r="H103878" s="12"/>
    </row>
    <row r="103879" spans="8:8">
      <c r="H103879" s="12"/>
    </row>
    <row r="103880" spans="8:8">
      <c r="H103880" s="12"/>
    </row>
    <row r="103881" spans="8:8">
      <c r="H103881" s="12"/>
    </row>
    <row r="103882" spans="8:8">
      <c r="H103882" s="12"/>
    </row>
    <row r="103883" spans="8:8">
      <c r="H103883" s="12"/>
    </row>
    <row r="103884" spans="8:8">
      <c r="H103884" s="12"/>
    </row>
    <row r="103885" spans="8:8">
      <c r="H103885" s="12"/>
    </row>
    <row r="103886" spans="8:8">
      <c r="H103886" s="12"/>
    </row>
    <row r="103887" spans="8:8">
      <c r="H103887" s="12"/>
    </row>
    <row r="103888" spans="8:8">
      <c r="H103888" s="12"/>
    </row>
    <row r="103889" spans="8:8">
      <c r="H103889" s="12"/>
    </row>
    <row r="103890" spans="8:8">
      <c r="H103890" s="12"/>
    </row>
    <row r="103891" spans="8:8">
      <c r="H103891" s="12"/>
    </row>
    <row r="103892" spans="8:8">
      <c r="H103892" s="12"/>
    </row>
    <row r="103893" spans="8:8">
      <c r="H103893" s="12"/>
    </row>
    <row r="103894" spans="8:8">
      <c r="H103894" s="12"/>
    </row>
    <row r="103895" spans="8:8">
      <c r="H103895" s="12"/>
    </row>
    <row r="103896" spans="8:8">
      <c r="H103896" s="12"/>
    </row>
    <row r="103897" spans="8:8">
      <c r="H103897" s="12"/>
    </row>
    <row r="103898" spans="8:8">
      <c r="H103898" s="12"/>
    </row>
    <row r="103899" spans="8:8">
      <c r="H103899" s="12"/>
    </row>
    <row r="103900" spans="8:8">
      <c r="H103900" s="12"/>
    </row>
    <row r="103901" spans="8:8">
      <c r="H103901" s="12"/>
    </row>
    <row r="103902" spans="8:8">
      <c r="H103902" s="12"/>
    </row>
    <row r="103903" spans="8:8">
      <c r="H103903" s="12"/>
    </row>
    <row r="103904" spans="8:8">
      <c r="H103904" s="12"/>
    </row>
    <row r="103905" spans="8:8">
      <c r="H103905" s="12"/>
    </row>
    <row r="103906" spans="8:8">
      <c r="H103906" s="12"/>
    </row>
    <row r="103907" spans="8:8">
      <c r="H103907" s="12"/>
    </row>
    <row r="103908" spans="8:8">
      <c r="H103908" s="12"/>
    </row>
    <row r="103909" spans="8:8">
      <c r="H103909" s="12"/>
    </row>
    <row r="103910" spans="8:8">
      <c r="H103910" s="12"/>
    </row>
    <row r="103911" spans="8:8">
      <c r="H103911" s="12"/>
    </row>
    <row r="103912" spans="8:8">
      <c r="H103912" s="12"/>
    </row>
    <row r="103913" spans="8:8">
      <c r="H103913" s="12"/>
    </row>
    <row r="103914" spans="8:8">
      <c r="H103914" s="12"/>
    </row>
    <row r="103915" spans="8:8">
      <c r="H103915" s="12"/>
    </row>
    <row r="103916" spans="8:8">
      <c r="H103916" s="12"/>
    </row>
    <row r="103917" spans="8:8">
      <c r="H103917" s="12"/>
    </row>
    <row r="103918" spans="8:8">
      <c r="H103918" s="12"/>
    </row>
    <row r="103919" spans="8:8">
      <c r="H103919" s="12"/>
    </row>
    <row r="103920" spans="8:8">
      <c r="H103920" s="12"/>
    </row>
    <row r="103921" spans="8:8">
      <c r="H103921" s="12"/>
    </row>
    <row r="103922" spans="8:8">
      <c r="H103922" s="12"/>
    </row>
    <row r="103923" spans="8:8">
      <c r="H103923" s="12"/>
    </row>
    <row r="103924" spans="8:8">
      <c r="H103924" s="12"/>
    </row>
    <row r="103925" spans="8:8">
      <c r="H103925" s="12"/>
    </row>
    <row r="103926" spans="8:8">
      <c r="H103926" s="12"/>
    </row>
    <row r="103927" spans="8:8">
      <c r="H103927" s="12"/>
    </row>
    <row r="103928" spans="8:8">
      <c r="H103928" s="12"/>
    </row>
    <row r="103929" spans="8:8">
      <c r="H103929" s="12"/>
    </row>
    <row r="103930" spans="8:8">
      <c r="H103930" s="12"/>
    </row>
    <row r="103931" spans="8:8">
      <c r="H103931" s="12"/>
    </row>
    <row r="103932" spans="8:8">
      <c r="H103932" s="12"/>
    </row>
    <row r="103933" spans="8:8">
      <c r="H103933" s="12"/>
    </row>
    <row r="103934" spans="8:8">
      <c r="H103934" s="12"/>
    </row>
    <row r="103935" spans="8:8">
      <c r="H103935" s="12"/>
    </row>
    <row r="103936" spans="8:8">
      <c r="H103936" s="12"/>
    </row>
    <row r="103937" spans="8:8">
      <c r="H103937" s="12"/>
    </row>
    <row r="103938" spans="8:8">
      <c r="H103938" s="12"/>
    </row>
    <row r="103939" spans="8:8">
      <c r="H103939" s="12"/>
    </row>
    <row r="103940" spans="8:8">
      <c r="H103940" s="12"/>
    </row>
    <row r="103941" spans="8:8">
      <c r="H103941" s="12"/>
    </row>
    <row r="103942" spans="8:8">
      <c r="H103942" s="12"/>
    </row>
    <row r="103943" spans="8:8">
      <c r="H103943" s="12"/>
    </row>
    <row r="103944" spans="8:8">
      <c r="H103944" s="12"/>
    </row>
    <row r="103945" spans="8:8">
      <c r="H103945" s="12"/>
    </row>
    <row r="103946" spans="8:8">
      <c r="H103946" s="12"/>
    </row>
    <row r="103947" spans="8:8">
      <c r="H103947" s="12"/>
    </row>
    <row r="103948" spans="8:8">
      <c r="H103948" s="12"/>
    </row>
    <row r="103949" spans="8:8">
      <c r="H103949" s="12"/>
    </row>
    <row r="103950" spans="8:8">
      <c r="H103950" s="12"/>
    </row>
    <row r="103951" spans="8:8">
      <c r="H103951" s="12"/>
    </row>
    <row r="103952" spans="8:8">
      <c r="H103952" s="12"/>
    </row>
    <row r="103953" spans="8:8">
      <c r="H103953" s="12"/>
    </row>
    <row r="103954" spans="8:8">
      <c r="H103954" s="12"/>
    </row>
    <row r="103955" spans="8:8">
      <c r="H103955" s="12"/>
    </row>
    <row r="103956" spans="8:8">
      <c r="H103956" s="12"/>
    </row>
    <row r="103957" spans="8:8">
      <c r="H103957" s="12"/>
    </row>
    <row r="103958" spans="8:8">
      <c r="H103958" s="12"/>
    </row>
    <row r="103959" spans="8:8">
      <c r="H103959" s="12"/>
    </row>
    <row r="103960" spans="8:8">
      <c r="H103960" s="12"/>
    </row>
    <row r="103961" spans="8:8">
      <c r="H103961" s="12"/>
    </row>
    <row r="103962" spans="8:8">
      <c r="H103962" s="12"/>
    </row>
    <row r="103963" spans="8:8">
      <c r="H103963" s="12"/>
    </row>
    <row r="103964" spans="8:8">
      <c r="H103964" s="12"/>
    </row>
    <row r="103965" spans="8:8">
      <c r="H103965" s="12"/>
    </row>
    <row r="103966" spans="8:8">
      <c r="H103966" s="12"/>
    </row>
    <row r="103967" spans="8:8">
      <c r="H103967" s="12"/>
    </row>
    <row r="103968" spans="8:8">
      <c r="H103968" s="12"/>
    </row>
    <row r="103969" spans="8:8">
      <c r="H103969" s="12"/>
    </row>
    <row r="103970" spans="8:8">
      <c r="H103970" s="12"/>
    </row>
    <row r="103971" spans="8:8">
      <c r="H103971" s="12"/>
    </row>
    <row r="103972" spans="8:8">
      <c r="H103972" s="12"/>
    </row>
    <row r="103973" spans="8:8">
      <c r="H103973" s="12"/>
    </row>
    <row r="103974" spans="8:8">
      <c r="H103974" s="12"/>
    </row>
    <row r="103975" spans="8:8">
      <c r="H103975" s="12"/>
    </row>
    <row r="103976" spans="8:8">
      <c r="H103976" s="12"/>
    </row>
    <row r="103977" spans="8:8">
      <c r="H103977" s="12"/>
    </row>
    <row r="103978" spans="8:8">
      <c r="H103978" s="12"/>
    </row>
    <row r="103979" spans="8:8">
      <c r="H103979" s="12"/>
    </row>
    <row r="103980" spans="8:8">
      <c r="H103980" s="12"/>
    </row>
    <row r="103981" spans="8:8">
      <c r="H103981" s="12"/>
    </row>
    <row r="103982" spans="8:8">
      <c r="H103982" s="12"/>
    </row>
    <row r="103983" spans="8:8">
      <c r="H103983" s="12"/>
    </row>
    <row r="103984" spans="8:8">
      <c r="H103984" s="12"/>
    </row>
    <row r="103985" spans="8:8">
      <c r="H103985" s="12"/>
    </row>
    <row r="103986" spans="8:8">
      <c r="H103986" s="12"/>
    </row>
    <row r="103987" spans="8:8">
      <c r="H103987" s="12"/>
    </row>
    <row r="103988" spans="8:8">
      <c r="H103988" s="12"/>
    </row>
    <row r="103989" spans="8:8">
      <c r="H103989" s="12"/>
    </row>
    <row r="103990" spans="8:8">
      <c r="H103990" s="12"/>
    </row>
    <row r="103991" spans="8:8">
      <c r="H103991" s="12"/>
    </row>
    <row r="103992" spans="8:8">
      <c r="H103992" s="12"/>
    </row>
    <row r="103993" spans="8:8">
      <c r="H103993" s="12"/>
    </row>
    <row r="103994" spans="8:8">
      <c r="H103994" s="12"/>
    </row>
    <row r="103995" spans="8:8">
      <c r="H103995" s="12"/>
    </row>
    <row r="103996" spans="8:8">
      <c r="H103996" s="12"/>
    </row>
    <row r="103997" spans="8:8">
      <c r="H103997" s="12"/>
    </row>
    <row r="103998" spans="8:8">
      <c r="H103998" s="12"/>
    </row>
    <row r="103999" spans="8:8">
      <c r="H103999" s="12"/>
    </row>
    <row r="104000" spans="8:8">
      <c r="H104000" s="12"/>
    </row>
    <row r="104001" spans="8:8">
      <c r="H104001" s="12"/>
    </row>
    <row r="104002" spans="8:8">
      <c r="H104002" s="12"/>
    </row>
    <row r="104003" spans="8:8">
      <c r="H104003" s="12"/>
    </row>
    <row r="104004" spans="8:8">
      <c r="H104004" s="12"/>
    </row>
    <row r="104005" spans="8:8">
      <c r="H104005" s="12"/>
    </row>
    <row r="104006" spans="8:8">
      <c r="H104006" s="12"/>
    </row>
    <row r="104007" spans="8:8">
      <c r="H104007" s="12"/>
    </row>
    <row r="104008" spans="8:8">
      <c r="H104008" s="12"/>
    </row>
    <row r="104009" spans="8:8">
      <c r="H104009" s="12"/>
    </row>
    <row r="104010" spans="8:8">
      <c r="H104010" s="12"/>
    </row>
    <row r="104011" spans="8:8">
      <c r="H104011" s="12"/>
    </row>
    <row r="104012" spans="8:8">
      <c r="H104012" s="12"/>
    </row>
    <row r="104013" spans="8:8">
      <c r="H104013" s="12"/>
    </row>
    <row r="104014" spans="8:8">
      <c r="H104014" s="12"/>
    </row>
    <row r="104015" spans="8:8">
      <c r="H104015" s="12"/>
    </row>
    <row r="104016" spans="8:8">
      <c r="H104016" s="12"/>
    </row>
    <row r="104017" spans="8:8">
      <c r="H104017" s="12"/>
    </row>
    <row r="104018" spans="8:8">
      <c r="H104018" s="12"/>
    </row>
    <row r="104019" spans="8:8">
      <c r="H104019" s="12"/>
    </row>
    <row r="104020" spans="8:8">
      <c r="H104020" s="12"/>
    </row>
    <row r="104021" spans="8:8">
      <c r="H104021" s="12"/>
    </row>
    <row r="104022" spans="8:8">
      <c r="H104022" s="12"/>
    </row>
    <row r="104023" spans="8:8">
      <c r="H104023" s="12"/>
    </row>
    <row r="104024" spans="8:8">
      <c r="H104024" s="12"/>
    </row>
    <row r="104025" spans="8:8">
      <c r="H104025" s="12"/>
    </row>
    <row r="104026" spans="8:8">
      <c r="H104026" s="12"/>
    </row>
    <row r="104027" spans="8:8">
      <c r="H104027" s="12"/>
    </row>
    <row r="104028" spans="8:8">
      <c r="H104028" s="12"/>
    </row>
    <row r="104029" spans="8:8">
      <c r="H104029" s="12"/>
    </row>
    <row r="104030" spans="8:8">
      <c r="H104030" s="12"/>
    </row>
    <row r="104031" spans="8:8">
      <c r="H104031" s="12"/>
    </row>
    <row r="104032" spans="8:8">
      <c r="H104032" s="12"/>
    </row>
    <row r="104033" spans="8:8">
      <c r="H104033" s="12"/>
    </row>
    <row r="104034" spans="8:8">
      <c r="H104034" s="12"/>
    </row>
    <row r="104035" spans="8:8">
      <c r="H104035" s="12"/>
    </row>
    <row r="104036" spans="8:8">
      <c r="H104036" s="12"/>
    </row>
    <row r="104037" spans="8:8">
      <c r="H104037" s="12"/>
    </row>
    <row r="104038" spans="8:8">
      <c r="H104038" s="12"/>
    </row>
    <row r="104039" spans="8:8">
      <c r="H104039" s="12"/>
    </row>
    <row r="104040" spans="8:8">
      <c r="H104040" s="12"/>
    </row>
    <row r="104041" spans="8:8">
      <c r="H104041" s="12"/>
    </row>
    <row r="104042" spans="8:8">
      <c r="H104042" s="12"/>
    </row>
    <row r="104043" spans="8:8">
      <c r="H104043" s="12"/>
    </row>
    <row r="104044" spans="8:8">
      <c r="H104044" s="12"/>
    </row>
    <row r="104045" spans="8:8">
      <c r="H104045" s="12"/>
    </row>
    <row r="104046" spans="8:8">
      <c r="H104046" s="12"/>
    </row>
    <row r="104047" spans="8:8">
      <c r="H104047" s="12"/>
    </row>
    <row r="104048" spans="8:8">
      <c r="H104048" s="12"/>
    </row>
    <row r="104049" spans="8:8">
      <c r="H104049" s="12"/>
    </row>
    <row r="104050" spans="8:8">
      <c r="H104050" s="12"/>
    </row>
    <row r="104051" spans="8:8">
      <c r="H104051" s="12"/>
    </row>
    <row r="104052" spans="8:8">
      <c r="H104052" s="12"/>
    </row>
    <row r="104053" spans="8:8">
      <c r="H104053" s="12"/>
    </row>
    <row r="104054" spans="8:8">
      <c r="H104054" s="12"/>
    </row>
    <row r="104055" spans="8:8">
      <c r="H104055" s="12"/>
    </row>
    <row r="104056" spans="8:8">
      <c r="H104056" s="12"/>
    </row>
    <row r="104057" spans="8:8">
      <c r="H104057" s="12"/>
    </row>
    <row r="104058" spans="8:8">
      <c r="H104058" s="12"/>
    </row>
    <row r="104059" spans="8:8">
      <c r="H104059" s="12"/>
    </row>
    <row r="104060" spans="8:8">
      <c r="H104060" s="12"/>
    </row>
    <row r="104061" spans="8:8">
      <c r="H104061" s="12"/>
    </row>
    <row r="104062" spans="8:8">
      <c r="H104062" s="12"/>
    </row>
    <row r="104063" spans="8:8">
      <c r="H104063" s="12"/>
    </row>
    <row r="104064" spans="8:8">
      <c r="H104064" s="12"/>
    </row>
    <row r="104065" spans="8:8">
      <c r="H104065" s="12"/>
    </row>
    <row r="104066" spans="8:8">
      <c r="H104066" s="12"/>
    </row>
    <row r="104067" spans="8:8">
      <c r="H104067" s="12"/>
    </row>
    <row r="104068" spans="8:8">
      <c r="H104068" s="12"/>
    </row>
    <row r="104069" spans="8:8">
      <c r="H104069" s="12"/>
    </row>
    <row r="104070" spans="8:8">
      <c r="H104070" s="12"/>
    </row>
    <row r="104071" spans="8:8">
      <c r="H104071" s="12"/>
    </row>
    <row r="104072" spans="8:8">
      <c r="H104072" s="12"/>
    </row>
    <row r="104073" spans="8:8">
      <c r="H104073" s="12"/>
    </row>
    <row r="104074" spans="8:8">
      <c r="H104074" s="12"/>
    </row>
    <row r="104075" spans="8:8">
      <c r="H104075" s="12"/>
    </row>
    <row r="104076" spans="8:8">
      <c r="H104076" s="12"/>
    </row>
    <row r="104077" spans="8:8">
      <c r="H104077" s="12"/>
    </row>
    <row r="104078" spans="8:8">
      <c r="H104078" s="12"/>
    </row>
    <row r="104079" spans="8:8">
      <c r="H104079" s="12"/>
    </row>
    <row r="104080" spans="8:8">
      <c r="H104080" s="12"/>
    </row>
    <row r="104081" spans="8:8">
      <c r="H104081" s="12"/>
    </row>
    <row r="104082" spans="8:8">
      <c r="H104082" s="12"/>
    </row>
    <row r="104083" spans="8:8">
      <c r="H104083" s="12"/>
    </row>
    <row r="104084" spans="8:8">
      <c r="H104084" s="12"/>
    </row>
    <row r="104085" spans="8:8">
      <c r="H104085" s="12"/>
    </row>
    <row r="104086" spans="8:8">
      <c r="H104086" s="12"/>
    </row>
    <row r="104087" spans="8:8">
      <c r="H104087" s="12"/>
    </row>
    <row r="104088" spans="8:8">
      <c r="H104088" s="12"/>
    </row>
    <row r="104089" spans="8:8">
      <c r="H104089" s="12"/>
    </row>
    <row r="104090" spans="8:8">
      <c r="H104090" s="12"/>
    </row>
    <row r="104091" spans="8:8">
      <c r="H104091" s="12"/>
    </row>
    <row r="104092" spans="8:8">
      <c r="H104092" s="12"/>
    </row>
    <row r="104093" spans="8:8">
      <c r="H104093" s="12"/>
    </row>
    <row r="104094" spans="8:8">
      <c r="H104094" s="12"/>
    </row>
    <row r="104095" spans="8:8">
      <c r="H104095" s="12"/>
    </row>
    <row r="104096" spans="8:8">
      <c r="H104096" s="12"/>
    </row>
    <row r="104097" spans="8:8">
      <c r="H104097" s="12"/>
    </row>
    <row r="104098" spans="8:8">
      <c r="H104098" s="12"/>
    </row>
    <row r="104099" spans="8:8">
      <c r="H104099" s="12"/>
    </row>
    <row r="104100" spans="8:8">
      <c r="H104100" s="12"/>
    </row>
    <row r="104101" spans="8:8">
      <c r="H104101" s="12"/>
    </row>
    <row r="104102" spans="8:8">
      <c r="H104102" s="12"/>
    </row>
    <row r="104103" spans="8:8">
      <c r="H104103" s="12"/>
    </row>
    <row r="104104" spans="8:8">
      <c r="H104104" s="12"/>
    </row>
    <row r="104105" spans="8:8">
      <c r="H104105" s="12"/>
    </row>
    <row r="104106" spans="8:8">
      <c r="H104106" s="12"/>
    </row>
    <row r="104107" spans="8:8">
      <c r="H104107" s="12"/>
    </row>
    <row r="104108" spans="8:8">
      <c r="H104108" s="12"/>
    </row>
    <row r="104109" spans="8:8">
      <c r="H104109" s="12"/>
    </row>
    <row r="104110" spans="8:8">
      <c r="H104110" s="12"/>
    </row>
    <row r="104111" spans="8:8">
      <c r="H104111" s="12"/>
    </row>
    <row r="104112" spans="8:8">
      <c r="H104112" s="12"/>
    </row>
    <row r="104113" spans="8:8">
      <c r="H104113" s="12"/>
    </row>
    <row r="104114" spans="8:8">
      <c r="H104114" s="12"/>
    </row>
    <row r="104115" spans="8:8">
      <c r="H104115" s="12"/>
    </row>
    <row r="104116" spans="8:8">
      <c r="H104116" s="12"/>
    </row>
    <row r="104117" spans="8:8">
      <c r="H104117" s="12"/>
    </row>
    <row r="104118" spans="8:8">
      <c r="H104118" s="12"/>
    </row>
    <row r="104119" spans="8:8">
      <c r="H104119" s="12"/>
    </row>
    <row r="104120" spans="8:8">
      <c r="H104120" s="12"/>
    </row>
    <row r="104121" spans="8:8">
      <c r="H104121" s="12"/>
    </row>
    <row r="104122" spans="8:8">
      <c r="H104122" s="12"/>
    </row>
    <row r="104123" spans="8:8">
      <c r="H104123" s="12"/>
    </row>
    <row r="104124" spans="8:8">
      <c r="H104124" s="12"/>
    </row>
    <row r="104125" spans="8:8">
      <c r="H104125" s="12"/>
    </row>
    <row r="104126" spans="8:8">
      <c r="H104126" s="12"/>
    </row>
    <row r="104127" spans="8:8">
      <c r="H104127" s="12"/>
    </row>
    <row r="104128" spans="8:8">
      <c r="H104128" s="12"/>
    </row>
    <row r="104129" spans="8:8">
      <c r="H104129" s="12"/>
    </row>
    <row r="104130" spans="8:8">
      <c r="H104130" s="12"/>
    </row>
    <row r="104131" spans="8:8">
      <c r="H104131" s="12"/>
    </row>
    <row r="104132" spans="8:8">
      <c r="H104132" s="12"/>
    </row>
    <row r="104133" spans="8:8">
      <c r="H104133" s="12"/>
    </row>
    <row r="104134" spans="8:8">
      <c r="H104134" s="12"/>
    </row>
    <row r="104135" spans="8:8">
      <c r="H104135" s="12"/>
    </row>
    <row r="104136" spans="8:8">
      <c r="H104136" s="12"/>
    </row>
    <row r="104137" spans="8:8">
      <c r="H104137" s="12"/>
    </row>
    <row r="104138" spans="8:8">
      <c r="H104138" s="12"/>
    </row>
    <row r="104139" spans="8:8">
      <c r="H104139" s="12"/>
    </row>
    <row r="104140" spans="8:8">
      <c r="H104140" s="12"/>
    </row>
    <row r="104141" spans="8:8">
      <c r="H104141" s="12"/>
    </row>
    <row r="104142" spans="8:8">
      <c r="H104142" s="12"/>
    </row>
    <row r="104143" spans="8:8">
      <c r="H104143" s="12"/>
    </row>
    <row r="104144" spans="8:8">
      <c r="H104144" s="12"/>
    </row>
    <row r="104145" spans="8:8">
      <c r="H104145" s="12"/>
    </row>
    <row r="104146" spans="8:8">
      <c r="H104146" s="12"/>
    </row>
    <row r="104147" spans="8:8">
      <c r="H104147" s="12"/>
    </row>
    <row r="104148" spans="8:8">
      <c r="H104148" s="12"/>
    </row>
    <row r="104149" spans="8:8">
      <c r="H104149" s="12"/>
    </row>
    <row r="104150" spans="8:8">
      <c r="H104150" s="12"/>
    </row>
    <row r="104151" spans="8:8">
      <c r="H104151" s="12"/>
    </row>
    <row r="104152" spans="8:8">
      <c r="H104152" s="12"/>
    </row>
    <row r="104153" spans="8:8">
      <c r="H104153" s="12"/>
    </row>
    <row r="104154" spans="8:8">
      <c r="H104154" s="12"/>
    </row>
    <row r="104155" spans="8:8">
      <c r="H104155" s="12"/>
    </row>
    <row r="104156" spans="8:8">
      <c r="H104156" s="12"/>
    </row>
    <row r="104157" spans="8:8">
      <c r="H104157" s="12"/>
    </row>
    <row r="104158" spans="8:8">
      <c r="H104158" s="12"/>
    </row>
    <row r="104159" spans="8:8">
      <c r="H104159" s="12"/>
    </row>
    <row r="104160" spans="8:8">
      <c r="H104160" s="12"/>
    </row>
    <row r="104161" spans="8:8">
      <c r="H104161" s="12"/>
    </row>
    <row r="104162" spans="8:8">
      <c r="H104162" s="12"/>
    </row>
    <row r="104163" spans="8:8">
      <c r="H104163" s="12"/>
    </row>
    <row r="104164" spans="8:8">
      <c r="H104164" s="12"/>
    </row>
    <row r="104165" spans="8:8">
      <c r="H104165" s="12"/>
    </row>
    <row r="104166" spans="8:8">
      <c r="H104166" s="12"/>
    </row>
    <row r="104167" spans="8:8">
      <c r="H104167" s="12"/>
    </row>
    <row r="104168" spans="8:8">
      <c r="H104168" s="12"/>
    </row>
    <row r="104169" spans="8:8">
      <c r="H104169" s="12"/>
    </row>
    <row r="104170" spans="8:8">
      <c r="H104170" s="12"/>
    </row>
    <row r="104171" spans="8:8">
      <c r="H104171" s="12"/>
    </row>
    <row r="104172" spans="8:8">
      <c r="H104172" s="12"/>
    </row>
    <row r="104173" spans="8:8">
      <c r="H104173" s="12"/>
    </row>
    <row r="104174" spans="8:8">
      <c r="H104174" s="12"/>
    </row>
    <row r="104175" spans="8:8">
      <c r="H104175" s="12"/>
    </row>
    <row r="104176" spans="8:8">
      <c r="H104176" s="12"/>
    </row>
    <row r="104177" spans="8:8">
      <c r="H104177" s="12"/>
    </row>
    <row r="104178" spans="8:8">
      <c r="H104178" s="12"/>
    </row>
    <row r="104179" spans="8:8">
      <c r="H104179" s="12"/>
    </row>
    <row r="104180" spans="8:8">
      <c r="H104180" s="12"/>
    </row>
    <row r="104181" spans="8:8">
      <c r="H104181" s="12"/>
    </row>
    <row r="104182" spans="8:8">
      <c r="H104182" s="12"/>
    </row>
    <row r="104183" spans="8:8">
      <c r="H104183" s="12"/>
    </row>
    <row r="104184" spans="8:8">
      <c r="H104184" s="12"/>
    </row>
    <row r="104185" spans="8:8">
      <c r="H104185" s="12"/>
    </row>
    <row r="104186" spans="8:8">
      <c r="H104186" s="12"/>
    </row>
    <row r="104187" spans="8:8">
      <c r="H104187" s="12"/>
    </row>
    <row r="104188" spans="8:8">
      <c r="H104188" s="12"/>
    </row>
    <row r="104189" spans="8:8">
      <c r="H104189" s="12"/>
    </row>
    <row r="104190" spans="8:8">
      <c r="H104190" s="12"/>
    </row>
    <row r="104191" spans="8:8">
      <c r="H104191" s="12"/>
    </row>
    <row r="104192" spans="8:8">
      <c r="H104192" s="12"/>
    </row>
    <row r="104193" spans="8:8">
      <c r="H104193" s="12"/>
    </row>
    <row r="104194" spans="8:8">
      <c r="H104194" s="12"/>
    </row>
    <row r="104195" spans="8:8">
      <c r="H104195" s="12"/>
    </row>
    <row r="104196" spans="8:8">
      <c r="H104196" s="12"/>
    </row>
    <row r="104197" spans="8:8">
      <c r="H104197" s="12"/>
    </row>
    <row r="104198" spans="8:8">
      <c r="H104198" s="12"/>
    </row>
    <row r="104199" spans="8:8">
      <c r="H104199" s="12"/>
    </row>
    <row r="104200" spans="8:8">
      <c r="H104200" s="12"/>
    </row>
    <row r="104201" spans="8:8">
      <c r="H104201" s="12"/>
    </row>
    <row r="104202" spans="8:8">
      <c r="H104202" s="12"/>
    </row>
    <row r="104203" spans="8:8">
      <c r="H104203" s="12"/>
    </row>
    <row r="104204" spans="8:8">
      <c r="H104204" s="12"/>
    </row>
    <row r="104205" spans="8:8">
      <c r="H104205" s="12"/>
    </row>
    <row r="104206" spans="8:8">
      <c r="H104206" s="12"/>
    </row>
    <row r="104207" spans="8:8">
      <c r="H104207" s="12"/>
    </row>
    <row r="104208" spans="8:8">
      <c r="H104208" s="12"/>
    </row>
    <row r="104209" spans="8:8">
      <c r="H104209" s="12"/>
    </row>
    <row r="104210" spans="8:8">
      <c r="H104210" s="12"/>
    </row>
    <row r="104211" spans="8:8">
      <c r="H104211" s="12"/>
    </row>
    <row r="104212" spans="8:8">
      <c r="H104212" s="12"/>
    </row>
    <row r="104213" spans="8:8">
      <c r="H104213" s="12"/>
    </row>
    <row r="104214" spans="8:8">
      <c r="H104214" s="12"/>
    </row>
    <row r="104215" spans="8:8">
      <c r="H104215" s="12"/>
    </row>
    <row r="104216" spans="8:8">
      <c r="H104216" s="12"/>
    </row>
    <row r="104217" spans="8:8">
      <c r="H104217" s="12"/>
    </row>
    <row r="104218" spans="8:8">
      <c r="H104218" s="12"/>
    </row>
    <row r="104219" spans="8:8">
      <c r="H104219" s="12"/>
    </row>
    <row r="104220" spans="8:8">
      <c r="H104220" s="12"/>
    </row>
    <row r="104221" spans="8:8">
      <c r="H104221" s="12"/>
    </row>
    <row r="104222" spans="8:8">
      <c r="H104222" s="12"/>
    </row>
    <row r="104223" spans="8:8">
      <c r="H104223" s="12"/>
    </row>
    <row r="104224" spans="8:8">
      <c r="H104224" s="12"/>
    </row>
    <row r="104225" spans="8:8">
      <c r="H104225" s="12"/>
    </row>
    <row r="104226" spans="8:8">
      <c r="H104226" s="12"/>
    </row>
    <row r="104227" spans="8:8">
      <c r="H104227" s="12"/>
    </row>
    <row r="104228" spans="8:8">
      <c r="H104228" s="12"/>
    </row>
    <row r="104229" spans="8:8">
      <c r="H104229" s="12"/>
    </row>
    <row r="104230" spans="8:8">
      <c r="H104230" s="12"/>
    </row>
    <row r="104231" spans="8:8">
      <c r="H104231" s="12"/>
    </row>
    <row r="104232" spans="8:8">
      <c r="H104232" s="12"/>
    </row>
    <row r="104233" spans="8:8">
      <c r="H104233" s="12"/>
    </row>
    <row r="104234" spans="8:8">
      <c r="H104234" s="12"/>
    </row>
    <row r="104235" spans="8:8">
      <c r="H104235" s="12"/>
    </row>
    <row r="104236" spans="8:8">
      <c r="H104236" s="12"/>
    </row>
    <row r="104237" spans="8:8">
      <c r="H104237" s="12"/>
    </row>
    <row r="104238" spans="8:8">
      <c r="H104238" s="12"/>
    </row>
    <row r="104239" spans="8:8">
      <c r="H104239" s="12"/>
    </row>
    <row r="104240" spans="8:8">
      <c r="H104240" s="12"/>
    </row>
    <row r="104241" spans="8:8">
      <c r="H104241" s="12"/>
    </row>
    <row r="104242" spans="8:8">
      <c r="H104242" s="12"/>
    </row>
    <row r="104243" spans="8:8">
      <c r="H104243" s="12"/>
    </row>
    <row r="104244" spans="8:8">
      <c r="H104244" s="12"/>
    </row>
    <row r="104245" spans="8:8">
      <c r="H104245" s="12"/>
    </row>
    <row r="104246" spans="8:8">
      <c r="H104246" s="12"/>
    </row>
    <row r="104247" spans="8:8">
      <c r="H104247" s="12"/>
    </row>
    <row r="104248" spans="8:8">
      <c r="H104248" s="12"/>
    </row>
    <row r="104249" spans="8:8">
      <c r="H104249" s="12"/>
    </row>
    <row r="104250" spans="8:8">
      <c r="H104250" s="12"/>
    </row>
    <row r="104251" spans="8:8">
      <c r="H104251" s="12"/>
    </row>
    <row r="104252" spans="8:8">
      <c r="H104252" s="12"/>
    </row>
    <row r="104253" spans="8:8">
      <c r="H104253" s="12"/>
    </row>
    <row r="104254" spans="8:8">
      <c r="H104254" s="12"/>
    </row>
    <row r="104255" spans="8:8">
      <c r="H104255" s="12"/>
    </row>
    <row r="104256" spans="8:8">
      <c r="H104256" s="12"/>
    </row>
    <row r="104257" spans="8:8">
      <c r="H104257" s="12"/>
    </row>
    <row r="104258" spans="8:8">
      <c r="H104258" s="12"/>
    </row>
    <row r="104259" spans="8:8">
      <c r="H104259" s="12"/>
    </row>
    <row r="104260" spans="8:8">
      <c r="H104260" s="12"/>
    </row>
    <row r="104261" spans="8:8">
      <c r="H104261" s="12"/>
    </row>
    <row r="104262" spans="8:8">
      <c r="H104262" s="12"/>
    </row>
    <row r="104263" spans="8:8">
      <c r="H104263" s="12"/>
    </row>
    <row r="104264" spans="8:8">
      <c r="H104264" s="12"/>
    </row>
    <row r="104265" spans="8:8">
      <c r="H104265" s="12"/>
    </row>
    <row r="104266" spans="8:8">
      <c r="H104266" s="12"/>
    </row>
    <row r="104267" spans="8:8">
      <c r="H104267" s="12"/>
    </row>
    <row r="104268" spans="8:8">
      <c r="H104268" s="12"/>
    </row>
    <row r="104269" spans="8:8">
      <c r="H104269" s="12"/>
    </row>
    <row r="104270" spans="8:8">
      <c r="H104270" s="12"/>
    </row>
    <row r="104271" spans="8:8">
      <c r="H104271" s="12"/>
    </row>
    <row r="104272" spans="8:8">
      <c r="H104272" s="12"/>
    </row>
    <row r="104273" spans="8:8">
      <c r="H104273" s="12"/>
    </row>
    <row r="104274" spans="8:8">
      <c r="H104274" s="12"/>
    </row>
    <row r="104275" spans="8:8">
      <c r="H104275" s="12"/>
    </row>
    <row r="104276" spans="8:8">
      <c r="H104276" s="12"/>
    </row>
    <row r="104277" spans="8:8">
      <c r="H104277" s="12"/>
    </row>
    <row r="104278" spans="8:8">
      <c r="H104278" s="12"/>
    </row>
    <row r="104279" spans="8:8">
      <c r="H104279" s="12"/>
    </row>
    <row r="104280" spans="8:8">
      <c r="H104280" s="12"/>
    </row>
    <row r="104281" spans="8:8">
      <c r="H104281" s="12"/>
    </row>
    <row r="104282" spans="8:8">
      <c r="H104282" s="12"/>
    </row>
    <row r="104283" spans="8:8">
      <c r="H104283" s="12"/>
    </row>
    <row r="104284" spans="8:8">
      <c r="H104284" s="12"/>
    </row>
    <row r="104285" spans="8:8">
      <c r="H104285" s="12"/>
    </row>
    <row r="104286" spans="8:8">
      <c r="H104286" s="12"/>
    </row>
    <row r="104287" spans="8:8">
      <c r="H104287" s="12"/>
    </row>
    <row r="104288" spans="8:8">
      <c r="H104288" s="12"/>
    </row>
    <row r="104289" spans="8:8">
      <c r="H104289" s="12"/>
    </row>
    <row r="104290" spans="8:8">
      <c r="H104290" s="12"/>
    </row>
    <row r="104291" spans="8:8">
      <c r="H104291" s="12"/>
    </row>
    <row r="104292" spans="8:8">
      <c r="H104292" s="12"/>
    </row>
    <row r="104293" spans="8:8">
      <c r="H104293" s="12"/>
    </row>
    <row r="104294" spans="8:8">
      <c r="H104294" s="12"/>
    </row>
    <row r="104295" spans="8:8">
      <c r="H104295" s="12"/>
    </row>
    <row r="104296" spans="8:8">
      <c r="H104296" s="12"/>
    </row>
    <row r="104297" spans="8:8">
      <c r="H104297" s="12"/>
    </row>
    <row r="104298" spans="8:8">
      <c r="H104298" s="12"/>
    </row>
    <row r="104299" spans="8:8">
      <c r="H104299" s="12"/>
    </row>
    <row r="104300" spans="8:8">
      <c r="H104300" s="12"/>
    </row>
    <row r="104301" spans="8:8">
      <c r="H104301" s="12"/>
    </row>
    <row r="104302" spans="8:8">
      <c r="H104302" s="12"/>
    </row>
    <row r="104303" spans="8:8">
      <c r="H104303" s="12"/>
    </row>
    <row r="104304" spans="8:8">
      <c r="H104304" s="12"/>
    </row>
    <row r="104305" spans="8:8">
      <c r="H104305" s="12"/>
    </row>
    <row r="104306" spans="8:8">
      <c r="H104306" s="12"/>
    </row>
    <row r="104307" spans="8:8">
      <c r="H104307" s="12"/>
    </row>
    <row r="104308" spans="8:8">
      <c r="H104308" s="12"/>
    </row>
    <row r="104309" spans="8:8">
      <c r="H104309" s="12"/>
    </row>
    <row r="104310" spans="8:8">
      <c r="H104310" s="12"/>
    </row>
    <row r="104311" spans="8:8">
      <c r="H104311" s="12"/>
    </row>
    <row r="104312" spans="8:8">
      <c r="H104312" s="12"/>
    </row>
    <row r="104313" spans="8:8">
      <c r="H104313" s="12"/>
    </row>
    <row r="104314" spans="8:8">
      <c r="H104314" s="12"/>
    </row>
    <row r="104315" spans="8:8">
      <c r="H104315" s="12"/>
    </row>
    <row r="104316" spans="8:8">
      <c r="H104316" s="12"/>
    </row>
    <row r="104317" spans="8:8">
      <c r="H104317" s="12"/>
    </row>
    <row r="104318" spans="8:8">
      <c r="H104318" s="12"/>
    </row>
    <row r="104319" spans="8:8">
      <c r="H104319" s="12"/>
    </row>
    <row r="104320" spans="8:8">
      <c r="H104320" s="12"/>
    </row>
    <row r="104321" spans="8:8">
      <c r="H104321" s="12"/>
    </row>
    <row r="104322" spans="8:8">
      <c r="H104322" s="12"/>
    </row>
    <row r="104323" spans="8:8">
      <c r="H104323" s="12"/>
    </row>
    <row r="104324" spans="8:8">
      <c r="H104324" s="12"/>
    </row>
    <row r="104325" spans="8:8">
      <c r="H104325" s="12"/>
    </row>
    <row r="104326" spans="8:8">
      <c r="H104326" s="12"/>
    </row>
    <row r="104327" spans="8:8">
      <c r="H104327" s="12"/>
    </row>
    <row r="104328" spans="8:8">
      <c r="H104328" s="12"/>
    </row>
    <row r="104329" spans="8:8">
      <c r="H104329" s="12"/>
    </row>
    <row r="104330" spans="8:8">
      <c r="H104330" s="12"/>
    </row>
    <row r="104331" spans="8:8">
      <c r="H104331" s="12"/>
    </row>
    <row r="104332" spans="8:8">
      <c r="H104332" s="12"/>
    </row>
    <row r="104333" spans="8:8">
      <c r="H104333" s="12"/>
    </row>
    <row r="104334" spans="8:8">
      <c r="H104334" s="12"/>
    </row>
    <row r="104335" spans="8:8">
      <c r="H104335" s="12"/>
    </row>
    <row r="104336" spans="8:8">
      <c r="H104336" s="12"/>
    </row>
    <row r="104337" spans="8:8">
      <c r="H104337" s="12"/>
    </row>
    <row r="104338" spans="8:8">
      <c r="H104338" s="12"/>
    </row>
    <row r="104339" spans="8:8">
      <c r="H104339" s="12"/>
    </row>
    <row r="104340" spans="8:8">
      <c r="H104340" s="12"/>
    </row>
    <row r="104341" spans="8:8">
      <c r="H104341" s="12"/>
    </row>
    <row r="104342" spans="8:8">
      <c r="H104342" s="12"/>
    </row>
    <row r="104343" spans="8:8">
      <c r="H104343" s="12"/>
    </row>
    <row r="104344" spans="8:8">
      <c r="H104344" s="12"/>
    </row>
    <row r="104345" spans="8:8">
      <c r="H104345" s="12"/>
    </row>
    <row r="104346" spans="8:8">
      <c r="H104346" s="12"/>
    </row>
    <row r="104347" spans="8:8">
      <c r="H104347" s="12"/>
    </row>
    <row r="104348" spans="8:8">
      <c r="H104348" s="12"/>
    </row>
    <row r="104349" spans="8:8">
      <c r="H104349" s="12"/>
    </row>
    <row r="104350" spans="8:8">
      <c r="H104350" s="12"/>
    </row>
    <row r="104351" spans="8:8">
      <c r="H104351" s="12"/>
    </row>
    <row r="104352" spans="8:8">
      <c r="H104352" s="12"/>
    </row>
    <row r="104353" spans="8:8">
      <c r="H104353" s="12"/>
    </row>
    <row r="104354" spans="8:8">
      <c r="H104354" s="12"/>
    </row>
    <row r="104355" spans="8:8">
      <c r="H104355" s="12"/>
    </row>
    <row r="104356" spans="8:8">
      <c r="H104356" s="12"/>
    </row>
    <row r="104357" spans="8:8">
      <c r="H104357" s="12"/>
    </row>
    <row r="104358" spans="8:8">
      <c r="H104358" s="12"/>
    </row>
    <row r="104359" spans="8:8">
      <c r="H104359" s="12"/>
    </row>
    <row r="104360" spans="8:8">
      <c r="H104360" s="12"/>
    </row>
    <row r="104361" spans="8:8">
      <c r="H104361" s="12"/>
    </row>
    <row r="104362" spans="8:8">
      <c r="H104362" s="12"/>
    </row>
    <row r="104363" spans="8:8">
      <c r="H104363" s="12"/>
    </row>
    <row r="104364" spans="8:8">
      <c r="H104364" s="12"/>
    </row>
    <row r="104365" spans="8:8">
      <c r="H104365" s="12"/>
    </row>
    <row r="104366" spans="8:8">
      <c r="H104366" s="12"/>
    </row>
    <row r="104367" spans="8:8">
      <c r="H104367" s="12"/>
    </row>
    <row r="104368" spans="8:8">
      <c r="H104368" s="12"/>
    </row>
    <row r="104369" spans="8:8">
      <c r="H104369" s="12"/>
    </row>
    <row r="104370" spans="8:8">
      <c r="H104370" s="12"/>
    </row>
    <row r="104371" spans="8:8">
      <c r="H104371" s="12"/>
    </row>
    <row r="104372" spans="8:8">
      <c r="H104372" s="12"/>
    </row>
    <row r="104373" spans="8:8">
      <c r="H104373" s="12"/>
    </row>
    <row r="104374" spans="8:8">
      <c r="H104374" s="12"/>
    </row>
    <row r="104375" spans="8:8">
      <c r="H104375" s="12"/>
    </row>
    <row r="104376" spans="8:8">
      <c r="H104376" s="12"/>
    </row>
    <row r="104377" spans="8:8">
      <c r="H104377" s="12"/>
    </row>
    <row r="104378" spans="8:8">
      <c r="H104378" s="12"/>
    </row>
    <row r="104379" spans="8:8">
      <c r="H104379" s="12"/>
    </row>
    <row r="104380" spans="8:8">
      <c r="H104380" s="12"/>
    </row>
    <row r="104381" spans="8:8">
      <c r="H104381" s="12"/>
    </row>
    <row r="104382" spans="8:8">
      <c r="H104382" s="12"/>
    </row>
    <row r="104383" spans="8:8">
      <c r="H104383" s="12"/>
    </row>
    <row r="104384" spans="8:8">
      <c r="H104384" s="12"/>
    </row>
    <row r="104385" spans="8:8">
      <c r="H104385" s="12"/>
    </row>
    <row r="104386" spans="8:8">
      <c r="H104386" s="12"/>
    </row>
    <row r="104387" spans="8:8">
      <c r="H104387" s="12"/>
    </row>
    <row r="104388" spans="8:8">
      <c r="H104388" s="12"/>
    </row>
    <row r="104389" spans="8:8">
      <c r="H104389" s="12"/>
    </row>
    <row r="104390" spans="8:8">
      <c r="H104390" s="12"/>
    </row>
    <row r="104391" spans="8:8">
      <c r="H104391" s="12"/>
    </row>
    <row r="104392" spans="8:8">
      <c r="H104392" s="12"/>
    </row>
    <row r="104393" spans="8:8">
      <c r="H104393" s="12"/>
    </row>
    <row r="104394" spans="8:8">
      <c r="H104394" s="12"/>
    </row>
    <row r="104395" spans="8:8">
      <c r="H104395" s="12"/>
    </row>
    <row r="104396" spans="8:8">
      <c r="H104396" s="12"/>
    </row>
    <row r="104397" spans="8:8">
      <c r="H104397" s="12"/>
    </row>
    <row r="104398" spans="8:8">
      <c r="H104398" s="12"/>
    </row>
    <row r="104399" spans="8:8">
      <c r="H104399" s="12"/>
    </row>
    <row r="104400" spans="8:8">
      <c r="H104400" s="12"/>
    </row>
    <row r="104401" spans="8:8">
      <c r="H104401" s="12"/>
    </row>
    <row r="104402" spans="8:8">
      <c r="H104402" s="12"/>
    </row>
    <row r="104403" spans="8:8">
      <c r="H104403" s="12"/>
    </row>
    <row r="104404" spans="8:8">
      <c r="H104404" s="12"/>
    </row>
    <row r="104405" spans="8:8">
      <c r="H104405" s="12"/>
    </row>
    <row r="104406" spans="8:8">
      <c r="H104406" s="12"/>
    </row>
    <row r="104407" spans="8:8">
      <c r="H104407" s="12"/>
    </row>
    <row r="104408" spans="8:8">
      <c r="H104408" s="12"/>
    </row>
    <row r="104409" spans="8:8">
      <c r="H104409" s="12"/>
    </row>
    <row r="104410" spans="8:8">
      <c r="H104410" s="12"/>
    </row>
    <row r="104411" spans="8:8">
      <c r="H104411" s="12"/>
    </row>
    <row r="104412" spans="8:8">
      <c r="H104412" s="12"/>
    </row>
    <row r="104413" spans="8:8">
      <c r="H104413" s="12"/>
    </row>
    <row r="104414" spans="8:8">
      <c r="H104414" s="12"/>
    </row>
    <row r="104415" spans="8:8">
      <c r="H104415" s="12"/>
    </row>
    <row r="104416" spans="8:8">
      <c r="H104416" s="12"/>
    </row>
    <row r="104417" spans="8:8">
      <c r="H104417" s="12"/>
    </row>
    <row r="104418" spans="8:8">
      <c r="H104418" s="12"/>
    </row>
    <row r="104419" spans="8:8">
      <c r="H104419" s="12"/>
    </row>
    <row r="104420" spans="8:8">
      <c r="H104420" s="12"/>
    </row>
    <row r="104421" spans="8:8">
      <c r="H104421" s="12"/>
    </row>
    <row r="104422" spans="8:8">
      <c r="H104422" s="12"/>
    </row>
    <row r="104423" spans="8:8">
      <c r="H104423" s="12"/>
    </row>
    <row r="104424" spans="8:8">
      <c r="H104424" s="12"/>
    </row>
    <row r="104425" spans="8:8">
      <c r="H104425" s="12"/>
    </row>
    <row r="104426" spans="8:8">
      <c r="H104426" s="12"/>
    </row>
    <row r="104427" spans="8:8">
      <c r="H104427" s="12"/>
    </row>
    <row r="104428" spans="8:8">
      <c r="H104428" s="12"/>
    </row>
    <row r="104429" spans="8:8">
      <c r="H104429" s="12"/>
    </row>
    <row r="104430" spans="8:8">
      <c r="H104430" s="12"/>
    </row>
    <row r="104431" spans="8:8">
      <c r="H104431" s="12"/>
    </row>
    <row r="104432" spans="8:8">
      <c r="H104432" s="12"/>
    </row>
    <row r="104433" spans="8:8">
      <c r="H104433" s="12"/>
    </row>
    <row r="104434" spans="8:8">
      <c r="H104434" s="12"/>
    </row>
    <row r="104435" spans="8:8">
      <c r="H104435" s="12"/>
    </row>
    <row r="104436" spans="8:8">
      <c r="H104436" s="12"/>
    </row>
    <row r="104437" spans="8:8">
      <c r="H104437" s="12"/>
    </row>
    <row r="104438" spans="8:8">
      <c r="H104438" s="12"/>
    </row>
    <row r="104439" spans="8:8">
      <c r="H104439" s="12"/>
    </row>
    <row r="104440" spans="8:8">
      <c r="H104440" s="12"/>
    </row>
    <row r="104441" spans="8:8">
      <c r="H104441" s="12"/>
    </row>
    <row r="104442" spans="8:8">
      <c r="H104442" s="12"/>
    </row>
    <row r="104443" spans="8:8">
      <c r="H104443" s="12"/>
    </row>
    <row r="104444" spans="8:8">
      <c r="H104444" s="12"/>
    </row>
    <row r="104445" spans="8:8">
      <c r="H104445" s="12"/>
    </row>
    <row r="104446" spans="8:8">
      <c r="H104446" s="12"/>
    </row>
    <row r="104447" spans="8:8">
      <c r="H104447" s="12"/>
    </row>
    <row r="104448" spans="8:8">
      <c r="H104448" s="12"/>
    </row>
    <row r="104449" spans="8:8">
      <c r="H104449" s="12"/>
    </row>
    <row r="104450" spans="8:8">
      <c r="H104450" s="12"/>
    </row>
    <row r="104451" spans="8:8">
      <c r="H104451" s="12"/>
    </row>
    <row r="104452" spans="8:8">
      <c r="H104452" s="12"/>
    </row>
    <row r="104453" spans="8:8">
      <c r="H104453" s="12"/>
    </row>
    <row r="104454" spans="8:8">
      <c r="H104454" s="12"/>
    </row>
    <row r="104455" spans="8:8">
      <c r="H104455" s="12"/>
    </row>
    <row r="104456" spans="8:8">
      <c r="H104456" s="12"/>
    </row>
    <row r="104457" spans="8:8">
      <c r="H104457" s="12"/>
    </row>
    <row r="104458" spans="8:8">
      <c r="H104458" s="12"/>
    </row>
    <row r="104459" spans="8:8">
      <c r="H104459" s="12"/>
    </row>
    <row r="104460" spans="8:8">
      <c r="H104460" s="12"/>
    </row>
    <row r="104461" spans="8:8">
      <c r="H104461" s="12"/>
    </row>
    <row r="104462" spans="8:8">
      <c r="H104462" s="12"/>
    </row>
    <row r="104463" spans="8:8">
      <c r="H104463" s="12"/>
    </row>
    <row r="104464" spans="8:8">
      <c r="H104464" s="12"/>
    </row>
    <row r="104465" spans="8:8">
      <c r="H104465" s="12"/>
    </row>
    <row r="104466" spans="8:8">
      <c r="H104466" s="12"/>
    </row>
    <row r="104467" spans="8:8">
      <c r="H104467" s="12"/>
    </row>
    <row r="104468" spans="8:8">
      <c r="H104468" s="12"/>
    </row>
    <row r="104469" spans="8:8">
      <c r="H104469" s="12"/>
    </row>
    <row r="104470" spans="8:8">
      <c r="H104470" s="12"/>
    </row>
    <row r="104471" spans="8:8">
      <c r="H104471" s="12"/>
    </row>
    <row r="104472" spans="8:8">
      <c r="H104472" s="12"/>
    </row>
    <row r="104473" spans="8:8">
      <c r="H104473" s="12"/>
    </row>
    <row r="104474" spans="8:8">
      <c r="H104474" s="12"/>
    </row>
    <row r="104475" spans="8:8">
      <c r="H104475" s="12"/>
    </row>
    <row r="104476" spans="8:8">
      <c r="H104476" s="12"/>
    </row>
    <row r="104477" spans="8:8">
      <c r="H104477" s="12"/>
    </row>
    <row r="104478" spans="8:8">
      <c r="H104478" s="12"/>
    </row>
    <row r="104479" spans="8:8">
      <c r="H104479" s="12"/>
    </row>
    <row r="104480" spans="8:8">
      <c r="H104480" s="12"/>
    </row>
    <row r="104481" spans="8:8">
      <c r="H104481" s="12"/>
    </row>
    <row r="104482" spans="8:8">
      <c r="H104482" s="12"/>
    </row>
    <row r="104483" spans="8:8">
      <c r="H104483" s="12"/>
    </row>
    <row r="104484" spans="8:8">
      <c r="H104484" s="12"/>
    </row>
    <row r="104485" spans="8:8">
      <c r="H104485" s="12"/>
    </row>
    <row r="104486" spans="8:8">
      <c r="H104486" s="12"/>
    </row>
    <row r="104487" spans="8:8">
      <c r="H104487" s="12"/>
    </row>
    <row r="104488" spans="8:8">
      <c r="H104488" s="12"/>
    </row>
    <row r="104489" spans="8:8">
      <c r="H104489" s="12"/>
    </row>
    <row r="104490" spans="8:8">
      <c r="H104490" s="12"/>
    </row>
    <row r="104491" spans="8:8">
      <c r="H104491" s="12"/>
    </row>
    <row r="104492" spans="8:8">
      <c r="H104492" s="12"/>
    </row>
    <row r="104493" spans="8:8">
      <c r="H104493" s="12"/>
    </row>
    <row r="104494" spans="8:8">
      <c r="H104494" s="12"/>
    </row>
    <row r="104495" spans="8:8">
      <c r="H104495" s="12"/>
    </row>
    <row r="104496" spans="8:8">
      <c r="H104496" s="12"/>
    </row>
    <row r="104497" spans="8:8">
      <c r="H104497" s="12"/>
    </row>
    <row r="104498" spans="8:8">
      <c r="H104498" s="12"/>
    </row>
    <row r="104499" spans="8:8">
      <c r="H104499" s="12"/>
    </row>
    <row r="104500" spans="8:8">
      <c r="H104500" s="12"/>
    </row>
    <row r="104501" spans="8:8">
      <c r="H104501" s="12"/>
    </row>
    <row r="104502" spans="8:8">
      <c r="H104502" s="12"/>
    </row>
    <row r="104503" spans="8:8">
      <c r="H104503" s="12"/>
    </row>
    <row r="104504" spans="8:8">
      <c r="H104504" s="12"/>
    </row>
    <row r="104505" spans="8:8">
      <c r="H104505" s="12"/>
    </row>
    <row r="104506" spans="8:8">
      <c r="H104506" s="12"/>
    </row>
    <row r="104507" spans="8:8">
      <c r="H104507" s="12"/>
    </row>
    <row r="104508" spans="8:8">
      <c r="H104508" s="12"/>
    </row>
    <row r="104509" spans="8:8">
      <c r="H104509" s="12"/>
    </row>
    <row r="104510" spans="8:8">
      <c r="H104510" s="12"/>
    </row>
    <row r="104511" spans="8:8">
      <c r="H104511" s="12"/>
    </row>
    <row r="104512" spans="8:8">
      <c r="H104512" s="12"/>
    </row>
    <row r="104513" spans="8:8">
      <c r="H104513" s="12"/>
    </row>
    <row r="104514" spans="8:8">
      <c r="H104514" s="12"/>
    </row>
    <row r="104515" spans="8:8">
      <c r="H104515" s="12"/>
    </row>
    <row r="104516" spans="8:8">
      <c r="H104516" s="12"/>
    </row>
    <row r="104517" spans="8:8">
      <c r="H104517" s="12"/>
    </row>
    <row r="104518" spans="8:8">
      <c r="H104518" s="12"/>
    </row>
    <row r="104519" spans="8:8">
      <c r="H104519" s="12"/>
    </row>
    <row r="104520" spans="8:8">
      <c r="H104520" s="12"/>
    </row>
    <row r="104521" spans="8:8">
      <c r="H104521" s="12"/>
    </row>
    <row r="104522" spans="8:8">
      <c r="H104522" s="12"/>
    </row>
    <row r="104523" spans="8:8">
      <c r="H104523" s="12"/>
    </row>
    <row r="104524" spans="8:8">
      <c r="H104524" s="12"/>
    </row>
    <row r="104525" spans="8:8">
      <c r="H104525" s="12"/>
    </row>
    <row r="104526" spans="8:8">
      <c r="H104526" s="12"/>
    </row>
    <row r="104527" spans="8:8">
      <c r="H104527" s="12"/>
    </row>
    <row r="104528" spans="8:8">
      <c r="H104528" s="12"/>
    </row>
    <row r="104529" spans="8:8">
      <c r="H104529" s="12"/>
    </row>
    <row r="104530" spans="8:8">
      <c r="H104530" s="12"/>
    </row>
    <row r="104531" spans="8:8">
      <c r="H104531" s="12"/>
    </row>
    <row r="104532" spans="8:8">
      <c r="H104532" s="12"/>
    </row>
    <row r="104533" spans="8:8">
      <c r="H104533" s="12"/>
    </row>
    <row r="104534" spans="8:8">
      <c r="H104534" s="12"/>
    </row>
    <row r="104535" spans="8:8">
      <c r="H104535" s="12"/>
    </row>
    <row r="104536" spans="8:8">
      <c r="H104536" s="12"/>
    </row>
    <row r="104537" spans="8:8">
      <c r="H104537" s="12"/>
    </row>
    <row r="104538" spans="8:8">
      <c r="H104538" s="12"/>
    </row>
    <row r="104539" spans="8:8">
      <c r="H104539" s="12"/>
    </row>
    <row r="104540" spans="8:8">
      <c r="H104540" s="12"/>
    </row>
    <row r="104541" spans="8:8">
      <c r="H104541" s="12"/>
    </row>
    <row r="104542" spans="8:8">
      <c r="H104542" s="12"/>
    </row>
    <row r="104543" spans="8:8">
      <c r="H104543" s="12"/>
    </row>
    <row r="104544" spans="8:8">
      <c r="H104544" s="12"/>
    </row>
    <row r="104545" spans="8:8">
      <c r="H104545" s="12"/>
    </row>
    <row r="104546" spans="8:8">
      <c r="H104546" s="12"/>
    </row>
    <row r="104547" spans="8:8">
      <c r="H104547" s="12"/>
    </row>
    <row r="104548" spans="8:8">
      <c r="H104548" s="12"/>
    </row>
    <row r="104549" spans="8:8">
      <c r="H104549" s="12"/>
    </row>
    <row r="104550" spans="8:8">
      <c r="H104550" s="12"/>
    </row>
    <row r="104551" spans="8:8">
      <c r="H104551" s="12"/>
    </row>
    <row r="104552" spans="8:8">
      <c r="H104552" s="12"/>
    </row>
    <row r="104553" spans="8:8">
      <c r="H104553" s="12"/>
    </row>
    <row r="104554" spans="8:8">
      <c r="H104554" s="12"/>
    </row>
    <row r="104555" spans="8:8">
      <c r="H104555" s="12"/>
    </row>
    <row r="104556" spans="8:8">
      <c r="H104556" s="12"/>
    </row>
    <row r="104557" spans="8:8">
      <c r="H104557" s="12"/>
    </row>
    <row r="104558" spans="8:8">
      <c r="H104558" s="12"/>
    </row>
    <row r="104559" spans="8:8">
      <c r="H104559" s="12"/>
    </row>
    <row r="104560" spans="8:8">
      <c r="H104560" s="12"/>
    </row>
    <row r="104561" spans="8:8">
      <c r="H104561" s="12"/>
    </row>
    <row r="104562" spans="8:8">
      <c r="H104562" s="12"/>
    </row>
    <row r="104563" spans="8:8">
      <c r="H104563" s="12"/>
    </row>
    <row r="104564" spans="8:8">
      <c r="H104564" s="12"/>
    </row>
    <row r="104565" spans="8:8">
      <c r="H104565" s="12"/>
    </row>
    <row r="104566" spans="8:8">
      <c r="H104566" s="12"/>
    </row>
    <row r="104567" spans="8:8">
      <c r="H104567" s="12"/>
    </row>
    <row r="104568" spans="8:8">
      <c r="H104568" s="12"/>
    </row>
    <row r="104569" spans="8:8">
      <c r="H104569" s="12"/>
    </row>
    <row r="104570" spans="8:8">
      <c r="H104570" s="12"/>
    </row>
    <row r="104571" spans="8:8">
      <c r="H104571" s="12"/>
    </row>
    <row r="104572" spans="8:8">
      <c r="H104572" s="12"/>
    </row>
    <row r="104573" spans="8:8">
      <c r="H104573" s="12"/>
    </row>
    <row r="104574" spans="8:8">
      <c r="H104574" s="12"/>
    </row>
    <row r="104575" spans="8:8">
      <c r="H104575" s="12"/>
    </row>
    <row r="104576" spans="8:8">
      <c r="H104576" s="12"/>
    </row>
    <row r="104577" spans="8:8">
      <c r="H104577" s="12"/>
    </row>
    <row r="104578" spans="8:8">
      <c r="H104578" s="12"/>
    </row>
    <row r="104579" spans="8:8">
      <c r="H104579" s="12"/>
    </row>
    <row r="104580" spans="8:8">
      <c r="H104580" s="12"/>
    </row>
    <row r="104581" spans="8:8">
      <c r="H104581" s="12"/>
    </row>
    <row r="104582" spans="8:8">
      <c r="H104582" s="12"/>
    </row>
    <row r="104583" spans="8:8">
      <c r="H104583" s="12"/>
    </row>
    <row r="104584" spans="8:8">
      <c r="H104584" s="12"/>
    </row>
    <row r="104585" spans="8:8">
      <c r="H104585" s="12"/>
    </row>
    <row r="104586" spans="8:8">
      <c r="H104586" s="12"/>
    </row>
    <row r="104587" spans="8:8">
      <c r="H104587" s="12"/>
    </row>
    <row r="104588" spans="8:8">
      <c r="H104588" s="12"/>
    </row>
    <row r="104589" spans="8:8">
      <c r="H104589" s="12"/>
    </row>
    <row r="104590" spans="8:8">
      <c r="H104590" s="12"/>
    </row>
    <row r="104591" spans="8:8">
      <c r="H104591" s="12"/>
    </row>
    <row r="104592" spans="8:8">
      <c r="H104592" s="12"/>
    </row>
    <row r="104593" spans="8:8">
      <c r="H104593" s="12"/>
    </row>
    <row r="104594" spans="8:8">
      <c r="H104594" s="12"/>
    </row>
    <row r="104595" spans="8:8">
      <c r="H104595" s="12"/>
    </row>
    <row r="104596" spans="8:8">
      <c r="H104596" s="12"/>
    </row>
    <row r="104597" spans="8:8">
      <c r="H104597" s="12"/>
    </row>
    <row r="104598" spans="8:8">
      <c r="H104598" s="12"/>
    </row>
    <row r="104599" spans="8:8">
      <c r="H104599" s="12"/>
    </row>
    <row r="104600" spans="8:8">
      <c r="H104600" s="12"/>
    </row>
    <row r="104601" spans="8:8">
      <c r="H104601" s="12"/>
    </row>
    <row r="104602" spans="8:8">
      <c r="H104602" s="12"/>
    </row>
    <row r="104603" spans="8:8">
      <c r="H104603" s="12"/>
    </row>
    <row r="104604" spans="8:8">
      <c r="H104604" s="12"/>
    </row>
    <row r="104605" spans="8:8">
      <c r="H104605" s="12"/>
    </row>
    <row r="104606" spans="8:8">
      <c r="H104606" s="12"/>
    </row>
    <row r="104607" spans="8:8">
      <c r="H104607" s="12"/>
    </row>
    <row r="104608" spans="8:8">
      <c r="H104608" s="12"/>
    </row>
    <row r="104609" spans="8:8">
      <c r="H104609" s="12"/>
    </row>
    <row r="104610" spans="8:8">
      <c r="H104610" s="12"/>
    </row>
    <row r="104611" spans="8:8">
      <c r="H104611" s="12"/>
    </row>
    <row r="104612" spans="8:8">
      <c r="H104612" s="12"/>
    </row>
    <row r="104613" spans="8:8">
      <c r="H104613" s="12"/>
    </row>
    <row r="104614" spans="8:8">
      <c r="H104614" s="12"/>
    </row>
    <row r="104615" spans="8:8">
      <c r="H104615" s="12"/>
    </row>
    <row r="104616" spans="8:8">
      <c r="H104616" s="12"/>
    </row>
    <row r="104617" spans="8:8">
      <c r="H104617" s="12"/>
    </row>
    <row r="104618" spans="8:8">
      <c r="H104618" s="12"/>
    </row>
    <row r="104619" spans="8:8">
      <c r="H104619" s="12"/>
    </row>
    <row r="104620" spans="8:8">
      <c r="H104620" s="12"/>
    </row>
    <row r="104621" spans="8:8">
      <c r="H104621" s="12"/>
    </row>
    <row r="104622" spans="8:8">
      <c r="H104622" s="12"/>
    </row>
    <row r="104623" spans="8:8">
      <c r="H104623" s="12"/>
    </row>
    <row r="104624" spans="8:8">
      <c r="H104624" s="12"/>
    </row>
    <row r="104625" spans="8:8">
      <c r="H104625" s="12"/>
    </row>
    <row r="104626" spans="8:8">
      <c r="H104626" s="12"/>
    </row>
    <row r="104627" spans="8:8">
      <c r="H104627" s="12"/>
    </row>
    <row r="104628" spans="8:8">
      <c r="H104628" s="12"/>
    </row>
    <row r="104629" spans="8:8">
      <c r="H104629" s="12"/>
    </row>
    <row r="104630" spans="8:8">
      <c r="H104630" s="12"/>
    </row>
    <row r="104631" spans="8:8">
      <c r="H104631" s="12"/>
    </row>
    <row r="104632" spans="8:8">
      <c r="H104632" s="12"/>
    </row>
    <row r="104633" spans="8:8">
      <c r="H104633" s="12"/>
    </row>
    <row r="104634" spans="8:8">
      <c r="H104634" s="12"/>
    </row>
    <row r="104635" spans="8:8">
      <c r="H104635" s="12"/>
    </row>
    <row r="104636" spans="8:8">
      <c r="H104636" s="12"/>
    </row>
    <row r="104637" spans="8:8">
      <c r="H104637" s="12"/>
    </row>
    <row r="104638" spans="8:8">
      <c r="H104638" s="12"/>
    </row>
    <row r="104639" spans="8:8">
      <c r="H104639" s="12"/>
    </row>
    <row r="104640" spans="8:8">
      <c r="H104640" s="12"/>
    </row>
    <row r="104641" spans="8:8">
      <c r="H104641" s="12"/>
    </row>
    <row r="104642" spans="8:8">
      <c r="H104642" s="12"/>
    </row>
    <row r="104643" spans="8:8">
      <c r="H104643" s="12"/>
    </row>
    <row r="104644" spans="8:8">
      <c r="H104644" s="12"/>
    </row>
    <row r="104645" spans="8:8">
      <c r="H104645" s="12"/>
    </row>
    <row r="104646" spans="8:8">
      <c r="H104646" s="12"/>
    </row>
    <row r="104647" spans="8:8">
      <c r="H104647" s="12"/>
    </row>
    <row r="104648" spans="8:8">
      <c r="H104648" s="12"/>
    </row>
    <row r="104649" spans="8:8">
      <c r="H104649" s="12"/>
    </row>
    <row r="104650" spans="8:8">
      <c r="H104650" s="12"/>
    </row>
    <row r="104651" spans="8:8">
      <c r="H104651" s="12"/>
    </row>
    <row r="104652" spans="8:8">
      <c r="H104652" s="12"/>
    </row>
    <row r="104653" spans="8:8">
      <c r="H104653" s="12"/>
    </row>
    <row r="104654" spans="8:8">
      <c r="H104654" s="12"/>
    </row>
    <row r="104655" spans="8:8">
      <c r="H104655" s="12"/>
    </row>
    <row r="104656" spans="8:8">
      <c r="H104656" s="12"/>
    </row>
    <row r="104657" spans="8:8">
      <c r="H104657" s="12"/>
    </row>
    <row r="104658" spans="8:8">
      <c r="H104658" s="12"/>
    </row>
    <row r="104659" spans="8:8">
      <c r="H104659" s="12"/>
    </row>
    <row r="104660" spans="8:8">
      <c r="H104660" s="12"/>
    </row>
    <row r="104661" spans="8:8">
      <c r="H104661" s="12"/>
    </row>
    <row r="104662" spans="8:8">
      <c r="H104662" s="12"/>
    </row>
    <row r="104663" spans="8:8">
      <c r="H104663" s="12"/>
    </row>
    <row r="104664" spans="8:8">
      <c r="H104664" s="12"/>
    </row>
    <row r="104665" spans="8:8">
      <c r="H104665" s="12"/>
    </row>
    <row r="104666" spans="8:8">
      <c r="H104666" s="12"/>
    </row>
    <row r="104667" spans="8:8">
      <c r="H104667" s="12"/>
    </row>
    <row r="104668" spans="8:8">
      <c r="H104668" s="12"/>
    </row>
    <row r="104669" spans="8:8">
      <c r="H104669" s="12"/>
    </row>
    <row r="104670" spans="8:8">
      <c r="H104670" s="12"/>
    </row>
    <row r="104671" spans="8:8">
      <c r="H104671" s="12"/>
    </row>
    <row r="104672" spans="8:8">
      <c r="H104672" s="12"/>
    </row>
    <row r="104673" spans="8:8">
      <c r="H104673" s="12"/>
    </row>
    <row r="104674" spans="8:8">
      <c r="H104674" s="12"/>
    </row>
    <row r="104675" spans="8:8">
      <c r="H104675" s="12"/>
    </row>
    <row r="104676" spans="8:8">
      <c r="H104676" s="12"/>
    </row>
    <row r="104677" spans="8:8">
      <c r="H104677" s="12"/>
    </row>
    <row r="104678" spans="8:8">
      <c r="H104678" s="12"/>
    </row>
    <row r="104679" spans="8:8">
      <c r="H104679" s="12"/>
    </row>
    <row r="104680" spans="8:8">
      <c r="H104680" s="12"/>
    </row>
    <row r="104681" spans="8:8">
      <c r="H104681" s="12"/>
    </row>
    <row r="104682" spans="8:8">
      <c r="H104682" s="12"/>
    </row>
    <row r="104683" spans="8:8">
      <c r="H104683" s="12"/>
    </row>
    <row r="104684" spans="8:8">
      <c r="H104684" s="12"/>
    </row>
    <row r="104685" spans="8:8">
      <c r="H104685" s="12"/>
    </row>
    <row r="104686" spans="8:8">
      <c r="H104686" s="12"/>
    </row>
    <row r="104687" spans="8:8">
      <c r="H104687" s="12"/>
    </row>
    <row r="104688" spans="8:8">
      <c r="H104688" s="12"/>
    </row>
    <row r="104689" spans="8:8">
      <c r="H104689" s="12"/>
    </row>
    <row r="104690" spans="8:8">
      <c r="H104690" s="12"/>
    </row>
    <row r="104691" spans="8:8">
      <c r="H104691" s="12"/>
    </row>
    <row r="104692" spans="8:8">
      <c r="H104692" s="12"/>
    </row>
    <row r="104693" spans="8:8">
      <c r="H104693" s="12"/>
    </row>
    <row r="104694" spans="8:8">
      <c r="H104694" s="12"/>
    </row>
    <row r="104695" spans="8:8">
      <c r="H104695" s="12"/>
    </row>
    <row r="104696" spans="8:8">
      <c r="H104696" s="12"/>
    </row>
    <row r="104697" spans="8:8">
      <c r="H104697" s="12"/>
    </row>
    <row r="104698" spans="8:8">
      <c r="H104698" s="12"/>
    </row>
    <row r="104699" spans="8:8">
      <c r="H104699" s="12"/>
    </row>
    <row r="104700" spans="8:8">
      <c r="H104700" s="12"/>
    </row>
    <row r="104701" spans="8:8">
      <c r="H104701" s="12"/>
    </row>
    <row r="104702" spans="8:8">
      <c r="H104702" s="12"/>
    </row>
    <row r="104703" spans="8:8">
      <c r="H104703" s="12"/>
    </row>
    <row r="104704" spans="8:8">
      <c r="H104704" s="12"/>
    </row>
    <row r="104705" spans="8:8">
      <c r="H104705" s="12"/>
    </row>
    <row r="104706" spans="8:8">
      <c r="H104706" s="12"/>
    </row>
    <row r="104707" spans="8:8">
      <c r="H104707" s="12"/>
    </row>
    <row r="104708" spans="8:8">
      <c r="H104708" s="12"/>
    </row>
    <row r="104709" spans="8:8">
      <c r="H104709" s="12"/>
    </row>
    <row r="104710" spans="8:8">
      <c r="H104710" s="12"/>
    </row>
    <row r="104711" spans="8:8">
      <c r="H104711" s="12"/>
    </row>
    <row r="104712" spans="8:8">
      <c r="H104712" s="12"/>
    </row>
    <row r="104713" spans="8:8">
      <c r="H104713" s="12"/>
    </row>
    <row r="104714" spans="8:8">
      <c r="H104714" s="12"/>
    </row>
    <row r="104715" spans="8:8">
      <c r="H104715" s="12"/>
    </row>
    <row r="104716" spans="8:8">
      <c r="H104716" s="12"/>
    </row>
    <row r="104717" spans="8:8">
      <c r="H104717" s="12"/>
    </row>
    <row r="104718" spans="8:8">
      <c r="H104718" s="12"/>
    </row>
    <row r="104719" spans="8:8">
      <c r="H104719" s="12"/>
    </row>
    <row r="104720" spans="8:8">
      <c r="H104720" s="12"/>
    </row>
    <row r="104721" spans="8:8">
      <c r="H104721" s="12"/>
    </row>
    <row r="104722" spans="8:8">
      <c r="H104722" s="12"/>
    </row>
    <row r="104723" spans="8:8">
      <c r="H104723" s="12"/>
    </row>
    <row r="104724" spans="8:8">
      <c r="H104724" s="12"/>
    </row>
    <row r="104725" spans="8:8">
      <c r="H104725" s="12"/>
    </row>
    <row r="104726" spans="8:8">
      <c r="H104726" s="12"/>
    </row>
    <row r="104727" spans="8:8">
      <c r="H104727" s="12"/>
    </row>
    <row r="104728" spans="8:8">
      <c r="H104728" s="12"/>
    </row>
    <row r="104729" spans="8:8">
      <c r="H104729" s="12"/>
    </row>
    <row r="104730" spans="8:8">
      <c r="H104730" s="12"/>
    </row>
    <row r="104731" spans="8:8">
      <c r="H104731" s="12"/>
    </row>
    <row r="104732" spans="8:8">
      <c r="H104732" s="12"/>
    </row>
    <row r="104733" spans="8:8">
      <c r="H104733" s="12"/>
    </row>
    <row r="104734" spans="8:8">
      <c r="H104734" s="12"/>
    </row>
    <row r="104735" spans="8:8">
      <c r="H104735" s="12"/>
    </row>
    <row r="104736" spans="8:8">
      <c r="H104736" s="12"/>
    </row>
    <row r="104737" spans="8:8">
      <c r="H104737" s="12"/>
    </row>
    <row r="104738" spans="8:8">
      <c r="H104738" s="12"/>
    </row>
    <row r="104739" spans="8:8">
      <c r="H104739" s="12"/>
    </row>
    <row r="104740" spans="8:8">
      <c r="H104740" s="12"/>
    </row>
    <row r="104741" spans="8:8">
      <c r="H104741" s="12"/>
    </row>
    <row r="104742" spans="8:8">
      <c r="H104742" s="12"/>
    </row>
    <row r="104743" spans="8:8">
      <c r="H104743" s="12"/>
    </row>
    <row r="104744" spans="8:8">
      <c r="H104744" s="12"/>
    </row>
    <row r="104745" spans="8:8">
      <c r="H104745" s="12"/>
    </row>
    <row r="104746" spans="8:8">
      <c r="H104746" s="12"/>
    </row>
    <row r="104747" spans="8:8">
      <c r="H104747" s="12"/>
    </row>
    <row r="104748" spans="8:8">
      <c r="H104748" s="12"/>
    </row>
    <row r="104749" spans="8:8">
      <c r="H104749" s="12"/>
    </row>
    <row r="104750" spans="8:8">
      <c r="H104750" s="12"/>
    </row>
    <row r="104751" spans="8:8">
      <c r="H104751" s="12"/>
    </row>
    <row r="104752" spans="8:8">
      <c r="H104752" s="12"/>
    </row>
    <row r="104753" spans="8:8">
      <c r="H104753" s="12"/>
    </row>
    <row r="104754" spans="8:8">
      <c r="H104754" s="12"/>
    </row>
    <row r="104755" spans="8:8">
      <c r="H104755" s="12"/>
    </row>
    <row r="104756" spans="8:8">
      <c r="H104756" s="12"/>
    </row>
    <row r="104757" spans="8:8">
      <c r="H104757" s="12"/>
    </row>
    <row r="104758" spans="8:8">
      <c r="H104758" s="12"/>
    </row>
    <row r="104759" spans="8:8">
      <c r="H104759" s="12"/>
    </row>
    <row r="104760" spans="8:8">
      <c r="H104760" s="12"/>
    </row>
    <row r="104761" spans="8:8">
      <c r="H104761" s="12"/>
    </row>
    <row r="104762" spans="8:8">
      <c r="H104762" s="12"/>
    </row>
    <row r="104763" spans="8:8">
      <c r="H104763" s="12"/>
    </row>
    <row r="104764" spans="8:8">
      <c r="H104764" s="12"/>
    </row>
    <row r="104765" spans="8:8">
      <c r="H104765" s="12"/>
    </row>
    <row r="104766" spans="8:8">
      <c r="H104766" s="12"/>
    </row>
    <row r="104767" spans="8:8">
      <c r="H104767" s="12"/>
    </row>
    <row r="104768" spans="8:8">
      <c r="H104768" s="12"/>
    </row>
    <row r="104769" spans="8:8">
      <c r="H104769" s="12"/>
    </row>
    <row r="104770" spans="8:8">
      <c r="H104770" s="12"/>
    </row>
    <row r="104771" spans="8:8">
      <c r="H104771" s="12"/>
    </row>
    <row r="104772" spans="8:8">
      <c r="H104772" s="12"/>
    </row>
    <row r="104773" spans="8:8">
      <c r="H104773" s="12"/>
    </row>
    <row r="104774" spans="8:8">
      <c r="H104774" s="12"/>
    </row>
    <row r="104775" spans="8:8">
      <c r="H104775" s="12"/>
    </row>
    <row r="104776" spans="8:8">
      <c r="H104776" s="12"/>
    </row>
    <row r="104777" spans="8:8">
      <c r="H104777" s="12"/>
    </row>
    <row r="104778" spans="8:8">
      <c r="H104778" s="12"/>
    </row>
    <row r="104779" spans="8:8">
      <c r="H104779" s="12"/>
    </row>
    <row r="104780" spans="8:8">
      <c r="H104780" s="12"/>
    </row>
    <row r="104781" spans="8:8">
      <c r="H104781" s="12"/>
    </row>
    <row r="104782" spans="8:8">
      <c r="H104782" s="12"/>
    </row>
    <row r="104783" spans="8:8">
      <c r="H104783" s="12"/>
    </row>
    <row r="104784" spans="8:8">
      <c r="H104784" s="12"/>
    </row>
    <row r="104785" spans="8:8">
      <c r="H104785" s="12"/>
    </row>
    <row r="104786" spans="8:8">
      <c r="H104786" s="12"/>
    </row>
    <row r="104787" spans="8:8">
      <c r="H104787" s="12"/>
    </row>
    <row r="104788" spans="8:8">
      <c r="H104788" s="12"/>
    </row>
    <row r="104789" spans="8:8">
      <c r="H104789" s="12"/>
    </row>
    <row r="104790" spans="8:8">
      <c r="H104790" s="12"/>
    </row>
    <row r="104791" spans="8:8">
      <c r="H104791" s="12"/>
    </row>
    <row r="104792" spans="8:8">
      <c r="H104792" s="12"/>
    </row>
    <row r="104793" spans="8:8">
      <c r="H104793" s="12"/>
    </row>
    <row r="104794" spans="8:8">
      <c r="H104794" s="12"/>
    </row>
    <row r="104795" spans="8:8">
      <c r="H104795" s="12"/>
    </row>
    <row r="104796" spans="8:8">
      <c r="H104796" s="12"/>
    </row>
    <row r="104797" spans="8:8">
      <c r="H104797" s="12"/>
    </row>
    <row r="104798" spans="8:8">
      <c r="H104798" s="12"/>
    </row>
    <row r="104799" spans="8:8">
      <c r="H104799" s="12"/>
    </row>
    <row r="104800" spans="8:8">
      <c r="H104800" s="12"/>
    </row>
    <row r="104801" spans="8:8">
      <c r="H104801" s="12"/>
    </row>
    <row r="104802" spans="8:8">
      <c r="H104802" s="12"/>
    </row>
    <row r="104803" spans="8:8">
      <c r="H104803" s="12"/>
    </row>
    <row r="104804" spans="8:8">
      <c r="H104804" s="12"/>
    </row>
    <row r="104805" spans="8:8">
      <c r="H104805" s="12"/>
    </row>
    <row r="104806" spans="8:8">
      <c r="H104806" s="12"/>
    </row>
    <row r="104807" spans="8:8">
      <c r="H104807" s="12"/>
    </row>
    <row r="104808" spans="8:8">
      <c r="H104808" s="12"/>
    </row>
    <row r="104809" spans="8:8">
      <c r="H104809" s="12"/>
    </row>
    <row r="104810" spans="8:8">
      <c r="H104810" s="12"/>
    </row>
    <row r="104811" spans="8:8">
      <c r="H104811" s="12"/>
    </row>
    <row r="104812" spans="8:8">
      <c r="H104812" s="12"/>
    </row>
    <row r="104813" spans="8:8">
      <c r="H104813" s="12"/>
    </row>
    <row r="104814" spans="8:8">
      <c r="H104814" s="12"/>
    </row>
    <row r="104815" spans="8:8">
      <c r="H104815" s="12"/>
    </row>
    <row r="104816" spans="8:8">
      <c r="H104816" s="12"/>
    </row>
    <row r="104817" spans="8:8">
      <c r="H104817" s="12"/>
    </row>
    <row r="104818" spans="8:8">
      <c r="H104818" s="12"/>
    </row>
    <row r="104819" spans="8:8">
      <c r="H104819" s="12"/>
    </row>
    <row r="104820" spans="8:8">
      <c r="H104820" s="12"/>
    </row>
    <row r="104821" spans="8:8">
      <c r="H104821" s="12"/>
    </row>
    <row r="104822" spans="8:8">
      <c r="H104822" s="12"/>
    </row>
    <row r="104823" spans="8:8">
      <c r="H104823" s="12"/>
    </row>
    <row r="104824" spans="8:8">
      <c r="H104824" s="12"/>
    </row>
    <row r="104825" spans="8:8">
      <c r="H104825" s="12"/>
    </row>
    <row r="104826" spans="8:8">
      <c r="H104826" s="12"/>
    </row>
    <row r="104827" spans="8:8">
      <c r="H104827" s="12"/>
    </row>
    <row r="104828" spans="8:8">
      <c r="H104828" s="12"/>
    </row>
    <row r="104829" spans="8:8">
      <c r="H104829" s="12"/>
    </row>
    <row r="104830" spans="8:8">
      <c r="H104830" s="12"/>
    </row>
    <row r="104831" spans="8:8">
      <c r="H104831" s="12"/>
    </row>
    <row r="104832" spans="8:8">
      <c r="H104832" s="12"/>
    </row>
    <row r="104833" spans="8:8">
      <c r="H104833" s="12"/>
    </row>
    <row r="104834" spans="8:8">
      <c r="H104834" s="12"/>
    </row>
    <row r="104835" spans="8:8">
      <c r="H104835" s="12"/>
    </row>
    <row r="104836" spans="8:8">
      <c r="H104836" s="12"/>
    </row>
    <row r="104837" spans="8:8">
      <c r="H104837" s="12"/>
    </row>
    <row r="104838" spans="8:8">
      <c r="H104838" s="12"/>
    </row>
    <row r="104839" spans="8:8">
      <c r="H104839" s="12"/>
    </row>
    <row r="104840" spans="8:8">
      <c r="H104840" s="12"/>
    </row>
    <row r="104841" spans="8:8">
      <c r="H104841" s="12"/>
    </row>
    <row r="104842" spans="8:8">
      <c r="H104842" s="12"/>
    </row>
    <row r="104843" spans="8:8">
      <c r="H104843" s="12"/>
    </row>
    <row r="104844" spans="8:8">
      <c r="H104844" s="12"/>
    </row>
    <row r="104845" spans="8:8">
      <c r="H104845" s="12"/>
    </row>
    <row r="104846" spans="8:8">
      <c r="H104846" s="12"/>
    </row>
    <row r="104847" spans="8:8">
      <c r="H104847" s="12"/>
    </row>
    <row r="104848" spans="8:8">
      <c r="H104848" s="12"/>
    </row>
    <row r="104849" spans="8:8">
      <c r="H104849" s="12"/>
    </row>
    <row r="104850" spans="8:8">
      <c r="H104850" s="12"/>
    </row>
    <row r="104851" spans="8:8">
      <c r="H104851" s="12"/>
    </row>
    <row r="104852" spans="8:8">
      <c r="H104852" s="12"/>
    </row>
    <row r="104853" spans="8:8">
      <c r="H104853" s="12"/>
    </row>
    <row r="104854" spans="8:8">
      <c r="H104854" s="12"/>
    </row>
    <row r="104855" spans="8:8">
      <c r="H104855" s="12"/>
    </row>
    <row r="104856" spans="8:8">
      <c r="H104856" s="12"/>
    </row>
    <row r="104857" spans="8:8">
      <c r="H104857" s="12"/>
    </row>
    <row r="104858" spans="8:8">
      <c r="H104858" s="12"/>
    </row>
    <row r="104859" spans="8:8">
      <c r="H104859" s="12"/>
    </row>
    <row r="104860" spans="8:8">
      <c r="H104860" s="12"/>
    </row>
    <row r="104861" spans="8:8">
      <c r="H104861" s="12"/>
    </row>
    <row r="104862" spans="8:8">
      <c r="H104862" s="12"/>
    </row>
    <row r="104863" spans="8:8">
      <c r="H104863" s="12"/>
    </row>
    <row r="104864" spans="8:8">
      <c r="H104864" s="12"/>
    </row>
    <row r="104865" spans="8:8">
      <c r="H104865" s="12"/>
    </row>
    <row r="104866" spans="8:8">
      <c r="H104866" s="12"/>
    </row>
    <row r="104867" spans="8:8">
      <c r="H104867" s="12"/>
    </row>
    <row r="104868" spans="8:8">
      <c r="H104868" s="12"/>
    </row>
    <row r="104869" spans="8:8">
      <c r="H104869" s="12"/>
    </row>
    <row r="104870" spans="8:8">
      <c r="H104870" s="12"/>
    </row>
    <row r="104871" spans="8:8">
      <c r="H104871" s="12"/>
    </row>
    <row r="104872" spans="8:8">
      <c r="H104872" s="12"/>
    </row>
    <row r="104873" spans="8:8">
      <c r="H104873" s="12"/>
    </row>
    <row r="104874" spans="8:8">
      <c r="H104874" s="12"/>
    </row>
    <row r="104875" spans="8:8">
      <c r="H104875" s="12"/>
    </row>
    <row r="104876" spans="8:8">
      <c r="H104876" s="12"/>
    </row>
    <row r="104877" spans="8:8">
      <c r="H104877" s="12"/>
    </row>
    <row r="104878" spans="8:8">
      <c r="H104878" s="12"/>
    </row>
    <row r="104879" spans="8:8">
      <c r="H104879" s="12"/>
    </row>
    <row r="104880" spans="8:8">
      <c r="H104880" s="12"/>
    </row>
    <row r="104881" spans="8:8">
      <c r="H104881" s="12"/>
    </row>
    <row r="104882" spans="8:8">
      <c r="H104882" s="12"/>
    </row>
    <row r="104883" spans="8:8">
      <c r="H104883" s="12"/>
    </row>
    <row r="104884" spans="8:8">
      <c r="H104884" s="12"/>
    </row>
    <row r="104885" spans="8:8">
      <c r="H104885" s="12"/>
    </row>
    <row r="104886" spans="8:8">
      <c r="H104886" s="12"/>
    </row>
    <row r="104887" spans="8:8">
      <c r="H104887" s="12"/>
    </row>
    <row r="104888" spans="8:8">
      <c r="H104888" s="12"/>
    </row>
    <row r="104889" spans="8:8">
      <c r="H104889" s="12"/>
    </row>
    <row r="104890" spans="8:8">
      <c r="H104890" s="12"/>
    </row>
    <row r="104891" spans="8:8">
      <c r="H104891" s="12"/>
    </row>
    <row r="104892" spans="8:8">
      <c r="H104892" s="12"/>
    </row>
    <row r="104893" spans="8:8">
      <c r="H104893" s="12"/>
    </row>
    <row r="104894" spans="8:8">
      <c r="H104894" s="12"/>
    </row>
    <row r="104895" spans="8:8">
      <c r="H104895" s="12"/>
    </row>
    <row r="104896" spans="8:8">
      <c r="H104896" s="12"/>
    </row>
    <row r="104897" spans="8:8">
      <c r="H104897" s="12"/>
    </row>
    <row r="104898" spans="8:8">
      <c r="H104898" s="12"/>
    </row>
    <row r="104899" spans="8:8">
      <c r="H104899" s="12"/>
    </row>
    <row r="104900" spans="8:8">
      <c r="H104900" s="12"/>
    </row>
    <row r="104901" spans="8:8">
      <c r="H104901" s="12"/>
    </row>
    <row r="104902" spans="8:8">
      <c r="H104902" s="12"/>
    </row>
    <row r="104903" spans="8:8">
      <c r="H104903" s="12"/>
    </row>
    <row r="104904" spans="8:8">
      <c r="H104904" s="12"/>
    </row>
    <row r="104905" spans="8:8">
      <c r="H104905" s="12"/>
    </row>
    <row r="104906" spans="8:8">
      <c r="H104906" s="12"/>
    </row>
    <row r="104907" spans="8:8">
      <c r="H104907" s="12"/>
    </row>
    <row r="104908" spans="8:8">
      <c r="H104908" s="12"/>
    </row>
    <row r="104909" spans="8:8">
      <c r="H104909" s="12"/>
    </row>
    <row r="104910" spans="8:8">
      <c r="H104910" s="12"/>
    </row>
    <row r="104911" spans="8:8">
      <c r="H104911" s="12"/>
    </row>
    <row r="104912" spans="8:8">
      <c r="H104912" s="12"/>
    </row>
    <row r="104913" spans="8:8">
      <c r="H104913" s="12"/>
    </row>
    <row r="104914" spans="8:8">
      <c r="H104914" s="12"/>
    </row>
    <row r="104915" spans="8:8">
      <c r="H104915" s="12"/>
    </row>
    <row r="104916" spans="8:8">
      <c r="H104916" s="12"/>
    </row>
    <row r="104917" spans="8:8">
      <c r="H104917" s="12"/>
    </row>
    <row r="104918" spans="8:8">
      <c r="H104918" s="12"/>
    </row>
    <row r="104919" spans="8:8">
      <c r="H104919" s="12"/>
    </row>
    <row r="104920" spans="8:8">
      <c r="H104920" s="12"/>
    </row>
    <row r="104921" spans="8:8">
      <c r="H104921" s="12"/>
    </row>
    <row r="104922" spans="8:8">
      <c r="H104922" s="12"/>
    </row>
    <row r="104923" spans="8:8">
      <c r="H104923" s="12"/>
    </row>
    <row r="104924" spans="8:8">
      <c r="H104924" s="12"/>
    </row>
    <row r="104925" spans="8:8">
      <c r="H104925" s="12"/>
    </row>
    <row r="104926" spans="8:8">
      <c r="H104926" s="12"/>
    </row>
    <row r="104927" spans="8:8">
      <c r="H104927" s="12"/>
    </row>
    <row r="104928" spans="8:8">
      <c r="H104928" s="12"/>
    </row>
    <row r="104929" spans="8:8">
      <c r="H104929" s="12"/>
    </row>
    <row r="104930" spans="8:8">
      <c r="H104930" s="12"/>
    </row>
    <row r="104931" spans="8:8">
      <c r="H104931" s="12"/>
    </row>
    <row r="104932" spans="8:8">
      <c r="H104932" s="12"/>
    </row>
    <row r="104933" spans="8:8">
      <c r="H104933" s="12"/>
    </row>
    <row r="104934" spans="8:8">
      <c r="H104934" s="12"/>
    </row>
    <row r="104935" spans="8:8">
      <c r="H104935" s="12"/>
    </row>
    <row r="104936" spans="8:8">
      <c r="H104936" s="12"/>
    </row>
    <row r="104937" spans="8:8">
      <c r="H104937" s="12"/>
    </row>
    <row r="104938" spans="8:8">
      <c r="H104938" s="12"/>
    </row>
    <row r="104939" spans="8:8">
      <c r="H104939" s="12"/>
    </row>
    <row r="104940" spans="8:8">
      <c r="H104940" s="12"/>
    </row>
    <row r="104941" spans="8:8">
      <c r="H104941" s="12"/>
    </row>
    <row r="104942" spans="8:8">
      <c r="H104942" s="12"/>
    </row>
    <row r="104943" spans="8:8">
      <c r="H104943" s="12"/>
    </row>
    <row r="104944" spans="8:8">
      <c r="H104944" s="12"/>
    </row>
    <row r="104945" spans="8:8">
      <c r="H104945" s="12"/>
    </row>
    <row r="104946" spans="8:8">
      <c r="H104946" s="12"/>
    </row>
    <row r="104947" spans="8:8">
      <c r="H104947" s="12"/>
    </row>
    <row r="104948" spans="8:8">
      <c r="H104948" s="12"/>
    </row>
    <row r="104949" spans="8:8">
      <c r="H104949" s="12"/>
    </row>
    <row r="104950" spans="8:8">
      <c r="H104950" s="12"/>
    </row>
    <row r="104951" spans="8:8">
      <c r="H104951" s="12"/>
    </row>
    <row r="104952" spans="8:8">
      <c r="H104952" s="12"/>
    </row>
    <row r="104953" spans="8:8">
      <c r="H104953" s="12"/>
    </row>
    <row r="104954" spans="8:8">
      <c r="H104954" s="12"/>
    </row>
    <row r="104955" spans="8:8">
      <c r="H104955" s="12"/>
    </row>
    <row r="104956" spans="8:8">
      <c r="H104956" s="12"/>
    </row>
    <row r="104957" spans="8:8">
      <c r="H104957" s="12"/>
    </row>
    <row r="104958" spans="8:8">
      <c r="H104958" s="12"/>
    </row>
    <row r="104959" spans="8:8">
      <c r="H104959" s="12"/>
    </row>
    <row r="104960" spans="8:8">
      <c r="H104960" s="12"/>
    </row>
    <row r="104961" spans="8:8">
      <c r="H104961" s="12"/>
    </row>
    <row r="104962" spans="8:8">
      <c r="H104962" s="12"/>
    </row>
    <row r="104963" spans="8:8">
      <c r="H104963" s="12"/>
    </row>
    <row r="104964" spans="8:8">
      <c r="H104964" s="12"/>
    </row>
    <row r="104965" spans="8:8">
      <c r="H104965" s="12"/>
    </row>
    <row r="104966" spans="8:8">
      <c r="H104966" s="12"/>
    </row>
    <row r="104967" spans="8:8">
      <c r="H104967" s="12"/>
    </row>
    <row r="104968" spans="8:8">
      <c r="H104968" s="12"/>
    </row>
    <row r="104969" spans="8:8">
      <c r="H104969" s="12"/>
    </row>
    <row r="104970" spans="8:8">
      <c r="H104970" s="12"/>
    </row>
    <row r="104971" spans="8:8">
      <c r="H104971" s="12"/>
    </row>
    <row r="104972" spans="8:8">
      <c r="H104972" s="12"/>
    </row>
    <row r="104973" spans="8:8">
      <c r="H104973" s="12"/>
    </row>
    <row r="104974" spans="8:8">
      <c r="H104974" s="12"/>
    </row>
    <row r="104975" spans="8:8">
      <c r="H104975" s="12"/>
    </row>
    <row r="104976" spans="8:8">
      <c r="H104976" s="12"/>
    </row>
    <row r="104977" spans="8:8">
      <c r="H104977" s="12"/>
    </row>
    <row r="104978" spans="8:8">
      <c r="H104978" s="12"/>
    </row>
    <row r="104979" spans="8:8">
      <c r="H104979" s="12"/>
    </row>
    <row r="104980" spans="8:8">
      <c r="H104980" s="12"/>
    </row>
    <row r="104981" spans="8:8">
      <c r="H104981" s="12"/>
    </row>
    <row r="104982" spans="8:8">
      <c r="H104982" s="12"/>
    </row>
    <row r="104983" spans="8:8">
      <c r="H104983" s="12"/>
    </row>
    <row r="104984" spans="8:8">
      <c r="H104984" s="12"/>
    </row>
    <row r="104985" spans="8:8">
      <c r="H104985" s="12"/>
    </row>
    <row r="104986" spans="8:8">
      <c r="H104986" s="12"/>
    </row>
    <row r="104987" spans="8:8">
      <c r="H104987" s="12"/>
    </row>
    <row r="104988" spans="8:8">
      <c r="H104988" s="12"/>
    </row>
    <row r="104989" spans="8:8">
      <c r="H104989" s="12"/>
    </row>
    <row r="104990" spans="8:8">
      <c r="H104990" s="12"/>
    </row>
    <row r="104991" spans="8:8">
      <c r="H104991" s="12"/>
    </row>
    <row r="104992" spans="8:8">
      <c r="H104992" s="12"/>
    </row>
    <row r="104993" spans="8:8">
      <c r="H104993" s="12"/>
    </row>
    <row r="104994" spans="8:8">
      <c r="H104994" s="12"/>
    </row>
    <row r="104995" spans="8:8">
      <c r="H104995" s="12"/>
    </row>
    <row r="104996" spans="8:8">
      <c r="H104996" s="12"/>
    </row>
    <row r="104997" spans="8:8">
      <c r="H104997" s="12"/>
    </row>
    <row r="104998" spans="8:8">
      <c r="H104998" s="12"/>
    </row>
    <row r="104999" spans="8:8">
      <c r="H104999" s="12"/>
    </row>
    <row r="105000" spans="8:8">
      <c r="H105000" s="12"/>
    </row>
    <row r="105001" spans="8:8">
      <c r="H105001" s="12"/>
    </row>
    <row r="105002" spans="8:8">
      <c r="H105002" s="12"/>
    </row>
    <row r="105003" spans="8:8">
      <c r="H105003" s="12"/>
    </row>
    <row r="105004" spans="8:8">
      <c r="H105004" s="12"/>
    </row>
    <row r="105005" spans="8:8">
      <c r="H105005" s="12"/>
    </row>
    <row r="105006" spans="8:8">
      <c r="H105006" s="12"/>
    </row>
    <row r="105007" spans="8:8">
      <c r="H105007" s="12"/>
    </row>
    <row r="105008" spans="8:8">
      <c r="H105008" s="12"/>
    </row>
    <row r="105009" spans="8:8">
      <c r="H105009" s="12"/>
    </row>
    <row r="105010" spans="8:8">
      <c r="H105010" s="12"/>
    </row>
    <row r="105011" spans="8:8">
      <c r="H105011" s="12"/>
    </row>
    <row r="105012" spans="8:8">
      <c r="H105012" s="12"/>
    </row>
    <row r="105013" spans="8:8">
      <c r="H105013" s="12"/>
    </row>
    <row r="105014" spans="8:8">
      <c r="H105014" s="12"/>
    </row>
    <row r="105015" spans="8:8">
      <c r="H105015" s="12"/>
    </row>
    <row r="105016" spans="8:8">
      <c r="H105016" s="12"/>
    </row>
    <row r="105017" spans="8:8">
      <c r="H105017" s="12"/>
    </row>
    <row r="105018" spans="8:8">
      <c r="H105018" s="12"/>
    </row>
    <row r="105019" spans="8:8">
      <c r="H105019" s="12"/>
    </row>
    <row r="105020" spans="8:8">
      <c r="H105020" s="12"/>
    </row>
    <row r="105021" spans="8:8">
      <c r="H105021" s="12"/>
    </row>
    <row r="105022" spans="8:8">
      <c r="H105022" s="12"/>
    </row>
    <row r="105023" spans="8:8">
      <c r="H105023" s="12"/>
    </row>
    <row r="105024" spans="8:8">
      <c r="H105024" s="12"/>
    </row>
    <row r="105025" spans="8:8">
      <c r="H105025" s="12"/>
    </row>
    <row r="105026" spans="8:8">
      <c r="H105026" s="12"/>
    </row>
    <row r="105027" spans="8:8">
      <c r="H105027" s="12"/>
    </row>
    <row r="105028" spans="8:8">
      <c r="H105028" s="12"/>
    </row>
    <row r="105029" spans="8:8">
      <c r="H105029" s="12"/>
    </row>
    <row r="105030" spans="8:8">
      <c r="H105030" s="12"/>
    </row>
    <row r="105031" spans="8:8">
      <c r="H105031" s="12"/>
    </row>
    <row r="105032" spans="8:8">
      <c r="H105032" s="12"/>
    </row>
    <row r="105033" spans="8:8">
      <c r="H105033" s="12"/>
    </row>
    <row r="105034" spans="8:8">
      <c r="H105034" s="12"/>
    </row>
    <row r="105035" spans="8:8">
      <c r="H105035" s="12"/>
    </row>
    <row r="105036" spans="8:8">
      <c r="H105036" s="12"/>
    </row>
    <row r="105037" spans="8:8">
      <c r="H105037" s="12"/>
    </row>
    <row r="105038" spans="8:8">
      <c r="H105038" s="12"/>
    </row>
    <row r="105039" spans="8:8">
      <c r="H105039" s="12"/>
    </row>
    <row r="105040" spans="8:8">
      <c r="H105040" s="12"/>
    </row>
    <row r="105041" spans="8:8">
      <c r="H105041" s="12"/>
    </row>
    <row r="105042" spans="8:8">
      <c r="H105042" s="12"/>
    </row>
    <row r="105043" spans="8:8">
      <c r="H105043" s="12"/>
    </row>
    <row r="105044" spans="8:8">
      <c r="H105044" s="12"/>
    </row>
    <row r="105045" spans="8:8">
      <c r="H105045" s="12"/>
    </row>
    <row r="105046" spans="8:8">
      <c r="H105046" s="12"/>
    </row>
    <row r="105047" spans="8:8">
      <c r="H105047" s="12"/>
    </row>
    <row r="105048" spans="8:8">
      <c r="H105048" s="12"/>
    </row>
    <row r="105049" spans="8:8">
      <c r="H105049" s="12"/>
    </row>
    <row r="105050" spans="8:8">
      <c r="H105050" s="12"/>
    </row>
    <row r="105051" spans="8:8">
      <c r="H105051" s="12"/>
    </row>
    <row r="105052" spans="8:8">
      <c r="H105052" s="12"/>
    </row>
    <row r="105053" spans="8:8">
      <c r="H105053" s="12"/>
    </row>
    <row r="105054" spans="8:8">
      <c r="H105054" s="12"/>
    </row>
    <row r="105055" spans="8:8">
      <c r="H105055" s="12"/>
    </row>
    <row r="105056" spans="8:8">
      <c r="H105056" s="12"/>
    </row>
    <row r="105057" spans="8:8">
      <c r="H105057" s="12"/>
    </row>
    <row r="105058" spans="8:8">
      <c r="H105058" s="12"/>
    </row>
    <row r="105059" spans="8:8">
      <c r="H105059" s="12"/>
    </row>
    <row r="105060" spans="8:8">
      <c r="H105060" s="12"/>
    </row>
    <row r="105061" spans="8:8">
      <c r="H105061" s="12"/>
    </row>
    <row r="105062" spans="8:8">
      <c r="H105062" s="12"/>
    </row>
    <row r="105063" spans="8:8">
      <c r="H105063" s="12"/>
    </row>
    <row r="105064" spans="8:8">
      <c r="H105064" s="12"/>
    </row>
    <row r="105065" spans="8:8">
      <c r="H105065" s="12"/>
    </row>
    <row r="105066" spans="8:8">
      <c r="H105066" s="12"/>
    </row>
    <row r="105067" spans="8:8">
      <c r="H105067" s="12"/>
    </row>
    <row r="105068" spans="8:8">
      <c r="H105068" s="12"/>
    </row>
    <row r="105069" spans="8:8">
      <c r="H105069" s="12"/>
    </row>
    <row r="105070" spans="8:8">
      <c r="H105070" s="12"/>
    </row>
    <row r="105071" spans="8:8">
      <c r="H105071" s="12"/>
    </row>
    <row r="105072" spans="8:8">
      <c r="H105072" s="12"/>
    </row>
    <row r="105073" spans="8:8">
      <c r="H105073" s="12"/>
    </row>
    <row r="105074" spans="8:8">
      <c r="H105074" s="12"/>
    </row>
    <row r="105075" spans="8:8">
      <c r="H105075" s="12"/>
    </row>
    <row r="105076" spans="8:8">
      <c r="H105076" s="12"/>
    </row>
    <row r="105077" spans="8:8">
      <c r="H105077" s="12"/>
    </row>
    <row r="105078" spans="8:8">
      <c r="H105078" s="12"/>
    </row>
    <row r="105079" spans="8:8">
      <c r="H105079" s="12"/>
    </row>
    <row r="105080" spans="8:8">
      <c r="H105080" s="12"/>
    </row>
    <row r="105081" spans="8:8">
      <c r="H105081" s="12"/>
    </row>
    <row r="105082" spans="8:8">
      <c r="H105082" s="12"/>
    </row>
    <row r="105083" spans="8:8">
      <c r="H105083" s="12"/>
    </row>
    <row r="105084" spans="8:8">
      <c r="H105084" s="12"/>
    </row>
    <row r="105085" spans="8:8">
      <c r="H105085" s="12"/>
    </row>
    <row r="105086" spans="8:8">
      <c r="H105086" s="12"/>
    </row>
    <row r="105087" spans="8:8">
      <c r="H105087" s="12"/>
    </row>
    <row r="105088" spans="8:8">
      <c r="H105088" s="12"/>
    </row>
    <row r="105089" spans="8:8">
      <c r="H105089" s="12"/>
    </row>
    <row r="105090" spans="8:8">
      <c r="H105090" s="12"/>
    </row>
    <row r="105091" spans="8:8">
      <c r="H105091" s="12"/>
    </row>
    <row r="105092" spans="8:8">
      <c r="H105092" s="12"/>
    </row>
    <row r="105093" spans="8:8">
      <c r="H105093" s="12"/>
    </row>
    <row r="105094" spans="8:8">
      <c r="H105094" s="12"/>
    </row>
    <row r="105095" spans="8:8">
      <c r="H105095" s="12"/>
    </row>
    <row r="105096" spans="8:8">
      <c r="H105096" s="12"/>
    </row>
    <row r="105097" spans="8:8">
      <c r="H105097" s="12"/>
    </row>
    <row r="105098" spans="8:8">
      <c r="H105098" s="12"/>
    </row>
    <row r="105099" spans="8:8">
      <c r="H105099" s="12"/>
    </row>
    <row r="105100" spans="8:8">
      <c r="H105100" s="12"/>
    </row>
    <row r="105101" spans="8:8">
      <c r="H105101" s="12"/>
    </row>
    <row r="105102" spans="8:8">
      <c r="H105102" s="12"/>
    </row>
    <row r="105103" spans="8:8">
      <c r="H105103" s="12"/>
    </row>
    <row r="105104" spans="8:8">
      <c r="H105104" s="12"/>
    </row>
    <row r="105105" spans="8:8">
      <c r="H105105" s="12"/>
    </row>
    <row r="105106" spans="8:8">
      <c r="H105106" s="12"/>
    </row>
    <row r="105107" spans="8:8">
      <c r="H105107" s="12"/>
    </row>
    <row r="105108" spans="8:8">
      <c r="H105108" s="12"/>
    </row>
    <row r="105109" spans="8:8">
      <c r="H105109" s="12"/>
    </row>
    <row r="105110" spans="8:8">
      <c r="H105110" s="12"/>
    </row>
    <row r="105111" spans="8:8">
      <c r="H105111" s="12"/>
    </row>
    <row r="105112" spans="8:8">
      <c r="H105112" s="12"/>
    </row>
    <row r="105113" spans="8:8">
      <c r="H105113" s="12"/>
    </row>
    <row r="105114" spans="8:8">
      <c r="H105114" s="12"/>
    </row>
    <row r="105115" spans="8:8">
      <c r="H105115" s="12"/>
    </row>
    <row r="105116" spans="8:8">
      <c r="H105116" s="12"/>
    </row>
    <row r="105117" spans="8:8">
      <c r="H105117" s="12"/>
    </row>
    <row r="105118" spans="8:8">
      <c r="H105118" s="12"/>
    </row>
    <row r="105119" spans="8:8">
      <c r="H105119" s="12"/>
    </row>
    <row r="105120" spans="8:8">
      <c r="H105120" s="12"/>
    </row>
    <row r="105121" spans="8:8">
      <c r="H105121" s="12"/>
    </row>
    <row r="105122" spans="8:8">
      <c r="H105122" s="12"/>
    </row>
    <row r="105123" spans="8:8">
      <c r="H105123" s="12"/>
    </row>
    <row r="105124" spans="8:8">
      <c r="H105124" s="12"/>
    </row>
    <row r="105125" spans="8:8">
      <c r="H105125" s="12"/>
    </row>
    <row r="105126" spans="8:8">
      <c r="H105126" s="12"/>
    </row>
    <row r="105127" spans="8:8">
      <c r="H105127" s="12"/>
    </row>
    <row r="105128" spans="8:8">
      <c r="H105128" s="12"/>
    </row>
    <row r="105129" spans="8:8">
      <c r="H105129" s="12"/>
    </row>
    <row r="105130" spans="8:8">
      <c r="H105130" s="12"/>
    </row>
    <row r="105131" spans="8:8">
      <c r="H105131" s="12"/>
    </row>
    <row r="105132" spans="8:8">
      <c r="H105132" s="12"/>
    </row>
    <row r="105133" spans="8:8">
      <c r="H105133" s="12"/>
    </row>
    <row r="105134" spans="8:8">
      <c r="H105134" s="12"/>
    </row>
    <row r="105135" spans="8:8">
      <c r="H105135" s="12"/>
    </row>
    <row r="105136" spans="8:8">
      <c r="H105136" s="12"/>
    </row>
    <row r="105137" spans="8:8">
      <c r="H105137" s="12"/>
    </row>
    <row r="105138" spans="8:8">
      <c r="H105138" s="12"/>
    </row>
    <row r="105139" spans="8:8">
      <c r="H105139" s="12"/>
    </row>
    <row r="105140" spans="8:8">
      <c r="H105140" s="12"/>
    </row>
    <row r="105141" spans="8:8">
      <c r="H105141" s="12"/>
    </row>
    <row r="105142" spans="8:8">
      <c r="H105142" s="12"/>
    </row>
    <row r="105143" spans="8:8">
      <c r="H105143" s="12"/>
    </row>
    <row r="105144" spans="8:8">
      <c r="H105144" s="12"/>
    </row>
    <row r="105145" spans="8:8">
      <c r="H105145" s="12"/>
    </row>
    <row r="105146" spans="8:8">
      <c r="H105146" s="12"/>
    </row>
    <row r="105147" spans="8:8">
      <c r="H105147" s="12"/>
    </row>
    <row r="105148" spans="8:8">
      <c r="H105148" s="12"/>
    </row>
    <row r="105149" spans="8:8">
      <c r="H105149" s="12"/>
    </row>
    <row r="105150" spans="8:8">
      <c r="H105150" s="12"/>
    </row>
    <row r="105151" spans="8:8">
      <c r="H105151" s="12"/>
    </row>
    <row r="105152" spans="8:8">
      <c r="H105152" s="12"/>
    </row>
    <row r="105153" spans="8:8">
      <c r="H105153" s="12"/>
    </row>
    <row r="105154" spans="8:8">
      <c r="H105154" s="12"/>
    </row>
    <row r="105155" spans="8:8">
      <c r="H105155" s="12"/>
    </row>
    <row r="105156" spans="8:8">
      <c r="H105156" s="12"/>
    </row>
    <row r="105157" spans="8:8">
      <c r="H105157" s="12"/>
    </row>
    <row r="105158" spans="8:8">
      <c r="H105158" s="12"/>
    </row>
    <row r="105159" spans="8:8">
      <c r="H105159" s="12"/>
    </row>
    <row r="105160" spans="8:8">
      <c r="H105160" s="12"/>
    </row>
    <row r="105161" spans="8:8">
      <c r="H105161" s="12"/>
    </row>
    <row r="105162" spans="8:8">
      <c r="H105162" s="12"/>
    </row>
    <row r="105163" spans="8:8">
      <c r="H105163" s="12"/>
    </row>
    <row r="105164" spans="8:8">
      <c r="H105164" s="12"/>
    </row>
    <row r="105165" spans="8:8">
      <c r="H105165" s="12"/>
    </row>
    <row r="105166" spans="8:8">
      <c r="H105166" s="12"/>
    </row>
    <row r="105167" spans="8:8">
      <c r="H105167" s="12"/>
    </row>
    <row r="105168" spans="8:8">
      <c r="H105168" s="12"/>
    </row>
    <row r="105169" spans="8:8">
      <c r="H105169" s="12"/>
    </row>
    <row r="105170" spans="8:8">
      <c r="H105170" s="12"/>
    </row>
    <row r="105171" spans="8:8">
      <c r="H105171" s="12"/>
    </row>
    <row r="105172" spans="8:8">
      <c r="H105172" s="12"/>
    </row>
    <row r="105173" spans="8:8">
      <c r="H105173" s="12"/>
    </row>
    <row r="105174" spans="8:8">
      <c r="H105174" s="12"/>
    </row>
    <row r="105175" spans="8:8">
      <c r="H105175" s="12"/>
    </row>
    <row r="105176" spans="8:8">
      <c r="H105176" s="12"/>
    </row>
    <row r="105177" spans="8:8">
      <c r="H105177" s="12"/>
    </row>
    <row r="105178" spans="8:8">
      <c r="H105178" s="12"/>
    </row>
    <row r="105179" spans="8:8">
      <c r="H105179" s="12"/>
    </row>
    <row r="105180" spans="8:8">
      <c r="H105180" s="12"/>
    </row>
    <row r="105181" spans="8:8">
      <c r="H105181" s="12"/>
    </row>
    <row r="105182" spans="8:8">
      <c r="H105182" s="12"/>
    </row>
    <row r="105183" spans="8:8">
      <c r="H105183" s="12"/>
    </row>
    <row r="105184" spans="8:8">
      <c r="H105184" s="12"/>
    </row>
    <row r="105185" spans="8:8">
      <c r="H105185" s="12"/>
    </row>
    <row r="105186" spans="8:8">
      <c r="H105186" s="12"/>
    </row>
    <row r="105187" spans="8:8">
      <c r="H105187" s="12"/>
    </row>
    <row r="105188" spans="8:8">
      <c r="H105188" s="12"/>
    </row>
    <row r="105189" spans="8:8">
      <c r="H105189" s="12"/>
    </row>
    <row r="105190" spans="8:8">
      <c r="H105190" s="12"/>
    </row>
    <row r="105191" spans="8:8">
      <c r="H105191" s="12"/>
    </row>
    <row r="105192" spans="8:8">
      <c r="H105192" s="12"/>
    </row>
    <row r="105193" spans="8:8">
      <c r="H105193" s="12"/>
    </row>
    <row r="105194" spans="8:8">
      <c r="H105194" s="12"/>
    </row>
    <row r="105195" spans="8:8">
      <c r="H105195" s="12"/>
    </row>
    <row r="105196" spans="8:8">
      <c r="H105196" s="12"/>
    </row>
    <row r="105197" spans="8:8">
      <c r="H105197" s="12"/>
    </row>
    <row r="105198" spans="8:8">
      <c r="H105198" s="12"/>
    </row>
    <row r="105199" spans="8:8">
      <c r="H105199" s="12"/>
    </row>
    <row r="105200" spans="8:8">
      <c r="H105200" s="12"/>
    </row>
    <row r="105201" spans="8:8">
      <c r="H105201" s="12"/>
    </row>
    <row r="105202" spans="8:8">
      <c r="H105202" s="12"/>
    </row>
    <row r="105203" spans="8:8">
      <c r="H105203" s="12"/>
    </row>
    <row r="105204" spans="8:8">
      <c r="H105204" s="12"/>
    </row>
    <row r="105205" spans="8:8">
      <c r="H105205" s="12"/>
    </row>
    <row r="105206" spans="8:8">
      <c r="H105206" s="12"/>
    </row>
    <row r="105207" spans="8:8">
      <c r="H105207" s="12"/>
    </row>
    <row r="105208" spans="8:8">
      <c r="H105208" s="12"/>
    </row>
    <row r="105209" spans="8:8">
      <c r="H105209" s="12"/>
    </row>
    <row r="105210" spans="8:8">
      <c r="H105210" s="12"/>
    </row>
    <row r="105211" spans="8:8">
      <c r="H105211" s="12"/>
    </row>
    <row r="105212" spans="8:8">
      <c r="H105212" s="12"/>
    </row>
    <row r="105213" spans="8:8">
      <c r="H105213" s="12"/>
    </row>
    <row r="105214" spans="8:8">
      <c r="H105214" s="12"/>
    </row>
    <row r="105215" spans="8:8">
      <c r="H105215" s="12"/>
    </row>
    <row r="105216" spans="8:8">
      <c r="H105216" s="12"/>
    </row>
    <row r="105217" spans="8:8">
      <c r="H105217" s="12"/>
    </row>
    <row r="105218" spans="8:8">
      <c r="H105218" s="12"/>
    </row>
    <row r="105219" spans="8:8">
      <c r="H105219" s="12"/>
    </row>
    <row r="105220" spans="8:8">
      <c r="H105220" s="12"/>
    </row>
    <row r="105221" spans="8:8">
      <c r="H105221" s="12"/>
    </row>
    <row r="105222" spans="8:8">
      <c r="H105222" s="12"/>
    </row>
    <row r="105223" spans="8:8">
      <c r="H105223" s="12"/>
    </row>
    <row r="105224" spans="8:8">
      <c r="H105224" s="12"/>
    </row>
    <row r="105225" spans="8:8">
      <c r="H105225" s="12"/>
    </row>
    <row r="105226" spans="8:8">
      <c r="H105226" s="12"/>
    </row>
    <row r="105227" spans="8:8">
      <c r="H105227" s="12"/>
    </row>
    <row r="105228" spans="8:8">
      <c r="H105228" s="12"/>
    </row>
    <row r="105229" spans="8:8">
      <c r="H105229" s="12"/>
    </row>
    <row r="105230" spans="8:8">
      <c r="H105230" s="12"/>
    </row>
    <row r="105231" spans="8:8">
      <c r="H105231" s="12"/>
    </row>
    <row r="105232" spans="8:8">
      <c r="H105232" s="12"/>
    </row>
    <row r="105233" spans="8:8">
      <c r="H105233" s="12"/>
    </row>
    <row r="105234" spans="8:8">
      <c r="H105234" s="12"/>
    </row>
    <row r="105235" spans="8:8">
      <c r="H105235" s="12"/>
    </row>
    <row r="105236" spans="8:8">
      <c r="H105236" s="12"/>
    </row>
    <row r="105237" spans="8:8">
      <c r="H105237" s="12"/>
    </row>
    <row r="105238" spans="8:8">
      <c r="H105238" s="12"/>
    </row>
    <row r="105239" spans="8:8">
      <c r="H105239" s="12"/>
    </row>
    <row r="105240" spans="8:8">
      <c r="H105240" s="12"/>
    </row>
    <row r="105241" spans="8:8">
      <c r="H105241" s="12"/>
    </row>
    <row r="105242" spans="8:8">
      <c r="H105242" s="12"/>
    </row>
    <row r="105243" spans="8:8">
      <c r="H105243" s="12"/>
    </row>
    <row r="105244" spans="8:8">
      <c r="H105244" s="12"/>
    </row>
    <row r="105245" spans="8:8">
      <c r="H105245" s="12"/>
    </row>
    <row r="105246" spans="8:8">
      <c r="H105246" s="12"/>
    </row>
    <row r="105247" spans="8:8">
      <c r="H105247" s="12"/>
    </row>
    <row r="105248" spans="8:8">
      <c r="H105248" s="12"/>
    </row>
    <row r="105249" spans="8:8">
      <c r="H105249" s="12"/>
    </row>
    <row r="105250" spans="8:8">
      <c r="H105250" s="12"/>
    </row>
    <row r="105251" spans="8:8">
      <c r="H105251" s="12"/>
    </row>
    <row r="105252" spans="8:8">
      <c r="H105252" s="12"/>
    </row>
    <row r="105253" spans="8:8">
      <c r="H105253" s="12"/>
    </row>
    <row r="105254" spans="8:8">
      <c r="H105254" s="12"/>
    </row>
    <row r="105255" spans="8:8">
      <c r="H105255" s="12"/>
    </row>
    <row r="105256" spans="8:8">
      <c r="H105256" s="12"/>
    </row>
    <row r="105257" spans="8:8">
      <c r="H105257" s="12"/>
    </row>
    <row r="105258" spans="8:8">
      <c r="H105258" s="12"/>
    </row>
    <row r="105259" spans="8:8">
      <c r="H105259" s="12"/>
    </row>
    <row r="105260" spans="8:8">
      <c r="H105260" s="12"/>
    </row>
    <row r="105261" spans="8:8">
      <c r="H105261" s="12"/>
    </row>
    <row r="105262" spans="8:8">
      <c r="H105262" s="12"/>
    </row>
    <row r="105263" spans="8:8">
      <c r="H105263" s="12"/>
    </row>
    <row r="105264" spans="8:8">
      <c r="H105264" s="12"/>
    </row>
    <row r="105265" spans="8:8">
      <c r="H105265" s="12"/>
    </row>
    <row r="105266" spans="8:8">
      <c r="H105266" s="12"/>
    </row>
    <row r="105267" spans="8:8">
      <c r="H105267" s="12"/>
    </row>
    <row r="105268" spans="8:8">
      <c r="H105268" s="12"/>
    </row>
    <row r="105269" spans="8:8">
      <c r="H105269" s="12"/>
    </row>
    <row r="105270" spans="8:8">
      <c r="H105270" s="12"/>
    </row>
    <row r="105271" spans="8:8">
      <c r="H105271" s="12"/>
    </row>
    <row r="105272" spans="8:8">
      <c r="H105272" s="12"/>
    </row>
    <row r="105273" spans="8:8">
      <c r="H105273" s="12"/>
    </row>
    <row r="105274" spans="8:8">
      <c r="H105274" s="12"/>
    </row>
    <row r="105275" spans="8:8">
      <c r="H105275" s="12"/>
    </row>
    <row r="105276" spans="8:8">
      <c r="H105276" s="12"/>
    </row>
    <row r="105277" spans="8:8">
      <c r="H105277" s="12"/>
    </row>
    <row r="105278" spans="8:8">
      <c r="H105278" s="12"/>
    </row>
    <row r="105279" spans="8:8">
      <c r="H105279" s="12"/>
    </row>
    <row r="105280" spans="8:8">
      <c r="H105280" s="12"/>
    </row>
    <row r="105281" spans="8:8">
      <c r="H105281" s="12"/>
    </row>
    <row r="105282" spans="8:8">
      <c r="H105282" s="12"/>
    </row>
    <row r="105283" spans="8:8">
      <c r="H105283" s="12"/>
    </row>
    <row r="105284" spans="8:8">
      <c r="H105284" s="12"/>
    </row>
    <row r="105285" spans="8:8">
      <c r="H105285" s="12"/>
    </row>
    <row r="105286" spans="8:8">
      <c r="H105286" s="12"/>
    </row>
    <row r="105287" spans="8:8">
      <c r="H105287" s="12"/>
    </row>
    <row r="105288" spans="8:8">
      <c r="H105288" s="12"/>
    </row>
    <row r="105289" spans="8:8">
      <c r="H105289" s="12"/>
    </row>
    <row r="105290" spans="8:8">
      <c r="H105290" s="12"/>
    </row>
    <row r="105291" spans="8:8">
      <c r="H105291" s="12"/>
    </row>
    <row r="105292" spans="8:8">
      <c r="H105292" s="12"/>
    </row>
    <row r="105293" spans="8:8">
      <c r="H105293" s="12"/>
    </row>
    <row r="105294" spans="8:8">
      <c r="H105294" s="12"/>
    </row>
    <row r="105295" spans="8:8">
      <c r="H105295" s="12"/>
    </row>
    <row r="105296" spans="8:8">
      <c r="H105296" s="12"/>
    </row>
    <row r="105297" spans="8:8">
      <c r="H105297" s="12"/>
    </row>
    <row r="105298" spans="8:8">
      <c r="H105298" s="12"/>
    </row>
    <row r="105299" spans="8:8">
      <c r="H105299" s="12"/>
    </row>
    <row r="105300" spans="8:8">
      <c r="H105300" s="12"/>
    </row>
    <row r="105301" spans="8:8">
      <c r="H105301" s="12"/>
    </row>
    <row r="105302" spans="8:8">
      <c r="H105302" s="12"/>
    </row>
    <row r="105303" spans="8:8">
      <c r="H105303" s="12"/>
    </row>
    <row r="105304" spans="8:8">
      <c r="H105304" s="12"/>
    </row>
    <row r="105305" spans="8:8">
      <c r="H105305" s="12"/>
    </row>
    <row r="105306" spans="8:8">
      <c r="H105306" s="12"/>
    </row>
    <row r="105307" spans="8:8">
      <c r="H105307" s="12"/>
    </row>
    <row r="105308" spans="8:8">
      <c r="H105308" s="12"/>
    </row>
    <row r="105309" spans="8:8">
      <c r="H105309" s="12"/>
    </row>
    <row r="105310" spans="8:8">
      <c r="H105310" s="12"/>
    </row>
    <row r="105311" spans="8:8">
      <c r="H105311" s="12"/>
    </row>
    <row r="105312" spans="8:8">
      <c r="H105312" s="12"/>
    </row>
    <row r="105313" spans="8:8">
      <c r="H105313" s="12"/>
    </row>
    <row r="105314" spans="8:8">
      <c r="H105314" s="12"/>
    </row>
    <row r="105315" spans="8:8">
      <c r="H105315" s="12"/>
    </row>
    <row r="105316" spans="8:8">
      <c r="H105316" s="12"/>
    </row>
    <row r="105317" spans="8:8">
      <c r="H105317" s="12"/>
    </row>
    <row r="105318" spans="8:8">
      <c r="H105318" s="12"/>
    </row>
    <row r="105319" spans="8:8">
      <c r="H105319" s="12"/>
    </row>
    <row r="105320" spans="8:8">
      <c r="H105320" s="12"/>
    </row>
    <row r="105321" spans="8:8">
      <c r="H105321" s="12"/>
    </row>
    <row r="105322" spans="8:8">
      <c r="H105322" s="12"/>
    </row>
    <row r="105323" spans="8:8">
      <c r="H105323" s="12"/>
    </row>
    <row r="105324" spans="8:8">
      <c r="H105324" s="12"/>
    </row>
    <row r="105325" spans="8:8">
      <c r="H105325" s="12"/>
    </row>
    <row r="105326" spans="8:8">
      <c r="H105326" s="12"/>
    </row>
    <row r="105327" spans="8:8">
      <c r="H105327" s="12"/>
    </row>
    <row r="105328" spans="8:8">
      <c r="H105328" s="12"/>
    </row>
    <row r="105329" spans="8:8">
      <c r="H105329" s="12"/>
    </row>
    <row r="105330" spans="8:8">
      <c r="H105330" s="12"/>
    </row>
    <row r="105331" spans="8:8">
      <c r="H105331" s="12"/>
    </row>
    <row r="105332" spans="8:8">
      <c r="H105332" s="12"/>
    </row>
    <row r="105333" spans="8:8">
      <c r="H105333" s="12"/>
    </row>
    <row r="105334" spans="8:8">
      <c r="H105334" s="12"/>
    </row>
    <row r="105335" spans="8:8">
      <c r="H105335" s="12"/>
    </row>
    <row r="105336" spans="8:8">
      <c r="H105336" s="12"/>
    </row>
    <row r="105337" spans="8:8">
      <c r="H105337" s="12"/>
    </row>
    <row r="105338" spans="8:8">
      <c r="H105338" s="12"/>
    </row>
    <row r="105339" spans="8:8">
      <c r="H105339" s="12"/>
    </row>
    <row r="105340" spans="8:8">
      <c r="H105340" s="12"/>
    </row>
    <row r="105341" spans="8:8">
      <c r="H105341" s="12"/>
    </row>
    <row r="105342" spans="8:8">
      <c r="H105342" s="12"/>
    </row>
    <row r="105343" spans="8:8">
      <c r="H105343" s="12"/>
    </row>
    <row r="105344" spans="8:8">
      <c r="H105344" s="12"/>
    </row>
    <row r="105345" spans="8:8">
      <c r="H105345" s="12"/>
    </row>
    <row r="105346" spans="8:8">
      <c r="H105346" s="12"/>
    </row>
    <row r="105347" spans="8:8">
      <c r="H105347" s="12"/>
    </row>
    <row r="105348" spans="8:8">
      <c r="H105348" s="12"/>
    </row>
    <row r="105349" spans="8:8">
      <c r="H105349" s="12"/>
    </row>
    <row r="105350" spans="8:8">
      <c r="H105350" s="12"/>
    </row>
    <row r="105351" spans="8:8">
      <c r="H105351" s="12"/>
    </row>
    <row r="105352" spans="8:8">
      <c r="H105352" s="12"/>
    </row>
    <row r="105353" spans="8:8">
      <c r="H105353" s="12"/>
    </row>
    <row r="105354" spans="8:8">
      <c r="H105354" s="12"/>
    </row>
    <row r="105355" spans="8:8">
      <c r="H105355" s="12"/>
    </row>
    <row r="105356" spans="8:8">
      <c r="H105356" s="12"/>
    </row>
    <row r="105357" spans="8:8">
      <c r="H105357" s="12"/>
    </row>
    <row r="105358" spans="8:8">
      <c r="H105358" s="12"/>
    </row>
    <row r="105359" spans="8:8">
      <c r="H105359" s="12"/>
    </row>
    <row r="105360" spans="8:8">
      <c r="H105360" s="12"/>
    </row>
    <row r="105361" spans="8:8">
      <c r="H105361" s="12"/>
    </row>
    <row r="105362" spans="8:8">
      <c r="H105362" s="12"/>
    </row>
    <row r="105363" spans="8:8">
      <c r="H105363" s="12"/>
    </row>
    <row r="105364" spans="8:8">
      <c r="H105364" s="12"/>
    </row>
    <row r="105365" spans="8:8">
      <c r="H105365" s="12"/>
    </row>
    <row r="105366" spans="8:8">
      <c r="H105366" s="12"/>
    </row>
    <row r="105367" spans="8:8">
      <c r="H105367" s="12"/>
    </row>
    <row r="105368" spans="8:8">
      <c r="H105368" s="12"/>
    </row>
    <row r="105369" spans="8:8">
      <c r="H105369" s="12"/>
    </row>
    <row r="105370" spans="8:8">
      <c r="H105370" s="12"/>
    </row>
    <row r="105371" spans="8:8">
      <c r="H105371" s="12"/>
    </row>
    <row r="105372" spans="8:8">
      <c r="H105372" s="12"/>
    </row>
    <row r="105373" spans="8:8">
      <c r="H105373" s="12"/>
    </row>
    <row r="105374" spans="8:8">
      <c r="H105374" s="12"/>
    </row>
    <row r="105375" spans="8:8">
      <c r="H105375" s="12"/>
    </row>
    <row r="105376" spans="8:8">
      <c r="H105376" s="12"/>
    </row>
    <row r="105377" spans="8:8">
      <c r="H105377" s="12"/>
    </row>
    <row r="105378" spans="8:8">
      <c r="H105378" s="12"/>
    </row>
    <row r="105379" spans="8:8">
      <c r="H105379" s="12"/>
    </row>
    <row r="105380" spans="8:8">
      <c r="H105380" s="12"/>
    </row>
    <row r="105381" spans="8:8">
      <c r="H105381" s="12"/>
    </row>
    <row r="105382" spans="8:8">
      <c r="H105382" s="12"/>
    </row>
    <row r="105383" spans="8:8">
      <c r="H105383" s="12"/>
    </row>
    <row r="105384" spans="8:8">
      <c r="H105384" s="12"/>
    </row>
    <row r="105385" spans="8:8">
      <c r="H105385" s="12"/>
    </row>
    <row r="105386" spans="8:8">
      <c r="H105386" s="12"/>
    </row>
    <row r="105387" spans="8:8">
      <c r="H105387" s="12"/>
    </row>
    <row r="105388" spans="8:8">
      <c r="H105388" s="12"/>
    </row>
    <row r="105389" spans="8:8">
      <c r="H105389" s="12"/>
    </row>
    <row r="105390" spans="8:8">
      <c r="H105390" s="12"/>
    </row>
    <row r="105391" spans="8:8">
      <c r="H105391" s="12"/>
    </row>
    <row r="105392" spans="8:8">
      <c r="H105392" s="12"/>
    </row>
    <row r="105393" spans="8:8">
      <c r="H105393" s="12"/>
    </row>
    <row r="105394" spans="8:8">
      <c r="H105394" s="12"/>
    </row>
    <row r="105395" spans="8:8">
      <c r="H105395" s="12"/>
    </row>
    <row r="105396" spans="8:8">
      <c r="H105396" s="12"/>
    </row>
    <row r="105397" spans="8:8">
      <c r="H105397" s="12"/>
    </row>
    <row r="105398" spans="8:8">
      <c r="H105398" s="12"/>
    </row>
    <row r="105399" spans="8:8">
      <c r="H105399" s="12"/>
    </row>
    <row r="105400" spans="8:8">
      <c r="H105400" s="12"/>
    </row>
    <row r="105401" spans="8:8">
      <c r="H105401" s="12"/>
    </row>
    <row r="105402" spans="8:8">
      <c r="H105402" s="12"/>
    </row>
    <row r="105403" spans="8:8">
      <c r="H105403" s="12"/>
    </row>
    <row r="105404" spans="8:8">
      <c r="H105404" s="12"/>
    </row>
    <row r="105405" spans="8:8">
      <c r="H105405" s="12"/>
    </row>
    <row r="105406" spans="8:8">
      <c r="H105406" s="12"/>
    </row>
    <row r="105407" spans="8:8">
      <c r="H105407" s="12"/>
    </row>
    <row r="105408" spans="8:8">
      <c r="H105408" s="12"/>
    </row>
    <row r="105409" spans="8:8">
      <c r="H105409" s="12"/>
    </row>
    <row r="105410" spans="8:8">
      <c r="H105410" s="12"/>
    </row>
    <row r="105411" spans="8:8">
      <c r="H105411" s="12"/>
    </row>
    <row r="105412" spans="8:8">
      <c r="H105412" s="12"/>
    </row>
    <row r="105413" spans="8:8">
      <c r="H105413" s="12"/>
    </row>
    <row r="105414" spans="8:8">
      <c r="H105414" s="12"/>
    </row>
    <row r="105415" spans="8:8">
      <c r="H105415" s="12"/>
    </row>
    <row r="105416" spans="8:8">
      <c r="H105416" s="12"/>
    </row>
    <row r="105417" spans="8:8">
      <c r="H105417" s="12"/>
    </row>
    <row r="105418" spans="8:8">
      <c r="H105418" s="12"/>
    </row>
    <row r="105419" spans="8:8">
      <c r="H105419" s="12"/>
    </row>
    <row r="105420" spans="8:8">
      <c r="H105420" s="12"/>
    </row>
    <row r="105421" spans="8:8">
      <c r="H105421" s="12"/>
    </row>
    <row r="105422" spans="8:8">
      <c r="H105422" s="12"/>
    </row>
    <row r="105423" spans="8:8">
      <c r="H105423" s="12"/>
    </row>
    <row r="105424" spans="8:8">
      <c r="H105424" s="12"/>
    </row>
    <row r="105425" spans="8:8">
      <c r="H105425" s="12"/>
    </row>
    <row r="105426" spans="8:8">
      <c r="H105426" s="12"/>
    </row>
    <row r="105427" spans="8:8">
      <c r="H105427" s="12"/>
    </row>
    <row r="105428" spans="8:8">
      <c r="H105428" s="12"/>
    </row>
    <row r="105429" spans="8:8">
      <c r="H105429" s="12"/>
    </row>
    <row r="105430" spans="8:8">
      <c r="H105430" s="12"/>
    </row>
    <row r="105431" spans="8:8">
      <c r="H105431" s="12"/>
    </row>
    <row r="105432" spans="8:8">
      <c r="H105432" s="12"/>
    </row>
    <row r="105433" spans="8:8">
      <c r="H105433" s="12"/>
    </row>
    <row r="105434" spans="8:8">
      <c r="H105434" s="12"/>
    </row>
    <row r="105435" spans="8:8">
      <c r="H105435" s="12"/>
    </row>
    <row r="105436" spans="8:8">
      <c r="H105436" s="12"/>
    </row>
    <row r="105437" spans="8:8">
      <c r="H105437" s="12"/>
    </row>
    <row r="105438" spans="8:8">
      <c r="H105438" s="12"/>
    </row>
    <row r="105439" spans="8:8">
      <c r="H105439" s="12"/>
    </row>
    <row r="105440" spans="8:8">
      <c r="H105440" s="12"/>
    </row>
    <row r="105441" spans="8:8">
      <c r="H105441" s="12"/>
    </row>
    <row r="105442" spans="8:8">
      <c r="H105442" s="12"/>
    </row>
    <row r="105443" spans="8:8">
      <c r="H105443" s="12"/>
    </row>
    <row r="105444" spans="8:8">
      <c r="H105444" s="12"/>
    </row>
    <row r="105445" spans="8:8">
      <c r="H105445" s="12"/>
    </row>
    <row r="105446" spans="8:8">
      <c r="H105446" s="12"/>
    </row>
    <row r="105447" spans="8:8">
      <c r="H105447" s="12"/>
    </row>
    <row r="105448" spans="8:8">
      <c r="H105448" s="12"/>
    </row>
    <row r="105449" spans="8:8">
      <c r="H105449" s="12"/>
    </row>
    <row r="105450" spans="8:8">
      <c r="H105450" s="12"/>
    </row>
    <row r="105451" spans="8:8">
      <c r="H105451" s="12"/>
    </row>
    <row r="105452" spans="8:8">
      <c r="H105452" s="12"/>
    </row>
    <row r="105453" spans="8:8">
      <c r="H105453" s="12"/>
    </row>
    <row r="105454" spans="8:8">
      <c r="H105454" s="12"/>
    </row>
    <row r="105455" spans="8:8">
      <c r="H105455" s="12"/>
    </row>
    <row r="105456" spans="8:8">
      <c r="H105456" s="12"/>
    </row>
    <row r="105457" spans="8:8">
      <c r="H105457" s="12"/>
    </row>
    <row r="105458" spans="8:8">
      <c r="H105458" s="12"/>
    </row>
    <row r="105459" spans="8:8">
      <c r="H105459" s="12"/>
    </row>
    <row r="105460" spans="8:8">
      <c r="H105460" s="12"/>
    </row>
    <row r="105461" spans="8:8">
      <c r="H105461" s="12"/>
    </row>
    <row r="105462" spans="8:8">
      <c r="H105462" s="12"/>
    </row>
    <row r="105463" spans="8:8">
      <c r="H105463" s="12"/>
    </row>
    <row r="105464" spans="8:8">
      <c r="H105464" s="12"/>
    </row>
    <row r="105465" spans="8:8">
      <c r="H105465" s="12"/>
    </row>
    <row r="105466" spans="8:8">
      <c r="H105466" s="12"/>
    </row>
    <row r="105467" spans="8:8">
      <c r="H105467" s="12"/>
    </row>
    <row r="105468" spans="8:8">
      <c r="H105468" s="12"/>
    </row>
    <row r="105469" spans="8:8">
      <c r="H105469" s="12"/>
    </row>
    <row r="105470" spans="8:8">
      <c r="H105470" s="12"/>
    </row>
    <row r="105471" spans="8:8">
      <c r="H105471" s="12"/>
    </row>
    <row r="105472" spans="8:8">
      <c r="H105472" s="12"/>
    </row>
    <row r="105473" spans="8:8">
      <c r="H105473" s="12"/>
    </row>
    <row r="105474" spans="8:8">
      <c r="H105474" s="12"/>
    </row>
    <row r="105475" spans="8:8">
      <c r="H105475" s="12"/>
    </row>
    <row r="105476" spans="8:8">
      <c r="H105476" s="12"/>
    </row>
    <row r="105477" spans="8:8">
      <c r="H105477" s="12"/>
    </row>
    <row r="105478" spans="8:8">
      <c r="H105478" s="12"/>
    </row>
    <row r="105479" spans="8:8">
      <c r="H105479" s="12"/>
    </row>
    <row r="105480" spans="8:8">
      <c r="H105480" s="12"/>
    </row>
    <row r="105481" spans="8:8">
      <c r="H105481" s="12"/>
    </row>
    <row r="105482" spans="8:8">
      <c r="H105482" s="12"/>
    </row>
    <row r="105483" spans="8:8">
      <c r="H105483" s="12"/>
    </row>
    <row r="105484" spans="8:8">
      <c r="H105484" s="12"/>
    </row>
    <row r="105485" spans="8:8">
      <c r="H105485" s="12"/>
    </row>
    <row r="105486" spans="8:8">
      <c r="H105486" s="12"/>
    </row>
    <row r="105487" spans="8:8">
      <c r="H105487" s="12"/>
    </row>
    <row r="105488" spans="8:8">
      <c r="H105488" s="12"/>
    </row>
    <row r="105489" spans="8:8">
      <c r="H105489" s="12"/>
    </row>
    <row r="105490" spans="8:8">
      <c r="H105490" s="12"/>
    </row>
    <row r="105491" spans="8:8">
      <c r="H105491" s="12"/>
    </row>
    <row r="105492" spans="8:8">
      <c r="H105492" s="12"/>
    </row>
    <row r="105493" spans="8:8">
      <c r="H105493" s="12"/>
    </row>
    <row r="105494" spans="8:8">
      <c r="H105494" s="12"/>
    </row>
    <row r="105495" spans="8:8">
      <c r="H105495" s="12"/>
    </row>
    <row r="105496" spans="8:8">
      <c r="H105496" s="12"/>
    </row>
    <row r="105497" spans="8:8">
      <c r="H105497" s="12"/>
    </row>
    <row r="105498" spans="8:8">
      <c r="H105498" s="12"/>
    </row>
    <row r="105499" spans="8:8">
      <c r="H105499" s="12"/>
    </row>
    <row r="105500" spans="8:8">
      <c r="H105500" s="12"/>
    </row>
    <row r="105501" spans="8:8">
      <c r="H105501" s="12"/>
    </row>
    <row r="105502" spans="8:8">
      <c r="H105502" s="12"/>
    </row>
    <row r="105503" spans="8:8">
      <c r="H105503" s="12"/>
    </row>
    <row r="105504" spans="8:8">
      <c r="H105504" s="12"/>
    </row>
    <row r="105505" spans="8:8">
      <c r="H105505" s="12"/>
    </row>
    <row r="105506" spans="8:8">
      <c r="H105506" s="12"/>
    </row>
    <row r="105507" spans="8:8">
      <c r="H105507" s="12"/>
    </row>
    <row r="105508" spans="8:8">
      <c r="H105508" s="12"/>
    </row>
    <row r="105509" spans="8:8">
      <c r="H105509" s="12"/>
    </row>
    <row r="105510" spans="8:8">
      <c r="H105510" s="12"/>
    </row>
    <row r="105511" spans="8:8">
      <c r="H105511" s="12"/>
    </row>
    <row r="105512" spans="8:8">
      <c r="H105512" s="12"/>
    </row>
    <row r="105513" spans="8:8">
      <c r="H105513" s="12"/>
    </row>
    <row r="105514" spans="8:8">
      <c r="H105514" s="12"/>
    </row>
    <row r="105515" spans="8:8">
      <c r="H105515" s="12"/>
    </row>
    <row r="105516" spans="8:8">
      <c r="H105516" s="12"/>
    </row>
    <row r="105517" spans="8:8">
      <c r="H105517" s="12"/>
    </row>
    <row r="105518" spans="8:8">
      <c r="H105518" s="12"/>
    </row>
    <row r="105519" spans="8:8">
      <c r="H105519" s="12"/>
    </row>
    <row r="105520" spans="8:8">
      <c r="H105520" s="12"/>
    </row>
    <row r="105521" spans="8:8">
      <c r="H105521" s="12"/>
    </row>
    <row r="105522" spans="8:8">
      <c r="H105522" s="12"/>
    </row>
    <row r="105523" spans="8:8">
      <c r="H105523" s="12"/>
    </row>
    <row r="105524" spans="8:8">
      <c r="H105524" s="12"/>
    </row>
    <row r="105525" spans="8:8">
      <c r="H105525" s="12"/>
    </row>
    <row r="105526" spans="8:8">
      <c r="H105526" s="12"/>
    </row>
    <row r="105527" spans="8:8">
      <c r="H105527" s="12"/>
    </row>
    <row r="105528" spans="8:8">
      <c r="H105528" s="12"/>
    </row>
    <row r="105529" spans="8:8">
      <c r="H105529" s="12"/>
    </row>
    <row r="105530" spans="8:8">
      <c r="H105530" s="12"/>
    </row>
    <row r="105531" spans="8:8">
      <c r="H105531" s="12"/>
    </row>
    <row r="105532" spans="8:8">
      <c r="H105532" s="12"/>
    </row>
    <row r="105533" spans="8:8">
      <c r="H105533" s="12"/>
    </row>
    <row r="105534" spans="8:8">
      <c r="H105534" s="12"/>
    </row>
    <row r="105535" spans="8:8">
      <c r="H105535" s="12"/>
    </row>
    <row r="105536" spans="8:8">
      <c r="H105536" s="12"/>
    </row>
    <row r="105537" spans="8:8">
      <c r="H105537" s="12"/>
    </row>
    <row r="105538" spans="8:8">
      <c r="H105538" s="12"/>
    </row>
    <row r="105539" spans="8:8">
      <c r="H105539" s="12"/>
    </row>
    <row r="105540" spans="8:8">
      <c r="H105540" s="12"/>
    </row>
    <row r="105541" spans="8:8">
      <c r="H105541" s="12"/>
    </row>
    <row r="105542" spans="8:8">
      <c r="H105542" s="12"/>
    </row>
    <row r="105543" spans="8:8">
      <c r="H105543" s="12"/>
    </row>
    <row r="105544" spans="8:8">
      <c r="H105544" s="12"/>
    </row>
    <row r="105545" spans="8:8">
      <c r="H105545" s="12"/>
    </row>
    <row r="105546" spans="8:8">
      <c r="H105546" s="12"/>
    </row>
    <row r="105547" spans="8:8">
      <c r="H105547" s="12"/>
    </row>
    <row r="105548" spans="8:8">
      <c r="H105548" s="12"/>
    </row>
    <row r="105549" spans="8:8">
      <c r="H105549" s="12"/>
    </row>
    <row r="105550" spans="8:8">
      <c r="H105550" s="12"/>
    </row>
    <row r="105551" spans="8:8">
      <c r="H105551" s="12"/>
    </row>
    <row r="105552" spans="8:8">
      <c r="H105552" s="12"/>
    </row>
    <row r="105553" spans="8:8">
      <c r="H105553" s="12"/>
    </row>
    <row r="105554" spans="8:8">
      <c r="H105554" s="12"/>
    </row>
    <row r="105555" spans="8:8">
      <c r="H105555" s="12"/>
    </row>
    <row r="105556" spans="8:8">
      <c r="H105556" s="12"/>
    </row>
    <row r="105557" spans="8:8">
      <c r="H105557" s="12"/>
    </row>
    <row r="105558" spans="8:8">
      <c r="H105558" s="12"/>
    </row>
    <row r="105559" spans="8:8">
      <c r="H105559" s="12"/>
    </row>
    <row r="105560" spans="8:8">
      <c r="H105560" s="12"/>
    </row>
    <row r="105561" spans="8:8">
      <c r="H105561" s="12"/>
    </row>
    <row r="105562" spans="8:8">
      <c r="H105562" s="12"/>
    </row>
    <row r="105563" spans="8:8">
      <c r="H105563" s="12"/>
    </row>
    <row r="105564" spans="8:8">
      <c r="H105564" s="12"/>
    </row>
    <row r="105565" spans="8:8">
      <c r="H105565" s="12"/>
    </row>
    <row r="105566" spans="8:8">
      <c r="H105566" s="12"/>
    </row>
    <row r="105567" spans="8:8">
      <c r="H105567" s="12"/>
    </row>
    <row r="105568" spans="8:8">
      <c r="H105568" s="12"/>
    </row>
    <row r="105569" spans="8:8">
      <c r="H105569" s="12"/>
    </row>
    <row r="105570" spans="8:8">
      <c r="H105570" s="12"/>
    </row>
    <row r="105571" spans="8:8">
      <c r="H105571" s="12"/>
    </row>
    <row r="105572" spans="8:8">
      <c r="H105572" s="12"/>
    </row>
    <row r="105573" spans="8:8">
      <c r="H105573" s="12"/>
    </row>
    <row r="105574" spans="8:8">
      <c r="H105574" s="12"/>
    </row>
    <row r="105575" spans="8:8">
      <c r="H105575" s="12"/>
    </row>
    <row r="105576" spans="8:8">
      <c r="H105576" s="12"/>
    </row>
    <row r="105577" spans="8:8">
      <c r="H105577" s="12"/>
    </row>
    <row r="105578" spans="8:8">
      <c r="H105578" s="12"/>
    </row>
    <row r="105579" spans="8:8">
      <c r="H105579" s="12"/>
    </row>
    <row r="105580" spans="8:8">
      <c r="H105580" s="12"/>
    </row>
    <row r="105581" spans="8:8">
      <c r="H105581" s="12"/>
    </row>
    <row r="105582" spans="8:8">
      <c r="H105582" s="12"/>
    </row>
    <row r="105583" spans="8:8">
      <c r="H105583" s="12"/>
    </row>
    <row r="105584" spans="8:8">
      <c r="H105584" s="12"/>
    </row>
    <row r="105585" spans="8:8">
      <c r="H105585" s="12"/>
    </row>
    <row r="105586" spans="8:8">
      <c r="H105586" s="12"/>
    </row>
    <row r="105587" spans="8:8">
      <c r="H105587" s="12"/>
    </row>
    <row r="105588" spans="8:8">
      <c r="H105588" s="12"/>
    </row>
    <row r="105589" spans="8:8">
      <c r="H105589" s="12"/>
    </row>
    <row r="105590" spans="8:8">
      <c r="H105590" s="12"/>
    </row>
    <row r="105591" spans="8:8">
      <c r="H105591" s="12"/>
    </row>
    <row r="105592" spans="8:8">
      <c r="H105592" s="12"/>
    </row>
    <row r="105593" spans="8:8">
      <c r="H105593" s="12"/>
    </row>
    <row r="105594" spans="8:8">
      <c r="H105594" s="12"/>
    </row>
    <row r="105595" spans="8:8">
      <c r="H105595" s="12"/>
    </row>
    <row r="105596" spans="8:8">
      <c r="H105596" s="12"/>
    </row>
    <row r="105597" spans="8:8">
      <c r="H105597" s="12"/>
    </row>
    <row r="105598" spans="8:8">
      <c r="H105598" s="12"/>
    </row>
    <row r="105599" spans="8:8">
      <c r="H105599" s="12"/>
    </row>
    <row r="105600" spans="8:8">
      <c r="H105600" s="12"/>
    </row>
    <row r="105601" spans="8:8">
      <c r="H105601" s="12"/>
    </row>
    <row r="105602" spans="8:8">
      <c r="H105602" s="12"/>
    </row>
    <row r="105603" spans="8:8">
      <c r="H105603" s="12"/>
    </row>
    <row r="105604" spans="8:8">
      <c r="H105604" s="12"/>
    </row>
    <row r="105605" spans="8:8">
      <c r="H105605" s="12"/>
    </row>
    <row r="105606" spans="8:8">
      <c r="H105606" s="12"/>
    </row>
    <row r="105607" spans="8:8">
      <c r="H105607" s="12"/>
    </row>
    <row r="105608" spans="8:8">
      <c r="H105608" s="12"/>
    </row>
    <row r="105609" spans="8:8">
      <c r="H105609" s="12"/>
    </row>
    <row r="105610" spans="8:8">
      <c r="H105610" s="12"/>
    </row>
    <row r="105611" spans="8:8">
      <c r="H105611" s="12"/>
    </row>
    <row r="105612" spans="8:8">
      <c r="H105612" s="12"/>
    </row>
    <row r="105613" spans="8:8">
      <c r="H105613" s="12"/>
    </row>
    <row r="105614" spans="8:8">
      <c r="H105614" s="12"/>
    </row>
    <row r="105615" spans="8:8">
      <c r="H105615" s="12"/>
    </row>
    <row r="105616" spans="8:8">
      <c r="H105616" s="12"/>
    </row>
    <row r="105617" spans="8:8">
      <c r="H105617" s="12"/>
    </row>
    <row r="105618" spans="8:8">
      <c r="H105618" s="12"/>
    </row>
    <row r="105619" spans="8:8">
      <c r="H105619" s="12"/>
    </row>
    <row r="105620" spans="8:8">
      <c r="H105620" s="12"/>
    </row>
    <row r="105621" spans="8:8">
      <c r="H105621" s="12"/>
    </row>
    <row r="105622" spans="8:8">
      <c r="H105622" s="12"/>
    </row>
    <row r="105623" spans="8:8">
      <c r="H105623" s="12"/>
    </row>
    <row r="105624" spans="8:8">
      <c r="H105624" s="12"/>
    </row>
    <row r="105625" spans="8:8">
      <c r="H105625" s="12"/>
    </row>
    <row r="105626" spans="8:8">
      <c r="H105626" s="12"/>
    </row>
    <row r="105627" spans="8:8">
      <c r="H105627" s="12"/>
    </row>
    <row r="105628" spans="8:8">
      <c r="H105628" s="12"/>
    </row>
    <row r="105629" spans="8:8">
      <c r="H105629" s="12"/>
    </row>
    <row r="105630" spans="8:8">
      <c r="H105630" s="12"/>
    </row>
    <row r="105631" spans="8:8">
      <c r="H105631" s="12"/>
    </row>
    <row r="105632" spans="8:8">
      <c r="H105632" s="12"/>
    </row>
    <row r="105633" spans="8:8">
      <c r="H105633" s="12"/>
    </row>
    <row r="105634" spans="8:8">
      <c r="H105634" s="12"/>
    </row>
    <row r="105635" spans="8:8">
      <c r="H105635" s="12"/>
    </row>
    <row r="105636" spans="8:8">
      <c r="H105636" s="12"/>
    </row>
    <row r="105637" spans="8:8">
      <c r="H105637" s="12"/>
    </row>
    <row r="105638" spans="8:8">
      <c r="H105638" s="12"/>
    </row>
    <row r="105639" spans="8:8">
      <c r="H105639" s="12"/>
    </row>
    <row r="105640" spans="8:8">
      <c r="H105640" s="12"/>
    </row>
    <row r="105641" spans="8:8">
      <c r="H105641" s="12"/>
    </row>
    <row r="105642" spans="8:8">
      <c r="H105642" s="12"/>
    </row>
    <row r="105643" spans="8:8">
      <c r="H105643" s="12"/>
    </row>
    <row r="105644" spans="8:8">
      <c r="H105644" s="12"/>
    </row>
    <row r="105645" spans="8:8">
      <c r="H105645" s="12"/>
    </row>
    <row r="105646" spans="8:8">
      <c r="H105646" s="12"/>
    </row>
    <row r="105647" spans="8:8">
      <c r="H105647" s="12"/>
    </row>
    <row r="105648" spans="8:8">
      <c r="H105648" s="12"/>
    </row>
    <row r="105649" spans="8:8">
      <c r="H105649" s="12"/>
    </row>
    <row r="105650" spans="8:8">
      <c r="H105650" s="12"/>
    </row>
    <row r="105651" spans="8:8">
      <c r="H105651" s="12"/>
    </row>
    <row r="105652" spans="8:8">
      <c r="H105652" s="12"/>
    </row>
    <row r="105653" spans="8:8">
      <c r="H105653" s="12"/>
    </row>
    <row r="105654" spans="8:8">
      <c r="H105654" s="12"/>
    </row>
    <row r="105655" spans="8:8">
      <c r="H105655" s="12"/>
    </row>
    <row r="105656" spans="8:8">
      <c r="H105656" s="12"/>
    </row>
    <row r="105657" spans="8:8">
      <c r="H105657" s="12"/>
    </row>
    <row r="105658" spans="8:8">
      <c r="H105658" s="12"/>
    </row>
    <row r="105659" spans="8:8">
      <c r="H105659" s="12"/>
    </row>
    <row r="105660" spans="8:8">
      <c r="H105660" s="12"/>
    </row>
    <row r="105661" spans="8:8">
      <c r="H105661" s="12"/>
    </row>
    <row r="105662" spans="8:8">
      <c r="H105662" s="12"/>
    </row>
    <row r="105663" spans="8:8">
      <c r="H105663" s="12"/>
    </row>
    <row r="105664" spans="8:8">
      <c r="H105664" s="12"/>
    </row>
    <row r="105665" spans="8:8">
      <c r="H105665" s="12"/>
    </row>
    <row r="105666" spans="8:8">
      <c r="H105666" s="12"/>
    </row>
    <row r="105667" spans="8:8">
      <c r="H105667" s="12"/>
    </row>
    <row r="105668" spans="8:8">
      <c r="H105668" s="12"/>
    </row>
    <row r="105669" spans="8:8">
      <c r="H105669" s="12"/>
    </row>
    <row r="105670" spans="8:8">
      <c r="H105670" s="12"/>
    </row>
    <row r="105671" spans="8:8">
      <c r="H105671" s="12"/>
    </row>
    <row r="105672" spans="8:8">
      <c r="H105672" s="12"/>
    </row>
    <row r="105673" spans="8:8">
      <c r="H105673" s="12"/>
    </row>
    <row r="105674" spans="8:8">
      <c r="H105674" s="12"/>
    </row>
    <row r="105675" spans="8:8">
      <c r="H105675" s="12"/>
    </row>
    <row r="105676" spans="8:8">
      <c r="H105676" s="12"/>
    </row>
    <row r="105677" spans="8:8">
      <c r="H105677" s="12"/>
    </row>
    <row r="105678" spans="8:8">
      <c r="H105678" s="12"/>
    </row>
    <row r="105679" spans="8:8">
      <c r="H105679" s="12"/>
    </row>
    <row r="105680" spans="8:8">
      <c r="H105680" s="12"/>
    </row>
    <row r="105681" spans="8:8">
      <c r="H105681" s="12"/>
    </row>
    <row r="105682" spans="8:8">
      <c r="H105682" s="12"/>
    </row>
    <row r="105683" spans="8:8">
      <c r="H105683" s="12"/>
    </row>
    <row r="105684" spans="8:8">
      <c r="H105684" s="12"/>
    </row>
    <row r="105685" spans="8:8">
      <c r="H105685" s="12"/>
    </row>
    <row r="105686" spans="8:8">
      <c r="H105686" s="12"/>
    </row>
    <row r="105687" spans="8:8">
      <c r="H105687" s="12"/>
    </row>
    <row r="105688" spans="8:8">
      <c r="H105688" s="12"/>
    </row>
    <row r="105689" spans="8:8">
      <c r="H105689" s="12"/>
    </row>
    <row r="105690" spans="8:8">
      <c r="H105690" s="12"/>
    </row>
    <row r="105691" spans="8:8">
      <c r="H105691" s="12"/>
    </row>
    <row r="105692" spans="8:8">
      <c r="H105692" s="12"/>
    </row>
    <row r="105693" spans="8:8">
      <c r="H105693" s="12"/>
    </row>
    <row r="105694" spans="8:8">
      <c r="H105694" s="12"/>
    </row>
    <row r="105695" spans="8:8">
      <c r="H105695" s="12"/>
    </row>
    <row r="105696" spans="8:8">
      <c r="H105696" s="12"/>
    </row>
    <row r="105697" spans="8:8">
      <c r="H105697" s="12"/>
    </row>
    <row r="105698" spans="8:8">
      <c r="H105698" s="12"/>
    </row>
    <row r="105699" spans="8:8">
      <c r="H105699" s="12"/>
    </row>
    <row r="105700" spans="8:8">
      <c r="H105700" s="12"/>
    </row>
    <row r="105701" spans="8:8">
      <c r="H105701" s="12"/>
    </row>
    <row r="105702" spans="8:8">
      <c r="H105702" s="12"/>
    </row>
    <row r="105703" spans="8:8">
      <c r="H105703" s="12"/>
    </row>
    <row r="105704" spans="8:8">
      <c r="H105704" s="12"/>
    </row>
    <row r="105705" spans="8:8">
      <c r="H105705" s="12"/>
    </row>
    <row r="105706" spans="8:8">
      <c r="H105706" s="12"/>
    </row>
    <row r="105707" spans="8:8">
      <c r="H105707" s="12"/>
    </row>
    <row r="105708" spans="8:8">
      <c r="H105708" s="12"/>
    </row>
    <row r="105709" spans="8:8">
      <c r="H105709" s="12"/>
    </row>
    <row r="105710" spans="8:8">
      <c r="H105710" s="12"/>
    </row>
    <row r="105711" spans="8:8">
      <c r="H105711" s="12"/>
    </row>
    <row r="105712" spans="8:8">
      <c r="H105712" s="12"/>
    </row>
    <row r="105713" spans="8:8">
      <c r="H105713" s="12"/>
    </row>
    <row r="105714" spans="8:8">
      <c r="H105714" s="12"/>
    </row>
    <row r="105715" spans="8:8">
      <c r="H105715" s="12"/>
    </row>
    <row r="105716" spans="8:8">
      <c r="H105716" s="12"/>
    </row>
    <row r="105717" spans="8:8">
      <c r="H105717" s="12"/>
    </row>
    <row r="105718" spans="8:8">
      <c r="H105718" s="12"/>
    </row>
    <row r="105719" spans="8:8">
      <c r="H105719" s="12"/>
    </row>
    <row r="105720" spans="8:8">
      <c r="H105720" s="12"/>
    </row>
    <row r="105721" spans="8:8">
      <c r="H105721" s="12"/>
    </row>
    <row r="105722" spans="8:8">
      <c r="H105722" s="12"/>
    </row>
    <row r="105723" spans="8:8">
      <c r="H105723" s="12"/>
    </row>
    <row r="105724" spans="8:8">
      <c r="H105724" s="12"/>
    </row>
    <row r="105725" spans="8:8">
      <c r="H105725" s="12"/>
    </row>
    <row r="105726" spans="8:8">
      <c r="H105726" s="12"/>
    </row>
    <row r="105727" spans="8:8">
      <c r="H105727" s="12"/>
    </row>
    <row r="105728" spans="8:8">
      <c r="H105728" s="12"/>
    </row>
    <row r="105729" spans="8:8">
      <c r="H105729" s="12"/>
    </row>
    <row r="105730" spans="8:8">
      <c r="H105730" s="12"/>
    </row>
    <row r="105731" spans="8:8">
      <c r="H105731" s="12"/>
    </row>
    <row r="105732" spans="8:8">
      <c r="H105732" s="12"/>
    </row>
    <row r="105733" spans="8:8">
      <c r="H105733" s="12"/>
    </row>
    <row r="105734" spans="8:8">
      <c r="H105734" s="12"/>
    </row>
    <row r="105735" spans="8:8">
      <c r="H105735" s="12"/>
    </row>
    <row r="105736" spans="8:8">
      <c r="H105736" s="12"/>
    </row>
    <row r="105737" spans="8:8">
      <c r="H105737" s="12"/>
    </row>
    <row r="105738" spans="8:8">
      <c r="H105738" s="12"/>
    </row>
    <row r="105739" spans="8:8">
      <c r="H105739" s="12"/>
    </row>
    <row r="105740" spans="8:8">
      <c r="H105740" s="12"/>
    </row>
    <row r="105741" spans="8:8">
      <c r="H105741" s="12"/>
    </row>
    <row r="105742" spans="8:8">
      <c r="H105742" s="12"/>
    </row>
    <row r="105743" spans="8:8">
      <c r="H105743" s="12"/>
    </row>
    <row r="105744" spans="8:8">
      <c r="H105744" s="12"/>
    </row>
    <row r="105745" spans="8:8">
      <c r="H105745" s="12"/>
    </row>
    <row r="105746" spans="8:8">
      <c r="H105746" s="12"/>
    </row>
    <row r="105747" spans="8:8">
      <c r="H105747" s="12"/>
    </row>
    <row r="105748" spans="8:8">
      <c r="H105748" s="12"/>
    </row>
    <row r="105749" spans="8:8">
      <c r="H105749" s="12"/>
    </row>
    <row r="105750" spans="8:8">
      <c r="H105750" s="12"/>
    </row>
    <row r="105751" spans="8:8">
      <c r="H105751" s="12"/>
    </row>
    <row r="105752" spans="8:8">
      <c r="H105752" s="12"/>
    </row>
    <row r="105753" spans="8:8">
      <c r="H105753" s="12"/>
    </row>
    <row r="105754" spans="8:8">
      <c r="H105754" s="12"/>
    </row>
    <row r="105755" spans="8:8">
      <c r="H105755" s="12"/>
    </row>
    <row r="105756" spans="8:8">
      <c r="H105756" s="12"/>
    </row>
    <row r="105757" spans="8:8">
      <c r="H105757" s="12"/>
    </row>
    <row r="105758" spans="8:8">
      <c r="H105758" s="12"/>
    </row>
    <row r="105759" spans="8:8">
      <c r="H105759" s="12"/>
    </row>
    <row r="105760" spans="8:8">
      <c r="H105760" s="12"/>
    </row>
    <row r="105761" spans="8:8">
      <c r="H105761" s="12"/>
    </row>
    <row r="105762" spans="8:8">
      <c r="H105762" s="12"/>
    </row>
    <row r="105763" spans="8:8">
      <c r="H105763" s="12"/>
    </row>
    <row r="105764" spans="8:8">
      <c r="H105764" s="12"/>
    </row>
    <row r="105765" spans="8:8">
      <c r="H105765" s="12"/>
    </row>
    <row r="105766" spans="8:8">
      <c r="H105766" s="12"/>
    </row>
    <row r="105767" spans="8:8">
      <c r="H105767" s="12"/>
    </row>
    <row r="105768" spans="8:8">
      <c r="H105768" s="12"/>
    </row>
    <row r="105769" spans="8:8">
      <c r="H105769" s="12"/>
    </row>
    <row r="105770" spans="8:8">
      <c r="H105770" s="12"/>
    </row>
    <row r="105771" spans="8:8">
      <c r="H105771" s="12"/>
    </row>
    <row r="105772" spans="8:8">
      <c r="H105772" s="12"/>
    </row>
    <row r="105773" spans="8:8">
      <c r="H105773" s="12"/>
    </row>
    <row r="105774" spans="8:8">
      <c r="H105774" s="12"/>
    </row>
    <row r="105775" spans="8:8">
      <c r="H105775" s="12"/>
    </row>
    <row r="105776" spans="8:8">
      <c r="H105776" s="12"/>
    </row>
    <row r="105777" spans="8:8">
      <c r="H105777" s="12"/>
    </row>
    <row r="105778" spans="8:8">
      <c r="H105778" s="12"/>
    </row>
    <row r="105779" spans="8:8">
      <c r="H105779" s="12"/>
    </row>
    <row r="105780" spans="8:8">
      <c r="H105780" s="12"/>
    </row>
    <row r="105781" spans="8:8">
      <c r="H105781" s="12"/>
    </row>
    <row r="105782" spans="8:8">
      <c r="H105782" s="12"/>
    </row>
    <row r="105783" spans="8:8">
      <c r="H105783" s="12"/>
    </row>
    <row r="105784" spans="8:8">
      <c r="H105784" s="12"/>
    </row>
    <row r="105785" spans="8:8">
      <c r="H105785" s="12"/>
    </row>
    <row r="105786" spans="8:8">
      <c r="H105786" s="12"/>
    </row>
    <row r="105787" spans="8:8">
      <c r="H105787" s="12"/>
    </row>
    <row r="105788" spans="8:8">
      <c r="H105788" s="12"/>
    </row>
    <row r="105789" spans="8:8">
      <c r="H105789" s="12"/>
    </row>
    <row r="105790" spans="8:8">
      <c r="H105790" s="12"/>
    </row>
    <row r="105791" spans="8:8">
      <c r="H105791" s="12"/>
    </row>
    <row r="105792" spans="8:8">
      <c r="H105792" s="12"/>
    </row>
    <row r="105793" spans="8:8">
      <c r="H105793" s="12"/>
    </row>
    <row r="105794" spans="8:8">
      <c r="H105794" s="12"/>
    </row>
    <row r="105795" spans="8:8">
      <c r="H105795" s="12"/>
    </row>
    <row r="105796" spans="8:8">
      <c r="H105796" s="12"/>
    </row>
    <row r="105797" spans="8:8">
      <c r="H105797" s="12"/>
    </row>
    <row r="105798" spans="8:8">
      <c r="H105798" s="12"/>
    </row>
    <row r="105799" spans="8:8">
      <c r="H105799" s="12"/>
    </row>
    <row r="105800" spans="8:8">
      <c r="H105800" s="12"/>
    </row>
    <row r="105801" spans="8:8">
      <c r="H105801" s="12"/>
    </row>
    <row r="105802" spans="8:8">
      <c r="H105802" s="12"/>
    </row>
    <row r="105803" spans="8:8">
      <c r="H105803" s="12"/>
    </row>
    <row r="105804" spans="8:8">
      <c r="H105804" s="12"/>
    </row>
    <row r="105805" spans="8:8">
      <c r="H105805" s="12"/>
    </row>
    <row r="105806" spans="8:8">
      <c r="H105806" s="12"/>
    </row>
    <row r="105807" spans="8:8">
      <c r="H105807" s="12"/>
    </row>
    <row r="105808" spans="8:8">
      <c r="H105808" s="12"/>
    </row>
    <row r="105809" spans="8:8">
      <c r="H105809" s="12"/>
    </row>
    <row r="105810" spans="8:8">
      <c r="H105810" s="12"/>
    </row>
    <row r="105811" spans="8:8">
      <c r="H105811" s="12"/>
    </row>
    <row r="105812" spans="8:8">
      <c r="H105812" s="12"/>
    </row>
    <row r="105813" spans="8:8">
      <c r="H105813" s="12"/>
    </row>
    <row r="105814" spans="8:8">
      <c r="H105814" s="12"/>
    </row>
    <row r="105815" spans="8:8">
      <c r="H105815" s="12"/>
    </row>
    <row r="105816" spans="8:8">
      <c r="H105816" s="12"/>
    </row>
    <row r="105817" spans="8:8">
      <c r="H105817" s="12"/>
    </row>
    <row r="105818" spans="8:8">
      <c r="H105818" s="12"/>
    </row>
    <row r="105819" spans="8:8">
      <c r="H105819" s="12"/>
    </row>
    <row r="105820" spans="8:8">
      <c r="H105820" s="12"/>
    </row>
    <row r="105821" spans="8:8">
      <c r="H105821" s="12"/>
    </row>
    <row r="105822" spans="8:8">
      <c r="H105822" s="12"/>
    </row>
    <row r="105823" spans="8:8">
      <c r="H105823" s="12"/>
    </row>
    <row r="105824" spans="8:8">
      <c r="H105824" s="12"/>
    </row>
    <row r="105825" spans="8:8">
      <c r="H105825" s="12"/>
    </row>
    <row r="105826" spans="8:8">
      <c r="H105826" s="12"/>
    </row>
    <row r="105827" spans="8:8">
      <c r="H105827" s="12"/>
    </row>
    <row r="105828" spans="8:8">
      <c r="H105828" s="12"/>
    </row>
    <row r="105829" spans="8:8">
      <c r="H105829" s="12"/>
    </row>
    <row r="105830" spans="8:8">
      <c r="H105830" s="12"/>
    </row>
    <row r="105831" spans="8:8">
      <c r="H105831" s="12"/>
    </row>
    <row r="105832" spans="8:8">
      <c r="H105832" s="12"/>
    </row>
    <row r="105833" spans="8:8">
      <c r="H105833" s="12"/>
    </row>
    <row r="105834" spans="8:8">
      <c r="H105834" s="12"/>
    </row>
    <row r="105835" spans="8:8">
      <c r="H105835" s="12"/>
    </row>
    <row r="105836" spans="8:8">
      <c r="H105836" s="12"/>
    </row>
    <row r="105837" spans="8:8">
      <c r="H105837" s="12"/>
    </row>
    <row r="105838" spans="8:8">
      <c r="H105838" s="12"/>
    </row>
    <row r="105839" spans="8:8">
      <c r="H105839" s="12"/>
    </row>
    <row r="105840" spans="8:8">
      <c r="H105840" s="12"/>
    </row>
    <row r="105841" spans="8:8">
      <c r="H105841" s="12"/>
    </row>
    <row r="105842" spans="8:8">
      <c r="H105842" s="12"/>
    </row>
    <row r="105843" spans="8:8">
      <c r="H105843" s="12"/>
    </row>
    <row r="105844" spans="8:8">
      <c r="H105844" s="12"/>
    </row>
    <row r="105845" spans="8:8">
      <c r="H105845" s="12"/>
    </row>
    <row r="105846" spans="8:8">
      <c r="H105846" s="12"/>
    </row>
    <row r="105847" spans="8:8">
      <c r="H105847" s="12"/>
    </row>
    <row r="105848" spans="8:8">
      <c r="H105848" s="12"/>
    </row>
    <row r="105849" spans="8:8">
      <c r="H105849" s="12"/>
    </row>
    <row r="105850" spans="8:8">
      <c r="H105850" s="12"/>
    </row>
    <row r="105851" spans="8:8">
      <c r="H105851" s="12"/>
    </row>
    <row r="105852" spans="8:8">
      <c r="H105852" s="12"/>
    </row>
    <row r="105853" spans="8:8">
      <c r="H105853" s="12"/>
    </row>
    <row r="105854" spans="8:8">
      <c r="H105854" s="12"/>
    </row>
    <row r="105855" spans="8:8">
      <c r="H105855" s="12"/>
    </row>
    <row r="105856" spans="8:8">
      <c r="H105856" s="12"/>
    </row>
    <row r="105857" spans="8:8">
      <c r="H105857" s="12"/>
    </row>
    <row r="105858" spans="8:8">
      <c r="H105858" s="12"/>
    </row>
    <row r="105859" spans="8:8">
      <c r="H105859" s="12"/>
    </row>
    <row r="105860" spans="8:8">
      <c r="H105860" s="12"/>
    </row>
    <row r="105861" spans="8:8">
      <c r="H105861" s="12"/>
    </row>
    <row r="105862" spans="8:8">
      <c r="H105862" s="12"/>
    </row>
    <row r="105863" spans="8:8">
      <c r="H105863" s="12"/>
    </row>
    <row r="105864" spans="8:8">
      <c r="H105864" s="12"/>
    </row>
    <row r="105865" spans="8:8">
      <c r="H105865" s="12"/>
    </row>
    <row r="105866" spans="8:8">
      <c r="H105866" s="12"/>
    </row>
    <row r="105867" spans="8:8">
      <c r="H105867" s="12"/>
    </row>
    <row r="105868" spans="8:8">
      <c r="H105868" s="12"/>
    </row>
    <row r="105869" spans="8:8">
      <c r="H105869" s="12"/>
    </row>
    <row r="105870" spans="8:8">
      <c r="H105870" s="12"/>
    </row>
    <row r="105871" spans="8:8">
      <c r="H105871" s="12"/>
    </row>
    <row r="105872" spans="8:8">
      <c r="H105872" s="12"/>
    </row>
    <row r="105873" spans="8:8">
      <c r="H105873" s="12"/>
    </row>
    <row r="105874" spans="8:8">
      <c r="H105874" s="12"/>
    </row>
    <row r="105875" spans="8:8">
      <c r="H105875" s="12"/>
    </row>
    <row r="105876" spans="8:8">
      <c r="H105876" s="12"/>
    </row>
    <row r="105877" spans="8:8">
      <c r="H105877" s="12"/>
    </row>
    <row r="105878" spans="8:8">
      <c r="H105878" s="12"/>
    </row>
    <row r="105879" spans="8:8">
      <c r="H105879" s="12"/>
    </row>
    <row r="105880" spans="8:8">
      <c r="H105880" s="12"/>
    </row>
    <row r="105881" spans="8:8">
      <c r="H105881" s="12"/>
    </row>
    <row r="105882" spans="8:8">
      <c r="H105882" s="12"/>
    </row>
    <row r="105883" spans="8:8">
      <c r="H105883" s="12"/>
    </row>
    <row r="105884" spans="8:8">
      <c r="H105884" s="12"/>
    </row>
    <row r="105885" spans="8:8">
      <c r="H105885" s="12"/>
    </row>
    <row r="105886" spans="8:8">
      <c r="H105886" s="12"/>
    </row>
    <row r="105887" spans="8:8">
      <c r="H105887" s="12"/>
    </row>
    <row r="105888" spans="8:8">
      <c r="H105888" s="12"/>
    </row>
    <row r="105889" spans="8:8">
      <c r="H105889" s="12"/>
    </row>
    <row r="105890" spans="8:8">
      <c r="H105890" s="12"/>
    </row>
    <row r="105891" spans="8:8">
      <c r="H105891" s="12"/>
    </row>
    <row r="105892" spans="8:8">
      <c r="H105892" s="12"/>
    </row>
    <row r="105893" spans="8:8">
      <c r="H105893" s="12"/>
    </row>
    <row r="105894" spans="8:8">
      <c r="H105894" s="12"/>
    </row>
    <row r="105895" spans="8:8">
      <c r="H105895" s="12"/>
    </row>
    <row r="105896" spans="8:8">
      <c r="H105896" s="12"/>
    </row>
    <row r="105897" spans="8:8">
      <c r="H105897" s="12"/>
    </row>
    <row r="105898" spans="8:8">
      <c r="H105898" s="12"/>
    </row>
    <row r="105899" spans="8:8">
      <c r="H105899" s="12"/>
    </row>
    <row r="105900" spans="8:8">
      <c r="H105900" s="12"/>
    </row>
    <row r="105901" spans="8:8">
      <c r="H105901" s="12"/>
    </row>
    <row r="105902" spans="8:8">
      <c r="H105902" s="12"/>
    </row>
    <row r="105903" spans="8:8">
      <c r="H105903" s="12"/>
    </row>
    <row r="105904" spans="8:8">
      <c r="H105904" s="12"/>
    </row>
    <row r="105905" spans="8:8">
      <c r="H105905" s="12"/>
    </row>
    <row r="105906" spans="8:8">
      <c r="H105906" s="12"/>
    </row>
    <row r="105907" spans="8:8">
      <c r="H105907" s="12"/>
    </row>
    <row r="105908" spans="8:8">
      <c r="H105908" s="12"/>
    </row>
    <row r="105909" spans="8:8">
      <c r="H105909" s="12"/>
    </row>
    <row r="105910" spans="8:8">
      <c r="H105910" s="12"/>
    </row>
    <row r="105911" spans="8:8">
      <c r="H105911" s="12"/>
    </row>
    <row r="105912" spans="8:8">
      <c r="H105912" s="12"/>
    </row>
    <row r="105913" spans="8:8">
      <c r="H105913" s="12"/>
    </row>
    <row r="105914" spans="8:8">
      <c r="H105914" s="12"/>
    </row>
    <row r="105915" spans="8:8">
      <c r="H105915" s="12"/>
    </row>
    <row r="105916" spans="8:8">
      <c r="H105916" s="12"/>
    </row>
    <row r="105917" spans="8:8">
      <c r="H105917" s="12"/>
    </row>
    <row r="105918" spans="8:8">
      <c r="H105918" s="12"/>
    </row>
    <row r="105919" spans="8:8">
      <c r="H105919" s="12"/>
    </row>
    <row r="105920" spans="8:8">
      <c r="H105920" s="12"/>
    </row>
    <row r="105921" spans="8:8">
      <c r="H105921" s="12"/>
    </row>
    <row r="105922" spans="8:8">
      <c r="H105922" s="12"/>
    </row>
    <row r="105923" spans="8:8">
      <c r="H105923" s="12"/>
    </row>
    <row r="105924" spans="8:8">
      <c r="H105924" s="12"/>
    </row>
    <row r="105925" spans="8:8">
      <c r="H105925" s="12"/>
    </row>
    <row r="105926" spans="8:8">
      <c r="H105926" s="12"/>
    </row>
    <row r="105927" spans="8:8">
      <c r="H105927" s="12"/>
    </row>
    <row r="105928" spans="8:8">
      <c r="H105928" s="12"/>
    </row>
    <row r="105929" spans="8:8">
      <c r="H105929" s="12"/>
    </row>
    <row r="105930" spans="8:8">
      <c r="H105930" s="12"/>
    </row>
    <row r="105931" spans="8:8">
      <c r="H105931" s="12"/>
    </row>
    <row r="105932" spans="8:8">
      <c r="H105932" s="12"/>
    </row>
    <row r="105933" spans="8:8">
      <c r="H105933" s="12"/>
    </row>
    <row r="105934" spans="8:8">
      <c r="H105934" s="12"/>
    </row>
    <row r="105935" spans="8:8">
      <c r="H105935" s="12"/>
    </row>
    <row r="105936" spans="8:8">
      <c r="H105936" s="12"/>
    </row>
    <row r="105937" spans="8:8">
      <c r="H105937" s="12"/>
    </row>
    <row r="105938" spans="8:8">
      <c r="H105938" s="12"/>
    </row>
    <row r="105939" spans="8:8">
      <c r="H105939" s="12"/>
    </row>
    <row r="105940" spans="8:8">
      <c r="H105940" s="12"/>
    </row>
    <row r="105941" spans="8:8">
      <c r="H105941" s="12"/>
    </row>
    <row r="105942" spans="8:8">
      <c r="H105942" s="12"/>
    </row>
    <row r="105943" spans="8:8">
      <c r="H105943" s="12"/>
    </row>
    <row r="105944" spans="8:8">
      <c r="H105944" s="12"/>
    </row>
    <row r="105945" spans="8:8">
      <c r="H105945" s="12"/>
    </row>
    <row r="105946" spans="8:8">
      <c r="H105946" s="12"/>
    </row>
    <row r="105947" spans="8:8">
      <c r="H105947" s="12"/>
    </row>
    <row r="105948" spans="8:8">
      <c r="H105948" s="12"/>
    </row>
    <row r="105949" spans="8:8">
      <c r="H105949" s="12"/>
    </row>
    <row r="105950" spans="8:8">
      <c r="H105950" s="12"/>
    </row>
    <row r="105951" spans="8:8">
      <c r="H105951" s="12"/>
    </row>
    <row r="105952" spans="8:8">
      <c r="H105952" s="12"/>
    </row>
    <row r="105953" spans="8:8">
      <c r="H105953" s="12"/>
    </row>
    <row r="105954" spans="8:8">
      <c r="H105954" s="12"/>
    </row>
    <row r="105955" spans="8:8">
      <c r="H105955" s="12"/>
    </row>
    <row r="105956" spans="8:8">
      <c r="H105956" s="12"/>
    </row>
    <row r="105957" spans="8:8">
      <c r="H105957" s="12"/>
    </row>
    <row r="105958" spans="8:8">
      <c r="H105958" s="12"/>
    </row>
    <row r="105959" spans="8:8">
      <c r="H105959" s="12"/>
    </row>
    <row r="105960" spans="8:8">
      <c r="H105960" s="12"/>
    </row>
    <row r="105961" spans="8:8">
      <c r="H105961" s="12"/>
    </row>
    <row r="105962" spans="8:8">
      <c r="H105962" s="12"/>
    </row>
    <row r="105963" spans="8:8">
      <c r="H105963" s="12"/>
    </row>
    <row r="105964" spans="8:8">
      <c r="H105964" s="12"/>
    </row>
    <row r="105965" spans="8:8">
      <c r="H105965" s="12"/>
    </row>
    <row r="105966" spans="8:8">
      <c r="H105966" s="12"/>
    </row>
    <row r="105967" spans="8:8">
      <c r="H105967" s="12"/>
    </row>
    <row r="105968" spans="8:8">
      <c r="H105968" s="12"/>
    </row>
    <row r="105969" spans="8:8">
      <c r="H105969" s="12"/>
    </row>
    <row r="105970" spans="8:8">
      <c r="H105970" s="12"/>
    </row>
    <row r="105971" spans="8:8">
      <c r="H105971" s="12"/>
    </row>
    <row r="105972" spans="8:8">
      <c r="H105972" s="12"/>
    </row>
    <row r="105973" spans="8:8">
      <c r="H105973" s="12"/>
    </row>
    <row r="105974" spans="8:8">
      <c r="H105974" s="12"/>
    </row>
    <row r="105975" spans="8:8">
      <c r="H105975" s="12"/>
    </row>
    <row r="105976" spans="8:8">
      <c r="H105976" s="12"/>
    </row>
    <row r="105977" spans="8:8">
      <c r="H105977" s="12"/>
    </row>
    <row r="105978" spans="8:8">
      <c r="H105978" s="12"/>
    </row>
    <row r="105979" spans="8:8">
      <c r="H105979" s="12"/>
    </row>
    <row r="105980" spans="8:8">
      <c r="H105980" s="12"/>
    </row>
    <row r="105981" spans="8:8">
      <c r="H105981" s="12"/>
    </row>
    <row r="105982" spans="8:8">
      <c r="H105982" s="12"/>
    </row>
    <row r="105983" spans="8:8">
      <c r="H105983" s="12"/>
    </row>
    <row r="105984" spans="8:8">
      <c r="H105984" s="12"/>
    </row>
    <row r="105985" spans="8:8">
      <c r="H105985" s="12"/>
    </row>
    <row r="105986" spans="8:8">
      <c r="H105986" s="12"/>
    </row>
    <row r="105987" spans="8:8">
      <c r="H105987" s="12"/>
    </row>
    <row r="105988" spans="8:8">
      <c r="H105988" s="12"/>
    </row>
    <row r="105989" spans="8:8">
      <c r="H105989" s="12"/>
    </row>
    <row r="105990" spans="8:8">
      <c r="H105990" s="12"/>
    </row>
    <row r="105991" spans="8:8">
      <c r="H105991" s="12"/>
    </row>
    <row r="105992" spans="8:8">
      <c r="H105992" s="12"/>
    </row>
    <row r="105993" spans="8:8">
      <c r="H105993" s="12"/>
    </row>
    <row r="105994" spans="8:8">
      <c r="H105994" s="12"/>
    </row>
    <row r="105995" spans="8:8">
      <c r="H105995" s="12"/>
    </row>
    <row r="105996" spans="8:8">
      <c r="H105996" s="12"/>
    </row>
    <row r="105997" spans="8:8">
      <c r="H105997" s="12"/>
    </row>
    <row r="105998" spans="8:8">
      <c r="H105998" s="12"/>
    </row>
    <row r="105999" spans="8:8">
      <c r="H105999" s="12"/>
    </row>
    <row r="106000" spans="8:8">
      <c r="H106000" s="12"/>
    </row>
    <row r="106001" spans="8:8">
      <c r="H106001" s="12"/>
    </row>
    <row r="106002" spans="8:8">
      <c r="H106002" s="12"/>
    </row>
    <row r="106003" spans="8:8">
      <c r="H106003" s="12"/>
    </row>
    <row r="106004" spans="8:8">
      <c r="H106004" s="12"/>
    </row>
    <row r="106005" spans="8:8">
      <c r="H106005" s="12"/>
    </row>
    <row r="106006" spans="8:8">
      <c r="H106006" s="12"/>
    </row>
    <row r="106007" spans="8:8">
      <c r="H106007" s="12"/>
    </row>
    <row r="106008" spans="8:8">
      <c r="H106008" s="12"/>
    </row>
    <row r="106009" spans="8:8">
      <c r="H106009" s="12"/>
    </row>
    <row r="106010" spans="8:8">
      <c r="H106010" s="12"/>
    </row>
    <row r="106011" spans="8:8">
      <c r="H106011" s="12"/>
    </row>
    <row r="106012" spans="8:8">
      <c r="H106012" s="12"/>
    </row>
    <row r="106013" spans="8:8">
      <c r="H106013" s="12"/>
    </row>
    <row r="106014" spans="8:8">
      <c r="H106014" s="12"/>
    </row>
    <row r="106015" spans="8:8">
      <c r="H106015" s="12"/>
    </row>
    <row r="106016" spans="8:8">
      <c r="H106016" s="12"/>
    </row>
    <row r="106017" spans="8:8">
      <c r="H106017" s="12"/>
    </row>
    <row r="106018" spans="8:8">
      <c r="H106018" s="12"/>
    </row>
    <row r="106019" spans="8:8">
      <c r="H106019" s="12"/>
    </row>
    <row r="106020" spans="8:8">
      <c r="H106020" s="12"/>
    </row>
    <row r="106021" spans="8:8">
      <c r="H106021" s="12"/>
    </row>
    <row r="106022" spans="8:8">
      <c r="H106022" s="12"/>
    </row>
    <row r="106023" spans="8:8">
      <c r="H106023" s="12"/>
    </row>
    <row r="106024" spans="8:8">
      <c r="H106024" s="12"/>
    </row>
    <row r="106025" spans="8:8">
      <c r="H106025" s="12"/>
    </row>
    <row r="106026" spans="8:8">
      <c r="H106026" s="12"/>
    </row>
    <row r="106027" spans="8:8">
      <c r="H106027" s="12"/>
    </row>
    <row r="106028" spans="8:8">
      <c r="H106028" s="12"/>
    </row>
    <row r="106029" spans="8:8">
      <c r="H106029" s="12"/>
    </row>
    <row r="106030" spans="8:8">
      <c r="H106030" s="12"/>
    </row>
    <row r="106031" spans="8:8">
      <c r="H106031" s="12"/>
    </row>
    <row r="106032" spans="8:8">
      <c r="H106032" s="12"/>
    </row>
    <row r="106033" spans="8:8">
      <c r="H106033" s="12"/>
    </row>
    <row r="106034" spans="8:8">
      <c r="H106034" s="12"/>
    </row>
    <row r="106035" spans="8:8">
      <c r="H106035" s="12"/>
    </row>
    <row r="106036" spans="8:8">
      <c r="H106036" s="12"/>
    </row>
    <row r="106037" spans="8:8">
      <c r="H106037" s="12"/>
    </row>
    <row r="106038" spans="8:8">
      <c r="H106038" s="12"/>
    </row>
    <row r="106039" spans="8:8">
      <c r="H106039" s="12"/>
    </row>
    <row r="106040" spans="8:8">
      <c r="H106040" s="12"/>
    </row>
    <row r="106041" spans="8:8">
      <c r="H106041" s="12"/>
    </row>
    <row r="106042" spans="8:8">
      <c r="H106042" s="12"/>
    </row>
    <row r="106043" spans="8:8">
      <c r="H106043" s="12"/>
    </row>
    <row r="106044" spans="8:8">
      <c r="H106044" s="12"/>
    </row>
    <row r="106045" spans="8:8">
      <c r="H106045" s="12"/>
    </row>
    <row r="106046" spans="8:8">
      <c r="H106046" s="12"/>
    </row>
    <row r="106047" spans="8:8">
      <c r="H106047" s="12"/>
    </row>
    <row r="106048" spans="8:8">
      <c r="H106048" s="12"/>
    </row>
    <row r="106049" spans="8:8">
      <c r="H106049" s="12"/>
    </row>
    <row r="106050" spans="8:8">
      <c r="H106050" s="12"/>
    </row>
    <row r="106051" spans="8:8">
      <c r="H106051" s="12"/>
    </row>
    <row r="106052" spans="8:8">
      <c r="H106052" s="12"/>
    </row>
    <row r="106053" spans="8:8">
      <c r="H106053" s="12"/>
    </row>
    <row r="106054" spans="8:8">
      <c r="H106054" s="12"/>
    </row>
    <row r="106055" spans="8:8">
      <c r="H106055" s="12"/>
    </row>
    <row r="106056" spans="8:8">
      <c r="H106056" s="12"/>
    </row>
    <row r="106057" spans="8:8">
      <c r="H106057" s="12"/>
    </row>
    <row r="106058" spans="8:8">
      <c r="H106058" s="12"/>
    </row>
    <row r="106059" spans="8:8">
      <c r="H106059" s="12"/>
    </row>
    <row r="106060" spans="8:8">
      <c r="H106060" s="12"/>
    </row>
    <row r="106061" spans="8:8">
      <c r="H106061" s="12"/>
    </row>
    <row r="106062" spans="8:8">
      <c r="H106062" s="12"/>
    </row>
    <row r="106063" spans="8:8">
      <c r="H106063" s="12"/>
    </row>
    <row r="106064" spans="8:8">
      <c r="H106064" s="12"/>
    </row>
    <row r="106065" spans="8:8">
      <c r="H106065" s="12"/>
    </row>
    <row r="106066" spans="8:8">
      <c r="H106066" s="12"/>
    </row>
    <row r="106067" spans="8:8">
      <c r="H106067" s="12"/>
    </row>
    <row r="106068" spans="8:8">
      <c r="H106068" s="12"/>
    </row>
    <row r="106069" spans="8:8">
      <c r="H106069" s="12"/>
    </row>
    <row r="106070" spans="8:8">
      <c r="H106070" s="12"/>
    </row>
    <row r="106071" spans="8:8">
      <c r="H106071" s="12"/>
    </row>
    <row r="106072" spans="8:8">
      <c r="H106072" s="12"/>
    </row>
    <row r="106073" spans="8:8">
      <c r="H106073" s="12"/>
    </row>
    <row r="106074" spans="8:8">
      <c r="H106074" s="12"/>
    </row>
    <row r="106075" spans="8:8">
      <c r="H106075" s="12"/>
    </row>
    <row r="106076" spans="8:8">
      <c r="H106076" s="12"/>
    </row>
    <row r="106077" spans="8:8">
      <c r="H106077" s="12"/>
    </row>
    <row r="106078" spans="8:8">
      <c r="H106078" s="12"/>
    </row>
    <row r="106079" spans="8:8">
      <c r="H106079" s="12"/>
    </row>
    <row r="106080" spans="8:8">
      <c r="H106080" s="12"/>
    </row>
    <row r="106081" spans="8:8">
      <c r="H106081" s="12"/>
    </row>
    <row r="106082" spans="8:8">
      <c r="H106082" s="12"/>
    </row>
    <row r="106083" spans="8:8">
      <c r="H106083" s="12"/>
    </row>
    <row r="106084" spans="8:8">
      <c r="H106084" s="12"/>
    </row>
    <row r="106085" spans="8:8">
      <c r="H106085" s="12"/>
    </row>
    <row r="106086" spans="8:8">
      <c r="H106086" s="12"/>
    </row>
    <row r="106087" spans="8:8">
      <c r="H106087" s="12"/>
    </row>
    <row r="106088" spans="8:8">
      <c r="H106088" s="12"/>
    </row>
    <row r="106089" spans="8:8">
      <c r="H106089" s="12"/>
    </row>
    <row r="106090" spans="8:8">
      <c r="H106090" s="12"/>
    </row>
    <row r="106091" spans="8:8">
      <c r="H106091" s="12"/>
    </row>
    <row r="106092" spans="8:8">
      <c r="H106092" s="12"/>
    </row>
    <row r="106093" spans="8:8">
      <c r="H106093" s="12"/>
    </row>
    <row r="106094" spans="8:8">
      <c r="H106094" s="12"/>
    </row>
    <row r="106095" spans="8:8">
      <c r="H106095" s="12"/>
    </row>
    <row r="106096" spans="8:8">
      <c r="H106096" s="12"/>
    </row>
    <row r="106097" spans="8:8">
      <c r="H106097" s="12"/>
    </row>
    <row r="106098" spans="8:8">
      <c r="H106098" s="12"/>
    </row>
    <row r="106099" spans="8:8">
      <c r="H106099" s="12"/>
    </row>
    <row r="106100" spans="8:8">
      <c r="H106100" s="12"/>
    </row>
    <row r="106101" spans="8:8">
      <c r="H106101" s="12"/>
    </row>
    <row r="106102" spans="8:8">
      <c r="H106102" s="12"/>
    </row>
    <row r="106103" spans="8:8">
      <c r="H106103" s="12"/>
    </row>
    <row r="106104" spans="8:8">
      <c r="H106104" s="12"/>
    </row>
    <row r="106105" spans="8:8">
      <c r="H106105" s="12"/>
    </row>
    <row r="106106" spans="8:8">
      <c r="H106106" s="12"/>
    </row>
    <row r="106107" spans="8:8">
      <c r="H106107" s="12"/>
    </row>
    <row r="106108" spans="8:8">
      <c r="H106108" s="12"/>
    </row>
    <row r="106109" spans="8:8">
      <c r="H106109" s="12"/>
    </row>
    <row r="106110" spans="8:8">
      <c r="H106110" s="12"/>
    </row>
    <row r="106111" spans="8:8">
      <c r="H106111" s="12"/>
    </row>
    <row r="106112" spans="8:8">
      <c r="H106112" s="12"/>
    </row>
    <row r="106113" spans="8:8">
      <c r="H106113" s="12"/>
    </row>
    <row r="106114" spans="8:8">
      <c r="H106114" s="12"/>
    </row>
    <row r="106115" spans="8:8">
      <c r="H106115" s="12"/>
    </row>
    <row r="106116" spans="8:8">
      <c r="H106116" s="12"/>
    </row>
    <row r="106117" spans="8:8">
      <c r="H106117" s="12"/>
    </row>
    <row r="106118" spans="8:8">
      <c r="H106118" s="12"/>
    </row>
    <row r="106119" spans="8:8">
      <c r="H106119" s="12"/>
    </row>
    <row r="106120" spans="8:8">
      <c r="H106120" s="12"/>
    </row>
    <row r="106121" spans="8:8">
      <c r="H106121" s="12"/>
    </row>
    <row r="106122" spans="8:8">
      <c r="H106122" s="12"/>
    </row>
    <row r="106123" spans="8:8">
      <c r="H106123" s="12"/>
    </row>
    <row r="106124" spans="8:8">
      <c r="H106124" s="12"/>
    </row>
    <row r="106125" spans="8:8">
      <c r="H106125" s="12"/>
    </row>
    <row r="106126" spans="8:8">
      <c r="H106126" s="12"/>
    </row>
    <row r="106127" spans="8:8">
      <c r="H106127" s="12"/>
    </row>
    <row r="106128" spans="8:8">
      <c r="H106128" s="12"/>
    </row>
    <row r="106129" spans="8:8">
      <c r="H106129" s="12"/>
    </row>
    <row r="106130" spans="8:8">
      <c r="H106130" s="12"/>
    </row>
    <row r="106131" spans="8:8">
      <c r="H106131" s="12"/>
    </row>
    <row r="106132" spans="8:8">
      <c r="H106132" s="12"/>
    </row>
    <row r="106133" spans="8:8">
      <c r="H106133" s="12"/>
    </row>
    <row r="106134" spans="8:8">
      <c r="H106134" s="12"/>
    </row>
    <row r="106135" spans="8:8">
      <c r="H106135" s="12"/>
    </row>
    <row r="106136" spans="8:8">
      <c r="H106136" s="12"/>
    </row>
    <row r="106137" spans="8:8">
      <c r="H106137" s="12"/>
    </row>
    <row r="106138" spans="8:8">
      <c r="H106138" s="12"/>
    </row>
    <row r="106139" spans="8:8">
      <c r="H106139" s="12"/>
    </row>
    <row r="106140" spans="8:8">
      <c r="H106140" s="12"/>
    </row>
    <row r="106141" spans="8:8">
      <c r="H106141" s="12"/>
    </row>
    <row r="106142" spans="8:8">
      <c r="H106142" s="12"/>
    </row>
    <row r="106143" spans="8:8">
      <c r="H106143" s="12"/>
    </row>
    <row r="106144" spans="8:8">
      <c r="H106144" s="12"/>
    </row>
    <row r="106145" spans="8:8">
      <c r="H106145" s="12"/>
    </row>
    <row r="106146" spans="8:8">
      <c r="H106146" s="12"/>
    </row>
    <row r="106147" spans="8:8">
      <c r="H106147" s="12"/>
    </row>
    <row r="106148" spans="8:8">
      <c r="H106148" s="12"/>
    </row>
    <row r="106149" spans="8:8">
      <c r="H106149" s="12"/>
    </row>
    <row r="106150" spans="8:8">
      <c r="H106150" s="12"/>
    </row>
    <row r="106151" spans="8:8">
      <c r="H106151" s="12"/>
    </row>
    <row r="106152" spans="8:8">
      <c r="H106152" s="12"/>
    </row>
    <row r="106153" spans="8:8">
      <c r="H106153" s="12"/>
    </row>
    <row r="106154" spans="8:8">
      <c r="H106154" s="12"/>
    </row>
    <row r="106155" spans="8:8">
      <c r="H106155" s="12"/>
    </row>
    <row r="106156" spans="8:8">
      <c r="H106156" s="12"/>
    </row>
    <row r="106157" spans="8:8">
      <c r="H106157" s="12"/>
    </row>
    <row r="106158" spans="8:8">
      <c r="H106158" s="12"/>
    </row>
    <row r="106159" spans="8:8">
      <c r="H106159" s="12"/>
    </row>
    <row r="106160" spans="8:8">
      <c r="H106160" s="12"/>
    </row>
    <row r="106161" spans="8:8">
      <c r="H106161" s="12"/>
    </row>
    <row r="106162" spans="8:8">
      <c r="H106162" s="12"/>
    </row>
    <row r="106163" spans="8:8">
      <c r="H106163" s="12"/>
    </row>
    <row r="106164" spans="8:8">
      <c r="H106164" s="12"/>
    </row>
    <row r="106165" spans="8:8">
      <c r="H106165" s="12"/>
    </row>
    <row r="106166" spans="8:8">
      <c r="H106166" s="12"/>
    </row>
    <row r="106167" spans="8:8">
      <c r="H106167" s="12"/>
    </row>
    <row r="106168" spans="8:8">
      <c r="H106168" s="12"/>
    </row>
    <row r="106169" spans="8:8">
      <c r="H106169" s="12"/>
    </row>
    <row r="106170" spans="8:8">
      <c r="H106170" s="12"/>
    </row>
    <row r="106171" spans="8:8">
      <c r="H106171" s="12"/>
    </row>
    <row r="106172" spans="8:8">
      <c r="H106172" s="12"/>
    </row>
    <row r="106173" spans="8:8">
      <c r="H106173" s="12"/>
    </row>
    <row r="106174" spans="8:8">
      <c r="H106174" s="12"/>
    </row>
    <row r="106175" spans="8:8">
      <c r="H106175" s="12"/>
    </row>
    <row r="106176" spans="8:8">
      <c r="H106176" s="12"/>
    </row>
    <row r="106177" spans="8:8">
      <c r="H106177" s="12"/>
    </row>
    <row r="106178" spans="8:8">
      <c r="H106178" s="12"/>
    </row>
    <row r="106179" spans="8:8">
      <c r="H106179" s="12"/>
    </row>
    <row r="106180" spans="8:8">
      <c r="H106180" s="12"/>
    </row>
    <row r="106181" spans="8:8">
      <c r="H106181" s="12"/>
    </row>
    <row r="106182" spans="8:8">
      <c r="H106182" s="12"/>
    </row>
    <row r="106183" spans="8:8">
      <c r="H106183" s="12"/>
    </row>
    <row r="106184" spans="8:8">
      <c r="H106184" s="12"/>
    </row>
    <row r="106185" spans="8:8">
      <c r="H106185" s="12"/>
    </row>
    <row r="106186" spans="8:8">
      <c r="H106186" s="12"/>
    </row>
    <row r="106187" spans="8:8">
      <c r="H106187" s="12"/>
    </row>
    <row r="106188" spans="8:8">
      <c r="H106188" s="12"/>
    </row>
    <row r="106189" spans="8:8">
      <c r="H106189" s="12"/>
    </row>
    <row r="106190" spans="8:8">
      <c r="H106190" s="12"/>
    </row>
    <row r="106191" spans="8:8">
      <c r="H106191" s="12"/>
    </row>
    <row r="106192" spans="8:8">
      <c r="H106192" s="12"/>
    </row>
    <row r="106193" spans="8:8">
      <c r="H106193" s="12"/>
    </row>
    <row r="106194" spans="8:8">
      <c r="H106194" s="12"/>
    </row>
    <row r="106195" spans="8:8">
      <c r="H106195" s="12"/>
    </row>
    <row r="106196" spans="8:8">
      <c r="H106196" s="12"/>
    </row>
    <row r="106197" spans="8:8">
      <c r="H106197" s="12"/>
    </row>
    <row r="106198" spans="8:8">
      <c r="H106198" s="12"/>
    </row>
    <row r="106199" spans="8:8">
      <c r="H106199" s="12"/>
    </row>
    <row r="106200" spans="8:8">
      <c r="H106200" s="12"/>
    </row>
    <row r="106201" spans="8:8">
      <c r="H106201" s="12"/>
    </row>
    <row r="106202" spans="8:8">
      <c r="H106202" s="12"/>
    </row>
    <row r="106203" spans="8:8">
      <c r="H106203" s="12"/>
    </row>
    <row r="106204" spans="8:8">
      <c r="H106204" s="12"/>
    </row>
    <row r="106205" spans="8:8">
      <c r="H106205" s="12"/>
    </row>
    <row r="106206" spans="8:8">
      <c r="H106206" s="12"/>
    </row>
    <row r="106207" spans="8:8">
      <c r="H106207" s="12"/>
    </row>
    <row r="106208" spans="8:8">
      <c r="H106208" s="12"/>
    </row>
    <row r="106209" spans="8:8">
      <c r="H106209" s="12"/>
    </row>
    <row r="106210" spans="8:8">
      <c r="H106210" s="12"/>
    </row>
    <row r="106211" spans="8:8">
      <c r="H106211" s="12"/>
    </row>
    <row r="106212" spans="8:8">
      <c r="H106212" s="12"/>
    </row>
    <row r="106213" spans="8:8">
      <c r="H106213" s="12"/>
    </row>
    <row r="106214" spans="8:8">
      <c r="H106214" s="12"/>
    </row>
    <row r="106215" spans="8:8">
      <c r="H106215" s="12"/>
    </row>
    <row r="106216" spans="8:8">
      <c r="H106216" s="12"/>
    </row>
    <row r="106217" spans="8:8">
      <c r="H106217" s="12"/>
    </row>
    <row r="106218" spans="8:8">
      <c r="H106218" s="12"/>
    </row>
    <row r="106219" spans="8:8">
      <c r="H106219" s="12"/>
    </row>
    <row r="106220" spans="8:8">
      <c r="H106220" s="12"/>
    </row>
    <row r="106221" spans="8:8">
      <c r="H106221" s="12"/>
    </row>
    <row r="106222" spans="8:8">
      <c r="H106222" s="12"/>
    </row>
    <row r="106223" spans="8:8">
      <c r="H106223" s="12"/>
    </row>
    <row r="106224" spans="8:8">
      <c r="H106224" s="12"/>
    </row>
    <row r="106225" spans="8:8">
      <c r="H106225" s="12"/>
    </row>
    <row r="106226" spans="8:8">
      <c r="H106226" s="12"/>
    </row>
    <row r="106227" spans="8:8">
      <c r="H106227" s="12"/>
    </row>
    <row r="106228" spans="8:8">
      <c r="H106228" s="12"/>
    </row>
    <row r="106229" spans="8:8">
      <c r="H106229" s="12"/>
    </row>
    <row r="106230" spans="8:8">
      <c r="H106230" s="12"/>
    </row>
    <row r="106231" spans="8:8">
      <c r="H106231" s="12"/>
    </row>
    <row r="106232" spans="8:8">
      <c r="H106232" s="12"/>
    </row>
    <row r="106233" spans="8:8">
      <c r="H106233" s="12"/>
    </row>
    <row r="106234" spans="8:8">
      <c r="H106234" s="12"/>
    </row>
    <row r="106235" spans="8:8">
      <c r="H106235" s="12"/>
    </row>
    <row r="106236" spans="8:8">
      <c r="H106236" s="12"/>
    </row>
    <row r="106237" spans="8:8">
      <c r="H106237" s="12"/>
    </row>
    <row r="106238" spans="8:8">
      <c r="H106238" s="12"/>
    </row>
    <row r="106239" spans="8:8">
      <c r="H106239" s="12"/>
    </row>
    <row r="106240" spans="8:8">
      <c r="H106240" s="12"/>
    </row>
    <row r="106241" spans="8:8">
      <c r="H106241" s="12"/>
    </row>
    <row r="106242" spans="8:8">
      <c r="H106242" s="12"/>
    </row>
    <row r="106243" spans="8:8">
      <c r="H106243" s="12"/>
    </row>
    <row r="106244" spans="8:8">
      <c r="H106244" s="12"/>
    </row>
    <row r="106245" spans="8:8">
      <c r="H106245" s="12"/>
    </row>
    <row r="106246" spans="8:8">
      <c r="H106246" s="12"/>
    </row>
    <row r="106247" spans="8:8">
      <c r="H106247" s="12"/>
    </row>
    <row r="106248" spans="8:8">
      <c r="H106248" s="12"/>
    </row>
    <row r="106249" spans="8:8">
      <c r="H106249" s="12"/>
    </row>
    <row r="106250" spans="8:8">
      <c r="H106250" s="12"/>
    </row>
    <row r="106251" spans="8:8">
      <c r="H106251" s="12"/>
    </row>
    <row r="106252" spans="8:8">
      <c r="H106252" s="12"/>
    </row>
    <row r="106253" spans="8:8">
      <c r="H106253" s="12"/>
    </row>
    <row r="106254" spans="8:8">
      <c r="H106254" s="12"/>
    </row>
    <row r="106255" spans="8:8">
      <c r="H106255" s="12"/>
    </row>
    <row r="106256" spans="8:8">
      <c r="H106256" s="12"/>
    </row>
    <row r="106257" spans="8:8">
      <c r="H106257" s="12"/>
    </row>
    <row r="106258" spans="8:8">
      <c r="H106258" s="12"/>
    </row>
    <row r="106259" spans="8:8">
      <c r="H106259" s="12"/>
    </row>
    <row r="106260" spans="8:8">
      <c r="H106260" s="12"/>
    </row>
    <row r="106261" spans="8:8">
      <c r="H106261" s="12"/>
    </row>
    <row r="106262" spans="8:8">
      <c r="H106262" s="12"/>
    </row>
    <row r="106263" spans="8:8">
      <c r="H106263" s="12"/>
    </row>
    <row r="106264" spans="8:8">
      <c r="H106264" s="12"/>
    </row>
    <row r="106265" spans="8:8">
      <c r="H106265" s="12"/>
    </row>
    <row r="106266" spans="8:8">
      <c r="H106266" s="12"/>
    </row>
    <row r="106267" spans="8:8">
      <c r="H106267" s="12"/>
    </row>
    <row r="106268" spans="8:8">
      <c r="H106268" s="12"/>
    </row>
    <row r="106269" spans="8:8">
      <c r="H106269" s="12"/>
    </row>
    <row r="106270" spans="8:8">
      <c r="H106270" s="12"/>
    </row>
    <row r="106271" spans="8:8">
      <c r="H106271" s="12"/>
    </row>
    <row r="106272" spans="8:8">
      <c r="H106272" s="12"/>
    </row>
    <row r="106273" spans="8:8">
      <c r="H106273" s="12"/>
    </row>
    <row r="106274" spans="8:8">
      <c r="H106274" s="12"/>
    </row>
    <row r="106275" spans="8:8">
      <c r="H106275" s="12"/>
    </row>
    <row r="106276" spans="8:8">
      <c r="H106276" s="12"/>
    </row>
    <row r="106277" spans="8:8">
      <c r="H106277" s="12"/>
    </row>
    <row r="106278" spans="8:8">
      <c r="H106278" s="12"/>
    </row>
    <row r="106279" spans="8:8">
      <c r="H106279" s="12"/>
    </row>
    <row r="106280" spans="8:8">
      <c r="H106280" s="12"/>
    </row>
    <row r="106281" spans="8:8">
      <c r="H106281" s="12"/>
    </row>
    <row r="106282" spans="8:8">
      <c r="H106282" s="12"/>
    </row>
    <row r="106283" spans="8:8">
      <c r="H106283" s="12"/>
    </row>
    <row r="106284" spans="8:8">
      <c r="H106284" s="12"/>
    </row>
    <row r="106285" spans="8:8">
      <c r="H106285" s="12"/>
    </row>
    <row r="106286" spans="8:8">
      <c r="H106286" s="12"/>
    </row>
    <row r="106287" spans="8:8">
      <c r="H106287" s="12"/>
    </row>
    <row r="106288" spans="8:8">
      <c r="H106288" s="12"/>
    </row>
    <row r="106289" spans="8:8">
      <c r="H106289" s="12"/>
    </row>
    <row r="106290" spans="8:8">
      <c r="H106290" s="12"/>
    </row>
    <row r="106291" spans="8:8">
      <c r="H106291" s="12"/>
    </row>
    <row r="106292" spans="8:8">
      <c r="H106292" s="12"/>
    </row>
    <row r="106293" spans="8:8">
      <c r="H106293" s="12"/>
    </row>
    <row r="106294" spans="8:8">
      <c r="H106294" s="12"/>
    </row>
    <row r="106295" spans="8:8">
      <c r="H106295" s="12"/>
    </row>
    <row r="106296" spans="8:8">
      <c r="H106296" s="12"/>
    </row>
    <row r="106297" spans="8:8">
      <c r="H106297" s="12"/>
    </row>
    <row r="106298" spans="8:8">
      <c r="H106298" s="12"/>
    </row>
    <row r="106299" spans="8:8">
      <c r="H106299" s="12"/>
    </row>
    <row r="106300" spans="8:8">
      <c r="H106300" s="12"/>
    </row>
    <row r="106301" spans="8:8">
      <c r="H106301" s="12"/>
    </row>
    <row r="106302" spans="8:8">
      <c r="H106302" s="12"/>
    </row>
    <row r="106303" spans="8:8">
      <c r="H106303" s="12"/>
    </row>
    <row r="106304" spans="8:8">
      <c r="H106304" s="12"/>
    </row>
    <row r="106305" spans="8:8">
      <c r="H106305" s="12"/>
    </row>
    <row r="106306" spans="8:8">
      <c r="H106306" s="12"/>
    </row>
    <row r="106307" spans="8:8">
      <c r="H106307" s="12"/>
    </row>
    <row r="106308" spans="8:8">
      <c r="H106308" s="12"/>
    </row>
    <row r="106309" spans="8:8">
      <c r="H106309" s="12"/>
    </row>
    <row r="106310" spans="8:8">
      <c r="H106310" s="12"/>
    </row>
    <row r="106311" spans="8:8">
      <c r="H106311" s="12"/>
    </row>
    <row r="106312" spans="8:8">
      <c r="H106312" s="12"/>
    </row>
    <row r="106313" spans="8:8">
      <c r="H106313" s="12"/>
    </row>
    <row r="106314" spans="8:8">
      <c r="H106314" s="12"/>
    </row>
    <row r="106315" spans="8:8">
      <c r="H106315" s="12"/>
    </row>
    <row r="106316" spans="8:8">
      <c r="H106316" s="12"/>
    </row>
    <row r="106317" spans="8:8">
      <c r="H106317" s="12"/>
    </row>
    <row r="106318" spans="8:8">
      <c r="H106318" s="12"/>
    </row>
    <row r="106319" spans="8:8">
      <c r="H106319" s="12"/>
    </row>
    <row r="106320" spans="8:8">
      <c r="H106320" s="12"/>
    </row>
    <row r="106321" spans="8:8">
      <c r="H106321" s="12"/>
    </row>
    <row r="106322" spans="8:8">
      <c r="H106322" s="12"/>
    </row>
    <row r="106323" spans="8:8">
      <c r="H106323" s="12"/>
    </row>
    <row r="106324" spans="8:8">
      <c r="H106324" s="12"/>
    </row>
    <row r="106325" spans="8:8">
      <c r="H106325" s="12"/>
    </row>
    <row r="106326" spans="8:8">
      <c r="H106326" s="12"/>
    </row>
    <row r="106327" spans="8:8">
      <c r="H106327" s="12"/>
    </row>
    <row r="106328" spans="8:8">
      <c r="H106328" s="12"/>
    </row>
    <row r="106329" spans="8:8">
      <c r="H106329" s="12"/>
    </row>
    <row r="106330" spans="8:8">
      <c r="H106330" s="12"/>
    </row>
    <row r="106331" spans="8:8">
      <c r="H106331" s="12"/>
    </row>
    <row r="106332" spans="8:8">
      <c r="H106332" s="12"/>
    </row>
    <row r="106333" spans="8:8">
      <c r="H106333" s="12"/>
    </row>
    <row r="106334" spans="8:8">
      <c r="H106334" s="12"/>
    </row>
    <row r="106335" spans="8:8">
      <c r="H106335" s="12"/>
    </row>
    <row r="106336" spans="8:8">
      <c r="H106336" s="12"/>
    </row>
    <row r="106337" spans="8:8">
      <c r="H106337" s="12"/>
    </row>
    <row r="106338" spans="8:8">
      <c r="H106338" s="12"/>
    </row>
    <row r="106339" spans="8:8">
      <c r="H106339" s="12"/>
    </row>
    <row r="106340" spans="8:8">
      <c r="H106340" s="12"/>
    </row>
    <row r="106341" spans="8:8">
      <c r="H106341" s="12"/>
    </row>
    <row r="106342" spans="8:8">
      <c r="H106342" s="12"/>
    </row>
    <row r="106343" spans="8:8">
      <c r="H106343" s="12"/>
    </row>
    <row r="106344" spans="8:8">
      <c r="H106344" s="12"/>
    </row>
    <row r="106345" spans="8:8">
      <c r="H106345" s="12"/>
    </row>
    <row r="106346" spans="8:8">
      <c r="H106346" s="12"/>
    </row>
    <row r="106347" spans="8:8">
      <c r="H106347" s="12"/>
    </row>
    <row r="106348" spans="8:8">
      <c r="H106348" s="12"/>
    </row>
    <row r="106349" spans="8:8">
      <c r="H106349" s="12"/>
    </row>
    <row r="106350" spans="8:8">
      <c r="H106350" s="12"/>
    </row>
    <row r="106351" spans="8:8">
      <c r="H106351" s="12"/>
    </row>
    <row r="106352" spans="8:8">
      <c r="H106352" s="12"/>
    </row>
    <row r="106353" spans="8:8">
      <c r="H106353" s="12"/>
    </row>
    <row r="106354" spans="8:8">
      <c r="H106354" s="12"/>
    </row>
    <row r="106355" spans="8:8">
      <c r="H106355" s="12"/>
    </row>
    <row r="106356" spans="8:8">
      <c r="H106356" s="12"/>
    </row>
    <row r="106357" spans="8:8">
      <c r="H106357" s="12"/>
    </row>
    <row r="106358" spans="8:8">
      <c r="H106358" s="12"/>
    </row>
    <row r="106359" spans="8:8">
      <c r="H106359" s="12"/>
    </row>
    <row r="106360" spans="8:8">
      <c r="H106360" s="12"/>
    </row>
    <row r="106361" spans="8:8">
      <c r="H106361" s="12"/>
    </row>
    <row r="106362" spans="8:8">
      <c r="H106362" s="12"/>
    </row>
    <row r="106363" spans="8:8">
      <c r="H106363" s="12"/>
    </row>
    <row r="106364" spans="8:8">
      <c r="H106364" s="12"/>
    </row>
    <row r="106365" spans="8:8">
      <c r="H106365" s="12"/>
    </row>
    <row r="106366" spans="8:8">
      <c r="H106366" s="12"/>
    </row>
    <row r="106367" spans="8:8">
      <c r="H106367" s="12"/>
    </row>
    <row r="106368" spans="8:8">
      <c r="H106368" s="12"/>
    </row>
    <row r="106369" spans="8:8">
      <c r="H106369" s="12"/>
    </row>
    <row r="106370" spans="8:8">
      <c r="H106370" s="12"/>
    </row>
    <row r="106371" spans="8:8">
      <c r="H106371" s="12"/>
    </row>
    <row r="106372" spans="8:8">
      <c r="H106372" s="12"/>
    </row>
    <row r="106373" spans="8:8">
      <c r="H106373" s="12"/>
    </row>
    <row r="106374" spans="8:8">
      <c r="H106374" s="12"/>
    </row>
    <row r="106375" spans="8:8">
      <c r="H106375" s="12"/>
    </row>
    <row r="106376" spans="8:8">
      <c r="H106376" s="12"/>
    </row>
    <row r="106377" spans="8:8">
      <c r="H106377" s="12"/>
    </row>
    <row r="106378" spans="8:8">
      <c r="H106378" s="12"/>
    </row>
    <row r="106379" spans="8:8">
      <c r="H106379" s="12"/>
    </row>
    <row r="106380" spans="8:8">
      <c r="H106380" s="12"/>
    </row>
    <row r="106381" spans="8:8">
      <c r="H106381" s="12"/>
    </row>
    <row r="106382" spans="8:8">
      <c r="H106382" s="12"/>
    </row>
    <row r="106383" spans="8:8">
      <c r="H106383" s="12"/>
    </row>
    <row r="106384" spans="8:8">
      <c r="H106384" s="12"/>
    </row>
    <row r="106385" spans="8:8">
      <c r="H106385" s="12"/>
    </row>
    <row r="106386" spans="8:8">
      <c r="H106386" s="12"/>
    </row>
    <row r="106387" spans="8:8">
      <c r="H106387" s="12"/>
    </row>
    <row r="106388" spans="8:8">
      <c r="H106388" s="12"/>
    </row>
    <row r="106389" spans="8:8">
      <c r="H106389" s="12"/>
    </row>
    <row r="106390" spans="8:8">
      <c r="H106390" s="12"/>
    </row>
    <row r="106391" spans="8:8">
      <c r="H106391" s="12"/>
    </row>
    <row r="106392" spans="8:8">
      <c r="H106392" s="12"/>
    </row>
    <row r="106393" spans="8:8">
      <c r="H106393" s="12"/>
    </row>
    <row r="106394" spans="8:8">
      <c r="H106394" s="12"/>
    </row>
    <row r="106395" spans="8:8">
      <c r="H106395" s="12"/>
    </row>
    <row r="106396" spans="8:8">
      <c r="H106396" s="12"/>
    </row>
    <row r="106397" spans="8:8">
      <c r="H106397" s="12"/>
    </row>
    <row r="106398" spans="8:8">
      <c r="H106398" s="12"/>
    </row>
    <row r="106399" spans="8:8">
      <c r="H106399" s="12"/>
    </row>
    <row r="106400" spans="8:8">
      <c r="H106400" s="12"/>
    </row>
    <row r="106401" spans="8:8">
      <c r="H106401" s="12"/>
    </row>
    <row r="106402" spans="8:8">
      <c r="H106402" s="12"/>
    </row>
    <row r="106403" spans="8:8">
      <c r="H106403" s="12"/>
    </row>
    <row r="106404" spans="8:8">
      <c r="H106404" s="12"/>
    </row>
    <row r="106405" spans="8:8">
      <c r="H106405" s="12"/>
    </row>
    <row r="106406" spans="8:8">
      <c r="H106406" s="12"/>
    </row>
    <row r="106407" spans="8:8">
      <c r="H106407" s="12"/>
    </row>
    <row r="106408" spans="8:8">
      <c r="H106408" s="12"/>
    </row>
    <row r="106409" spans="8:8">
      <c r="H106409" s="12"/>
    </row>
    <row r="106410" spans="8:8">
      <c r="H106410" s="12"/>
    </row>
    <row r="106411" spans="8:8">
      <c r="H106411" s="12"/>
    </row>
    <row r="106412" spans="8:8">
      <c r="H106412" s="12"/>
    </row>
    <row r="106413" spans="8:8">
      <c r="H106413" s="12"/>
    </row>
    <row r="106414" spans="8:8">
      <c r="H106414" s="12"/>
    </row>
    <row r="106415" spans="8:8">
      <c r="H106415" s="12"/>
    </row>
    <row r="106416" spans="8:8">
      <c r="H106416" s="12"/>
    </row>
    <row r="106417" spans="8:8">
      <c r="H106417" s="12"/>
    </row>
    <row r="106418" spans="8:8">
      <c r="H106418" s="12"/>
    </row>
    <row r="106419" spans="8:8">
      <c r="H106419" s="12"/>
    </row>
    <row r="106420" spans="8:8">
      <c r="H106420" s="12"/>
    </row>
    <row r="106421" spans="8:8">
      <c r="H106421" s="12"/>
    </row>
    <row r="106422" spans="8:8">
      <c r="H106422" s="12"/>
    </row>
    <row r="106423" spans="8:8">
      <c r="H106423" s="12"/>
    </row>
    <row r="106424" spans="8:8">
      <c r="H106424" s="12"/>
    </row>
    <row r="106425" spans="8:8">
      <c r="H106425" s="12"/>
    </row>
    <row r="106426" spans="8:8">
      <c r="H106426" s="12"/>
    </row>
    <row r="106427" spans="8:8">
      <c r="H106427" s="12"/>
    </row>
    <row r="106428" spans="8:8">
      <c r="H106428" s="12"/>
    </row>
    <row r="106429" spans="8:8">
      <c r="H106429" s="12"/>
    </row>
    <row r="106430" spans="8:8">
      <c r="H106430" s="12"/>
    </row>
    <row r="106431" spans="8:8">
      <c r="H106431" s="12"/>
    </row>
    <row r="106432" spans="8:8">
      <c r="H106432" s="12"/>
    </row>
    <row r="106433" spans="8:8">
      <c r="H106433" s="12"/>
    </row>
    <row r="106434" spans="8:8">
      <c r="H106434" s="12"/>
    </row>
    <row r="106435" spans="8:8">
      <c r="H106435" s="12"/>
    </row>
    <row r="106436" spans="8:8">
      <c r="H106436" s="12"/>
    </row>
    <row r="106437" spans="8:8">
      <c r="H106437" s="12"/>
    </row>
    <row r="106438" spans="8:8">
      <c r="H106438" s="12"/>
    </row>
    <row r="106439" spans="8:8">
      <c r="H106439" s="12"/>
    </row>
    <row r="106440" spans="8:8">
      <c r="H106440" s="12"/>
    </row>
    <row r="106441" spans="8:8">
      <c r="H106441" s="12"/>
    </row>
    <row r="106442" spans="8:8">
      <c r="H106442" s="12"/>
    </row>
    <row r="106443" spans="8:8">
      <c r="H106443" s="12"/>
    </row>
    <row r="106444" spans="8:8">
      <c r="H106444" s="12"/>
    </row>
    <row r="106445" spans="8:8">
      <c r="H106445" s="12"/>
    </row>
    <row r="106446" spans="8:8">
      <c r="H106446" s="12"/>
    </row>
    <row r="106447" spans="8:8">
      <c r="H106447" s="12"/>
    </row>
    <row r="106448" spans="8:8">
      <c r="H106448" s="12"/>
    </row>
    <row r="106449" spans="8:8">
      <c r="H106449" s="12"/>
    </row>
    <row r="106450" spans="8:8">
      <c r="H106450" s="12"/>
    </row>
    <row r="106451" spans="8:8">
      <c r="H106451" s="12"/>
    </row>
    <row r="106452" spans="8:8">
      <c r="H106452" s="12"/>
    </row>
    <row r="106453" spans="8:8">
      <c r="H106453" s="12"/>
    </row>
    <row r="106454" spans="8:8">
      <c r="H106454" s="12"/>
    </row>
    <row r="106455" spans="8:8">
      <c r="H106455" s="12"/>
    </row>
    <row r="106456" spans="8:8">
      <c r="H106456" s="12"/>
    </row>
    <row r="106457" spans="8:8">
      <c r="H106457" s="12"/>
    </row>
    <row r="106458" spans="8:8">
      <c r="H106458" s="12"/>
    </row>
    <row r="106459" spans="8:8">
      <c r="H106459" s="12"/>
    </row>
    <row r="106460" spans="8:8">
      <c r="H106460" s="12"/>
    </row>
    <row r="106461" spans="8:8">
      <c r="H106461" s="12"/>
    </row>
    <row r="106462" spans="8:8">
      <c r="H106462" s="12"/>
    </row>
    <row r="106463" spans="8:8">
      <c r="H106463" s="12"/>
    </row>
    <row r="106464" spans="8:8">
      <c r="H106464" s="12"/>
    </row>
    <row r="106465" spans="8:8">
      <c r="H106465" s="12"/>
    </row>
    <row r="106466" spans="8:8">
      <c r="H106466" s="12"/>
    </row>
    <row r="106467" spans="8:8">
      <c r="H106467" s="12"/>
    </row>
    <row r="106468" spans="8:8">
      <c r="H106468" s="12"/>
    </row>
    <row r="106469" spans="8:8">
      <c r="H106469" s="12"/>
    </row>
    <row r="106470" spans="8:8">
      <c r="H106470" s="12"/>
    </row>
    <row r="106471" spans="8:8">
      <c r="H106471" s="12"/>
    </row>
    <row r="106472" spans="8:8">
      <c r="H106472" s="12"/>
    </row>
    <row r="106473" spans="8:8">
      <c r="H106473" s="12"/>
    </row>
    <row r="106474" spans="8:8">
      <c r="H106474" s="12"/>
    </row>
    <row r="106475" spans="8:8">
      <c r="H106475" s="12"/>
    </row>
    <row r="106476" spans="8:8">
      <c r="H106476" s="12"/>
    </row>
    <row r="106477" spans="8:8">
      <c r="H106477" s="12"/>
    </row>
    <row r="106478" spans="8:8">
      <c r="H106478" s="12"/>
    </row>
    <row r="106479" spans="8:8">
      <c r="H106479" s="12"/>
    </row>
    <row r="106480" spans="8:8">
      <c r="H106480" s="12"/>
    </row>
    <row r="106481" spans="8:8">
      <c r="H106481" s="12"/>
    </row>
    <row r="106482" spans="8:8">
      <c r="H106482" s="12"/>
    </row>
    <row r="106483" spans="8:8">
      <c r="H106483" s="12"/>
    </row>
    <row r="106484" spans="8:8">
      <c r="H106484" s="12"/>
    </row>
    <row r="106485" spans="8:8">
      <c r="H106485" s="12"/>
    </row>
    <row r="106486" spans="8:8">
      <c r="H106486" s="12"/>
    </row>
    <row r="106487" spans="8:8">
      <c r="H106487" s="12"/>
    </row>
    <row r="106488" spans="8:8">
      <c r="H106488" s="12"/>
    </row>
    <row r="106489" spans="8:8">
      <c r="H106489" s="12"/>
    </row>
    <row r="106490" spans="8:8">
      <c r="H106490" s="12"/>
    </row>
    <row r="106491" spans="8:8">
      <c r="H106491" s="12"/>
    </row>
    <row r="106492" spans="8:8">
      <c r="H106492" s="12"/>
    </row>
    <row r="106493" spans="8:8">
      <c r="H106493" s="12"/>
    </row>
    <row r="106494" spans="8:8">
      <c r="H106494" s="12"/>
    </row>
    <row r="106495" spans="8:8">
      <c r="H106495" s="12"/>
    </row>
    <row r="106496" spans="8:8">
      <c r="H106496" s="12"/>
    </row>
    <row r="106497" spans="8:8">
      <c r="H106497" s="12"/>
    </row>
    <row r="106498" spans="8:8">
      <c r="H106498" s="12"/>
    </row>
    <row r="106499" spans="8:8">
      <c r="H106499" s="12"/>
    </row>
    <row r="106500" spans="8:8">
      <c r="H106500" s="12"/>
    </row>
    <row r="106501" spans="8:8">
      <c r="H106501" s="12"/>
    </row>
    <row r="106502" spans="8:8">
      <c r="H106502" s="12"/>
    </row>
    <row r="106503" spans="8:8">
      <c r="H106503" s="12"/>
    </row>
    <row r="106504" spans="8:8">
      <c r="H106504" s="12"/>
    </row>
    <row r="106505" spans="8:8">
      <c r="H106505" s="12"/>
    </row>
    <row r="106506" spans="8:8">
      <c r="H106506" s="12"/>
    </row>
    <row r="106507" spans="8:8">
      <c r="H106507" s="12"/>
    </row>
    <row r="106508" spans="8:8">
      <c r="H106508" s="12"/>
    </row>
    <row r="106509" spans="8:8">
      <c r="H106509" s="12"/>
    </row>
    <row r="106510" spans="8:8">
      <c r="H106510" s="12"/>
    </row>
    <row r="106511" spans="8:8">
      <c r="H106511" s="12"/>
    </row>
    <row r="106512" spans="8:8">
      <c r="H106512" s="12"/>
    </row>
    <row r="106513" spans="8:8">
      <c r="H106513" s="12"/>
    </row>
    <row r="106514" spans="8:8">
      <c r="H106514" s="12"/>
    </row>
    <row r="106515" spans="8:8">
      <c r="H106515" s="12"/>
    </row>
    <row r="106516" spans="8:8">
      <c r="H106516" s="12"/>
    </row>
    <row r="106517" spans="8:8">
      <c r="H106517" s="12"/>
    </row>
    <row r="106518" spans="8:8">
      <c r="H106518" s="12"/>
    </row>
    <row r="106519" spans="8:8">
      <c r="H106519" s="12"/>
    </row>
    <row r="106520" spans="8:8">
      <c r="H106520" s="12"/>
    </row>
    <row r="106521" spans="8:8">
      <c r="H106521" s="12"/>
    </row>
    <row r="106522" spans="8:8">
      <c r="H106522" s="12"/>
    </row>
    <row r="106523" spans="8:8">
      <c r="H106523" s="12"/>
    </row>
    <row r="106524" spans="8:8">
      <c r="H106524" s="12"/>
    </row>
    <row r="106525" spans="8:8">
      <c r="H106525" s="12"/>
    </row>
    <row r="106526" spans="8:8">
      <c r="H106526" s="12"/>
    </row>
    <row r="106527" spans="8:8">
      <c r="H106527" s="12"/>
    </row>
    <row r="106528" spans="8:8">
      <c r="H106528" s="12"/>
    </row>
    <row r="106529" spans="8:8">
      <c r="H106529" s="12"/>
    </row>
    <row r="106530" spans="8:8">
      <c r="H106530" s="12"/>
    </row>
    <row r="106531" spans="8:8">
      <c r="H106531" s="12"/>
    </row>
    <row r="106532" spans="8:8">
      <c r="H106532" s="12"/>
    </row>
    <row r="106533" spans="8:8">
      <c r="H106533" s="12"/>
    </row>
    <row r="106534" spans="8:8">
      <c r="H106534" s="12"/>
    </row>
    <row r="106535" spans="8:8">
      <c r="H106535" s="12"/>
    </row>
    <row r="106536" spans="8:8">
      <c r="H106536" s="12"/>
    </row>
    <row r="106537" spans="8:8">
      <c r="H106537" s="12"/>
    </row>
    <row r="106538" spans="8:8">
      <c r="H106538" s="12"/>
    </row>
    <row r="106539" spans="8:8">
      <c r="H106539" s="12"/>
    </row>
    <row r="106540" spans="8:8">
      <c r="H106540" s="12"/>
    </row>
    <row r="106541" spans="8:8">
      <c r="H106541" s="12"/>
    </row>
    <row r="106542" spans="8:8">
      <c r="H106542" s="12"/>
    </row>
    <row r="106543" spans="8:8">
      <c r="H106543" s="12"/>
    </row>
    <row r="106544" spans="8:8">
      <c r="H106544" s="12"/>
    </row>
    <row r="106545" spans="8:8">
      <c r="H106545" s="12"/>
    </row>
    <row r="106546" spans="8:8">
      <c r="H106546" s="12"/>
    </row>
    <row r="106547" spans="8:8">
      <c r="H106547" s="12"/>
    </row>
    <row r="106548" spans="8:8">
      <c r="H106548" s="12"/>
    </row>
    <row r="106549" spans="8:8">
      <c r="H106549" s="12"/>
    </row>
    <row r="106550" spans="8:8">
      <c r="H106550" s="12"/>
    </row>
    <row r="106551" spans="8:8">
      <c r="H106551" s="12"/>
    </row>
    <row r="106552" spans="8:8">
      <c r="H106552" s="12"/>
    </row>
    <row r="106553" spans="8:8">
      <c r="H106553" s="12"/>
    </row>
    <row r="106554" spans="8:8">
      <c r="H106554" s="12"/>
    </row>
    <row r="106555" spans="8:8">
      <c r="H106555" s="12"/>
    </row>
    <row r="106556" spans="8:8">
      <c r="H106556" s="12"/>
    </row>
    <row r="106557" spans="8:8">
      <c r="H106557" s="12"/>
    </row>
    <row r="106558" spans="8:8">
      <c r="H106558" s="12"/>
    </row>
    <row r="106559" spans="8:8">
      <c r="H106559" s="12"/>
    </row>
    <row r="106560" spans="8:8">
      <c r="H106560" s="12"/>
    </row>
    <row r="106561" spans="8:8">
      <c r="H106561" s="12"/>
    </row>
    <row r="106562" spans="8:8">
      <c r="H106562" s="12"/>
    </row>
    <row r="106563" spans="8:8">
      <c r="H106563" s="12"/>
    </row>
    <row r="106564" spans="8:8">
      <c r="H106564" s="12"/>
    </row>
    <row r="106565" spans="8:8">
      <c r="H106565" s="12"/>
    </row>
    <row r="106566" spans="8:8">
      <c r="H106566" s="12"/>
    </row>
    <row r="106567" spans="8:8">
      <c r="H106567" s="12"/>
    </row>
    <row r="106568" spans="8:8">
      <c r="H106568" s="12"/>
    </row>
    <row r="106569" spans="8:8">
      <c r="H106569" s="12"/>
    </row>
    <row r="106570" spans="8:8">
      <c r="H106570" s="12"/>
    </row>
    <row r="106571" spans="8:8">
      <c r="H106571" s="12"/>
    </row>
    <row r="106572" spans="8:8">
      <c r="H106572" s="12"/>
    </row>
    <row r="106573" spans="8:8">
      <c r="H106573" s="12"/>
    </row>
    <row r="106574" spans="8:8">
      <c r="H106574" s="12"/>
    </row>
    <row r="106575" spans="8:8">
      <c r="H106575" s="12"/>
    </row>
    <row r="106576" spans="8:8">
      <c r="H106576" s="12"/>
    </row>
    <row r="106577" spans="8:8">
      <c r="H106577" s="12"/>
    </row>
    <row r="106578" spans="8:8">
      <c r="H106578" s="12"/>
    </row>
    <row r="106579" spans="8:8">
      <c r="H106579" s="12"/>
    </row>
    <row r="106580" spans="8:8">
      <c r="H106580" s="12"/>
    </row>
    <row r="106581" spans="8:8">
      <c r="H106581" s="12"/>
    </row>
    <row r="106582" spans="8:8">
      <c r="H106582" s="12"/>
    </row>
    <row r="106583" spans="8:8">
      <c r="H106583" s="12"/>
    </row>
    <row r="106584" spans="8:8">
      <c r="H106584" s="12"/>
    </row>
    <row r="106585" spans="8:8">
      <c r="H106585" s="12"/>
    </row>
    <row r="106586" spans="8:8">
      <c r="H106586" s="12"/>
    </row>
    <row r="106587" spans="8:8">
      <c r="H106587" s="12"/>
    </row>
    <row r="106588" spans="8:8">
      <c r="H106588" s="12"/>
    </row>
    <row r="106589" spans="8:8">
      <c r="H106589" s="12"/>
    </row>
    <row r="106590" spans="8:8">
      <c r="H106590" s="12"/>
    </row>
    <row r="106591" spans="8:8">
      <c r="H106591" s="12"/>
    </row>
    <row r="106592" spans="8:8">
      <c r="H106592" s="12"/>
    </row>
    <row r="106593" spans="8:8">
      <c r="H106593" s="12"/>
    </row>
    <row r="106594" spans="8:8">
      <c r="H106594" s="12"/>
    </row>
    <row r="106595" spans="8:8">
      <c r="H106595" s="12"/>
    </row>
    <row r="106596" spans="8:8">
      <c r="H106596" s="12"/>
    </row>
    <row r="106597" spans="8:8">
      <c r="H106597" s="12"/>
    </row>
    <row r="106598" spans="8:8">
      <c r="H106598" s="12"/>
    </row>
    <row r="106599" spans="8:8">
      <c r="H106599" s="12"/>
    </row>
    <row r="106600" spans="8:8">
      <c r="H106600" s="12"/>
    </row>
    <row r="106601" spans="8:8">
      <c r="H106601" s="12"/>
    </row>
    <row r="106602" spans="8:8">
      <c r="H106602" s="12"/>
    </row>
    <row r="106603" spans="8:8">
      <c r="H106603" s="12"/>
    </row>
    <row r="106604" spans="8:8">
      <c r="H106604" s="12"/>
    </row>
    <row r="106605" spans="8:8">
      <c r="H106605" s="12"/>
    </row>
    <row r="106606" spans="8:8">
      <c r="H106606" s="12"/>
    </row>
    <row r="106607" spans="8:8">
      <c r="H106607" s="12"/>
    </row>
    <row r="106608" spans="8:8">
      <c r="H106608" s="12"/>
    </row>
    <row r="106609" spans="8:8">
      <c r="H106609" s="12"/>
    </row>
    <row r="106610" spans="8:8">
      <c r="H106610" s="12"/>
    </row>
    <row r="106611" spans="8:8">
      <c r="H106611" s="12"/>
    </row>
    <row r="106612" spans="8:8">
      <c r="H106612" s="12"/>
    </row>
    <row r="106613" spans="8:8">
      <c r="H106613" s="12"/>
    </row>
    <row r="106614" spans="8:8">
      <c r="H106614" s="12"/>
    </row>
    <row r="106615" spans="8:8">
      <c r="H106615" s="12"/>
    </row>
    <row r="106616" spans="8:8">
      <c r="H106616" s="12"/>
    </row>
    <row r="106617" spans="8:8">
      <c r="H106617" s="12"/>
    </row>
    <row r="106618" spans="8:8">
      <c r="H106618" s="12"/>
    </row>
    <row r="106619" spans="8:8">
      <c r="H106619" s="12"/>
    </row>
    <row r="106620" spans="8:8">
      <c r="H106620" s="12"/>
    </row>
    <row r="106621" spans="8:8">
      <c r="H106621" s="12"/>
    </row>
    <row r="106622" spans="8:8">
      <c r="H106622" s="12"/>
    </row>
    <row r="106623" spans="8:8">
      <c r="H106623" s="12"/>
    </row>
    <row r="106624" spans="8:8">
      <c r="H106624" s="12"/>
    </row>
    <row r="106625" spans="8:8">
      <c r="H106625" s="12"/>
    </row>
    <row r="106626" spans="8:8">
      <c r="H106626" s="12"/>
    </row>
    <row r="106627" spans="8:8">
      <c r="H106627" s="12"/>
    </row>
    <row r="106628" spans="8:8">
      <c r="H106628" s="12"/>
    </row>
    <row r="106629" spans="8:8">
      <c r="H106629" s="12"/>
    </row>
    <row r="106630" spans="8:8">
      <c r="H106630" s="12"/>
    </row>
    <row r="106631" spans="8:8">
      <c r="H106631" s="12"/>
    </row>
    <row r="106632" spans="8:8">
      <c r="H106632" s="12"/>
    </row>
    <row r="106633" spans="8:8">
      <c r="H106633" s="12"/>
    </row>
    <row r="106634" spans="8:8">
      <c r="H106634" s="12"/>
    </row>
    <row r="106635" spans="8:8">
      <c r="H106635" s="12"/>
    </row>
    <row r="106636" spans="8:8">
      <c r="H106636" s="12"/>
    </row>
    <row r="106637" spans="8:8">
      <c r="H106637" s="12"/>
    </row>
    <row r="106638" spans="8:8">
      <c r="H106638" s="12"/>
    </row>
    <row r="106639" spans="8:8">
      <c r="H106639" s="12"/>
    </row>
    <row r="106640" spans="8:8">
      <c r="H106640" s="12"/>
    </row>
    <row r="106641" spans="8:8">
      <c r="H106641" s="12"/>
    </row>
    <row r="106642" spans="8:8">
      <c r="H106642" s="12"/>
    </row>
    <row r="106643" spans="8:8">
      <c r="H106643" s="12"/>
    </row>
    <row r="106644" spans="8:8">
      <c r="H106644" s="12"/>
    </row>
    <row r="106645" spans="8:8">
      <c r="H106645" s="12"/>
    </row>
    <row r="106646" spans="8:8">
      <c r="H106646" s="12"/>
    </row>
    <row r="106647" spans="8:8">
      <c r="H106647" s="12"/>
    </row>
    <row r="106648" spans="8:8">
      <c r="H106648" s="12"/>
    </row>
    <row r="106649" spans="8:8">
      <c r="H106649" s="12"/>
    </row>
    <row r="106650" spans="8:8">
      <c r="H106650" s="12"/>
    </row>
    <row r="106651" spans="8:8">
      <c r="H106651" s="12"/>
    </row>
    <row r="106652" spans="8:8">
      <c r="H106652" s="12"/>
    </row>
    <row r="106653" spans="8:8">
      <c r="H106653" s="12"/>
    </row>
    <row r="106654" spans="8:8">
      <c r="H106654" s="12"/>
    </row>
    <row r="106655" spans="8:8">
      <c r="H106655" s="12"/>
    </row>
    <row r="106656" spans="8:8">
      <c r="H106656" s="12"/>
    </row>
    <row r="106657" spans="8:8">
      <c r="H106657" s="12"/>
    </row>
    <row r="106658" spans="8:8">
      <c r="H106658" s="12"/>
    </row>
    <row r="106659" spans="8:8">
      <c r="H106659" s="12"/>
    </row>
    <row r="106660" spans="8:8">
      <c r="H106660" s="12"/>
    </row>
    <row r="106661" spans="8:8">
      <c r="H106661" s="12"/>
    </row>
    <row r="106662" spans="8:8">
      <c r="H106662" s="12"/>
    </row>
    <row r="106663" spans="8:8">
      <c r="H106663" s="12"/>
    </row>
    <row r="106664" spans="8:8">
      <c r="H106664" s="12"/>
    </row>
    <row r="106665" spans="8:8">
      <c r="H106665" s="12"/>
    </row>
    <row r="106666" spans="8:8">
      <c r="H106666" s="12"/>
    </row>
    <row r="106667" spans="8:8">
      <c r="H106667" s="12"/>
    </row>
    <row r="106668" spans="8:8">
      <c r="H106668" s="12"/>
    </row>
    <row r="106669" spans="8:8">
      <c r="H106669" s="12"/>
    </row>
    <row r="106670" spans="8:8">
      <c r="H106670" s="12"/>
    </row>
    <row r="106671" spans="8:8">
      <c r="H106671" s="12"/>
    </row>
    <row r="106672" spans="8:8">
      <c r="H106672" s="12"/>
    </row>
    <row r="106673" spans="8:8">
      <c r="H106673" s="12"/>
    </row>
    <row r="106674" spans="8:8">
      <c r="H106674" s="12"/>
    </row>
    <row r="106675" spans="8:8">
      <c r="H106675" s="12"/>
    </row>
    <row r="106676" spans="8:8">
      <c r="H106676" s="12"/>
    </row>
    <row r="106677" spans="8:8">
      <c r="H106677" s="12"/>
    </row>
    <row r="106678" spans="8:8">
      <c r="H106678" s="12"/>
    </row>
    <row r="106679" spans="8:8">
      <c r="H106679" s="12"/>
    </row>
    <row r="106680" spans="8:8">
      <c r="H106680" s="12"/>
    </row>
    <row r="106681" spans="8:8">
      <c r="H106681" s="12"/>
    </row>
    <row r="106682" spans="8:8">
      <c r="H106682" s="12"/>
    </row>
    <row r="106683" spans="8:8">
      <c r="H106683" s="12"/>
    </row>
    <row r="106684" spans="8:8">
      <c r="H106684" s="12"/>
    </row>
    <row r="106685" spans="8:8">
      <c r="H106685" s="12"/>
    </row>
    <row r="106686" spans="8:8">
      <c r="H106686" s="12"/>
    </row>
    <row r="106687" spans="8:8">
      <c r="H106687" s="12"/>
    </row>
    <row r="106688" spans="8:8">
      <c r="H106688" s="12"/>
    </row>
    <row r="106689" spans="8:8">
      <c r="H106689" s="12"/>
    </row>
    <row r="106690" spans="8:8">
      <c r="H106690" s="12"/>
    </row>
    <row r="106691" spans="8:8">
      <c r="H106691" s="12"/>
    </row>
    <row r="106692" spans="8:8">
      <c r="H106692" s="12"/>
    </row>
    <row r="106693" spans="8:8">
      <c r="H106693" s="12"/>
    </row>
    <row r="106694" spans="8:8">
      <c r="H106694" s="12"/>
    </row>
    <row r="106695" spans="8:8">
      <c r="H106695" s="12"/>
    </row>
    <row r="106696" spans="8:8">
      <c r="H106696" s="12"/>
    </row>
    <row r="106697" spans="8:8">
      <c r="H106697" s="12"/>
    </row>
    <row r="106698" spans="8:8">
      <c r="H106698" s="12"/>
    </row>
    <row r="106699" spans="8:8">
      <c r="H106699" s="12"/>
    </row>
    <row r="106700" spans="8:8">
      <c r="H106700" s="12"/>
    </row>
    <row r="106701" spans="8:8">
      <c r="H106701" s="12"/>
    </row>
    <row r="106702" spans="8:8">
      <c r="H106702" s="12"/>
    </row>
    <row r="106703" spans="8:8">
      <c r="H106703" s="12"/>
    </row>
    <row r="106704" spans="8:8">
      <c r="H106704" s="12"/>
    </row>
    <row r="106705" spans="8:8">
      <c r="H106705" s="12"/>
    </row>
    <row r="106706" spans="8:8">
      <c r="H106706" s="12"/>
    </row>
    <row r="106707" spans="8:8">
      <c r="H106707" s="12"/>
    </row>
    <row r="106708" spans="8:8">
      <c r="H106708" s="12"/>
    </row>
    <row r="106709" spans="8:8">
      <c r="H106709" s="12"/>
    </row>
    <row r="106710" spans="8:8">
      <c r="H106710" s="12"/>
    </row>
    <row r="106711" spans="8:8">
      <c r="H106711" s="12"/>
    </row>
    <row r="106712" spans="8:8">
      <c r="H106712" s="12"/>
    </row>
    <row r="106713" spans="8:8">
      <c r="H106713" s="12"/>
    </row>
    <row r="106714" spans="8:8">
      <c r="H106714" s="12"/>
    </row>
    <row r="106715" spans="8:8">
      <c r="H106715" s="12"/>
    </row>
    <row r="106716" spans="8:8">
      <c r="H106716" s="12"/>
    </row>
    <row r="106717" spans="8:8">
      <c r="H106717" s="12"/>
    </row>
    <row r="106718" spans="8:8">
      <c r="H106718" s="12"/>
    </row>
    <row r="106719" spans="8:8">
      <c r="H106719" s="12"/>
    </row>
    <row r="106720" spans="8:8">
      <c r="H106720" s="12"/>
    </row>
    <row r="106721" spans="8:8">
      <c r="H106721" s="12"/>
    </row>
    <row r="106722" spans="8:8">
      <c r="H106722" s="12"/>
    </row>
    <row r="106723" spans="8:8">
      <c r="H106723" s="12"/>
    </row>
    <row r="106724" spans="8:8">
      <c r="H106724" s="12"/>
    </row>
    <row r="106725" spans="8:8">
      <c r="H106725" s="12"/>
    </row>
    <row r="106726" spans="8:8">
      <c r="H106726" s="12"/>
    </row>
    <row r="106727" spans="8:8">
      <c r="H106727" s="12"/>
    </row>
    <row r="106728" spans="8:8">
      <c r="H106728" s="12"/>
    </row>
    <row r="106729" spans="8:8">
      <c r="H106729" s="12"/>
    </row>
    <row r="106730" spans="8:8">
      <c r="H106730" s="12"/>
    </row>
    <row r="106731" spans="8:8">
      <c r="H106731" s="12"/>
    </row>
    <row r="106732" spans="8:8">
      <c r="H106732" s="12"/>
    </row>
    <row r="106733" spans="8:8">
      <c r="H106733" s="12"/>
    </row>
    <row r="106734" spans="8:8">
      <c r="H106734" s="12"/>
    </row>
    <row r="106735" spans="8:8">
      <c r="H106735" s="12"/>
    </row>
    <row r="106736" spans="8:8">
      <c r="H106736" s="12"/>
    </row>
    <row r="106737" spans="8:8">
      <c r="H106737" s="12"/>
    </row>
    <row r="106738" spans="8:8">
      <c r="H106738" s="12"/>
    </row>
    <row r="106739" spans="8:8">
      <c r="H106739" s="12"/>
    </row>
    <row r="106740" spans="8:8">
      <c r="H106740" s="12"/>
    </row>
    <row r="106741" spans="8:8">
      <c r="H106741" s="12"/>
    </row>
    <row r="106742" spans="8:8">
      <c r="H106742" s="12"/>
    </row>
    <row r="106743" spans="8:8">
      <c r="H106743" s="12"/>
    </row>
    <row r="106744" spans="8:8">
      <c r="H106744" s="12"/>
    </row>
    <row r="106745" spans="8:8">
      <c r="H106745" s="12"/>
    </row>
    <row r="106746" spans="8:8">
      <c r="H106746" s="12"/>
    </row>
    <row r="106747" spans="8:8">
      <c r="H106747" s="12"/>
    </row>
    <row r="106748" spans="8:8">
      <c r="H106748" s="12"/>
    </row>
    <row r="106749" spans="8:8">
      <c r="H106749" s="12"/>
    </row>
    <row r="106750" spans="8:8">
      <c r="H106750" s="12"/>
    </row>
    <row r="106751" spans="8:8">
      <c r="H106751" s="12"/>
    </row>
    <row r="106752" spans="8:8">
      <c r="H106752" s="12"/>
    </row>
    <row r="106753" spans="8:8">
      <c r="H106753" s="12"/>
    </row>
    <row r="106754" spans="8:8">
      <c r="H106754" s="12"/>
    </row>
    <row r="106755" spans="8:8">
      <c r="H106755" s="12"/>
    </row>
    <row r="106756" spans="8:8">
      <c r="H106756" s="12"/>
    </row>
    <row r="106757" spans="8:8">
      <c r="H106757" s="12"/>
    </row>
    <row r="106758" spans="8:8">
      <c r="H106758" s="12"/>
    </row>
    <row r="106759" spans="8:8">
      <c r="H106759" s="12"/>
    </row>
    <row r="106760" spans="8:8">
      <c r="H106760" s="12"/>
    </row>
    <row r="106761" spans="8:8">
      <c r="H106761" s="12"/>
    </row>
    <row r="106762" spans="8:8">
      <c r="H106762" s="12"/>
    </row>
    <row r="106763" spans="8:8">
      <c r="H106763" s="12"/>
    </row>
    <row r="106764" spans="8:8">
      <c r="H106764" s="12"/>
    </row>
    <row r="106765" spans="8:8">
      <c r="H106765" s="12"/>
    </row>
    <row r="106766" spans="8:8">
      <c r="H106766" s="12"/>
    </row>
    <row r="106767" spans="8:8">
      <c r="H106767" s="12"/>
    </row>
    <row r="106768" spans="8:8">
      <c r="H106768" s="12"/>
    </row>
    <row r="106769" spans="8:8">
      <c r="H106769" s="12"/>
    </row>
    <row r="106770" spans="8:8">
      <c r="H106770" s="12"/>
    </row>
    <row r="106771" spans="8:8">
      <c r="H106771" s="12"/>
    </row>
    <row r="106772" spans="8:8">
      <c r="H106772" s="12"/>
    </row>
    <row r="106773" spans="8:8">
      <c r="H106773" s="12"/>
    </row>
    <row r="106774" spans="8:8">
      <c r="H106774" s="12"/>
    </row>
    <row r="106775" spans="8:8">
      <c r="H106775" s="12"/>
    </row>
    <row r="106776" spans="8:8">
      <c r="H106776" s="12"/>
    </row>
    <row r="106777" spans="8:8">
      <c r="H106777" s="12"/>
    </row>
    <row r="106778" spans="8:8">
      <c r="H106778" s="12"/>
    </row>
    <row r="106779" spans="8:8">
      <c r="H106779" s="12"/>
    </row>
    <row r="106780" spans="8:8">
      <c r="H106780" s="12"/>
    </row>
    <row r="106781" spans="8:8">
      <c r="H106781" s="12"/>
    </row>
    <row r="106782" spans="8:8">
      <c r="H106782" s="12"/>
    </row>
    <row r="106783" spans="8:8">
      <c r="H106783" s="12"/>
    </row>
    <row r="106784" spans="8:8">
      <c r="H106784" s="12"/>
    </row>
    <row r="106785" spans="8:8">
      <c r="H106785" s="12"/>
    </row>
    <row r="106786" spans="8:8">
      <c r="H106786" s="12"/>
    </row>
    <row r="106787" spans="8:8">
      <c r="H106787" s="12"/>
    </row>
    <row r="106788" spans="8:8">
      <c r="H106788" s="12"/>
    </row>
    <row r="106789" spans="8:8">
      <c r="H106789" s="12"/>
    </row>
    <row r="106790" spans="8:8">
      <c r="H106790" s="12"/>
    </row>
    <row r="106791" spans="8:8">
      <c r="H106791" s="12"/>
    </row>
    <row r="106792" spans="8:8">
      <c r="H106792" s="12"/>
    </row>
    <row r="106793" spans="8:8">
      <c r="H106793" s="12"/>
    </row>
    <row r="106794" spans="8:8">
      <c r="H106794" s="12"/>
    </row>
    <row r="106795" spans="8:8">
      <c r="H106795" s="12"/>
    </row>
    <row r="106796" spans="8:8">
      <c r="H106796" s="12"/>
    </row>
    <row r="106797" spans="8:8">
      <c r="H106797" s="12"/>
    </row>
    <row r="106798" spans="8:8">
      <c r="H106798" s="12"/>
    </row>
    <row r="106799" spans="8:8">
      <c r="H106799" s="12"/>
    </row>
    <row r="106800" spans="8:8">
      <c r="H106800" s="12"/>
    </row>
    <row r="106801" spans="8:8">
      <c r="H106801" s="12"/>
    </row>
    <row r="106802" spans="8:8">
      <c r="H106802" s="12"/>
    </row>
    <row r="106803" spans="8:8">
      <c r="H106803" s="12"/>
    </row>
    <row r="106804" spans="8:8">
      <c r="H106804" s="12"/>
    </row>
    <row r="106805" spans="8:8">
      <c r="H106805" s="12"/>
    </row>
    <row r="106806" spans="8:8">
      <c r="H106806" s="12"/>
    </row>
    <row r="106807" spans="8:8">
      <c r="H106807" s="12"/>
    </row>
    <row r="106808" spans="8:8">
      <c r="H106808" s="12"/>
    </row>
    <row r="106809" spans="8:8">
      <c r="H106809" s="12"/>
    </row>
    <row r="106810" spans="8:8">
      <c r="H106810" s="12"/>
    </row>
    <row r="106811" spans="8:8">
      <c r="H106811" s="12"/>
    </row>
    <row r="106812" spans="8:8">
      <c r="H106812" s="12"/>
    </row>
    <row r="106813" spans="8:8">
      <c r="H106813" s="12"/>
    </row>
    <row r="106814" spans="8:8">
      <c r="H106814" s="12"/>
    </row>
    <row r="106815" spans="8:8">
      <c r="H106815" s="12"/>
    </row>
    <row r="106816" spans="8:8">
      <c r="H106816" s="12"/>
    </row>
    <row r="106817" spans="8:8">
      <c r="H106817" s="12"/>
    </row>
    <row r="106818" spans="8:8">
      <c r="H106818" s="12"/>
    </row>
    <row r="106819" spans="8:8">
      <c r="H106819" s="12"/>
    </row>
    <row r="106820" spans="8:8">
      <c r="H106820" s="12"/>
    </row>
    <row r="106821" spans="8:8">
      <c r="H106821" s="12"/>
    </row>
    <row r="106822" spans="8:8">
      <c r="H106822" s="12"/>
    </row>
    <row r="106823" spans="8:8">
      <c r="H106823" s="12"/>
    </row>
    <row r="106824" spans="8:8">
      <c r="H106824" s="12"/>
    </row>
    <row r="106825" spans="8:8">
      <c r="H106825" s="12"/>
    </row>
    <row r="106826" spans="8:8">
      <c r="H106826" s="12"/>
    </row>
    <row r="106827" spans="8:8">
      <c r="H106827" s="12"/>
    </row>
    <row r="106828" spans="8:8">
      <c r="H106828" s="12"/>
    </row>
    <row r="106829" spans="8:8">
      <c r="H106829" s="12"/>
    </row>
    <row r="106830" spans="8:8">
      <c r="H106830" s="12"/>
    </row>
    <row r="106831" spans="8:8">
      <c r="H106831" s="12"/>
    </row>
    <row r="106832" spans="8:8">
      <c r="H106832" s="12"/>
    </row>
    <row r="106833" spans="8:8">
      <c r="H106833" s="12"/>
    </row>
    <row r="106834" spans="8:8">
      <c r="H106834" s="12"/>
    </row>
    <row r="106835" spans="8:8">
      <c r="H106835" s="12"/>
    </row>
    <row r="106836" spans="8:8">
      <c r="H106836" s="12"/>
    </row>
    <row r="106837" spans="8:8">
      <c r="H106837" s="12"/>
    </row>
    <row r="106838" spans="8:8">
      <c r="H106838" s="12"/>
    </row>
    <row r="106839" spans="8:8">
      <c r="H106839" s="12"/>
    </row>
    <row r="106840" spans="8:8">
      <c r="H106840" s="12"/>
    </row>
    <row r="106841" spans="8:8">
      <c r="H106841" s="12"/>
    </row>
    <row r="106842" spans="8:8">
      <c r="H106842" s="12"/>
    </row>
    <row r="106843" spans="8:8">
      <c r="H106843" s="12"/>
    </row>
    <row r="106844" spans="8:8">
      <c r="H106844" s="12"/>
    </row>
    <row r="106845" spans="8:8">
      <c r="H106845" s="12"/>
    </row>
    <row r="106846" spans="8:8">
      <c r="H106846" s="12"/>
    </row>
    <row r="106847" spans="8:8">
      <c r="H106847" s="12"/>
    </row>
    <row r="106848" spans="8:8">
      <c r="H106848" s="12"/>
    </row>
    <row r="106849" spans="8:8">
      <c r="H106849" s="12"/>
    </row>
    <row r="106850" spans="8:8">
      <c r="H106850" s="12"/>
    </row>
    <row r="106851" spans="8:8">
      <c r="H106851" s="12"/>
    </row>
    <row r="106852" spans="8:8">
      <c r="H106852" s="12"/>
    </row>
    <row r="106853" spans="8:8">
      <c r="H106853" s="12"/>
    </row>
    <row r="106854" spans="8:8">
      <c r="H106854" s="12"/>
    </row>
    <row r="106855" spans="8:8">
      <c r="H106855" s="12"/>
    </row>
    <row r="106856" spans="8:8">
      <c r="H106856" s="12"/>
    </row>
    <row r="106857" spans="8:8">
      <c r="H106857" s="12"/>
    </row>
    <row r="106858" spans="8:8">
      <c r="H106858" s="12"/>
    </row>
    <row r="106859" spans="8:8">
      <c r="H106859" s="12"/>
    </row>
    <row r="106860" spans="8:8">
      <c r="H106860" s="12"/>
    </row>
    <row r="106861" spans="8:8">
      <c r="H106861" s="12"/>
    </row>
    <row r="106862" spans="8:8">
      <c r="H106862" s="12"/>
    </row>
    <row r="106863" spans="8:8">
      <c r="H106863" s="12"/>
    </row>
    <row r="106864" spans="8:8">
      <c r="H106864" s="12"/>
    </row>
    <row r="106865" spans="8:8">
      <c r="H106865" s="12"/>
    </row>
    <row r="106866" spans="8:8">
      <c r="H106866" s="12"/>
    </row>
    <row r="106867" spans="8:8">
      <c r="H106867" s="12"/>
    </row>
    <row r="106868" spans="8:8">
      <c r="H106868" s="12"/>
    </row>
    <row r="106869" spans="8:8">
      <c r="H106869" s="12"/>
    </row>
    <row r="106870" spans="8:8">
      <c r="H106870" s="12"/>
    </row>
    <row r="106871" spans="8:8">
      <c r="H106871" s="12"/>
    </row>
    <row r="106872" spans="8:8">
      <c r="H106872" s="12"/>
    </row>
    <row r="106873" spans="8:8">
      <c r="H106873" s="12"/>
    </row>
    <row r="106874" spans="8:8">
      <c r="H106874" s="12"/>
    </row>
    <row r="106875" spans="8:8">
      <c r="H106875" s="12"/>
    </row>
    <row r="106876" spans="8:8">
      <c r="H106876" s="12"/>
    </row>
    <row r="106877" spans="8:8">
      <c r="H106877" s="12"/>
    </row>
    <row r="106878" spans="8:8">
      <c r="H106878" s="12"/>
    </row>
    <row r="106879" spans="8:8">
      <c r="H106879" s="12"/>
    </row>
    <row r="106880" spans="8:8">
      <c r="H106880" s="12"/>
    </row>
    <row r="106881" spans="8:8">
      <c r="H106881" s="12"/>
    </row>
    <row r="106882" spans="8:8">
      <c r="H106882" s="12"/>
    </row>
    <row r="106883" spans="8:8">
      <c r="H106883" s="12"/>
    </row>
    <row r="106884" spans="8:8">
      <c r="H106884" s="12"/>
    </row>
    <row r="106885" spans="8:8">
      <c r="H106885" s="12"/>
    </row>
    <row r="106886" spans="8:8">
      <c r="H106886" s="12"/>
    </row>
    <row r="106887" spans="8:8">
      <c r="H106887" s="12"/>
    </row>
    <row r="106888" spans="8:8">
      <c r="H106888" s="12"/>
    </row>
    <row r="106889" spans="8:8">
      <c r="H106889" s="12"/>
    </row>
    <row r="106890" spans="8:8">
      <c r="H106890" s="12"/>
    </row>
    <row r="106891" spans="8:8">
      <c r="H106891" s="12"/>
    </row>
    <row r="106892" spans="8:8">
      <c r="H106892" s="12"/>
    </row>
    <row r="106893" spans="8:8">
      <c r="H106893" s="12"/>
    </row>
    <row r="106894" spans="8:8">
      <c r="H106894" s="12"/>
    </row>
    <row r="106895" spans="8:8">
      <c r="H106895" s="12"/>
    </row>
    <row r="106896" spans="8:8">
      <c r="H106896" s="12"/>
    </row>
    <row r="106897" spans="8:8">
      <c r="H106897" s="12"/>
    </row>
    <row r="106898" spans="8:8">
      <c r="H106898" s="12"/>
    </row>
    <row r="106899" spans="8:8">
      <c r="H106899" s="12"/>
    </row>
    <row r="106900" spans="8:8">
      <c r="H106900" s="12"/>
    </row>
    <row r="106901" spans="8:8">
      <c r="H106901" s="12"/>
    </row>
    <row r="106902" spans="8:8">
      <c r="H106902" s="12"/>
    </row>
    <row r="106903" spans="8:8">
      <c r="H106903" s="12"/>
    </row>
    <row r="106904" spans="8:8">
      <c r="H106904" s="12"/>
    </row>
    <row r="106905" spans="8:8">
      <c r="H106905" s="12"/>
    </row>
    <row r="106906" spans="8:8">
      <c r="H106906" s="12"/>
    </row>
    <row r="106907" spans="8:8">
      <c r="H106907" s="12"/>
    </row>
    <row r="106908" spans="8:8">
      <c r="H106908" s="12"/>
    </row>
    <row r="106909" spans="8:8">
      <c r="H106909" s="12"/>
    </row>
    <row r="106910" spans="8:8">
      <c r="H106910" s="12"/>
    </row>
    <row r="106911" spans="8:8">
      <c r="H106911" s="12"/>
    </row>
    <row r="106912" spans="8:8">
      <c r="H106912" s="12"/>
    </row>
    <row r="106913" spans="8:8">
      <c r="H106913" s="12"/>
    </row>
    <row r="106914" spans="8:8">
      <c r="H106914" s="12"/>
    </row>
    <row r="106915" spans="8:8">
      <c r="H106915" s="12"/>
    </row>
    <row r="106916" spans="8:8">
      <c r="H106916" s="12"/>
    </row>
    <row r="106917" spans="8:8">
      <c r="H106917" s="12"/>
    </row>
    <row r="106918" spans="8:8">
      <c r="H106918" s="12"/>
    </row>
    <row r="106919" spans="8:8">
      <c r="H106919" s="12"/>
    </row>
    <row r="106920" spans="8:8">
      <c r="H106920" s="12"/>
    </row>
    <row r="106921" spans="8:8">
      <c r="H106921" s="12"/>
    </row>
    <row r="106922" spans="8:8">
      <c r="H106922" s="12"/>
    </row>
    <row r="106923" spans="8:8">
      <c r="H106923" s="12"/>
    </row>
    <row r="106924" spans="8:8">
      <c r="H106924" s="12"/>
    </row>
    <row r="106925" spans="8:8">
      <c r="H106925" s="12"/>
    </row>
    <row r="106926" spans="8:8">
      <c r="H106926" s="12"/>
    </row>
    <row r="106927" spans="8:8">
      <c r="H106927" s="12"/>
    </row>
    <row r="106928" spans="8:8">
      <c r="H106928" s="12"/>
    </row>
    <row r="106929" spans="8:8">
      <c r="H106929" s="12"/>
    </row>
    <row r="106930" spans="8:8">
      <c r="H106930" s="12"/>
    </row>
    <row r="106931" spans="8:8">
      <c r="H106931" s="12"/>
    </row>
    <row r="106932" spans="8:8">
      <c r="H106932" s="12"/>
    </row>
    <row r="106933" spans="8:8">
      <c r="H106933" s="12"/>
    </row>
    <row r="106934" spans="8:8">
      <c r="H106934" s="12"/>
    </row>
    <row r="106935" spans="8:8">
      <c r="H106935" s="12"/>
    </row>
    <row r="106936" spans="8:8">
      <c r="H106936" s="12"/>
    </row>
    <row r="106937" spans="8:8">
      <c r="H106937" s="12"/>
    </row>
    <row r="106938" spans="8:8">
      <c r="H106938" s="12"/>
    </row>
    <row r="106939" spans="8:8">
      <c r="H106939" s="12"/>
    </row>
    <row r="106940" spans="8:8">
      <c r="H106940" s="12"/>
    </row>
    <row r="106941" spans="8:8">
      <c r="H106941" s="12"/>
    </row>
    <row r="106942" spans="8:8">
      <c r="H106942" s="12"/>
    </row>
    <row r="106943" spans="8:8">
      <c r="H106943" s="12"/>
    </row>
    <row r="106944" spans="8:8">
      <c r="H106944" s="12"/>
    </row>
    <row r="106945" spans="8:8">
      <c r="H106945" s="12"/>
    </row>
    <row r="106946" spans="8:8">
      <c r="H106946" s="12"/>
    </row>
    <row r="106947" spans="8:8">
      <c r="H106947" s="12"/>
    </row>
    <row r="106948" spans="8:8">
      <c r="H106948" s="12"/>
    </row>
    <row r="106949" spans="8:8">
      <c r="H106949" s="12"/>
    </row>
    <row r="106950" spans="8:8">
      <c r="H106950" s="12"/>
    </row>
    <row r="106951" spans="8:8">
      <c r="H106951" s="12"/>
    </row>
    <row r="106952" spans="8:8">
      <c r="H106952" s="12"/>
    </row>
    <row r="106953" spans="8:8">
      <c r="H106953" s="12"/>
    </row>
    <row r="106954" spans="8:8">
      <c r="H106954" s="12"/>
    </row>
    <row r="106955" spans="8:8">
      <c r="H106955" s="12"/>
    </row>
    <row r="106956" spans="8:8">
      <c r="H106956" s="12"/>
    </row>
    <row r="106957" spans="8:8">
      <c r="H106957" s="12"/>
    </row>
    <row r="106958" spans="8:8">
      <c r="H106958" s="12"/>
    </row>
    <row r="106959" spans="8:8">
      <c r="H106959" s="12"/>
    </row>
    <row r="106960" spans="8:8">
      <c r="H106960" s="12"/>
    </row>
    <row r="106961" spans="8:8">
      <c r="H106961" s="12"/>
    </row>
    <row r="106962" spans="8:8">
      <c r="H106962" s="12"/>
    </row>
    <row r="106963" spans="8:8">
      <c r="H106963" s="12"/>
    </row>
    <row r="106964" spans="8:8">
      <c r="H106964" s="12"/>
    </row>
    <row r="106965" spans="8:8">
      <c r="H106965" s="12"/>
    </row>
    <row r="106966" spans="8:8">
      <c r="H106966" s="12"/>
    </row>
    <row r="106967" spans="8:8">
      <c r="H106967" s="12"/>
    </row>
    <row r="106968" spans="8:8">
      <c r="H106968" s="12"/>
    </row>
    <row r="106969" spans="8:8">
      <c r="H106969" s="12"/>
    </row>
    <row r="106970" spans="8:8">
      <c r="H106970" s="12"/>
    </row>
    <row r="106971" spans="8:8">
      <c r="H106971" s="12"/>
    </row>
    <row r="106972" spans="8:8">
      <c r="H106972" s="12"/>
    </row>
    <row r="106973" spans="8:8">
      <c r="H106973" s="12"/>
    </row>
    <row r="106974" spans="8:8">
      <c r="H106974" s="12"/>
    </row>
    <row r="106975" spans="8:8">
      <c r="H106975" s="12"/>
    </row>
    <row r="106976" spans="8:8">
      <c r="H106976" s="12"/>
    </row>
    <row r="106977" spans="8:8">
      <c r="H106977" s="12"/>
    </row>
    <row r="106978" spans="8:8">
      <c r="H106978" s="12"/>
    </row>
    <row r="106979" spans="8:8">
      <c r="H106979" s="12"/>
    </row>
    <row r="106980" spans="8:8">
      <c r="H106980" s="12"/>
    </row>
    <row r="106981" spans="8:8">
      <c r="H106981" s="12"/>
    </row>
    <row r="106982" spans="8:8">
      <c r="H106982" s="12"/>
    </row>
    <row r="106983" spans="8:8">
      <c r="H106983" s="12"/>
    </row>
    <row r="106984" spans="8:8">
      <c r="H106984" s="12"/>
    </row>
    <row r="106985" spans="8:8">
      <c r="H106985" s="12"/>
    </row>
    <row r="106986" spans="8:8">
      <c r="H106986" s="12"/>
    </row>
    <row r="106987" spans="8:8">
      <c r="H106987" s="12"/>
    </row>
    <row r="106988" spans="8:8">
      <c r="H106988" s="12"/>
    </row>
    <row r="106989" spans="8:8">
      <c r="H106989" s="12"/>
    </row>
    <row r="106990" spans="8:8">
      <c r="H106990" s="12"/>
    </row>
    <row r="106991" spans="8:8">
      <c r="H106991" s="12"/>
    </row>
    <row r="106992" spans="8:8">
      <c r="H106992" s="12"/>
    </row>
    <row r="106993" spans="8:8">
      <c r="H106993" s="12"/>
    </row>
    <row r="106994" spans="8:8">
      <c r="H106994" s="12"/>
    </row>
    <row r="106995" spans="8:8">
      <c r="H106995" s="12"/>
    </row>
    <row r="106996" spans="8:8">
      <c r="H106996" s="12"/>
    </row>
    <row r="106997" spans="8:8">
      <c r="H106997" s="12"/>
    </row>
    <row r="106998" spans="8:8">
      <c r="H106998" s="12"/>
    </row>
    <row r="106999" spans="8:8">
      <c r="H106999" s="12"/>
    </row>
    <row r="107000" spans="8:8">
      <c r="H107000" s="12"/>
    </row>
    <row r="107001" spans="8:8">
      <c r="H107001" s="12"/>
    </row>
    <row r="107002" spans="8:8">
      <c r="H107002" s="12"/>
    </row>
    <row r="107003" spans="8:8">
      <c r="H107003" s="12"/>
    </row>
    <row r="107004" spans="8:8">
      <c r="H107004" s="12"/>
    </row>
    <row r="107005" spans="8:8">
      <c r="H107005" s="12"/>
    </row>
    <row r="107006" spans="8:8">
      <c r="H107006" s="12"/>
    </row>
    <row r="107007" spans="8:8">
      <c r="H107007" s="12"/>
    </row>
    <row r="107008" spans="8:8">
      <c r="H107008" s="12"/>
    </row>
    <row r="107009" spans="8:8">
      <c r="H107009" s="12"/>
    </row>
    <row r="107010" spans="8:8">
      <c r="H107010" s="12"/>
    </row>
    <row r="107011" spans="8:8">
      <c r="H107011" s="12"/>
    </row>
    <row r="107012" spans="8:8">
      <c r="H107012" s="12"/>
    </row>
    <row r="107013" spans="8:8">
      <c r="H107013" s="12"/>
    </row>
    <row r="107014" spans="8:8">
      <c r="H107014" s="12"/>
    </row>
    <row r="107015" spans="8:8">
      <c r="H107015" s="12"/>
    </row>
    <row r="107016" spans="8:8">
      <c r="H107016" s="12"/>
    </row>
    <row r="107017" spans="8:8">
      <c r="H107017" s="12"/>
    </row>
    <row r="107018" spans="8:8">
      <c r="H107018" s="12"/>
    </row>
    <row r="107019" spans="8:8">
      <c r="H107019" s="12"/>
    </row>
    <row r="107020" spans="8:8">
      <c r="H107020" s="12"/>
    </row>
    <row r="107021" spans="8:8">
      <c r="H107021" s="12"/>
    </row>
    <row r="107022" spans="8:8">
      <c r="H107022" s="12"/>
    </row>
    <row r="107023" spans="8:8">
      <c r="H107023" s="12"/>
    </row>
    <row r="107024" spans="8:8">
      <c r="H107024" s="12"/>
    </row>
    <row r="107025" spans="8:8">
      <c r="H107025" s="12"/>
    </row>
    <row r="107026" spans="8:8">
      <c r="H107026" s="12"/>
    </row>
    <row r="107027" spans="8:8">
      <c r="H107027" s="12"/>
    </row>
    <row r="107028" spans="8:8">
      <c r="H107028" s="12"/>
    </row>
    <row r="107029" spans="8:8">
      <c r="H107029" s="12"/>
    </row>
    <row r="107030" spans="8:8">
      <c r="H107030" s="12"/>
    </row>
    <row r="107031" spans="8:8">
      <c r="H107031" s="12"/>
    </row>
    <row r="107032" spans="8:8">
      <c r="H107032" s="12"/>
    </row>
    <row r="107033" spans="8:8">
      <c r="H107033" s="12"/>
    </row>
    <row r="107034" spans="8:8">
      <c r="H107034" s="12"/>
    </row>
    <row r="107035" spans="8:8">
      <c r="H107035" s="12"/>
    </row>
    <row r="107036" spans="8:8">
      <c r="H107036" s="12"/>
    </row>
    <row r="107037" spans="8:8">
      <c r="H107037" s="12"/>
    </row>
    <row r="107038" spans="8:8">
      <c r="H107038" s="12"/>
    </row>
    <row r="107039" spans="8:8">
      <c r="H107039" s="12"/>
    </row>
    <row r="107040" spans="8:8">
      <c r="H107040" s="12"/>
    </row>
    <row r="107041" spans="8:8">
      <c r="H107041" s="12"/>
    </row>
    <row r="107042" spans="8:8">
      <c r="H107042" s="12"/>
    </row>
    <row r="107043" spans="8:8">
      <c r="H107043" s="12"/>
    </row>
    <row r="107044" spans="8:8">
      <c r="H107044" s="12"/>
    </row>
    <row r="107045" spans="8:8">
      <c r="H107045" s="12"/>
    </row>
    <row r="107046" spans="8:8">
      <c r="H107046" s="12"/>
    </row>
    <row r="107047" spans="8:8">
      <c r="H107047" s="12"/>
    </row>
    <row r="107048" spans="8:8">
      <c r="H107048" s="12"/>
    </row>
    <row r="107049" spans="8:8">
      <c r="H107049" s="12"/>
    </row>
    <row r="107050" spans="8:8">
      <c r="H107050" s="12"/>
    </row>
    <row r="107051" spans="8:8">
      <c r="H107051" s="12"/>
    </row>
    <row r="107052" spans="8:8">
      <c r="H107052" s="12"/>
    </row>
    <row r="107053" spans="8:8">
      <c r="H107053" s="12"/>
    </row>
    <row r="107054" spans="8:8">
      <c r="H107054" s="12"/>
    </row>
    <row r="107055" spans="8:8">
      <c r="H107055" s="12"/>
    </row>
    <row r="107056" spans="8:8">
      <c r="H107056" s="12"/>
    </row>
    <row r="107057" spans="8:8">
      <c r="H107057" s="12"/>
    </row>
    <row r="107058" spans="8:8">
      <c r="H107058" s="12"/>
    </row>
    <row r="107059" spans="8:8">
      <c r="H107059" s="12"/>
    </row>
    <row r="107060" spans="8:8">
      <c r="H107060" s="12"/>
    </row>
    <row r="107061" spans="8:8">
      <c r="H107061" s="12"/>
    </row>
    <row r="107062" spans="8:8">
      <c r="H107062" s="12"/>
    </row>
    <row r="107063" spans="8:8">
      <c r="H107063" s="12"/>
    </row>
    <row r="107064" spans="8:8">
      <c r="H107064" s="12"/>
    </row>
    <row r="107065" spans="8:8">
      <c r="H107065" s="12"/>
    </row>
    <row r="107066" spans="8:8">
      <c r="H107066" s="12"/>
    </row>
    <row r="107067" spans="8:8">
      <c r="H107067" s="12"/>
    </row>
    <row r="107068" spans="8:8">
      <c r="H107068" s="12"/>
    </row>
    <row r="107069" spans="8:8">
      <c r="H107069" s="12"/>
    </row>
    <row r="107070" spans="8:8">
      <c r="H107070" s="12"/>
    </row>
    <row r="107071" spans="8:8">
      <c r="H107071" s="12"/>
    </row>
    <row r="107072" spans="8:8">
      <c r="H107072" s="12"/>
    </row>
    <row r="107073" spans="8:8">
      <c r="H107073" s="12"/>
    </row>
    <row r="107074" spans="8:8">
      <c r="H107074" s="12"/>
    </row>
    <row r="107075" spans="8:8">
      <c r="H107075" s="12"/>
    </row>
    <row r="107076" spans="8:8">
      <c r="H107076" s="12"/>
    </row>
    <row r="107077" spans="8:8">
      <c r="H107077" s="12"/>
    </row>
    <row r="107078" spans="8:8">
      <c r="H107078" s="12"/>
    </row>
    <row r="107079" spans="8:8">
      <c r="H107079" s="12"/>
    </row>
    <row r="107080" spans="8:8">
      <c r="H107080" s="12"/>
    </row>
    <row r="107081" spans="8:8">
      <c r="H107081" s="12"/>
    </row>
    <row r="107082" spans="8:8">
      <c r="H107082" s="12"/>
    </row>
    <row r="107083" spans="8:8">
      <c r="H107083" s="12"/>
    </row>
    <row r="107084" spans="8:8">
      <c r="H107084" s="12"/>
    </row>
    <row r="107085" spans="8:8">
      <c r="H107085" s="12"/>
    </row>
    <row r="107086" spans="8:8">
      <c r="H107086" s="12"/>
    </row>
    <row r="107087" spans="8:8">
      <c r="H107087" s="12"/>
    </row>
    <row r="107088" spans="8:8">
      <c r="H107088" s="12"/>
    </row>
    <row r="107089" spans="8:8">
      <c r="H107089" s="12"/>
    </row>
    <row r="107090" spans="8:8">
      <c r="H107090" s="12"/>
    </row>
    <row r="107091" spans="8:8">
      <c r="H107091" s="12"/>
    </row>
    <row r="107092" spans="8:8">
      <c r="H107092" s="12"/>
    </row>
    <row r="107093" spans="8:8">
      <c r="H107093" s="12"/>
    </row>
    <row r="107094" spans="8:8">
      <c r="H107094" s="12"/>
    </row>
    <row r="107095" spans="8:8">
      <c r="H107095" s="12"/>
    </row>
    <row r="107096" spans="8:8">
      <c r="H107096" s="12"/>
    </row>
    <row r="107097" spans="8:8">
      <c r="H107097" s="12"/>
    </row>
    <row r="107098" spans="8:8">
      <c r="H107098" s="12"/>
    </row>
    <row r="107099" spans="8:8">
      <c r="H107099" s="12"/>
    </row>
    <row r="107100" spans="8:8">
      <c r="H107100" s="12"/>
    </row>
    <row r="107101" spans="8:8">
      <c r="H107101" s="12"/>
    </row>
    <row r="107102" spans="8:8">
      <c r="H107102" s="12"/>
    </row>
    <row r="107103" spans="8:8">
      <c r="H107103" s="12"/>
    </row>
    <row r="107104" spans="8:8">
      <c r="H107104" s="12"/>
    </row>
    <row r="107105" spans="8:8">
      <c r="H107105" s="12"/>
    </row>
    <row r="107106" spans="8:8">
      <c r="H107106" s="12"/>
    </row>
    <row r="107107" spans="8:8">
      <c r="H107107" s="12"/>
    </row>
    <row r="107108" spans="8:8">
      <c r="H107108" s="12"/>
    </row>
    <row r="107109" spans="8:8">
      <c r="H107109" s="12"/>
    </row>
    <row r="107110" spans="8:8">
      <c r="H107110" s="12"/>
    </row>
    <row r="107111" spans="8:8">
      <c r="H107111" s="12"/>
    </row>
    <row r="107112" spans="8:8">
      <c r="H107112" s="12"/>
    </row>
    <row r="107113" spans="8:8">
      <c r="H107113" s="12"/>
    </row>
    <row r="107114" spans="8:8">
      <c r="H107114" s="12"/>
    </row>
    <row r="107115" spans="8:8">
      <c r="H107115" s="12"/>
    </row>
    <row r="107116" spans="8:8">
      <c r="H107116" s="12"/>
    </row>
    <row r="107117" spans="8:8">
      <c r="H107117" s="12"/>
    </row>
    <row r="107118" spans="8:8">
      <c r="H107118" s="12"/>
    </row>
    <row r="107119" spans="8:8">
      <c r="H107119" s="12"/>
    </row>
    <row r="107120" spans="8:8">
      <c r="H107120" s="12"/>
    </row>
    <row r="107121" spans="8:8">
      <c r="H107121" s="12"/>
    </row>
    <row r="107122" spans="8:8">
      <c r="H107122" s="12"/>
    </row>
    <row r="107123" spans="8:8">
      <c r="H107123" s="12"/>
    </row>
    <row r="107124" spans="8:8">
      <c r="H107124" s="12"/>
    </row>
    <row r="107125" spans="8:8">
      <c r="H107125" s="12"/>
    </row>
    <row r="107126" spans="8:8">
      <c r="H107126" s="12"/>
    </row>
    <row r="107127" spans="8:8">
      <c r="H107127" s="12"/>
    </row>
    <row r="107128" spans="8:8">
      <c r="H107128" s="12"/>
    </row>
    <row r="107129" spans="8:8">
      <c r="H107129" s="12"/>
    </row>
    <row r="107130" spans="8:8">
      <c r="H107130" s="12"/>
    </row>
    <row r="107131" spans="8:8">
      <c r="H107131" s="12"/>
    </row>
    <row r="107132" spans="8:8">
      <c r="H107132" s="12"/>
    </row>
    <row r="107133" spans="8:8">
      <c r="H107133" s="12"/>
    </row>
    <row r="107134" spans="8:8">
      <c r="H107134" s="12"/>
    </row>
    <row r="107135" spans="8:8">
      <c r="H107135" s="12"/>
    </row>
    <row r="107136" spans="8:8">
      <c r="H107136" s="12"/>
    </row>
    <row r="107137" spans="8:8">
      <c r="H107137" s="12"/>
    </row>
    <row r="107138" spans="8:8">
      <c r="H107138" s="12"/>
    </row>
    <row r="107139" spans="8:8">
      <c r="H107139" s="12"/>
    </row>
    <row r="107140" spans="8:8">
      <c r="H107140" s="12"/>
    </row>
    <row r="107141" spans="8:8">
      <c r="H107141" s="12"/>
    </row>
    <row r="107142" spans="8:8">
      <c r="H107142" s="12"/>
    </row>
    <row r="107143" spans="8:8">
      <c r="H107143" s="12"/>
    </row>
    <row r="107144" spans="8:8">
      <c r="H107144" s="12"/>
    </row>
    <row r="107145" spans="8:8">
      <c r="H107145" s="12"/>
    </row>
    <row r="107146" spans="8:8">
      <c r="H107146" s="12"/>
    </row>
    <row r="107147" spans="8:8">
      <c r="H107147" s="12"/>
    </row>
    <row r="107148" spans="8:8">
      <c r="H107148" s="12"/>
    </row>
    <row r="107149" spans="8:8">
      <c r="H107149" s="12"/>
    </row>
    <row r="107150" spans="8:8">
      <c r="H107150" s="12"/>
    </row>
    <row r="107151" spans="8:8">
      <c r="H107151" s="12"/>
    </row>
    <row r="107152" spans="8:8">
      <c r="H107152" s="12"/>
    </row>
    <row r="107153" spans="8:8">
      <c r="H107153" s="12"/>
    </row>
    <row r="107154" spans="8:8">
      <c r="H107154" s="12"/>
    </row>
    <row r="107155" spans="8:8">
      <c r="H107155" s="12"/>
    </row>
    <row r="107156" spans="8:8">
      <c r="H107156" s="12"/>
    </row>
    <row r="107157" spans="8:8">
      <c r="H107157" s="12"/>
    </row>
    <row r="107158" spans="8:8">
      <c r="H107158" s="12"/>
    </row>
    <row r="107159" spans="8:8">
      <c r="H107159" s="12"/>
    </row>
    <row r="107160" spans="8:8">
      <c r="H107160" s="12"/>
    </row>
    <row r="107161" spans="8:8">
      <c r="H107161" s="12"/>
    </row>
    <row r="107162" spans="8:8">
      <c r="H107162" s="12"/>
    </row>
    <row r="107163" spans="8:8">
      <c r="H107163" s="12"/>
    </row>
    <row r="107164" spans="8:8">
      <c r="H107164" s="12"/>
    </row>
    <row r="107165" spans="8:8">
      <c r="H107165" s="12"/>
    </row>
    <row r="107166" spans="8:8">
      <c r="H107166" s="12"/>
    </row>
    <row r="107167" spans="8:8">
      <c r="H107167" s="12"/>
    </row>
    <row r="107168" spans="8:8">
      <c r="H107168" s="12"/>
    </row>
    <row r="107169" spans="8:8">
      <c r="H107169" s="12"/>
    </row>
    <row r="107170" spans="8:8">
      <c r="H107170" s="12"/>
    </row>
    <row r="107171" spans="8:8">
      <c r="H107171" s="12"/>
    </row>
    <row r="107172" spans="8:8">
      <c r="H107172" s="12"/>
    </row>
    <row r="107173" spans="8:8">
      <c r="H107173" s="12"/>
    </row>
    <row r="107174" spans="8:8">
      <c r="H107174" s="12"/>
    </row>
    <row r="107175" spans="8:8">
      <c r="H107175" s="12"/>
    </row>
    <row r="107176" spans="8:8">
      <c r="H107176" s="12"/>
    </row>
    <row r="107177" spans="8:8">
      <c r="H107177" s="12"/>
    </row>
    <row r="107178" spans="8:8">
      <c r="H107178" s="12"/>
    </row>
    <row r="107179" spans="8:8">
      <c r="H107179" s="12"/>
    </row>
    <row r="107180" spans="8:8">
      <c r="H107180" s="12"/>
    </row>
    <row r="107181" spans="8:8">
      <c r="H107181" s="12"/>
    </row>
    <row r="107182" spans="8:8">
      <c r="H107182" s="12"/>
    </row>
    <row r="107183" spans="8:8">
      <c r="H107183" s="12"/>
    </row>
    <row r="107184" spans="8:8">
      <c r="H107184" s="12"/>
    </row>
    <row r="107185" spans="8:8">
      <c r="H107185" s="12"/>
    </row>
    <row r="107186" spans="8:8">
      <c r="H107186" s="12"/>
    </row>
    <row r="107187" spans="8:8">
      <c r="H107187" s="12"/>
    </row>
    <row r="107188" spans="8:8">
      <c r="H107188" s="12"/>
    </row>
    <row r="107189" spans="8:8">
      <c r="H107189" s="12"/>
    </row>
    <row r="107190" spans="8:8">
      <c r="H107190" s="12"/>
    </row>
    <row r="107191" spans="8:8">
      <c r="H107191" s="12"/>
    </row>
    <row r="107192" spans="8:8">
      <c r="H107192" s="12"/>
    </row>
    <row r="107193" spans="8:8">
      <c r="H107193" s="12"/>
    </row>
    <row r="107194" spans="8:8">
      <c r="H107194" s="12"/>
    </row>
    <row r="107195" spans="8:8">
      <c r="H107195" s="12"/>
    </row>
    <row r="107196" spans="8:8">
      <c r="H107196" s="12"/>
    </row>
    <row r="107197" spans="8:8">
      <c r="H107197" s="12"/>
    </row>
    <row r="107198" spans="8:8">
      <c r="H107198" s="12"/>
    </row>
    <row r="107199" spans="8:8">
      <c r="H107199" s="12"/>
    </row>
    <row r="107200" spans="8:8">
      <c r="H107200" s="12"/>
    </row>
    <row r="107201" spans="8:8">
      <c r="H107201" s="12"/>
    </row>
    <row r="107202" spans="8:8">
      <c r="H107202" s="12"/>
    </row>
    <row r="107203" spans="8:8">
      <c r="H107203" s="12"/>
    </row>
    <row r="107204" spans="8:8">
      <c r="H107204" s="12"/>
    </row>
    <row r="107205" spans="8:8">
      <c r="H107205" s="12"/>
    </row>
    <row r="107206" spans="8:8">
      <c r="H107206" s="12"/>
    </row>
    <row r="107207" spans="8:8">
      <c r="H107207" s="12"/>
    </row>
    <row r="107208" spans="8:8">
      <c r="H107208" s="12"/>
    </row>
    <row r="107209" spans="8:8">
      <c r="H107209" s="12"/>
    </row>
    <row r="107210" spans="8:8">
      <c r="H107210" s="12"/>
    </row>
    <row r="107211" spans="8:8">
      <c r="H107211" s="12"/>
    </row>
    <row r="107212" spans="8:8">
      <c r="H107212" s="12"/>
    </row>
    <row r="107213" spans="8:8">
      <c r="H107213" s="12"/>
    </row>
    <row r="107214" spans="8:8">
      <c r="H107214" s="12"/>
    </row>
    <row r="107215" spans="8:8">
      <c r="H107215" s="12"/>
    </row>
    <row r="107216" spans="8:8">
      <c r="H107216" s="12"/>
    </row>
    <row r="107217" spans="8:8">
      <c r="H107217" s="12"/>
    </row>
    <row r="107218" spans="8:8">
      <c r="H107218" s="12"/>
    </row>
    <row r="107219" spans="8:8">
      <c r="H107219" s="12"/>
    </row>
    <row r="107220" spans="8:8">
      <c r="H107220" s="12"/>
    </row>
    <row r="107221" spans="8:8">
      <c r="H107221" s="12"/>
    </row>
    <row r="107222" spans="8:8">
      <c r="H107222" s="12"/>
    </row>
    <row r="107223" spans="8:8">
      <c r="H107223" s="12"/>
    </row>
    <row r="107224" spans="8:8">
      <c r="H107224" s="12"/>
    </row>
    <row r="107225" spans="8:8">
      <c r="H107225" s="12"/>
    </row>
    <row r="107226" spans="8:8">
      <c r="H107226" s="12"/>
    </row>
    <row r="107227" spans="8:8">
      <c r="H107227" s="12"/>
    </row>
    <row r="107228" spans="8:8">
      <c r="H107228" s="12"/>
    </row>
    <row r="107229" spans="8:8">
      <c r="H107229" s="12"/>
    </row>
    <row r="107230" spans="8:8">
      <c r="H107230" s="12"/>
    </row>
    <row r="107231" spans="8:8">
      <c r="H107231" s="12"/>
    </row>
    <row r="107232" spans="8:8">
      <c r="H107232" s="12"/>
    </row>
    <row r="107233" spans="8:8">
      <c r="H107233" s="12"/>
    </row>
    <row r="107234" spans="8:8">
      <c r="H107234" s="12"/>
    </row>
    <row r="107235" spans="8:8">
      <c r="H107235" s="12"/>
    </row>
    <row r="107236" spans="8:8">
      <c r="H107236" s="12"/>
    </row>
    <row r="107237" spans="8:8">
      <c r="H107237" s="12"/>
    </row>
    <row r="107238" spans="8:8">
      <c r="H107238" s="12"/>
    </row>
    <row r="107239" spans="8:8">
      <c r="H107239" s="12"/>
    </row>
    <row r="107240" spans="8:8">
      <c r="H107240" s="12"/>
    </row>
    <row r="107241" spans="8:8">
      <c r="H107241" s="12"/>
    </row>
    <row r="107242" spans="8:8">
      <c r="H107242" s="12"/>
    </row>
    <row r="107243" spans="8:8">
      <c r="H107243" s="12"/>
    </row>
    <row r="107244" spans="8:8">
      <c r="H107244" s="12"/>
    </row>
    <row r="107245" spans="8:8">
      <c r="H107245" s="12"/>
    </row>
    <row r="107246" spans="8:8">
      <c r="H107246" s="12"/>
    </row>
    <row r="107247" spans="8:8">
      <c r="H107247" s="12"/>
    </row>
    <row r="107248" spans="8:8">
      <c r="H107248" s="12"/>
    </row>
    <row r="107249" spans="8:8">
      <c r="H107249" s="12"/>
    </row>
    <row r="107250" spans="8:8">
      <c r="H107250" s="12"/>
    </row>
    <row r="107251" spans="8:8">
      <c r="H107251" s="12"/>
    </row>
    <row r="107252" spans="8:8">
      <c r="H107252" s="12"/>
    </row>
    <row r="107253" spans="8:8">
      <c r="H107253" s="12"/>
    </row>
    <row r="107254" spans="8:8">
      <c r="H107254" s="12"/>
    </row>
    <row r="107255" spans="8:8">
      <c r="H107255" s="12"/>
    </row>
    <row r="107256" spans="8:8">
      <c r="H107256" s="12"/>
    </row>
    <row r="107257" spans="8:8">
      <c r="H107257" s="12"/>
    </row>
    <row r="107258" spans="8:8">
      <c r="H107258" s="12"/>
    </row>
    <row r="107259" spans="8:8">
      <c r="H107259" s="12"/>
    </row>
    <row r="107260" spans="8:8">
      <c r="H107260" s="12"/>
    </row>
    <row r="107261" spans="8:8">
      <c r="H107261" s="12"/>
    </row>
    <row r="107262" spans="8:8">
      <c r="H107262" s="12"/>
    </row>
    <row r="107263" spans="8:8">
      <c r="H107263" s="12"/>
    </row>
    <row r="107264" spans="8:8">
      <c r="H107264" s="12"/>
    </row>
    <row r="107265" spans="8:8">
      <c r="H107265" s="12"/>
    </row>
    <row r="107266" spans="8:8">
      <c r="H107266" s="12"/>
    </row>
    <row r="107267" spans="8:8">
      <c r="H107267" s="12"/>
    </row>
    <row r="107268" spans="8:8">
      <c r="H107268" s="12"/>
    </row>
    <row r="107269" spans="8:8">
      <c r="H107269" s="12"/>
    </row>
    <row r="107270" spans="8:8">
      <c r="H107270" s="12"/>
    </row>
    <row r="107271" spans="8:8">
      <c r="H107271" s="12"/>
    </row>
    <row r="107272" spans="8:8">
      <c r="H107272" s="12"/>
    </row>
    <row r="107273" spans="8:8">
      <c r="H107273" s="12"/>
    </row>
    <row r="107274" spans="8:8">
      <c r="H107274" s="12"/>
    </row>
    <row r="107275" spans="8:8">
      <c r="H107275" s="12"/>
    </row>
    <row r="107276" spans="8:8">
      <c r="H107276" s="12"/>
    </row>
    <row r="107277" spans="8:8">
      <c r="H107277" s="12"/>
    </row>
    <row r="107278" spans="8:8">
      <c r="H107278" s="12"/>
    </row>
    <row r="107279" spans="8:8">
      <c r="H107279" s="12"/>
    </row>
    <row r="107280" spans="8:8">
      <c r="H107280" s="12"/>
    </row>
    <row r="107281" spans="8:8">
      <c r="H107281" s="12"/>
    </row>
    <row r="107282" spans="8:8">
      <c r="H107282" s="12"/>
    </row>
    <row r="107283" spans="8:8">
      <c r="H107283" s="12"/>
    </row>
    <row r="107284" spans="8:8">
      <c r="H107284" s="12"/>
    </row>
    <row r="107285" spans="8:8">
      <c r="H107285" s="12"/>
    </row>
    <row r="107286" spans="8:8">
      <c r="H107286" s="12"/>
    </row>
    <row r="107287" spans="8:8">
      <c r="H107287" s="12"/>
    </row>
    <row r="107288" spans="8:8">
      <c r="H107288" s="12"/>
    </row>
    <row r="107289" spans="8:8">
      <c r="H107289" s="12"/>
    </row>
    <row r="107290" spans="8:8">
      <c r="H107290" s="12"/>
    </row>
    <row r="107291" spans="8:8">
      <c r="H107291" s="12"/>
    </row>
    <row r="107292" spans="8:8">
      <c r="H107292" s="12"/>
    </row>
    <row r="107293" spans="8:8">
      <c r="H107293" s="12"/>
    </row>
    <row r="107294" spans="8:8">
      <c r="H107294" s="12"/>
    </row>
    <row r="107295" spans="8:8">
      <c r="H107295" s="12"/>
    </row>
    <row r="107296" spans="8:8">
      <c r="H107296" s="12"/>
    </row>
    <row r="107297" spans="8:8">
      <c r="H107297" s="12"/>
    </row>
    <row r="107298" spans="8:8">
      <c r="H107298" s="12"/>
    </row>
    <row r="107299" spans="8:8">
      <c r="H107299" s="12"/>
    </row>
    <row r="107300" spans="8:8">
      <c r="H107300" s="12"/>
    </row>
    <row r="107301" spans="8:8">
      <c r="H107301" s="12"/>
    </row>
    <row r="107302" spans="8:8">
      <c r="H107302" s="12"/>
    </row>
    <row r="107303" spans="8:8">
      <c r="H107303" s="12"/>
    </row>
    <row r="107304" spans="8:8">
      <c r="H107304" s="12"/>
    </row>
    <row r="107305" spans="8:8">
      <c r="H107305" s="12"/>
    </row>
    <row r="107306" spans="8:8">
      <c r="H107306" s="12"/>
    </row>
    <row r="107307" spans="8:8">
      <c r="H107307" s="12"/>
    </row>
    <row r="107308" spans="8:8">
      <c r="H107308" s="12"/>
    </row>
    <row r="107309" spans="8:8">
      <c r="H107309" s="12"/>
    </row>
    <row r="107310" spans="8:8">
      <c r="H107310" s="12"/>
    </row>
    <row r="107311" spans="8:8">
      <c r="H107311" s="12"/>
    </row>
    <row r="107312" spans="8:8">
      <c r="H107312" s="12"/>
    </row>
    <row r="107313" spans="8:8">
      <c r="H107313" s="12"/>
    </row>
    <row r="107314" spans="8:8">
      <c r="H107314" s="12"/>
    </row>
    <row r="107315" spans="8:8">
      <c r="H107315" s="12"/>
    </row>
    <row r="107316" spans="8:8">
      <c r="H107316" s="12"/>
    </row>
    <row r="107317" spans="8:8">
      <c r="H107317" s="12"/>
    </row>
    <row r="107318" spans="8:8">
      <c r="H107318" s="12"/>
    </row>
    <row r="107319" spans="8:8">
      <c r="H107319" s="12"/>
    </row>
    <row r="107320" spans="8:8">
      <c r="H107320" s="12"/>
    </row>
    <row r="107321" spans="8:8">
      <c r="H107321" s="12"/>
    </row>
    <row r="107322" spans="8:8">
      <c r="H107322" s="12"/>
    </row>
    <row r="107323" spans="8:8">
      <c r="H107323" s="12"/>
    </row>
    <row r="107324" spans="8:8">
      <c r="H107324" s="12"/>
    </row>
    <row r="107325" spans="8:8">
      <c r="H107325" s="12"/>
    </row>
    <row r="107326" spans="8:8">
      <c r="H107326" s="12"/>
    </row>
    <row r="107327" spans="8:8">
      <c r="H107327" s="12"/>
    </row>
    <row r="107328" spans="8:8">
      <c r="H107328" s="12"/>
    </row>
    <row r="107329" spans="8:8">
      <c r="H107329" s="12"/>
    </row>
    <row r="107330" spans="8:8">
      <c r="H107330" s="12"/>
    </row>
    <row r="107331" spans="8:8">
      <c r="H107331" s="12"/>
    </row>
    <row r="107332" spans="8:8">
      <c r="H107332" s="12"/>
    </row>
    <row r="107333" spans="8:8">
      <c r="H107333" s="12"/>
    </row>
    <row r="107334" spans="8:8">
      <c r="H107334" s="12"/>
    </row>
    <row r="107335" spans="8:8">
      <c r="H107335" s="12"/>
    </row>
    <row r="107336" spans="8:8">
      <c r="H107336" s="12"/>
    </row>
    <row r="107337" spans="8:8">
      <c r="H107337" s="12"/>
    </row>
    <row r="107338" spans="8:8">
      <c r="H107338" s="12"/>
    </row>
    <row r="107339" spans="8:8">
      <c r="H107339" s="12"/>
    </row>
    <row r="107340" spans="8:8">
      <c r="H107340" s="12"/>
    </row>
    <row r="107341" spans="8:8">
      <c r="H107341" s="12"/>
    </row>
    <row r="107342" spans="8:8">
      <c r="H107342" s="12"/>
    </row>
    <row r="107343" spans="8:8">
      <c r="H107343" s="12"/>
    </row>
    <row r="107344" spans="8:8">
      <c r="H107344" s="12"/>
    </row>
    <row r="107345" spans="8:8">
      <c r="H107345" s="12"/>
    </row>
    <row r="107346" spans="8:8">
      <c r="H107346" s="12"/>
    </row>
    <row r="107347" spans="8:8">
      <c r="H107347" s="12"/>
    </row>
    <row r="107348" spans="8:8">
      <c r="H107348" s="12"/>
    </row>
    <row r="107349" spans="8:8">
      <c r="H107349" s="12"/>
    </row>
    <row r="107350" spans="8:8">
      <c r="H107350" s="12"/>
    </row>
    <row r="107351" spans="8:8">
      <c r="H107351" s="12"/>
    </row>
    <row r="107352" spans="8:8">
      <c r="H107352" s="12"/>
    </row>
    <row r="107353" spans="8:8">
      <c r="H107353" s="12"/>
    </row>
    <row r="107354" spans="8:8">
      <c r="H107354" s="12"/>
    </row>
    <row r="107355" spans="8:8">
      <c r="H107355" s="12"/>
    </row>
    <row r="107356" spans="8:8">
      <c r="H107356" s="12"/>
    </row>
    <row r="107357" spans="8:8">
      <c r="H107357" s="12"/>
    </row>
    <row r="107358" spans="8:8">
      <c r="H107358" s="12"/>
    </row>
    <row r="107359" spans="8:8">
      <c r="H107359" s="12"/>
    </row>
    <row r="107360" spans="8:8">
      <c r="H107360" s="12"/>
    </row>
    <row r="107361" spans="8:8">
      <c r="H107361" s="12"/>
    </row>
    <row r="107362" spans="8:8">
      <c r="H107362" s="12"/>
    </row>
    <row r="107363" spans="8:8">
      <c r="H107363" s="12"/>
    </row>
    <row r="107364" spans="8:8">
      <c r="H107364" s="12"/>
    </row>
    <row r="107365" spans="8:8">
      <c r="H107365" s="12"/>
    </row>
    <row r="107366" spans="8:8">
      <c r="H107366" s="12"/>
    </row>
    <row r="107367" spans="8:8">
      <c r="H107367" s="12"/>
    </row>
    <row r="107368" spans="8:8">
      <c r="H107368" s="12"/>
    </row>
    <row r="107369" spans="8:8">
      <c r="H107369" s="12"/>
    </row>
    <row r="107370" spans="8:8">
      <c r="H107370" s="12"/>
    </row>
    <row r="107371" spans="8:8">
      <c r="H107371" s="12"/>
    </row>
    <row r="107372" spans="8:8">
      <c r="H107372" s="12"/>
    </row>
    <row r="107373" spans="8:8">
      <c r="H107373" s="12"/>
    </row>
    <row r="107374" spans="8:8">
      <c r="H107374" s="12"/>
    </row>
    <row r="107375" spans="8:8">
      <c r="H107375" s="12"/>
    </row>
    <row r="107376" spans="8:8">
      <c r="H107376" s="12"/>
    </row>
    <row r="107377" spans="8:8">
      <c r="H107377" s="12"/>
    </row>
    <row r="107378" spans="8:8">
      <c r="H107378" s="12"/>
    </row>
    <row r="107379" spans="8:8">
      <c r="H107379" s="12"/>
    </row>
    <row r="107380" spans="8:8">
      <c r="H107380" s="12"/>
    </row>
    <row r="107381" spans="8:8">
      <c r="H107381" s="12"/>
    </row>
    <row r="107382" spans="8:8">
      <c r="H107382" s="12"/>
    </row>
    <row r="107383" spans="8:8">
      <c r="H107383" s="12"/>
    </row>
    <row r="107384" spans="8:8">
      <c r="H107384" s="12"/>
    </row>
    <row r="107385" spans="8:8">
      <c r="H107385" s="12"/>
    </row>
    <row r="107386" spans="8:8">
      <c r="H107386" s="12"/>
    </row>
    <row r="107387" spans="8:8">
      <c r="H107387" s="12"/>
    </row>
    <row r="107388" spans="8:8">
      <c r="H107388" s="12"/>
    </row>
    <row r="107389" spans="8:8">
      <c r="H107389" s="12"/>
    </row>
    <row r="107390" spans="8:8">
      <c r="H107390" s="12"/>
    </row>
    <row r="107391" spans="8:8">
      <c r="H107391" s="12"/>
    </row>
    <row r="107392" spans="8:8">
      <c r="H107392" s="12"/>
    </row>
    <row r="107393" spans="8:8">
      <c r="H107393" s="12"/>
    </row>
    <row r="107394" spans="8:8">
      <c r="H107394" s="12"/>
    </row>
    <row r="107395" spans="8:8">
      <c r="H107395" s="12"/>
    </row>
    <row r="107396" spans="8:8">
      <c r="H107396" s="12"/>
    </row>
    <row r="107397" spans="8:8">
      <c r="H107397" s="12"/>
    </row>
    <row r="107398" spans="8:8">
      <c r="H107398" s="12"/>
    </row>
    <row r="107399" spans="8:8">
      <c r="H107399" s="12"/>
    </row>
    <row r="107400" spans="8:8">
      <c r="H107400" s="12"/>
    </row>
    <row r="107401" spans="8:8">
      <c r="H107401" s="12"/>
    </row>
    <row r="107402" spans="8:8">
      <c r="H107402" s="12"/>
    </row>
    <row r="107403" spans="8:8">
      <c r="H107403" s="12"/>
    </row>
    <row r="107404" spans="8:8">
      <c r="H107404" s="12"/>
    </row>
    <row r="107405" spans="8:8">
      <c r="H107405" s="12"/>
    </row>
    <row r="107406" spans="8:8">
      <c r="H107406" s="12"/>
    </row>
    <row r="107407" spans="8:8">
      <c r="H107407" s="12"/>
    </row>
    <row r="107408" spans="8:8">
      <c r="H107408" s="12"/>
    </row>
    <row r="107409" spans="8:8">
      <c r="H107409" s="12"/>
    </row>
    <row r="107410" spans="8:8">
      <c r="H107410" s="12"/>
    </row>
    <row r="107411" spans="8:8">
      <c r="H107411" s="12"/>
    </row>
    <row r="107412" spans="8:8">
      <c r="H107412" s="12"/>
    </row>
    <row r="107413" spans="8:8">
      <c r="H107413" s="12"/>
    </row>
    <row r="107414" spans="8:8">
      <c r="H107414" s="12"/>
    </row>
    <row r="107415" spans="8:8">
      <c r="H107415" s="12"/>
    </row>
    <row r="107416" spans="8:8">
      <c r="H107416" s="12"/>
    </row>
    <row r="107417" spans="8:8">
      <c r="H107417" s="12"/>
    </row>
    <row r="107418" spans="8:8">
      <c r="H107418" s="12"/>
    </row>
    <row r="107419" spans="8:8">
      <c r="H107419" s="12"/>
    </row>
    <row r="107420" spans="8:8">
      <c r="H107420" s="12"/>
    </row>
    <row r="107421" spans="8:8">
      <c r="H107421" s="12"/>
    </row>
    <row r="107422" spans="8:8">
      <c r="H107422" s="12"/>
    </row>
    <row r="107423" spans="8:8">
      <c r="H107423" s="12"/>
    </row>
    <row r="107424" spans="8:8">
      <c r="H107424" s="12"/>
    </row>
    <row r="107425" spans="8:8">
      <c r="H107425" s="12"/>
    </row>
    <row r="107426" spans="8:8">
      <c r="H107426" s="12"/>
    </row>
    <row r="107427" spans="8:8">
      <c r="H107427" s="12"/>
    </row>
    <row r="107428" spans="8:8">
      <c r="H107428" s="12"/>
    </row>
    <row r="107429" spans="8:8">
      <c r="H107429" s="12"/>
    </row>
    <row r="107430" spans="8:8">
      <c r="H107430" s="12"/>
    </row>
    <row r="107431" spans="8:8">
      <c r="H107431" s="12"/>
    </row>
    <row r="107432" spans="8:8">
      <c r="H107432" s="12"/>
    </row>
    <row r="107433" spans="8:8">
      <c r="H107433" s="12"/>
    </row>
    <row r="107434" spans="8:8">
      <c r="H107434" s="12"/>
    </row>
    <row r="107435" spans="8:8">
      <c r="H107435" s="12"/>
    </row>
    <row r="107436" spans="8:8">
      <c r="H107436" s="12"/>
    </row>
    <row r="107437" spans="8:8">
      <c r="H107437" s="12"/>
    </row>
    <row r="107438" spans="8:8">
      <c r="H107438" s="12"/>
    </row>
    <row r="107439" spans="8:8">
      <c r="H107439" s="12"/>
    </row>
    <row r="107440" spans="8:8">
      <c r="H107440" s="12"/>
    </row>
    <row r="107441" spans="8:8">
      <c r="H107441" s="12"/>
    </row>
    <row r="107442" spans="8:8">
      <c r="H107442" s="12"/>
    </row>
    <row r="107443" spans="8:8">
      <c r="H107443" s="12"/>
    </row>
    <row r="107444" spans="8:8">
      <c r="H107444" s="12"/>
    </row>
    <row r="107445" spans="8:8">
      <c r="H107445" s="12"/>
    </row>
    <row r="107446" spans="8:8">
      <c r="H107446" s="12"/>
    </row>
    <row r="107447" spans="8:8">
      <c r="H107447" s="12"/>
    </row>
    <row r="107448" spans="8:8">
      <c r="H107448" s="12"/>
    </row>
    <row r="107449" spans="8:8">
      <c r="H107449" s="12"/>
    </row>
    <row r="107450" spans="8:8">
      <c r="H107450" s="12"/>
    </row>
    <row r="107451" spans="8:8">
      <c r="H107451" s="12"/>
    </row>
    <row r="107452" spans="8:8">
      <c r="H107452" s="12"/>
    </row>
    <row r="107453" spans="8:8">
      <c r="H107453" s="12"/>
    </row>
    <row r="107454" spans="8:8">
      <c r="H107454" s="12"/>
    </row>
    <row r="107455" spans="8:8">
      <c r="H107455" s="12"/>
    </row>
    <row r="107456" spans="8:8">
      <c r="H107456" s="12"/>
    </row>
    <row r="107457" spans="8:8">
      <c r="H107457" s="12"/>
    </row>
    <row r="107458" spans="8:8">
      <c r="H107458" s="12"/>
    </row>
    <row r="107459" spans="8:8">
      <c r="H107459" s="12"/>
    </row>
    <row r="107460" spans="8:8">
      <c r="H107460" s="12"/>
    </row>
    <row r="107461" spans="8:8">
      <c r="H107461" s="12"/>
    </row>
    <row r="107462" spans="8:8">
      <c r="H107462" s="12"/>
    </row>
    <row r="107463" spans="8:8">
      <c r="H107463" s="12"/>
    </row>
    <row r="107464" spans="8:8">
      <c r="H107464" s="12"/>
    </row>
    <row r="107465" spans="8:8">
      <c r="H107465" s="12"/>
    </row>
    <row r="107466" spans="8:8">
      <c r="H107466" s="12"/>
    </row>
    <row r="107467" spans="8:8">
      <c r="H107467" s="12"/>
    </row>
    <row r="107468" spans="8:8">
      <c r="H107468" s="12"/>
    </row>
    <row r="107469" spans="8:8">
      <c r="H107469" s="12"/>
    </row>
    <row r="107470" spans="8:8">
      <c r="H107470" s="12"/>
    </row>
    <row r="107471" spans="8:8">
      <c r="H107471" s="12"/>
    </row>
    <row r="107472" spans="8:8">
      <c r="H107472" s="12"/>
    </row>
    <row r="107473" spans="8:8">
      <c r="H107473" s="12"/>
    </row>
    <row r="107474" spans="8:8">
      <c r="H107474" s="12"/>
    </row>
    <row r="107475" spans="8:8">
      <c r="H107475" s="12"/>
    </row>
    <row r="107476" spans="8:8">
      <c r="H107476" s="12"/>
    </row>
    <row r="107477" spans="8:8">
      <c r="H107477" s="12"/>
    </row>
    <row r="107478" spans="8:8">
      <c r="H107478" s="12"/>
    </row>
    <row r="107479" spans="8:8">
      <c r="H107479" s="12"/>
    </row>
    <row r="107480" spans="8:8">
      <c r="H107480" s="12"/>
    </row>
    <row r="107481" spans="8:8">
      <c r="H107481" s="12"/>
    </row>
    <row r="107482" spans="8:8">
      <c r="H107482" s="12"/>
    </row>
    <row r="107483" spans="8:8">
      <c r="H107483" s="12"/>
    </row>
    <row r="107484" spans="8:8">
      <c r="H107484" s="12"/>
    </row>
    <row r="107485" spans="8:8">
      <c r="H107485" s="12"/>
    </row>
    <row r="107486" spans="8:8">
      <c r="H107486" s="12"/>
    </row>
    <row r="107487" spans="8:8">
      <c r="H107487" s="12"/>
    </row>
    <row r="107488" spans="8:8">
      <c r="H107488" s="12"/>
    </row>
    <row r="107489" spans="8:8">
      <c r="H107489" s="12"/>
    </row>
    <row r="107490" spans="8:8">
      <c r="H107490" s="12"/>
    </row>
    <row r="107491" spans="8:8">
      <c r="H107491" s="12"/>
    </row>
    <row r="107492" spans="8:8">
      <c r="H107492" s="12"/>
    </row>
    <row r="107493" spans="8:8">
      <c r="H107493" s="12"/>
    </row>
    <row r="107494" spans="8:8">
      <c r="H107494" s="12"/>
    </row>
    <row r="107495" spans="8:8">
      <c r="H107495" s="12"/>
    </row>
    <row r="107496" spans="8:8">
      <c r="H107496" s="12"/>
    </row>
    <row r="107497" spans="8:8">
      <c r="H107497" s="12"/>
    </row>
    <row r="107498" spans="8:8">
      <c r="H107498" s="12"/>
    </row>
    <row r="107499" spans="8:8">
      <c r="H107499" s="12"/>
    </row>
    <row r="107500" spans="8:8">
      <c r="H107500" s="12"/>
    </row>
    <row r="107501" spans="8:8">
      <c r="H107501" s="12"/>
    </row>
    <row r="107502" spans="8:8">
      <c r="H107502" s="12"/>
    </row>
    <row r="107503" spans="8:8">
      <c r="H107503" s="12"/>
    </row>
    <row r="107504" spans="8:8">
      <c r="H107504" s="12"/>
    </row>
    <row r="107505" spans="8:8">
      <c r="H107505" s="12"/>
    </row>
    <row r="107506" spans="8:8">
      <c r="H107506" s="12"/>
    </row>
    <row r="107507" spans="8:8">
      <c r="H107507" s="12"/>
    </row>
    <row r="107508" spans="8:8">
      <c r="H107508" s="12"/>
    </row>
    <row r="107509" spans="8:8">
      <c r="H107509" s="12"/>
    </row>
    <row r="107510" spans="8:8">
      <c r="H107510" s="12"/>
    </row>
    <row r="107511" spans="8:8">
      <c r="H107511" s="12"/>
    </row>
    <row r="107512" spans="8:8">
      <c r="H107512" s="12"/>
    </row>
    <row r="107513" spans="8:8">
      <c r="H107513" s="12"/>
    </row>
    <row r="107514" spans="8:8">
      <c r="H107514" s="12"/>
    </row>
    <row r="107515" spans="8:8">
      <c r="H107515" s="12"/>
    </row>
    <row r="107516" spans="8:8">
      <c r="H107516" s="12"/>
    </row>
    <row r="107517" spans="8:8">
      <c r="H107517" s="12"/>
    </row>
    <row r="107518" spans="8:8">
      <c r="H107518" s="12"/>
    </row>
    <row r="107519" spans="8:8">
      <c r="H107519" s="12"/>
    </row>
    <row r="107520" spans="8:8">
      <c r="H107520" s="12"/>
    </row>
    <row r="107521" spans="8:8">
      <c r="H107521" s="12"/>
    </row>
    <row r="107522" spans="8:8">
      <c r="H107522" s="12"/>
    </row>
    <row r="107523" spans="8:8">
      <c r="H107523" s="12"/>
    </row>
    <row r="107524" spans="8:8">
      <c r="H107524" s="12"/>
    </row>
    <row r="107525" spans="8:8">
      <c r="H107525" s="12"/>
    </row>
    <row r="107526" spans="8:8">
      <c r="H107526" s="12"/>
    </row>
    <row r="107527" spans="8:8">
      <c r="H107527" s="12"/>
    </row>
    <row r="107528" spans="8:8">
      <c r="H107528" s="12"/>
    </row>
    <row r="107529" spans="8:8">
      <c r="H107529" s="12"/>
    </row>
    <row r="107530" spans="8:8">
      <c r="H107530" s="12"/>
    </row>
    <row r="107531" spans="8:8">
      <c r="H107531" s="12"/>
    </row>
    <row r="107532" spans="8:8">
      <c r="H107532" s="12"/>
    </row>
    <row r="107533" spans="8:8">
      <c r="H107533" s="12"/>
    </row>
    <row r="107534" spans="8:8">
      <c r="H107534" s="12"/>
    </row>
    <row r="107535" spans="8:8">
      <c r="H107535" s="12"/>
    </row>
    <row r="107536" spans="8:8">
      <c r="H107536" s="12"/>
    </row>
    <row r="107537" spans="8:8">
      <c r="H107537" s="12"/>
    </row>
    <row r="107538" spans="8:8">
      <c r="H107538" s="12"/>
    </row>
    <row r="107539" spans="8:8">
      <c r="H107539" s="12"/>
    </row>
    <row r="107540" spans="8:8">
      <c r="H107540" s="12"/>
    </row>
    <row r="107541" spans="8:8">
      <c r="H107541" s="12"/>
    </row>
    <row r="107542" spans="8:8">
      <c r="H107542" s="12"/>
    </row>
    <row r="107543" spans="8:8">
      <c r="H107543" s="12"/>
    </row>
    <row r="107544" spans="8:8">
      <c r="H107544" s="12"/>
    </row>
    <row r="107545" spans="8:8">
      <c r="H107545" s="12"/>
    </row>
    <row r="107546" spans="8:8">
      <c r="H107546" s="12"/>
    </row>
    <row r="107547" spans="8:8">
      <c r="H107547" s="12"/>
    </row>
    <row r="107548" spans="8:8">
      <c r="H107548" s="12"/>
    </row>
    <row r="107549" spans="8:8">
      <c r="H107549" s="12"/>
    </row>
    <row r="107550" spans="8:8">
      <c r="H107550" s="12"/>
    </row>
    <row r="107551" spans="8:8">
      <c r="H107551" s="12"/>
    </row>
    <row r="107552" spans="8:8">
      <c r="H107552" s="12"/>
    </row>
    <row r="107553" spans="8:8">
      <c r="H107553" s="12"/>
    </row>
    <row r="107554" spans="8:8">
      <c r="H107554" s="12"/>
    </row>
    <row r="107555" spans="8:8">
      <c r="H107555" s="12"/>
    </row>
    <row r="107556" spans="8:8">
      <c r="H107556" s="12"/>
    </row>
    <row r="107557" spans="8:8">
      <c r="H107557" s="12"/>
    </row>
    <row r="107558" spans="8:8">
      <c r="H107558" s="12"/>
    </row>
    <row r="107559" spans="8:8">
      <c r="H107559" s="12"/>
    </row>
    <row r="107560" spans="8:8">
      <c r="H107560" s="12"/>
    </row>
    <row r="107561" spans="8:8">
      <c r="H107561" s="12"/>
    </row>
    <row r="107562" spans="8:8">
      <c r="H107562" s="12"/>
    </row>
    <row r="107563" spans="8:8">
      <c r="H107563" s="12"/>
    </row>
    <row r="107564" spans="8:8">
      <c r="H107564" s="12"/>
    </row>
    <row r="107565" spans="8:8">
      <c r="H107565" s="12"/>
    </row>
    <row r="107566" spans="8:8">
      <c r="H107566" s="12"/>
    </row>
    <row r="107567" spans="8:8">
      <c r="H107567" s="12"/>
    </row>
    <row r="107568" spans="8:8">
      <c r="H107568" s="12"/>
    </row>
    <row r="107569" spans="8:8">
      <c r="H107569" s="12"/>
    </row>
    <row r="107570" spans="8:8">
      <c r="H107570" s="12"/>
    </row>
    <row r="107571" spans="8:8">
      <c r="H107571" s="12"/>
    </row>
    <row r="107572" spans="8:8">
      <c r="H107572" s="12"/>
    </row>
    <row r="107573" spans="8:8">
      <c r="H107573" s="12"/>
    </row>
    <row r="107574" spans="8:8">
      <c r="H107574" s="12"/>
    </row>
    <row r="107575" spans="8:8">
      <c r="H107575" s="12"/>
    </row>
    <row r="107576" spans="8:8">
      <c r="H107576" s="12"/>
    </row>
    <row r="107577" spans="8:8">
      <c r="H107577" s="12"/>
    </row>
    <row r="107578" spans="8:8">
      <c r="H107578" s="12"/>
    </row>
    <row r="107579" spans="8:8">
      <c r="H107579" s="12"/>
    </row>
    <row r="107580" spans="8:8">
      <c r="H107580" s="12"/>
    </row>
    <row r="107581" spans="8:8">
      <c r="H107581" s="12"/>
    </row>
    <row r="107582" spans="8:8">
      <c r="H107582" s="12"/>
    </row>
    <row r="107583" spans="8:8">
      <c r="H107583" s="12"/>
    </row>
    <row r="107584" spans="8:8">
      <c r="H107584" s="12"/>
    </row>
    <row r="107585" spans="8:8">
      <c r="H107585" s="12"/>
    </row>
    <row r="107586" spans="8:8">
      <c r="H107586" s="12"/>
    </row>
    <row r="107587" spans="8:8">
      <c r="H107587" s="12"/>
    </row>
    <row r="107588" spans="8:8">
      <c r="H107588" s="12"/>
    </row>
    <row r="107589" spans="8:8">
      <c r="H107589" s="12"/>
    </row>
    <row r="107590" spans="8:8">
      <c r="H107590" s="12"/>
    </row>
    <row r="107591" spans="8:8">
      <c r="H107591" s="12"/>
    </row>
    <row r="107592" spans="8:8">
      <c r="H107592" s="12"/>
    </row>
    <row r="107593" spans="8:8">
      <c r="H107593" s="12"/>
    </row>
    <row r="107594" spans="8:8">
      <c r="H107594" s="12"/>
    </row>
    <row r="107595" spans="8:8">
      <c r="H107595" s="12"/>
    </row>
    <row r="107596" spans="8:8">
      <c r="H107596" s="12"/>
    </row>
    <row r="107597" spans="8:8">
      <c r="H107597" s="12"/>
    </row>
    <row r="107598" spans="8:8">
      <c r="H107598" s="12"/>
    </row>
    <row r="107599" spans="8:8">
      <c r="H107599" s="12"/>
    </row>
    <row r="107600" spans="8:8">
      <c r="H107600" s="12"/>
    </row>
    <row r="107601" spans="8:8">
      <c r="H107601" s="12"/>
    </row>
    <row r="107602" spans="8:8">
      <c r="H107602" s="12"/>
    </row>
    <row r="107603" spans="8:8">
      <c r="H107603" s="12"/>
    </row>
    <row r="107604" spans="8:8">
      <c r="H107604" s="12"/>
    </row>
    <row r="107605" spans="8:8">
      <c r="H107605" s="12"/>
    </row>
    <row r="107606" spans="8:8">
      <c r="H107606" s="12"/>
    </row>
    <row r="107607" spans="8:8">
      <c r="H107607" s="12"/>
    </row>
    <row r="107608" spans="8:8">
      <c r="H107608" s="12"/>
    </row>
    <row r="107609" spans="8:8">
      <c r="H107609" s="12"/>
    </row>
    <row r="107610" spans="8:8">
      <c r="H107610" s="12"/>
    </row>
    <row r="107611" spans="8:8">
      <c r="H107611" s="12"/>
    </row>
    <row r="107612" spans="8:8">
      <c r="H107612" s="12"/>
    </row>
    <row r="107613" spans="8:8">
      <c r="H107613" s="12"/>
    </row>
    <row r="107614" spans="8:8">
      <c r="H107614" s="12"/>
    </row>
    <row r="107615" spans="8:8">
      <c r="H107615" s="12"/>
    </row>
    <row r="107616" spans="8:8">
      <c r="H107616" s="12"/>
    </row>
    <row r="107617" spans="8:8">
      <c r="H107617" s="12"/>
    </row>
    <row r="107618" spans="8:8">
      <c r="H107618" s="12"/>
    </row>
    <row r="107619" spans="8:8">
      <c r="H107619" s="12"/>
    </row>
    <row r="107620" spans="8:8">
      <c r="H107620" s="12"/>
    </row>
    <row r="107621" spans="8:8">
      <c r="H107621" s="12"/>
    </row>
    <row r="107622" spans="8:8">
      <c r="H107622" s="12"/>
    </row>
    <row r="107623" spans="8:8">
      <c r="H107623" s="12"/>
    </row>
    <row r="107624" spans="8:8">
      <c r="H107624" s="12"/>
    </row>
    <row r="107625" spans="8:8">
      <c r="H107625" s="12"/>
    </row>
    <row r="107626" spans="8:8">
      <c r="H107626" s="12"/>
    </row>
    <row r="107627" spans="8:8">
      <c r="H107627" s="12"/>
    </row>
    <row r="107628" spans="8:8">
      <c r="H107628" s="12"/>
    </row>
    <row r="107629" spans="8:8">
      <c r="H107629" s="12"/>
    </row>
    <row r="107630" spans="8:8">
      <c r="H107630" s="12"/>
    </row>
    <row r="107631" spans="8:8">
      <c r="H107631" s="12"/>
    </row>
    <row r="107632" spans="8:8">
      <c r="H107632" s="12"/>
    </row>
    <row r="107633" spans="8:8">
      <c r="H107633" s="12"/>
    </row>
    <row r="107634" spans="8:8">
      <c r="H107634" s="12"/>
    </row>
    <row r="107635" spans="8:8">
      <c r="H107635" s="12"/>
    </row>
    <row r="107636" spans="8:8">
      <c r="H107636" s="12"/>
    </row>
    <row r="107637" spans="8:8">
      <c r="H107637" s="12"/>
    </row>
    <row r="107638" spans="8:8">
      <c r="H107638" s="12"/>
    </row>
    <row r="107639" spans="8:8">
      <c r="H107639" s="12"/>
    </row>
    <row r="107640" spans="8:8">
      <c r="H107640" s="12"/>
    </row>
    <row r="107641" spans="8:8">
      <c r="H107641" s="12"/>
    </row>
    <row r="107642" spans="8:8">
      <c r="H107642" s="12"/>
    </row>
    <row r="107643" spans="8:8">
      <c r="H107643" s="12"/>
    </row>
    <row r="107644" spans="8:8">
      <c r="H107644" s="12"/>
    </row>
    <row r="107645" spans="8:8">
      <c r="H107645" s="12"/>
    </row>
    <row r="107646" spans="8:8">
      <c r="H107646" s="12"/>
    </row>
    <row r="107647" spans="8:8">
      <c r="H107647" s="12"/>
    </row>
    <row r="107648" spans="8:8">
      <c r="H107648" s="12"/>
    </row>
    <row r="107649" spans="8:8">
      <c r="H107649" s="12"/>
    </row>
    <row r="107650" spans="8:8">
      <c r="H107650" s="12"/>
    </row>
    <row r="107651" spans="8:8">
      <c r="H107651" s="12"/>
    </row>
    <row r="107652" spans="8:8">
      <c r="H107652" s="12"/>
    </row>
    <row r="107653" spans="8:8">
      <c r="H107653" s="12"/>
    </row>
    <row r="107654" spans="8:8">
      <c r="H107654" s="12"/>
    </row>
    <row r="107655" spans="8:8">
      <c r="H107655" s="12"/>
    </row>
    <row r="107656" spans="8:8">
      <c r="H107656" s="12"/>
    </row>
    <row r="107657" spans="8:8">
      <c r="H107657" s="12"/>
    </row>
    <row r="107658" spans="8:8">
      <c r="H107658" s="12"/>
    </row>
    <row r="107659" spans="8:8">
      <c r="H107659" s="12"/>
    </row>
    <row r="107660" spans="8:8">
      <c r="H107660" s="12"/>
    </row>
    <row r="107661" spans="8:8">
      <c r="H107661" s="12"/>
    </row>
    <row r="107662" spans="8:8">
      <c r="H107662" s="12"/>
    </row>
    <row r="107663" spans="8:8">
      <c r="H107663" s="12"/>
    </row>
    <row r="107664" spans="8:8">
      <c r="H107664" s="12"/>
    </row>
    <row r="107665" spans="8:8">
      <c r="H107665" s="12"/>
    </row>
    <row r="107666" spans="8:8">
      <c r="H107666" s="12"/>
    </row>
    <row r="107667" spans="8:8">
      <c r="H107667" s="12"/>
    </row>
    <row r="107668" spans="8:8">
      <c r="H107668" s="12"/>
    </row>
    <row r="107669" spans="8:8">
      <c r="H107669" s="12"/>
    </row>
    <row r="107670" spans="8:8">
      <c r="H107670" s="12"/>
    </row>
    <row r="107671" spans="8:8">
      <c r="H107671" s="12"/>
    </row>
    <row r="107672" spans="8:8">
      <c r="H107672" s="12"/>
    </row>
    <row r="107673" spans="8:8">
      <c r="H107673" s="12"/>
    </row>
    <row r="107674" spans="8:8">
      <c r="H107674" s="12"/>
    </row>
    <row r="107675" spans="8:8">
      <c r="H107675" s="12"/>
    </row>
    <row r="107676" spans="8:8">
      <c r="H107676" s="12"/>
    </row>
    <row r="107677" spans="8:8">
      <c r="H107677" s="12"/>
    </row>
    <row r="107678" spans="8:8">
      <c r="H107678" s="12"/>
    </row>
    <row r="107679" spans="8:8">
      <c r="H107679" s="12"/>
    </row>
    <row r="107680" spans="8:8">
      <c r="H107680" s="12"/>
    </row>
    <row r="107681" spans="8:8">
      <c r="H107681" s="12"/>
    </row>
    <row r="107682" spans="8:8">
      <c r="H107682" s="12"/>
    </row>
    <row r="107683" spans="8:8">
      <c r="H107683" s="12"/>
    </row>
    <row r="107684" spans="8:8">
      <c r="H107684" s="12"/>
    </row>
    <row r="107685" spans="8:8">
      <c r="H107685" s="12"/>
    </row>
    <row r="107686" spans="8:8">
      <c r="H107686" s="12"/>
    </row>
    <row r="107687" spans="8:8">
      <c r="H107687" s="12"/>
    </row>
    <row r="107688" spans="8:8">
      <c r="H107688" s="12"/>
    </row>
    <row r="107689" spans="8:8">
      <c r="H107689" s="12"/>
    </row>
    <row r="107690" spans="8:8">
      <c r="H107690" s="12"/>
    </row>
    <row r="107691" spans="8:8">
      <c r="H107691" s="12"/>
    </row>
    <row r="107692" spans="8:8">
      <c r="H107692" s="12"/>
    </row>
    <row r="107693" spans="8:8">
      <c r="H107693" s="12"/>
    </row>
    <row r="107694" spans="8:8">
      <c r="H107694" s="12"/>
    </row>
    <row r="107695" spans="8:8">
      <c r="H107695" s="12"/>
    </row>
    <row r="107696" spans="8:8">
      <c r="H107696" s="12"/>
    </row>
    <row r="107697" spans="8:8">
      <c r="H107697" s="12"/>
    </row>
    <row r="107698" spans="8:8">
      <c r="H107698" s="12"/>
    </row>
    <row r="107699" spans="8:8">
      <c r="H107699" s="12"/>
    </row>
    <row r="107700" spans="8:8">
      <c r="H107700" s="12"/>
    </row>
    <row r="107701" spans="8:8">
      <c r="H107701" s="12"/>
    </row>
    <row r="107702" spans="8:8">
      <c r="H107702" s="12"/>
    </row>
    <row r="107703" spans="8:8">
      <c r="H107703" s="12"/>
    </row>
    <row r="107704" spans="8:8">
      <c r="H107704" s="12"/>
    </row>
    <row r="107705" spans="8:8">
      <c r="H107705" s="12"/>
    </row>
    <row r="107706" spans="8:8">
      <c r="H107706" s="12"/>
    </row>
    <row r="107707" spans="8:8">
      <c r="H107707" s="12"/>
    </row>
    <row r="107708" spans="8:8">
      <c r="H107708" s="12"/>
    </row>
    <row r="107709" spans="8:8">
      <c r="H107709" s="12"/>
    </row>
    <row r="107710" spans="8:8">
      <c r="H107710" s="12"/>
    </row>
    <row r="107711" spans="8:8">
      <c r="H107711" s="12"/>
    </row>
    <row r="107712" spans="8:8">
      <c r="H107712" s="12"/>
    </row>
    <row r="107713" spans="8:8">
      <c r="H107713" s="12"/>
    </row>
    <row r="107714" spans="8:8">
      <c r="H107714" s="12"/>
    </row>
    <row r="107715" spans="8:8">
      <c r="H107715" s="12"/>
    </row>
    <row r="107716" spans="8:8">
      <c r="H107716" s="12"/>
    </row>
    <row r="107717" spans="8:8">
      <c r="H107717" s="12"/>
    </row>
    <row r="107718" spans="8:8">
      <c r="H107718" s="12"/>
    </row>
    <row r="107719" spans="8:8">
      <c r="H107719" s="12"/>
    </row>
    <row r="107720" spans="8:8">
      <c r="H107720" s="12"/>
    </row>
    <row r="107721" spans="8:8">
      <c r="H107721" s="12"/>
    </row>
    <row r="107722" spans="8:8">
      <c r="H107722" s="12"/>
    </row>
    <row r="107723" spans="8:8">
      <c r="H107723" s="12"/>
    </row>
    <row r="107724" spans="8:8">
      <c r="H107724" s="12"/>
    </row>
    <row r="107725" spans="8:8">
      <c r="H107725" s="12"/>
    </row>
    <row r="107726" spans="8:8">
      <c r="H107726" s="12"/>
    </row>
    <row r="107727" spans="8:8">
      <c r="H107727" s="12"/>
    </row>
    <row r="107728" spans="8:8">
      <c r="H107728" s="12"/>
    </row>
    <row r="107729" spans="8:8">
      <c r="H107729" s="12"/>
    </row>
    <row r="107730" spans="8:8">
      <c r="H107730" s="12"/>
    </row>
    <row r="107731" spans="8:8">
      <c r="H107731" s="12"/>
    </row>
    <row r="107732" spans="8:8">
      <c r="H107732" s="12"/>
    </row>
    <row r="107733" spans="8:8">
      <c r="H107733" s="12"/>
    </row>
    <row r="107734" spans="8:8">
      <c r="H107734" s="12"/>
    </row>
    <row r="107735" spans="8:8">
      <c r="H107735" s="12"/>
    </row>
    <row r="107736" spans="8:8">
      <c r="H107736" s="12"/>
    </row>
    <row r="107737" spans="8:8">
      <c r="H107737" s="12"/>
    </row>
    <row r="107738" spans="8:8">
      <c r="H107738" s="12"/>
    </row>
    <row r="107739" spans="8:8">
      <c r="H107739" s="12"/>
    </row>
    <row r="107740" spans="8:8">
      <c r="H107740" s="12"/>
    </row>
    <row r="107741" spans="8:8">
      <c r="H107741" s="12"/>
    </row>
    <row r="107742" spans="8:8">
      <c r="H107742" s="12"/>
    </row>
    <row r="107743" spans="8:8">
      <c r="H107743" s="12"/>
    </row>
    <row r="107744" spans="8:8">
      <c r="H107744" s="12"/>
    </row>
    <row r="107745" spans="8:8">
      <c r="H107745" s="12"/>
    </row>
    <row r="107746" spans="8:8">
      <c r="H107746" s="12"/>
    </row>
    <row r="107747" spans="8:8">
      <c r="H107747" s="12"/>
    </row>
    <row r="107748" spans="8:8">
      <c r="H107748" s="12"/>
    </row>
    <row r="107749" spans="8:8">
      <c r="H107749" s="12"/>
    </row>
    <row r="107750" spans="8:8">
      <c r="H107750" s="12"/>
    </row>
    <row r="107751" spans="8:8">
      <c r="H107751" s="12"/>
    </row>
    <row r="107752" spans="8:8">
      <c r="H107752" s="12"/>
    </row>
    <row r="107753" spans="8:8">
      <c r="H107753" s="12"/>
    </row>
    <row r="107754" spans="8:8">
      <c r="H107754" s="12"/>
    </row>
    <row r="107755" spans="8:8">
      <c r="H107755" s="12"/>
    </row>
    <row r="107756" spans="8:8">
      <c r="H107756" s="12"/>
    </row>
    <row r="107757" spans="8:8">
      <c r="H107757" s="12"/>
    </row>
    <row r="107758" spans="8:8">
      <c r="H107758" s="12"/>
    </row>
    <row r="107759" spans="8:8">
      <c r="H107759" s="12"/>
    </row>
    <row r="107760" spans="8:8">
      <c r="H107760" s="12"/>
    </row>
    <row r="107761" spans="8:8">
      <c r="H107761" s="12"/>
    </row>
    <row r="107762" spans="8:8">
      <c r="H107762" s="12"/>
    </row>
    <row r="107763" spans="8:8">
      <c r="H107763" s="12"/>
    </row>
    <row r="107764" spans="8:8">
      <c r="H107764" s="12"/>
    </row>
    <row r="107765" spans="8:8">
      <c r="H107765" s="12"/>
    </row>
    <row r="107766" spans="8:8">
      <c r="H107766" s="12"/>
    </row>
    <row r="107767" spans="8:8">
      <c r="H107767" s="12"/>
    </row>
    <row r="107768" spans="8:8">
      <c r="H107768" s="12"/>
    </row>
    <row r="107769" spans="8:8">
      <c r="H107769" s="12"/>
    </row>
    <row r="107770" spans="8:8">
      <c r="H107770" s="12"/>
    </row>
    <row r="107771" spans="8:8">
      <c r="H107771" s="12"/>
    </row>
    <row r="107772" spans="8:8">
      <c r="H107772" s="12"/>
    </row>
    <row r="107773" spans="8:8">
      <c r="H107773" s="12"/>
    </row>
    <row r="107774" spans="8:8">
      <c r="H107774" s="12"/>
    </row>
    <row r="107775" spans="8:8">
      <c r="H107775" s="12"/>
    </row>
    <row r="107776" spans="8:8">
      <c r="H107776" s="12"/>
    </row>
    <row r="107777" spans="8:8">
      <c r="H107777" s="12"/>
    </row>
    <row r="107778" spans="8:8">
      <c r="H107778" s="12"/>
    </row>
    <row r="107779" spans="8:8">
      <c r="H107779" s="12"/>
    </row>
    <row r="107780" spans="8:8">
      <c r="H107780" s="12"/>
    </row>
    <row r="107781" spans="8:8">
      <c r="H107781" s="12"/>
    </row>
    <row r="107782" spans="8:8">
      <c r="H107782" s="12"/>
    </row>
    <row r="107783" spans="8:8">
      <c r="H107783" s="12"/>
    </row>
    <row r="107784" spans="8:8">
      <c r="H107784" s="12"/>
    </row>
    <row r="107785" spans="8:8">
      <c r="H107785" s="12"/>
    </row>
    <row r="107786" spans="8:8">
      <c r="H107786" s="12"/>
    </row>
    <row r="107787" spans="8:8">
      <c r="H107787" s="12"/>
    </row>
    <row r="107788" spans="8:8">
      <c r="H107788" s="12"/>
    </row>
    <row r="107789" spans="8:8">
      <c r="H107789" s="12"/>
    </row>
    <row r="107790" spans="8:8">
      <c r="H107790" s="12"/>
    </row>
    <row r="107791" spans="8:8">
      <c r="H107791" s="12"/>
    </row>
    <row r="107792" spans="8:8">
      <c r="H107792" s="12"/>
    </row>
    <row r="107793" spans="8:8">
      <c r="H107793" s="12"/>
    </row>
    <row r="107794" spans="8:8">
      <c r="H107794" s="12"/>
    </row>
    <row r="107795" spans="8:8">
      <c r="H107795" s="12"/>
    </row>
    <row r="107796" spans="8:8">
      <c r="H107796" s="12"/>
    </row>
    <row r="107797" spans="8:8">
      <c r="H107797" s="12"/>
    </row>
    <row r="107798" spans="8:8">
      <c r="H107798" s="12"/>
    </row>
    <row r="107799" spans="8:8">
      <c r="H107799" s="12"/>
    </row>
    <row r="107800" spans="8:8">
      <c r="H107800" s="12"/>
    </row>
    <row r="107801" spans="8:8">
      <c r="H107801" s="12"/>
    </row>
    <row r="107802" spans="8:8">
      <c r="H107802" s="12"/>
    </row>
    <row r="107803" spans="8:8">
      <c r="H107803" s="12"/>
    </row>
    <row r="107804" spans="8:8">
      <c r="H107804" s="12"/>
    </row>
    <row r="107805" spans="8:8">
      <c r="H107805" s="12"/>
    </row>
    <row r="107806" spans="8:8">
      <c r="H107806" s="12"/>
    </row>
    <row r="107807" spans="8:8">
      <c r="H107807" s="12"/>
    </row>
    <row r="107808" spans="8:8">
      <c r="H107808" s="12"/>
    </row>
    <row r="107809" spans="8:8">
      <c r="H107809" s="12"/>
    </row>
    <row r="107810" spans="8:8">
      <c r="H107810" s="12"/>
    </row>
    <row r="107811" spans="8:8">
      <c r="H107811" s="12"/>
    </row>
    <row r="107812" spans="8:8">
      <c r="H107812" s="12"/>
    </row>
    <row r="107813" spans="8:8">
      <c r="H107813" s="12"/>
    </row>
    <row r="107814" spans="8:8">
      <c r="H107814" s="12"/>
    </row>
    <row r="107815" spans="8:8">
      <c r="H107815" s="12"/>
    </row>
    <row r="107816" spans="8:8">
      <c r="H107816" s="12"/>
    </row>
    <row r="107817" spans="8:8">
      <c r="H107817" s="12"/>
    </row>
    <row r="107818" spans="8:8">
      <c r="H107818" s="12"/>
    </row>
    <row r="107819" spans="8:8">
      <c r="H107819" s="12"/>
    </row>
    <row r="107820" spans="8:8">
      <c r="H107820" s="12"/>
    </row>
    <row r="107821" spans="8:8">
      <c r="H107821" s="12"/>
    </row>
    <row r="107822" spans="8:8">
      <c r="H107822" s="12"/>
    </row>
    <row r="107823" spans="8:8">
      <c r="H107823" s="12"/>
    </row>
    <row r="107824" spans="8:8">
      <c r="H107824" s="12"/>
    </row>
    <row r="107825" spans="8:8">
      <c r="H107825" s="12"/>
    </row>
    <row r="107826" spans="8:8">
      <c r="H107826" s="12"/>
    </row>
    <row r="107827" spans="8:8">
      <c r="H107827" s="12"/>
    </row>
    <row r="107828" spans="8:8">
      <c r="H107828" s="12"/>
    </row>
    <row r="107829" spans="8:8">
      <c r="H107829" s="12"/>
    </row>
    <row r="107830" spans="8:8">
      <c r="H107830" s="12"/>
    </row>
    <row r="107831" spans="8:8">
      <c r="H107831" s="12"/>
    </row>
    <row r="107832" spans="8:8">
      <c r="H107832" s="12"/>
    </row>
    <row r="107833" spans="8:8">
      <c r="H107833" s="12"/>
    </row>
    <row r="107834" spans="8:8">
      <c r="H107834" s="12"/>
    </row>
    <row r="107835" spans="8:8">
      <c r="H107835" s="12"/>
    </row>
    <row r="107836" spans="8:8">
      <c r="H107836" s="12"/>
    </row>
    <row r="107837" spans="8:8">
      <c r="H107837" s="12"/>
    </row>
    <row r="107838" spans="8:8">
      <c r="H107838" s="12"/>
    </row>
    <row r="107839" spans="8:8">
      <c r="H107839" s="12"/>
    </row>
    <row r="107840" spans="8:8">
      <c r="H107840" s="12"/>
    </row>
    <row r="107841" spans="8:8">
      <c r="H107841" s="12"/>
    </row>
    <row r="107842" spans="8:8">
      <c r="H107842" s="12"/>
    </row>
    <row r="107843" spans="8:8">
      <c r="H107843" s="12"/>
    </row>
    <row r="107844" spans="8:8">
      <c r="H107844" s="12"/>
    </row>
    <row r="107845" spans="8:8">
      <c r="H107845" s="12"/>
    </row>
    <row r="107846" spans="8:8">
      <c r="H107846" s="12"/>
    </row>
    <row r="107847" spans="8:8">
      <c r="H107847" s="12"/>
    </row>
    <row r="107848" spans="8:8">
      <c r="H107848" s="12"/>
    </row>
    <row r="107849" spans="8:8">
      <c r="H107849" s="12"/>
    </row>
    <row r="107850" spans="8:8">
      <c r="H107850" s="12"/>
    </row>
    <row r="107851" spans="8:8">
      <c r="H107851" s="12"/>
    </row>
    <row r="107852" spans="8:8">
      <c r="H107852" s="12"/>
    </row>
    <row r="107853" spans="8:8">
      <c r="H107853" s="12"/>
    </row>
    <row r="107854" spans="8:8">
      <c r="H107854" s="12"/>
    </row>
    <row r="107855" spans="8:8">
      <c r="H107855" s="12"/>
    </row>
    <row r="107856" spans="8:8">
      <c r="H107856" s="12"/>
    </row>
    <row r="107857" spans="8:8">
      <c r="H107857" s="12"/>
    </row>
    <row r="107858" spans="8:8">
      <c r="H107858" s="12"/>
    </row>
    <row r="107859" spans="8:8">
      <c r="H107859" s="12"/>
    </row>
    <row r="107860" spans="8:8">
      <c r="H107860" s="12"/>
    </row>
    <row r="107861" spans="8:8">
      <c r="H107861" s="12"/>
    </row>
    <row r="107862" spans="8:8">
      <c r="H107862" s="12"/>
    </row>
    <row r="107863" spans="8:8">
      <c r="H107863" s="12"/>
    </row>
    <row r="107864" spans="8:8">
      <c r="H107864" s="12"/>
    </row>
    <row r="107865" spans="8:8">
      <c r="H107865" s="12"/>
    </row>
    <row r="107866" spans="8:8">
      <c r="H107866" s="12"/>
    </row>
    <row r="107867" spans="8:8">
      <c r="H107867" s="12"/>
    </row>
    <row r="107868" spans="8:8">
      <c r="H107868" s="12"/>
    </row>
    <row r="107869" spans="8:8">
      <c r="H107869" s="12"/>
    </row>
    <row r="107870" spans="8:8">
      <c r="H107870" s="12"/>
    </row>
    <row r="107871" spans="8:8">
      <c r="H107871" s="12"/>
    </row>
    <row r="107872" spans="8:8">
      <c r="H107872" s="12"/>
    </row>
    <row r="107873" spans="8:8">
      <c r="H107873" s="12"/>
    </row>
    <row r="107874" spans="8:8">
      <c r="H107874" s="12"/>
    </row>
    <row r="107875" spans="8:8">
      <c r="H107875" s="12"/>
    </row>
    <row r="107876" spans="8:8">
      <c r="H107876" s="12"/>
    </row>
    <row r="107877" spans="8:8">
      <c r="H107877" s="12"/>
    </row>
    <row r="107878" spans="8:8">
      <c r="H107878" s="12"/>
    </row>
    <row r="107879" spans="8:8">
      <c r="H107879" s="12"/>
    </row>
    <row r="107880" spans="8:8">
      <c r="H107880" s="12"/>
    </row>
    <row r="107881" spans="8:8">
      <c r="H107881" s="12"/>
    </row>
    <row r="107882" spans="8:8">
      <c r="H107882" s="12"/>
    </row>
    <row r="107883" spans="8:8">
      <c r="H107883" s="12"/>
    </row>
    <row r="107884" spans="8:8">
      <c r="H107884" s="12"/>
    </row>
    <row r="107885" spans="8:8">
      <c r="H107885" s="12"/>
    </row>
    <row r="107886" spans="8:8">
      <c r="H107886" s="12"/>
    </row>
    <row r="107887" spans="8:8">
      <c r="H107887" s="12"/>
    </row>
    <row r="107888" spans="8:8">
      <c r="H107888" s="12"/>
    </row>
    <row r="107889" spans="8:8">
      <c r="H107889" s="12"/>
    </row>
    <row r="107890" spans="8:8">
      <c r="H107890" s="12"/>
    </row>
    <row r="107891" spans="8:8">
      <c r="H107891" s="12"/>
    </row>
    <row r="107892" spans="8:8">
      <c r="H107892" s="12"/>
    </row>
    <row r="107893" spans="8:8">
      <c r="H107893" s="12"/>
    </row>
    <row r="107894" spans="8:8">
      <c r="H107894" s="12"/>
    </row>
    <row r="107895" spans="8:8">
      <c r="H107895" s="12"/>
    </row>
    <row r="107896" spans="8:8">
      <c r="H107896" s="12"/>
    </row>
    <row r="107897" spans="8:8">
      <c r="H107897" s="12"/>
    </row>
    <row r="107898" spans="8:8">
      <c r="H107898" s="12"/>
    </row>
    <row r="107899" spans="8:8">
      <c r="H107899" s="12"/>
    </row>
    <row r="107900" spans="8:8">
      <c r="H107900" s="12"/>
    </row>
    <row r="107901" spans="8:8">
      <c r="H107901" s="12"/>
    </row>
    <row r="107902" spans="8:8">
      <c r="H107902" s="12"/>
    </row>
    <row r="107903" spans="8:8">
      <c r="H107903" s="12"/>
    </row>
    <row r="107904" spans="8:8">
      <c r="H107904" s="12"/>
    </row>
    <row r="107905" spans="8:8">
      <c r="H107905" s="12"/>
    </row>
    <row r="107906" spans="8:8">
      <c r="H107906" s="12"/>
    </row>
    <row r="107907" spans="8:8">
      <c r="H107907" s="12"/>
    </row>
    <row r="107908" spans="8:8">
      <c r="H107908" s="12"/>
    </row>
    <row r="107909" spans="8:8">
      <c r="H107909" s="12"/>
    </row>
    <row r="107910" spans="8:8">
      <c r="H107910" s="12"/>
    </row>
    <row r="107911" spans="8:8">
      <c r="H107911" s="12"/>
    </row>
    <row r="107912" spans="8:8">
      <c r="H107912" s="12"/>
    </row>
    <row r="107913" spans="8:8">
      <c r="H107913" s="12"/>
    </row>
    <row r="107914" spans="8:8">
      <c r="H107914" s="12"/>
    </row>
    <row r="107915" spans="8:8">
      <c r="H107915" s="12"/>
    </row>
    <row r="107916" spans="8:8">
      <c r="H107916" s="12"/>
    </row>
    <row r="107917" spans="8:8">
      <c r="H107917" s="12"/>
    </row>
    <row r="107918" spans="8:8">
      <c r="H107918" s="12"/>
    </row>
    <row r="107919" spans="8:8">
      <c r="H107919" s="12"/>
    </row>
    <row r="107920" spans="8:8">
      <c r="H107920" s="12"/>
    </row>
    <row r="107921" spans="8:8">
      <c r="H107921" s="12"/>
    </row>
    <row r="107922" spans="8:8">
      <c r="H107922" s="12"/>
    </row>
    <row r="107923" spans="8:8">
      <c r="H107923" s="12"/>
    </row>
    <row r="107924" spans="8:8">
      <c r="H107924" s="12"/>
    </row>
    <row r="107925" spans="8:8">
      <c r="H107925" s="12"/>
    </row>
    <row r="107926" spans="8:8">
      <c r="H107926" s="12"/>
    </row>
    <row r="107927" spans="8:8">
      <c r="H107927" s="12"/>
    </row>
    <row r="107928" spans="8:8">
      <c r="H107928" s="12"/>
    </row>
    <row r="107929" spans="8:8">
      <c r="H107929" s="12"/>
    </row>
    <row r="107930" spans="8:8">
      <c r="H107930" s="12"/>
    </row>
    <row r="107931" spans="8:8">
      <c r="H107931" s="12"/>
    </row>
    <row r="107932" spans="8:8">
      <c r="H107932" s="12"/>
    </row>
    <row r="107933" spans="8:8">
      <c r="H107933" s="12"/>
    </row>
    <row r="107934" spans="8:8">
      <c r="H107934" s="12"/>
    </row>
    <row r="107935" spans="8:8">
      <c r="H107935" s="12"/>
    </row>
    <row r="107936" spans="8:8">
      <c r="H107936" s="12"/>
    </row>
    <row r="107937" spans="8:8">
      <c r="H107937" s="12"/>
    </row>
    <row r="107938" spans="8:8">
      <c r="H107938" s="12"/>
    </row>
    <row r="107939" spans="8:8">
      <c r="H107939" s="12"/>
    </row>
    <row r="107940" spans="8:8">
      <c r="H107940" s="12"/>
    </row>
    <row r="107941" spans="8:8">
      <c r="H107941" s="12"/>
    </row>
    <row r="107942" spans="8:8">
      <c r="H107942" s="12"/>
    </row>
    <row r="107943" spans="8:8">
      <c r="H107943" s="12"/>
    </row>
    <row r="107944" spans="8:8">
      <c r="H107944" s="12"/>
    </row>
    <row r="107945" spans="8:8">
      <c r="H107945" s="12"/>
    </row>
    <row r="107946" spans="8:8">
      <c r="H107946" s="12"/>
    </row>
    <row r="107947" spans="8:8">
      <c r="H107947" s="12"/>
    </row>
    <row r="107948" spans="8:8">
      <c r="H107948" s="12"/>
    </row>
    <row r="107949" spans="8:8">
      <c r="H107949" s="12"/>
    </row>
    <row r="107950" spans="8:8">
      <c r="H107950" s="12"/>
    </row>
    <row r="107951" spans="8:8">
      <c r="H107951" s="12"/>
    </row>
    <row r="107952" spans="8:8">
      <c r="H107952" s="12"/>
    </row>
    <row r="107953" spans="8:8">
      <c r="H107953" s="12"/>
    </row>
    <row r="107954" spans="8:8">
      <c r="H107954" s="12"/>
    </row>
    <row r="107955" spans="8:8">
      <c r="H107955" s="12"/>
    </row>
    <row r="107956" spans="8:8">
      <c r="H107956" s="12"/>
    </row>
    <row r="107957" spans="8:8">
      <c r="H107957" s="12"/>
    </row>
    <row r="107958" spans="8:8">
      <c r="H107958" s="12"/>
    </row>
    <row r="107959" spans="8:8">
      <c r="H107959" s="12"/>
    </row>
    <row r="107960" spans="8:8">
      <c r="H107960" s="12"/>
    </row>
    <row r="107961" spans="8:8">
      <c r="H107961" s="12"/>
    </row>
    <row r="107962" spans="8:8">
      <c r="H107962" s="12"/>
    </row>
    <row r="107963" spans="8:8">
      <c r="H107963" s="12"/>
    </row>
    <row r="107964" spans="8:8">
      <c r="H107964" s="12"/>
    </row>
    <row r="107965" spans="8:8">
      <c r="H107965" s="12"/>
    </row>
    <row r="107966" spans="8:8">
      <c r="H107966" s="12"/>
    </row>
    <row r="107967" spans="8:8">
      <c r="H107967" s="12"/>
    </row>
    <row r="107968" spans="8:8">
      <c r="H107968" s="12"/>
    </row>
    <row r="107969" spans="8:8">
      <c r="H107969" s="12"/>
    </row>
    <row r="107970" spans="8:8">
      <c r="H107970" s="12"/>
    </row>
    <row r="107971" spans="8:8">
      <c r="H107971" s="12"/>
    </row>
    <row r="107972" spans="8:8">
      <c r="H107972" s="12"/>
    </row>
    <row r="107973" spans="8:8">
      <c r="H107973" s="12"/>
    </row>
    <row r="107974" spans="8:8">
      <c r="H107974" s="12"/>
    </row>
    <row r="107975" spans="8:8">
      <c r="H107975" s="12"/>
    </row>
    <row r="107976" spans="8:8">
      <c r="H107976" s="12"/>
    </row>
    <row r="107977" spans="8:8">
      <c r="H107977" s="12"/>
    </row>
    <row r="107978" spans="8:8">
      <c r="H107978" s="12"/>
    </row>
    <row r="107979" spans="8:8">
      <c r="H107979" s="12"/>
    </row>
    <row r="107980" spans="8:8">
      <c r="H107980" s="12"/>
    </row>
    <row r="107981" spans="8:8">
      <c r="H107981" s="12"/>
    </row>
    <row r="107982" spans="8:8">
      <c r="H107982" s="12"/>
    </row>
    <row r="107983" spans="8:8">
      <c r="H107983" s="12"/>
    </row>
    <row r="107984" spans="8:8">
      <c r="H107984" s="12"/>
    </row>
    <row r="107985" spans="8:8">
      <c r="H107985" s="12"/>
    </row>
    <row r="107986" spans="8:8">
      <c r="H107986" s="12"/>
    </row>
    <row r="107987" spans="8:8">
      <c r="H107987" s="12"/>
    </row>
    <row r="107988" spans="8:8">
      <c r="H107988" s="12"/>
    </row>
    <row r="107989" spans="8:8">
      <c r="H107989" s="12"/>
    </row>
    <row r="107990" spans="8:8">
      <c r="H107990" s="12"/>
    </row>
    <row r="107991" spans="8:8">
      <c r="H107991" s="12"/>
    </row>
    <row r="107992" spans="8:8">
      <c r="H107992" s="12"/>
    </row>
    <row r="107993" spans="8:8">
      <c r="H107993" s="12"/>
    </row>
    <row r="107994" spans="8:8">
      <c r="H107994" s="12"/>
    </row>
    <row r="107995" spans="8:8">
      <c r="H107995" s="12"/>
    </row>
    <row r="107996" spans="8:8">
      <c r="H107996" s="12"/>
    </row>
    <row r="107997" spans="8:8">
      <c r="H107997" s="12"/>
    </row>
    <row r="107998" spans="8:8">
      <c r="H107998" s="12"/>
    </row>
    <row r="107999" spans="8:8">
      <c r="H107999" s="12"/>
    </row>
    <row r="108000" spans="8:8">
      <c r="H108000" s="12"/>
    </row>
    <row r="108001" spans="8:8">
      <c r="H108001" s="12"/>
    </row>
    <row r="108002" spans="8:8">
      <c r="H108002" s="12"/>
    </row>
    <row r="108003" spans="8:8">
      <c r="H108003" s="12"/>
    </row>
    <row r="108004" spans="8:8">
      <c r="H108004" s="12"/>
    </row>
    <row r="108005" spans="8:8">
      <c r="H108005" s="12"/>
    </row>
    <row r="108006" spans="8:8">
      <c r="H108006" s="12"/>
    </row>
    <row r="108007" spans="8:8">
      <c r="H108007" s="12"/>
    </row>
    <row r="108008" spans="8:8">
      <c r="H108008" s="12"/>
    </row>
    <row r="108009" spans="8:8">
      <c r="H108009" s="12"/>
    </row>
    <row r="108010" spans="8:8">
      <c r="H108010" s="12"/>
    </row>
    <row r="108011" spans="8:8">
      <c r="H108011" s="12"/>
    </row>
    <row r="108012" spans="8:8">
      <c r="H108012" s="12"/>
    </row>
    <row r="108013" spans="8:8">
      <c r="H108013" s="12"/>
    </row>
    <row r="108014" spans="8:8">
      <c r="H108014" s="12"/>
    </row>
    <row r="108015" spans="8:8">
      <c r="H108015" s="12"/>
    </row>
    <row r="108016" spans="8:8">
      <c r="H108016" s="12"/>
    </row>
    <row r="108017" spans="8:8">
      <c r="H108017" s="12"/>
    </row>
    <row r="108018" spans="8:8">
      <c r="H108018" s="12"/>
    </row>
    <row r="108019" spans="8:8">
      <c r="H108019" s="12"/>
    </row>
    <row r="108020" spans="8:8">
      <c r="H108020" s="12"/>
    </row>
    <row r="108021" spans="8:8">
      <c r="H108021" s="12"/>
    </row>
    <row r="108022" spans="8:8">
      <c r="H108022" s="12"/>
    </row>
    <row r="108023" spans="8:8">
      <c r="H108023" s="12"/>
    </row>
    <row r="108024" spans="8:8">
      <c r="H108024" s="12"/>
    </row>
    <row r="108025" spans="8:8">
      <c r="H108025" s="12"/>
    </row>
    <row r="108026" spans="8:8">
      <c r="H108026" s="12"/>
    </row>
    <row r="108027" spans="8:8">
      <c r="H108027" s="12"/>
    </row>
    <row r="108028" spans="8:8">
      <c r="H108028" s="12"/>
    </row>
    <row r="108029" spans="8:8">
      <c r="H108029" s="12"/>
    </row>
    <row r="108030" spans="8:8">
      <c r="H108030" s="12"/>
    </row>
    <row r="108031" spans="8:8">
      <c r="H108031" s="12"/>
    </row>
    <row r="108032" spans="8:8">
      <c r="H108032" s="12"/>
    </row>
    <row r="108033" spans="8:8">
      <c r="H108033" s="12"/>
    </row>
    <row r="108034" spans="8:8">
      <c r="H108034" s="12"/>
    </row>
    <row r="108035" spans="8:8">
      <c r="H108035" s="12"/>
    </row>
    <row r="108036" spans="8:8">
      <c r="H108036" s="12"/>
    </row>
    <row r="108037" spans="8:8">
      <c r="H108037" s="12"/>
    </row>
    <row r="108038" spans="8:8">
      <c r="H108038" s="12"/>
    </row>
    <row r="108039" spans="8:8">
      <c r="H108039" s="12"/>
    </row>
    <row r="108040" spans="8:8">
      <c r="H108040" s="12"/>
    </row>
    <row r="108041" spans="8:8">
      <c r="H108041" s="12"/>
    </row>
    <row r="108042" spans="8:8">
      <c r="H108042" s="12"/>
    </row>
    <row r="108043" spans="8:8">
      <c r="H108043" s="12"/>
    </row>
    <row r="108044" spans="8:8">
      <c r="H108044" s="12"/>
    </row>
    <row r="108045" spans="8:8">
      <c r="H108045" s="12"/>
    </row>
    <row r="108046" spans="8:8">
      <c r="H108046" s="12"/>
    </row>
    <row r="108047" spans="8:8">
      <c r="H108047" s="12"/>
    </row>
    <row r="108048" spans="8:8">
      <c r="H108048" s="12"/>
    </row>
    <row r="108049" spans="8:8">
      <c r="H108049" s="12"/>
    </row>
    <row r="108050" spans="8:8">
      <c r="H108050" s="12"/>
    </row>
    <row r="108051" spans="8:8">
      <c r="H108051" s="12"/>
    </row>
    <row r="108052" spans="8:8">
      <c r="H108052" s="12"/>
    </row>
    <row r="108053" spans="8:8">
      <c r="H108053" s="12"/>
    </row>
    <row r="108054" spans="8:8">
      <c r="H108054" s="12"/>
    </row>
    <row r="108055" spans="8:8">
      <c r="H108055" s="12"/>
    </row>
    <row r="108056" spans="8:8">
      <c r="H108056" s="12"/>
    </row>
    <row r="108057" spans="8:8">
      <c r="H108057" s="12"/>
    </row>
    <row r="108058" spans="8:8">
      <c r="H108058" s="12"/>
    </row>
    <row r="108059" spans="8:8">
      <c r="H108059" s="12"/>
    </row>
    <row r="108060" spans="8:8">
      <c r="H108060" s="12"/>
    </row>
    <row r="108061" spans="8:8">
      <c r="H108061" s="12"/>
    </row>
    <row r="108062" spans="8:8">
      <c r="H108062" s="12"/>
    </row>
    <row r="108063" spans="8:8">
      <c r="H108063" s="12"/>
    </row>
    <row r="108064" spans="8:8">
      <c r="H108064" s="12"/>
    </row>
    <row r="108065" spans="8:8">
      <c r="H108065" s="12"/>
    </row>
    <row r="108066" spans="8:8">
      <c r="H108066" s="12"/>
    </row>
    <row r="108067" spans="8:8">
      <c r="H108067" s="12"/>
    </row>
    <row r="108068" spans="8:8">
      <c r="H108068" s="12"/>
    </row>
    <row r="108069" spans="8:8">
      <c r="H108069" s="12"/>
    </row>
    <row r="108070" spans="8:8">
      <c r="H108070" s="12"/>
    </row>
    <row r="108071" spans="8:8">
      <c r="H108071" s="12"/>
    </row>
    <row r="108072" spans="8:8">
      <c r="H108072" s="12"/>
    </row>
    <row r="108073" spans="8:8">
      <c r="H108073" s="12"/>
    </row>
    <row r="108074" spans="8:8">
      <c r="H108074" s="12"/>
    </row>
    <row r="108075" spans="8:8">
      <c r="H108075" s="12"/>
    </row>
    <row r="108076" spans="8:8">
      <c r="H108076" s="12"/>
    </row>
    <row r="108077" spans="8:8">
      <c r="H108077" s="12"/>
    </row>
    <row r="108078" spans="8:8">
      <c r="H108078" s="12"/>
    </row>
    <row r="108079" spans="8:8">
      <c r="H108079" s="12"/>
    </row>
    <row r="108080" spans="8:8">
      <c r="H108080" s="12"/>
    </row>
    <row r="108081" spans="8:8">
      <c r="H108081" s="12"/>
    </row>
    <row r="108082" spans="8:8">
      <c r="H108082" s="12"/>
    </row>
    <row r="108083" spans="8:8">
      <c r="H108083" s="12"/>
    </row>
    <row r="108084" spans="8:8">
      <c r="H108084" s="12"/>
    </row>
    <row r="108085" spans="8:8">
      <c r="H108085" s="12"/>
    </row>
    <row r="108086" spans="8:8">
      <c r="H108086" s="12"/>
    </row>
    <row r="108087" spans="8:8">
      <c r="H108087" s="12"/>
    </row>
    <row r="108088" spans="8:8">
      <c r="H108088" s="12"/>
    </row>
    <row r="108089" spans="8:8">
      <c r="H108089" s="12"/>
    </row>
    <row r="108090" spans="8:8">
      <c r="H108090" s="12"/>
    </row>
    <row r="108091" spans="8:8">
      <c r="H108091" s="12"/>
    </row>
    <row r="108092" spans="8:8">
      <c r="H108092" s="12"/>
    </row>
    <row r="108093" spans="8:8">
      <c r="H108093" s="12"/>
    </row>
    <row r="108094" spans="8:8">
      <c r="H108094" s="12"/>
    </row>
    <row r="108095" spans="8:8">
      <c r="H108095" s="12"/>
    </row>
    <row r="108096" spans="8:8">
      <c r="H108096" s="12"/>
    </row>
    <row r="108097" spans="8:8">
      <c r="H108097" s="12"/>
    </row>
    <row r="108098" spans="8:8">
      <c r="H108098" s="12"/>
    </row>
    <row r="108099" spans="8:8">
      <c r="H108099" s="12"/>
    </row>
    <row r="108100" spans="8:8">
      <c r="H108100" s="12"/>
    </row>
    <row r="108101" spans="8:8">
      <c r="H108101" s="12"/>
    </row>
    <row r="108102" spans="8:8">
      <c r="H108102" s="12"/>
    </row>
    <row r="108103" spans="8:8">
      <c r="H108103" s="12"/>
    </row>
    <row r="108104" spans="8:8">
      <c r="H108104" s="12"/>
    </row>
    <row r="108105" spans="8:8">
      <c r="H108105" s="12"/>
    </row>
    <row r="108106" spans="8:8">
      <c r="H108106" s="12"/>
    </row>
    <row r="108107" spans="8:8">
      <c r="H108107" s="12"/>
    </row>
    <row r="108108" spans="8:8">
      <c r="H108108" s="12"/>
    </row>
    <row r="108109" spans="8:8">
      <c r="H108109" s="12"/>
    </row>
    <row r="108110" spans="8:8">
      <c r="H108110" s="12"/>
    </row>
    <row r="108111" spans="8:8">
      <c r="H108111" s="12"/>
    </row>
    <row r="108112" spans="8:8">
      <c r="H108112" s="12"/>
    </row>
    <row r="108113" spans="8:8">
      <c r="H108113" s="12"/>
    </row>
    <row r="108114" spans="8:8">
      <c r="H108114" s="12"/>
    </row>
    <row r="108115" spans="8:8">
      <c r="H108115" s="12"/>
    </row>
    <row r="108116" spans="8:8">
      <c r="H108116" s="12"/>
    </row>
    <row r="108117" spans="8:8">
      <c r="H108117" s="12"/>
    </row>
    <row r="108118" spans="8:8">
      <c r="H108118" s="12"/>
    </row>
    <row r="108119" spans="8:8">
      <c r="H108119" s="12"/>
    </row>
    <row r="108120" spans="8:8">
      <c r="H108120" s="12"/>
    </row>
    <row r="108121" spans="8:8">
      <c r="H108121" s="12"/>
    </row>
    <row r="108122" spans="8:8">
      <c r="H108122" s="12"/>
    </row>
    <row r="108123" spans="8:8">
      <c r="H108123" s="12"/>
    </row>
    <row r="108124" spans="8:8">
      <c r="H108124" s="12"/>
    </row>
    <row r="108125" spans="8:8">
      <c r="H108125" s="12"/>
    </row>
    <row r="108126" spans="8:8">
      <c r="H108126" s="12"/>
    </row>
    <row r="108127" spans="8:8">
      <c r="H108127" s="12"/>
    </row>
    <row r="108128" spans="8:8">
      <c r="H108128" s="12"/>
    </row>
    <row r="108129" spans="8:8">
      <c r="H108129" s="12"/>
    </row>
    <row r="108130" spans="8:8">
      <c r="H108130" s="12"/>
    </row>
    <row r="108131" spans="8:8">
      <c r="H108131" s="12"/>
    </row>
    <row r="108132" spans="8:8">
      <c r="H108132" s="12"/>
    </row>
    <row r="108133" spans="8:8">
      <c r="H108133" s="12"/>
    </row>
    <row r="108134" spans="8:8">
      <c r="H108134" s="12"/>
    </row>
    <row r="108135" spans="8:8">
      <c r="H108135" s="12"/>
    </row>
    <row r="108136" spans="8:8">
      <c r="H108136" s="12"/>
    </row>
    <row r="108137" spans="8:8">
      <c r="H108137" s="12"/>
    </row>
    <row r="108138" spans="8:8">
      <c r="H108138" s="12"/>
    </row>
    <row r="108139" spans="8:8">
      <c r="H108139" s="12"/>
    </row>
    <row r="108140" spans="8:8">
      <c r="H108140" s="12"/>
    </row>
    <row r="108141" spans="8:8">
      <c r="H108141" s="12"/>
    </row>
    <row r="108142" spans="8:8">
      <c r="H108142" s="12"/>
    </row>
    <row r="108143" spans="8:8">
      <c r="H108143" s="12"/>
    </row>
    <row r="108144" spans="8:8">
      <c r="H108144" s="12"/>
    </row>
    <row r="108145" spans="8:8">
      <c r="H108145" s="12"/>
    </row>
    <row r="108146" spans="8:8">
      <c r="H108146" s="12"/>
    </row>
    <row r="108147" spans="8:8">
      <c r="H108147" s="12"/>
    </row>
    <row r="108148" spans="8:8">
      <c r="H108148" s="12"/>
    </row>
    <row r="108149" spans="8:8">
      <c r="H108149" s="12"/>
    </row>
    <row r="108150" spans="8:8">
      <c r="H108150" s="12"/>
    </row>
    <row r="108151" spans="8:8">
      <c r="H108151" s="12"/>
    </row>
    <row r="108152" spans="8:8">
      <c r="H108152" s="12"/>
    </row>
    <row r="108153" spans="8:8">
      <c r="H108153" s="12"/>
    </row>
    <row r="108154" spans="8:8">
      <c r="H108154" s="12"/>
    </row>
    <row r="108155" spans="8:8">
      <c r="H108155" s="12"/>
    </row>
    <row r="108156" spans="8:8">
      <c r="H108156" s="12"/>
    </row>
    <row r="108157" spans="8:8">
      <c r="H108157" s="12"/>
    </row>
    <row r="108158" spans="8:8">
      <c r="H108158" s="12"/>
    </row>
    <row r="108159" spans="8:8">
      <c r="H108159" s="12"/>
    </row>
    <row r="108160" spans="8:8">
      <c r="H108160" s="12"/>
    </row>
    <row r="108161" spans="8:8">
      <c r="H108161" s="12"/>
    </row>
    <row r="108162" spans="8:8">
      <c r="H108162" s="12"/>
    </row>
    <row r="108163" spans="8:8">
      <c r="H108163" s="12"/>
    </row>
    <row r="108164" spans="8:8">
      <c r="H108164" s="12"/>
    </row>
    <row r="108165" spans="8:8">
      <c r="H108165" s="12"/>
    </row>
    <row r="108166" spans="8:8">
      <c r="H108166" s="12"/>
    </row>
    <row r="108167" spans="8:8">
      <c r="H108167" s="12"/>
    </row>
    <row r="108168" spans="8:8">
      <c r="H108168" s="12"/>
    </row>
    <row r="108169" spans="8:8">
      <c r="H108169" s="12"/>
    </row>
    <row r="108170" spans="8:8">
      <c r="H108170" s="12"/>
    </row>
    <row r="108171" spans="8:8">
      <c r="H108171" s="12"/>
    </row>
    <row r="108172" spans="8:8">
      <c r="H108172" s="12"/>
    </row>
    <row r="108173" spans="8:8">
      <c r="H108173" s="12"/>
    </row>
    <row r="108174" spans="8:8">
      <c r="H108174" s="12"/>
    </row>
    <row r="108175" spans="8:8">
      <c r="H108175" s="12"/>
    </row>
    <row r="108176" spans="8:8">
      <c r="H108176" s="12"/>
    </row>
    <row r="108177" spans="8:8">
      <c r="H108177" s="12"/>
    </row>
    <row r="108178" spans="8:8">
      <c r="H108178" s="12"/>
    </row>
    <row r="108179" spans="8:8">
      <c r="H108179" s="12"/>
    </row>
    <row r="108180" spans="8:8">
      <c r="H108180" s="12"/>
    </row>
    <row r="108181" spans="8:8">
      <c r="H108181" s="12"/>
    </row>
    <row r="108182" spans="8:8">
      <c r="H108182" s="12"/>
    </row>
    <row r="108183" spans="8:8">
      <c r="H108183" s="12"/>
    </row>
    <row r="108184" spans="8:8">
      <c r="H108184" s="12"/>
    </row>
    <row r="108185" spans="8:8">
      <c r="H108185" s="12"/>
    </row>
    <row r="108186" spans="8:8">
      <c r="H108186" s="12"/>
    </row>
    <row r="108187" spans="8:8">
      <c r="H108187" s="12"/>
    </row>
    <row r="108188" spans="8:8">
      <c r="H108188" s="12"/>
    </row>
    <row r="108189" spans="8:8">
      <c r="H108189" s="12"/>
    </row>
    <row r="108190" spans="8:8">
      <c r="H108190" s="12"/>
    </row>
    <row r="108191" spans="8:8">
      <c r="H108191" s="12"/>
    </row>
    <row r="108192" spans="8:8">
      <c r="H108192" s="12"/>
    </row>
    <row r="108193" spans="8:8">
      <c r="H108193" s="12"/>
    </row>
    <row r="108194" spans="8:8">
      <c r="H108194" s="12"/>
    </row>
    <row r="108195" spans="8:8">
      <c r="H108195" s="12"/>
    </row>
    <row r="108196" spans="8:8">
      <c r="H108196" s="12"/>
    </row>
    <row r="108197" spans="8:8">
      <c r="H108197" s="12"/>
    </row>
    <row r="108198" spans="8:8">
      <c r="H108198" s="12"/>
    </row>
    <row r="108199" spans="8:8">
      <c r="H108199" s="12"/>
    </row>
    <row r="108200" spans="8:8">
      <c r="H108200" s="12"/>
    </row>
    <row r="108201" spans="8:8">
      <c r="H108201" s="12"/>
    </row>
    <row r="108202" spans="8:8">
      <c r="H108202" s="12"/>
    </row>
    <row r="108203" spans="8:8">
      <c r="H108203" s="12"/>
    </row>
    <row r="108204" spans="8:8">
      <c r="H108204" s="12"/>
    </row>
    <row r="108205" spans="8:8">
      <c r="H108205" s="12"/>
    </row>
    <row r="108206" spans="8:8">
      <c r="H108206" s="12"/>
    </row>
    <row r="108207" spans="8:8">
      <c r="H108207" s="12"/>
    </row>
    <row r="108208" spans="8:8">
      <c r="H108208" s="12"/>
    </row>
    <row r="108209" spans="8:8">
      <c r="H108209" s="12"/>
    </row>
    <row r="108210" spans="8:8">
      <c r="H108210" s="12"/>
    </row>
    <row r="108211" spans="8:8">
      <c r="H108211" s="12"/>
    </row>
    <row r="108212" spans="8:8">
      <c r="H108212" s="12"/>
    </row>
    <row r="108213" spans="8:8">
      <c r="H108213" s="12"/>
    </row>
    <row r="108214" spans="8:8">
      <c r="H108214" s="12"/>
    </row>
    <row r="108215" spans="8:8">
      <c r="H108215" s="12"/>
    </row>
    <row r="108216" spans="8:8">
      <c r="H108216" s="12"/>
    </row>
    <row r="108217" spans="8:8">
      <c r="H108217" s="12"/>
    </row>
    <row r="108218" spans="8:8">
      <c r="H108218" s="12"/>
    </row>
    <row r="108219" spans="8:8">
      <c r="H108219" s="12"/>
    </row>
    <row r="108220" spans="8:8">
      <c r="H108220" s="12"/>
    </row>
    <row r="108221" spans="8:8">
      <c r="H108221" s="12"/>
    </row>
    <row r="108222" spans="8:8">
      <c r="H108222" s="12"/>
    </row>
    <row r="108223" spans="8:8">
      <c r="H108223" s="12"/>
    </row>
    <row r="108224" spans="8:8">
      <c r="H108224" s="12"/>
    </row>
    <row r="108225" spans="8:8">
      <c r="H108225" s="12"/>
    </row>
    <row r="108226" spans="8:8">
      <c r="H108226" s="12"/>
    </row>
    <row r="108227" spans="8:8">
      <c r="H108227" s="12"/>
    </row>
    <row r="108228" spans="8:8">
      <c r="H108228" s="12"/>
    </row>
    <row r="108229" spans="8:8">
      <c r="H108229" s="12"/>
    </row>
    <row r="108230" spans="8:8">
      <c r="H108230" s="12"/>
    </row>
    <row r="108231" spans="8:8">
      <c r="H108231" s="12"/>
    </row>
    <row r="108232" spans="8:8">
      <c r="H108232" s="12"/>
    </row>
    <row r="108233" spans="8:8">
      <c r="H108233" s="12"/>
    </row>
    <row r="108234" spans="8:8">
      <c r="H108234" s="12"/>
    </row>
    <row r="108235" spans="8:8">
      <c r="H108235" s="12"/>
    </row>
    <row r="108236" spans="8:8">
      <c r="H108236" s="12"/>
    </row>
    <row r="108237" spans="8:8">
      <c r="H108237" s="12"/>
    </row>
    <row r="108238" spans="8:8">
      <c r="H108238" s="12"/>
    </row>
    <row r="108239" spans="8:8">
      <c r="H108239" s="12"/>
    </row>
    <row r="108240" spans="8:8">
      <c r="H108240" s="12"/>
    </row>
    <row r="108241" spans="8:8">
      <c r="H108241" s="12"/>
    </row>
    <row r="108242" spans="8:8">
      <c r="H108242" s="12"/>
    </row>
    <row r="108243" spans="8:8">
      <c r="H108243" s="12"/>
    </row>
    <row r="108244" spans="8:8">
      <c r="H108244" s="12"/>
    </row>
    <row r="108245" spans="8:8">
      <c r="H108245" s="12"/>
    </row>
    <row r="108246" spans="8:8">
      <c r="H108246" s="12"/>
    </row>
    <row r="108247" spans="8:8">
      <c r="H108247" s="12"/>
    </row>
    <row r="108248" spans="8:8">
      <c r="H108248" s="12"/>
    </row>
    <row r="108249" spans="8:8">
      <c r="H108249" s="12"/>
    </row>
    <row r="108250" spans="8:8">
      <c r="H108250" s="12"/>
    </row>
    <row r="108251" spans="8:8">
      <c r="H108251" s="12"/>
    </row>
    <row r="108252" spans="8:8">
      <c r="H108252" s="12"/>
    </row>
    <row r="108253" spans="8:8">
      <c r="H108253" s="12"/>
    </row>
    <row r="108254" spans="8:8">
      <c r="H108254" s="12"/>
    </row>
    <row r="108255" spans="8:8">
      <c r="H108255" s="12"/>
    </row>
    <row r="108256" spans="8:8">
      <c r="H108256" s="12"/>
    </row>
    <row r="108257" spans="8:8">
      <c r="H108257" s="12"/>
    </row>
    <row r="108258" spans="8:8">
      <c r="H108258" s="12"/>
    </row>
    <row r="108259" spans="8:8">
      <c r="H108259" s="12"/>
    </row>
    <row r="108260" spans="8:8">
      <c r="H108260" s="12"/>
    </row>
    <row r="108261" spans="8:8">
      <c r="H108261" s="12"/>
    </row>
    <row r="108262" spans="8:8">
      <c r="H108262" s="12"/>
    </row>
    <row r="108263" spans="8:8">
      <c r="H108263" s="12"/>
    </row>
    <row r="108264" spans="8:8">
      <c r="H108264" s="12"/>
    </row>
    <row r="108265" spans="8:8">
      <c r="H108265" s="12"/>
    </row>
    <row r="108266" spans="8:8">
      <c r="H108266" s="12"/>
    </row>
    <row r="108267" spans="8:8">
      <c r="H108267" s="12"/>
    </row>
    <row r="108268" spans="8:8">
      <c r="H108268" s="12"/>
    </row>
    <row r="108269" spans="8:8">
      <c r="H108269" s="12"/>
    </row>
    <row r="108270" spans="8:8">
      <c r="H108270" s="12"/>
    </row>
    <row r="108271" spans="8:8">
      <c r="H108271" s="12"/>
    </row>
    <row r="108272" spans="8:8">
      <c r="H108272" s="12"/>
    </row>
    <row r="108273" spans="8:8">
      <c r="H108273" s="12"/>
    </row>
    <row r="108274" spans="8:8">
      <c r="H108274" s="12"/>
    </row>
    <row r="108275" spans="8:8">
      <c r="H108275" s="12"/>
    </row>
    <row r="108276" spans="8:8">
      <c r="H108276" s="12"/>
    </row>
    <row r="108277" spans="8:8">
      <c r="H108277" s="12"/>
    </row>
    <row r="108278" spans="8:8">
      <c r="H108278" s="12"/>
    </row>
    <row r="108279" spans="8:8">
      <c r="H108279" s="12"/>
    </row>
    <row r="108280" spans="8:8">
      <c r="H108280" s="12"/>
    </row>
    <row r="108281" spans="8:8">
      <c r="H108281" s="12"/>
    </row>
    <row r="108282" spans="8:8">
      <c r="H108282" s="12"/>
    </row>
    <row r="108283" spans="8:8">
      <c r="H108283" s="12"/>
    </row>
    <row r="108284" spans="8:8">
      <c r="H108284" s="12"/>
    </row>
    <row r="108285" spans="8:8">
      <c r="H108285" s="12"/>
    </row>
    <row r="108286" spans="8:8">
      <c r="H108286" s="12"/>
    </row>
    <row r="108287" spans="8:8">
      <c r="H108287" s="12"/>
    </row>
    <row r="108288" spans="8:8">
      <c r="H108288" s="12"/>
    </row>
    <row r="108289" spans="8:8">
      <c r="H108289" s="12"/>
    </row>
    <row r="108290" spans="8:8">
      <c r="H108290" s="12"/>
    </row>
    <row r="108291" spans="8:8">
      <c r="H108291" s="12"/>
    </row>
    <row r="108292" spans="8:8">
      <c r="H108292" s="12"/>
    </row>
    <row r="108293" spans="8:8">
      <c r="H108293" s="12"/>
    </row>
    <row r="108294" spans="8:8">
      <c r="H108294" s="12"/>
    </row>
    <row r="108295" spans="8:8">
      <c r="H108295" s="12"/>
    </row>
    <row r="108296" spans="8:8">
      <c r="H108296" s="12"/>
    </row>
    <row r="108297" spans="8:8">
      <c r="H108297" s="12"/>
    </row>
    <row r="108298" spans="8:8">
      <c r="H108298" s="12"/>
    </row>
    <row r="108299" spans="8:8">
      <c r="H108299" s="12"/>
    </row>
    <row r="108300" spans="8:8">
      <c r="H108300" s="12"/>
    </row>
    <row r="108301" spans="8:8">
      <c r="H108301" s="12"/>
    </row>
    <row r="108302" spans="8:8">
      <c r="H108302" s="12"/>
    </row>
    <row r="108303" spans="8:8">
      <c r="H108303" s="12"/>
    </row>
    <row r="108304" spans="8:8">
      <c r="H108304" s="12"/>
    </row>
    <row r="108305" spans="8:8">
      <c r="H108305" s="12"/>
    </row>
    <row r="108306" spans="8:8">
      <c r="H108306" s="12"/>
    </row>
    <row r="108307" spans="8:8">
      <c r="H108307" s="12"/>
    </row>
    <row r="108308" spans="8:8">
      <c r="H108308" s="12"/>
    </row>
    <row r="108309" spans="8:8">
      <c r="H108309" s="12"/>
    </row>
    <row r="108310" spans="8:8">
      <c r="H108310" s="12"/>
    </row>
    <row r="108311" spans="8:8">
      <c r="H108311" s="12"/>
    </row>
    <row r="108312" spans="8:8">
      <c r="H108312" s="12"/>
    </row>
    <row r="108313" spans="8:8">
      <c r="H108313" s="12"/>
    </row>
    <row r="108314" spans="8:8">
      <c r="H108314" s="12"/>
    </row>
    <row r="108315" spans="8:8">
      <c r="H108315" s="12"/>
    </row>
    <row r="108316" spans="8:8">
      <c r="H108316" s="12"/>
    </row>
    <row r="108317" spans="8:8">
      <c r="H108317" s="12"/>
    </row>
    <row r="108318" spans="8:8">
      <c r="H108318" s="12"/>
    </row>
    <row r="108319" spans="8:8">
      <c r="H108319" s="12"/>
    </row>
    <row r="108320" spans="8:8">
      <c r="H108320" s="12"/>
    </row>
    <row r="108321" spans="8:8">
      <c r="H108321" s="12"/>
    </row>
    <row r="108322" spans="8:8">
      <c r="H108322" s="12"/>
    </row>
    <row r="108323" spans="8:8">
      <c r="H108323" s="12"/>
    </row>
    <row r="108324" spans="8:8">
      <c r="H108324" s="12"/>
    </row>
    <row r="108325" spans="8:8">
      <c r="H108325" s="12"/>
    </row>
    <row r="108326" spans="8:8">
      <c r="H108326" s="12"/>
    </row>
    <row r="108327" spans="8:8">
      <c r="H108327" s="12"/>
    </row>
    <row r="108328" spans="8:8">
      <c r="H108328" s="12"/>
    </row>
    <row r="108329" spans="8:8">
      <c r="H108329" s="12"/>
    </row>
    <row r="108330" spans="8:8">
      <c r="H108330" s="12"/>
    </row>
    <row r="108331" spans="8:8">
      <c r="H108331" s="12"/>
    </row>
    <row r="108332" spans="8:8">
      <c r="H108332" s="12"/>
    </row>
    <row r="108333" spans="8:8">
      <c r="H108333" s="12"/>
    </row>
    <row r="108334" spans="8:8">
      <c r="H108334" s="12"/>
    </row>
    <row r="108335" spans="8:8">
      <c r="H108335" s="12"/>
    </row>
    <row r="108336" spans="8:8">
      <c r="H108336" s="12"/>
    </row>
    <row r="108337" spans="8:8">
      <c r="H108337" s="12"/>
    </row>
    <row r="108338" spans="8:8">
      <c r="H108338" s="12"/>
    </row>
    <row r="108339" spans="8:8">
      <c r="H108339" s="12"/>
    </row>
    <row r="108340" spans="8:8">
      <c r="H108340" s="12"/>
    </row>
    <row r="108341" spans="8:8">
      <c r="H108341" s="12"/>
    </row>
    <row r="108342" spans="8:8">
      <c r="H108342" s="12"/>
    </row>
    <row r="108343" spans="8:8">
      <c r="H108343" s="12"/>
    </row>
    <row r="108344" spans="8:8">
      <c r="H108344" s="12"/>
    </row>
    <row r="108345" spans="8:8">
      <c r="H108345" s="12"/>
    </row>
    <row r="108346" spans="8:8">
      <c r="H108346" s="12"/>
    </row>
    <row r="108347" spans="8:8">
      <c r="H108347" s="12"/>
    </row>
    <row r="108348" spans="8:8">
      <c r="H108348" s="12"/>
    </row>
    <row r="108349" spans="8:8">
      <c r="H108349" s="12"/>
    </row>
    <row r="108350" spans="8:8">
      <c r="H108350" s="12"/>
    </row>
    <row r="108351" spans="8:8">
      <c r="H108351" s="12"/>
    </row>
    <row r="108352" spans="8:8">
      <c r="H108352" s="12"/>
    </row>
    <row r="108353" spans="8:8">
      <c r="H108353" s="12"/>
    </row>
    <row r="108354" spans="8:8">
      <c r="H108354" s="12"/>
    </row>
    <row r="108355" spans="8:8">
      <c r="H108355" s="12"/>
    </row>
    <row r="108356" spans="8:8">
      <c r="H108356" s="12"/>
    </row>
    <row r="108357" spans="8:8">
      <c r="H108357" s="12"/>
    </row>
    <row r="108358" spans="8:8">
      <c r="H108358" s="12"/>
    </row>
    <row r="108359" spans="8:8">
      <c r="H108359" s="12"/>
    </row>
    <row r="108360" spans="8:8">
      <c r="H108360" s="12"/>
    </row>
    <row r="108361" spans="8:8">
      <c r="H108361" s="12"/>
    </row>
    <row r="108362" spans="8:8">
      <c r="H108362" s="12"/>
    </row>
    <row r="108363" spans="8:8">
      <c r="H108363" s="12"/>
    </row>
    <row r="108364" spans="8:8">
      <c r="H108364" s="12"/>
    </row>
    <row r="108365" spans="8:8">
      <c r="H108365" s="12"/>
    </row>
    <row r="108366" spans="8:8">
      <c r="H108366" s="12"/>
    </row>
    <row r="108367" spans="8:8">
      <c r="H108367" s="12"/>
    </row>
    <row r="108368" spans="8:8">
      <c r="H108368" s="12"/>
    </row>
    <row r="108369" spans="8:8">
      <c r="H108369" s="12"/>
    </row>
    <row r="108370" spans="8:8">
      <c r="H108370" s="12"/>
    </row>
    <row r="108371" spans="8:8">
      <c r="H108371" s="12"/>
    </row>
    <row r="108372" spans="8:8">
      <c r="H108372" s="12"/>
    </row>
    <row r="108373" spans="8:8">
      <c r="H108373" s="12"/>
    </row>
    <row r="108374" spans="8:8">
      <c r="H108374" s="12"/>
    </row>
    <row r="108375" spans="8:8">
      <c r="H108375" s="12"/>
    </row>
    <row r="108376" spans="8:8">
      <c r="H108376" s="12"/>
    </row>
    <row r="108377" spans="8:8">
      <c r="H108377" s="12"/>
    </row>
    <row r="108378" spans="8:8">
      <c r="H108378" s="12"/>
    </row>
    <row r="108379" spans="8:8">
      <c r="H108379" s="12"/>
    </row>
    <row r="108380" spans="8:8">
      <c r="H108380" s="12"/>
    </row>
    <row r="108381" spans="8:8">
      <c r="H108381" s="12"/>
    </row>
    <row r="108382" spans="8:8">
      <c r="H108382" s="12"/>
    </row>
    <row r="108383" spans="8:8">
      <c r="H108383" s="12"/>
    </row>
    <row r="108384" spans="8:8">
      <c r="H108384" s="12"/>
    </row>
    <row r="108385" spans="8:8">
      <c r="H108385" s="12"/>
    </row>
    <row r="108386" spans="8:8">
      <c r="H108386" s="12"/>
    </row>
    <row r="108387" spans="8:8">
      <c r="H108387" s="12"/>
    </row>
    <row r="108388" spans="8:8">
      <c r="H108388" s="12"/>
    </row>
    <row r="108389" spans="8:8">
      <c r="H108389" s="12"/>
    </row>
    <row r="108390" spans="8:8">
      <c r="H108390" s="12"/>
    </row>
    <row r="108391" spans="8:8">
      <c r="H108391" s="12"/>
    </row>
    <row r="108392" spans="8:8">
      <c r="H108392" s="12"/>
    </row>
    <row r="108393" spans="8:8">
      <c r="H108393" s="12"/>
    </row>
    <row r="108394" spans="8:8">
      <c r="H108394" s="12"/>
    </row>
    <row r="108395" spans="8:8">
      <c r="H108395" s="12"/>
    </row>
    <row r="108396" spans="8:8">
      <c r="H108396" s="12"/>
    </row>
    <row r="108397" spans="8:8">
      <c r="H108397" s="12"/>
    </row>
    <row r="108398" spans="8:8">
      <c r="H108398" s="12"/>
    </row>
    <row r="108399" spans="8:8">
      <c r="H108399" s="12"/>
    </row>
    <row r="108400" spans="8:8">
      <c r="H108400" s="12"/>
    </row>
    <row r="108401" spans="8:8">
      <c r="H108401" s="12"/>
    </row>
    <row r="108402" spans="8:8">
      <c r="H108402" s="12"/>
    </row>
    <row r="108403" spans="8:8">
      <c r="H108403" s="12"/>
    </row>
    <row r="108404" spans="8:8">
      <c r="H108404" s="12"/>
    </row>
    <row r="108405" spans="8:8">
      <c r="H108405" s="12"/>
    </row>
    <row r="108406" spans="8:8">
      <c r="H108406" s="12"/>
    </row>
    <row r="108407" spans="8:8">
      <c r="H108407" s="12"/>
    </row>
    <row r="108408" spans="8:8">
      <c r="H108408" s="12"/>
    </row>
    <row r="108409" spans="8:8">
      <c r="H108409" s="12"/>
    </row>
    <row r="108410" spans="8:8">
      <c r="H108410" s="12"/>
    </row>
    <row r="108411" spans="8:8">
      <c r="H108411" s="12"/>
    </row>
    <row r="108412" spans="8:8">
      <c r="H108412" s="12"/>
    </row>
    <row r="108413" spans="8:8">
      <c r="H108413" s="12"/>
    </row>
    <row r="108414" spans="8:8">
      <c r="H108414" s="12"/>
    </row>
    <row r="108415" spans="8:8">
      <c r="H108415" s="12"/>
    </row>
    <row r="108416" spans="8:8">
      <c r="H108416" s="12"/>
    </row>
    <row r="108417" spans="8:8">
      <c r="H108417" s="12"/>
    </row>
    <row r="108418" spans="8:8">
      <c r="H108418" s="12"/>
    </row>
    <row r="108419" spans="8:8">
      <c r="H108419" s="12"/>
    </row>
    <row r="108420" spans="8:8">
      <c r="H108420" s="12"/>
    </row>
    <row r="108421" spans="8:8">
      <c r="H108421" s="12"/>
    </row>
    <row r="108422" spans="8:8">
      <c r="H108422" s="12"/>
    </row>
    <row r="108423" spans="8:8">
      <c r="H108423" s="12"/>
    </row>
    <row r="108424" spans="8:8">
      <c r="H108424" s="12"/>
    </row>
    <row r="108425" spans="8:8">
      <c r="H108425" s="12"/>
    </row>
    <row r="108426" spans="8:8">
      <c r="H108426" s="12"/>
    </row>
    <row r="108427" spans="8:8">
      <c r="H108427" s="12"/>
    </row>
    <row r="108428" spans="8:8">
      <c r="H108428" s="12"/>
    </row>
    <row r="108429" spans="8:8">
      <c r="H108429" s="12"/>
    </row>
    <row r="108430" spans="8:8">
      <c r="H108430" s="12"/>
    </row>
    <row r="108431" spans="8:8">
      <c r="H108431" s="12"/>
    </row>
    <row r="108432" spans="8:8">
      <c r="H108432" s="12"/>
    </row>
    <row r="108433" spans="8:8">
      <c r="H108433" s="12"/>
    </row>
    <row r="108434" spans="8:8">
      <c r="H108434" s="12"/>
    </row>
    <row r="108435" spans="8:8">
      <c r="H108435" s="12"/>
    </row>
    <row r="108436" spans="8:8">
      <c r="H108436" s="12"/>
    </row>
    <row r="108437" spans="8:8">
      <c r="H108437" s="12"/>
    </row>
    <row r="108438" spans="8:8">
      <c r="H108438" s="12"/>
    </row>
    <row r="108439" spans="8:8">
      <c r="H108439" s="12"/>
    </row>
    <row r="108440" spans="8:8">
      <c r="H108440" s="12"/>
    </row>
    <row r="108441" spans="8:8">
      <c r="H108441" s="12"/>
    </row>
    <row r="108442" spans="8:8">
      <c r="H108442" s="12"/>
    </row>
    <row r="108443" spans="8:8">
      <c r="H108443" s="12"/>
    </row>
    <row r="108444" spans="8:8">
      <c r="H108444" s="12"/>
    </row>
    <row r="108445" spans="8:8">
      <c r="H108445" s="12"/>
    </row>
    <row r="108446" spans="8:8">
      <c r="H108446" s="12"/>
    </row>
    <row r="108447" spans="8:8">
      <c r="H108447" s="12"/>
    </row>
    <row r="108448" spans="8:8">
      <c r="H108448" s="12"/>
    </row>
    <row r="108449" spans="8:8">
      <c r="H108449" s="12"/>
    </row>
    <row r="108450" spans="8:8">
      <c r="H108450" s="12"/>
    </row>
    <row r="108451" spans="8:8">
      <c r="H108451" s="12"/>
    </row>
    <row r="108452" spans="8:8">
      <c r="H108452" s="12"/>
    </row>
    <row r="108453" spans="8:8">
      <c r="H108453" s="12"/>
    </row>
    <row r="108454" spans="8:8">
      <c r="H108454" s="12"/>
    </row>
    <row r="108455" spans="8:8">
      <c r="H108455" s="12"/>
    </row>
    <row r="108456" spans="8:8">
      <c r="H108456" s="12"/>
    </row>
    <row r="108457" spans="8:8">
      <c r="H108457" s="12"/>
    </row>
    <row r="108458" spans="8:8">
      <c r="H108458" s="12"/>
    </row>
    <row r="108459" spans="8:8">
      <c r="H108459" s="12"/>
    </row>
    <row r="108460" spans="8:8">
      <c r="H108460" s="12"/>
    </row>
    <row r="108461" spans="8:8">
      <c r="H108461" s="12"/>
    </row>
    <row r="108462" spans="8:8">
      <c r="H108462" s="12"/>
    </row>
    <row r="108463" spans="8:8">
      <c r="H108463" s="12"/>
    </row>
    <row r="108464" spans="8:8">
      <c r="H108464" s="12"/>
    </row>
    <row r="108465" spans="8:8">
      <c r="H108465" s="12"/>
    </row>
    <row r="108466" spans="8:8">
      <c r="H108466" s="12"/>
    </row>
    <row r="108467" spans="8:8">
      <c r="H108467" s="12"/>
    </row>
    <row r="108468" spans="8:8">
      <c r="H108468" s="12"/>
    </row>
    <row r="108469" spans="8:8">
      <c r="H108469" s="12"/>
    </row>
    <row r="108470" spans="8:8">
      <c r="H108470" s="12"/>
    </row>
    <row r="108471" spans="8:8">
      <c r="H108471" s="12"/>
    </row>
    <row r="108472" spans="8:8">
      <c r="H108472" s="12"/>
    </row>
    <row r="108473" spans="8:8">
      <c r="H108473" s="12"/>
    </row>
    <row r="108474" spans="8:8">
      <c r="H108474" s="12"/>
    </row>
    <row r="108475" spans="8:8">
      <c r="H108475" s="12"/>
    </row>
    <row r="108476" spans="8:8">
      <c r="H108476" s="12"/>
    </row>
    <row r="108477" spans="8:8">
      <c r="H108477" s="12"/>
    </row>
    <row r="108478" spans="8:8">
      <c r="H108478" s="12"/>
    </row>
    <row r="108479" spans="8:8">
      <c r="H108479" s="12"/>
    </row>
    <row r="108480" spans="8:8">
      <c r="H108480" s="12"/>
    </row>
    <row r="108481" spans="8:8">
      <c r="H108481" s="12"/>
    </row>
    <row r="108482" spans="8:8">
      <c r="H108482" s="12"/>
    </row>
    <row r="108483" spans="8:8">
      <c r="H108483" s="12"/>
    </row>
    <row r="108484" spans="8:8">
      <c r="H108484" s="12"/>
    </row>
    <row r="108485" spans="8:8">
      <c r="H108485" s="12"/>
    </row>
    <row r="108486" spans="8:8">
      <c r="H108486" s="12"/>
    </row>
    <row r="108487" spans="8:8">
      <c r="H108487" s="12"/>
    </row>
    <row r="108488" spans="8:8">
      <c r="H108488" s="12"/>
    </row>
    <row r="108489" spans="8:8">
      <c r="H108489" s="12"/>
    </row>
    <row r="108490" spans="8:8">
      <c r="H108490" s="12"/>
    </row>
    <row r="108491" spans="8:8">
      <c r="H108491" s="12"/>
    </row>
    <row r="108492" spans="8:8">
      <c r="H108492" s="12"/>
    </row>
    <row r="108493" spans="8:8">
      <c r="H108493" s="12"/>
    </row>
    <row r="108494" spans="8:8">
      <c r="H108494" s="12"/>
    </row>
    <row r="108495" spans="8:8">
      <c r="H108495" s="12"/>
    </row>
    <row r="108496" spans="8:8">
      <c r="H108496" s="12"/>
    </row>
    <row r="108497" spans="8:8">
      <c r="H108497" s="12"/>
    </row>
    <row r="108498" spans="8:8">
      <c r="H108498" s="12"/>
    </row>
    <row r="108499" spans="8:8">
      <c r="H108499" s="12"/>
    </row>
    <row r="108500" spans="8:8">
      <c r="H108500" s="12"/>
    </row>
    <row r="108501" spans="8:8">
      <c r="H108501" s="12"/>
    </row>
    <row r="108502" spans="8:8">
      <c r="H108502" s="12"/>
    </row>
    <row r="108503" spans="8:8">
      <c r="H108503" s="12"/>
    </row>
    <row r="108504" spans="8:8">
      <c r="H108504" s="12"/>
    </row>
    <row r="108505" spans="8:8">
      <c r="H108505" s="12"/>
    </row>
    <row r="108506" spans="8:8">
      <c r="H108506" s="12"/>
    </row>
    <row r="108507" spans="8:8">
      <c r="H108507" s="12"/>
    </row>
    <row r="108508" spans="8:8">
      <c r="H108508" s="12"/>
    </row>
    <row r="108509" spans="8:8">
      <c r="H108509" s="12"/>
    </row>
    <row r="108510" spans="8:8">
      <c r="H108510" s="12"/>
    </row>
    <row r="108511" spans="8:8">
      <c r="H108511" s="12"/>
    </row>
    <row r="108512" spans="8:8">
      <c r="H108512" s="12"/>
    </row>
    <row r="108513" spans="8:8">
      <c r="H108513" s="12"/>
    </row>
    <row r="108514" spans="8:8">
      <c r="H108514" s="12"/>
    </row>
    <row r="108515" spans="8:8">
      <c r="H108515" s="12"/>
    </row>
    <row r="108516" spans="8:8">
      <c r="H108516" s="12"/>
    </row>
    <row r="108517" spans="8:8">
      <c r="H108517" s="12"/>
    </row>
    <row r="108518" spans="8:8">
      <c r="H108518" s="12"/>
    </row>
    <row r="108519" spans="8:8">
      <c r="H108519" s="12"/>
    </row>
    <row r="108520" spans="8:8">
      <c r="H108520" s="12"/>
    </row>
    <row r="108521" spans="8:8">
      <c r="H108521" s="12"/>
    </row>
    <row r="108522" spans="8:8">
      <c r="H108522" s="12"/>
    </row>
    <row r="108523" spans="8:8">
      <c r="H108523" s="12"/>
    </row>
    <row r="108524" spans="8:8">
      <c r="H108524" s="12"/>
    </row>
    <row r="108525" spans="8:8">
      <c r="H108525" s="12"/>
    </row>
    <row r="108526" spans="8:8">
      <c r="H108526" s="12"/>
    </row>
    <row r="108527" spans="8:8">
      <c r="H108527" s="12"/>
    </row>
    <row r="108528" spans="8:8">
      <c r="H108528" s="12"/>
    </row>
    <row r="108529" spans="8:8">
      <c r="H108529" s="12"/>
    </row>
    <row r="108530" spans="8:8">
      <c r="H108530" s="12"/>
    </row>
    <row r="108531" spans="8:8">
      <c r="H108531" s="12"/>
    </row>
    <row r="108532" spans="8:8">
      <c r="H108532" s="12"/>
    </row>
    <row r="108533" spans="8:8">
      <c r="H108533" s="12"/>
    </row>
    <row r="108534" spans="8:8">
      <c r="H108534" s="12"/>
    </row>
    <row r="108535" spans="8:8">
      <c r="H108535" s="12"/>
    </row>
    <row r="108536" spans="8:8">
      <c r="H108536" s="12"/>
    </row>
    <row r="108537" spans="8:8">
      <c r="H108537" s="12"/>
    </row>
    <row r="108538" spans="8:8">
      <c r="H108538" s="12"/>
    </row>
    <row r="108539" spans="8:8">
      <c r="H108539" s="12"/>
    </row>
    <row r="108540" spans="8:8">
      <c r="H108540" s="12"/>
    </row>
    <row r="108541" spans="8:8">
      <c r="H108541" s="12"/>
    </row>
    <row r="108542" spans="8:8">
      <c r="H108542" s="12"/>
    </row>
    <row r="108543" spans="8:8">
      <c r="H108543" s="12"/>
    </row>
    <row r="108544" spans="8:8">
      <c r="H108544" s="12"/>
    </row>
    <row r="108545" spans="8:8">
      <c r="H108545" s="12"/>
    </row>
    <row r="108546" spans="8:8">
      <c r="H108546" s="12"/>
    </row>
    <row r="108547" spans="8:8">
      <c r="H108547" s="12"/>
    </row>
    <row r="108548" spans="8:8">
      <c r="H108548" s="12"/>
    </row>
    <row r="108549" spans="8:8">
      <c r="H108549" s="12"/>
    </row>
    <row r="108550" spans="8:8">
      <c r="H108550" s="12"/>
    </row>
    <row r="108551" spans="8:8">
      <c r="H108551" s="12"/>
    </row>
    <row r="108552" spans="8:8">
      <c r="H108552" s="12"/>
    </row>
    <row r="108553" spans="8:8">
      <c r="H108553" s="12"/>
    </row>
    <row r="108554" spans="8:8">
      <c r="H108554" s="12"/>
    </row>
    <row r="108555" spans="8:8">
      <c r="H108555" s="12"/>
    </row>
    <row r="108556" spans="8:8">
      <c r="H108556" s="12"/>
    </row>
    <row r="108557" spans="8:8">
      <c r="H108557" s="12"/>
    </row>
    <row r="108558" spans="8:8">
      <c r="H108558" s="12"/>
    </row>
    <row r="108559" spans="8:8">
      <c r="H108559" s="12"/>
    </row>
    <row r="108560" spans="8:8">
      <c r="H108560" s="12"/>
    </row>
    <row r="108561" spans="8:8">
      <c r="H108561" s="12"/>
    </row>
    <row r="108562" spans="8:8">
      <c r="H108562" s="12"/>
    </row>
    <row r="108563" spans="8:8">
      <c r="H108563" s="12"/>
    </row>
    <row r="108564" spans="8:8">
      <c r="H108564" s="12"/>
    </row>
    <row r="108565" spans="8:8">
      <c r="H108565" s="12"/>
    </row>
    <row r="108566" spans="8:8">
      <c r="H108566" s="12"/>
    </row>
    <row r="108567" spans="8:8">
      <c r="H108567" s="12"/>
    </row>
    <row r="108568" spans="8:8">
      <c r="H108568" s="12"/>
    </row>
    <row r="108569" spans="8:8">
      <c r="H108569" s="12"/>
    </row>
    <row r="108570" spans="8:8">
      <c r="H108570" s="12"/>
    </row>
    <row r="108571" spans="8:8">
      <c r="H108571" s="12"/>
    </row>
    <row r="108572" spans="8:8">
      <c r="H108572" s="12"/>
    </row>
    <row r="108573" spans="8:8">
      <c r="H108573" s="12"/>
    </row>
    <row r="108574" spans="8:8">
      <c r="H108574" s="12"/>
    </row>
    <row r="108575" spans="8:8">
      <c r="H108575" s="12"/>
    </row>
    <row r="108576" spans="8:8">
      <c r="H108576" s="12"/>
    </row>
    <row r="108577" spans="8:8">
      <c r="H108577" s="12"/>
    </row>
    <row r="108578" spans="8:8">
      <c r="H108578" s="12"/>
    </row>
    <row r="108579" spans="8:8">
      <c r="H108579" s="12"/>
    </row>
    <row r="108580" spans="8:8">
      <c r="H108580" s="12"/>
    </row>
    <row r="108581" spans="8:8">
      <c r="H108581" s="12"/>
    </row>
    <row r="108582" spans="8:8">
      <c r="H108582" s="12"/>
    </row>
    <row r="108583" spans="8:8">
      <c r="H108583" s="12"/>
    </row>
    <row r="108584" spans="8:8">
      <c r="H108584" s="12"/>
    </row>
    <row r="108585" spans="8:8">
      <c r="H108585" s="12"/>
    </row>
    <row r="108586" spans="8:8">
      <c r="H108586" s="12"/>
    </row>
    <row r="108587" spans="8:8">
      <c r="H108587" s="12"/>
    </row>
    <row r="108588" spans="8:8">
      <c r="H108588" s="12"/>
    </row>
    <row r="108589" spans="8:8">
      <c r="H108589" s="12"/>
    </row>
    <row r="108590" spans="8:8">
      <c r="H108590" s="12"/>
    </row>
    <row r="108591" spans="8:8">
      <c r="H108591" s="12"/>
    </row>
    <row r="108592" spans="8:8">
      <c r="H108592" s="12"/>
    </row>
    <row r="108593" spans="8:8">
      <c r="H108593" s="12"/>
    </row>
    <row r="108594" spans="8:8">
      <c r="H108594" s="12"/>
    </row>
    <row r="108595" spans="8:8">
      <c r="H108595" s="12"/>
    </row>
    <row r="108596" spans="8:8">
      <c r="H108596" s="12"/>
    </row>
    <row r="108597" spans="8:8">
      <c r="H108597" s="12"/>
    </row>
    <row r="108598" spans="8:8">
      <c r="H108598" s="12"/>
    </row>
    <row r="108599" spans="8:8">
      <c r="H108599" s="12"/>
    </row>
    <row r="108600" spans="8:8">
      <c r="H108600" s="12"/>
    </row>
    <row r="108601" spans="8:8">
      <c r="H108601" s="12"/>
    </row>
    <row r="108602" spans="8:8">
      <c r="H108602" s="12"/>
    </row>
    <row r="108603" spans="8:8">
      <c r="H108603" s="12"/>
    </row>
    <row r="108604" spans="8:8">
      <c r="H108604" s="12"/>
    </row>
    <row r="108605" spans="8:8">
      <c r="H108605" s="12"/>
    </row>
    <row r="108606" spans="8:8">
      <c r="H108606" s="12"/>
    </row>
    <row r="108607" spans="8:8">
      <c r="H108607" s="12"/>
    </row>
    <row r="108608" spans="8:8">
      <c r="H108608" s="12"/>
    </row>
    <row r="108609" spans="8:8">
      <c r="H108609" s="12"/>
    </row>
    <row r="108610" spans="8:8">
      <c r="H108610" s="12"/>
    </row>
    <row r="108611" spans="8:8">
      <c r="H108611" s="12"/>
    </row>
    <row r="108612" spans="8:8">
      <c r="H108612" s="12"/>
    </row>
    <row r="108613" spans="8:8">
      <c r="H108613" s="12"/>
    </row>
    <row r="108614" spans="8:8">
      <c r="H108614" s="12"/>
    </row>
    <row r="108615" spans="8:8">
      <c r="H108615" s="12"/>
    </row>
    <row r="108616" spans="8:8">
      <c r="H108616" s="12"/>
    </row>
    <row r="108617" spans="8:8">
      <c r="H108617" s="12"/>
    </row>
    <row r="108618" spans="8:8">
      <c r="H108618" s="12"/>
    </row>
    <row r="108619" spans="8:8">
      <c r="H108619" s="12"/>
    </row>
    <row r="108620" spans="8:8">
      <c r="H108620" s="12"/>
    </row>
    <row r="108621" spans="8:8">
      <c r="H108621" s="12"/>
    </row>
    <row r="108622" spans="8:8">
      <c r="H108622" s="12"/>
    </row>
    <row r="108623" spans="8:8">
      <c r="H108623" s="12"/>
    </row>
    <row r="108624" spans="8:8">
      <c r="H108624" s="12"/>
    </row>
    <row r="108625" spans="8:8">
      <c r="H108625" s="12"/>
    </row>
    <row r="108626" spans="8:8">
      <c r="H108626" s="12"/>
    </row>
    <row r="108627" spans="8:8">
      <c r="H108627" s="12"/>
    </row>
    <row r="108628" spans="8:8">
      <c r="H108628" s="12"/>
    </row>
    <row r="108629" spans="8:8">
      <c r="H108629" s="12"/>
    </row>
    <row r="108630" spans="8:8">
      <c r="H108630" s="12"/>
    </row>
    <row r="108631" spans="8:8">
      <c r="H108631" s="12"/>
    </row>
    <row r="108632" spans="8:8">
      <c r="H108632" s="12"/>
    </row>
    <row r="108633" spans="8:8">
      <c r="H108633" s="12"/>
    </row>
    <row r="108634" spans="8:8">
      <c r="H108634" s="12"/>
    </row>
    <row r="108635" spans="8:8">
      <c r="H108635" s="12"/>
    </row>
    <row r="108636" spans="8:8">
      <c r="H108636" s="12"/>
    </row>
    <row r="108637" spans="8:8">
      <c r="H108637" s="12"/>
    </row>
    <row r="108638" spans="8:8">
      <c r="H108638" s="12"/>
    </row>
    <row r="108639" spans="8:8">
      <c r="H108639" s="12"/>
    </row>
    <row r="108640" spans="8:8">
      <c r="H108640" s="12"/>
    </row>
    <row r="108641" spans="8:8">
      <c r="H108641" s="12"/>
    </row>
    <row r="108642" spans="8:8">
      <c r="H108642" s="12"/>
    </row>
    <row r="108643" spans="8:8">
      <c r="H108643" s="12"/>
    </row>
    <row r="108644" spans="8:8">
      <c r="H108644" s="12"/>
    </row>
    <row r="108645" spans="8:8">
      <c r="H108645" s="12"/>
    </row>
    <row r="108646" spans="8:8">
      <c r="H108646" s="12"/>
    </row>
    <row r="108647" spans="8:8">
      <c r="H108647" s="12"/>
    </row>
    <row r="108648" spans="8:8">
      <c r="H108648" s="12"/>
    </row>
    <row r="108649" spans="8:8">
      <c r="H108649" s="12"/>
    </row>
    <row r="108650" spans="8:8">
      <c r="H108650" s="12"/>
    </row>
    <row r="108651" spans="8:8">
      <c r="H108651" s="12"/>
    </row>
    <row r="108652" spans="8:8">
      <c r="H108652" s="12"/>
    </row>
    <row r="108653" spans="8:8">
      <c r="H108653" s="12"/>
    </row>
    <row r="108654" spans="8:8">
      <c r="H108654" s="12"/>
    </row>
    <row r="108655" spans="8:8">
      <c r="H108655" s="12"/>
    </row>
    <row r="108656" spans="8:8">
      <c r="H108656" s="12"/>
    </row>
    <row r="108657" spans="8:8">
      <c r="H108657" s="12"/>
    </row>
    <row r="108658" spans="8:8">
      <c r="H108658" s="12"/>
    </row>
    <row r="108659" spans="8:8">
      <c r="H108659" s="12"/>
    </row>
    <row r="108660" spans="8:8">
      <c r="H108660" s="12"/>
    </row>
    <row r="108661" spans="8:8">
      <c r="H108661" s="12"/>
    </row>
    <row r="108662" spans="8:8">
      <c r="H108662" s="12"/>
    </row>
    <row r="108663" spans="8:8">
      <c r="H108663" s="12"/>
    </row>
    <row r="108664" spans="8:8">
      <c r="H108664" s="12"/>
    </row>
    <row r="108665" spans="8:8">
      <c r="H108665" s="12"/>
    </row>
    <row r="108666" spans="8:8">
      <c r="H108666" s="12"/>
    </row>
    <row r="108667" spans="8:8">
      <c r="H108667" s="12"/>
    </row>
    <row r="108668" spans="8:8">
      <c r="H108668" s="12"/>
    </row>
    <row r="108669" spans="8:8">
      <c r="H108669" s="12"/>
    </row>
    <row r="108670" spans="8:8">
      <c r="H108670" s="12"/>
    </row>
    <row r="108671" spans="8:8">
      <c r="H108671" s="12"/>
    </row>
    <row r="108672" spans="8:8">
      <c r="H108672" s="12"/>
    </row>
    <row r="108673" spans="8:8">
      <c r="H108673" s="12"/>
    </row>
    <row r="108674" spans="8:8">
      <c r="H108674" s="12"/>
    </row>
    <row r="108675" spans="8:8">
      <c r="H108675" s="12"/>
    </row>
    <row r="108676" spans="8:8">
      <c r="H108676" s="12"/>
    </row>
    <row r="108677" spans="8:8">
      <c r="H108677" s="12"/>
    </row>
    <row r="108678" spans="8:8">
      <c r="H108678" s="12"/>
    </row>
    <row r="108679" spans="8:8">
      <c r="H108679" s="12"/>
    </row>
    <row r="108680" spans="8:8">
      <c r="H108680" s="12"/>
    </row>
    <row r="108681" spans="8:8">
      <c r="H108681" s="12"/>
    </row>
    <row r="108682" spans="8:8">
      <c r="H108682" s="12"/>
    </row>
    <row r="108683" spans="8:8">
      <c r="H108683" s="12"/>
    </row>
    <row r="108684" spans="8:8">
      <c r="H108684" s="12"/>
    </row>
    <row r="108685" spans="8:8">
      <c r="H108685" s="12"/>
    </row>
    <row r="108686" spans="8:8">
      <c r="H108686" s="12"/>
    </row>
    <row r="108687" spans="8:8">
      <c r="H108687" s="12"/>
    </row>
    <row r="108688" spans="8:8">
      <c r="H108688" s="12"/>
    </row>
    <row r="108689" spans="8:8">
      <c r="H108689" s="12"/>
    </row>
    <row r="108690" spans="8:8">
      <c r="H108690" s="12"/>
    </row>
    <row r="108691" spans="8:8">
      <c r="H108691" s="12"/>
    </row>
    <row r="108692" spans="8:8">
      <c r="H108692" s="12"/>
    </row>
    <row r="108693" spans="8:8">
      <c r="H108693" s="12"/>
    </row>
    <row r="108694" spans="8:8">
      <c r="H108694" s="12"/>
    </row>
    <row r="108695" spans="8:8">
      <c r="H108695" s="12"/>
    </row>
    <row r="108696" spans="8:8">
      <c r="H108696" s="12"/>
    </row>
    <row r="108697" spans="8:8">
      <c r="H108697" s="12"/>
    </row>
    <row r="108698" spans="8:8">
      <c r="H108698" s="12"/>
    </row>
    <row r="108699" spans="8:8">
      <c r="H108699" s="12"/>
    </row>
    <row r="108700" spans="8:8">
      <c r="H108700" s="12"/>
    </row>
    <row r="108701" spans="8:8">
      <c r="H108701" s="12"/>
    </row>
    <row r="108702" spans="8:8">
      <c r="H108702" s="12"/>
    </row>
    <row r="108703" spans="8:8">
      <c r="H108703" s="12"/>
    </row>
    <row r="108704" spans="8:8">
      <c r="H108704" s="12"/>
    </row>
    <row r="108705" spans="8:8">
      <c r="H108705" s="12"/>
    </row>
    <row r="108706" spans="8:8">
      <c r="H108706" s="12"/>
    </row>
    <row r="108707" spans="8:8">
      <c r="H108707" s="12"/>
    </row>
    <row r="108708" spans="8:8">
      <c r="H108708" s="12"/>
    </row>
    <row r="108709" spans="8:8">
      <c r="H108709" s="12"/>
    </row>
    <row r="108710" spans="8:8">
      <c r="H108710" s="12"/>
    </row>
    <row r="108711" spans="8:8">
      <c r="H108711" s="12"/>
    </row>
    <row r="108712" spans="8:8">
      <c r="H108712" s="12"/>
    </row>
    <row r="108713" spans="8:8">
      <c r="H108713" s="12"/>
    </row>
    <row r="108714" spans="8:8">
      <c r="H108714" s="12"/>
    </row>
    <row r="108715" spans="8:8">
      <c r="H108715" s="12"/>
    </row>
    <row r="108716" spans="8:8">
      <c r="H108716" s="12"/>
    </row>
    <row r="108717" spans="8:8">
      <c r="H108717" s="12"/>
    </row>
    <row r="108718" spans="8:8">
      <c r="H108718" s="12"/>
    </row>
    <row r="108719" spans="8:8">
      <c r="H108719" s="12"/>
    </row>
    <row r="108720" spans="8:8">
      <c r="H108720" s="12"/>
    </row>
    <row r="108721" spans="8:8">
      <c r="H108721" s="12"/>
    </row>
    <row r="108722" spans="8:8">
      <c r="H108722" s="12"/>
    </row>
    <row r="108723" spans="8:8">
      <c r="H108723" s="12"/>
    </row>
    <row r="108724" spans="8:8">
      <c r="H108724" s="12"/>
    </row>
    <row r="108725" spans="8:8">
      <c r="H108725" s="12"/>
    </row>
    <row r="108726" spans="8:8">
      <c r="H108726" s="12"/>
    </row>
    <row r="108727" spans="8:8">
      <c r="H108727" s="12"/>
    </row>
    <row r="108728" spans="8:8">
      <c r="H108728" s="12"/>
    </row>
    <row r="108729" spans="8:8">
      <c r="H108729" s="12"/>
    </row>
    <row r="108730" spans="8:8">
      <c r="H108730" s="12"/>
    </row>
    <row r="108731" spans="8:8">
      <c r="H108731" s="12"/>
    </row>
    <row r="108732" spans="8:8">
      <c r="H108732" s="12"/>
    </row>
    <row r="108733" spans="8:8">
      <c r="H108733" s="12"/>
    </row>
    <row r="108734" spans="8:8">
      <c r="H108734" s="12"/>
    </row>
    <row r="108735" spans="8:8">
      <c r="H108735" s="12"/>
    </row>
    <row r="108736" spans="8:8">
      <c r="H108736" s="12"/>
    </row>
    <row r="108737" spans="8:8">
      <c r="H108737" s="12"/>
    </row>
    <row r="108738" spans="8:8">
      <c r="H108738" s="12"/>
    </row>
    <row r="108739" spans="8:8">
      <c r="H108739" s="12"/>
    </row>
    <row r="108740" spans="8:8">
      <c r="H108740" s="12"/>
    </row>
    <row r="108741" spans="8:8">
      <c r="H108741" s="12"/>
    </row>
    <row r="108742" spans="8:8">
      <c r="H108742" s="12"/>
    </row>
    <row r="108743" spans="8:8">
      <c r="H108743" s="12"/>
    </row>
    <row r="108744" spans="8:8">
      <c r="H108744" s="12"/>
    </row>
    <row r="108745" spans="8:8">
      <c r="H108745" s="12"/>
    </row>
    <row r="108746" spans="8:8">
      <c r="H108746" s="12"/>
    </row>
    <row r="108747" spans="8:8">
      <c r="H108747" s="12"/>
    </row>
    <row r="108748" spans="8:8">
      <c r="H108748" s="12"/>
    </row>
    <row r="108749" spans="8:8">
      <c r="H108749" s="12"/>
    </row>
    <row r="108750" spans="8:8">
      <c r="H108750" s="12"/>
    </row>
    <row r="108751" spans="8:8">
      <c r="H108751" s="12"/>
    </row>
    <row r="108752" spans="8:8">
      <c r="H108752" s="12"/>
    </row>
    <row r="108753" spans="8:8">
      <c r="H108753" s="12"/>
    </row>
    <row r="108754" spans="8:8">
      <c r="H108754" s="12"/>
    </row>
    <row r="108755" spans="8:8">
      <c r="H108755" s="12"/>
    </row>
    <row r="108756" spans="8:8">
      <c r="H108756" s="12"/>
    </row>
    <row r="108757" spans="8:8">
      <c r="H108757" s="12"/>
    </row>
    <row r="108758" spans="8:8">
      <c r="H108758" s="12"/>
    </row>
    <row r="108759" spans="8:8">
      <c r="H108759" s="12"/>
    </row>
    <row r="108760" spans="8:8">
      <c r="H108760" s="12"/>
    </row>
    <row r="108761" spans="8:8">
      <c r="H108761" s="12"/>
    </row>
    <row r="108762" spans="8:8">
      <c r="H108762" s="12"/>
    </row>
    <row r="108763" spans="8:8">
      <c r="H108763" s="12"/>
    </row>
    <row r="108764" spans="8:8">
      <c r="H108764" s="12"/>
    </row>
    <row r="108765" spans="8:8">
      <c r="H108765" s="12"/>
    </row>
    <row r="108766" spans="8:8">
      <c r="H108766" s="12"/>
    </row>
    <row r="108767" spans="8:8">
      <c r="H108767" s="12"/>
    </row>
    <row r="108768" spans="8:8">
      <c r="H108768" s="12"/>
    </row>
    <row r="108769" spans="8:8">
      <c r="H108769" s="12"/>
    </row>
    <row r="108770" spans="8:8">
      <c r="H108770" s="12"/>
    </row>
    <row r="108771" spans="8:8">
      <c r="H108771" s="12"/>
    </row>
    <row r="108772" spans="8:8">
      <c r="H108772" s="12"/>
    </row>
    <row r="108773" spans="8:8">
      <c r="H108773" s="12"/>
    </row>
    <row r="108774" spans="8:8">
      <c r="H108774" s="12"/>
    </row>
    <row r="108775" spans="8:8">
      <c r="H108775" s="12"/>
    </row>
    <row r="108776" spans="8:8">
      <c r="H108776" s="12"/>
    </row>
    <row r="108777" spans="8:8">
      <c r="H108777" s="12"/>
    </row>
    <row r="108778" spans="8:8">
      <c r="H108778" s="12"/>
    </row>
    <row r="108779" spans="8:8">
      <c r="H108779" s="12"/>
    </row>
    <row r="108780" spans="8:8">
      <c r="H108780" s="12"/>
    </row>
    <row r="108781" spans="8:8">
      <c r="H108781" s="12"/>
    </row>
    <row r="108782" spans="8:8">
      <c r="H108782" s="12"/>
    </row>
    <row r="108783" spans="8:8">
      <c r="H108783" s="12"/>
    </row>
    <row r="108784" spans="8:8">
      <c r="H108784" s="12"/>
    </row>
    <row r="108785" spans="8:8">
      <c r="H108785" s="12"/>
    </row>
    <row r="108786" spans="8:8">
      <c r="H108786" s="12"/>
    </row>
    <row r="108787" spans="8:8">
      <c r="H108787" s="12"/>
    </row>
    <row r="108788" spans="8:8">
      <c r="H108788" s="12"/>
    </row>
    <row r="108789" spans="8:8">
      <c r="H108789" s="12"/>
    </row>
    <row r="108790" spans="8:8">
      <c r="H108790" s="12"/>
    </row>
    <row r="108791" spans="8:8">
      <c r="H108791" s="12"/>
    </row>
    <row r="108792" spans="8:8">
      <c r="H108792" s="12"/>
    </row>
    <row r="108793" spans="8:8">
      <c r="H108793" s="12"/>
    </row>
    <row r="108794" spans="8:8">
      <c r="H108794" s="12"/>
    </row>
    <row r="108795" spans="8:8">
      <c r="H108795" s="12"/>
    </row>
    <row r="108796" spans="8:8">
      <c r="H108796" s="12"/>
    </row>
    <row r="108797" spans="8:8">
      <c r="H108797" s="12"/>
    </row>
    <row r="108798" spans="8:8">
      <c r="H108798" s="12"/>
    </row>
    <row r="108799" spans="8:8">
      <c r="H108799" s="12"/>
    </row>
    <row r="108800" spans="8:8">
      <c r="H108800" s="12"/>
    </row>
    <row r="108801" spans="8:8">
      <c r="H108801" s="12"/>
    </row>
    <row r="108802" spans="8:8">
      <c r="H108802" s="12"/>
    </row>
    <row r="108803" spans="8:8">
      <c r="H108803" s="12"/>
    </row>
    <row r="108804" spans="8:8">
      <c r="H108804" s="12"/>
    </row>
    <row r="108805" spans="8:8">
      <c r="H108805" s="12"/>
    </row>
    <row r="108806" spans="8:8">
      <c r="H108806" s="12"/>
    </row>
    <row r="108807" spans="8:8">
      <c r="H108807" s="12"/>
    </row>
    <row r="108808" spans="8:8">
      <c r="H108808" s="12"/>
    </row>
    <row r="108809" spans="8:8">
      <c r="H108809" s="12"/>
    </row>
    <row r="108810" spans="8:8">
      <c r="H108810" s="12"/>
    </row>
    <row r="108811" spans="8:8">
      <c r="H108811" s="12"/>
    </row>
    <row r="108812" spans="8:8">
      <c r="H108812" s="12"/>
    </row>
    <row r="108813" spans="8:8">
      <c r="H108813" s="12"/>
    </row>
    <row r="108814" spans="8:8">
      <c r="H108814" s="12"/>
    </row>
    <row r="108815" spans="8:8">
      <c r="H108815" s="12"/>
    </row>
    <row r="108816" spans="8:8">
      <c r="H108816" s="12"/>
    </row>
    <row r="108817" spans="8:8">
      <c r="H108817" s="12"/>
    </row>
    <row r="108818" spans="8:8">
      <c r="H108818" s="12"/>
    </row>
    <row r="108819" spans="8:8">
      <c r="H108819" s="12"/>
    </row>
    <row r="108820" spans="8:8">
      <c r="H108820" s="12"/>
    </row>
    <row r="108821" spans="8:8">
      <c r="H108821" s="12"/>
    </row>
    <row r="108822" spans="8:8">
      <c r="H108822" s="12"/>
    </row>
    <row r="108823" spans="8:8">
      <c r="H108823" s="12"/>
    </row>
    <row r="108824" spans="8:8">
      <c r="H108824" s="12"/>
    </row>
    <row r="108825" spans="8:8">
      <c r="H108825" s="12"/>
    </row>
    <row r="108826" spans="8:8">
      <c r="H108826" s="12"/>
    </row>
    <row r="108827" spans="8:8">
      <c r="H108827" s="12"/>
    </row>
    <row r="108828" spans="8:8">
      <c r="H108828" s="12"/>
    </row>
    <row r="108829" spans="8:8">
      <c r="H108829" s="12"/>
    </row>
    <row r="108830" spans="8:8">
      <c r="H108830" s="12"/>
    </row>
    <row r="108831" spans="8:8">
      <c r="H108831" s="12"/>
    </row>
    <row r="108832" spans="8:8">
      <c r="H108832" s="12"/>
    </row>
    <row r="108833" spans="8:8">
      <c r="H108833" s="12"/>
    </row>
    <row r="108834" spans="8:8">
      <c r="H108834" s="12"/>
    </row>
    <row r="108835" spans="8:8">
      <c r="H108835" s="12"/>
    </row>
    <row r="108836" spans="8:8">
      <c r="H108836" s="12"/>
    </row>
    <row r="108837" spans="8:8">
      <c r="H108837" s="12"/>
    </row>
    <row r="108838" spans="8:8">
      <c r="H108838" s="12"/>
    </row>
    <row r="108839" spans="8:8">
      <c r="H108839" s="12"/>
    </row>
    <row r="108840" spans="8:8">
      <c r="H108840" s="12"/>
    </row>
    <row r="108841" spans="8:8">
      <c r="H108841" s="12"/>
    </row>
    <row r="108842" spans="8:8">
      <c r="H108842" s="12"/>
    </row>
    <row r="108843" spans="8:8">
      <c r="H108843" s="12"/>
    </row>
    <row r="108844" spans="8:8">
      <c r="H108844" s="12"/>
    </row>
    <row r="108845" spans="8:8">
      <c r="H108845" s="12"/>
    </row>
    <row r="108846" spans="8:8">
      <c r="H108846" s="12"/>
    </row>
    <row r="108847" spans="8:8">
      <c r="H108847" s="12"/>
    </row>
    <row r="108848" spans="8:8">
      <c r="H108848" s="12"/>
    </row>
    <row r="108849" spans="8:8">
      <c r="H108849" s="12"/>
    </row>
    <row r="108850" spans="8:8">
      <c r="H108850" s="12"/>
    </row>
    <row r="108851" spans="8:8">
      <c r="H108851" s="12"/>
    </row>
    <row r="108852" spans="8:8">
      <c r="H108852" s="12"/>
    </row>
    <row r="108853" spans="8:8">
      <c r="H108853" s="12"/>
    </row>
    <row r="108854" spans="8:8">
      <c r="H108854" s="12"/>
    </row>
    <row r="108855" spans="8:8">
      <c r="H108855" s="12"/>
    </row>
    <row r="108856" spans="8:8">
      <c r="H108856" s="12"/>
    </row>
    <row r="108857" spans="8:8">
      <c r="H108857" s="12"/>
    </row>
    <row r="108858" spans="8:8">
      <c r="H108858" s="12"/>
    </row>
    <row r="108859" spans="8:8">
      <c r="H108859" s="12"/>
    </row>
    <row r="108860" spans="8:8">
      <c r="H108860" s="12"/>
    </row>
    <row r="108861" spans="8:8">
      <c r="H108861" s="12"/>
    </row>
    <row r="108862" spans="8:8">
      <c r="H108862" s="12"/>
    </row>
    <row r="108863" spans="8:8">
      <c r="H108863" s="12"/>
    </row>
    <row r="108864" spans="8:8">
      <c r="H108864" s="12"/>
    </row>
    <row r="108865" spans="8:8">
      <c r="H108865" s="12"/>
    </row>
    <row r="108866" spans="8:8">
      <c r="H108866" s="12"/>
    </row>
    <row r="108867" spans="8:8">
      <c r="H108867" s="12"/>
    </row>
    <row r="108868" spans="8:8">
      <c r="H108868" s="12"/>
    </row>
    <row r="108869" spans="8:8">
      <c r="H108869" s="12"/>
    </row>
    <row r="108870" spans="8:8">
      <c r="H108870" s="12"/>
    </row>
    <row r="108871" spans="8:8">
      <c r="H108871" s="12"/>
    </row>
    <row r="108872" spans="8:8">
      <c r="H108872" s="12"/>
    </row>
    <row r="108873" spans="8:8">
      <c r="H108873" s="12"/>
    </row>
    <row r="108874" spans="8:8">
      <c r="H108874" s="12"/>
    </row>
    <row r="108875" spans="8:8">
      <c r="H108875" s="12"/>
    </row>
    <row r="108876" spans="8:8">
      <c r="H108876" s="12"/>
    </row>
    <row r="108877" spans="8:8">
      <c r="H108877" s="12"/>
    </row>
    <row r="108878" spans="8:8">
      <c r="H108878" s="12"/>
    </row>
    <row r="108879" spans="8:8">
      <c r="H108879" s="12"/>
    </row>
    <row r="108880" spans="8:8">
      <c r="H108880" s="12"/>
    </row>
    <row r="108881" spans="8:8">
      <c r="H108881" s="12"/>
    </row>
    <row r="108882" spans="8:8">
      <c r="H108882" s="12"/>
    </row>
    <row r="108883" spans="8:8">
      <c r="H108883" s="12"/>
    </row>
    <row r="108884" spans="8:8">
      <c r="H108884" s="12"/>
    </row>
    <row r="108885" spans="8:8">
      <c r="H108885" s="12"/>
    </row>
    <row r="108886" spans="8:8">
      <c r="H108886" s="12"/>
    </row>
    <row r="108887" spans="8:8">
      <c r="H108887" s="12"/>
    </row>
    <row r="108888" spans="8:8">
      <c r="H108888" s="12"/>
    </row>
    <row r="108889" spans="8:8">
      <c r="H108889" s="12"/>
    </row>
    <row r="108890" spans="8:8">
      <c r="H108890" s="12"/>
    </row>
    <row r="108891" spans="8:8">
      <c r="H108891" s="12"/>
    </row>
    <row r="108892" spans="8:8">
      <c r="H108892" s="12"/>
    </row>
    <row r="108893" spans="8:8">
      <c r="H108893" s="12"/>
    </row>
    <row r="108894" spans="8:8">
      <c r="H108894" s="12"/>
    </row>
    <row r="108895" spans="8:8">
      <c r="H108895" s="12"/>
    </row>
    <row r="108896" spans="8:8">
      <c r="H108896" s="12"/>
    </row>
    <row r="108897" spans="8:8">
      <c r="H108897" s="12"/>
    </row>
    <row r="108898" spans="8:8">
      <c r="H108898" s="12"/>
    </row>
    <row r="108899" spans="8:8">
      <c r="H108899" s="12"/>
    </row>
    <row r="108900" spans="8:8">
      <c r="H108900" s="12"/>
    </row>
    <row r="108901" spans="8:8">
      <c r="H108901" s="12"/>
    </row>
    <row r="108902" spans="8:8">
      <c r="H108902" s="12"/>
    </row>
    <row r="108903" spans="8:8">
      <c r="H108903" s="12"/>
    </row>
    <row r="108904" spans="8:8">
      <c r="H108904" s="12"/>
    </row>
    <row r="108905" spans="8:8">
      <c r="H108905" s="12"/>
    </row>
    <row r="108906" spans="8:8">
      <c r="H108906" s="12"/>
    </row>
    <row r="108907" spans="8:8">
      <c r="H108907" s="12"/>
    </row>
    <row r="108908" spans="8:8">
      <c r="H108908" s="12"/>
    </row>
    <row r="108909" spans="8:8">
      <c r="H108909" s="12"/>
    </row>
    <row r="108910" spans="8:8">
      <c r="H108910" s="12"/>
    </row>
    <row r="108911" spans="8:8">
      <c r="H108911" s="12"/>
    </row>
    <row r="108912" spans="8:8">
      <c r="H108912" s="12"/>
    </row>
    <row r="108913" spans="8:8">
      <c r="H108913" s="12"/>
    </row>
    <row r="108914" spans="8:8">
      <c r="H108914" s="12"/>
    </row>
    <row r="108915" spans="8:8">
      <c r="H108915" s="12"/>
    </row>
    <row r="108916" spans="8:8">
      <c r="H108916" s="12"/>
    </row>
    <row r="108917" spans="8:8">
      <c r="H108917" s="12"/>
    </row>
    <row r="108918" spans="8:8">
      <c r="H108918" s="12"/>
    </row>
    <row r="108919" spans="8:8">
      <c r="H108919" s="12"/>
    </row>
    <row r="108920" spans="8:8">
      <c r="H108920" s="12"/>
    </row>
    <row r="108921" spans="8:8">
      <c r="H108921" s="12"/>
    </row>
    <row r="108922" spans="8:8">
      <c r="H108922" s="12"/>
    </row>
    <row r="108923" spans="8:8">
      <c r="H108923" s="12"/>
    </row>
    <row r="108924" spans="8:8">
      <c r="H108924" s="12"/>
    </row>
    <row r="108925" spans="8:8">
      <c r="H108925" s="12"/>
    </row>
    <row r="108926" spans="8:8">
      <c r="H108926" s="12"/>
    </row>
    <row r="108927" spans="8:8">
      <c r="H108927" s="12"/>
    </row>
    <row r="108928" spans="8:8">
      <c r="H108928" s="12"/>
    </row>
    <row r="108929" spans="8:8">
      <c r="H108929" s="12"/>
    </row>
    <row r="108930" spans="8:8">
      <c r="H108930" s="12"/>
    </row>
    <row r="108931" spans="8:8">
      <c r="H108931" s="12"/>
    </row>
    <row r="108932" spans="8:8">
      <c r="H108932" s="12"/>
    </row>
    <row r="108933" spans="8:8">
      <c r="H108933" s="12"/>
    </row>
    <row r="108934" spans="8:8">
      <c r="H108934" s="12"/>
    </row>
    <row r="108935" spans="8:8">
      <c r="H108935" s="12"/>
    </row>
    <row r="108936" spans="8:8">
      <c r="H108936" s="12"/>
    </row>
    <row r="108937" spans="8:8">
      <c r="H108937" s="12"/>
    </row>
    <row r="108938" spans="8:8">
      <c r="H108938" s="12"/>
    </row>
    <row r="108939" spans="8:8">
      <c r="H108939" s="12"/>
    </row>
    <row r="108940" spans="8:8">
      <c r="H108940" s="12"/>
    </row>
    <row r="108941" spans="8:8">
      <c r="H108941" s="12"/>
    </row>
    <row r="108942" spans="8:8">
      <c r="H108942" s="12"/>
    </row>
    <row r="108943" spans="8:8">
      <c r="H108943" s="12"/>
    </row>
    <row r="108944" spans="8:8">
      <c r="H108944" s="12"/>
    </row>
    <row r="108945" spans="8:8">
      <c r="H108945" s="12"/>
    </row>
    <row r="108946" spans="8:8">
      <c r="H108946" s="12"/>
    </row>
    <row r="108947" spans="8:8">
      <c r="H108947" s="12"/>
    </row>
    <row r="108948" spans="8:8">
      <c r="H108948" s="12"/>
    </row>
    <row r="108949" spans="8:8">
      <c r="H108949" s="12"/>
    </row>
    <row r="108950" spans="8:8">
      <c r="H108950" s="12"/>
    </row>
    <row r="108951" spans="8:8">
      <c r="H108951" s="12"/>
    </row>
    <row r="108952" spans="8:8">
      <c r="H108952" s="12"/>
    </row>
    <row r="108953" spans="8:8">
      <c r="H108953" s="12"/>
    </row>
    <row r="108954" spans="8:8">
      <c r="H108954" s="12"/>
    </row>
    <row r="108955" spans="8:8">
      <c r="H108955" s="12"/>
    </row>
    <row r="108956" spans="8:8">
      <c r="H108956" s="12"/>
    </row>
    <row r="108957" spans="8:8">
      <c r="H108957" s="12"/>
    </row>
    <row r="108958" spans="8:8">
      <c r="H108958" s="12"/>
    </row>
    <row r="108959" spans="8:8">
      <c r="H108959" s="12"/>
    </row>
    <row r="108960" spans="8:8">
      <c r="H108960" s="12"/>
    </row>
    <row r="108961" spans="8:8">
      <c r="H108961" s="12"/>
    </row>
    <row r="108962" spans="8:8">
      <c r="H108962" s="12"/>
    </row>
    <row r="108963" spans="8:8">
      <c r="H108963" s="12"/>
    </row>
    <row r="108964" spans="8:8">
      <c r="H108964" s="12"/>
    </row>
    <row r="108965" spans="8:8">
      <c r="H108965" s="12"/>
    </row>
    <row r="108966" spans="8:8">
      <c r="H108966" s="12"/>
    </row>
    <row r="108967" spans="8:8">
      <c r="H108967" s="12"/>
    </row>
    <row r="108968" spans="8:8">
      <c r="H108968" s="12"/>
    </row>
    <row r="108969" spans="8:8">
      <c r="H108969" s="12"/>
    </row>
    <row r="108970" spans="8:8">
      <c r="H108970" s="12"/>
    </row>
    <row r="108971" spans="8:8">
      <c r="H108971" s="12"/>
    </row>
    <row r="108972" spans="8:8">
      <c r="H108972" s="12"/>
    </row>
    <row r="108973" spans="8:8">
      <c r="H108973" s="12"/>
    </row>
    <row r="108974" spans="8:8">
      <c r="H108974" s="12"/>
    </row>
    <row r="108975" spans="8:8">
      <c r="H108975" s="12"/>
    </row>
    <row r="108976" spans="8:8">
      <c r="H108976" s="12"/>
    </row>
    <row r="108977" spans="8:8">
      <c r="H108977" s="12"/>
    </row>
    <row r="108978" spans="8:8">
      <c r="H108978" s="12"/>
    </row>
    <row r="108979" spans="8:8">
      <c r="H108979" s="12"/>
    </row>
    <row r="108980" spans="8:8">
      <c r="H108980" s="12"/>
    </row>
    <row r="108981" spans="8:8">
      <c r="H108981" s="12"/>
    </row>
    <row r="108982" spans="8:8">
      <c r="H108982" s="12"/>
    </row>
    <row r="108983" spans="8:8">
      <c r="H108983" s="12"/>
    </row>
    <row r="108984" spans="8:8">
      <c r="H108984" s="12"/>
    </row>
    <row r="108985" spans="8:8">
      <c r="H108985" s="12"/>
    </row>
    <row r="108986" spans="8:8">
      <c r="H108986" s="12"/>
    </row>
    <row r="108987" spans="8:8">
      <c r="H108987" s="12"/>
    </row>
    <row r="108988" spans="8:8">
      <c r="H108988" s="12"/>
    </row>
    <row r="108989" spans="8:8">
      <c r="H108989" s="12"/>
    </row>
    <row r="108990" spans="8:8">
      <c r="H108990" s="12"/>
    </row>
    <row r="108991" spans="8:8">
      <c r="H108991" s="12"/>
    </row>
    <row r="108992" spans="8:8">
      <c r="H108992" s="12"/>
    </row>
    <row r="108993" spans="8:8">
      <c r="H108993" s="12"/>
    </row>
    <row r="108994" spans="8:8">
      <c r="H108994" s="12"/>
    </row>
    <row r="108995" spans="8:8">
      <c r="H108995" s="12"/>
    </row>
    <row r="108996" spans="8:8">
      <c r="H108996" s="12"/>
    </row>
    <row r="108997" spans="8:8">
      <c r="H108997" s="12"/>
    </row>
    <row r="108998" spans="8:8">
      <c r="H108998" s="12"/>
    </row>
    <row r="108999" spans="8:8">
      <c r="H108999" s="12"/>
    </row>
    <row r="109000" spans="8:8">
      <c r="H109000" s="12"/>
    </row>
    <row r="109001" spans="8:8">
      <c r="H109001" s="12"/>
    </row>
    <row r="109002" spans="8:8">
      <c r="H109002" s="12"/>
    </row>
    <row r="109003" spans="8:8">
      <c r="H109003" s="12"/>
    </row>
    <row r="109004" spans="8:8">
      <c r="H109004" s="12"/>
    </row>
    <row r="109005" spans="8:8">
      <c r="H109005" s="12"/>
    </row>
    <row r="109006" spans="8:8">
      <c r="H109006" s="12"/>
    </row>
    <row r="109007" spans="8:8">
      <c r="H109007" s="12"/>
    </row>
    <row r="109008" spans="8:8">
      <c r="H109008" s="12"/>
    </row>
    <row r="109009" spans="8:8">
      <c r="H109009" s="12"/>
    </row>
    <row r="109010" spans="8:8">
      <c r="H109010" s="12"/>
    </row>
    <row r="109011" spans="8:8">
      <c r="H109011" s="12"/>
    </row>
    <row r="109012" spans="8:8">
      <c r="H109012" s="12"/>
    </row>
    <row r="109013" spans="8:8">
      <c r="H109013" s="12"/>
    </row>
    <row r="109014" spans="8:8">
      <c r="H109014" s="12"/>
    </row>
    <row r="109015" spans="8:8">
      <c r="H109015" s="12"/>
    </row>
    <row r="109016" spans="8:8">
      <c r="H109016" s="12"/>
    </row>
    <row r="109017" spans="8:8">
      <c r="H109017" s="12"/>
    </row>
    <row r="109018" spans="8:8">
      <c r="H109018" s="12"/>
    </row>
    <row r="109019" spans="8:8">
      <c r="H109019" s="12"/>
    </row>
    <row r="109020" spans="8:8">
      <c r="H109020" s="12"/>
    </row>
    <row r="109021" spans="8:8">
      <c r="H109021" s="12"/>
    </row>
    <row r="109022" spans="8:8">
      <c r="H109022" s="12"/>
    </row>
    <row r="109023" spans="8:8">
      <c r="H109023" s="12"/>
    </row>
    <row r="109024" spans="8:8">
      <c r="H109024" s="12"/>
    </row>
    <row r="109025" spans="8:8">
      <c r="H109025" s="12"/>
    </row>
    <row r="109026" spans="8:8">
      <c r="H109026" s="12"/>
    </row>
    <row r="109027" spans="8:8">
      <c r="H109027" s="12"/>
    </row>
    <row r="109028" spans="8:8">
      <c r="H109028" s="12"/>
    </row>
    <row r="109029" spans="8:8">
      <c r="H109029" s="12"/>
    </row>
    <row r="109030" spans="8:8">
      <c r="H109030" s="12"/>
    </row>
    <row r="109031" spans="8:8">
      <c r="H109031" s="12"/>
    </row>
    <row r="109032" spans="8:8">
      <c r="H109032" s="12"/>
    </row>
    <row r="109033" spans="8:8">
      <c r="H109033" s="12"/>
    </row>
    <row r="109034" spans="8:8">
      <c r="H109034" s="12"/>
    </row>
    <row r="109035" spans="8:8">
      <c r="H109035" s="12"/>
    </row>
    <row r="109036" spans="8:8">
      <c r="H109036" s="12"/>
    </row>
    <row r="109037" spans="8:8">
      <c r="H109037" s="12"/>
    </row>
    <row r="109038" spans="8:8">
      <c r="H109038" s="12"/>
    </row>
    <row r="109039" spans="8:8">
      <c r="H109039" s="12"/>
    </row>
    <row r="109040" spans="8:8">
      <c r="H109040" s="12"/>
    </row>
    <row r="109041" spans="8:8">
      <c r="H109041" s="12"/>
    </row>
    <row r="109042" spans="8:8">
      <c r="H109042" s="12"/>
    </row>
    <row r="109043" spans="8:8">
      <c r="H109043" s="12"/>
    </row>
    <row r="109044" spans="8:8">
      <c r="H109044" s="12"/>
    </row>
    <row r="109045" spans="8:8">
      <c r="H109045" s="12"/>
    </row>
    <row r="109046" spans="8:8">
      <c r="H109046" s="12"/>
    </row>
    <row r="109047" spans="8:8">
      <c r="H109047" s="12"/>
    </row>
    <row r="109048" spans="8:8">
      <c r="H109048" s="12"/>
    </row>
    <row r="109049" spans="8:8">
      <c r="H109049" s="12"/>
    </row>
    <row r="109050" spans="8:8">
      <c r="H109050" s="12"/>
    </row>
    <row r="109051" spans="8:8">
      <c r="H109051" s="12"/>
    </row>
    <row r="109052" spans="8:8">
      <c r="H109052" s="12"/>
    </row>
    <row r="109053" spans="8:8">
      <c r="H109053" s="12"/>
    </row>
    <row r="109054" spans="8:8">
      <c r="H109054" s="12"/>
    </row>
    <row r="109055" spans="8:8">
      <c r="H109055" s="12"/>
    </row>
    <row r="109056" spans="8:8">
      <c r="H109056" s="12"/>
    </row>
    <row r="109057" spans="8:8">
      <c r="H109057" s="12"/>
    </row>
    <row r="109058" spans="8:8">
      <c r="H109058" s="12"/>
    </row>
    <row r="109059" spans="8:8">
      <c r="H109059" s="12"/>
    </row>
    <row r="109060" spans="8:8">
      <c r="H109060" s="12"/>
    </row>
    <row r="109061" spans="8:8">
      <c r="H109061" s="12"/>
    </row>
    <row r="109062" spans="8:8">
      <c r="H109062" s="12"/>
    </row>
    <row r="109063" spans="8:8">
      <c r="H109063" s="12"/>
    </row>
    <row r="109064" spans="8:8">
      <c r="H109064" s="12"/>
    </row>
    <row r="109065" spans="8:8">
      <c r="H109065" s="12"/>
    </row>
    <row r="109066" spans="8:8">
      <c r="H109066" s="12"/>
    </row>
    <row r="109067" spans="8:8">
      <c r="H109067" s="12"/>
    </row>
    <row r="109068" spans="8:8">
      <c r="H109068" s="12"/>
    </row>
    <row r="109069" spans="8:8">
      <c r="H109069" s="12"/>
    </row>
    <row r="109070" spans="8:8">
      <c r="H109070" s="12"/>
    </row>
    <row r="109071" spans="8:8">
      <c r="H109071" s="12"/>
    </row>
    <row r="109072" spans="8:8">
      <c r="H109072" s="12"/>
    </row>
    <row r="109073" spans="8:8">
      <c r="H109073" s="12"/>
    </row>
    <row r="109074" spans="8:8">
      <c r="H109074" s="12"/>
    </row>
    <row r="109075" spans="8:8">
      <c r="H109075" s="12"/>
    </row>
    <row r="109076" spans="8:8">
      <c r="H109076" s="12"/>
    </row>
    <row r="109077" spans="8:8">
      <c r="H109077" s="12"/>
    </row>
    <row r="109078" spans="8:8">
      <c r="H109078" s="12"/>
    </row>
    <row r="109079" spans="8:8">
      <c r="H109079" s="12"/>
    </row>
    <row r="109080" spans="8:8">
      <c r="H109080" s="12"/>
    </row>
    <row r="109081" spans="8:8">
      <c r="H109081" s="12"/>
    </row>
    <row r="109082" spans="8:8">
      <c r="H109082" s="12"/>
    </row>
    <row r="109083" spans="8:8">
      <c r="H109083" s="12"/>
    </row>
    <row r="109084" spans="8:8">
      <c r="H109084" s="12"/>
    </row>
    <row r="109085" spans="8:8">
      <c r="H109085" s="12"/>
    </row>
    <row r="109086" spans="8:8">
      <c r="H109086" s="12"/>
    </row>
    <row r="109087" spans="8:8">
      <c r="H109087" s="12"/>
    </row>
    <row r="109088" spans="8:8">
      <c r="H109088" s="12"/>
    </row>
    <row r="109089" spans="8:8">
      <c r="H109089" s="12"/>
    </row>
    <row r="109090" spans="8:8">
      <c r="H109090" s="12"/>
    </row>
    <row r="109091" spans="8:8">
      <c r="H109091" s="12"/>
    </row>
    <row r="109092" spans="8:8">
      <c r="H109092" s="12"/>
    </row>
    <row r="109093" spans="8:8">
      <c r="H109093" s="12"/>
    </row>
    <row r="109094" spans="8:8">
      <c r="H109094" s="12"/>
    </row>
    <row r="109095" spans="8:8">
      <c r="H109095" s="12"/>
    </row>
    <row r="109096" spans="8:8">
      <c r="H109096" s="12"/>
    </row>
    <row r="109097" spans="8:8">
      <c r="H109097" s="12"/>
    </row>
    <row r="109098" spans="8:8">
      <c r="H109098" s="12"/>
    </row>
    <row r="109099" spans="8:8">
      <c r="H109099" s="12"/>
    </row>
    <row r="109100" spans="8:8">
      <c r="H109100" s="12"/>
    </row>
    <row r="109101" spans="8:8">
      <c r="H109101" s="12"/>
    </row>
    <row r="109102" spans="8:8">
      <c r="H109102" s="12"/>
    </row>
    <row r="109103" spans="8:8">
      <c r="H109103" s="12"/>
    </row>
    <row r="109104" spans="8:8">
      <c r="H109104" s="12"/>
    </row>
    <row r="109105" spans="8:8">
      <c r="H109105" s="12"/>
    </row>
    <row r="109106" spans="8:8">
      <c r="H109106" s="12"/>
    </row>
    <row r="109107" spans="8:8">
      <c r="H109107" s="12"/>
    </row>
    <row r="109108" spans="8:8">
      <c r="H109108" s="12"/>
    </row>
    <row r="109109" spans="8:8">
      <c r="H109109" s="12"/>
    </row>
    <row r="109110" spans="8:8">
      <c r="H109110" s="12"/>
    </row>
    <row r="109111" spans="8:8">
      <c r="H109111" s="12"/>
    </row>
    <row r="109112" spans="8:8">
      <c r="H109112" s="12"/>
    </row>
    <row r="109113" spans="8:8">
      <c r="H109113" s="12"/>
    </row>
    <row r="109114" spans="8:8">
      <c r="H109114" s="12"/>
    </row>
    <row r="109115" spans="8:8">
      <c r="H109115" s="12"/>
    </row>
    <row r="109116" spans="8:8">
      <c r="H109116" s="12"/>
    </row>
    <row r="109117" spans="8:8">
      <c r="H109117" s="12"/>
    </row>
    <row r="109118" spans="8:8">
      <c r="H109118" s="12"/>
    </row>
    <row r="109119" spans="8:8">
      <c r="H109119" s="12"/>
    </row>
    <row r="109120" spans="8:8">
      <c r="H109120" s="12"/>
    </row>
    <row r="109121" spans="8:8">
      <c r="H109121" s="12"/>
    </row>
    <row r="109122" spans="8:8">
      <c r="H109122" s="12"/>
    </row>
    <row r="109123" spans="8:8">
      <c r="H109123" s="12"/>
    </row>
    <row r="109124" spans="8:8">
      <c r="H109124" s="12"/>
    </row>
    <row r="109125" spans="8:8">
      <c r="H109125" s="12"/>
    </row>
    <row r="109126" spans="8:8">
      <c r="H109126" s="12"/>
    </row>
    <row r="109127" spans="8:8">
      <c r="H109127" s="12"/>
    </row>
    <row r="109128" spans="8:8">
      <c r="H109128" s="12"/>
    </row>
    <row r="109129" spans="8:8">
      <c r="H109129" s="12"/>
    </row>
    <row r="109130" spans="8:8">
      <c r="H109130" s="12"/>
    </row>
    <row r="109131" spans="8:8">
      <c r="H109131" s="12"/>
    </row>
    <row r="109132" spans="8:8">
      <c r="H109132" s="12"/>
    </row>
    <row r="109133" spans="8:8">
      <c r="H109133" s="12"/>
    </row>
    <row r="109134" spans="8:8">
      <c r="H109134" s="12"/>
    </row>
    <row r="109135" spans="8:8">
      <c r="H109135" s="12"/>
    </row>
    <row r="109136" spans="8:8">
      <c r="H109136" s="12"/>
    </row>
    <row r="109137" spans="8:8">
      <c r="H109137" s="12"/>
    </row>
    <row r="109138" spans="8:8">
      <c r="H109138" s="12"/>
    </row>
    <row r="109139" spans="8:8">
      <c r="H109139" s="12"/>
    </row>
    <row r="109140" spans="8:8">
      <c r="H109140" s="12"/>
    </row>
    <row r="109141" spans="8:8">
      <c r="H109141" s="12"/>
    </row>
    <row r="109142" spans="8:8">
      <c r="H109142" s="12"/>
    </row>
    <row r="109143" spans="8:8">
      <c r="H109143" s="12"/>
    </row>
    <row r="109144" spans="8:8">
      <c r="H109144" s="12"/>
    </row>
    <row r="109145" spans="8:8">
      <c r="H109145" s="12"/>
    </row>
    <row r="109146" spans="8:8">
      <c r="H109146" s="12"/>
    </row>
    <row r="109147" spans="8:8">
      <c r="H109147" s="12"/>
    </row>
    <row r="109148" spans="8:8">
      <c r="H109148" s="12"/>
    </row>
    <row r="109149" spans="8:8">
      <c r="H109149" s="12"/>
    </row>
    <row r="109150" spans="8:8">
      <c r="H109150" s="12"/>
    </row>
    <row r="109151" spans="8:8">
      <c r="H109151" s="12"/>
    </row>
    <row r="109152" spans="8:8">
      <c r="H109152" s="12"/>
    </row>
    <row r="109153" spans="8:8">
      <c r="H109153" s="12"/>
    </row>
    <row r="109154" spans="8:8">
      <c r="H109154" s="12"/>
    </row>
    <row r="109155" spans="8:8">
      <c r="H109155" s="12"/>
    </row>
    <row r="109156" spans="8:8">
      <c r="H109156" s="12"/>
    </row>
    <row r="109157" spans="8:8">
      <c r="H109157" s="12"/>
    </row>
    <row r="109158" spans="8:8">
      <c r="H109158" s="12"/>
    </row>
    <row r="109159" spans="8:8">
      <c r="H109159" s="12"/>
    </row>
    <row r="109160" spans="8:8">
      <c r="H109160" s="12"/>
    </row>
    <row r="109161" spans="8:8">
      <c r="H109161" s="12"/>
    </row>
    <row r="109162" spans="8:8">
      <c r="H109162" s="12"/>
    </row>
    <row r="109163" spans="8:8">
      <c r="H109163" s="12"/>
    </row>
    <row r="109164" spans="8:8">
      <c r="H109164" s="12"/>
    </row>
    <row r="109165" spans="8:8">
      <c r="H109165" s="12"/>
    </row>
    <row r="109166" spans="8:8">
      <c r="H109166" s="12"/>
    </row>
    <row r="109167" spans="8:8">
      <c r="H109167" s="12"/>
    </row>
    <row r="109168" spans="8:8">
      <c r="H109168" s="12"/>
    </row>
    <row r="109169" spans="8:8">
      <c r="H109169" s="12"/>
    </row>
    <row r="109170" spans="8:8">
      <c r="H109170" s="12"/>
    </row>
    <row r="109171" spans="8:8">
      <c r="H109171" s="12"/>
    </row>
    <row r="109172" spans="8:8">
      <c r="H109172" s="12"/>
    </row>
    <row r="109173" spans="8:8">
      <c r="H109173" s="12"/>
    </row>
    <row r="109174" spans="8:8">
      <c r="H109174" s="12"/>
    </row>
    <row r="109175" spans="8:8">
      <c r="H109175" s="12"/>
    </row>
    <row r="109176" spans="8:8">
      <c r="H109176" s="12"/>
    </row>
    <row r="109177" spans="8:8">
      <c r="H109177" s="12"/>
    </row>
    <row r="109178" spans="8:8">
      <c r="H109178" s="12"/>
    </row>
    <row r="109179" spans="8:8">
      <c r="H109179" s="12"/>
    </row>
    <row r="109180" spans="8:8">
      <c r="H109180" s="12"/>
    </row>
    <row r="109181" spans="8:8">
      <c r="H109181" s="12"/>
    </row>
    <row r="109182" spans="8:8">
      <c r="H109182" s="12"/>
    </row>
    <row r="109183" spans="8:8">
      <c r="H109183" s="12"/>
    </row>
    <row r="109184" spans="8:8">
      <c r="H109184" s="12"/>
    </row>
    <row r="109185" spans="8:8">
      <c r="H109185" s="12"/>
    </row>
    <row r="109186" spans="8:8">
      <c r="H109186" s="12"/>
    </row>
    <row r="109187" spans="8:8">
      <c r="H109187" s="12"/>
    </row>
    <row r="109188" spans="8:8">
      <c r="H109188" s="12"/>
    </row>
    <row r="109189" spans="8:8">
      <c r="H109189" s="12"/>
    </row>
    <row r="109190" spans="8:8">
      <c r="H109190" s="12"/>
    </row>
    <row r="109191" spans="8:8">
      <c r="H109191" s="12"/>
    </row>
    <row r="109192" spans="8:8">
      <c r="H109192" s="12"/>
    </row>
    <row r="109193" spans="8:8">
      <c r="H109193" s="12"/>
    </row>
    <row r="109194" spans="8:8">
      <c r="H109194" s="12"/>
    </row>
    <row r="109195" spans="8:8">
      <c r="H109195" s="12"/>
    </row>
    <row r="109196" spans="8:8">
      <c r="H109196" s="12"/>
    </row>
    <row r="109197" spans="8:8">
      <c r="H109197" s="12"/>
    </row>
    <row r="109198" spans="8:8">
      <c r="H109198" s="12"/>
    </row>
    <row r="109199" spans="8:8">
      <c r="H109199" s="12"/>
    </row>
    <row r="109200" spans="8:8">
      <c r="H109200" s="12"/>
    </row>
    <row r="109201" spans="8:8">
      <c r="H109201" s="12"/>
    </row>
    <row r="109202" spans="8:8">
      <c r="H109202" s="12"/>
    </row>
    <row r="109203" spans="8:8">
      <c r="H109203" s="12"/>
    </row>
    <row r="109204" spans="8:8">
      <c r="H109204" s="12"/>
    </row>
    <row r="109205" spans="8:8">
      <c r="H109205" s="12"/>
    </row>
    <row r="109206" spans="8:8">
      <c r="H109206" s="12"/>
    </row>
    <row r="109207" spans="8:8">
      <c r="H109207" s="12"/>
    </row>
    <row r="109208" spans="8:8">
      <c r="H109208" s="12"/>
    </row>
    <row r="109209" spans="8:8">
      <c r="H109209" s="12"/>
    </row>
    <row r="109210" spans="8:8">
      <c r="H109210" s="12"/>
    </row>
    <row r="109211" spans="8:8">
      <c r="H109211" s="12"/>
    </row>
    <row r="109212" spans="8:8">
      <c r="H109212" s="12"/>
    </row>
    <row r="109213" spans="8:8">
      <c r="H109213" s="12"/>
    </row>
    <row r="109214" spans="8:8">
      <c r="H109214" s="12"/>
    </row>
    <row r="109215" spans="8:8">
      <c r="H109215" s="12"/>
    </row>
    <row r="109216" spans="8:8">
      <c r="H109216" s="12"/>
    </row>
    <row r="109217" spans="8:8">
      <c r="H109217" s="12"/>
    </row>
    <row r="109218" spans="8:8">
      <c r="H109218" s="12"/>
    </row>
    <row r="109219" spans="8:8">
      <c r="H109219" s="12"/>
    </row>
    <row r="109220" spans="8:8">
      <c r="H109220" s="12"/>
    </row>
    <row r="109221" spans="8:8">
      <c r="H109221" s="12"/>
    </row>
    <row r="109222" spans="8:8">
      <c r="H109222" s="12"/>
    </row>
    <row r="109223" spans="8:8">
      <c r="H109223" s="12"/>
    </row>
    <row r="109224" spans="8:8">
      <c r="H109224" s="12"/>
    </row>
    <row r="109225" spans="8:8">
      <c r="H109225" s="12"/>
    </row>
    <row r="109226" spans="8:8">
      <c r="H109226" s="12"/>
    </row>
    <row r="109227" spans="8:8">
      <c r="H109227" s="12"/>
    </row>
    <row r="109228" spans="8:8">
      <c r="H109228" s="12"/>
    </row>
    <row r="109229" spans="8:8">
      <c r="H109229" s="12"/>
    </row>
    <row r="109230" spans="8:8">
      <c r="H109230" s="12"/>
    </row>
    <row r="109231" spans="8:8">
      <c r="H109231" s="12"/>
    </row>
    <row r="109232" spans="8:8">
      <c r="H109232" s="12"/>
    </row>
    <row r="109233" spans="8:8">
      <c r="H109233" s="12"/>
    </row>
    <row r="109234" spans="8:8">
      <c r="H109234" s="12"/>
    </row>
    <row r="109235" spans="8:8">
      <c r="H109235" s="12"/>
    </row>
    <row r="109236" spans="8:8">
      <c r="H109236" s="12"/>
    </row>
    <row r="109237" spans="8:8">
      <c r="H109237" s="12"/>
    </row>
    <row r="109238" spans="8:8">
      <c r="H109238" s="12"/>
    </row>
    <row r="109239" spans="8:8">
      <c r="H109239" s="12"/>
    </row>
    <row r="109240" spans="8:8">
      <c r="H109240" s="12"/>
    </row>
    <row r="109241" spans="8:8">
      <c r="H109241" s="12"/>
    </row>
    <row r="109242" spans="8:8">
      <c r="H109242" s="12"/>
    </row>
    <row r="109243" spans="8:8">
      <c r="H109243" s="12"/>
    </row>
    <row r="109244" spans="8:8">
      <c r="H109244" s="12"/>
    </row>
    <row r="109245" spans="8:8">
      <c r="H109245" s="12"/>
    </row>
    <row r="109246" spans="8:8">
      <c r="H109246" s="12"/>
    </row>
    <row r="109247" spans="8:8">
      <c r="H109247" s="12"/>
    </row>
    <row r="109248" spans="8:8">
      <c r="H109248" s="12"/>
    </row>
    <row r="109249" spans="8:8">
      <c r="H109249" s="12"/>
    </row>
    <row r="109250" spans="8:8">
      <c r="H109250" s="12"/>
    </row>
    <row r="109251" spans="8:8">
      <c r="H109251" s="12"/>
    </row>
    <row r="109252" spans="8:8">
      <c r="H109252" s="12"/>
    </row>
    <row r="109253" spans="8:8">
      <c r="H109253" s="12"/>
    </row>
    <row r="109254" spans="8:8">
      <c r="H109254" s="12"/>
    </row>
    <row r="109255" spans="8:8">
      <c r="H109255" s="12"/>
    </row>
    <row r="109256" spans="8:8">
      <c r="H109256" s="12"/>
    </row>
    <row r="109257" spans="8:8">
      <c r="H109257" s="12"/>
    </row>
    <row r="109258" spans="8:8">
      <c r="H109258" s="12"/>
    </row>
    <row r="109259" spans="8:8">
      <c r="H109259" s="12"/>
    </row>
    <row r="109260" spans="8:8">
      <c r="H109260" s="12"/>
    </row>
    <row r="109261" spans="8:8">
      <c r="H109261" s="12"/>
    </row>
    <row r="109262" spans="8:8">
      <c r="H109262" s="12"/>
    </row>
    <row r="109263" spans="8:8">
      <c r="H109263" s="12"/>
    </row>
    <row r="109264" spans="8:8">
      <c r="H109264" s="12"/>
    </row>
    <row r="109265" spans="8:8">
      <c r="H109265" s="12"/>
    </row>
    <row r="109266" spans="8:8">
      <c r="H109266" s="12"/>
    </row>
    <row r="109267" spans="8:8">
      <c r="H109267" s="12"/>
    </row>
    <row r="109268" spans="8:8">
      <c r="H109268" s="12"/>
    </row>
    <row r="109269" spans="8:8">
      <c r="H109269" s="12"/>
    </row>
    <row r="109270" spans="8:8">
      <c r="H109270" s="12"/>
    </row>
    <row r="109271" spans="8:8">
      <c r="H109271" s="12"/>
    </row>
    <row r="109272" spans="8:8">
      <c r="H109272" s="12"/>
    </row>
    <row r="109273" spans="8:8">
      <c r="H109273" s="12"/>
    </row>
    <row r="109274" spans="8:8">
      <c r="H109274" s="12"/>
    </row>
    <row r="109275" spans="8:8">
      <c r="H109275" s="12"/>
    </row>
    <row r="109276" spans="8:8">
      <c r="H109276" s="12"/>
    </row>
    <row r="109277" spans="8:8">
      <c r="H109277" s="12"/>
    </row>
    <row r="109278" spans="8:8">
      <c r="H109278" s="12"/>
    </row>
    <row r="109279" spans="8:8">
      <c r="H109279" s="12"/>
    </row>
    <row r="109280" spans="8:8">
      <c r="H109280" s="12"/>
    </row>
    <row r="109281" spans="8:8">
      <c r="H109281" s="12"/>
    </row>
    <row r="109282" spans="8:8">
      <c r="H109282" s="12"/>
    </row>
    <row r="109283" spans="8:8">
      <c r="H109283" s="12"/>
    </row>
    <row r="109284" spans="8:8">
      <c r="H109284" s="12"/>
    </row>
    <row r="109285" spans="8:8">
      <c r="H109285" s="12"/>
    </row>
    <row r="109286" spans="8:8">
      <c r="H109286" s="12"/>
    </row>
    <row r="109287" spans="8:8">
      <c r="H109287" s="12"/>
    </row>
    <row r="109288" spans="8:8">
      <c r="H109288" s="12"/>
    </row>
    <row r="109289" spans="8:8">
      <c r="H109289" s="12"/>
    </row>
    <row r="109290" spans="8:8">
      <c r="H109290" s="12"/>
    </row>
    <row r="109291" spans="8:8">
      <c r="H109291" s="12"/>
    </row>
    <row r="109292" spans="8:8">
      <c r="H109292" s="12"/>
    </row>
    <row r="109293" spans="8:8">
      <c r="H109293" s="12"/>
    </row>
    <row r="109294" spans="8:8">
      <c r="H109294" s="12"/>
    </row>
    <row r="109295" spans="8:8">
      <c r="H109295" s="12"/>
    </row>
    <row r="109296" spans="8:8">
      <c r="H109296" s="12"/>
    </row>
    <row r="109297" spans="8:8">
      <c r="H109297" s="12"/>
    </row>
    <row r="109298" spans="8:8">
      <c r="H109298" s="12"/>
    </row>
    <row r="109299" spans="8:8">
      <c r="H109299" s="12"/>
    </row>
    <row r="109300" spans="8:8">
      <c r="H109300" s="12"/>
    </row>
    <row r="109301" spans="8:8">
      <c r="H109301" s="12"/>
    </row>
    <row r="109302" spans="8:8">
      <c r="H109302" s="12"/>
    </row>
    <row r="109303" spans="8:8">
      <c r="H109303" s="12"/>
    </row>
    <row r="109304" spans="8:8">
      <c r="H109304" s="12"/>
    </row>
    <row r="109305" spans="8:8">
      <c r="H109305" s="12"/>
    </row>
    <row r="109306" spans="8:8">
      <c r="H109306" s="12"/>
    </row>
    <row r="109307" spans="8:8">
      <c r="H109307" s="12"/>
    </row>
    <row r="109308" spans="8:8">
      <c r="H109308" s="12"/>
    </row>
    <row r="109309" spans="8:8">
      <c r="H109309" s="12"/>
    </row>
    <row r="109310" spans="8:8">
      <c r="H109310" s="12"/>
    </row>
    <row r="109311" spans="8:8">
      <c r="H109311" s="12"/>
    </row>
    <row r="109312" spans="8:8">
      <c r="H109312" s="12"/>
    </row>
    <row r="109313" spans="8:8">
      <c r="H109313" s="12"/>
    </row>
    <row r="109314" spans="8:8">
      <c r="H109314" s="12"/>
    </row>
    <row r="109315" spans="8:8">
      <c r="H109315" s="12"/>
    </row>
    <row r="109316" spans="8:8">
      <c r="H109316" s="12"/>
    </row>
    <row r="109317" spans="8:8">
      <c r="H109317" s="12"/>
    </row>
    <row r="109318" spans="8:8">
      <c r="H109318" s="12"/>
    </row>
    <row r="109319" spans="8:8">
      <c r="H109319" s="12"/>
    </row>
    <row r="109320" spans="8:8">
      <c r="H109320" s="12"/>
    </row>
    <row r="109321" spans="8:8">
      <c r="H109321" s="12"/>
    </row>
    <row r="109322" spans="8:8">
      <c r="H109322" s="12"/>
    </row>
    <row r="109323" spans="8:8">
      <c r="H109323" s="12"/>
    </row>
    <row r="109324" spans="8:8">
      <c r="H109324" s="12"/>
    </row>
    <row r="109325" spans="8:8">
      <c r="H109325" s="12"/>
    </row>
    <row r="109326" spans="8:8">
      <c r="H109326" s="12"/>
    </row>
    <row r="109327" spans="8:8">
      <c r="H109327" s="12"/>
    </row>
    <row r="109328" spans="8:8">
      <c r="H109328" s="12"/>
    </row>
    <row r="109329" spans="8:8">
      <c r="H109329" s="12"/>
    </row>
    <row r="109330" spans="8:8">
      <c r="H109330" s="12"/>
    </row>
    <row r="109331" spans="8:8">
      <c r="H109331" s="12"/>
    </row>
    <row r="109332" spans="8:8">
      <c r="H109332" s="12"/>
    </row>
    <row r="109333" spans="8:8">
      <c r="H109333" s="12"/>
    </row>
    <row r="109334" spans="8:8">
      <c r="H109334" s="12"/>
    </row>
    <row r="109335" spans="8:8">
      <c r="H109335" s="12"/>
    </row>
    <row r="109336" spans="8:8">
      <c r="H109336" s="12"/>
    </row>
    <row r="109337" spans="8:8">
      <c r="H109337" s="12"/>
    </row>
    <row r="109338" spans="8:8">
      <c r="H109338" s="12"/>
    </row>
    <row r="109339" spans="8:8">
      <c r="H109339" s="12"/>
    </row>
    <row r="109340" spans="8:8">
      <c r="H109340" s="12"/>
    </row>
    <row r="109341" spans="8:8">
      <c r="H109341" s="12"/>
    </row>
    <row r="109342" spans="8:8">
      <c r="H109342" s="12"/>
    </row>
    <row r="109343" spans="8:8">
      <c r="H109343" s="12"/>
    </row>
    <row r="109344" spans="8:8">
      <c r="H109344" s="12"/>
    </row>
    <row r="109345" spans="8:8">
      <c r="H109345" s="12"/>
    </row>
    <row r="109346" spans="8:8">
      <c r="H109346" s="12"/>
    </row>
    <row r="109347" spans="8:8">
      <c r="H109347" s="12"/>
    </row>
    <row r="109348" spans="8:8">
      <c r="H109348" s="12"/>
    </row>
    <row r="109349" spans="8:8">
      <c r="H109349" s="12"/>
    </row>
    <row r="109350" spans="8:8">
      <c r="H109350" s="12"/>
    </row>
    <row r="109351" spans="8:8">
      <c r="H109351" s="12"/>
    </row>
    <row r="109352" spans="8:8">
      <c r="H109352" s="12"/>
    </row>
    <row r="109353" spans="8:8">
      <c r="H109353" s="12"/>
    </row>
    <row r="109354" spans="8:8">
      <c r="H109354" s="12"/>
    </row>
    <row r="109355" spans="8:8">
      <c r="H109355" s="12"/>
    </row>
    <row r="109356" spans="8:8">
      <c r="H109356" s="12"/>
    </row>
    <row r="109357" spans="8:8">
      <c r="H109357" s="12"/>
    </row>
    <row r="109358" spans="8:8">
      <c r="H109358" s="12"/>
    </row>
    <row r="109359" spans="8:8">
      <c r="H109359" s="12"/>
    </row>
    <row r="109360" spans="8:8">
      <c r="H109360" s="12"/>
    </row>
    <row r="109361" spans="8:8">
      <c r="H109361" s="12"/>
    </row>
    <row r="109362" spans="8:8">
      <c r="H109362" s="12"/>
    </row>
    <row r="109363" spans="8:8">
      <c r="H109363" s="12"/>
    </row>
    <row r="109364" spans="8:8">
      <c r="H109364" s="12"/>
    </row>
    <row r="109365" spans="8:8">
      <c r="H109365" s="12"/>
    </row>
    <row r="109366" spans="8:8">
      <c r="H109366" s="12"/>
    </row>
    <row r="109367" spans="8:8">
      <c r="H109367" s="12"/>
    </row>
    <row r="109368" spans="8:8">
      <c r="H109368" s="12"/>
    </row>
    <row r="109369" spans="8:8">
      <c r="H109369" s="12"/>
    </row>
    <row r="109370" spans="8:8">
      <c r="H109370" s="12"/>
    </row>
    <row r="109371" spans="8:8">
      <c r="H109371" s="12"/>
    </row>
    <row r="109372" spans="8:8">
      <c r="H109372" s="12"/>
    </row>
    <row r="109373" spans="8:8">
      <c r="H109373" s="12"/>
    </row>
    <row r="109374" spans="8:8">
      <c r="H109374" s="12"/>
    </row>
    <row r="109375" spans="8:8">
      <c r="H109375" s="12"/>
    </row>
    <row r="109376" spans="8:8">
      <c r="H109376" s="12"/>
    </row>
    <row r="109377" spans="8:8">
      <c r="H109377" s="12"/>
    </row>
    <row r="109378" spans="8:8">
      <c r="H109378" s="12"/>
    </row>
    <row r="109379" spans="8:8">
      <c r="H109379" s="12"/>
    </row>
    <row r="109380" spans="8:8">
      <c r="H109380" s="12"/>
    </row>
    <row r="109381" spans="8:8">
      <c r="H109381" s="12"/>
    </row>
    <row r="109382" spans="8:8">
      <c r="H109382" s="12"/>
    </row>
    <row r="109383" spans="8:8">
      <c r="H109383" s="12"/>
    </row>
    <row r="109384" spans="8:8">
      <c r="H109384" s="12"/>
    </row>
    <row r="109385" spans="8:8">
      <c r="H109385" s="12"/>
    </row>
    <row r="109386" spans="8:8">
      <c r="H109386" s="12"/>
    </row>
    <row r="109387" spans="8:8">
      <c r="H109387" s="12"/>
    </row>
    <row r="109388" spans="8:8">
      <c r="H109388" s="12"/>
    </row>
    <row r="109389" spans="8:8">
      <c r="H109389" s="12"/>
    </row>
    <row r="109390" spans="8:8">
      <c r="H109390" s="12"/>
    </row>
    <row r="109391" spans="8:8">
      <c r="H109391" s="12"/>
    </row>
    <row r="109392" spans="8:8">
      <c r="H109392" s="12"/>
    </row>
    <row r="109393" spans="8:8">
      <c r="H109393" s="12"/>
    </row>
    <row r="109394" spans="8:8">
      <c r="H109394" s="12"/>
    </row>
    <row r="109395" spans="8:8">
      <c r="H109395" s="12"/>
    </row>
    <row r="109396" spans="8:8">
      <c r="H109396" s="12"/>
    </row>
    <row r="109397" spans="8:8">
      <c r="H109397" s="12"/>
    </row>
    <row r="109398" spans="8:8">
      <c r="H109398" s="12"/>
    </row>
    <row r="109399" spans="8:8">
      <c r="H109399" s="12"/>
    </row>
    <row r="109400" spans="8:8">
      <c r="H109400" s="12"/>
    </row>
    <row r="109401" spans="8:8">
      <c r="H109401" s="12"/>
    </row>
    <row r="109402" spans="8:8">
      <c r="H109402" s="12"/>
    </row>
    <row r="109403" spans="8:8">
      <c r="H109403" s="12"/>
    </row>
    <row r="109404" spans="8:8">
      <c r="H109404" s="12"/>
    </row>
    <row r="109405" spans="8:8">
      <c r="H109405" s="12"/>
    </row>
    <row r="109406" spans="8:8">
      <c r="H109406" s="12"/>
    </row>
    <row r="109407" spans="8:8">
      <c r="H109407" s="12"/>
    </row>
    <row r="109408" spans="8:8">
      <c r="H109408" s="12"/>
    </row>
    <row r="109409" spans="8:8">
      <c r="H109409" s="12"/>
    </row>
    <row r="109410" spans="8:8">
      <c r="H109410" s="12"/>
    </row>
    <row r="109411" spans="8:8">
      <c r="H109411" s="12"/>
    </row>
    <row r="109412" spans="8:8">
      <c r="H109412" s="12"/>
    </row>
    <row r="109413" spans="8:8">
      <c r="H109413" s="12"/>
    </row>
    <row r="109414" spans="8:8">
      <c r="H109414" s="12"/>
    </row>
    <row r="109415" spans="8:8">
      <c r="H109415" s="12"/>
    </row>
    <row r="109416" spans="8:8">
      <c r="H109416" s="12"/>
    </row>
    <row r="109417" spans="8:8">
      <c r="H109417" s="12"/>
    </row>
    <row r="109418" spans="8:8">
      <c r="H109418" s="12"/>
    </row>
    <row r="109419" spans="8:8">
      <c r="H109419" s="12"/>
    </row>
    <row r="109420" spans="8:8">
      <c r="H109420" s="12"/>
    </row>
    <row r="109421" spans="8:8">
      <c r="H109421" s="12"/>
    </row>
    <row r="109422" spans="8:8">
      <c r="H109422" s="12"/>
    </row>
    <row r="109423" spans="8:8">
      <c r="H109423" s="12"/>
    </row>
    <row r="109424" spans="8:8">
      <c r="H109424" s="12"/>
    </row>
    <row r="109425" spans="8:8">
      <c r="H109425" s="12"/>
    </row>
    <row r="109426" spans="8:8">
      <c r="H109426" s="12"/>
    </row>
    <row r="109427" spans="8:8">
      <c r="H109427" s="12"/>
    </row>
    <row r="109428" spans="8:8">
      <c r="H109428" s="12"/>
    </row>
    <row r="109429" spans="8:8">
      <c r="H109429" s="12"/>
    </row>
    <row r="109430" spans="8:8">
      <c r="H109430" s="12"/>
    </row>
    <row r="109431" spans="8:8">
      <c r="H109431" s="12"/>
    </row>
    <row r="109432" spans="8:8">
      <c r="H109432" s="12"/>
    </row>
    <row r="109433" spans="8:8">
      <c r="H109433" s="12"/>
    </row>
    <row r="109434" spans="8:8">
      <c r="H109434" s="12"/>
    </row>
    <row r="109435" spans="8:8">
      <c r="H109435" s="12"/>
    </row>
    <row r="109436" spans="8:8">
      <c r="H109436" s="12"/>
    </row>
    <row r="109437" spans="8:8">
      <c r="H109437" s="12"/>
    </row>
    <row r="109438" spans="8:8">
      <c r="H109438" s="12"/>
    </row>
    <row r="109439" spans="8:8">
      <c r="H109439" s="12"/>
    </row>
    <row r="109440" spans="8:8">
      <c r="H109440" s="12"/>
    </row>
    <row r="109441" spans="8:8">
      <c r="H109441" s="12"/>
    </row>
    <row r="109442" spans="8:8">
      <c r="H109442" s="12"/>
    </row>
    <row r="109443" spans="8:8">
      <c r="H109443" s="12"/>
    </row>
    <row r="109444" spans="8:8">
      <c r="H109444" s="12"/>
    </row>
    <row r="109445" spans="8:8">
      <c r="H109445" s="12"/>
    </row>
    <row r="109446" spans="8:8">
      <c r="H109446" s="12"/>
    </row>
    <row r="109447" spans="8:8">
      <c r="H109447" s="12"/>
    </row>
    <row r="109448" spans="8:8">
      <c r="H109448" s="12"/>
    </row>
    <row r="109449" spans="8:8">
      <c r="H109449" s="12"/>
    </row>
    <row r="109450" spans="8:8">
      <c r="H109450" s="12"/>
    </row>
    <row r="109451" spans="8:8">
      <c r="H109451" s="12"/>
    </row>
    <row r="109452" spans="8:8">
      <c r="H109452" s="12"/>
    </row>
    <row r="109453" spans="8:8">
      <c r="H109453" s="12"/>
    </row>
    <row r="109454" spans="8:8">
      <c r="H109454" s="12"/>
    </row>
    <row r="109455" spans="8:8">
      <c r="H109455" s="12"/>
    </row>
    <row r="109456" spans="8:8">
      <c r="H109456" s="12"/>
    </row>
    <row r="109457" spans="8:8">
      <c r="H109457" s="12"/>
    </row>
    <row r="109458" spans="8:8">
      <c r="H109458" s="12"/>
    </row>
    <row r="109459" spans="8:8">
      <c r="H109459" s="12"/>
    </row>
    <row r="109460" spans="8:8">
      <c r="H109460" s="12"/>
    </row>
    <row r="109461" spans="8:8">
      <c r="H109461" s="12"/>
    </row>
    <row r="109462" spans="8:8">
      <c r="H109462" s="12"/>
    </row>
    <row r="109463" spans="8:8">
      <c r="H109463" s="12"/>
    </row>
    <row r="109464" spans="8:8">
      <c r="H109464" s="12"/>
    </row>
    <row r="109465" spans="8:8">
      <c r="H109465" s="12"/>
    </row>
    <row r="109466" spans="8:8">
      <c r="H109466" s="12"/>
    </row>
    <row r="109467" spans="8:8">
      <c r="H109467" s="12"/>
    </row>
    <row r="109468" spans="8:8">
      <c r="H109468" s="12"/>
    </row>
    <row r="109469" spans="8:8">
      <c r="H109469" s="12"/>
    </row>
    <row r="109470" spans="8:8">
      <c r="H109470" s="12"/>
    </row>
    <row r="109471" spans="8:8">
      <c r="H109471" s="12"/>
    </row>
    <row r="109472" spans="8:8">
      <c r="H109472" s="12"/>
    </row>
    <row r="109473" spans="8:8">
      <c r="H109473" s="12"/>
    </row>
    <row r="109474" spans="8:8">
      <c r="H109474" s="12"/>
    </row>
    <row r="109475" spans="8:8">
      <c r="H109475" s="12"/>
    </row>
    <row r="109476" spans="8:8">
      <c r="H109476" s="12"/>
    </row>
    <row r="109477" spans="8:8">
      <c r="H109477" s="12"/>
    </row>
    <row r="109478" spans="8:8">
      <c r="H109478" s="12"/>
    </row>
    <row r="109479" spans="8:8">
      <c r="H109479" s="12"/>
    </row>
    <row r="109480" spans="8:8">
      <c r="H109480" s="12"/>
    </row>
    <row r="109481" spans="8:8">
      <c r="H109481" s="12"/>
    </row>
    <row r="109482" spans="8:8">
      <c r="H109482" s="12"/>
    </row>
    <row r="109483" spans="8:8">
      <c r="H109483" s="12"/>
    </row>
    <row r="109484" spans="8:8">
      <c r="H109484" s="12"/>
    </row>
    <row r="109485" spans="8:8">
      <c r="H109485" s="12"/>
    </row>
    <row r="109486" spans="8:8">
      <c r="H109486" s="12"/>
    </row>
    <row r="109487" spans="8:8">
      <c r="H109487" s="12"/>
    </row>
    <row r="109488" spans="8:8">
      <c r="H109488" s="12"/>
    </row>
    <row r="109489" spans="8:8">
      <c r="H109489" s="12"/>
    </row>
    <row r="109490" spans="8:8">
      <c r="H109490" s="12"/>
    </row>
    <row r="109491" spans="8:8">
      <c r="H109491" s="12"/>
    </row>
    <row r="109492" spans="8:8">
      <c r="H109492" s="12"/>
    </row>
    <row r="109493" spans="8:8">
      <c r="H109493" s="12"/>
    </row>
    <row r="109494" spans="8:8">
      <c r="H109494" s="12"/>
    </row>
    <row r="109495" spans="8:8">
      <c r="H109495" s="12"/>
    </row>
    <row r="109496" spans="8:8">
      <c r="H109496" s="12"/>
    </row>
    <row r="109497" spans="8:8">
      <c r="H109497" s="12"/>
    </row>
    <row r="109498" spans="8:8">
      <c r="H109498" s="12"/>
    </row>
    <row r="109499" spans="8:8">
      <c r="H109499" s="12"/>
    </row>
    <row r="109500" spans="8:8">
      <c r="H109500" s="12"/>
    </row>
    <row r="109501" spans="8:8">
      <c r="H109501" s="12"/>
    </row>
    <row r="109502" spans="8:8">
      <c r="H109502" s="12"/>
    </row>
    <row r="109503" spans="8:8">
      <c r="H109503" s="12"/>
    </row>
    <row r="109504" spans="8:8">
      <c r="H109504" s="12"/>
    </row>
    <row r="109505" spans="8:8">
      <c r="H109505" s="12"/>
    </row>
    <row r="109506" spans="8:8">
      <c r="H109506" s="12"/>
    </row>
    <row r="109507" spans="8:8">
      <c r="H109507" s="12"/>
    </row>
    <row r="109508" spans="8:8">
      <c r="H109508" s="12"/>
    </row>
    <row r="109509" spans="8:8">
      <c r="H109509" s="12"/>
    </row>
    <row r="109510" spans="8:8">
      <c r="H109510" s="12"/>
    </row>
    <row r="109511" spans="8:8">
      <c r="H109511" s="12"/>
    </row>
    <row r="109512" spans="8:8">
      <c r="H109512" s="12"/>
    </row>
    <row r="109513" spans="8:8">
      <c r="H109513" s="12"/>
    </row>
    <row r="109514" spans="8:8">
      <c r="H109514" s="12"/>
    </row>
    <row r="109515" spans="8:8">
      <c r="H109515" s="12"/>
    </row>
    <row r="109516" spans="8:8">
      <c r="H109516" s="12"/>
    </row>
    <row r="109517" spans="8:8">
      <c r="H109517" s="12"/>
    </row>
    <row r="109518" spans="8:8">
      <c r="H109518" s="12"/>
    </row>
    <row r="109519" spans="8:8">
      <c r="H109519" s="12"/>
    </row>
    <row r="109520" spans="8:8">
      <c r="H109520" s="12"/>
    </row>
    <row r="109521" spans="8:8">
      <c r="H109521" s="12"/>
    </row>
    <row r="109522" spans="8:8">
      <c r="H109522" s="12"/>
    </row>
    <row r="109523" spans="8:8">
      <c r="H109523" s="12"/>
    </row>
    <row r="109524" spans="8:8">
      <c r="H109524" s="12"/>
    </row>
    <row r="109525" spans="8:8">
      <c r="H109525" s="12"/>
    </row>
    <row r="109526" spans="8:8">
      <c r="H109526" s="12"/>
    </row>
    <row r="109527" spans="8:8">
      <c r="H109527" s="12"/>
    </row>
    <row r="109528" spans="8:8">
      <c r="H109528" s="12"/>
    </row>
    <row r="109529" spans="8:8">
      <c r="H109529" s="12"/>
    </row>
    <row r="109530" spans="8:8">
      <c r="H109530" s="12"/>
    </row>
    <row r="109531" spans="8:8">
      <c r="H109531" s="12"/>
    </row>
    <row r="109532" spans="8:8">
      <c r="H109532" s="12"/>
    </row>
    <row r="109533" spans="8:8">
      <c r="H109533" s="12"/>
    </row>
    <row r="109534" spans="8:8">
      <c r="H109534" s="12"/>
    </row>
    <row r="109535" spans="8:8">
      <c r="H109535" s="12"/>
    </row>
    <row r="109536" spans="8:8">
      <c r="H109536" s="12"/>
    </row>
    <row r="109537" spans="8:8">
      <c r="H109537" s="12"/>
    </row>
    <row r="109538" spans="8:8">
      <c r="H109538" s="12"/>
    </row>
    <row r="109539" spans="8:8">
      <c r="H109539" s="12"/>
    </row>
    <row r="109540" spans="8:8">
      <c r="H109540" s="12"/>
    </row>
    <row r="109541" spans="8:8">
      <c r="H109541" s="12"/>
    </row>
    <row r="109542" spans="8:8">
      <c r="H109542" s="12"/>
    </row>
    <row r="109543" spans="8:8">
      <c r="H109543" s="12"/>
    </row>
    <row r="109544" spans="8:8">
      <c r="H109544" s="12"/>
    </row>
    <row r="109545" spans="8:8">
      <c r="H109545" s="12"/>
    </row>
    <row r="109546" spans="8:8">
      <c r="H109546" s="12"/>
    </row>
    <row r="109547" spans="8:8">
      <c r="H109547" s="12"/>
    </row>
    <row r="109548" spans="8:8">
      <c r="H109548" s="12"/>
    </row>
    <row r="109549" spans="8:8">
      <c r="H109549" s="12"/>
    </row>
    <row r="109550" spans="8:8">
      <c r="H109550" s="12"/>
    </row>
    <row r="109551" spans="8:8">
      <c r="H109551" s="12"/>
    </row>
    <row r="109552" spans="8:8">
      <c r="H109552" s="12"/>
    </row>
    <row r="109553" spans="8:8">
      <c r="H109553" s="12"/>
    </row>
    <row r="109554" spans="8:8">
      <c r="H109554" s="12"/>
    </row>
    <row r="109555" spans="8:8">
      <c r="H109555" s="12"/>
    </row>
    <row r="109556" spans="8:8">
      <c r="H109556" s="12"/>
    </row>
    <row r="109557" spans="8:8">
      <c r="H109557" s="12"/>
    </row>
    <row r="109558" spans="8:8">
      <c r="H109558" s="12"/>
    </row>
    <row r="109559" spans="8:8">
      <c r="H109559" s="12"/>
    </row>
    <row r="109560" spans="8:8">
      <c r="H109560" s="12"/>
    </row>
    <row r="109561" spans="8:8">
      <c r="H109561" s="12"/>
    </row>
    <row r="109562" spans="8:8">
      <c r="H109562" s="12"/>
    </row>
    <row r="109563" spans="8:8">
      <c r="H109563" s="12"/>
    </row>
    <row r="109564" spans="8:8">
      <c r="H109564" s="12"/>
    </row>
    <row r="109565" spans="8:8">
      <c r="H109565" s="12"/>
    </row>
    <row r="109566" spans="8:8">
      <c r="H109566" s="12"/>
    </row>
    <row r="109567" spans="8:8">
      <c r="H109567" s="12"/>
    </row>
    <row r="109568" spans="8:8">
      <c r="H109568" s="12"/>
    </row>
    <row r="109569" spans="8:8">
      <c r="H109569" s="12"/>
    </row>
    <row r="109570" spans="8:8">
      <c r="H109570" s="12"/>
    </row>
    <row r="109571" spans="8:8">
      <c r="H109571" s="12"/>
    </row>
    <row r="109572" spans="8:8">
      <c r="H109572" s="12"/>
    </row>
    <row r="109573" spans="8:8">
      <c r="H109573" s="12"/>
    </row>
    <row r="109574" spans="8:8">
      <c r="H109574" s="12"/>
    </row>
    <row r="109575" spans="8:8">
      <c r="H109575" s="12"/>
    </row>
    <row r="109576" spans="8:8">
      <c r="H109576" s="12"/>
    </row>
    <row r="109577" spans="8:8">
      <c r="H109577" s="12"/>
    </row>
    <row r="109578" spans="8:8">
      <c r="H109578" s="12"/>
    </row>
    <row r="109579" spans="8:8">
      <c r="H109579" s="12"/>
    </row>
    <row r="109580" spans="8:8">
      <c r="H109580" s="12"/>
    </row>
    <row r="109581" spans="8:8">
      <c r="H109581" s="12"/>
    </row>
    <row r="109582" spans="8:8">
      <c r="H109582" s="12"/>
    </row>
    <row r="109583" spans="8:8">
      <c r="H109583" s="12"/>
    </row>
    <row r="109584" spans="8:8">
      <c r="H109584" s="12"/>
    </row>
    <row r="109585" spans="8:8">
      <c r="H109585" s="12"/>
    </row>
    <row r="109586" spans="8:8">
      <c r="H109586" s="12"/>
    </row>
    <row r="109587" spans="8:8">
      <c r="H109587" s="12"/>
    </row>
    <row r="109588" spans="8:8">
      <c r="H109588" s="12"/>
    </row>
    <row r="109589" spans="8:8">
      <c r="H109589" s="12"/>
    </row>
    <row r="109590" spans="8:8">
      <c r="H109590" s="12"/>
    </row>
    <row r="109591" spans="8:8">
      <c r="H109591" s="12"/>
    </row>
    <row r="109592" spans="8:8">
      <c r="H109592" s="12"/>
    </row>
    <row r="109593" spans="8:8">
      <c r="H109593" s="12"/>
    </row>
    <row r="109594" spans="8:8">
      <c r="H109594" s="12"/>
    </row>
    <row r="109595" spans="8:8">
      <c r="H109595" s="12"/>
    </row>
    <row r="109596" spans="8:8">
      <c r="H109596" s="12"/>
    </row>
    <row r="109597" spans="8:8">
      <c r="H109597" s="12"/>
    </row>
    <row r="109598" spans="8:8">
      <c r="H109598" s="12"/>
    </row>
    <row r="109599" spans="8:8">
      <c r="H109599" s="12"/>
    </row>
    <row r="109600" spans="8:8">
      <c r="H109600" s="12"/>
    </row>
    <row r="109601" spans="8:8">
      <c r="H109601" s="12"/>
    </row>
    <row r="109602" spans="8:8">
      <c r="H109602" s="12"/>
    </row>
    <row r="109603" spans="8:8">
      <c r="H109603" s="12"/>
    </row>
    <row r="109604" spans="8:8">
      <c r="H109604" s="12"/>
    </row>
    <row r="109605" spans="8:8">
      <c r="H109605" s="12"/>
    </row>
    <row r="109606" spans="8:8">
      <c r="H109606" s="12"/>
    </row>
    <row r="109607" spans="8:8">
      <c r="H109607" s="12"/>
    </row>
    <row r="109608" spans="8:8">
      <c r="H109608" s="12"/>
    </row>
    <row r="109609" spans="8:8">
      <c r="H109609" s="12"/>
    </row>
    <row r="109610" spans="8:8">
      <c r="H109610" s="12"/>
    </row>
    <row r="109611" spans="8:8">
      <c r="H109611" s="12"/>
    </row>
    <row r="109612" spans="8:8">
      <c r="H109612" s="12"/>
    </row>
    <row r="109613" spans="8:8">
      <c r="H109613" s="12"/>
    </row>
    <row r="109614" spans="8:8">
      <c r="H109614" s="12"/>
    </row>
    <row r="109615" spans="8:8">
      <c r="H109615" s="12"/>
    </row>
    <row r="109616" spans="8:8">
      <c r="H109616" s="12"/>
    </row>
    <row r="109617" spans="8:8">
      <c r="H109617" s="12"/>
    </row>
    <row r="109618" spans="8:8">
      <c r="H109618" s="12"/>
    </row>
    <row r="109619" spans="8:8">
      <c r="H109619" s="12"/>
    </row>
    <row r="109620" spans="8:8">
      <c r="H109620" s="12"/>
    </row>
    <row r="109621" spans="8:8">
      <c r="H109621" s="12"/>
    </row>
    <row r="109622" spans="8:8">
      <c r="H109622" s="12"/>
    </row>
    <row r="109623" spans="8:8">
      <c r="H109623" s="12"/>
    </row>
    <row r="109624" spans="8:8">
      <c r="H109624" s="12"/>
    </row>
    <row r="109625" spans="8:8">
      <c r="H109625" s="12"/>
    </row>
    <row r="109626" spans="8:8">
      <c r="H109626" s="12"/>
    </row>
    <row r="109627" spans="8:8">
      <c r="H109627" s="12"/>
    </row>
    <row r="109628" spans="8:8">
      <c r="H109628" s="12"/>
    </row>
    <row r="109629" spans="8:8">
      <c r="H109629" s="12"/>
    </row>
    <row r="109630" spans="8:8">
      <c r="H109630" s="12"/>
    </row>
    <row r="109631" spans="8:8">
      <c r="H109631" s="12"/>
    </row>
    <row r="109632" spans="8:8">
      <c r="H109632" s="12"/>
    </row>
    <row r="109633" spans="8:8">
      <c r="H109633" s="12"/>
    </row>
    <row r="109634" spans="8:8">
      <c r="H109634" s="12"/>
    </row>
    <row r="109635" spans="8:8">
      <c r="H109635" s="12"/>
    </row>
    <row r="109636" spans="8:8">
      <c r="H109636" s="12"/>
    </row>
    <row r="109637" spans="8:8">
      <c r="H109637" s="12"/>
    </row>
    <row r="109638" spans="8:8">
      <c r="H109638" s="12"/>
    </row>
    <row r="109639" spans="8:8">
      <c r="H109639" s="12"/>
    </row>
    <row r="109640" spans="8:8">
      <c r="H109640" s="12"/>
    </row>
    <row r="109641" spans="8:8">
      <c r="H109641" s="12"/>
    </row>
    <row r="109642" spans="8:8">
      <c r="H109642" s="12"/>
    </row>
    <row r="109643" spans="8:8">
      <c r="H109643" s="12"/>
    </row>
    <row r="109644" spans="8:8">
      <c r="H109644" s="12"/>
    </row>
    <row r="109645" spans="8:8">
      <c r="H109645" s="12"/>
    </row>
    <row r="109646" spans="8:8">
      <c r="H109646" s="12"/>
    </row>
    <row r="109647" spans="8:8">
      <c r="H109647" s="12"/>
    </row>
    <row r="109648" spans="8:8">
      <c r="H109648" s="12"/>
    </row>
    <row r="109649" spans="8:8">
      <c r="H109649" s="12"/>
    </row>
    <row r="109650" spans="8:8">
      <c r="H109650" s="12"/>
    </row>
    <row r="109651" spans="8:8">
      <c r="H109651" s="12"/>
    </row>
    <row r="109652" spans="8:8">
      <c r="H109652" s="12"/>
    </row>
    <row r="109653" spans="8:8">
      <c r="H109653" s="12"/>
    </row>
    <row r="109654" spans="8:8">
      <c r="H109654" s="12"/>
    </row>
    <row r="109655" spans="8:8">
      <c r="H109655" s="12"/>
    </row>
    <row r="109656" spans="8:8">
      <c r="H109656" s="12"/>
    </row>
    <row r="109657" spans="8:8">
      <c r="H109657" s="12"/>
    </row>
    <row r="109658" spans="8:8">
      <c r="H109658" s="12"/>
    </row>
    <row r="109659" spans="8:8">
      <c r="H109659" s="12"/>
    </row>
    <row r="109660" spans="8:8">
      <c r="H109660" s="12"/>
    </row>
    <row r="109661" spans="8:8">
      <c r="H109661" s="12"/>
    </row>
    <row r="109662" spans="8:8">
      <c r="H109662" s="12"/>
    </row>
    <row r="109663" spans="8:8">
      <c r="H109663" s="12"/>
    </row>
    <row r="109664" spans="8:8">
      <c r="H109664" s="12"/>
    </row>
    <row r="109665" spans="8:8">
      <c r="H109665" s="12"/>
    </row>
    <row r="109666" spans="8:8">
      <c r="H109666" s="12"/>
    </row>
    <row r="109667" spans="8:8">
      <c r="H109667" s="12"/>
    </row>
    <row r="109668" spans="8:8">
      <c r="H109668" s="12"/>
    </row>
    <row r="109669" spans="8:8">
      <c r="H109669" s="12"/>
    </row>
    <row r="109670" spans="8:8">
      <c r="H109670" s="12"/>
    </row>
    <row r="109671" spans="8:8">
      <c r="H109671" s="12"/>
    </row>
    <row r="109672" spans="8:8">
      <c r="H109672" s="12"/>
    </row>
    <row r="109673" spans="8:8">
      <c r="H109673" s="12"/>
    </row>
    <row r="109674" spans="8:8">
      <c r="H109674" s="12"/>
    </row>
    <row r="109675" spans="8:8">
      <c r="H109675" s="12"/>
    </row>
    <row r="109676" spans="8:8">
      <c r="H109676" s="12"/>
    </row>
    <row r="109677" spans="8:8">
      <c r="H109677" s="12"/>
    </row>
    <row r="109678" spans="8:8">
      <c r="H109678" s="12"/>
    </row>
    <row r="109679" spans="8:8">
      <c r="H109679" s="12"/>
    </row>
    <row r="109680" spans="8:8">
      <c r="H109680" s="12"/>
    </row>
    <row r="109681" spans="8:8">
      <c r="H109681" s="12"/>
    </row>
    <row r="109682" spans="8:8">
      <c r="H109682" s="12"/>
    </row>
    <row r="109683" spans="8:8">
      <c r="H109683" s="12"/>
    </row>
    <row r="109684" spans="8:8">
      <c r="H109684" s="12"/>
    </row>
    <row r="109685" spans="8:8">
      <c r="H109685" s="12"/>
    </row>
    <row r="109686" spans="8:8">
      <c r="H109686" s="12"/>
    </row>
    <row r="109687" spans="8:8">
      <c r="H109687" s="12"/>
    </row>
    <row r="109688" spans="8:8">
      <c r="H109688" s="12"/>
    </row>
    <row r="109689" spans="8:8">
      <c r="H109689" s="12"/>
    </row>
    <row r="109690" spans="8:8">
      <c r="H109690" s="12"/>
    </row>
    <row r="109691" spans="8:8">
      <c r="H109691" s="12"/>
    </row>
    <row r="109692" spans="8:8">
      <c r="H109692" s="12"/>
    </row>
    <row r="109693" spans="8:8">
      <c r="H109693" s="12"/>
    </row>
    <row r="109694" spans="8:8">
      <c r="H109694" s="12"/>
    </row>
    <row r="109695" spans="8:8">
      <c r="H109695" s="12"/>
    </row>
    <row r="109696" spans="8:8">
      <c r="H109696" s="12"/>
    </row>
    <row r="109697" spans="8:8">
      <c r="H109697" s="12"/>
    </row>
    <row r="109698" spans="8:8">
      <c r="H109698" s="12"/>
    </row>
    <row r="109699" spans="8:8">
      <c r="H109699" s="12"/>
    </row>
    <row r="109700" spans="8:8">
      <c r="H109700" s="12"/>
    </row>
    <row r="109701" spans="8:8">
      <c r="H109701" s="12"/>
    </row>
    <row r="109702" spans="8:8">
      <c r="H109702" s="12"/>
    </row>
    <row r="109703" spans="8:8">
      <c r="H109703" s="12"/>
    </row>
    <row r="109704" spans="8:8">
      <c r="H109704" s="12"/>
    </row>
    <row r="109705" spans="8:8">
      <c r="H109705" s="12"/>
    </row>
    <row r="109706" spans="8:8">
      <c r="H109706" s="12"/>
    </row>
    <row r="109707" spans="8:8">
      <c r="H109707" s="12"/>
    </row>
    <row r="109708" spans="8:8">
      <c r="H109708" s="12"/>
    </row>
    <row r="109709" spans="8:8">
      <c r="H109709" s="12"/>
    </row>
    <row r="109710" spans="8:8">
      <c r="H109710" s="12"/>
    </row>
    <row r="109711" spans="8:8">
      <c r="H109711" s="12"/>
    </row>
    <row r="109712" spans="8:8">
      <c r="H109712" s="12"/>
    </row>
    <row r="109713" spans="8:8">
      <c r="H109713" s="12"/>
    </row>
    <row r="109714" spans="8:8">
      <c r="H109714" s="12"/>
    </row>
    <row r="109715" spans="8:8">
      <c r="H109715" s="12"/>
    </row>
    <row r="109716" spans="8:8">
      <c r="H109716" s="12"/>
    </row>
    <row r="109717" spans="8:8">
      <c r="H109717" s="12"/>
    </row>
    <row r="109718" spans="8:8">
      <c r="H109718" s="12"/>
    </row>
    <row r="109719" spans="8:8">
      <c r="H109719" s="12"/>
    </row>
    <row r="109720" spans="8:8">
      <c r="H109720" s="12"/>
    </row>
    <row r="109721" spans="8:8">
      <c r="H109721" s="12"/>
    </row>
    <row r="109722" spans="8:8">
      <c r="H109722" s="12"/>
    </row>
    <row r="109723" spans="8:8">
      <c r="H109723" s="12"/>
    </row>
    <row r="109724" spans="8:8">
      <c r="H109724" s="12"/>
    </row>
    <row r="109725" spans="8:8">
      <c r="H109725" s="12"/>
    </row>
    <row r="109726" spans="8:8">
      <c r="H109726" s="12"/>
    </row>
    <row r="109727" spans="8:8">
      <c r="H109727" s="12"/>
    </row>
    <row r="109728" spans="8:8">
      <c r="H109728" s="12"/>
    </row>
    <row r="109729" spans="8:8">
      <c r="H109729" s="12"/>
    </row>
    <row r="109730" spans="8:8">
      <c r="H109730" s="12"/>
    </row>
    <row r="109731" spans="8:8">
      <c r="H109731" s="12"/>
    </row>
    <row r="109732" spans="8:8">
      <c r="H109732" s="12"/>
    </row>
    <row r="109733" spans="8:8">
      <c r="H109733" s="12"/>
    </row>
    <row r="109734" spans="8:8">
      <c r="H109734" s="12"/>
    </row>
    <row r="109735" spans="8:8">
      <c r="H109735" s="12"/>
    </row>
    <row r="109736" spans="8:8">
      <c r="H109736" s="12"/>
    </row>
    <row r="109737" spans="8:8">
      <c r="H109737" s="12"/>
    </row>
    <row r="109738" spans="8:8">
      <c r="H109738" s="12"/>
    </row>
    <row r="109739" spans="8:8">
      <c r="H109739" s="12"/>
    </row>
    <row r="109740" spans="8:8">
      <c r="H109740" s="12"/>
    </row>
    <row r="109741" spans="8:8">
      <c r="H109741" s="12"/>
    </row>
    <row r="109742" spans="8:8">
      <c r="H109742" s="12"/>
    </row>
    <row r="109743" spans="8:8">
      <c r="H109743" s="12"/>
    </row>
    <row r="109744" spans="8:8">
      <c r="H109744" s="12"/>
    </row>
    <row r="109745" spans="8:8">
      <c r="H109745" s="12"/>
    </row>
    <row r="109746" spans="8:8">
      <c r="H109746" s="12"/>
    </row>
    <row r="109747" spans="8:8">
      <c r="H109747" s="12"/>
    </row>
    <row r="109748" spans="8:8">
      <c r="H109748" s="12"/>
    </row>
    <row r="109749" spans="8:8">
      <c r="H109749" s="12"/>
    </row>
    <row r="109750" spans="8:8">
      <c r="H109750" s="12"/>
    </row>
    <row r="109751" spans="8:8">
      <c r="H109751" s="12"/>
    </row>
    <row r="109752" spans="8:8">
      <c r="H109752" s="12"/>
    </row>
    <row r="109753" spans="8:8">
      <c r="H109753" s="12"/>
    </row>
    <row r="109754" spans="8:8">
      <c r="H109754" s="12"/>
    </row>
    <row r="109755" spans="8:8">
      <c r="H109755" s="12"/>
    </row>
    <row r="109756" spans="8:8">
      <c r="H109756" s="12"/>
    </row>
    <row r="109757" spans="8:8">
      <c r="H109757" s="12"/>
    </row>
    <row r="109758" spans="8:8">
      <c r="H109758" s="12"/>
    </row>
    <row r="109759" spans="8:8">
      <c r="H109759" s="12"/>
    </row>
    <row r="109760" spans="8:8">
      <c r="H109760" s="12"/>
    </row>
    <row r="109761" spans="8:8">
      <c r="H109761" s="12"/>
    </row>
    <row r="109762" spans="8:8">
      <c r="H109762" s="12"/>
    </row>
    <row r="109763" spans="8:8">
      <c r="H109763" s="12"/>
    </row>
    <row r="109764" spans="8:8">
      <c r="H109764" s="12"/>
    </row>
    <row r="109765" spans="8:8">
      <c r="H109765" s="12"/>
    </row>
    <row r="109766" spans="8:8">
      <c r="H109766" s="12"/>
    </row>
    <row r="109767" spans="8:8">
      <c r="H109767" s="12"/>
    </row>
    <row r="109768" spans="8:8">
      <c r="H109768" s="12"/>
    </row>
    <row r="109769" spans="8:8">
      <c r="H109769" s="12"/>
    </row>
    <row r="109770" spans="8:8">
      <c r="H109770" s="12"/>
    </row>
    <row r="109771" spans="8:8">
      <c r="H109771" s="12"/>
    </row>
    <row r="109772" spans="8:8">
      <c r="H109772" s="12"/>
    </row>
    <row r="109773" spans="8:8">
      <c r="H109773" s="12"/>
    </row>
    <row r="109774" spans="8:8">
      <c r="H109774" s="12"/>
    </row>
    <row r="109775" spans="8:8">
      <c r="H109775" s="12"/>
    </row>
    <row r="109776" spans="8:8">
      <c r="H109776" s="12"/>
    </row>
    <row r="109777" spans="8:8">
      <c r="H109777" s="12"/>
    </row>
    <row r="109778" spans="8:8">
      <c r="H109778" s="12"/>
    </row>
    <row r="109779" spans="8:8">
      <c r="H109779" s="12"/>
    </row>
    <row r="109780" spans="8:8">
      <c r="H109780" s="12"/>
    </row>
    <row r="109781" spans="8:8">
      <c r="H109781" s="12"/>
    </row>
    <row r="109782" spans="8:8">
      <c r="H109782" s="12"/>
    </row>
    <row r="109783" spans="8:8">
      <c r="H109783" s="12"/>
    </row>
    <row r="109784" spans="8:8">
      <c r="H109784" s="12"/>
    </row>
    <row r="109785" spans="8:8">
      <c r="H109785" s="12"/>
    </row>
    <row r="109786" spans="8:8">
      <c r="H109786" s="12"/>
    </row>
    <row r="109787" spans="8:8">
      <c r="H109787" s="12"/>
    </row>
    <row r="109788" spans="8:8">
      <c r="H109788" s="12"/>
    </row>
    <row r="109789" spans="8:8">
      <c r="H109789" s="12"/>
    </row>
    <row r="109790" spans="8:8">
      <c r="H109790" s="12"/>
    </row>
    <row r="109791" spans="8:8">
      <c r="H109791" s="12"/>
    </row>
    <row r="109792" spans="8:8">
      <c r="H109792" s="12"/>
    </row>
    <row r="109793" spans="8:8">
      <c r="H109793" s="12"/>
    </row>
    <row r="109794" spans="8:8">
      <c r="H109794" s="12"/>
    </row>
    <row r="109795" spans="8:8">
      <c r="H109795" s="12"/>
    </row>
    <row r="109796" spans="8:8">
      <c r="H109796" s="12"/>
    </row>
    <row r="109797" spans="8:8">
      <c r="H109797" s="12"/>
    </row>
    <row r="109798" spans="8:8">
      <c r="H109798" s="12"/>
    </row>
    <row r="109799" spans="8:8">
      <c r="H109799" s="12"/>
    </row>
    <row r="109800" spans="8:8">
      <c r="H109800" s="12"/>
    </row>
    <row r="109801" spans="8:8">
      <c r="H109801" s="12"/>
    </row>
    <row r="109802" spans="8:8">
      <c r="H109802" s="12"/>
    </row>
    <row r="109803" spans="8:8">
      <c r="H109803" s="12"/>
    </row>
    <row r="109804" spans="8:8">
      <c r="H109804" s="12"/>
    </row>
    <row r="109805" spans="8:8">
      <c r="H109805" s="12"/>
    </row>
    <row r="109806" spans="8:8">
      <c r="H109806" s="12"/>
    </row>
    <row r="109807" spans="8:8">
      <c r="H109807" s="12"/>
    </row>
    <row r="109808" spans="8:8">
      <c r="H109808" s="12"/>
    </row>
    <row r="109809" spans="8:8">
      <c r="H109809" s="12"/>
    </row>
    <row r="109810" spans="8:8">
      <c r="H109810" s="12"/>
    </row>
    <row r="109811" spans="8:8">
      <c r="H109811" s="12"/>
    </row>
    <row r="109812" spans="8:8">
      <c r="H109812" s="12"/>
    </row>
    <row r="109813" spans="8:8">
      <c r="H109813" s="12"/>
    </row>
    <row r="109814" spans="8:8">
      <c r="H109814" s="12"/>
    </row>
    <row r="109815" spans="8:8">
      <c r="H109815" s="12"/>
    </row>
    <row r="109816" spans="8:8">
      <c r="H109816" s="12"/>
    </row>
    <row r="109817" spans="8:8">
      <c r="H109817" s="12"/>
    </row>
    <row r="109818" spans="8:8">
      <c r="H109818" s="12"/>
    </row>
    <row r="109819" spans="8:8">
      <c r="H109819" s="12"/>
    </row>
    <row r="109820" spans="8:8">
      <c r="H109820" s="12"/>
    </row>
    <row r="109821" spans="8:8">
      <c r="H109821" s="12"/>
    </row>
    <row r="109822" spans="8:8">
      <c r="H109822" s="12"/>
    </row>
    <row r="109823" spans="8:8">
      <c r="H109823" s="12"/>
    </row>
    <row r="109824" spans="8:8">
      <c r="H109824" s="12"/>
    </row>
    <row r="109825" spans="8:8">
      <c r="H109825" s="12"/>
    </row>
    <row r="109826" spans="8:8">
      <c r="H109826" s="12"/>
    </row>
    <row r="109827" spans="8:8">
      <c r="H109827" s="12"/>
    </row>
    <row r="109828" spans="8:8">
      <c r="H109828" s="12"/>
    </row>
    <row r="109829" spans="8:8">
      <c r="H109829" s="12"/>
    </row>
    <row r="109830" spans="8:8">
      <c r="H109830" s="12"/>
    </row>
    <row r="109831" spans="8:8">
      <c r="H109831" s="12"/>
    </row>
    <row r="109832" spans="8:8">
      <c r="H109832" s="12"/>
    </row>
    <row r="109833" spans="8:8">
      <c r="H109833" s="12"/>
    </row>
    <row r="109834" spans="8:8">
      <c r="H109834" s="12"/>
    </row>
    <row r="109835" spans="8:8">
      <c r="H109835" s="12"/>
    </row>
    <row r="109836" spans="8:8">
      <c r="H109836" s="12"/>
    </row>
    <row r="109837" spans="8:8">
      <c r="H109837" s="12"/>
    </row>
    <row r="109838" spans="8:8">
      <c r="H109838" s="12"/>
    </row>
    <row r="109839" spans="8:8">
      <c r="H109839" s="12"/>
    </row>
    <row r="109840" spans="8:8">
      <c r="H109840" s="12"/>
    </row>
    <row r="109841" spans="8:8">
      <c r="H109841" s="12"/>
    </row>
    <row r="109842" spans="8:8">
      <c r="H109842" s="12"/>
    </row>
    <row r="109843" spans="8:8">
      <c r="H109843" s="12"/>
    </row>
    <row r="109844" spans="8:8">
      <c r="H109844" s="12"/>
    </row>
    <row r="109845" spans="8:8">
      <c r="H109845" s="12"/>
    </row>
    <row r="109846" spans="8:8">
      <c r="H109846" s="12"/>
    </row>
    <row r="109847" spans="8:8">
      <c r="H109847" s="12"/>
    </row>
    <row r="109848" spans="8:8">
      <c r="H109848" s="12"/>
    </row>
    <row r="109849" spans="8:8">
      <c r="H109849" s="12"/>
    </row>
    <row r="109850" spans="8:8">
      <c r="H109850" s="12"/>
    </row>
    <row r="109851" spans="8:8">
      <c r="H109851" s="12"/>
    </row>
    <row r="109852" spans="8:8">
      <c r="H109852" s="12"/>
    </row>
    <row r="109853" spans="8:8">
      <c r="H109853" s="12"/>
    </row>
    <row r="109854" spans="8:8">
      <c r="H109854" s="12"/>
    </row>
    <row r="109855" spans="8:8">
      <c r="H109855" s="12"/>
    </row>
    <row r="109856" spans="8:8">
      <c r="H109856" s="12"/>
    </row>
    <row r="109857" spans="8:8">
      <c r="H109857" s="12"/>
    </row>
    <row r="109858" spans="8:8">
      <c r="H109858" s="12"/>
    </row>
    <row r="109859" spans="8:8">
      <c r="H109859" s="12"/>
    </row>
    <row r="109860" spans="8:8">
      <c r="H109860" s="12"/>
    </row>
    <row r="109861" spans="8:8">
      <c r="H109861" s="12"/>
    </row>
    <row r="109862" spans="8:8">
      <c r="H109862" s="12"/>
    </row>
    <row r="109863" spans="8:8">
      <c r="H109863" s="12"/>
    </row>
    <row r="109864" spans="8:8">
      <c r="H109864" s="12"/>
    </row>
    <row r="109865" spans="8:8">
      <c r="H109865" s="12"/>
    </row>
    <row r="109866" spans="8:8">
      <c r="H109866" s="12"/>
    </row>
    <row r="109867" spans="8:8">
      <c r="H109867" s="12"/>
    </row>
    <row r="109868" spans="8:8">
      <c r="H109868" s="12"/>
    </row>
    <row r="109869" spans="8:8">
      <c r="H109869" s="12"/>
    </row>
    <row r="109870" spans="8:8">
      <c r="H109870" s="12"/>
    </row>
    <row r="109871" spans="8:8">
      <c r="H109871" s="12"/>
    </row>
    <row r="109872" spans="8:8">
      <c r="H109872" s="12"/>
    </row>
    <row r="109873" spans="8:8">
      <c r="H109873" s="12"/>
    </row>
    <row r="109874" spans="8:8">
      <c r="H109874" s="12"/>
    </row>
    <row r="109875" spans="8:8">
      <c r="H109875" s="12"/>
    </row>
    <row r="109876" spans="8:8">
      <c r="H109876" s="12"/>
    </row>
    <row r="109877" spans="8:8">
      <c r="H109877" s="12"/>
    </row>
    <row r="109878" spans="8:8">
      <c r="H109878" s="12"/>
    </row>
    <row r="109879" spans="8:8">
      <c r="H109879" s="12"/>
    </row>
    <row r="109880" spans="8:8">
      <c r="H109880" s="12"/>
    </row>
    <row r="109881" spans="8:8">
      <c r="H109881" s="12"/>
    </row>
    <row r="109882" spans="8:8">
      <c r="H109882" s="12"/>
    </row>
    <row r="109883" spans="8:8">
      <c r="H109883" s="12"/>
    </row>
    <row r="109884" spans="8:8">
      <c r="H109884" s="12"/>
    </row>
    <row r="109885" spans="8:8">
      <c r="H109885" s="12"/>
    </row>
    <row r="109886" spans="8:8">
      <c r="H109886" s="12"/>
    </row>
    <row r="109887" spans="8:8">
      <c r="H109887" s="12"/>
    </row>
    <row r="109888" spans="8:8">
      <c r="H109888" s="12"/>
    </row>
    <row r="109889" spans="8:8">
      <c r="H109889" s="12"/>
    </row>
    <row r="109890" spans="8:8">
      <c r="H109890" s="12"/>
    </row>
    <row r="109891" spans="8:8">
      <c r="H109891" s="12"/>
    </row>
    <row r="109892" spans="8:8">
      <c r="H109892" s="12"/>
    </row>
    <row r="109893" spans="8:8">
      <c r="H109893" s="12"/>
    </row>
    <row r="109894" spans="8:8">
      <c r="H109894" s="12"/>
    </row>
    <row r="109895" spans="8:8">
      <c r="H109895" s="12"/>
    </row>
    <row r="109896" spans="8:8">
      <c r="H109896" s="12"/>
    </row>
    <row r="109897" spans="8:8">
      <c r="H109897" s="12"/>
    </row>
    <row r="109898" spans="8:8">
      <c r="H109898" s="12"/>
    </row>
    <row r="109899" spans="8:8">
      <c r="H109899" s="12"/>
    </row>
    <row r="109900" spans="8:8">
      <c r="H109900" s="12"/>
    </row>
    <row r="109901" spans="8:8">
      <c r="H109901" s="12"/>
    </row>
    <row r="109902" spans="8:8">
      <c r="H109902" s="12"/>
    </row>
    <row r="109903" spans="8:8">
      <c r="H109903" s="12"/>
    </row>
    <row r="109904" spans="8:8">
      <c r="H109904" s="12"/>
    </row>
    <row r="109905" spans="8:8">
      <c r="H109905" s="12"/>
    </row>
    <row r="109906" spans="8:8">
      <c r="H109906" s="12"/>
    </row>
    <row r="109907" spans="8:8">
      <c r="H109907" s="12"/>
    </row>
    <row r="109908" spans="8:8">
      <c r="H109908" s="12"/>
    </row>
    <row r="109909" spans="8:8">
      <c r="H109909" s="12"/>
    </row>
    <row r="109910" spans="8:8">
      <c r="H109910" s="12"/>
    </row>
    <row r="109911" spans="8:8">
      <c r="H109911" s="12"/>
    </row>
    <row r="109912" spans="8:8">
      <c r="H109912" s="12"/>
    </row>
    <row r="109913" spans="8:8">
      <c r="H109913" s="12"/>
    </row>
    <row r="109914" spans="8:8">
      <c r="H109914" s="12"/>
    </row>
    <row r="109915" spans="8:8">
      <c r="H109915" s="12"/>
    </row>
    <row r="109916" spans="8:8">
      <c r="H109916" s="12"/>
    </row>
    <row r="109917" spans="8:8">
      <c r="H109917" s="12"/>
    </row>
    <row r="109918" spans="8:8">
      <c r="H109918" s="12"/>
    </row>
    <row r="109919" spans="8:8">
      <c r="H109919" s="12"/>
    </row>
    <row r="109920" spans="8:8">
      <c r="H109920" s="12"/>
    </row>
    <row r="109921" spans="8:8">
      <c r="H109921" s="12"/>
    </row>
    <row r="109922" spans="8:8">
      <c r="H109922" s="12"/>
    </row>
    <row r="109923" spans="8:8">
      <c r="H109923" s="12"/>
    </row>
    <row r="109924" spans="8:8">
      <c r="H109924" s="12"/>
    </row>
    <row r="109925" spans="8:8">
      <c r="H109925" s="12"/>
    </row>
    <row r="109926" spans="8:8">
      <c r="H109926" s="12"/>
    </row>
    <row r="109927" spans="8:8">
      <c r="H109927" s="12"/>
    </row>
    <row r="109928" spans="8:8">
      <c r="H109928" s="12"/>
    </row>
    <row r="109929" spans="8:8">
      <c r="H109929" s="12"/>
    </row>
    <row r="109930" spans="8:8">
      <c r="H109930" s="12"/>
    </row>
    <row r="109931" spans="8:8">
      <c r="H109931" s="12"/>
    </row>
    <row r="109932" spans="8:8">
      <c r="H109932" s="12"/>
    </row>
    <row r="109933" spans="8:8">
      <c r="H109933" s="12"/>
    </row>
    <row r="109934" spans="8:8">
      <c r="H109934" s="12"/>
    </row>
    <row r="109935" spans="8:8">
      <c r="H109935" s="12"/>
    </row>
    <row r="109936" spans="8:8">
      <c r="H109936" s="12"/>
    </row>
    <row r="109937" spans="8:8">
      <c r="H109937" s="12"/>
    </row>
    <row r="109938" spans="8:8">
      <c r="H109938" s="12"/>
    </row>
    <row r="109939" spans="8:8">
      <c r="H109939" s="12"/>
    </row>
    <row r="109940" spans="8:8">
      <c r="H109940" s="12"/>
    </row>
    <row r="109941" spans="8:8">
      <c r="H109941" s="12"/>
    </row>
    <row r="109942" spans="8:8">
      <c r="H109942" s="12"/>
    </row>
    <row r="109943" spans="8:8">
      <c r="H109943" s="12"/>
    </row>
    <row r="109944" spans="8:8">
      <c r="H109944" s="12"/>
    </row>
    <row r="109945" spans="8:8">
      <c r="H109945" s="12"/>
    </row>
    <row r="109946" spans="8:8">
      <c r="H109946" s="12"/>
    </row>
    <row r="109947" spans="8:8">
      <c r="H109947" s="12"/>
    </row>
    <row r="109948" spans="8:8">
      <c r="H109948" s="12"/>
    </row>
    <row r="109949" spans="8:8">
      <c r="H109949" s="12"/>
    </row>
    <row r="109950" spans="8:8">
      <c r="H109950" s="12"/>
    </row>
    <row r="109951" spans="8:8">
      <c r="H109951" s="12"/>
    </row>
    <row r="109952" spans="8:8">
      <c r="H109952" s="12"/>
    </row>
    <row r="109953" spans="8:8">
      <c r="H109953" s="12"/>
    </row>
    <row r="109954" spans="8:8">
      <c r="H109954" s="12"/>
    </row>
    <row r="109955" spans="8:8">
      <c r="H109955" s="12"/>
    </row>
    <row r="109956" spans="8:8">
      <c r="H109956" s="12"/>
    </row>
    <row r="109957" spans="8:8">
      <c r="H109957" s="12"/>
    </row>
    <row r="109958" spans="8:8">
      <c r="H109958" s="12"/>
    </row>
    <row r="109959" spans="8:8">
      <c r="H109959" s="12"/>
    </row>
    <row r="109960" spans="8:8">
      <c r="H109960" s="12"/>
    </row>
    <row r="109961" spans="8:8">
      <c r="H109961" s="12"/>
    </row>
    <row r="109962" spans="8:8">
      <c r="H109962" s="12"/>
    </row>
    <row r="109963" spans="8:8">
      <c r="H109963" s="12"/>
    </row>
    <row r="109964" spans="8:8">
      <c r="H109964" s="12"/>
    </row>
    <row r="109965" spans="8:8">
      <c r="H109965" s="12"/>
    </row>
    <row r="109966" spans="8:8">
      <c r="H109966" s="12"/>
    </row>
    <row r="109967" spans="8:8">
      <c r="H109967" s="12"/>
    </row>
    <row r="109968" spans="8:8">
      <c r="H109968" s="12"/>
    </row>
    <row r="109969" spans="8:8">
      <c r="H109969" s="12"/>
    </row>
    <row r="109970" spans="8:8">
      <c r="H109970" s="12"/>
    </row>
    <row r="109971" spans="8:8">
      <c r="H109971" s="12"/>
    </row>
    <row r="109972" spans="8:8">
      <c r="H109972" s="12"/>
    </row>
    <row r="109973" spans="8:8">
      <c r="H109973" s="12"/>
    </row>
    <row r="109974" spans="8:8">
      <c r="H109974" s="12"/>
    </row>
    <row r="109975" spans="8:8">
      <c r="H109975" s="12"/>
    </row>
    <row r="109976" spans="8:8">
      <c r="H109976" s="12"/>
    </row>
    <row r="109977" spans="8:8">
      <c r="H109977" s="12"/>
    </row>
    <row r="109978" spans="8:8">
      <c r="H109978" s="12"/>
    </row>
    <row r="109979" spans="8:8">
      <c r="H109979" s="12"/>
    </row>
    <row r="109980" spans="8:8">
      <c r="H109980" s="12"/>
    </row>
    <row r="109981" spans="8:8">
      <c r="H109981" s="12"/>
    </row>
    <row r="109982" spans="8:8">
      <c r="H109982" s="12"/>
    </row>
    <row r="109983" spans="8:8">
      <c r="H109983" s="12"/>
    </row>
    <row r="109984" spans="8:8">
      <c r="H109984" s="12"/>
    </row>
    <row r="109985" spans="8:8">
      <c r="H109985" s="12"/>
    </row>
    <row r="109986" spans="8:8">
      <c r="H109986" s="12"/>
    </row>
    <row r="109987" spans="8:8">
      <c r="H109987" s="12"/>
    </row>
    <row r="109988" spans="8:8">
      <c r="H109988" s="12"/>
    </row>
    <row r="109989" spans="8:8">
      <c r="H109989" s="12"/>
    </row>
    <row r="109990" spans="8:8">
      <c r="H109990" s="12"/>
    </row>
    <row r="109991" spans="8:8">
      <c r="H109991" s="12"/>
    </row>
    <row r="109992" spans="8:8">
      <c r="H109992" s="12"/>
    </row>
    <row r="109993" spans="8:8">
      <c r="H109993" s="12"/>
    </row>
    <row r="109994" spans="8:8">
      <c r="H109994" s="12"/>
    </row>
    <row r="109995" spans="8:8">
      <c r="H109995" s="12"/>
    </row>
    <row r="109996" spans="8:8">
      <c r="H109996" s="12"/>
    </row>
    <row r="109997" spans="8:8">
      <c r="H109997" s="12"/>
    </row>
    <row r="109998" spans="8:8">
      <c r="H109998" s="12"/>
    </row>
    <row r="109999" spans="8:8">
      <c r="H109999" s="12"/>
    </row>
    <row r="110000" spans="8:8">
      <c r="H110000" s="12"/>
    </row>
    <row r="110001" spans="8:8">
      <c r="H110001" s="12"/>
    </row>
    <row r="110002" spans="8:8">
      <c r="H110002" s="12"/>
    </row>
    <row r="110003" spans="8:8">
      <c r="H110003" s="12"/>
    </row>
    <row r="110004" spans="8:8">
      <c r="H110004" s="12"/>
    </row>
    <row r="110005" spans="8:8">
      <c r="H110005" s="12"/>
    </row>
    <row r="110006" spans="8:8">
      <c r="H110006" s="12"/>
    </row>
    <row r="110007" spans="8:8">
      <c r="H110007" s="12"/>
    </row>
    <row r="110008" spans="8:8">
      <c r="H110008" s="12"/>
    </row>
    <row r="110009" spans="8:8">
      <c r="H110009" s="12"/>
    </row>
    <row r="110010" spans="8:8">
      <c r="H110010" s="12"/>
    </row>
    <row r="110011" spans="8:8">
      <c r="H110011" s="12"/>
    </row>
    <row r="110012" spans="8:8">
      <c r="H110012" s="12"/>
    </row>
    <row r="110013" spans="8:8">
      <c r="H110013" s="12"/>
    </row>
    <row r="110014" spans="8:8">
      <c r="H110014" s="12"/>
    </row>
    <row r="110015" spans="8:8">
      <c r="H110015" s="12"/>
    </row>
    <row r="110016" spans="8:8">
      <c r="H110016" s="12"/>
    </row>
    <row r="110017" spans="8:8">
      <c r="H110017" s="12"/>
    </row>
    <row r="110018" spans="8:8">
      <c r="H110018" s="12"/>
    </row>
    <row r="110019" spans="8:8">
      <c r="H110019" s="12"/>
    </row>
    <row r="110020" spans="8:8">
      <c r="H110020" s="12"/>
    </row>
    <row r="110021" spans="8:8">
      <c r="H110021" s="12"/>
    </row>
    <row r="110022" spans="8:8">
      <c r="H110022" s="12"/>
    </row>
    <row r="110023" spans="8:8">
      <c r="H110023" s="12"/>
    </row>
    <row r="110024" spans="8:8">
      <c r="H110024" s="12"/>
    </row>
    <row r="110025" spans="8:8">
      <c r="H110025" s="12"/>
    </row>
    <row r="110026" spans="8:8">
      <c r="H110026" s="12"/>
    </row>
    <row r="110027" spans="8:8">
      <c r="H110027" s="12"/>
    </row>
    <row r="110028" spans="8:8">
      <c r="H110028" s="12"/>
    </row>
    <row r="110029" spans="8:8">
      <c r="H110029" s="12"/>
    </row>
    <row r="110030" spans="8:8">
      <c r="H110030" s="12"/>
    </row>
    <row r="110031" spans="8:8">
      <c r="H110031" s="12"/>
    </row>
    <row r="110032" spans="8:8">
      <c r="H110032" s="12"/>
    </row>
    <row r="110033" spans="8:8">
      <c r="H110033" s="12"/>
    </row>
    <row r="110034" spans="8:8">
      <c r="H110034" s="12"/>
    </row>
    <row r="110035" spans="8:8">
      <c r="H110035" s="12"/>
    </row>
    <row r="110036" spans="8:8">
      <c r="H110036" s="12"/>
    </row>
    <row r="110037" spans="8:8">
      <c r="H110037" s="12"/>
    </row>
    <row r="110038" spans="8:8">
      <c r="H110038" s="12"/>
    </row>
    <row r="110039" spans="8:8">
      <c r="H110039" s="12"/>
    </row>
    <row r="110040" spans="8:8">
      <c r="H110040" s="12"/>
    </row>
    <row r="110041" spans="8:8">
      <c r="H110041" s="12"/>
    </row>
    <row r="110042" spans="8:8">
      <c r="H110042" s="12"/>
    </row>
    <row r="110043" spans="8:8">
      <c r="H110043" s="12"/>
    </row>
    <row r="110044" spans="8:8">
      <c r="H110044" s="12"/>
    </row>
    <row r="110045" spans="8:8">
      <c r="H110045" s="12"/>
    </row>
    <row r="110046" spans="8:8">
      <c r="H110046" s="12"/>
    </row>
    <row r="110047" spans="8:8">
      <c r="H110047" s="12"/>
    </row>
    <row r="110048" spans="8:8">
      <c r="H110048" s="12"/>
    </row>
    <row r="110049" spans="8:8">
      <c r="H110049" s="12"/>
    </row>
    <row r="110050" spans="8:8">
      <c r="H110050" s="12"/>
    </row>
    <row r="110051" spans="8:8">
      <c r="H110051" s="12"/>
    </row>
    <row r="110052" spans="8:8">
      <c r="H110052" s="12"/>
    </row>
    <row r="110053" spans="8:8">
      <c r="H110053" s="12"/>
    </row>
    <row r="110054" spans="8:8">
      <c r="H110054" s="12"/>
    </row>
    <row r="110055" spans="8:8">
      <c r="H110055" s="12"/>
    </row>
    <row r="110056" spans="8:8">
      <c r="H110056" s="12"/>
    </row>
    <row r="110057" spans="8:8">
      <c r="H110057" s="12"/>
    </row>
    <row r="110058" spans="8:8">
      <c r="H110058" s="12"/>
    </row>
    <row r="110059" spans="8:8">
      <c r="H110059" s="12"/>
    </row>
    <row r="110060" spans="8:8">
      <c r="H110060" s="12"/>
    </row>
    <row r="110061" spans="8:8">
      <c r="H110061" s="12"/>
    </row>
    <row r="110062" spans="8:8">
      <c r="H110062" s="12"/>
    </row>
    <row r="110063" spans="8:8">
      <c r="H110063" s="12"/>
    </row>
    <row r="110064" spans="8:8">
      <c r="H110064" s="12"/>
    </row>
    <row r="110065" spans="8:8">
      <c r="H110065" s="12"/>
    </row>
    <row r="110066" spans="8:8">
      <c r="H110066" s="12"/>
    </row>
    <row r="110067" spans="8:8">
      <c r="H110067" s="12"/>
    </row>
    <row r="110068" spans="8:8">
      <c r="H110068" s="12"/>
    </row>
    <row r="110069" spans="8:8">
      <c r="H110069" s="12"/>
    </row>
    <row r="110070" spans="8:8">
      <c r="H110070" s="12"/>
    </row>
    <row r="110071" spans="8:8">
      <c r="H110071" s="12"/>
    </row>
    <row r="110072" spans="8:8">
      <c r="H110072" s="12"/>
    </row>
    <row r="110073" spans="8:8">
      <c r="H110073" s="12"/>
    </row>
    <row r="110074" spans="8:8">
      <c r="H110074" s="12"/>
    </row>
    <row r="110075" spans="8:8">
      <c r="H110075" s="12"/>
    </row>
    <row r="110076" spans="8:8">
      <c r="H110076" s="12"/>
    </row>
    <row r="110077" spans="8:8">
      <c r="H110077" s="12"/>
    </row>
    <row r="110078" spans="8:8">
      <c r="H110078" s="12"/>
    </row>
    <row r="110079" spans="8:8">
      <c r="H110079" s="12"/>
    </row>
    <row r="110080" spans="8:8">
      <c r="H110080" s="12"/>
    </row>
    <row r="110081" spans="8:8">
      <c r="H110081" s="12"/>
    </row>
    <row r="110082" spans="8:8">
      <c r="H110082" s="12"/>
    </row>
    <row r="110083" spans="8:8">
      <c r="H110083" s="12"/>
    </row>
    <row r="110084" spans="8:8">
      <c r="H110084" s="12"/>
    </row>
    <row r="110085" spans="8:8">
      <c r="H110085" s="12"/>
    </row>
    <row r="110086" spans="8:8">
      <c r="H110086" s="12"/>
    </row>
    <row r="110087" spans="8:8">
      <c r="H110087" s="12"/>
    </row>
    <row r="110088" spans="8:8">
      <c r="H110088" s="12"/>
    </row>
    <row r="110089" spans="8:8">
      <c r="H110089" s="12"/>
    </row>
    <row r="110090" spans="8:8">
      <c r="H110090" s="12"/>
    </row>
    <row r="110091" spans="8:8">
      <c r="H110091" s="12"/>
    </row>
    <row r="110092" spans="8:8">
      <c r="H110092" s="12"/>
    </row>
    <row r="110093" spans="8:8">
      <c r="H110093" s="12"/>
    </row>
    <row r="110094" spans="8:8">
      <c r="H110094" s="12"/>
    </row>
    <row r="110095" spans="8:8">
      <c r="H110095" s="12"/>
    </row>
    <row r="110096" spans="8:8">
      <c r="H110096" s="12"/>
    </row>
    <row r="110097" spans="8:8">
      <c r="H110097" s="12"/>
    </row>
    <row r="110098" spans="8:8">
      <c r="H110098" s="12"/>
    </row>
    <row r="110099" spans="8:8">
      <c r="H110099" s="12"/>
    </row>
    <row r="110100" spans="8:8">
      <c r="H110100" s="12"/>
    </row>
    <row r="110101" spans="8:8">
      <c r="H110101" s="12"/>
    </row>
    <row r="110102" spans="8:8">
      <c r="H110102" s="12"/>
    </row>
    <row r="110103" spans="8:8">
      <c r="H110103" s="12"/>
    </row>
    <row r="110104" spans="8:8">
      <c r="H110104" s="12"/>
    </row>
    <row r="110105" spans="8:8">
      <c r="H110105" s="12"/>
    </row>
    <row r="110106" spans="8:8">
      <c r="H110106" s="12"/>
    </row>
    <row r="110107" spans="8:8">
      <c r="H110107" s="12"/>
    </row>
    <row r="110108" spans="8:8">
      <c r="H110108" s="12"/>
    </row>
    <row r="110109" spans="8:8">
      <c r="H110109" s="12"/>
    </row>
    <row r="110110" spans="8:8">
      <c r="H110110" s="12"/>
    </row>
    <row r="110111" spans="8:8">
      <c r="H110111" s="12"/>
    </row>
    <row r="110112" spans="8:8">
      <c r="H110112" s="12"/>
    </row>
    <row r="110113" spans="8:8">
      <c r="H110113" s="12"/>
    </row>
    <row r="110114" spans="8:8">
      <c r="H110114" s="12"/>
    </row>
    <row r="110115" spans="8:8">
      <c r="H110115" s="12"/>
    </row>
    <row r="110116" spans="8:8">
      <c r="H110116" s="12"/>
    </row>
    <row r="110117" spans="8:8">
      <c r="H110117" s="12"/>
    </row>
    <row r="110118" spans="8:8">
      <c r="H110118" s="12"/>
    </row>
    <row r="110119" spans="8:8">
      <c r="H110119" s="12"/>
    </row>
    <row r="110120" spans="8:8">
      <c r="H110120" s="12"/>
    </row>
    <row r="110121" spans="8:8">
      <c r="H110121" s="12"/>
    </row>
    <row r="110122" spans="8:8">
      <c r="H110122" s="12"/>
    </row>
    <row r="110123" spans="8:8">
      <c r="H110123" s="12"/>
    </row>
    <row r="110124" spans="8:8">
      <c r="H110124" s="12"/>
    </row>
    <row r="110125" spans="8:8">
      <c r="H110125" s="12"/>
    </row>
    <row r="110126" spans="8:8">
      <c r="H110126" s="12"/>
    </row>
    <row r="110127" spans="8:8">
      <c r="H110127" s="12"/>
    </row>
    <row r="110128" spans="8:8">
      <c r="H110128" s="12"/>
    </row>
    <row r="110129" spans="8:8">
      <c r="H110129" s="12"/>
    </row>
    <row r="110130" spans="8:8">
      <c r="H110130" s="12"/>
    </row>
    <row r="110131" spans="8:8">
      <c r="H110131" s="12"/>
    </row>
    <row r="110132" spans="8:8">
      <c r="H110132" s="12"/>
    </row>
    <row r="110133" spans="8:8">
      <c r="H110133" s="12"/>
    </row>
    <row r="110134" spans="8:8">
      <c r="H110134" s="12"/>
    </row>
    <row r="110135" spans="8:8">
      <c r="H110135" s="12"/>
    </row>
    <row r="110136" spans="8:8">
      <c r="H110136" s="12"/>
    </row>
    <row r="110137" spans="8:8">
      <c r="H110137" s="12"/>
    </row>
    <row r="110138" spans="8:8">
      <c r="H110138" s="12"/>
    </row>
    <row r="110139" spans="8:8">
      <c r="H110139" s="12"/>
    </row>
    <row r="110140" spans="8:8">
      <c r="H110140" s="12"/>
    </row>
    <row r="110141" spans="8:8">
      <c r="H110141" s="12"/>
    </row>
    <row r="110142" spans="8:8">
      <c r="H110142" s="12"/>
    </row>
    <row r="110143" spans="8:8">
      <c r="H110143" s="12"/>
    </row>
    <row r="110144" spans="8:8">
      <c r="H110144" s="12"/>
    </row>
    <row r="110145" spans="8:8">
      <c r="H110145" s="12"/>
    </row>
    <row r="110146" spans="8:8">
      <c r="H110146" s="12"/>
    </row>
    <row r="110147" spans="8:8">
      <c r="H110147" s="12"/>
    </row>
    <row r="110148" spans="8:8">
      <c r="H110148" s="12"/>
    </row>
    <row r="110149" spans="8:8">
      <c r="H110149" s="12"/>
    </row>
    <row r="110150" spans="8:8">
      <c r="H110150" s="12"/>
    </row>
    <row r="110151" spans="8:8">
      <c r="H110151" s="12"/>
    </row>
    <row r="110152" spans="8:8">
      <c r="H110152" s="12"/>
    </row>
    <row r="110153" spans="8:8">
      <c r="H110153" s="12"/>
    </row>
    <row r="110154" spans="8:8">
      <c r="H110154" s="12"/>
    </row>
    <row r="110155" spans="8:8">
      <c r="H110155" s="12"/>
    </row>
    <row r="110156" spans="8:8">
      <c r="H110156" s="12"/>
    </row>
    <row r="110157" spans="8:8">
      <c r="H110157" s="12"/>
    </row>
    <row r="110158" spans="8:8">
      <c r="H110158" s="12"/>
    </row>
    <row r="110159" spans="8:8">
      <c r="H110159" s="12"/>
    </row>
    <row r="110160" spans="8:8">
      <c r="H110160" s="12"/>
    </row>
    <row r="110161" spans="8:8">
      <c r="H110161" s="12"/>
    </row>
    <row r="110162" spans="8:8">
      <c r="H110162" s="12"/>
    </row>
    <row r="110163" spans="8:8">
      <c r="H110163" s="12"/>
    </row>
    <row r="110164" spans="8:8">
      <c r="H110164" s="12"/>
    </row>
    <row r="110165" spans="8:8">
      <c r="H110165" s="12"/>
    </row>
    <row r="110166" spans="8:8">
      <c r="H110166" s="12"/>
    </row>
    <row r="110167" spans="8:8">
      <c r="H110167" s="12"/>
    </row>
    <row r="110168" spans="8:8">
      <c r="H110168" s="12"/>
    </row>
    <row r="110169" spans="8:8">
      <c r="H110169" s="12"/>
    </row>
    <row r="110170" spans="8:8">
      <c r="H110170" s="12"/>
    </row>
    <row r="110171" spans="8:8">
      <c r="H110171" s="12"/>
    </row>
    <row r="110172" spans="8:8">
      <c r="H110172" s="12"/>
    </row>
    <row r="110173" spans="8:8">
      <c r="H110173" s="12"/>
    </row>
    <row r="110174" spans="8:8">
      <c r="H110174" s="12"/>
    </row>
    <row r="110175" spans="8:8">
      <c r="H110175" s="12"/>
    </row>
    <row r="110176" spans="8:8">
      <c r="H110176" s="12"/>
    </row>
    <row r="110177" spans="8:8">
      <c r="H110177" s="12"/>
    </row>
    <row r="110178" spans="8:8">
      <c r="H110178" s="12"/>
    </row>
    <row r="110179" spans="8:8">
      <c r="H110179" s="12"/>
    </row>
    <row r="110180" spans="8:8">
      <c r="H110180" s="12"/>
    </row>
    <row r="110181" spans="8:8">
      <c r="H110181" s="12"/>
    </row>
    <row r="110182" spans="8:8">
      <c r="H110182" s="12"/>
    </row>
    <row r="110183" spans="8:8">
      <c r="H110183" s="12"/>
    </row>
    <row r="110184" spans="8:8">
      <c r="H110184" s="12"/>
    </row>
    <row r="110185" spans="8:8">
      <c r="H110185" s="12"/>
    </row>
    <row r="110186" spans="8:8">
      <c r="H110186" s="12"/>
    </row>
    <row r="110187" spans="8:8">
      <c r="H110187" s="12"/>
    </row>
    <row r="110188" spans="8:8">
      <c r="H110188" s="12"/>
    </row>
    <row r="110189" spans="8:8">
      <c r="H110189" s="12"/>
    </row>
    <row r="110190" spans="8:8">
      <c r="H110190" s="12"/>
    </row>
    <row r="110191" spans="8:8">
      <c r="H110191" s="12"/>
    </row>
    <row r="110192" spans="8:8">
      <c r="H110192" s="12"/>
    </row>
    <row r="110193" spans="8:8">
      <c r="H110193" s="12"/>
    </row>
    <row r="110194" spans="8:8">
      <c r="H110194" s="12"/>
    </row>
    <row r="110195" spans="8:8">
      <c r="H110195" s="12"/>
    </row>
    <row r="110196" spans="8:8">
      <c r="H110196" s="12"/>
    </row>
    <row r="110197" spans="8:8">
      <c r="H110197" s="12"/>
    </row>
    <row r="110198" spans="8:8">
      <c r="H110198" s="12"/>
    </row>
    <row r="110199" spans="8:8">
      <c r="H110199" s="12"/>
    </row>
    <row r="110200" spans="8:8">
      <c r="H110200" s="12"/>
    </row>
    <row r="110201" spans="8:8">
      <c r="H110201" s="12"/>
    </row>
    <row r="110202" spans="8:8">
      <c r="H110202" s="12"/>
    </row>
    <row r="110203" spans="8:8">
      <c r="H110203" s="12"/>
    </row>
    <row r="110204" spans="8:8">
      <c r="H110204" s="12"/>
    </row>
    <row r="110205" spans="8:8">
      <c r="H110205" s="12"/>
    </row>
    <row r="110206" spans="8:8">
      <c r="H110206" s="12"/>
    </row>
    <row r="110207" spans="8:8">
      <c r="H110207" s="12"/>
    </row>
    <row r="110208" spans="8:8">
      <c r="H110208" s="12"/>
    </row>
    <row r="110209" spans="8:8">
      <c r="H110209" s="12"/>
    </row>
    <row r="110210" spans="8:8">
      <c r="H110210" s="12"/>
    </row>
    <row r="110211" spans="8:8">
      <c r="H110211" s="12"/>
    </row>
    <row r="110212" spans="8:8">
      <c r="H110212" s="12"/>
    </row>
    <row r="110213" spans="8:8">
      <c r="H110213" s="12"/>
    </row>
    <row r="110214" spans="8:8">
      <c r="H110214" s="12"/>
    </row>
    <row r="110215" spans="8:8">
      <c r="H110215" s="12"/>
    </row>
    <row r="110216" spans="8:8">
      <c r="H110216" s="12"/>
    </row>
    <row r="110217" spans="8:8">
      <c r="H110217" s="12"/>
    </row>
    <row r="110218" spans="8:8">
      <c r="H110218" s="12"/>
    </row>
    <row r="110219" spans="8:8">
      <c r="H110219" s="12"/>
    </row>
    <row r="110220" spans="8:8">
      <c r="H110220" s="12"/>
    </row>
    <row r="110221" spans="8:8">
      <c r="H110221" s="12"/>
    </row>
    <row r="110222" spans="8:8">
      <c r="H110222" s="12"/>
    </row>
    <row r="110223" spans="8:8">
      <c r="H110223" s="12"/>
    </row>
    <row r="110224" spans="8:8">
      <c r="H110224" s="12"/>
    </row>
    <row r="110225" spans="8:8">
      <c r="H110225" s="12"/>
    </row>
    <row r="110226" spans="8:8">
      <c r="H110226" s="12"/>
    </row>
    <row r="110227" spans="8:8">
      <c r="H110227" s="12"/>
    </row>
    <row r="110228" spans="8:8">
      <c r="H110228" s="12"/>
    </row>
    <row r="110229" spans="8:8">
      <c r="H110229" s="12"/>
    </row>
    <row r="110230" spans="8:8">
      <c r="H110230" s="12"/>
    </row>
    <row r="110231" spans="8:8">
      <c r="H110231" s="12"/>
    </row>
    <row r="110232" spans="8:8">
      <c r="H110232" s="12"/>
    </row>
    <row r="110233" spans="8:8">
      <c r="H110233" s="12"/>
    </row>
    <row r="110234" spans="8:8">
      <c r="H110234" s="12"/>
    </row>
    <row r="110235" spans="8:8">
      <c r="H110235" s="12"/>
    </row>
    <row r="110236" spans="8:8">
      <c r="H110236" s="12"/>
    </row>
    <row r="110237" spans="8:8">
      <c r="H110237" s="12"/>
    </row>
    <row r="110238" spans="8:8">
      <c r="H110238" s="12"/>
    </row>
    <row r="110239" spans="8:8">
      <c r="H110239" s="12"/>
    </row>
    <row r="110240" spans="8:8">
      <c r="H110240" s="12"/>
    </row>
    <row r="110241" spans="8:8">
      <c r="H110241" s="12"/>
    </row>
    <row r="110242" spans="8:8">
      <c r="H110242" s="12"/>
    </row>
    <row r="110243" spans="8:8">
      <c r="H110243" s="12"/>
    </row>
    <row r="110244" spans="8:8">
      <c r="H110244" s="12"/>
    </row>
    <row r="110245" spans="8:8">
      <c r="H110245" s="12"/>
    </row>
    <row r="110246" spans="8:8">
      <c r="H110246" s="12"/>
    </row>
    <row r="110247" spans="8:8">
      <c r="H110247" s="12"/>
    </row>
    <row r="110248" spans="8:8">
      <c r="H110248" s="12"/>
    </row>
    <row r="110249" spans="8:8">
      <c r="H110249" s="12"/>
    </row>
    <row r="110250" spans="8:8">
      <c r="H110250" s="12"/>
    </row>
    <row r="110251" spans="8:8">
      <c r="H110251" s="12"/>
    </row>
    <row r="110252" spans="8:8">
      <c r="H110252" s="12"/>
    </row>
    <row r="110253" spans="8:8">
      <c r="H110253" s="12"/>
    </row>
    <row r="110254" spans="8:8">
      <c r="H110254" s="12"/>
    </row>
    <row r="110255" spans="8:8">
      <c r="H110255" s="12"/>
    </row>
    <row r="110256" spans="8:8">
      <c r="H110256" s="12"/>
    </row>
    <row r="110257" spans="8:8">
      <c r="H110257" s="12"/>
    </row>
    <row r="110258" spans="8:8">
      <c r="H110258" s="12"/>
    </row>
    <row r="110259" spans="8:8">
      <c r="H110259" s="12"/>
    </row>
    <row r="110260" spans="8:8">
      <c r="H110260" s="12"/>
    </row>
    <row r="110261" spans="8:8">
      <c r="H110261" s="12"/>
    </row>
    <row r="110262" spans="8:8">
      <c r="H110262" s="12"/>
    </row>
    <row r="110263" spans="8:8">
      <c r="H110263" s="12"/>
    </row>
    <row r="110264" spans="8:8">
      <c r="H110264" s="12"/>
    </row>
    <row r="110265" spans="8:8">
      <c r="H110265" s="12"/>
    </row>
    <row r="110266" spans="8:8">
      <c r="H110266" s="12"/>
    </row>
    <row r="110267" spans="8:8">
      <c r="H110267" s="12"/>
    </row>
    <row r="110268" spans="8:8">
      <c r="H110268" s="12"/>
    </row>
    <row r="110269" spans="8:8">
      <c r="H110269" s="12"/>
    </row>
    <row r="110270" spans="8:8">
      <c r="H110270" s="12"/>
    </row>
    <row r="110271" spans="8:8">
      <c r="H110271" s="12"/>
    </row>
    <row r="110272" spans="8:8">
      <c r="H110272" s="12"/>
    </row>
    <row r="110273" spans="8:8">
      <c r="H110273" s="12"/>
    </row>
    <row r="110274" spans="8:8">
      <c r="H110274" s="12"/>
    </row>
    <row r="110275" spans="8:8">
      <c r="H110275" s="12"/>
    </row>
    <row r="110276" spans="8:8">
      <c r="H110276" s="12"/>
    </row>
    <row r="110277" spans="8:8">
      <c r="H110277" s="12"/>
    </row>
    <row r="110278" spans="8:8">
      <c r="H110278" s="12"/>
    </row>
    <row r="110279" spans="8:8">
      <c r="H110279" s="12"/>
    </row>
    <row r="110280" spans="8:8">
      <c r="H110280" s="12"/>
    </row>
    <row r="110281" spans="8:8">
      <c r="H110281" s="12"/>
    </row>
    <row r="110282" spans="8:8">
      <c r="H110282" s="12"/>
    </row>
    <row r="110283" spans="8:8">
      <c r="H110283" s="12"/>
    </row>
    <row r="110284" spans="8:8">
      <c r="H110284" s="12"/>
    </row>
    <row r="110285" spans="8:8">
      <c r="H110285" s="12"/>
    </row>
    <row r="110286" spans="8:8">
      <c r="H110286" s="12"/>
    </row>
    <row r="110287" spans="8:8">
      <c r="H110287" s="12"/>
    </row>
    <row r="110288" spans="8:8">
      <c r="H110288" s="12"/>
    </row>
    <row r="110289" spans="8:8">
      <c r="H110289" s="12"/>
    </row>
    <row r="110290" spans="8:8">
      <c r="H110290" s="12"/>
    </row>
    <row r="110291" spans="8:8">
      <c r="H110291" s="12"/>
    </row>
    <row r="110292" spans="8:8">
      <c r="H110292" s="12"/>
    </row>
    <row r="110293" spans="8:8">
      <c r="H110293" s="12"/>
    </row>
    <row r="110294" spans="8:8">
      <c r="H110294" s="12"/>
    </row>
    <row r="110295" spans="8:8">
      <c r="H110295" s="12"/>
    </row>
    <row r="110296" spans="8:8">
      <c r="H110296" s="12"/>
    </row>
    <row r="110297" spans="8:8">
      <c r="H110297" s="12"/>
    </row>
    <row r="110298" spans="8:8">
      <c r="H110298" s="12"/>
    </row>
    <row r="110299" spans="8:8">
      <c r="H110299" s="12"/>
    </row>
    <row r="110300" spans="8:8">
      <c r="H110300" s="12"/>
    </row>
    <row r="110301" spans="8:8">
      <c r="H110301" s="12"/>
    </row>
    <row r="110302" spans="8:8">
      <c r="H110302" s="12"/>
    </row>
    <row r="110303" spans="8:8">
      <c r="H110303" s="12"/>
    </row>
    <row r="110304" spans="8:8">
      <c r="H110304" s="12"/>
    </row>
    <row r="110305" spans="8:8">
      <c r="H110305" s="12"/>
    </row>
    <row r="110306" spans="8:8">
      <c r="H110306" s="12"/>
    </row>
    <row r="110307" spans="8:8">
      <c r="H110307" s="12"/>
    </row>
    <row r="110308" spans="8:8">
      <c r="H110308" s="12"/>
    </row>
    <row r="110309" spans="8:8">
      <c r="H110309" s="12"/>
    </row>
    <row r="110310" spans="8:8">
      <c r="H110310" s="12"/>
    </row>
    <row r="110311" spans="8:8">
      <c r="H110311" s="12"/>
    </row>
    <row r="110312" spans="8:8">
      <c r="H110312" s="12"/>
    </row>
    <row r="110313" spans="8:8">
      <c r="H110313" s="12"/>
    </row>
    <row r="110314" spans="8:8">
      <c r="H110314" s="12"/>
    </row>
    <row r="110315" spans="8:8">
      <c r="H110315" s="12"/>
    </row>
    <row r="110316" spans="8:8">
      <c r="H110316" s="12"/>
    </row>
    <row r="110317" spans="8:8">
      <c r="H110317" s="12"/>
    </row>
    <row r="110318" spans="8:8">
      <c r="H110318" s="12"/>
    </row>
    <row r="110319" spans="8:8">
      <c r="H110319" s="12"/>
    </row>
    <row r="110320" spans="8:8">
      <c r="H110320" s="12"/>
    </row>
    <row r="110321" spans="8:8">
      <c r="H110321" s="12"/>
    </row>
    <row r="110322" spans="8:8">
      <c r="H110322" s="12"/>
    </row>
    <row r="110323" spans="8:8">
      <c r="H110323" s="12"/>
    </row>
    <row r="110324" spans="8:8">
      <c r="H110324" s="12"/>
    </row>
    <row r="110325" spans="8:8">
      <c r="H110325" s="12"/>
    </row>
    <row r="110326" spans="8:8">
      <c r="H110326" s="12"/>
    </row>
    <row r="110327" spans="8:8">
      <c r="H110327" s="12"/>
    </row>
    <row r="110328" spans="8:8">
      <c r="H110328" s="12"/>
    </row>
    <row r="110329" spans="8:8">
      <c r="H110329" s="12"/>
    </row>
    <row r="110330" spans="8:8">
      <c r="H110330" s="12"/>
    </row>
    <row r="110331" spans="8:8">
      <c r="H110331" s="12"/>
    </row>
    <row r="110332" spans="8:8">
      <c r="H110332" s="12"/>
    </row>
    <row r="110333" spans="8:8">
      <c r="H110333" s="12"/>
    </row>
    <row r="110334" spans="8:8">
      <c r="H110334" s="12"/>
    </row>
    <row r="110335" spans="8:8">
      <c r="H110335" s="12"/>
    </row>
    <row r="110336" spans="8:8">
      <c r="H110336" s="12"/>
    </row>
    <row r="110337" spans="8:8">
      <c r="H110337" s="12"/>
    </row>
    <row r="110338" spans="8:8">
      <c r="H110338" s="12"/>
    </row>
    <row r="110339" spans="8:8">
      <c r="H110339" s="12"/>
    </row>
    <row r="110340" spans="8:8">
      <c r="H110340" s="12"/>
    </row>
    <row r="110341" spans="8:8">
      <c r="H110341" s="12"/>
    </row>
    <row r="110342" spans="8:8">
      <c r="H110342" s="12"/>
    </row>
    <row r="110343" spans="8:8">
      <c r="H110343" s="12"/>
    </row>
    <row r="110344" spans="8:8">
      <c r="H110344" s="12"/>
    </row>
    <row r="110345" spans="8:8">
      <c r="H110345" s="12"/>
    </row>
    <row r="110346" spans="8:8">
      <c r="H110346" s="12"/>
    </row>
    <row r="110347" spans="8:8">
      <c r="H110347" s="12"/>
    </row>
    <row r="110348" spans="8:8">
      <c r="H110348" s="12"/>
    </row>
    <row r="110349" spans="8:8">
      <c r="H110349" s="12"/>
    </row>
    <row r="110350" spans="8:8">
      <c r="H110350" s="12"/>
    </row>
    <row r="110351" spans="8:8">
      <c r="H110351" s="12"/>
    </row>
    <row r="110352" spans="8:8">
      <c r="H110352" s="12"/>
    </row>
    <row r="110353" spans="8:8">
      <c r="H110353" s="12"/>
    </row>
    <row r="110354" spans="8:8">
      <c r="H110354" s="12"/>
    </row>
    <row r="110355" spans="8:8">
      <c r="H110355" s="12"/>
    </row>
    <row r="110356" spans="8:8">
      <c r="H110356" s="12"/>
    </row>
    <row r="110357" spans="8:8">
      <c r="H110357" s="12"/>
    </row>
    <row r="110358" spans="8:8">
      <c r="H110358" s="12"/>
    </row>
    <row r="110359" spans="8:8">
      <c r="H110359" s="12"/>
    </row>
    <row r="110360" spans="8:8">
      <c r="H110360" s="12"/>
    </row>
    <row r="110361" spans="8:8">
      <c r="H110361" s="12"/>
    </row>
    <row r="110362" spans="8:8">
      <c r="H110362" s="12"/>
    </row>
    <row r="110363" spans="8:8">
      <c r="H110363" s="12"/>
    </row>
    <row r="110364" spans="8:8">
      <c r="H110364" s="12"/>
    </row>
    <row r="110365" spans="8:8">
      <c r="H110365" s="12"/>
    </row>
    <row r="110366" spans="8:8">
      <c r="H110366" s="12"/>
    </row>
    <row r="110367" spans="8:8">
      <c r="H110367" s="12"/>
    </row>
    <row r="110368" spans="8:8">
      <c r="H110368" s="12"/>
    </row>
    <row r="110369" spans="8:8">
      <c r="H110369" s="12"/>
    </row>
    <row r="110370" spans="8:8">
      <c r="H110370" s="12"/>
    </row>
    <row r="110371" spans="8:8">
      <c r="H110371" s="12"/>
    </row>
    <row r="110372" spans="8:8">
      <c r="H110372" s="12"/>
    </row>
    <row r="110373" spans="8:8">
      <c r="H110373" s="12"/>
    </row>
    <row r="110374" spans="8:8">
      <c r="H110374" s="12"/>
    </row>
    <row r="110375" spans="8:8">
      <c r="H110375" s="12"/>
    </row>
    <row r="110376" spans="8:8">
      <c r="H110376" s="12"/>
    </row>
    <row r="110377" spans="8:8">
      <c r="H110377" s="12"/>
    </row>
    <row r="110378" spans="8:8">
      <c r="H110378" s="12"/>
    </row>
    <row r="110379" spans="8:8">
      <c r="H110379" s="12"/>
    </row>
    <row r="110380" spans="8:8">
      <c r="H110380" s="12"/>
    </row>
    <row r="110381" spans="8:8">
      <c r="H110381" s="12"/>
    </row>
    <row r="110382" spans="8:8">
      <c r="H110382" s="12"/>
    </row>
    <row r="110383" spans="8:8">
      <c r="H110383" s="12"/>
    </row>
    <row r="110384" spans="8:8">
      <c r="H110384" s="12"/>
    </row>
    <row r="110385" spans="8:8">
      <c r="H110385" s="12"/>
    </row>
    <row r="110386" spans="8:8">
      <c r="H110386" s="12"/>
    </row>
    <row r="110387" spans="8:8">
      <c r="H110387" s="12"/>
    </row>
    <row r="110388" spans="8:8">
      <c r="H110388" s="12"/>
    </row>
    <row r="110389" spans="8:8">
      <c r="H110389" s="12"/>
    </row>
    <row r="110390" spans="8:8">
      <c r="H110390" s="12"/>
    </row>
    <row r="110391" spans="8:8">
      <c r="H110391" s="12"/>
    </row>
    <row r="110392" spans="8:8">
      <c r="H110392" s="12"/>
    </row>
    <row r="110393" spans="8:8">
      <c r="H110393" s="12"/>
    </row>
    <row r="110394" spans="8:8">
      <c r="H110394" s="12"/>
    </row>
    <row r="110395" spans="8:8">
      <c r="H110395" s="12"/>
    </row>
    <row r="110396" spans="8:8">
      <c r="H110396" s="12"/>
    </row>
    <row r="110397" spans="8:8">
      <c r="H110397" s="12"/>
    </row>
    <row r="110398" spans="8:8">
      <c r="H110398" s="12"/>
    </row>
    <row r="110399" spans="8:8">
      <c r="H110399" s="12"/>
    </row>
    <row r="110400" spans="8:8">
      <c r="H110400" s="12"/>
    </row>
    <row r="110401" spans="8:8">
      <c r="H110401" s="12"/>
    </row>
    <row r="110402" spans="8:8">
      <c r="H110402" s="12"/>
    </row>
    <row r="110403" spans="8:8">
      <c r="H110403" s="12"/>
    </row>
    <row r="110404" spans="8:8">
      <c r="H110404" s="12"/>
    </row>
    <row r="110405" spans="8:8">
      <c r="H110405" s="12"/>
    </row>
    <row r="110406" spans="8:8">
      <c r="H110406" s="12"/>
    </row>
    <row r="110407" spans="8:8">
      <c r="H110407" s="12"/>
    </row>
    <row r="110408" spans="8:8">
      <c r="H110408" s="12"/>
    </row>
    <row r="110409" spans="8:8">
      <c r="H110409" s="12"/>
    </row>
    <row r="110410" spans="8:8">
      <c r="H110410" s="12"/>
    </row>
    <row r="110411" spans="8:8">
      <c r="H110411" s="12"/>
    </row>
    <row r="110412" spans="8:8">
      <c r="H110412" s="12"/>
    </row>
    <row r="110413" spans="8:8">
      <c r="H110413" s="12"/>
    </row>
    <row r="110414" spans="8:8">
      <c r="H110414" s="12"/>
    </row>
    <row r="110415" spans="8:8">
      <c r="H110415" s="12"/>
    </row>
    <row r="110416" spans="8:8">
      <c r="H110416" s="12"/>
    </row>
    <row r="110417" spans="8:8">
      <c r="H110417" s="12"/>
    </row>
    <row r="110418" spans="8:8">
      <c r="H110418" s="12"/>
    </row>
    <row r="110419" spans="8:8">
      <c r="H110419" s="12"/>
    </row>
    <row r="110420" spans="8:8">
      <c r="H110420" s="12"/>
    </row>
    <row r="110421" spans="8:8">
      <c r="H110421" s="12"/>
    </row>
    <row r="110422" spans="8:8">
      <c r="H110422" s="12"/>
    </row>
    <row r="110423" spans="8:8">
      <c r="H110423" s="12"/>
    </row>
    <row r="110424" spans="8:8">
      <c r="H110424" s="12"/>
    </row>
    <row r="110425" spans="8:8">
      <c r="H110425" s="12"/>
    </row>
    <row r="110426" spans="8:8">
      <c r="H110426" s="12"/>
    </row>
    <row r="110427" spans="8:8">
      <c r="H110427" s="12"/>
    </row>
    <row r="110428" spans="8:8">
      <c r="H110428" s="12"/>
    </row>
    <row r="110429" spans="8:8">
      <c r="H110429" s="12"/>
    </row>
    <row r="110430" spans="8:8">
      <c r="H110430" s="12"/>
    </row>
    <row r="110431" spans="8:8">
      <c r="H110431" s="12"/>
    </row>
    <row r="110432" spans="8:8">
      <c r="H110432" s="12"/>
    </row>
    <row r="110433" spans="8:8">
      <c r="H110433" s="12"/>
    </row>
    <row r="110434" spans="8:8">
      <c r="H110434" s="12"/>
    </row>
    <row r="110435" spans="8:8">
      <c r="H110435" s="12"/>
    </row>
    <row r="110436" spans="8:8">
      <c r="H110436" s="12"/>
    </row>
    <row r="110437" spans="8:8">
      <c r="H110437" s="12"/>
    </row>
    <row r="110438" spans="8:8">
      <c r="H110438" s="12"/>
    </row>
    <row r="110439" spans="8:8">
      <c r="H110439" s="12"/>
    </row>
    <row r="110440" spans="8:8">
      <c r="H110440" s="12"/>
    </row>
    <row r="110441" spans="8:8">
      <c r="H110441" s="12"/>
    </row>
    <row r="110442" spans="8:8">
      <c r="H110442" s="12"/>
    </row>
    <row r="110443" spans="8:8">
      <c r="H110443" s="12"/>
    </row>
    <row r="110444" spans="8:8">
      <c r="H110444" s="12"/>
    </row>
    <row r="110445" spans="8:8">
      <c r="H110445" s="12"/>
    </row>
    <row r="110446" spans="8:8">
      <c r="H110446" s="12"/>
    </row>
    <row r="110447" spans="8:8">
      <c r="H110447" s="12"/>
    </row>
    <row r="110448" spans="8:8">
      <c r="H110448" s="12"/>
    </row>
    <row r="110449" spans="8:8">
      <c r="H110449" s="12"/>
    </row>
    <row r="110450" spans="8:8">
      <c r="H110450" s="12"/>
    </row>
    <row r="110451" spans="8:8">
      <c r="H110451" s="12"/>
    </row>
    <row r="110452" spans="8:8">
      <c r="H110452" s="12"/>
    </row>
    <row r="110453" spans="8:8">
      <c r="H110453" s="12"/>
    </row>
    <row r="110454" spans="8:8">
      <c r="H110454" s="12"/>
    </row>
    <row r="110455" spans="8:8">
      <c r="H110455" s="12"/>
    </row>
    <row r="110456" spans="8:8">
      <c r="H110456" s="12"/>
    </row>
    <row r="110457" spans="8:8">
      <c r="H110457" s="12"/>
    </row>
    <row r="110458" spans="8:8">
      <c r="H110458" s="12"/>
    </row>
    <row r="110459" spans="8:8">
      <c r="H110459" s="12"/>
    </row>
    <row r="110460" spans="8:8">
      <c r="H110460" s="12"/>
    </row>
    <row r="110461" spans="8:8">
      <c r="H110461" s="12"/>
    </row>
    <row r="110462" spans="8:8">
      <c r="H110462" s="12"/>
    </row>
    <row r="110463" spans="8:8">
      <c r="H110463" s="12"/>
    </row>
    <row r="110464" spans="8:8">
      <c r="H110464" s="12"/>
    </row>
    <row r="110465" spans="8:8">
      <c r="H110465" s="12"/>
    </row>
    <row r="110466" spans="8:8">
      <c r="H110466" s="12"/>
    </row>
    <row r="110467" spans="8:8">
      <c r="H110467" s="12"/>
    </row>
    <row r="110468" spans="8:8">
      <c r="H110468" s="12"/>
    </row>
    <row r="110469" spans="8:8">
      <c r="H110469" s="12"/>
    </row>
    <row r="110470" spans="8:8">
      <c r="H110470" s="12"/>
    </row>
    <row r="110471" spans="8:8">
      <c r="H110471" s="12"/>
    </row>
    <row r="110472" spans="8:8">
      <c r="H110472" s="12"/>
    </row>
    <row r="110473" spans="8:8">
      <c r="H110473" s="12"/>
    </row>
    <row r="110474" spans="8:8">
      <c r="H110474" s="12"/>
    </row>
    <row r="110475" spans="8:8">
      <c r="H110475" s="12"/>
    </row>
    <row r="110476" spans="8:8">
      <c r="H110476" s="12"/>
    </row>
    <row r="110477" spans="8:8">
      <c r="H110477" s="12"/>
    </row>
    <row r="110478" spans="8:8">
      <c r="H110478" s="12"/>
    </row>
    <row r="110479" spans="8:8">
      <c r="H110479" s="12"/>
    </row>
    <row r="110480" spans="8:8">
      <c r="H110480" s="12"/>
    </row>
    <row r="110481" spans="8:8">
      <c r="H110481" s="12"/>
    </row>
    <row r="110482" spans="8:8">
      <c r="H110482" s="12"/>
    </row>
    <row r="110483" spans="8:8">
      <c r="H110483" s="12"/>
    </row>
    <row r="110484" spans="8:8">
      <c r="H110484" s="12"/>
    </row>
    <row r="110485" spans="8:8">
      <c r="H110485" s="12"/>
    </row>
    <row r="110486" spans="8:8">
      <c r="H110486" s="12"/>
    </row>
    <row r="110487" spans="8:8">
      <c r="H110487" s="12"/>
    </row>
    <row r="110488" spans="8:8">
      <c r="H110488" s="12"/>
    </row>
    <row r="110489" spans="8:8">
      <c r="H110489" s="12"/>
    </row>
    <row r="110490" spans="8:8">
      <c r="H110490" s="12"/>
    </row>
    <row r="110491" spans="8:8">
      <c r="H110491" s="12"/>
    </row>
    <row r="110492" spans="8:8">
      <c r="H110492" s="12"/>
    </row>
    <row r="110493" spans="8:8">
      <c r="H110493" s="12"/>
    </row>
    <row r="110494" spans="8:8">
      <c r="H110494" s="12"/>
    </row>
    <row r="110495" spans="8:8">
      <c r="H110495" s="12"/>
    </row>
    <row r="110496" spans="8:8">
      <c r="H110496" s="12"/>
    </row>
    <row r="110497" spans="8:8">
      <c r="H110497" s="12"/>
    </row>
    <row r="110498" spans="8:8">
      <c r="H110498" s="12"/>
    </row>
    <row r="110499" spans="8:8">
      <c r="H110499" s="12"/>
    </row>
    <row r="110500" spans="8:8">
      <c r="H110500" s="12"/>
    </row>
    <row r="110501" spans="8:8">
      <c r="H110501" s="12"/>
    </row>
    <row r="110502" spans="8:8">
      <c r="H110502" s="12"/>
    </row>
    <row r="110503" spans="8:8">
      <c r="H110503" s="12"/>
    </row>
    <row r="110504" spans="8:8">
      <c r="H110504" s="12"/>
    </row>
    <row r="110505" spans="8:8">
      <c r="H110505" s="12"/>
    </row>
    <row r="110506" spans="8:8">
      <c r="H110506" s="12"/>
    </row>
    <row r="110507" spans="8:8">
      <c r="H110507" s="12"/>
    </row>
    <row r="110508" spans="8:8">
      <c r="H110508" s="12"/>
    </row>
    <row r="110509" spans="8:8">
      <c r="H110509" s="12"/>
    </row>
    <row r="110510" spans="8:8">
      <c r="H110510" s="12"/>
    </row>
    <row r="110511" spans="8:8">
      <c r="H110511" s="12"/>
    </row>
    <row r="110512" spans="8:8">
      <c r="H110512" s="12"/>
    </row>
    <row r="110513" spans="8:8">
      <c r="H110513" s="12"/>
    </row>
    <row r="110514" spans="8:8">
      <c r="H110514" s="12"/>
    </row>
    <row r="110515" spans="8:8">
      <c r="H110515" s="12"/>
    </row>
    <row r="110516" spans="8:8">
      <c r="H110516" s="12"/>
    </row>
    <row r="110517" spans="8:8">
      <c r="H110517" s="12"/>
    </row>
    <row r="110518" spans="8:8">
      <c r="H110518" s="12"/>
    </row>
    <row r="110519" spans="8:8">
      <c r="H110519" s="12"/>
    </row>
    <row r="110520" spans="8:8">
      <c r="H110520" s="12"/>
    </row>
    <row r="110521" spans="8:8">
      <c r="H110521" s="12"/>
    </row>
    <row r="110522" spans="8:8">
      <c r="H110522" s="12"/>
    </row>
    <row r="110523" spans="8:8">
      <c r="H110523" s="12"/>
    </row>
    <row r="110524" spans="8:8">
      <c r="H110524" s="12"/>
    </row>
    <row r="110525" spans="8:8">
      <c r="H110525" s="12"/>
    </row>
    <row r="110526" spans="8:8">
      <c r="H110526" s="12"/>
    </row>
    <row r="110527" spans="8:8">
      <c r="H110527" s="12"/>
    </row>
    <row r="110528" spans="8:8">
      <c r="H110528" s="12"/>
    </row>
    <row r="110529" spans="8:8">
      <c r="H110529" s="12"/>
    </row>
    <row r="110530" spans="8:8">
      <c r="H110530" s="12"/>
    </row>
    <row r="110531" spans="8:8">
      <c r="H110531" s="12"/>
    </row>
    <row r="110532" spans="8:8">
      <c r="H110532" s="12"/>
    </row>
    <row r="110533" spans="8:8">
      <c r="H110533" s="12"/>
    </row>
    <row r="110534" spans="8:8">
      <c r="H110534" s="12"/>
    </row>
    <row r="110535" spans="8:8">
      <c r="H110535" s="12"/>
    </row>
    <row r="110536" spans="8:8">
      <c r="H110536" s="12"/>
    </row>
    <row r="110537" spans="8:8">
      <c r="H110537" s="12"/>
    </row>
    <row r="110538" spans="8:8">
      <c r="H110538" s="12"/>
    </row>
    <row r="110539" spans="8:8">
      <c r="H110539" s="12"/>
    </row>
    <row r="110540" spans="8:8">
      <c r="H110540" s="12"/>
    </row>
    <row r="110541" spans="8:8">
      <c r="H110541" s="12"/>
    </row>
    <row r="110542" spans="8:8">
      <c r="H110542" s="12"/>
    </row>
    <row r="110543" spans="8:8">
      <c r="H110543" s="12"/>
    </row>
    <row r="110544" spans="8:8">
      <c r="H110544" s="12"/>
    </row>
    <row r="110545" spans="8:8">
      <c r="H110545" s="12"/>
    </row>
    <row r="110546" spans="8:8">
      <c r="H110546" s="12"/>
    </row>
    <row r="110547" spans="8:8">
      <c r="H110547" s="12"/>
    </row>
    <row r="110548" spans="8:8">
      <c r="H110548" s="12"/>
    </row>
    <row r="110549" spans="8:8">
      <c r="H110549" s="12"/>
    </row>
    <row r="110550" spans="8:8">
      <c r="H110550" s="12"/>
    </row>
    <row r="110551" spans="8:8">
      <c r="H110551" s="12"/>
    </row>
    <row r="110552" spans="8:8">
      <c r="H110552" s="12"/>
    </row>
    <row r="110553" spans="8:8">
      <c r="H110553" s="12"/>
    </row>
    <row r="110554" spans="8:8">
      <c r="H110554" s="12"/>
    </row>
    <row r="110555" spans="8:8">
      <c r="H110555" s="12"/>
    </row>
    <row r="110556" spans="8:8">
      <c r="H110556" s="12"/>
    </row>
    <row r="110557" spans="8:8">
      <c r="H110557" s="12"/>
    </row>
    <row r="110558" spans="8:8">
      <c r="H110558" s="12"/>
    </row>
    <row r="110559" spans="8:8">
      <c r="H110559" s="12"/>
    </row>
    <row r="110560" spans="8:8">
      <c r="H110560" s="12"/>
    </row>
    <row r="110561" spans="8:8">
      <c r="H110561" s="12"/>
    </row>
    <row r="110562" spans="8:8">
      <c r="H110562" s="12"/>
    </row>
    <row r="110563" spans="8:8">
      <c r="H110563" s="12"/>
    </row>
    <row r="110564" spans="8:8">
      <c r="H110564" s="12"/>
    </row>
    <row r="110565" spans="8:8">
      <c r="H110565" s="12"/>
    </row>
    <row r="110566" spans="8:8">
      <c r="H110566" s="12"/>
    </row>
    <row r="110567" spans="8:8">
      <c r="H110567" s="12"/>
    </row>
    <row r="110568" spans="8:8">
      <c r="H110568" s="12"/>
    </row>
    <row r="110569" spans="8:8">
      <c r="H110569" s="12"/>
    </row>
    <row r="110570" spans="8:8">
      <c r="H110570" s="12"/>
    </row>
    <row r="110571" spans="8:8">
      <c r="H110571" s="12"/>
    </row>
    <row r="110572" spans="8:8">
      <c r="H110572" s="12"/>
    </row>
    <row r="110573" spans="8:8">
      <c r="H110573" s="12"/>
    </row>
    <row r="110574" spans="8:8">
      <c r="H110574" s="12"/>
    </row>
    <row r="110575" spans="8:8">
      <c r="H110575" s="12"/>
    </row>
    <row r="110576" spans="8:8">
      <c r="H110576" s="12"/>
    </row>
    <row r="110577" spans="8:8">
      <c r="H110577" s="12"/>
    </row>
    <row r="110578" spans="8:8">
      <c r="H110578" s="12"/>
    </row>
    <row r="110579" spans="8:8">
      <c r="H110579" s="12"/>
    </row>
    <row r="110580" spans="8:8">
      <c r="H110580" s="12"/>
    </row>
    <row r="110581" spans="8:8">
      <c r="H110581" s="12"/>
    </row>
    <row r="110582" spans="8:8">
      <c r="H110582" s="12"/>
    </row>
    <row r="110583" spans="8:8">
      <c r="H110583" s="12"/>
    </row>
    <row r="110584" spans="8:8">
      <c r="H110584" s="12"/>
    </row>
    <row r="110585" spans="8:8">
      <c r="H110585" s="12"/>
    </row>
    <row r="110586" spans="8:8">
      <c r="H110586" s="12"/>
    </row>
    <row r="110587" spans="8:8">
      <c r="H110587" s="12"/>
    </row>
    <row r="110588" spans="8:8">
      <c r="H110588" s="12"/>
    </row>
    <row r="110589" spans="8:8">
      <c r="H110589" s="12"/>
    </row>
    <row r="110590" spans="8:8">
      <c r="H110590" s="12"/>
    </row>
    <row r="110591" spans="8:8">
      <c r="H110591" s="12"/>
    </row>
    <row r="110592" spans="8:8">
      <c r="H110592" s="12"/>
    </row>
    <row r="110593" spans="8:8">
      <c r="H110593" s="12"/>
    </row>
    <row r="110594" spans="8:8">
      <c r="H110594" s="12"/>
    </row>
    <row r="110595" spans="8:8">
      <c r="H110595" s="12"/>
    </row>
    <row r="110596" spans="8:8">
      <c r="H110596" s="12"/>
    </row>
    <row r="110597" spans="8:8">
      <c r="H110597" s="12"/>
    </row>
    <row r="110598" spans="8:8">
      <c r="H110598" s="12"/>
    </row>
    <row r="110599" spans="8:8">
      <c r="H110599" s="12"/>
    </row>
    <row r="110600" spans="8:8">
      <c r="H110600" s="12"/>
    </row>
    <row r="110601" spans="8:8">
      <c r="H110601" s="12"/>
    </row>
    <row r="110602" spans="8:8">
      <c r="H110602" s="12"/>
    </row>
    <row r="110603" spans="8:8">
      <c r="H110603" s="12"/>
    </row>
    <row r="110604" spans="8:8">
      <c r="H110604" s="12"/>
    </row>
    <row r="110605" spans="8:8">
      <c r="H110605" s="12"/>
    </row>
    <row r="110606" spans="8:8">
      <c r="H110606" s="12"/>
    </row>
    <row r="110607" spans="8:8">
      <c r="H110607" s="12"/>
    </row>
    <row r="110608" spans="8:8">
      <c r="H110608" s="12"/>
    </row>
    <row r="110609" spans="8:8">
      <c r="H110609" s="12"/>
    </row>
    <row r="110610" spans="8:8">
      <c r="H110610" s="12"/>
    </row>
    <row r="110611" spans="8:8">
      <c r="H110611" s="12"/>
    </row>
    <row r="110612" spans="8:8">
      <c r="H110612" s="12"/>
    </row>
    <row r="110613" spans="8:8">
      <c r="H110613" s="12"/>
    </row>
    <row r="110614" spans="8:8">
      <c r="H110614" s="12"/>
    </row>
    <row r="110615" spans="8:8">
      <c r="H110615" s="12"/>
    </row>
    <row r="110616" spans="8:8">
      <c r="H110616" s="12"/>
    </row>
    <row r="110617" spans="8:8">
      <c r="H110617" s="12"/>
    </row>
    <row r="110618" spans="8:8">
      <c r="H110618" s="12"/>
    </row>
    <row r="110619" spans="8:8">
      <c r="H110619" s="12"/>
    </row>
    <row r="110620" spans="8:8">
      <c r="H110620" s="12"/>
    </row>
    <row r="110621" spans="8:8">
      <c r="H110621" s="12"/>
    </row>
    <row r="110622" spans="8:8">
      <c r="H110622" s="12"/>
    </row>
    <row r="110623" spans="8:8">
      <c r="H110623" s="12"/>
    </row>
    <row r="110624" spans="8:8">
      <c r="H110624" s="12"/>
    </row>
    <row r="110625" spans="8:8">
      <c r="H110625" s="12"/>
    </row>
    <row r="110626" spans="8:8">
      <c r="H110626" s="12"/>
    </row>
    <row r="110627" spans="8:8">
      <c r="H110627" s="12"/>
    </row>
    <row r="110628" spans="8:8">
      <c r="H110628" s="12"/>
    </row>
    <row r="110629" spans="8:8">
      <c r="H110629" s="12"/>
    </row>
    <row r="110630" spans="8:8">
      <c r="H110630" s="12"/>
    </row>
    <row r="110631" spans="8:8">
      <c r="H110631" s="12"/>
    </row>
    <row r="110632" spans="8:8">
      <c r="H110632" s="12"/>
    </row>
    <row r="110633" spans="8:8">
      <c r="H110633" s="12"/>
    </row>
    <row r="110634" spans="8:8">
      <c r="H110634" s="12"/>
    </row>
    <row r="110635" spans="8:8">
      <c r="H110635" s="12"/>
    </row>
    <row r="110636" spans="8:8">
      <c r="H110636" s="12"/>
    </row>
    <row r="110637" spans="8:8">
      <c r="H110637" s="12"/>
    </row>
    <row r="110638" spans="8:8">
      <c r="H110638" s="12"/>
    </row>
    <row r="110639" spans="8:8">
      <c r="H110639" s="12"/>
    </row>
    <row r="110640" spans="8:8">
      <c r="H110640" s="12"/>
    </row>
    <row r="110641" spans="8:8">
      <c r="H110641" s="12"/>
    </row>
    <row r="110642" spans="8:8">
      <c r="H110642" s="12"/>
    </row>
    <row r="110643" spans="8:8">
      <c r="H110643" s="12"/>
    </row>
    <row r="110644" spans="8:8">
      <c r="H110644" s="12"/>
    </row>
    <row r="110645" spans="8:8">
      <c r="H110645" s="12"/>
    </row>
    <row r="110646" spans="8:8">
      <c r="H110646" s="12"/>
    </row>
    <row r="110647" spans="8:8">
      <c r="H110647" s="12"/>
    </row>
    <row r="110648" spans="8:8">
      <c r="H110648" s="12"/>
    </row>
    <row r="110649" spans="8:8">
      <c r="H110649" s="12"/>
    </row>
    <row r="110650" spans="8:8">
      <c r="H110650" s="12"/>
    </row>
    <row r="110651" spans="8:8">
      <c r="H110651" s="12"/>
    </row>
    <row r="110652" spans="8:8">
      <c r="H110652" s="12"/>
    </row>
    <row r="110653" spans="8:8">
      <c r="H110653" s="12"/>
    </row>
    <row r="110654" spans="8:8">
      <c r="H110654" s="12"/>
    </row>
    <row r="110655" spans="8:8">
      <c r="H110655" s="12"/>
    </row>
    <row r="110656" spans="8:8">
      <c r="H110656" s="12"/>
    </row>
    <row r="110657" spans="8:8">
      <c r="H110657" s="12"/>
    </row>
    <row r="110658" spans="8:8">
      <c r="H110658" s="12"/>
    </row>
    <row r="110659" spans="8:8">
      <c r="H110659" s="12"/>
    </row>
    <row r="110660" spans="8:8">
      <c r="H110660" s="12"/>
    </row>
    <row r="110661" spans="8:8">
      <c r="H110661" s="12"/>
    </row>
    <row r="110662" spans="8:8">
      <c r="H110662" s="12"/>
    </row>
    <row r="110663" spans="8:8">
      <c r="H110663" s="12"/>
    </row>
    <row r="110664" spans="8:8">
      <c r="H110664" s="12"/>
    </row>
    <row r="110665" spans="8:8">
      <c r="H110665" s="12"/>
    </row>
    <row r="110666" spans="8:8">
      <c r="H110666" s="12"/>
    </row>
    <row r="110667" spans="8:8">
      <c r="H110667" s="12"/>
    </row>
    <row r="110668" spans="8:8">
      <c r="H110668" s="12"/>
    </row>
    <row r="110669" spans="8:8">
      <c r="H110669" s="12"/>
    </row>
    <row r="110670" spans="8:8">
      <c r="H110670" s="12"/>
    </row>
    <row r="110671" spans="8:8">
      <c r="H110671" s="12"/>
    </row>
    <row r="110672" spans="8:8">
      <c r="H110672" s="12"/>
    </row>
    <row r="110673" spans="8:8">
      <c r="H110673" s="12"/>
    </row>
    <row r="110674" spans="8:8">
      <c r="H110674" s="12"/>
    </row>
    <row r="110675" spans="8:8">
      <c r="H110675" s="12"/>
    </row>
    <row r="110676" spans="8:8">
      <c r="H110676" s="12"/>
    </row>
    <row r="110677" spans="8:8">
      <c r="H110677" s="12"/>
    </row>
    <row r="110678" spans="8:8">
      <c r="H110678" s="12"/>
    </row>
    <row r="110679" spans="8:8">
      <c r="H110679" s="12"/>
    </row>
    <row r="110680" spans="8:8">
      <c r="H110680" s="12"/>
    </row>
    <row r="110681" spans="8:8">
      <c r="H110681" s="12"/>
    </row>
    <row r="110682" spans="8:8">
      <c r="H110682" s="12"/>
    </row>
    <row r="110683" spans="8:8">
      <c r="H110683" s="12"/>
    </row>
    <row r="110684" spans="8:8">
      <c r="H110684" s="12"/>
    </row>
    <row r="110685" spans="8:8">
      <c r="H110685" s="12"/>
    </row>
    <row r="110686" spans="8:8">
      <c r="H110686" s="12"/>
    </row>
    <row r="110687" spans="8:8">
      <c r="H110687" s="12"/>
    </row>
    <row r="110688" spans="8:8">
      <c r="H110688" s="12"/>
    </row>
    <row r="110689" spans="8:8">
      <c r="H110689" s="12"/>
    </row>
    <row r="110690" spans="8:8">
      <c r="H110690" s="12"/>
    </row>
    <row r="110691" spans="8:8">
      <c r="H110691" s="12"/>
    </row>
    <row r="110692" spans="8:8">
      <c r="H110692" s="12"/>
    </row>
    <row r="110693" spans="8:8">
      <c r="H110693" s="12"/>
    </row>
    <row r="110694" spans="8:8">
      <c r="H110694" s="12"/>
    </row>
    <row r="110695" spans="8:8">
      <c r="H110695" s="12"/>
    </row>
    <row r="110696" spans="8:8">
      <c r="H110696" s="12"/>
    </row>
    <row r="110697" spans="8:8">
      <c r="H110697" s="12"/>
    </row>
    <row r="110698" spans="8:8">
      <c r="H110698" s="12"/>
    </row>
    <row r="110699" spans="8:8">
      <c r="H110699" s="12"/>
    </row>
    <row r="110700" spans="8:8">
      <c r="H110700" s="12"/>
    </row>
    <row r="110701" spans="8:8">
      <c r="H110701" s="12"/>
    </row>
    <row r="110702" spans="8:8">
      <c r="H110702" s="12"/>
    </row>
    <row r="110703" spans="8:8">
      <c r="H110703" s="12"/>
    </row>
    <row r="110704" spans="8:8">
      <c r="H110704" s="12"/>
    </row>
    <row r="110705" spans="8:8">
      <c r="H110705" s="12"/>
    </row>
    <row r="110706" spans="8:8">
      <c r="H110706" s="12"/>
    </row>
    <row r="110707" spans="8:8">
      <c r="H110707" s="12"/>
    </row>
    <row r="110708" spans="8:8">
      <c r="H110708" s="12"/>
    </row>
    <row r="110709" spans="8:8">
      <c r="H110709" s="12"/>
    </row>
    <row r="110710" spans="8:8">
      <c r="H110710" s="12"/>
    </row>
    <row r="110711" spans="8:8">
      <c r="H110711" s="12"/>
    </row>
    <row r="110712" spans="8:8">
      <c r="H110712" s="12"/>
    </row>
    <row r="110713" spans="8:8">
      <c r="H110713" s="12"/>
    </row>
    <row r="110714" spans="8:8">
      <c r="H110714" s="12"/>
    </row>
    <row r="110715" spans="8:8">
      <c r="H110715" s="12"/>
    </row>
    <row r="110716" spans="8:8">
      <c r="H110716" s="12"/>
    </row>
    <row r="110717" spans="8:8">
      <c r="H110717" s="12"/>
    </row>
    <row r="110718" spans="8:8">
      <c r="H110718" s="12"/>
    </row>
    <row r="110719" spans="8:8">
      <c r="H110719" s="12"/>
    </row>
    <row r="110720" spans="8:8">
      <c r="H110720" s="12"/>
    </row>
    <row r="110721" spans="8:8">
      <c r="H110721" s="12"/>
    </row>
    <row r="110722" spans="8:8">
      <c r="H110722" s="12"/>
    </row>
    <row r="110723" spans="8:8">
      <c r="H110723" s="12"/>
    </row>
    <row r="110724" spans="8:8">
      <c r="H110724" s="12"/>
    </row>
    <row r="110725" spans="8:8">
      <c r="H110725" s="12"/>
    </row>
    <row r="110726" spans="8:8">
      <c r="H110726" s="12"/>
    </row>
    <row r="110727" spans="8:8">
      <c r="H110727" s="12"/>
    </row>
    <row r="110728" spans="8:8">
      <c r="H110728" s="12"/>
    </row>
    <row r="110729" spans="8:8">
      <c r="H110729" s="12"/>
    </row>
    <row r="110730" spans="8:8">
      <c r="H110730" s="12"/>
    </row>
    <row r="110731" spans="8:8">
      <c r="H110731" s="12"/>
    </row>
    <row r="110732" spans="8:8">
      <c r="H110732" s="12"/>
    </row>
    <row r="110733" spans="8:8">
      <c r="H110733" s="12"/>
    </row>
    <row r="110734" spans="8:8">
      <c r="H110734" s="12"/>
    </row>
    <row r="110735" spans="8:8">
      <c r="H110735" s="12"/>
    </row>
    <row r="110736" spans="8:8">
      <c r="H110736" s="12"/>
    </row>
    <row r="110737" spans="8:8">
      <c r="H110737" s="12"/>
    </row>
    <row r="110738" spans="8:8">
      <c r="H110738" s="12"/>
    </row>
    <row r="110739" spans="8:8">
      <c r="H110739" s="12"/>
    </row>
    <row r="110740" spans="8:8">
      <c r="H110740" s="12"/>
    </row>
    <row r="110741" spans="8:8">
      <c r="H110741" s="12"/>
    </row>
    <row r="110742" spans="8:8">
      <c r="H110742" s="12"/>
    </row>
    <row r="110743" spans="8:8">
      <c r="H110743" s="12"/>
    </row>
    <row r="110744" spans="8:8">
      <c r="H110744" s="12"/>
    </row>
    <row r="110745" spans="8:8">
      <c r="H110745" s="12"/>
    </row>
    <row r="110746" spans="8:8">
      <c r="H110746" s="12"/>
    </row>
    <row r="110747" spans="8:8">
      <c r="H110747" s="12"/>
    </row>
    <row r="110748" spans="8:8">
      <c r="H110748" s="12"/>
    </row>
    <row r="110749" spans="8:8">
      <c r="H110749" s="12"/>
    </row>
    <row r="110750" spans="8:8">
      <c r="H110750" s="12"/>
    </row>
    <row r="110751" spans="8:8">
      <c r="H110751" s="12"/>
    </row>
    <row r="110752" spans="8:8">
      <c r="H110752" s="12"/>
    </row>
    <row r="110753" spans="8:8">
      <c r="H110753" s="12"/>
    </row>
    <row r="110754" spans="8:8">
      <c r="H110754" s="12"/>
    </row>
    <row r="110755" spans="8:8">
      <c r="H110755" s="12"/>
    </row>
    <row r="110756" spans="8:8">
      <c r="H110756" s="12"/>
    </row>
    <row r="110757" spans="8:8">
      <c r="H110757" s="12"/>
    </row>
    <row r="110758" spans="8:8">
      <c r="H110758" s="12"/>
    </row>
    <row r="110759" spans="8:8">
      <c r="H110759" s="12"/>
    </row>
    <row r="110760" spans="8:8">
      <c r="H110760" s="12"/>
    </row>
    <row r="110761" spans="8:8">
      <c r="H110761" s="12"/>
    </row>
    <row r="110762" spans="8:8">
      <c r="H110762" s="12"/>
    </row>
    <row r="110763" spans="8:8">
      <c r="H110763" s="12"/>
    </row>
    <row r="110764" spans="8:8">
      <c r="H110764" s="12"/>
    </row>
    <row r="110765" spans="8:8">
      <c r="H110765" s="12"/>
    </row>
    <row r="110766" spans="8:8">
      <c r="H110766" s="12"/>
    </row>
    <row r="110767" spans="8:8">
      <c r="H110767" s="12"/>
    </row>
    <row r="110768" spans="8:8">
      <c r="H110768" s="12"/>
    </row>
    <row r="110769" spans="8:8">
      <c r="H110769" s="12"/>
    </row>
    <row r="110770" spans="8:8">
      <c r="H110770" s="12"/>
    </row>
    <row r="110771" spans="8:8">
      <c r="H110771" s="12"/>
    </row>
    <row r="110772" spans="8:8">
      <c r="H110772" s="12"/>
    </row>
    <row r="110773" spans="8:8">
      <c r="H110773" s="12"/>
    </row>
    <row r="110774" spans="8:8">
      <c r="H110774" s="12"/>
    </row>
    <row r="110775" spans="8:8">
      <c r="H110775" s="12"/>
    </row>
    <row r="110776" spans="8:8">
      <c r="H110776" s="12"/>
    </row>
    <row r="110777" spans="8:8">
      <c r="H110777" s="12"/>
    </row>
    <row r="110778" spans="8:8">
      <c r="H110778" s="12"/>
    </row>
    <row r="110779" spans="8:8">
      <c r="H110779" s="12"/>
    </row>
    <row r="110780" spans="8:8">
      <c r="H110780" s="12"/>
    </row>
    <row r="110781" spans="8:8">
      <c r="H110781" s="12"/>
    </row>
    <row r="110782" spans="8:8">
      <c r="H110782" s="12"/>
    </row>
    <row r="110783" spans="8:8">
      <c r="H110783" s="12"/>
    </row>
    <row r="110784" spans="8:8">
      <c r="H110784" s="12"/>
    </row>
    <row r="110785" spans="8:8">
      <c r="H110785" s="12"/>
    </row>
    <row r="110786" spans="8:8">
      <c r="H110786" s="12"/>
    </row>
    <row r="110787" spans="8:8">
      <c r="H110787" s="12"/>
    </row>
    <row r="110788" spans="8:8">
      <c r="H110788" s="12"/>
    </row>
    <row r="110789" spans="8:8">
      <c r="H110789" s="12"/>
    </row>
    <row r="110790" spans="8:8">
      <c r="H110790" s="12"/>
    </row>
    <row r="110791" spans="8:8">
      <c r="H110791" s="12"/>
    </row>
    <row r="110792" spans="8:8">
      <c r="H110792" s="12"/>
    </row>
    <row r="110793" spans="8:8">
      <c r="H110793" s="12"/>
    </row>
    <row r="110794" spans="8:8">
      <c r="H110794" s="12"/>
    </row>
    <row r="110795" spans="8:8">
      <c r="H110795" s="12"/>
    </row>
    <row r="110796" spans="8:8">
      <c r="H110796" s="12"/>
    </row>
    <row r="110797" spans="8:8">
      <c r="H110797" s="12"/>
    </row>
    <row r="110798" spans="8:8">
      <c r="H110798" s="12"/>
    </row>
    <row r="110799" spans="8:8">
      <c r="H110799" s="12"/>
    </row>
    <row r="110800" spans="8:8">
      <c r="H110800" s="12"/>
    </row>
    <row r="110801" spans="8:8">
      <c r="H110801" s="12"/>
    </row>
    <row r="110802" spans="8:8">
      <c r="H110802" s="12"/>
    </row>
    <row r="110803" spans="8:8">
      <c r="H110803" s="12"/>
    </row>
    <row r="110804" spans="8:8">
      <c r="H110804" s="12"/>
    </row>
    <row r="110805" spans="8:8">
      <c r="H110805" s="12"/>
    </row>
    <row r="110806" spans="8:8">
      <c r="H110806" s="12"/>
    </row>
    <row r="110807" spans="8:8">
      <c r="H110807" s="12"/>
    </row>
    <row r="110808" spans="8:8">
      <c r="H110808" s="12"/>
    </row>
    <row r="110809" spans="8:8">
      <c r="H110809" s="12"/>
    </row>
    <row r="110810" spans="8:8">
      <c r="H110810" s="12"/>
    </row>
    <row r="110811" spans="8:8">
      <c r="H110811" s="12"/>
    </row>
    <row r="110812" spans="8:8">
      <c r="H110812" s="12"/>
    </row>
    <row r="110813" spans="8:8">
      <c r="H110813" s="12"/>
    </row>
    <row r="110814" spans="8:8">
      <c r="H110814" s="12"/>
    </row>
    <row r="110815" spans="8:8">
      <c r="H110815" s="12"/>
    </row>
    <row r="110816" spans="8:8">
      <c r="H110816" s="12"/>
    </row>
    <row r="110817" spans="8:8">
      <c r="H110817" s="12"/>
    </row>
    <row r="110818" spans="8:8">
      <c r="H110818" s="12"/>
    </row>
    <row r="110819" spans="8:8">
      <c r="H110819" s="12"/>
    </row>
    <row r="110820" spans="8:8">
      <c r="H110820" s="12"/>
    </row>
    <row r="110821" spans="8:8">
      <c r="H110821" s="12"/>
    </row>
    <row r="110822" spans="8:8">
      <c r="H110822" s="12"/>
    </row>
    <row r="110823" spans="8:8">
      <c r="H110823" s="12"/>
    </row>
    <row r="110824" spans="8:8">
      <c r="H110824" s="12"/>
    </row>
    <row r="110825" spans="8:8">
      <c r="H110825" s="12"/>
    </row>
    <row r="110826" spans="8:8">
      <c r="H110826" s="12"/>
    </row>
    <row r="110827" spans="8:8">
      <c r="H110827" s="12"/>
    </row>
    <row r="110828" spans="8:8">
      <c r="H110828" s="12"/>
    </row>
    <row r="110829" spans="8:8">
      <c r="H110829" s="12"/>
    </row>
    <row r="110830" spans="8:8">
      <c r="H110830" s="12"/>
    </row>
    <row r="110831" spans="8:8">
      <c r="H110831" s="12"/>
    </row>
    <row r="110832" spans="8:8">
      <c r="H110832" s="12"/>
    </row>
    <row r="110833" spans="8:8">
      <c r="H110833" s="12"/>
    </row>
    <row r="110834" spans="8:8">
      <c r="H110834" s="12"/>
    </row>
    <row r="110835" spans="8:8">
      <c r="H110835" s="12"/>
    </row>
    <row r="110836" spans="8:8">
      <c r="H110836" s="12"/>
    </row>
    <row r="110837" spans="8:8">
      <c r="H110837" s="12"/>
    </row>
    <row r="110838" spans="8:8">
      <c r="H110838" s="12"/>
    </row>
    <row r="110839" spans="8:8">
      <c r="H110839" s="12"/>
    </row>
    <row r="110840" spans="8:8">
      <c r="H110840" s="12"/>
    </row>
    <row r="110841" spans="8:8">
      <c r="H110841" s="12"/>
    </row>
    <row r="110842" spans="8:8">
      <c r="H110842" s="12"/>
    </row>
    <row r="110843" spans="8:8">
      <c r="H110843" s="12"/>
    </row>
    <row r="110844" spans="8:8">
      <c r="H110844" s="12"/>
    </row>
    <row r="110845" spans="8:8">
      <c r="H110845" s="12"/>
    </row>
    <row r="110846" spans="8:8">
      <c r="H110846" s="12"/>
    </row>
    <row r="110847" spans="8:8">
      <c r="H110847" s="12"/>
    </row>
    <row r="110848" spans="8:8">
      <c r="H110848" s="12"/>
    </row>
    <row r="110849" spans="8:8">
      <c r="H110849" s="12"/>
    </row>
    <row r="110850" spans="8:8">
      <c r="H110850" s="12"/>
    </row>
    <row r="110851" spans="8:8">
      <c r="H110851" s="12"/>
    </row>
    <row r="110852" spans="8:8">
      <c r="H110852" s="12"/>
    </row>
    <row r="110853" spans="8:8">
      <c r="H110853" s="12"/>
    </row>
    <row r="110854" spans="8:8">
      <c r="H110854" s="12"/>
    </row>
    <row r="110855" spans="8:8">
      <c r="H110855" s="12"/>
    </row>
    <row r="110856" spans="8:8">
      <c r="H110856" s="12"/>
    </row>
    <row r="110857" spans="8:8">
      <c r="H110857" s="12"/>
    </row>
    <row r="110858" spans="8:8">
      <c r="H110858" s="12"/>
    </row>
    <row r="110859" spans="8:8">
      <c r="H110859" s="12"/>
    </row>
    <row r="110860" spans="8:8">
      <c r="H110860" s="12"/>
    </row>
    <row r="110861" spans="8:8">
      <c r="H110861" s="12"/>
    </row>
    <row r="110862" spans="8:8">
      <c r="H110862" s="12"/>
    </row>
    <row r="110863" spans="8:8">
      <c r="H110863" s="12"/>
    </row>
    <row r="110864" spans="8:8">
      <c r="H110864" s="12"/>
    </row>
    <row r="110865" spans="8:8">
      <c r="H110865" s="12"/>
    </row>
    <row r="110866" spans="8:8">
      <c r="H110866" s="12"/>
    </row>
    <row r="110867" spans="8:8">
      <c r="H110867" s="12"/>
    </row>
    <row r="110868" spans="8:8">
      <c r="H110868" s="12"/>
    </row>
    <row r="110869" spans="8:8">
      <c r="H110869" s="12"/>
    </row>
    <row r="110870" spans="8:8">
      <c r="H110870" s="12"/>
    </row>
    <row r="110871" spans="8:8">
      <c r="H110871" s="12"/>
    </row>
    <row r="110872" spans="8:8">
      <c r="H110872" s="12"/>
    </row>
    <row r="110873" spans="8:8">
      <c r="H110873" s="12"/>
    </row>
    <row r="110874" spans="8:8">
      <c r="H110874" s="12"/>
    </row>
    <row r="110875" spans="8:8">
      <c r="H110875" s="12"/>
    </row>
    <row r="110876" spans="8:8">
      <c r="H110876" s="12"/>
    </row>
    <row r="110877" spans="8:8">
      <c r="H110877" s="12"/>
    </row>
    <row r="110878" spans="8:8">
      <c r="H110878" s="12"/>
    </row>
    <row r="110879" spans="8:8">
      <c r="H110879" s="12"/>
    </row>
    <row r="110880" spans="8:8">
      <c r="H110880" s="12"/>
    </row>
    <row r="110881" spans="8:8">
      <c r="H110881" s="12"/>
    </row>
    <row r="110882" spans="8:8">
      <c r="H110882" s="12"/>
    </row>
    <row r="110883" spans="8:8">
      <c r="H110883" s="12"/>
    </row>
    <row r="110884" spans="8:8">
      <c r="H110884" s="12"/>
    </row>
    <row r="110885" spans="8:8">
      <c r="H110885" s="12"/>
    </row>
    <row r="110886" spans="8:8">
      <c r="H110886" s="12"/>
    </row>
    <row r="110887" spans="8:8">
      <c r="H110887" s="12"/>
    </row>
    <row r="110888" spans="8:8">
      <c r="H110888" s="12"/>
    </row>
    <row r="110889" spans="8:8">
      <c r="H110889" s="12"/>
    </row>
    <row r="110890" spans="8:8">
      <c r="H110890" s="12"/>
    </row>
    <row r="110891" spans="8:8">
      <c r="H110891" s="12"/>
    </row>
    <row r="110892" spans="8:8">
      <c r="H110892" s="12"/>
    </row>
    <row r="110893" spans="8:8">
      <c r="H110893" s="12"/>
    </row>
    <row r="110894" spans="8:8">
      <c r="H110894" s="12"/>
    </row>
    <row r="110895" spans="8:8">
      <c r="H110895" s="12"/>
    </row>
    <row r="110896" spans="8:8">
      <c r="H110896" s="12"/>
    </row>
    <row r="110897" spans="8:8">
      <c r="H110897" s="12"/>
    </row>
    <row r="110898" spans="8:8">
      <c r="H110898" s="12"/>
    </row>
    <row r="110899" spans="8:8">
      <c r="H110899" s="12"/>
    </row>
    <row r="110900" spans="8:8">
      <c r="H110900" s="12"/>
    </row>
    <row r="110901" spans="8:8">
      <c r="H110901" s="12"/>
    </row>
    <row r="110902" spans="8:8">
      <c r="H110902" s="12"/>
    </row>
    <row r="110903" spans="8:8">
      <c r="H110903" s="12"/>
    </row>
    <row r="110904" spans="8:8">
      <c r="H110904" s="12"/>
    </row>
    <row r="110905" spans="8:8">
      <c r="H110905" s="12"/>
    </row>
    <row r="110906" spans="8:8">
      <c r="H110906" s="12"/>
    </row>
    <row r="110907" spans="8:8">
      <c r="H110907" s="12"/>
    </row>
    <row r="110908" spans="8:8">
      <c r="H110908" s="12"/>
    </row>
    <row r="110909" spans="8:8">
      <c r="H110909" s="12"/>
    </row>
    <row r="110910" spans="8:8">
      <c r="H110910" s="12"/>
    </row>
    <row r="110911" spans="8:8">
      <c r="H110911" s="12"/>
    </row>
    <row r="110912" spans="8:8">
      <c r="H110912" s="12"/>
    </row>
    <row r="110913" spans="8:8">
      <c r="H110913" s="12"/>
    </row>
    <row r="110914" spans="8:8">
      <c r="H110914" s="12"/>
    </row>
    <row r="110915" spans="8:8">
      <c r="H110915" s="12"/>
    </row>
    <row r="110916" spans="8:8">
      <c r="H110916" s="12"/>
    </row>
    <row r="110917" spans="8:8">
      <c r="H110917" s="12"/>
    </row>
    <row r="110918" spans="8:8">
      <c r="H110918" s="12"/>
    </row>
    <row r="110919" spans="8:8">
      <c r="H110919" s="12"/>
    </row>
    <row r="110920" spans="8:8">
      <c r="H110920" s="12"/>
    </row>
    <row r="110921" spans="8:8">
      <c r="H110921" s="12"/>
    </row>
    <row r="110922" spans="8:8">
      <c r="H110922" s="12"/>
    </row>
    <row r="110923" spans="8:8">
      <c r="H110923" s="12"/>
    </row>
    <row r="110924" spans="8:8">
      <c r="H110924" s="12"/>
    </row>
    <row r="110925" spans="8:8">
      <c r="H110925" s="12"/>
    </row>
    <row r="110926" spans="8:8">
      <c r="H110926" s="12"/>
    </row>
    <row r="110927" spans="8:8">
      <c r="H110927" s="12"/>
    </row>
    <row r="110928" spans="8:8">
      <c r="H110928" s="12"/>
    </row>
    <row r="110929" spans="8:8">
      <c r="H110929" s="12"/>
    </row>
    <row r="110930" spans="8:8">
      <c r="H110930" s="12"/>
    </row>
    <row r="110931" spans="8:8">
      <c r="H110931" s="12"/>
    </row>
    <row r="110932" spans="8:8">
      <c r="H110932" s="12"/>
    </row>
    <row r="110933" spans="8:8">
      <c r="H110933" s="12"/>
    </row>
    <row r="110934" spans="8:8">
      <c r="H110934" s="12"/>
    </row>
    <row r="110935" spans="8:8">
      <c r="H110935" s="12"/>
    </row>
    <row r="110936" spans="8:8">
      <c r="H110936" s="12"/>
    </row>
    <row r="110937" spans="8:8">
      <c r="H110937" s="12"/>
    </row>
    <row r="110938" spans="8:8">
      <c r="H110938" s="12"/>
    </row>
    <row r="110939" spans="8:8">
      <c r="H110939" s="12"/>
    </row>
    <row r="110940" spans="8:8">
      <c r="H110940" s="12"/>
    </row>
    <row r="110941" spans="8:8">
      <c r="H110941" s="12"/>
    </row>
    <row r="110942" spans="8:8">
      <c r="H110942" s="12"/>
    </row>
    <row r="110943" spans="8:8">
      <c r="H110943" s="12"/>
    </row>
    <row r="110944" spans="8:8">
      <c r="H110944" s="12"/>
    </row>
    <row r="110945" spans="8:8">
      <c r="H110945" s="12"/>
    </row>
    <row r="110946" spans="8:8">
      <c r="H110946" s="12"/>
    </row>
    <row r="110947" spans="8:8">
      <c r="H110947" s="12"/>
    </row>
    <row r="110948" spans="8:8">
      <c r="H110948" s="12"/>
    </row>
    <row r="110949" spans="8:8">
      <c r="H110949" s="12"/>
    </row>
    <row r="110950" spans="8:8">
      <c r="H110950" s="12"/>
    </row>
    <row r="110951" spans="8:8">
      <c r="H110951" s="12"/>
    </row>
    <row r="110952" spans="8:8">
      <c r="H110952" s="12"/>
    </row>
    <row r="110953" spans="8:8">
      <c r="H110953" s="12"/>
    </row>
    <row r="110954" spans="8:8">
      <c r="H110954" s="12"/>
    </row>
    <row r="110955" spans="8:8">
      <c r="H110955" s="12"/>
    </row>
    <row r="110956" spans="8:8">
      <c r="H110956" s="12"/>
    </row>
    <row r="110957" spans="8:8">
      <c r="H110957" s="12"/>
    </row>
    <row r="110958" spans="8:8">
      <c r="H110958" s="12"/>
    </row>
    <row r="110959" spans="8:8">
      <c r="H110959" s="12"/>
    </row>
    <row r="110960" spans="8:8">
      <c r="H110960" s="12"/>
    </row>
    <row r="110961" spans="8:8">
      <c r="H110961" s="12"/>
    </row>
    <row r="110962" spans="8:8">
      <c r="H110962" s="12"/>
    </row>
    <row r="110963" spans="8:8">
      <c r="H110963" s="12"/>
    </row>
    <row r="110964" spans="8:8">
      <c r="H110964" s="12"/>
    </row>
    <row r="110965" spans="8:8">
      <c r="H110965" s="12"/>
    </row>
    <row r="110966" spans="8:8">
      <c r="H110966" s="12"/>
    </row>
    <row r="110967" spans="8:8">
      <c r="H110967" s="12"/>
    </row>
    <row r="110968" spans="8:8">
      <c r="H110968" s="12"/>
    </row>
    <row r="110969" spans="8:8">
      <c r="H110969" s="12"/>
    </row>
    <row r="110970" spans="8:8">
      <c r="H110970" s="12"/>
    </row>
    <row r="110971" spans="8:8">
      <c r="H110971" s="12"/>
    </row>
    <row r="110972" spans="8:8">
      <c r="H110972" s="12"/>
    </row>
    <row r="110973" spans="8:8">
      <c r="H110973" s="12"/>
    </row>
    <row r="110974" spans="8:8">
      <c r="H110974" s="12"/>
    </row>
    <row r="110975" spans="8:8">
      <c r="H110975" s="12"/>
    </row>
    <row r="110976" spans="8:8">
      <c r="H110976" s="12"/>
    </row>
    <row r="110977" spans="8:8">
      <c r="H110977" s="12"/>
    </row>
    <row r="110978" spans="8:8">
      <c r="H110978" s="12"/>
    </row>
    <row r="110979" spans="8:8">
      <c r="H110979" s="12"/>
    </row>
    <row r="110980" spans="8:8">
      <c r="H110980" s="12"/>
    </row>
    <row r="110981" spans="8:8">
      <c r="H110981" s="12"/>
    </row>
    <row r="110982" spans="8:8">
      <c r="H110982" s="12"/>
    </row>
    <row r="110983" spans="8:8">
      <c r="H110983" s="12"/>
    </row>
    <row r="110984" spans="8:8">
      <c r="H110984" s="12"/>
    </row>
    <row r="110985" spans="8:8">
      <c r="H110985" s="12"/>
    </row>
    <row r="110986" spans="8:8">
      <c r="H110986" s="12"/>
    </row>
    <row r="110987" spans="8:8">
      <c r="H110987" s="12"/>
    </row>
    <row r="110988" spans="8:8">
      <c r="H110988" s="12"/>
    </row>
    <row r="110989" spans="8:8">
      <c r="H110989" s="12"/>
    </row>
    <row r="110990" spans="8:8">
      <c r="H110990" s="12"/>
    </row>
    <row r="110991" spans="8:8">
      <c r="H110991" s="12"/>
    </row>
    <row r="110992" spans="8:8">
      <c r="H110992" s="12"/>
    </row>
    <row r="110993" spans="8:8">
      <c r="H110993" s="12"/>
    </row>
    <row r="110994" spans="8:8">
      <c r="H110994" s="12"/>
    </row>
    <row r="110995" spans="8:8">
      <c r="H110995" s="12"/>
    </row>
    <row r="110996" spans="8:8">
      <c r="H110996" s="12"/>
    </row>
    <row r="110997" spans="8:8">
      <c r="H110997" s="12"/>
    </row>
    <row r="110998" spans="8:8">
      <c r="H110998" s="12"/>
    </row>
    <row r="110999" spans="8:8">
      <c r="H110999" s="12"/>
    </row>
    <row r="111000" spans="8:8">
      <c r="H111000" s="12"/>
    </row>
    <row r="111001" spans="8:8">
      <c r="H111001" s="12"/>
    </row>
    <row r="111002" spans="8:8">
      <c r="H111002" s="12"/>
    </row>
    <row r="111003" spans="8:8">
      <c r="H111003" s="12"/>
    </row>
    <row r="111004" spans="8:8">
      <c r="H111004" s="12"/>
    </row>
    <row r="111005" spans="8:8">
      <c r="H111005" s="12"/>
    </row>
    <row r="111006" spans="8:8">
      <c r="H111006" s="12"/>
    </row>
    <row r="111007" spans="8:8">
      <c r="H111007" s="12"/>
    </row>
    <row r="111008" spans="8:8">
      <c r="H111008" s="12"/>
    </row>
    <row r="111009" spans="8:8">
      <c r="H111009" s="12"/>
    </row>
    <row r="111010" spans="8:8">
      <c r="H111010" s="12"/>
    </row>
    <row r="111011" spans="8:8">
      <c r="H111011" s="12"/>
    </row>
    <row r="111012" spans="8:8">
      <c r="H111012" s="12"/>
    </row>
    <row r="111013" spans="8:8">
      <c r="H111013" s="12"/>
    </row>
    <row r="111014" spans="8:8">
      <c r="H111014" s="12"/>
    </row>
    <row r="111015" spans="8:8">
      <c r="H111015" s="12"/>
    </row>
    <row r="111016" spans="8:8">
      <c r="H111016" s="12"/>
    </row>
    <row r="111017" spans="8:8">
      <c r="H111017" s="12"/>
    </row>
    <row r="111018" spans="8:8">
      <c r="H111018" s="12"/>
    </row>
    <row r="111019" spans="8:8">
      <c r="H111019" s="12"/>
    </row>
    <row r="111020" spans="8:8">
      <c r="H111020" s="12"/>
    </row>
    <row r="111021" spans="8:8">
      <c r="H111021" s="12"/>
    </row>
    <row r="111022" spans="8:8">
      <c r="H111022" s="12"/>
    </row>
    <row r="111023" spans="8:8">
      <c r="H111023" s="12"/>
    </row>
    <row r="111024" spans="8:8">
      <c r="H111024" s="12"/>
    </row>
    <row r="111025" spans="8:8">
      <c r="H111025" s="12"/>
    </row>
    <row r="111026" spans="8:8">
      <c r="H111026" s="12"/>
    </row>
    <row r="111027" spans="8:8">
      <c r="H111027" s="12"/>
    </row>
    <row r="111028" spans="8:8">
      <c r="H111028" s="12"/>
    </row>
    <row r="111029" spans="8:8">
      <c r="H111029" s="12"/>
    </row>
    <row r="111030" spans="8:8">
      <c r="H111030" s="12"/>
    </row>
    <row r="111031" spans="8:8">
      <c r="H111031" s="12"/>
    </row>
    <row r="111032" spans="8:8">
      <c r="H111032" s="12"/>
    </row>
    <row r="111033" spans="8:8">
      <c r="H111033" s="12"/>
    </row>
    <row r="111034" spans="8:8">
      <c r="H111034" s="12"/>
    </row>
    <row r="111035" spans="8:8">
      <c r="H111035" s="12"/>
    </row>
    <row r="111036" spans="8:8">
      <c r="H111036" s="12"/>
    </row>
    <row r="111037" spans="8:8">
      <c r="H111037" s="12"/>
    </row>
    <row r="111038" spans="8:8">
      <c r="H111038" s="12"/>
    </row>
    <row r="111039" spans="8:8">
      <c r="H111039" s="12"/>
    </row>
    <row r="111040" spans="8:8">
      <c r="H111040" s="12"/>
    </row>
    <row r="111041" spans="8:8">
      <c r="H111041" s="12"/>
    </row>
    <row r="111042" spans="8:8">
      <c r="H111042" s="12"/>
    </row>
    <row r="111043" spans="8:8">
      <c r="H111043" s="12"/>
    </row>
    <row r="111044" spans="8:8">
      <c r="H111044" s="12"/>
    </row>
    <row r="111045" spans="8:8">
      <c r="H111045" s="12"/>
    </row>
    <row r="111046" spans="8:8">
      <c r="H111046" s="12"/>
    </row>
    <row r="111047" spans="8:8">
      <c r="H111047" s="12"/>
    </row>
    <row r="111048" spans="8:8">
      <c r="H111048" s="12"/>
    </row>
    <row r="111049" spans="8:8">
      <c r="H111049" s="12"/>
    </row>
    <row r="111050" spans="8:8">
      <c r="H111050" s="12"/>
    </row>
    <row r="111051" spans="8:8">
      <c r="H111051" s="12"/>
    </row>
    <row r="111052" spans="8:8">
      <c r="H111052" s="12"/>
    </row>
    <row r="111053" spans="8:8">
      <c r="H111053" s="12"/>
    </row>
    <row r="111054" spans="8:8">
      <c r="H111054" s="12"/>
    </row>
    <row r="111055" spans="8:8">
      <c r="H111055" s="12"/>
    </row>
    <row r="111056" spans="8:8">
      <c r="H111056" s="12"/>
    </row>
    <row r="111057" spans="8:8">
      <c r="H111057" s="12"/>
    </row>
    <row r="111058" spans="8:8">
      <c r="H111058" s="12"/>
    </row>
    <row r="111059" spans="8:8">
      <c r="H111059" s="12"/>
    </row>
    <row r="111060" spans="8:8">
      <c r="H111060" s="12"/>
    </row>
    <row r="111061" spans="8:8">
      <c r="H111061" s="12"/>
    </row>
    <row r="111062" spans="8:8">
      <c r="H111062" s="12"/>
    </row>
    <row r="111063" spans="8:8">
      <c r="H111063" s="12"/>
    </row>
    <row r="111064" spans="8:8">
      <c r="H111064" s="12"/>
    </row>
    <row r="111065" spans="8:8">
      <c r="H111065" s="12"/>
    </row>
    <row r="111066" spans="8:8">
      <c r="H111066" s="12"/>
    </row>
    <row r="111067" spans="8:8">
      <c r="H111067" s="12"/>
    </row>
    <row r="111068" spans="8:8">
      <c r="H111068" s="12"/>
    </row>
    <row r="111069" spans="8:8">
      <c r="H111069" s="12"/>
    </row>
    <row r="111070" spans="8:8">
      <c r="H111070" s="12"/>
    </row>
    <row r="111071" spans="8:8">
      <c r="H111071" s="12"/>
    </row>
    <row r="111072" spans="8:8">
      <c r="H111072" s="12"/>
    </row>
    <row r="111073" spans="8:8">
      <c r="H111073" s="12"/>
    </row>
    <row r="111074" spans="8:8">
      <c r="H111074" s="12"/>
    </row>
    <row r="111075" spans="8:8">
      <c r="H111075" s="12"/>
    </row>
    <row r="111076" spans="8:8">
      <c r="H111076" s="12"/>
    </row>
    <row r="111077" spans="8:8">
      <c r="H111077" s="12"/>
    </row>
    <row r="111078" spans="8:8">
      <c r="H111078" s="12"/>
    </row>
    <row r="111079" spans="8:8">
      <c r="H111079" s="12"/>
    </row>
    <row r="111080" spans="8:8">
      <c r="H111080" s="12"/>
    </row>
    <row r="111081" spans="8:8">
      <c r="H111081" s="12"/>
    </row>
    <row r="111082" spans="8:8">
      <c r="H111082" s="12"/>
    </row>
    <row r="111083" spans="8:8">
      <c r="H111083" s="12"/>
    </row>
    <row r="111084" spans="8:8">
      <c r="H111084" s="12"/>
    </row>
    <row r="111085" spans="8:8">
      <c r="H111085" s="12"/>
    </row>
    <row r="111086" spans="8:8">
      <c r="H111086" s="12"/>
    </row>
    <row r="111087" spans="8:8">
      <c r="H111087" s="12"/>
    </row>
    <row r="111088" spans="8:8">
      <c r="H111088" s="12"/>
    </row>
    <row r="111089" spans="8:8">
      <c r="H111089" s="12"/>
    </row>
    <row r="111090" spans="8:8">
      <c r="H111090" s="12"/>
    </row>
    <row r="111091" spans="8:8">
      <c r="H111091" s="12"/>
    </row>
    <row r="111092" spans="8:8">
      <c r="H111092" s="12"/>
    </row>
    <row r="111093" spans="8:8">
      <c r="H111093" s="12"/>
    </row>
    <row r="111094" spans="8:8">
      <c r="H111094" s="12"/>
    </row>
    <row r="111095" spans="8:8">
      <c r="H111095" s="12"/>
    </row>
    <row r="111096" spans="8:8">
      <c r="H111096" s="12"/>
    </row>
    <row r="111097" spans="8:8">
      <c r="H111097" s="12"/>
    </row>
    <row r="111098" spans="8:8">
      <c r="H111098" s="12"/>
    </row>
    <row r="111099" spans="8:8">
      <c r="H111099" s="12"/>
    </row>
    <row r="111100" spans="8:8">
      <c r="H111100" s="12"/>
    </row>
    <row r="111101" spans="8:8">
      <c r="H111101" s="12"/>
    </row>
    <row r="111102" spans="8:8">
      <c r="H111102" s="12"/>
    </row>
    <row r="111103" spans="8:8">
      <c r="H111103" s="12"/>
    </row>
    <row r="111104" spans="8:8">
      <c r="H111104" s="12"/>
    </row>
    <row r="111105" spans="8:8">
      <c r="H111105" s="12"/>
    </row>
    <row r="111106" spans="8:8">
      <c r="H111106" s="12"/>
    </row>
    <row r="111107" spans="8:8">
      <c r="H111107" s="12"/>
    </row>
    <row r="111108" spans="8:8">
      <c r="H111108" s="12"/>
    </row>
    <row r="111109" spans="8:8">
      <c r="H111109" s="12"/>
    </row>
    <row r="111110" spans="8:8">
      <c r="H111110" s="12"/>
    </row>
    <row r="111111" spans="8:8">
      <c r="H111111" s="12"/>
    </row>
    <row r="111112" spans="8:8">
      <c r="H111112" s="12"/>
    </row>
    <row r="111113" spans="8:8">
      <c r="H111113" s="12"/>
    </row>
    <row r="111114" spans="8:8">
      <c r="H111114" s="12"/>
    </row>
    <row r="111115" spans="8:8">
      <c r="H111115" s="12"/>
    </row>
    <row r="111116" spans="8:8">
      <c r="H111116" s="12"/>
    </row>
    <row r="111117" spans="8:8">
      <c r="H111117" s="12"/>
    </row>
    <row r="111118" spans="8:8">
      <c r="H111118" s="12"/>
    </row>
    <row r="111119" spans="8:8">
      <c r="H111119" s="12"/>
    </row>
    <row r="111120" spans="8:8">
      <c r="H111120" s="12"/>
    </row>
    <row r="111121" spans="8:8">
      <c r="H111121" s="12"/>
    </row>
    <row r="111122" spans="8:8">
      <c r="H111122" s="12"/>
    </row>
    <row r="111123" spans="8:8">
      <c r="H111123" s="12"/>
    </row>
    <row r="111124" spans="8:8">
      <c r="H111124" s="12"/>
    </row>
    <row r="111125" spans="8:8">
      <c r="H111125" s="12"/>
    </row>
    <row r="111126" spans="8:8">
      <c r="H111126" s="12"/>
    </row>
    <row r="111127" spans="8:8">
      <c r="H111127" s="12"/>
    </row>
    <row r="111128" spans="8:8">
      <c r="H111128" s="12"/>
    </row>
    <row r="111129" spans="8:8">
      <c r="H111129" s="12"/>
    </row>
    <row r="111130" spans="8:8">
      <c r="H111130" s="12"/>
    </row>
    <row r="111131" spans="8:8">
      <c r="H111131" s="12"/>
    </row>
    <row r="111132" spans="8:8">
      <c r="H111132" s="12"/>
    </row>
    <row r="111133" spans="8:8">
      <c r="H111133" s="12"/>
    </row>
    <row r="111134" spans="8:8">
      <c r="H111134" s="12"/>
    </row>
    <row r="111135" spans="8:8">
      <c r="H111135" s="12"/>
    </row>
    <row r="111136" spans="8:8">
      <c r="H111136" s="12"/>
    </row>
    <row r="111137" spans="8:8">
      <c r="H111137" s="12"/>
    </row>
    <row r="111138" spans="8:8">
      <c r="H111138" s="12"/>
    </row>
    <row r="111139" spans="8:8">
      <c r="H111139" s="12"/>
    </row>
    <row r="111140" spans="8:8">
      <c r="H111140" s="12"/>
    </row>
    <row r="111141" spans="8:8">
      <c r="H111141" s="12"/>
    </row>
    <row r="111142" spans="8:8">
      <c r="H111142" s="12"/>
    </row>
    <row r="111143" spans="8:8">
      <c r="H111143" s="12"/>
    </row>
    <row r="111144" spans="8:8">
      <c r="H111144" s="12"/>
    </row>
    <row r="111145" spans="8:8">
      <c r="H111145" s="12"/>
    </row>
    <row r="111146" spans="8:8">
      <c r="H111146" s="12"/>
    </row>
    <row r="111147" spans="8:8">
      <c r="H111147" s="12"/>
    </row>
    <row r="111148" spans="8:8">
      <c r="H111148" s="12"/>
    </row>
    <row r="111149" spans="8:8">
      <c r="H111149" s="12"/>
    </row>
    <row r="111150" spans="8:8">
      <c r="H111150" s="12"/>
    </row>
    <row r="111151" spans="8:8">
      <c r="H111151" s="12"/>
    </row>
    <row r="111152" spans="8:8">
      <c r="H111152" s="12"/>
    </row>
    <row r="111153" spans="8:8">
      <c r="H111153" s="12"/>
    </row>
    <row r="111154" spans="8:8">
      <c r="H111154" s="12"/>
    </row>
    <row r="111155" spans="8:8">
      <c r="H111155" s="12"/>
    </row>
    <row r="111156" spans="8:8">
      <c r="H111156" s="12"/>
    </row>
    <row r="111157" spans="8:8">
      <c r="H111157" s="12"/>
    </row>
    <row r="111158" spans="8:8">
      <c r="H111158" s="12"/>
    </row>
    <row r="111159" spans="8:8">
      <c r="H111159" s="12"/>
    </row>
    <row r="111160" spans="8:8">
      <c r="H111160" s="12"/>
    </row>
    <row r="111161" spans="8:8">
      <c r="H111161" s="12"/>
    </row>
    <row r="111162" spans="8:8">
      <c r="H111162" s="12"/>
    </row>
    <row r="111163" spans="8:8">
      <c r="H111163" s="12"/>
    </row>
    <row r="111164" spans="8:8">
      <c r="H111164" s="12"/>
    </row>
    <row r="111165" spans="8:8">
      <c r="H111165" s="12"/>
    </row>
    <row r="111166" spans="8:8">
      <c r="H111166" s="12"/>
    </row>
    <row r="111167" spans="8:8">
      <c r="H111167" s="12"/>
    </row>
    <row r="111168" spans="8:8">
      <c r="H111168" s="12"/>
    </row>
    <row r="111169" spans="8:8">
      <c r="H111169" s="12"/>
    </row>
    <row r="111170" spans="8:8">
      <c r="H111170" s="12"/>
    </row>
    <row r="111171" spans="8:8">
      <c r="H111171" s="12"/>
    </row>
    <row r="111172" spans="8:8">
      <c r="H111172" s="12"/>
    </row>
    <row r="111173" spans="8:8">
      <c r="H111173" s="12"/>
    </row>
    <row r="111174" spans="8:8">
      <c r="H111174" s="12"/>
    </row>
    <row r="111175" spans="8:8">
      <c r="H111175" s="12"/>
    </row>
    <row r="111176" spans="8:8">
      <c r="H111176" s="12"/>
    </row>
    <row r="111177" spans="8:8">
      <c r="H111177" s="12"/>
    </row>
    <row r="111178" spans="8:8">
      <c r="H111178" s="12"/>
    </row>
    <row r="111179" spans="8:8">
      <c r="H111179" s="12"/>
    </row>
    <row r="111180" spans="8:8">
      <c r="H111180" s="12"/>
    </row>
    <row r="111181" spans="8:8">
      <c r="H111181" s="12"/>
    </row>
    <row r="111182" spans="8:8">
      <c r="H111182" s="12"/>
    </row>
    <row r="111183" spans="8:8">
      <c r="H111183" s="12"/>
    </row>
    <row r="111184" spans="8:8">
      <c r="H111184" s="12"/>
    </row>
    <row r="111185" spans="8:8">
      <c r="H111185" s="12"/>
    </row>
    <row r="111186" spans="8:8">
      <c r="H111186" s="12"/>
    </row>
    <row r="111187" spans="8:8">
      <c r="H111187" s="12"/>
    </row>
    <row r="111188" spans="8:8">
      <c r="H111188" s="12"/>
    </row>
    <row r="111189" spans="8:8">
      <c r="H111189" s="12"/>
    </row>
    <row r="111190" spans="8:8">
      <c r="H111190" s="12"/>
    </row>
    <row r="111191" spans="8:8">
      <c r="H111191" s="12"/>
    </row>
    <row r="111192" spans="8:8">
      <c r="H111192" s="12"/>
    </row>
    <row r="111193" spans="8:8">
      <c r="H111193" s="12"/>
    </row>
    <row r="111194" spans="8:8">
      <c r="H111194" s="12"/>
    </row>
    <row r="111195" spans="8:8">
      <c r="H111195" s="12"/>
    </row>
    <row r="111196" spans="8:8">
      <c r="H111196" s="12"/>
    </row>
    <row r="111197" spans="8:8">
      <c r="H111197" s="12"/>
    </row>
    <row r="111198" spans="8:8">
      <c r="H111198" s="12"/>
    </row>
    <row r="111199" spans="8:8">
      <c r="H111199" s="12"/>
    </row>
    <row r="111200" spans="8:8">
      <c r="H111200" s="12"/>
    </row>
    <row r="111201" spans="8:8">
      <c r="H111201" s="12"/>
    </row>
    <row r="111202" spans="8:8">
      <c r="H111202" s="12"/>
    </row>
    <row r="111203" spans="8:8">
      <c r="H111203" s="12"/>
    </row>
    <row r="111204" spans="8:8">
      <c r="H111204" s="12"/>
    </row>
    <row r="111205" spans="8:8">
      <c r="H111205" s="12"/>
    </row>
    <row r="111206" spans="8:8">
      <c r="H111206" s="12"/>
    </row>
    <row r="111207" spans="8:8">
      <c r="H111207" s="12"/>
    </row>
    <row r="111208" spans="8:8">
      <c r="H111208" s="12"/>
    </row>
    <row r="111209" spans="8:8">
      <c r="H111209" s="12"/>
    </row>
    <row r="111210" spans="8:8">
      <c r="H111210" s="12"/>
    </row>
    <row r="111211" spans="8:8">
      <c r="H111211" s="12"/>
    </row>
    <row r="111212" spans="8:8">
      <c r="H111212" s="12"/>
    </row>
    <row r="111213" spans="8:8">
      <c r="H111213" s="12"/>
    </row>
    <row r="111214" spans="8:8">
      <c r="H111214" s="12"/>
    </row>
    <row r="111215" spans="8:8">
      <c r="H111215" s="12"/>
    </row>
    <row r="111216" spans="8:8">
      <c r="H111216" s="12"/>
    </row>
    <row r="111217" spans="8:8">
      <c r="H111217" s="12"/>
    </row>
    <row r="111218" spans="8:8">
      <c r="H111218" s="12"/>
    </row>
    <row r="111219" spans="8:8">
      <c r="H111219" s="12"/>
    </row>
    <row r="111220" spans="8:8">
      <c r="H111220" s="12"/>
    </row>
    <row r="111221" spans="8:8">
      <c r="H111221" s="12"/>
    </row>
    <row r="111222" spans="8:8">
      <c r="H111222" s="12"/>
    </row>
    <row r="111223" spans="8:8">
      <c r="H111223" s="12"/>
    </row>
    <row r="111224" spans="8:8">
      <c r="H111224" s="12"/>
    </row>
    <row r="111225" spans="8:8">
      <c r="H111225" s="12"/>
    </row>
    <row r="111226" spans="8:8">
      <c r="H111226" s="12"/>
    </row>
    <row r="111227" spans="8:8">
      <c r="H111227" s="12"/>
    </row>
    <row r="111228" spans="8:8">
      <c r="H111228" s="12"/>
    </row>
    <row r="111229" spans="8:8">
      <c r="H111229" s="12"/>
    </row>
    <row r="111230" spans="8:8">
      <c r="H111230" s="12"/>
    </row>
    <row r="111231" spans="8:8">
      <c r="H111231" s="12"/>
    </row>
    <row r="111232" spans="8:8">
      <c r="H111232" s="12"/>
    </row>
    <row r="111233" spans="8:8">
      <c r="H111233" s="12"/>
    </row>
    <row r="111234" spans="8:8">
      <c r="H111234" s="12"/>
    </row>
    <row r="111235" spans="8:8">
      <c r="H111235" s="12"/>
    </row>
    <row r="111236" spans="8:8">
      <c r="H111236" s="12"/>
    </row>
    <row r="111237" spans="8:8">
      <c r="H111237" s="12"/>
    </row>
    <row r="111238" spans="8:8">
      <c r="H111238" s="12"/>
    </row>
    <row r="111239" spans="8:8">
      <c r="H111239" s="12"/>
    </row>
    <row r="111240" spans="8:8">
      <c r="H111240" s="12"/>
    </row>
    <row r="111241" spans="8:8">
      <c r="H111241" s="12"/>
    </row>
    <row r="111242" spans="8:8">
      <c r="H111242" s="12"/>
    </row>
    <row r="111243" spans="8:8">
      <c r="H111243" s="12"/>
    </row>
    <row r="111244" spans="8:8">
      <c r="H111244" s="12"/>
    </row>
    <row r="111245" spans="8:8">
      <c r="H111245" s="12"/>
    </row>
    <row r="111246" spans="8:8">
      <c r="H111246" s="12"/>
    </row>
    <row r="111247" spans="8:8">
      <c r="H111247" s="12"/>
    </row>
    <row r="111248" spans="8:8">
      <c r="H111248" s="12"/>
    </row>
    <row r="111249" spans="8:8">
      <c r="H111249" s="12"/>
    </row>
    <row r="111250" spans="8:8">
      <c r="H111250" s="12"/>
    </row>
    <row r="111251" spans="8:8">
      <c r="H111251" s="12"/>
    </row>
    <row r="111252" spans="8:8">
      <c r="H111252" s="12"/>
    </row>
    <row r="111253" spans="8:8">
      <c r="H111253" s="12"/>
    </row>
    <row r="111254" spans="8:8">
      <c r="H111254" s="12"/>
    </row>
    <row r="111255" spans="8:8">
      <c r="H111255" s="12"/>
    </row>
    <row r="111256" spans="8:8">
      <c r="H111256" s="12"/>
    </row>
    <row r="111257" spans="8:8">
      <c r="H111257" s="12"/>
    </row>
    <row r="111258" spans="8:8">
      <c r="H111258" s="12"/>
    </row>
    <row r="111259" spans="8:8">
      <c r="H111259" s="12"/>
    </row>
    <row r="111260" spans="8:8">
      <c r="H111260" s="12"/>
    </row>
    <row r="111261" spans="8:8">
      <c r="H111261" s="12"/>
    </row>
    <row r="111262" spans="8:8">
      <c r="H111262" s="12"/>
    </row>
    <row r="111263" spans="8:8">
      <c r="H111263" s="12"/>
    </row>
    <row r="111264" spans="8:8">
      <c r="H111264" s="12"/>
    </row>
    <row r="111265" spans="8:8">
      <c r="H111265" s="12"/>
    </row>
    <row r="111266" spans="8:8">
      <c r="H111266" s="12"/>
    </row>
    <row r="111267" spans="8:8">
      <c r="H111267" s="12"/>
    </row>
    <row r="111268" spans="8:8">
      <c r="H111268" s="12"/>
    </row>
    <row r="111269" spans="8:8">
      <c r="H111269" s="12"/>
    </row>
    <row r="111270" spans="8:8">
      <c r="H111270" s="12"/>
    </row>
    <row r="111271" spans="8:8">
      <c r="H111271" s="12"/>
    </row>
    <row r="111272" spans="8:8">
      <c r="H111272" s="12"/>
    </row>
    <row r="111273" spans="8:8">
      <c r="H111273" s="12"/>
    </row>
    <row r="111274" spans="8:8">
      <c r="H111274" s="12"/>
    </row>
    <row r="111275" spans="8:8">
      <c r="H111275" s="12"/>
    </row>
    <row r="111276" spans="8:8">
      <c r="H111276" s="12"/>
    </row>
    <row r="111277" spans="8:8">
      <c r="H111277" s="12"/>
    </row>
    <row r="111278" spans="8:8">
      <c r="H111278" s="12"/>
    </row>
    <row r="111279" spans="8:8">
      <c r="H111279" s="12"/>
    </row>
    <row r="111280" spans="8:8">
      <c r="H111280" s="12"/>
    </row>
    <row r="111281" spans="8:8">
      <c r="H111281" s="12"/>
    </row>
    <row r="111282" spans="8:8">
      <c r="H111282" s="12"/>
    </row>
    <row r="111283" spans="8:8">
      <c r="H111283" s="12"/>
    </row>
    <row r="111284" spans="8:8">
      <c r="H111284" s="12"/>
    </row>
    <row r="111285" spans="8:8">
      <c r="H111285" s="12"/>
    </row>
    <row r="111286" spans="8:8">
      <c r="H111286" s="12"/>
    </row>
    <row r="111287" spans="8:8">
      <c r="H111287" s="12"/>
    </row>
    <row r="111288" spans="8:8">
      <c r="H111288" s="12"/>
    </row>
    <row r="111289" spans="8:8">
      <c r="H111289" s="12"/>
    </row>
    <row r="111290" spans="8:8">
      <c r="H111290" s="12"/>
    </row>
    <row r="111291" spans="8:8">
      <c r="H111291" s="12"/>
    </row>
    <row r="111292" spans="8:8">
      <c r="H111292" s="12"/>
    </row>
    <row r="111293" spans="8:8">
      <c r="H111293" s="12"/>
    </row>
    <row r="111294" spans="8:8">
      <c r="H111294" s="12"/>
    </row>
    <row r="111295" spans="8:8">
      <c r="H111295" s="12"/>
    </row>
    <row r="111296" spans="8:8">
      <c r="H111296" s="12"/>
    </row>
    <row r="111297" spans="8:8">
      <c r="H111297" s="12"/>
    </row>
    <row r="111298" spans="8:8">
      <c r="H111298" s="12"/>
    </row>
    <row r="111299" spans="8:8">
      <c r="H111299" s="12"/>
    </row>
    <row r="111300" spans="8:8">
      <c r="H111300" s="12"/>
    </row>
    <row r="111301" spans="8:8">
      <c r="H111301" s="12"/>
    </row>
    <row r="111302" spans="8:8">
      <c r="H111302" s="12"/>
    </row>
    <row r="111303" spans="8:8">
      <c r="H111303" s="12"/>
    </row>
    <row r="111304" spans="8:8">
      <c r="H111304" s="12"/>
    </row>
    <row r="111305" spans="8:8">
      <c r="H111305" s="12"/>
    </row>
    <row r="111306" spans="8:8">
      <c r="H111306" s="12"/>
    </row>
    <row r="111307" spans="8:8">
      <c r="H111307" s="12"/>
    </row>
    <row r="111308" spans="8:8">
      <c r="H111308" s="12"/>
    </row>
    <row r="111309" spans="8:8">
      <c r="H111309" s="12"/>
    </row>
    <row r="111310" spans="8:8">
      <c r="H111310" s="12"/>
    </row>
    <row r="111311" spans="8:8">
      <c r="H111311" s="12"/>
    </row>
    <row r="111312" spans="8:8">
      <c r="H111312" s="12"/>
    </row>
    <row r="111313" spans="8:8">
      <c r="H111313" s="12"/>
    </row>
    <row r="111314" spans="8:8">
      <c r="H111314" s="12"/>
    </row>
    <row r="111315" spans="8:8">
      <c r="H111315" s="12"/>
    </row>
    <row r="111316" spans="8:8">
      <c r="H111316" s="12"/>
    </row>
    <row r="111317" spans="8:8">
      <c r="H111317" s="12"/>
    </row>
    <row r="111318" spans="8:8">
      <c r="H111318" s="12"/>
    </row>
    <row r="111319" spans="8:8">
      <c r="H111319" s="12"/>
    </row>
    <row r="111320" spans="8:8">
      <c r="H111320" s="12"/>
    </row>
    <row r="111321" spans="8:8">
      <c r="H111321" s="12"/>
    </row>
    <row r="111322" spans="8:8">
      <c r="H111322" s="12"/>
    </row>
    <row r="111323" spans="8:8">
      <c r="H111323" s="12"/>
    </row>
    <row r="111324" spans="8:8">
      <c r="H111324" s="12"/>
    </row>
    <row r="111325" spans="8:8">
      <c r="H111325" s="12"/>
    </row>
    <row r="111326" spans="8:8">
      <c r="H111326" s="12"/>
    </row>
    <row r="111327" spans="8:8">
      <c r="H111327" s="12"/>
    </row>
    <row r="111328" spans="8:8">
      <c r="H111328" s="12"/>
    </row>
    <row r="111329" spans="8:8">
      <c r="H111329" s="12"/>
    </row>
    <row r="111330" spans="8:8">
      <c r="H111330" s="12"/>
    </row>
    <row r="111331" spans="8:8">
      <c r="H111331" s="12"/>
    </row>
    <row r="111332" spans="8:8">
      <c r="H111332" s="12"/>
    </row>
    <row r="111333" spans="8:8">
      <c r="H111333" s="12"/>
    </row>
    <row r="111334" spans="8:8">
      <c r="H111334" s="12"/>
    </row>
    <row r="111335" spans="8:8">
      <c r="H111335" s="12"/>
    </row>
    <row r="111336" spans="8:8">
      <c r="H111336" s="12"/>
    </row>
    <row r="111337" spans="8:8">
      <c r="H111337" s="12"/>
    </row>
    <row r="111338" spans="8:8">
      <c r="H111338" s="12"/>
    </row>
    <row r="111339" spans="8:8">
      <c r="H111339" s="12"/>
    </row>
    <row r="111340" spans="8:8">
      <c r="H111340" s="12"/>
    </row>
    <row r="111341" spans="8:8">
      <c r="H111341" s="12"/>
    </row>
    <row r="111342" spans="8:8">
      <c r="H111342" s="12"/>
    </row>
    <row r="111343" spans="8:8">
      <c r="H111343" s="12"/>
    </row>
    <row r="111344" spans="8:8">
      <c r="H111344" s="12"/>
    </row>
    <row r="111345" spans="8:8">
      <c r="H111345" s="12"/>
    </row>
    <row r="111346" spans="8:8">
      <c r="H111346" s="12"/>
    </row>
    <row r="111347" spans="8:8">
      <c r="H111347" s="12"/>
    </row>
    <row r="111348" spans="8:8">
      <c r="H111348" s="12"/>
    </row>
    <row r="111349" spans="8:8">
      <c r="H111349" s="12"/>
    </row>
    <row r="111350" spans="8:8">
      <c r="H111350" s="12"/>
    </row>
    <row r="111351" spans="8:8">
      <c r="H111351" s="12"/>
    </row>
    <row r="111352" spans="8:8">
      <c r="H111352" s="12"/>
    </row>
    <row r="111353" spans="8:8">
      <c r="H111353" s="12"/>
    </row>
    <row r="111354" spans="8:8">
      <c r="H111354" s="12"/>
    </row>
    <row r="111355" spans="8:8">
      <c r="H111355" s="12"/>
    </row>
    <row r="111356" spans="8:8">
      <c r="H111356" s="12"/>
    </row>
    <row r="111357" spans="8:8">
      <c r="H111357" s="12"/>
    </row>
    <row r="111358" spans="8:8">
      <c r="H111358" s="12"/>
    </row>
    <row r="111359" spans="8:8">
      <c r="H111359" s="12"/>
    </row>
    <row r="111360" spans="8:8">
      <c r="H111360" s="12"/>
    </row>
    <row r="111361" spans="8:8">
      <c r="H111361" s="12"/>
    </row>
    <row r="111362" spans="8:8">
      <c r="H111362" s="12"/>
    </row>
    <row r="111363" spans="8:8">
      <c r="H111363" s="12"/>
    </row>
    <row r="111364" spans="8:8">
      <c r="H111364" s="12"/>
    </row>
    <row r="111365" spans="8:8">
      <c r="H111365" s="12"/>
    </row>
    <row r="111366" spans="8:8">
      <c r="H111366" s="12"/>
    </row>
    <row r="111367" spans="8:8">
      <c r="H111367" s="12"/>
    </row>
    <row r="111368" spans="8:8">
      <c r="H111368" s="12"/>
    </row>
    <row r="111369" spans="8:8">
      <c r="H111369" s="12"/>
    </row>
    <row r="111370" spans="8:8">
      <c r="H111370" s="12"/>
    </row>
    <row r="111371" spans="8:8">
      <c r="H111371" s="12"/>
    </row>
    <row r="111372" spans="8:8">
      <c r="H111372" s="12"/>
    </row>
    <row r="111373" spans="8:8">
      <c r="H111373" s="12"/>
    </row>
    <row r="111374" spans="8:8">
      <c r="H111374" s="12"/>
    </row>
    <row r="111375" spans="8:8">
      <c r="H111375" s="12"/>
    </row>
    <row r="111376" spans="8:8">
      <c r="H111376" s="12"/>
    </row>
    <row r="111377" spans="8:8">
      <c r="H111377" s="12"/>
    </row>
    <row r="111378" spans="8:8">
      <c r="H111378" s="12"/>
    </row>
    <row r="111379" spans="8:8">
      <c r="H111379" s="12"/>
    </row>
    <row r="111380" spans="8:8">
      <c r="H111380" s="12"/>
    </row>
    <row r="111381" spans="8:8">
      <c r="H111381" s="12"/>
    </row>
    <row r="111382" spans="8:8">
      <c r="H111382" s="12"/>
    </row>
    <row r="111383" spans="8:8">
      <c r="H111383" s="12"/>
    </row>
    <row r="111384" spans="8:8">
      <c r="H111384" s="12"/>
    </row>
    <row r="111385" spans="8:8">
      <c r="H111385" s="12"/>
    </row>
    <row r="111386" spans="8:8">
      <c r="H111386" s="12"/>
    </row>
    <row r="111387" spans="8:8">
      <c r="H111387" s="12"/>
    </row>
    <row r="111388" spans="8:8">
      <c r="H111388" s="12"/>
    </row>
    <row r="111389" spans="8:8">
      <c r="H111389" s="12"/>
    </row>
    <row r="111390" spans="8:8">
      <c r="H111390" s="12"/>
    </row>
    <row r="111391" spans="8:8">
      <c r="H111391" s="12"/>
    </row>
    <row r="111392" spans="8:8">
      <c r="H111392" s="12"/>
    </row>
    <row r="111393" spans="8:8">
      <c r="H111393" s="12"/>
    </row>
    <row r="111394" spans="8:8">
      <c r="H111394" s="12"/>
    </row>
    <row r="111395" spans="8:8">
      <c r="H111395" s="12"/>
    </row>
    <row r="111396" spans="8:8">
      <c r="H111396" s="12"/>
    </row>
    <row r="111397" spans="8:8">
      <c r="H111397" s="12"/>
    </row>
    <row r="111398" spans="8:8">
      <c r="H111398" s="12"/>
    </row>
    <row r="111399" spans="8:8">
      <c r="H111399" s="12"/>
    </row>
    <row r="111400" spans="8:8">
      <c r="H111400" s="12"/>
    </row>
    <row r="111401" spans="8:8">
      <c r="H111401" s="12"/>
    </row>
    <row r="111402" spans="8:8">
      <c r="H111402" s="12"/>
    </row>
    <row r="111403" spans="8:8">
      <c r="H111403" s="12"/>
    </row>
    <row r="111404" spans="8:8">
      <c r="H111404" s="12"/>
    </row>
    <row r="111405" spans="8:8">
      <c r="H111405" s="12"/>
    </row>
    <row r="111406" spans="8:8">
      <c r="H111406" s="12"/>
    </row>
    <row r="111407" spans="8:8">
      <c r="H111407" s="12"/>
    </row>
    <row r="111408" spans="8:8">
      <c r="H111408" s="12"/>
    </row>
    <row r="111409" spans="8:8">
      <c r="H111409" s="12"/>
    </row>
    <row r="111410" spans="8:8">
      <c r="H111410" s="12"/>
    </row>
    <row r="111411" spans="8:8">
      <c r="H111411" s="12"/>
    </row>
    <row r="111412" spans="8:8">
      <c r="H111412" s="12"/>
    </row>
    <row r="111413" spans="8:8">
      <c r="H111413" s="12"/>
    </row>
    <row r="111414" spans="8:8">
      <c r="H111414" s="12"/>
    </row>
    <row r="111415" spans="8:8">
      <c r="H111415" s="12"/>
    </row>
    <row r="111416" spans="8:8">
      <c r="H111416" s="12"/>
    </row>
    <row r="111417" spans="8:8">
      <c r="H111417" s="12"/>
    </row>
    <row r="111418" spans="8:8">
      <c r="H111418" s="12"/>
    </row>
    <row r="111419" spans="8:8">
      <c r="H111419" s="12"/>
    </row>
    <row r="111420" spans="8:8">
      <c r="H111420" s="12"/>
    </row>
    <row r="111421" spans="8:8">
      <c r="H111421" s="12"/>
    </row>
    <row r="111422" spans="8:8">
      <c r="H111422" s="12"/>
    </row>
    <row r="111423" spans="8:8">
      <c r="H111423" s="12"/>
    </row>
    <row r="111424" spans="8:8">
      <c r="H111424" s="12"/>
    </row>
    <row r="111425" spans="8:8">
      <c r="H111425" s="12"/>
    </row>
    <row r="111426" spans="8:8">
      <c r="H111426" s="12"/>
    </row>
    <row r="111427" spans="8:8">
      <c r="H111427" s="12"/>
    </row>
    <row r="111428" spans="8:8">
      <c r="H111428" s="12"/>
    </row>
    <row r="111429" spans="8:8">
      <c r="H111429" s="12"/>
    </row>
    <row r="111430" spans="8:8">
      <c r="H111430" s="12"/>
    </row>
    <row r="111431" spans="8:8">
      <c r="H111431" s="12"/>
    </row>
    <row r="111432" spans="8:8">
      <c r="H111432" s="12"/>
    </row>
    <row r="111433" spans="8:8">
      <c r="H111433" s="12"/>
    </row>
    <row r="111434" spans="8:8">
      <c r="H111434" s="12"/>
    </row>
    <row r="111435" spans="8:8">
      <c r="H111435" s="12"/>
    </row>
    <row r="111436" spans="8:8">
      <c r="H111436" s="12"/>
    </row>
    <row r="111437" spans="8:8">
      <c r="H111437" s="12"/>
    </row>
    <row r="111438" spans="8:8">
      <c r="H111438" s="12"/>
    </row>
    <row r="111439" spans="8:8">
      <c r="H111439" s="12"/>
    </row>
    <row r="111440" spans="8:8">
      <c r="H111440" s="12"/>
    </row>
    <row r="111441" spans="8:8">
      <c r="H111441" s="12"/>
    </row>
    <row r="111442" spans="8:8">
      <c r="H111442" s="12"/>
    </row>
    <row r="111443" spans="8:8">
      <c r="H111443" s="12"/>
    </row>
    <row r="111444" spans="8:8">
      <c r="H111444" s="12"/>
    </row>
    <row r="111445" spans="8:8">
      <c r="H111445" s="12"/>
    </row>
    <row r="111446" spans="8:8">
      <c r="H111446" s="12"/>
    </row>
    <row r="111447" spans="8:8">
      <c r="H111447" s="12"/>
    </row>
    <row r="111448" spans="8:8">
      <c r="H111448" s="12"/>
    </row>
    <row r="111449" spans="8:8">
      <c r="H111449" s="12"/>
    </row>
    <row r="111450" spans="8:8">
      <c r="H111450" s="12"/>
    </row>
    <row r="111451" spans="8:8">
      <c r="H111451" s="12"/>
    </row>
    <row r="111452" spans="8:8">
      <c r="H111452" s="12"/>
    </row>
    <row r="111453" spans="8:8">
      <c r="H111453" s="12"/>
    </row>
    <row r="111454" spans="8:8">
      <c r="H111454" s="12"/>
    </row>
    <row r="111455" spans="8:8">
      <c r="H111455" s="12"/>
    </row>
    <row r="111456" spans="8:8">
      <c r="H111456" s="12"/>
    </row>
    <row r="111457" spans="8:8">
      <c r="H111457" s="12"/>
    </row>
    <row r="111458" spans="8:8">
      <c r="H111458" s="12"/>
    </row>
    <row r="111459" spans="8:8">
      <c r="H111459" s="12"/>
    </row>
    <row r="111460" spans="8:8">
      <c r="H111460" s="12"/>
    </row>
    <row r="111461" spans="8:8">
      <c r="H111461" s="12"/>
    </row>
    <row r="111462" spans="8:8">
      <c r="H111462" s="12"/>
    </row>
    <row r="111463" spans="8:8">
      <c r="H111463" s="12"/>
    </row>
    <row r="111464" spans="8:8">
      <c r="H111464" s="12"/>
    </row>
    <row r="111465" spans="8:8">
      <c r="H111465" s="12"/>
    </row>
    <row r="111466" spans="8:8">
      <c r="H111466" s="12"/>
    </row>
    <row r="111467" spans="8:8">
      <c r="H111467" s="12"/>
    </row>
    <row r="111468" spans="8:8">
      <c r="H111468" s="12"/>
    </row>
    <row r="111469" spans="8:8">
      <c r="H111469" s="12"/>
    </row>
    <row r="111470" spans="8:8">
      <c r="H111470" s="12"/>
    </row>
    <row r="111471" spans="8:8">
      <c r="H111471" s="12"/>
    </row>
    <row r="111472" spans="8:8">
      <c r="H111472" s="12"/>
    </row>
    <row r="111473" spans="8:8">
      <c r="H111473" s="12"/>
    </row>
    <row r="111474" spans="8:8">
      <c r="H111474" s="12"/>
    </row>
    <row r="111475" spans="8:8">
      <c r="H111475" s="12"/>
    </row>
    <row r="111476" spans="8:8">
      <c r="H111476" s="12"/>
    </row>
    <row r="111477" spans="8:8">
      <c r="H111477" s="12"/>
    </row>
    <row r="111478" spans="8:8">
      <c r="H111478" s="12"/>
    </row>
    <row r="111479" spans="8:8">
      <c r="H111479" s="12"/>
    </row>
    <row r="111480" spans="8:8">
      <c r="H111480" s="12"/>
    </row>
    <row r="111481" spans="8:8">
      <c r="H111481" s="12"/>
    </row>
    <row r="111482" spans="8:8">
      <c r="H111482" s="12"/>
    </row>
    <row r="111483" spans="8:8">
      <c r="H111483" s="12"/>
    </row>
    <row r="111484" spans="8:8">
      <c r="H111484" s="12"/>
    </row>
    <row r="111485" spans="8:8">
      <c r="H111485" s="12"/>
    </row>
    <row r="111486" spans="8:8">
      <c r="H111486" s="12"/>
    </row>
    <row r="111487" spans="8:8">
      <c r="H111487" s="12"/>
    </row>
    <row r="111488" spans="8:8">
      <c r="H111488" s="12"/>
    </row>
    <row r="111489" spans="8:8">
      <c r="H111489" s="12"/>
    </row>
    <row r="111490" spans="8:8">
      <c r="H111490" s="12"/>
    </row>
    <row r="111491" spans="8:8">
      <c r="H111491" s="12"/>
    </row>
    <row r="111492" spans="8:8">
      <c r="H111492" s="12"/>
    </row>
    <row r="111493" spans="8:8">
      <c r="H111493" s="12"/>
    </row>
    <row r="111494" spans="8:8">
      <c r="H111494" s="12"/>
    </row>
    <row r="111495" spans="8:8">
      <c r="H111495" s="12"/>
    </row>
    <row r="111496" spans="8:8">
      <c r="H111496" s="12"/>
    </row>
    <row r="111497" spans="8:8">
      <c r="H111497" s="12"/>
    </row>
    <row r="111498" spans="8:8">
      <c r="H111498" s="12"/>
    </row>
    <row r="111499" spans="8:8">
      <c r="H111499" s="12"/>
    </row>
    <row r="111500" spans="8:8">
      <c r="H111500" s="12"/>
    </row>
    <row r="111501" spans="8:8">
      <c r="H111501" s="12"/>
    </row>
    <row r="111502" spans="8:8">
      <c r="H111502" s="12"/>
    </row>
    <row r="111503" spans="8:8">
      <c r="H111503" s="12"/>
    </row>
    <row r="111504" spans="8:8">
      <c r="H111504" s="12"/>
    </row>
    <row r="111505" spans="8:8">
      <c r="H111505" s="12"/>
    </row>
    <row r="111506" spans="8:8">
      <c r="H111506" s="12"/>
    </row>
    <row r="111507" spans="8:8">
      <c r="H111507" s="12"/>
    </row>
    <row r="111508" spans="8:8">
      <c r="H111508" s="12"/>
    </row>
    <row r="111509" spans="8:8">
      <c r="H111509" s="12"/>
    </row>
    <row r="111510" spans="8:8">
      <c r="H111510" s="12"/>
    </row>
    <row r="111511" spans="8:8">
      <c r="H111511" s="12"/>
    </row>
    <row r="111512" spans="8:8">
      <c r="H111512" s="12"/>
    </row>
    <row r="111513" spans="8:8">
      <c r="H111513" s="12"/>
    </row>
    <row r="111514" spans="8:8">
      <c r="H111514" s="12"/>
    </row>
    <row r="111515" spans="8:8">
      <c r="H111515" s="12"/>
    </row>
    <row r="111516" spans="8:8">
      <c r="H111516" s="12"/>
    </row>
    <row r="111517" spans="8:8">
      <c r="H111517" s="12"/>
    </row>
    <row r="111518" spans="8:8">
      <c r="H111518" s="12"/>
    </row>
    <row r="111519" spans="8:8">
      <c r="H111519" s="12"/>
    </row>
    <row r="111520" spans="8:8">
      <c r="H111520" s="12"/>
    </row>
    <row r="111521" spans="8:8">
      <c r="H111521" s="12"/>
    </row>
    <row r="111522" spans="8:8">
      <c r="H111522" s="12"/>
    </row>
    <row r="111523" spans="8:8">
      <c r="H111523" s="12"/>
    </row>
    <row r="111524" spans="8:8">
      <c r="H111524" s="12"/>
    </row>
    <row r="111525" spans="8:8">
      <c r="H111525" s="12"/>
    </row>
    <row r="111526" spans="8:8">
      <c r="H111526" s="12"/>
    </row>
    <row r="111527" spans="8:8">
      <c r="H111527" s="12"/>
    </row>
    <row r="111528" spans="8:8">
      <c r="H111528" s="12"/>
    </row>
    <row r="111529" spans="8:8">
      <c r="H111529" s="12"/>
    </row>
    <row r="111530" spans="8:8">
      <c r="H111530" s="12"/>
    </row>
    <row r="111531" spans="8:8">
      <c r="H111531" s="12"/>
    </row>
    <row r="111532" spans="8:8">
      <c r="H111532" s="12"/>
    </row>
    <row r="111533" spans="8:8">
      <c r="H111533" s="12"/>
    </row>
    <row r="111534" spans="8:8">
      <c r="H111534" s="12"/>
    </row>
    <row r="111535" spans="8:8">
      <c r="H111535" s="12"/>
    </row>
    <row r="111536" spans="8:8">
      <c r="H111536" s="12"/>
    </row>
    <row r="111537" spans="8:8">
      <c r="H111537" s="12"/>
    </row>
    <row r="111538" spans="8:8">
      <c r="H111538" s="12"/>
    </row>
    <row r="111539" spans="8:8">
      <c r="H111539" s="12"/>
    </row>
    <row r="111540" spans="8:8">
      <c r="H111540" s="12"/>
    </row>
    <row r="111541" spans="8:8">
      <c r="H111541" s="12"/>
    </row>
    <row r="111542" spans="8:8">
      <c r="H111542" s="12"/>
    </row>
    <row r="111543" spans="8:8">
      <c r="H111543" s="12"/>
    </row>
    <row r="111544" spans="8:8">
      <c r="H111544" s="12"/>
    </row>
    <row r="111545" spans="8:8">
      <c r="H111545" s="12"/>
    </row>
    <row r="111546" spans="8:8">
      <c r="H111546" s="12"/>
    </row>
    <row r="111547" spans="8:8">
      <c r="H111547" s="12"/>
    </row>
    <row r="111548" spans="8:8">
      <c r="H111548" s="12"/>
    </row>
    <row r="111549" spans="8:8">
      <c r="H111549" s="12"/>
    </row>
    <row r="111550" spans="8:8">
      <c r="H111550" s="12"/>
    </row>
    <row r="111551" spans="8:8">
      <c r="H111551" s="12"/>
    </row>
    <row r="111552" spans="8:8">
      <c r="H111552" s="12"/>
    </row>
    <row r="111553" spans="8:8">
      <c r="H111553" s="12"/>
    </row>
    <row r="111554" spans="8:8">
      <c r="H111554" s="12"/>
    </row>
    <row r="111555" spans="8:8">
      <c r="H111555" s="12"/>
    </row>
    <row r="111556" spans="8:8">
      <c r="H111556" s="12"/>
    </row>
    <row r="111557" spans="8:8">
      <c r="H111557" s="12"/>
    </row>
    <row r="111558" spans="8:8">
      <c r="H111558" s="12"/>
    </row>
    <row r="111559" spans="8:8">
      <c r="H111559" s="12"/>
    </row>
    <row r="111560" spans="8:8">
      <c r="H111560" s="12"/>
    </row>
    <row r="111561" spans="8:8">
      <c r="H111561" s="12"/>
    </row>
    <row r="111562" spans="8:8">
      <c r="H111562" s="12"/>
    </row>
    <row r="111563" spans="8:8">
      <c r="H111563" s="12"/>
    </row>
    <row r="111564" spans="8:8">
      <c r="H111564" s="12"/>
    </row>
    <row r="111565" spans="8:8">
      <c r="H111565" s="12"/>
    </row>
    <row r="111566" spans="8:8">
      <c r="H111566" s="12"/>
    </row>
    <row r="111567" spans="8:8">
      <c r="H111567" s="12"/>
    </row>
    <row r="111568" spans="8:8">
      <c r="H111568" s="12"/>
    </row>
    <row r="111569" spans="8:8">
      <c r="H111569" s="12"/>
    </row>
    <row r="111570" spans="8:8">
      <c r="H111570" s="12"/>
    </row>
    <row r="111571" spans="8:8">
      <c r="H111571" s="12"/>
    </row>
    <row r="111572" spans="8:8">
      <c r="H111572" s="12"/>
    </row>
    <row r="111573" spans="8:8">
      <c r="H111573" s="12"/>
    </row>
    <row r="111574" spans="8:8">
      <c r="H111574" s="12"/>
    </row>
    <row r="111575" spans="8:8">
      <c r="H111575" s="12"/>
    </row>
    <row r="111576" spans="8:8">
      <c r="H111576" s="12"/>
    </row>
    <row r="111577" spans="8:8">
      <c r="H111577" s="12"/>
    </row>
    <row r="111578" spans="8:8">
      <c r="H111578" s="12"/>
    </row>
    <row r="111579" spans="8:8">
      <c r="H111579" s="12"/>
    </row>
    <row r="111580" spans="8:8">
      <c r="H111580" s="12"/>
    </row>
    <row r="111581" spans="8:8">
      <c r="H111581" s="12"/>
    </row>
    <row r="111582" spans="8:8">
      <c r="H111582" s="12"/>
    </row>
    <row r="111583" spans="8:8">
      <c r="H111583" s="12"/>
    </row>
    <row r="111584" spans="8:8">
      <c r="H111584" s="12"/>
    </row>
    <row r="111585" spans="8:8">
      <c r="H111585" s="12"/>
    </row>
    <row r="111586" spans="8:8">
      <c r="H111586" s="12"/>
    </row>
    <row r="111587" spans="8:8">
      <c r="H111587" s="12"/>
    </row>
    <row r="111588" spans="8:8">
      <c r="H111588" s="12"/>
    </row>
    <row r="111589" spans="8:8">
      <c r="H111589" s="12"/>
    </row>
    <row r="111590" spans="8:8">
      <c r="H111590" s="12"/>
    </row>
    <row r="111591" spans="8:8">
      <c r="H111591" s="12"/>
    </row>
    <row r="111592" spans="8:8">
      <c r="H111592" s="12"/>
    </row>
    <row r="111593" spans="8:8">
      <c r="H111593" s="12"/>
    </row>
    <row r="111594" spans="8:8">
      <c r="H111594" s="12"/>
    </row>
    <row r="111595" spans="8:8">
      <c r="H111595" s="12"/>
    </row>
    <row r="111596" spans="8:8">
      <c r="H111596" s="12"/>
    </row>
    <row r="111597" spans="8:8">
      <c r="H111597" s="12"/>
    </row>
    <row r="111598" spans="8:8">
      <c r="H111598" s="12"/>
    </row>
    <row r="111599" spans="8:8">
      <c r="H111599" s="12"/>
    </row>
    <row r="111600" spans="8:8">
      <c r="H111600" s="12"/>
    </row>
    <row r="111601" spans="8:8">
      <c r="H111601" s="12"/>
    </row>
    <row r="111602" spans="8:8">
      <c r="H111602" s="12"/>
    </row>
    <row r="111603" spans="8:8">
      <c r="H111603" s="12"/>
    </row>
    <row r="111604" spans="8:8">
      <c r="H111604" s="12"/>
    </row>
    <row r="111605" spans="8:8">
      <c r="H111605" s="12"/>
    </row>
    <row r="111606" spans="8:8">
      <c r="H111606" s="12"/>
    </row>
    <row r="111607" spans="8:8">
      <c r="H111607" s="12"/>
    </row>
    <row r="111608" spans="8:8">
      <c r="H111608" s="12"/>
    </row>
    <row r="111609" spans="8:8">
      <c r="H111609" s="12"/>
    </row>
    <row r="111610" spans="8:8">
      <c r="H111610" s="12"/>
    </row>
    <row r="111611" spans="8:8">
      <c r="H111611" s="12"/>
    </row>
    <row r="111612" spans="8:8">
      <c r="H111612" s="12"/>
    </row>
    <row r="111613" spans="8:8">
      <c r="H111613" s="12"/>
    </row>
    <row r="111614" spans="8:8">
      <c r="H111614" s="12"/>
    </row>
    <row r="111615" spans="8:8">
      <c r="H111615" s="12"/>
    </row>
    <row r="111616" spans="8:8">
      <c r="H111616" s="12"/>
    </row>
    <row r="111617" spans="8:8">
      <c r="H111617" s="12"/>
    </row>
    <row r="111618" spans="8:8">
      <c r="H111618" s="12"/>
    </row>
    <row r="111619" spans="8:8">
      <c r="H111619" s="12"/>
    </row>
    <row r="111620" spans="8:8">
      <c r="H111620" s="12"/>
    </row>
    <row r="111621" spans="8:8">
      <c r="H111621" s="12"/>
    </row>
    <row r="111622" spans="8:8">
      <c r="H111622" s="12"/>
    </row>
    <row r="111623" spans="8:8">
      <c r="H111623" s="12"/>
    </row>
    <row r="111624" spans="8:8">
      <c r="H111624" s="12"/>
    </row>
    <row r="111625" spans="8:8">
      <c r="H111625" s="12"/>
    </row>
    <row r="111626" spans="8:8">
      <c r="H111626" s="12"/>
    </row>
    <row r="111627" spans="8:8">
      <c r="H111627" s="12"/>
    </row>
    <row r="111628" spans="8:8">
      <c r="H111628" s="12"/>
    </row>
    <row r="111629" spans="8:8">
      <c r="H111629" s="12"/>
    </row>
    <row r="111630" spans="8:8">
      <c r="H111630" s="12"/>
    </row>
    <row r="111631" spans="8:8">
      <c r="H111631" s="12"/>
    </row>
    <row r="111632" spans="8:8">
      <c r="H111632" s="12"/>
    </row>
    <row r="111633" spans="8:8">
      <c r="H111633" s="12"/>
    </row>
    <row r="111634" spans="8:8">
      <c r="H111634" s="12"/>
    </row>
    <row r="111635" spans="8:8">
      <c r="H111635" s="12"/>
    </row>
    <row r="111636" spans="8:8">
      <c r="H111636" s="12"/>
    </row>
    <row r="111637" spans="8:8">
      <c r="H111637" s="12"/>
    </row>
    <row r="111638" spans="8:8">
      <c r="H111638" s="12"/>
    </row>
    <row r="111639" spans="8:8">
      <c r="H111639" s="12"/>
    </row>
    <row r="111640" spans="8:8">
      <c r="H111640" s="12"/>
    </row>
    <row r="111641" spans="8:8">
      <c r="H111641" s="12"/>
    </row>
    <row r="111642" spans="8:8">
      <c r="H111642" s="12"/>
    </row>
    <row r="111643" spans="8:8">
      <c r="H111643" s="12"/>
    </row>
    <row r="111644" spans="8:8">
      <c r="H111644" s="12"/>
    </row>
    <row r="111645" spans="8:8">
      <c r="H111645" s="12"/>
    </row>
    <row r="111646" spans="8:8">
      <c r="H111646" s="12"/>
    </row>
    <row r="111647" spans="8:8">
      <c r="H111647" s="12"/>
    </row>
    <row r="111648" spans="8:8">
      <c r="H111648" s="12"/>
    </row>
    <row r="111649" spans="8:8">
      <c r="H111649" s="12"/>
    </row>
    <row r="111650" spans="8:8">
      <c r="H111650" s="12"/>
    </row>
    <row r="111651" spans="8:8">
      <c r="H111651" s="12"/>
    </row>
    <row r="111652" spans="8:8">
      <c r="H111652" s="12"/>
    </row>
    <row r="111653" spans="8:8">
      <c r="H111653" s="12"/>
    </row>
    <row r="111654" spans="8:8">
      <c r="H111654" s="12"/>
    </row>
    <row r="111655" spans="8:8">
      <c r="H111655" s="12"/>
    </row>
    <row r="111656" spans="8:8">
      <c r="H111656" s="12"/>
    </row>
    <row r="111657" spans="8:8">
      <c r="H111657" s="12"/>
    </row>
    <row r="111658" spans="8:8">
      <c r="H111658" s="12"/>
    </row>
    <row r="111659" spans="8:8">
      <c r="H111659" s="12"/>
    </row>
    <row r="111660" spans="8:8">
      <c r="H111660" s="12"/>
    </row>
    <row r="111661" spans="8:8">
      <c r="H111661" s="12"/>
    </row>
    <row r="111662" spans="8:8">
      <c r="H111662" s="12"/>
    </row>
    <row r="111663" spans="8:8">
      <c r="H111663" s="12"/>
    </row>
    <row r="111664" spans="8:8">
      <c r="H111664" s="12"/>
    </row>
    <row r="111665" spans="8:8">
      <c r="H111665" s="12"/>
    </row>
    <row r="111666" spans="8:8">
      <c r="H111666" s="12"/>
    </row>
    <row r="111667" spans="8:8">
      <c r="H111667" s="12"/>
    </row>
    <row r="111668" spans="8:8">
      <c r="H111668" s="12"/>
    </row>
    <row r="111669" spans="8:8">
      <c r="H111669" s="12"/>
    </row>
    <row r="111670" spans="8:8">
      <c r="H111670" s="12"/>
    </row>
    <row r="111671" spans="8:8">
      <c r="H111671" s="12"/>
    </row>
    <row r="111672" spans="8:8">
      <c r="H111672" s="12"/>
    </row>
    <row r="111673" spans="8:8">
      <c r="H111673" s="12"/>
    </row>
    <row r="111674" spans="8:8">
      <c r="H111674" s="12"/>
    </row>
    <row r="111675" spans="8:8">
      <c r="H111675" s="12"/>
    </row>
    <row r="111676" spans="8:8">
      <c r="H111676" s="12"/>
    </row>
    <row r="111677" spans="8:8">
      <c r="H111677" s="12"/>
    </row>
    <row r="111678" spans="8:8">
      <c r="H111678" s="12"/>
    </row>
    <row r="111679" spans="8:8">
      <c r="H111679" s="12"/>
    </row>
    <row r="111680" spans="8:8">
      <c r="H111680" s="12"/>
    </row>
    <row r="111681" spans="8:8">
      <c r="H111681" s="12"/>
    </row>
    <row r="111682" spans="8:8">
      <c r="H111682" s="12"/>
    </row>
    <row r="111683" spans="8:8">
      <c r="H111683" s="12"/>
    </row>
    <row r="111684" spans="8:8">
      <c r="H111684" s="12"/>
    </row>
    <row r="111685" spans="8:8">
      <c r="H111685" s="12"/>
    </row>
    <row r="111686" spans="8:8">
      <c r="H111686" s="12"/>
    </row>
    <row r="111687" spans="8:8">
      <c r="H111687" s="12"/>
    </row>
    <row r="111688" spans="8:8">
      <c r="H111688" s="12"/>
    </row>
    <row r="111689" spans="8:8">
      <c r="H111689" s="12"/>
    </row>
    <row r="111690" spans="8:8">
      <c r="H111690" s="12"/>
    </row>
    <row r="111691" spans="8:8">
      <c r="H111691" s="12"/>
    </row>
    <row r="111692" spans="8:8">
      <c r="H111692" s="12"/>
    </row>
    <row r="111693" spans="8:8">
      <c r="H111693" s="12"/>
    </row>
    <row r="111694" spans="8:8">
      <c r="H111694" s="12"/>
    </row>
    <row r="111695" spans="8:8">
      <c r="H111695" s="12"/>
    </row>
    <row r="111696" spans="8:8">
      <c r="H111696" s="12"/>
    </row>
    <row r="111697" spans="8:8">
      <c r="H111697" s="12"/>
    </row>
    <row r="111698" spans="8:8">
      <c r="H111698" s="12"/>
    </row>
    <row r="111699" spans="8:8">
      <c r="H111699" s="12"/>
    </row>
    <row r="111700" spans="8:8">
      <c r="H111700" s="12"/>
    </row>
    <row r="111701" spans="8:8">
      <c r="H111701" s="12"/>
    </row>
    <row r="111702" spans="8:8">
      <c r="H111702" s="12"/>
    </row>
    <row r="111703" spans="8:8">
      <c r="H111703" s="12"/>
    </row>
    <row r="111704" spans="8:8">
      <c r="H111704" s="12"/>
    </row>
    <row r="111705" spans="8:8">
      <c r="H111705" s="12"/>
    </row>
    <row r="111706" spans="8:8">
      <c r="H111706" s="12"/>
    </row>
    <row r="111707" spans="8:8">
      <c r="H111707" s="12"/>
    </row>
    <row r="111708" spans="8:8">
      <c r="H111708" s="12"/>
    </row>
    <row r="111709" spans="8:8">
      <c r="H111709" s="12"/>
    </row>
    <row r="111710" spans="8:8">
      <c r="H111710" s="12"/>
    </row>
    <row r="111711" spans="8:8">
      <c r="H111711" s="12"/>
    </row>
    <row r="111712" spans="8:8">
      <c r="H111712" s="12"/>
    </row>
    <row r="111713" spans="8:8">
      <c r="H111713" s="12"/>
    </row>
    <row r="111714" spans="8:8">
      <c r="H111714" s="12"/>
    </row>
    <row r="111715" spans="8:8">
      <c r="H111715" s="12"/>
    </row>
    <row r="111716" spans="8:8">
      <c r="H111716" s="12"/>
    </row>
    <row r="111717" spans="8:8">
      <c r="H111717" s="12"/>
    </row>
    <row r="111718" spans="8:8">
      <c r="H111718" s="12"/>
    </row>
    <row r="111719" spans="8:8">
      <c r="H111719" s="12"/>
    </row>
    <row r="111720" spans="8:8">
      <c r="H111720" s="12"/>
    </row>
    <row r="111721" spans="8:8">
      <c r="H111721" s="12"/>
    </row>
    <row r="111722" spans="8:8">
      <c r="H111722" s="12"/>
    </row>
    <row r="111723" spans="8:8">
      <c r="H111723" s="12"/>
    </row>
    <row r="111724" spans="8:8">
      <c r="H111724" s="12"/>
    </row>
    <row r="111725" spans="8:8">
      <c r="H111725" s="12"/>
    </row>
    <row r="111726" spans="8:8">
      <c r="H111726" s="12"/>
    </row>
    <row r="111727" spans="8:8">
      <c r="H111727" s="12"/>
    </row>
    <row r="111728" spans="8:8">
      <c r="H111728" s="12"/>
    </row>
    <row r="111729" spans="8:8">
      <c r="H111729" s="12"/>
    </row>
    <row r="111730" spans="8:8">
      <c r="H111730" s="12"/>
    </row>
    <row r="111731" spans="8:8">
      <c r="H111731" s="12"/>
    </row>
    <row r="111732" spans="8:8">
      <c r="H111732" s="12"/>
    </row>
    <row r="111733" spans="8:8">
      <c r="H111733" s="12"/>
    </row>
    <row r="111734" spans="8:8">
      <c r="H111734" s="12"/>
    </row>
    <row r="111735" spans="8:8">
      <c r="H111735" s="12"/>
    </row>
    <row r="111736" spans="8:8">
      <c r="H111736" s="12"/>
    </row>
    <row r="111737" spans="8:8">
      <c r="H111737" s="12"/>
    </row>
    <row r="111738" spans="8:8">
      <c r="H111738" s="12"/>
    </row>
    <row r="111739" spans="8:8">
      <c r="H111739" s="12"/>
    </row>
    <row r="111740" spans="8:8">
      <c r="H111740" s="12"/>
    </row>
    <row r="111741" spans="8:8">
      <c r="H111741" s="12"/>
    </row>
    <row r="111742" spans="8:8">
      <c r="H111742" s="12"/>
    </row>
    <row r="111743" spans="8:8">
      <c r="H111743" s="12"/>
    </row>
    <row r="111744" spans="8:8">
      <c r="H111744" s="12"/>
    </row>
    <row r="111745" spans="8:8">
      <c r="H111745" s="12"/>
    </row>
    <row r="111746" spans="8:8">
      <c r="H111746" s="12"/>
    </row>
    <row r="111747" spans="8:8">
      <c r="H111747" s="12"/>
    </row>
    <row r="111748" spans="8:8">
      <c r="H111748" s="12"/>
    </row>
    <row r="111749" spans="8:8">
      <c r="H111749" s="12"/>
    </row>
    <row r="111750" spans="8:8">
      <c r="H111750" s="12"/>
    </row>
    <row r="111751" spans="8:8">
      <c r="H111751" s="12"/>
    </row>
    <row r="111752" spans="8:8">
      <c r="H111752" s="12"/>
    </row>
    <row r="111753" spans="8:8">
      <c r="H111753" s="12"/>
    </row>
    <row r="111754" spans="8:8">
      <c r="H111754" s="12"/>
    </row>
    <row r="111755" spans="8:8">
      <c r="H111755" s="12"/>
    </row>
    <row r="111756" spans="8:8">
      <c r="H111756" s="12"/>
    </row>
    <row r="111757" spans="8:8">
      <c r="H111757" s="12"/>
    </row>
    <row r="111758" spans="8:8">
      <c r="H111758" s="12"/>
    </row>
    <row r="111759" spans="8:8">
      <c r="H111759" s="12"/>
    </row>
    <row r="111760" spans="8:8">
      <c r="H111760" s="12"/>
    </row>
    <row r="111761" spans="8:8">
      <c r="H111761" s="12"/>
    </row>
    <row r="111762" spans="8:8">
      <c r="H111762" s="12"/>
    </row>
    <row r="111763" spans="8:8">
      <c r="H111763" s="12"/>
    </row>
    <row r="111764" spans="8:8">
      <c r="H111764" s="12"/>
    </row>
    <row r="111765" spans="8:8">
      <c r="H111765" s="12"/>
    </row>
    <row r="111766" spans="8:8">
      <c r="H111766" s="12"/>
    </row>
    <row r="111767" spans="8:8">
      <c r="H111767" s="12"/>
    </row>
    <row r="111768" spans="8:8">
      <c r="H111768" s="12"/>
    </row>
    <row r="111769" spans="8:8">
      <c r="H111769" s="12"/>
    </row>
    <row r="111770" spans="8:8">
      <c r="H111770" s="12"/>
    </row>
    <row r="111771" spans="8:8">
      <c r="H111771" s="12"/>
    </row>
    <row r="111772" spans="8:8">
      <c r="H111772" s="12"/>
    </row>
    <row r="111773" spans="8:8">
      <c r="H111773" s="12"/>
    </row>
    <row r="111774" spans="8:8">
      <c r="H111774" s="12"/>
    </row>
    <row r="111775" spans="8:8">
      <c r="H111775" s="12"/>
    </row>
    <row r="111776" spans="8:8">
      <c r="H111776" s="12"/>
    </row>
    <row r="111777" spans="8:8">
      <c r="H111777" s="12"/>
    </row>
    <row r="111778" spans="8:8">
      <c r="H111778" s="12"/>
    </row>
    <row r="111779" spans="8:8">
      <c r="H111779" s="12"/>
    </row>
    <row r="111780" spans="8:8">
      <c r="H111780" s="12"/>
    </row>
    <row r="111781" spans="8:8">
      <c r="H111781" s="12"/>
    </row>
    <row r="111782" spans="8:8">
      <c r="H111782" s="12"/>
    </row>
    <row r="111783" spans="8:8">
      <c r="H111783" s="12"/>
    </row>
    <row r="111784" spans="8:8">
      <c r="H111784" s="12"/>
    </row>
    <row r="111785" spans="8:8">
      <c r="H111785" s="12"/>
    </row>
    <row r="111786" spans="8:8">
      <c r="H111786" s="12"/>
    </row>
    <row r="111787" spans="8:8">
      <c r="H111787" s="12"/>
    </row>
    <row r="111788" spans="8:8">
      <c r="H111788" s="12"/>
    </row>
    <row r="111789" spans="8:8">
      <c r="H111789" s="12"/>
    </row>
    <row r="111790" spans="8:8">
      <c r="H111790" s="12"/>
    </row>
    <row r="111791" spans="8:8">
      <c r="H111791" s="12"/>
    </row>
    <row r="111792" spans="8:8">
      <c r="H111792" s="12"/>
    </row>
    <row r="111793" spans="8:8">
      <c r="H111793" s="12"/>
    </row>
    <row r="111794" spans="8:8">
      <c r="H111794" s="12"/>
    </row>
    <row r="111795" spans="8:8">
      <c r="H111795" s="12"/>
    </row>
    <row r="111796" spans="8:8">
      <c r="H111796" s="12"/>
    </row>
    <row r="111797" spans="8:8">
      <c r="H111797" s="12"/>
    </row>
    <row r="111798" spans="8:8">
      <c r="H111798" s="12"/>
    </row>
    <row r="111799" spans="8:8">
      <c r="H111799" s="12"/>
    </row>
    <row r="111800" spans="8:8">
      <c r="H111800" s="12"/>
    </row>
    <row r="111801" spans="8:8">
      <c r="H111801" s="12"/>
    </row>
    <row r="111802" spans="8:8">
      <c r="H111802" s="12"/>
    </row>
    <row r="111803" spans="8:8">
      <c r="H111803" s="12"/>
    </row>
    <row r="111804" spans="8:8">
      <c r="H111804" s="12"/>
    </row>
    <row r="111805" spans="8:8">
      <c r="H111805" s="12"/>
    </row>
    <row r="111806" spans="8:8">
      <c r="H111806" s="12"/>
    </row>
    <row r="111807" spans="8:8">
      <c r="H111807" s="12"/>
    </row>
    <row r="111808" spans="8:8">
      <c r="H111808" s="12"/>
    </row>
    <row r="111809" spans="8:8">
      <c r="H111809" s="12"/>
    </row>
    <row r="111810" spans="8:8">
      <c r="H111810" s="12"/>
    </row>
    <row r="111811" spans="8:8">
      <c r="H111811" s="12"/>
    </row>
    <row r="111812" spans="8:8">
      <c r="H111812" s="12"/>
    </row>
    <row r="111813" spans="8:8">
      <c r="H111813" s="12"/>
    </row>
    <row r="111814" spans="8:8">
      <c r="H111814" s="12"/>
    </row>
    <row r="111815" spans="8:8">
      <c r="H111815" s="12"/>
    </row>
    <row r="111816" spans="8:8">
      <c r="H111816" s="12"/>
    </row>
    <row r="111817" spans="8:8">
      <c r="H111817" s="12"/>
    </row>
    <row r="111818" spans="8:8">
      <c r="H111818" s="12"/>
    </row>
    <row r="111819" spans="8:8">
      <c r="H111819" s="12"/>
    </row>
    <row r="111820" spans="8:8">
      <c r="H111820" s="12"/>
    </row>
    <row r="111821" spans="8:8">
      <c r="H111821" s="12"/>
    </row>
    <row r="111822" spans="8:8">
      <c r="H111822" s="12"/>
    </row>
    <row r="111823" spans="8:8">
      <c r="H111823" s="12"/>
    </row>
    <row r="111824" spans="8:8">
      <c r="H111824" s="12"/>
    </row>
    <row r="111825" spans="8:8">
      <c r="H111825" s="12"/>
    </row>
    <row r="111826" spans="8:8">
      <c r="H111826" s="12"/>
    </row>
    <row r="111827" spans="8:8">
      <c r="H111827" s="12"/>
    </row>
    <row r="111828" spans="8:8">
      <c r="H111828" s="12"/>
    </row>
    <row r="111829" spans="8:8">
      <c r="H111829" s="12"/>
    </row>
    <row r="111830" spans="8:8">
      <c r="H111830" s="12"/>
    </row>
    <row r="111831" spans="8:8">
      <c r="H111831" s="12"/>
    </row>
    <row r="111832" spans="8:8">
      <c r="H111832" s="12"/>
    </row>
    <row r="111833" spans="8:8">
      <c r="H111833" s="12"/>
    </row>
    <row r="111834" spans="8:8">
      <c r="H111834" s="12"/>
    </row>
    <row r="111835" spans="8:8">
      <c r="H111835" s="12"/>
    </row>
    <row r="111836" spans="8:8">
      <c r="H111836" s="12"/>
    </row>
    <row r="111837" spans="8:8">
      <c r="H111837" s="12"/>
    </row>
    <row r="111838" spans="8:8">
      <c r="H111838" s="12"/>
    </row>
    <row r="111839" spans="8:8">
      <c r="H111839" s="12"/>
    </row>
    <row r="111840" spans="8:8">
      <c r="H111840" s="12"/>
    </row>
    <row r="111841" spans="8:8">
      <c r="H111841" s="12"/>
    </row>
    <row r="111842" spans="8:8">
      <c r="H111842" s="12"/>
    </row>
    <row r="111843" spans="8:8">
      <c r="H111843" s="12"/>
    </row>
    <row r="111844" spans="8:8">
      <c r="H111844" s="12"/>
    </row>
    <row r="111845" spans="8:8">
      <c r="H111845" s="12"/>
    </row>
    <row r="111846" spans="8:8">
      <c r="H111846" s="12"/>
    </row>
    <row r="111847" spans="8:8">
      <c r="H111847" s="12"/>
    </row>
    <row r="111848" spans="8:8">
      <c r="H111848" s="12"/>
    </row>
    <row r="111849" spans="8:8">
      <c r="H111849" s="12"/>
    </row>
    <row r="111850" spans="8:8">
      <c r="H111850" s="12"/>
    </row>
    <row r="111851" spans="8:8">
      <c r="H111851" s="12"/>
    </row>
    <row r="111852" spans="8:8">
      <c r="H111852" s="12"/>
    </row>
    <row r="111853" spans="8:8">
      <c r="H111853" s="12"/>
    </row>
    <row r="111854" spans="8:8">
      <c r="H111854" s="12"/>
    </row>
    <row r="111855" spans="8:8">
      <c r="H111855" s="12"/>
    </row>
    <row r="111856" spans="8:8">
      <c r="H111856" s="12"/>
    </row>
    <row r="111857" spans="8:8">
      <c r="H111857" s="12"/>
    </row>
    <row r="111858" spans="8:8">
      <c r="H111858" s="12"/>
    </row>
    <row r="111859" spans="8:8">
      <c r="H111859" s="12"/>
    </row>
    <row r="111860" spans="8:8">
      <c r="H111860" s="12"/>
    </row>
    <row r="111861" spans="8:8">
      <c r="H111861" s="12"/>
    </row>
    <row r="111862" spans="8:8">
      <c r="H111862" s="12"/>
    </row>
    <row r="111863" spans="8:8">
      <c r="H111863" s="12"/>
    </row>
    <row r="111864" spans="8:8">
      <c r="H111864" s="12"/>
    </row>
    <row r="111865" spans="8:8">
      <c r="H111865" s="12"/>
    </row>
    <row r="111866" spans="8:8">
      <c r="H111866" s="12"/>
    </row>
    <row r="111867" spans="8:8">
      <c r="H111867" s="12"/>
    </row>
    <row r="111868" spans="8:8">
      <c r="H111868" s="12"/>
    </row>
    <row r="111869" spans="8:8">
      <c r="H111869" s="12"/>
    </row>
    <row r="111870" spans="8:8">
      <c r="H111870" s="12"/>
    </row>
    <row r="111871" spans="8:8">
      <c r="H111871" s="12"/>
    </row>
    <row r="111872" spans="8:8">
      <c r="H111872" s="12"/>
    </row>
    <row r="111873" spans="8:8">
      <c r="H111873" s="12"/>
    </row>
    <row r="111874" spans="8:8">
      <c r="H111874" s="12"/>
    </row>
    <row r="111875" spans="8:8">
      <c r="H111875" s="12"/>
    </row>
    <row r="111876" spans="8:8">
      <c r="H111876" s="12"/>
    </row>
    <row r="111877" spans="8:8">
      <c r="H111877" s="12"/>
    </row>
    <row r="111878" spans="8:8">
      <c r="H111878" s="12"/>
    </row>
    <row r="111879" spans="8:8">
      <c r="H111879" s="12"/>
    </row>
    <row r="111880" spans="8:8">
      <c r="H111880" s="12"/>
    </row>
    <row r="111881" spans="8:8">
      <c r="H111881" s="12"/>
    </row>
    <row r="111882" spans="8:8">
      <c r="H111882" s="12"/>
    </row>
    <row r="111883" spans="8:8">
      <c r="H111883" s="12"/>
    </row>
    <row r="111884" spans="8:8">
      <c r="H111884" s="12"/>
    </row>
    <row r="111885" spans="8:8">
      <c r="H111885" s="12"/>
    </row>
    <row r="111886" spans="8:8">
      <c r="H111886" s="12"/>
    </row>
    <row r="111887" spans="8:8">
      <c r="H111887" s="12"/>
    </row>
    <row r="111888" spans="8:8">
      <c r="H111888" s="12"/>
    </row>
    <row r="111889" spans="8:8">
      <c r="H111889" s="12"/>
    </row>
    <row r="111890" spans="8:8">
      <c r="H111890" s="12"/>
    </row>
    <row r="111891" spans="8:8">
      <c r="H111891" s="12"/>
    </row>
    <row r="111892" spans="8:8">
      <c r="H111892" s="12"/>
    </row>
    <row r="111893" spans="8:8">
      <c r="H111893" s="12"/>
    </row>
    <row r="111894" spans="8:8">
      <c r="H111894" s="12"/>
    </row>
    <row r="111895" spans="8:8">
      <c r="H111895" s="12"/>
    </row>
    <row r="111896" spans="8:8">
      <c r="H111896" s="12"/>
    </row>
    <row r="111897" spans="8:8">
      <c r="H111897" s="12"/>
    </row>
    <row r="111898" spans="8:8">
      <c r="H111898" s="12"/>
    </row>
    <row r="111899" spans="8:8">
      <c r="H111899" s="12"/>
    </row>
    <row r="111900" spans="8:8">
      <c r="H111900" s="12"/>
    </row>
    <row r="111901" spans="8:8">
      <c r="H111901" s="12"/>
    </row>
    <row r="111902" spans="8:8">
      <c r="H111902" s="12"/>
    </row>
    <row r="111903" spans="8:8">
      <c r="H111903" s="12"/>
    </row>
    <row r="111904" spans="8:8">
      <c r="H111904" s="12"/>
    </row>
    <row r="111905" spans="8:8">
      <c r="H111905" s="12"/>
    </row>
    <row r="111906" spans="8:8">
      <c r="H111906" s="12"/>
    </row>
    <row r="111907" spans="8:8">
      <c r="H111907" s="12"/>
    </row>
    <row r="111908" spans="8:8">
      <c r="H111908" s="12"/>
    </row>
    <row r="111909" spans="8:8">
      <c r="H111909" s="12"/>
    </row>
    <row r="111910" spans="8:8">
      <c r="H111910" s="12"/>
    </row>
    <row r="111911" spans="8:8">
      <c r="H111911" s="12"/>
    </row>
    <row r="111912" spans="8:8">
      <c r="H111912" s="12"/>
    </row>
    <row r="111913" spans="8:8">
      <c r="H111913" s="12"/>
    </row>
    <row r="111914" spans="8:8">
      <c r="H111914" s="12"/>
    </row>
    <row r="111915" spans="8:8">
      <c r="H111915" s="12"/>
    </row>
    <row r="111916" spans="8:8">
      <c r="H111916" s="12"/>
    </row>
    <row r="111917" spans="8:8">
      <c r="H111917" s="12"/>
    </row>
    <row r="111918" spans="8:8">
      <c r="H111918" s="12"/>
    </row>
    <row r="111919" spans="8:8">
      <c r="H111919" s="12"/>
    </row>
    <row r="111920" spans="8:8">
      <c r="H111920" s="12"/>
    </row>
    <row r="111921" spans="8:8">
      <c r="H111921" s="12"/>
    </row>
    <row r="111922" spans="8:8">
      <c r="H111922" s="12"/>
    </row>
    <row r="111923" spans="8:8">
      <c r="H111923" s="12"/>
    </row>
    <row r="111924" spans="8:8">
      <c r="H111924" s="12"/>
    </row>
    <row r="111925" spans="8:8">
      <c r="H111925" s="12"/>
    </row>
    <row r="111926" spans="8:8">
      <c r="H111926" s="12"/>
    </row>
    <row r="111927" spans="8:8">
      <c r="H111927" s="12"/>
    </row>
    <row r="111928" spans="8:8">
      <c r="H111928" s="12"/>
    </row>
    <row r="111929" spans="8:8">
      <c r="H111929" s="12"/>
    </row>
    <row r="111930" spans="8:8">
      <c r="H111930" s="12"/>
    </row>
    <row r="111931" spans="8:8">
      <c r="H111931" s="12"/>
    </row>
    <row r="111932" spans="8:8">
      <c r="H111932" s="12"/>
    </row>
    <row r="111933" spans="8:8">
      <c r="H111933" s="12"/>
    </row>
    <row r="111934" spans="8:8">
      <c r="H111934" s="12"/>
    </row>
    <row r="111935" spans="8:8">
      <c r="H111935" s="12"/>
    </row>
    <row r="111936" spans="8:8">
      <c r="H111936" s="12"/>
    </row>
    <row r="111937" spans="8:8">
      <c r="H111937" s="12"/>
    </row>
    <row r="111938" spans="8:8">
      <c r="H111938" s="12"/>
    </row>
    <row r="111939" spans="8:8">
      <c r="H111939" s="12"/>
    </row>
    <row r="111940" spans="8:8">
      <c r="H111940" s="12"/>
    </row>
    <row r="111941" spans="8:8">
      <c r="H111941" s="12"/>
    </row>
    <row r="111942" spans="8:8">
      <c r="H111942" s="12"/>
    </row>
    <row r="111943" spans="8:8">
      <c r="H111943" s="12"/>
    </row>
    <row r="111944" spans="8:8">
      <c r="H111944" s="12"/>
    </row>
    <row r="111945" spans="8:8">
      <c r="H111945" s="12"/>
    </row>
    <row r="111946" spans="8:8">
      <c r="H111946" s="12"/>
    </row>
    <row r="111947" spans="8:8">
      <c r="H111947" s="12"/>
    </row>
    <row r="111948" spans="8:8">
      <c r="H111948" s="12"/>
    </row>
    <row r="111949" spans="8:8">
      <c r="H111949" s="12"/>
    </row>
    <row r="111950" spans="8:8">
      <c r="H111950" s="12"/>
    </row>
    <row r="111951" spans="8:8">
      <c r="H111951" s="12"/>
    </row>
    <row r="111952" spans="8:8">
      <c r="H111952" s="12"/>
    </row>
    <row r="111953" spans="8:8">
      <c r="H111953" s="12"/>
    </row>
    <row r="111954" spans="8:8">
      <c r="H111954" s="12"/>
    </row>
    <row r="111955" spans="8:8">
      <c r="H111955" s="12"/>
    </row>
    <row r="111956" spans="8:8">
      <c r="H111956" s="12"/>
    </row>
    <row r="111957" spans="8:8">
      <c r="H111957" s="12"/>
    </row>
    <row r="111958" spans="8:8">
      <c r="H111958" s="12"/>
    </row>
    <row r="111959" spans="8:8">
      <c r="H111959" s="12"/>
    </row>
    <row r="111960" spans="8:8">
      <c r="H111960" s="12"/>
    </row>
    <row r="111961" spans="8:8">
      <c r="H111961" s="12"/>
    </row>
    <row r="111962" spans="8:8">
      <c r="H111962" s="12"/>
    </row>
    <row r="111963" spans="8:8">
      <c r="H111963" s="12"/>
    </row>
    <row r="111964" spans="8:8">
      <c r="H111964" s="12"/>
    </row>
    <row r="111965" spans="8:8">
      <c r="H111965" s="12"/>
    </row>
    <row r="111966" spans="8:8">
      <c r="H111966" s="12"/>
    </row>
    <row r="111967" spans="8:8">
      <c r="H111967" s="12"/>
    </row>
    <row r="111968" spans="8:8">
      <c r="H111968" s="12"/>
    </row>
    <row r="111969" spans="8:8">
      <c r="H111969" s="12"/>
    </row>
    <row r="111970" spans="8:8">
      <c r="H111970" s="12"/>
    </row>
    <row r="111971" spans="8:8">
      <c r="H111971" s="12"/>
    </row>
    <row r="111972" spans="8:8">
      <c r="H111972" s="12"/>
    </row>
    <row r="111973" spans="8:8">
      <c r="H111973" s="12"/>
    </row>
    <row r="111974" spans="8:8">
      <c r="H111974" s="12"/>
    </row>
    <row r="111975" spans="8:8">
      <c r="H111975" s="12"/>
    </row>
    <row r="111976" spans="8:8">
      <c r="H111976" s="12"/>
    </row>
    <row r="111977" spans="8:8">
      <c r="H111977" s="12"/>
    </row>
    <row r="111978" spans="8:8">
      <c r="H111978" s="12"/>
    </row>
    <row r="111979" spans="8:8">
      <c r="H111979" s="12"/>
    </row>
    <row r="111980" spans="8:8">
      <c r="H111980" s="12"/>
    </row>
    <row r="111981" spans="8:8">
      <c r="H111981" s="12"/>
    </row>
    <row r="111982" spans="8:8">
      <c r="H111982" s="12"/>
    </row>
    <row r="111983" spans="8:8">
      <c r="H111983" s="12"/>
    </row>
    <row r="111984" spans="8:8">
      <c r="H111984" s="12"/>
    </row>
    <row r="111985" spans="8:8">
      <c r="H111985" s="12"/>
    </row>
    <row r="111986" spans="8:8">
      <c r="H111986" s="12"/>
    </row>
    <row r="111987" spans="8:8">
      <c r="H111987" s="12"/>
    </row>
    <row r="111988" spans="8:8">
      <c r="H111988" s="12"/>
    </row>
    <row r="111989" spans="8:8">
      <c r="H111989" s="12"/>
    </row>
    <row r="111990" spans="8:8">
      <c r="H111990" s="12"/>
    </row>
    <row r="111991" spans="8:8">
      <c r="H111991" s="12"/>
    </row>
    <row r="111992" spans="8:8">
      <c r="H111992" s="12"/>
    </row>
    <row r="111993" spans="8:8">
      <c r="H111993" s="12"/>
    </row>
    <row r="111994" spans="8:8">
      <c r="H111994" s="12"/>
    </row>
    <row r="111995" spans="8:8">
      <c r="H111995" s="12"/>
    </row>
    <row r="111996" spans="8:8">
      <c r="H111996" s="12"/>
    </row>
    <row r="111997" spans="8:8">
      <c r="H111997" s="12"/>
    </row>
    <row r="111998" spans="8:8">
      <c r="H111998" s="12"/>
    </row>
    <row r="111999" spans="8:8">
      <c r="H111999" s="12"/>
    </row>
    <row r="112000" spans="8:8">
      <c r="H112000" s="12"/>
    </row>
    <row r="112001" spans="8:8">
      <c r="H112001" s="12"/>
    </row>
    <row r="112002" spans="8:8">
      <c r="H112002" s="12"/>
    </row>
    <row r="112003" spans="8:8">
      <c r="H112003" s="12"/>
    </row>
    <row r="112004" spans="8:8">
      <c r="H112004" s="12"/>
    </row>
    <row r="112005" spans="8:8">
      <c r="H112005" s="12"/>
    </row>
    <row r="112006" spans="8:8">
      <c r="H112006" s="12"/>
    </row>
    <row r="112007" spans="8:8">
      <c r="H112007" s="12"/>
    </row>
    <row r="112008" spans="8:8">
      <c r="H112008" s="12"/>
    </row>
    <row r="112009" spans="8:8">
      <c r="H112009" s="12"/>
    </row>
    <row r="112010" spans="8:8">
      <c r="H112010" s="12"/>
    </row>
    <row r="112011" spans="8:8">
      <c r="H112011" s="12"/>
    </row>
    <row r="112012" spans="8:8">
      <c r="H112012" s="12"/>
    </row>
    <row r="112013" spans="8:8">
      <c r="H112013" s="12"/>
    </row>
    <row r="112014" spans="8:8">
      <c r="H112014" s="12"/>
    </row>
    <row r="112015" spans="8:8">
      <c r="H112015" s="12"/>
    </row>
    <row r="112016" spans="8:8">
      <c r="H112016" s="12"/>
    </row>
    <row r="112017" spans="8:8">
      <c r="H112017" s="12"/>
    </row>
    <row r="112018" spans="8:8">
      <c r="H112018" s="12"/>
    </row>
    <row r="112019" spans="8:8">
      <c r="H112019" s="12"/>
    </row>
    <row r="112020" spans="8:8">
      <c r="H112020" s="12"/>
    </row>
    <row r="112021" spans="8:8">
      <c r="H112021" s="12"/>
    </row>
    <row r="112022" spans="8:8">
      <c r="H112022" s="12"/>
    </row>
    <row r="112023" spans="8:8">
      <c r="H112023" s="12"/>
    </row>
    <row r="112024" spans="8:8">
      <c r="H112024" s="12"/>
    </row>
    <row r="112025" spans="8:8">
      <c r="H112025" s="12"/>
    </row>
    <row r="112026" spans="8:8">
      <c r="H112026" s="12"/>
    </row>
    <row r="112027" spans="8:8">
      <c r="H112027" s="12"/>
    </row>
    <row r="112028" spans="8:8">
      <c r="H112028" s="12"/>
    </row>
    <row r="112029" spans="8:8">
      <c r="H112029" s="12"/>
    </row>
    <row r="112030" spans="8:8">
      <c r="H112030" s="12"/>
    </row>
    <row r="112031" spans="8:8">
      <c r="H112031" s="12"/>
    </row>
    <row r="112032" spans="8:8">
      <c r="H112032" s="12"/>
    </row>
    <row r="112033" spans="8:8">
      <c r="H112033" s="12"/>
    </row>
    <row r="112034" spans="8:8">
      <c r="H112034" s="12"/>
    </row>
    <row r="112035" spans="8:8">
      <c r="H112035" s="12"/>
    </row>
    <row r="112036" spans="8:8">
      <c r="H112036" s="12"/>
    </row>
    <row r="112037" spans="8:8">
      <c r="H112037" s="12"/>
    </row>
    <row r="112038" spans="8:8">
      <c r="H112038" s="12"/>
    </row>
    <row r="112039" spans="8:8">
      <c r="H112039" s="12"/>
    </row>
    <row r="112040" spans="8:8">
      <c r="H112040" s="12"/>
    </row>
    <row r="112041" spans="8:8">
      <c r="H112041" s="12"/>
    </row>
    <row r="112042" spans="8:8">
      <c r="H112042" s="12"/>
    </row>
    <row r="112043" spans="8:8">
      <c r="H112043" s="12"/>
    </row>
    <row r="112044" spans="8:8">
      <c r="H112044" s="12"/>
    </row>
    <row r="112045" spans="8:8">
      <c r="H112045" s="12"/>
    </row>
    <row r="112046" spans="8:8">
      <c r="H112046" s="12"/>
    </row>
    <row r="112047" spans="8:8">
      <c r="H112047" s="12"/>
    </row>
    <row r="112048" spans="8:8">
      <c r="H112048" s="12"/>
    </row>
    <row r="112049" spans="8:8">
      <c r="H112049" s="12"/>
    </row>
    <row r="112050" spans="8:8">
      <c r="H112050" s="12"/>
    </row>
    <row r="112051" spans="8:8">
      <c r="H112051" s="12"/>
    </row>
    <row r="112052" spans="8:8">
      <c r="H112052" s="12"/>
    </row>
    <row r="112053" spans="8:8">
      <c r="H112053" s="12"/>
    </row>
    <row r="112054" spans="8:8">
      <c r="H112054" s="12"/>
    </row>
    <row r="112055" spans="8:8">
      <c r="H112055" s="12"/>
    </row>
    <row r="112056" spans="8:8">
      <c r="H112056" s="12"/>
    </row>
    <row r="112057" spans="8:8">
      <c r="H112057" s="12"/>
    </row>
    <row r="112058" spans="8:8">
      <c r="H112058" s="12"/>
    </row>
    <row r="112059" spans="8:8">
      <c r="H112059" s="12"/>
    </row>
    <row r="112060" spans="8:8">
      <c r="H112060" s="12"/>
    </row>
    <row r="112061" spans="8:8">
      <c r="H112061" s="12"/>
    </row>
    <row r="112062" spans="8:8">
      <c r="H112062" s="12"/>
    </row>
    <row r="112063" spans="8:8">
      <c r="H112063" s="12"/>
    </row>
    <row r="112064" spans="8:8">
      <c r="H112064" s="12"/>
    </row>
    <row r="112065" spans="8:8">
      <c r="H112065" s="12"/>
    </row>
    <row r="112066" spans="8:8">
      <c r="H112066" s="12"/>
    </row>
    <row r="112067" spans="8:8">
      <c r="H112067" s="12"/>
    </row>
    <row r="112068" spans="8:8">
      <c r="H112068" s="12"/>
    </row>
    <row r="112069" spans="8:8">
      <c r="H112069" s="12"/>
    </row>
    <row r="112070" spans="8:8">
      <c r="H112070" s="12"/>
    </row>
    <row r="112071" spans="8:8">
      <c r="H112071" s="12"/>
    </row>
    <row r="112072" spans="8:8">
      <c r="H112072" s="12"/>
    </row>
    <row r="112073" spans="8:8">
      <c r="H112073" s="12"/>
    </row>
    <row r="112074" spans="8:8">
      <c r="H112074" s="12"/>
    </row>
    <row r="112075" spans="8:8">
      <c r="H112075" s="12"/>
    </row>
    <row r="112076" spans="8:8">
      <c r="H112076" s="12"/>
    </row>
    <row r="112077" spans="8:8">
      <c r="H112077" s="12"/>
    </row>
    <row r="112078" spans="8:8">
      <c r="H112078" s="12"/>
    </row>
    <row r="112079" spans="8:8">
      <c r="H112079" s="12"/>
    </row>
    <row r="112080" spans="8:8">
      <c r="H112080" s="12"/>
    </row>
    <row r="112081" spans="8:8">
      <c r="H112081" s="12"/>
    </row>
    <row r="112082" spans="8:8">
      <c r="H112082" s="12"/>
    </row>
    <row r="112083" spans="8:8">
      <c r="H112083" s="12"/>
    </row>
    <row r="112084" spans="8:8">
      <c r="H112084" s="12"/>
    </row>
    <row r="112085" spans="8:8">
      <c r="H112085" s="12"/>
    </row>
    <row r="112086" spans="8:8">
      <c r="H112086" s="12"/>
    </row>
    <row r="112087" spans="8:8">
      <c r="H112087" s="12"/>
    </row>
    <row r="112088" spans="8:8">
      <c r="H112088" s="12"/>
    </row>
    <row r="112089" spans="8:8">
      <c r="H112089" s="12"/>
    </row>
    <row r="112090" spans="8:8">
      <c r="H112090" s="12"/>
    </row>
    <row r="112091" spans="8:8">
      <c r="H112091" s="12"/>
    </row>
    <row r="112092" spans="8:8">
      <c r="H112092" s="12"/>
    </row>
    <row r="112093" spans="8:8">
      <c r="H112093" s="12"/>
    </row>
    <row r="112094" spans="8:8">
      <c r="H112094" s="12"/>
    </row>
    <row r="112095" spans="8:8">
      <c r="H112095" s="12"/>
    </row>
    <row r="112096" spans="8:8">
      <c r="H112096" s="12"/>
    </row>
    <row r="112097" spans="8:8">
      <c r="H112097" s="12"/>
    </row>
    <row r="112098" spans="8:8">
      <c r="H112098" s="12"/>
    </row>
    <row r="112099" spans="8:8">
      <c r="H112099" s="12"/>
    </row>
    <row r="112100" spans="8:8">
      <c r="H112100" s="12"/>
    </row>
    <row r="112101" spans="8:8">
      <c r="H112101" s="12"/>
    </row>
    <row r="112102" spans="8:8">
      <c r="H112102" s="12"/>
    </row>
    <row r="112103" spans="8:8">
      <c r="H112103" s="12"/>
    </row>
    <row r="112104" spans="8:8">
      <c r="H112104" s="12"/>
    </row>
    <row r="112105" spans="8:8">
      <c r="H112105" s="12"/>
    </row>
    <row r="112106" spans="8:8">
      <c r="H112106" s="12"/>
    </row>
    <row r="112107" spans="8:8">
      <c r="H112107" s="12"/>
    </row>
    <row r="112108" spans="8:8">
      <c r="H112108" s="12"/>
    </row>
    <row r="112109" spans="8:8">
      <c r="H112109" s="12"/>
    </row>
    <row r="112110" spans="8:8">
      <c r="H112110" s="12"/>
    </row>
    <row r="112111" spans="8:8">
      <c r="H112111" s="12"/>
    </row>
    <row r="112112" spans="8:8">
      <c r="H112112" s="12"/>
    </row>
    <row r="112113" spans="8:8">
      <c r="H112113" s="12"/>
    </row>
    <row r="112114" spans="8:8">
      <c r="H112114" s="12"/>
    </row>
    <row r="112115" spans="8:8">
      <c r="H112115" s="12"/>
    </row>
    <row r="112116" spans="8:8">
      <c r="H112116" s="12"/>
    </row>
    <row r="112117" spans="8:8">
      <c r="H112117" s="12"/>
    </row>
    <row r="112118" spans="8:8">
      <c r="H112118" s="12"/>
    </row>
    <row r="112119" spans="8:8">
      <c r="H112119" s="12"/>
    </row>
    <row r="112120" spans="8:8">
      <c r="H112120" s="12"/>
    </row>
    <row r="112121" spans="8:8">
      <c r="H112121" s="12"/>
    </row>
    <row r="112122" spans="8:8">
      <c r="H112122" s="12"/>
    </row>
    <row r="112123" spans="8:8">
      <c r="H112123" s="12"/>
    </row>
    <row r="112124" spans="8:8">
      <c r="H112124" s="12"/>
    </row>
    <row r="112125" spans="8:8">
      <c r="H112125" s="12"/>
    </row>
    <row r="112126" spans="8:8">
      <c r="H112126" s="12"/>
    </row>
    <row r="112127" spans="8:8">
      <c r="H112127" s="12"/>
    </row>
    <row r="112128" spans="8:8">
      <c r="H112128" s="12"/>
    </row>
    <row r="112129" spans="8:8">
      <c r="H112129" s="12"/>
    </row>
    <row r="112130" spans="8:8">
      <c r="H112130" s="12"/>
    </row>
    <row r="112131" spans="8:8">
      <c r="H112131" s="12"/>
    </row>
    <row r="112132" spans="8:8">
      <c r="H112132" s="12"/>
    </row>
    <row r="112133" spans="8:8">
      <c r="H112133" s="12"/>
    </row>
    <row r="112134" spans="8:8">
      <c r="H112134" s="12"/>
    </row>
    <row r="112135" spans="8:8">
      <c r="H112135" s="12"/>
    </row>
    <row r="112136" spans="8:8">
      <c r="H112136" s="12"/>
    </row>
    <row r="112137" spans="8:8">
      <c r="H112137" s="12"/>
    </row>
    <row r="112138" spans="8:8">
      <c r="H112138" s="12"/>
    </row>
    <row r="112139" spans="8:8">
      <c r="H112139" s="12"/>
    </row>
    <row r="112140" spans="8:8">
      <c r="H112140" s="12"/>
    </row>
    <row r="112141" spans="8:8">
      <c r="H112141" s="12"/>
    </row>
    <row r="112142" spans="8:8">
      <c r="H112142" s="12"/>
    </row>
    <row r="112143" spans="8:8">
      <c r="H112143" s="12"/>
    </row>
    <row r="112144" spans="8:8">
      <c r="H112144" s="12"/>
    </row>
    <row r="112145" spans="8:8">
      <c r="H112145" s="12"/>
    </row>
    <row r="112146" spans="8:8">
      <c r="H112146" s="12"/>
    </row>
    <row r="112147" spans="8:8">
      <c r="H112147" s="12"/>
    </row>
    <row r="112148" spans="8:8">
      <c r="H112148" s="12"/>
    </row>
    <row r="112149" spans="8:8">
      <c r="H112149" s="12"/>
    </row>
    <row r="112150" spans="8:8">
      <c r="H112150" s="12"/>
    </row>
    <row r="112151" spans="8:8">
      <c r="H112151" s="12"/>
    </row>
    <row r="112152" spans="8:8">
      <c r="H112152" s="12"/>
    </row>
    <row r="112153" spans="8:8">
      <c r="H112153" s="12"/>
    </row>
    <row r="112154" spans="8:8">
      <c r="H112154" s="12"/>
    </row>
    <row r="112155" spans="8:8">
      <c r="H112155" s="12"/>
    </row>
    <row r="112156" spans="8:8">
      <c r="H112156" s="12"/>
    </row>
    <row r="112157" spans="8:8">
      <c r="H112157" s="12"/>
    </row>
    <row r="112158" spans="8:8">
      <c r="H112158" s="12"/>
    </row>
    <row r="112159" spans="8:8">
      <c r="H112159" s="12"/>
    </row>
    <row r="112160" spans="8:8">
      <c r="H112160" s="12"/>
    </row>
    <row r="112161" spans="8:8">
      <c r="H112161" s="12"/>
    </row>
    <row r="112162" spans="8:8">
      <c r="H112162" s="12"/>
    </row>
    <row r="112163" spans="8:8">
      <c r="H112163" s="12"/>
    </row>
    <row r="112164" spans="8:8">
      <c r="H112164" s="12"/>
    </row>
    <row r="112165" spans="8:8">
      <c r="H112165" s="12"/>
    </row>
    <row r="112166" spans="8:8">
      <c r="H112166" s="12"/>
    </row>
    <row r="112167" spans="8:8">
      <c r="H112167" s="12"/>
    </row>
    <row r="112168" spans="8:8">
      <c r="H112168" s="12"/>
    </row>
    <row r="112169" spans="8:8">
      <c r="H112169" s="12"/>
    </row>
    <row r="112170" spans="8:8">
      <c r="H112170" s="12"/>
    </row>
    <row r="112171" spans="8:8">
      <c r="H112171" s="12"/>
    </row>
    <row r="112172" spans="8:8">
      <c r="H112172" s="12"/>
    </row>
    <row r="112173" spans="8:8">
      <c r="H112173" s="12"/>
    </row>
    <row r="112174" spans="8:8">
      <c r="H112174" s="12"/>
    </row>
    <row r="112175" spans="8:8">
      <c r="H112175" s="12"/>
    </row>
    <row r="112176" spans="8:8">
      <c r="H112176" s="12"/>
    </row>
    <row r="112177" spans="8:8">
      <c r="H112177" s="12"/>
    </row>
    <row r="112178" spans="8:8">
      <c r="H112178" s="12"/>
    </row>
    <row r="112179" spans="8:8">
      <c r="H112179" s="12"/>
    </row>
    <row r="112180" spans="8:8">
      <c r="H112180" s="12"/>
    </row>
    <row r="112181" spans="8:8">
      <c r="H112181" s="12"/>
    </row>
    <row r="112182" spans="8:8">
      <c r="H112182" s="12"/>
    </row>
    <row r="112183" spans="8:8">
      <c r="H112183" s="12"/>
    </row>
    <row r="112184" spans="8:8">
      <c r="H112184" s="12"/>
    </row>
    <row r="112185" spans="8:8">
      <c r="H112185" s="12"/>
    </row>
    <row r="112186" spans="8:8">
      <c r="H112186" s="12"/>
    </row>
    <row r="112187" spans="8:8">
      <c r="H112187" s="12"/>
    </row>
    <row r="112188" spans="8:8">
      <c r="H112188" s="12"/>
    </row>
    <row r="112189" spans="8:8">
      <c r="H112189" s="12"/>
    </row>
    <row r="112190" spans="8:8">
      <c r="H112190" s="12"/>
    </row>
    <row r="112191" spans="8:8">
      <c r="H112191" s="12"/>
    </row>
    <row r="112192" spans="8:8">
      <c r="H112192" s="12"/>
    </row>
    <row r="112193" spans="8:8">
      <c r="H112193" s="12"/>
    </row>
    <row r="112194" spans="8:8">
      <c r="H112194" s="12"/>
    </row>
    <row r="112195" spans="8:8">
      <c r="H112195" s="12"/>
    </row>
    <row r="112196" spans="8:8">
      <c r="H112196" s="12"/>
    </row>
    <row r="112197" spans="8:8">
      <c r="H112197" s="12"/>
    </row>
    <row r="112198" spans="8:8">
      <c r="H112198" s="12"/>
    </row>
    <row r="112199" spans="8:8">
      <c r="H112199" s="12"/>
    </row>
    <row r="112200" spans="8:8">
      <c r="H112200" s="12"/>
    </row>
    <row r="112201" spans="8:8">
      <c r="H112201" s="12"/>
    </row>
    <row r="112202" spans="8:8">
      <c r="H112202" s="12"/>
    </row>
    <row r="112203" spans="8:8">
      <c r="H112203" s="12"/>
    </row>
    <row r="112204" spans="8:8">
      <c r="H112204" s="12"/>
    </row>
    <row r="112205" spans="8:8">
      <c r="H112205" s="12"/>
    </row>
    <row r="112206" spans="8:8">
      <c r="H112206" s="12"/>
    </row>
    <row r="112207" spans="8:8">
      <c r="H112207" s="12"/>
    </row>
    <row r="112208" spans="8:8">
      <c r="H112208" s="12"/>
    </row>
    <row r="112209" spans="8:8">
      <c r="H112209" s="12"/>
    </row>
    <row r="112210" spans="8:8">
      <c r="H112210" s="12"/>
    </row>
    <row r="112211" spans="8:8">
      <c r="H112211" s="12"/>
    </row>
    <row r="112212" spans="8:8">
      <c r="H112212" s="12"/>
    </row>
    <row r="112213" spans="8:8">
      <c r="H112213" s="12"/>
    </row>
    <row r="112214" spans="8:8">
      <c r="H112214" s="12"/>
    </row>
    <row r="112215" spans="8:8">
      <c r="H112215" s="12"/>
    </row>
    <row r="112216" spans="8:8">
      <c r="H112216" s="12"/>
    </row>
    <row r="112217" spans="8:8">
      <c r="H112217" s="12"/>
    </row>
    <row r="112218" spans="8:8">
      <c r="H112218" s="12"/>
    </row>
    <row r="112219" spans="8:8">
      <c r="H112219" s="12"/>
    </row>
    <row r="112220" spans="8:8">
      <c r="H112220" s="12"/>
    </row>
    <row r="112221" spans="8:8">
      <c r="H112221" s="12"/>
    </row>
    <row r="112222" spans="8:8">
      <c r="H112222" s="12"/>
    </row>
    <row r="112223" spans="8:8">
      <c r="H112223" s="12"/>
    </row>
    <row r="112224" spans="8:8">
      <c r="H112224" s="12"/>
    </row>
    <row r="112225" spans="8:8">
      <c r="H112225" s="12"/>
    </row>
    <row r="112226" spans="8:8">
      <c r="H112226" s="12"/>
    </row>
    <row r="112227" spans="8:8">
      <c r="H112227" s="12"/>
    </row>
    <row r="112228" spans="8:8">
      <c r="H112228" s="12"/>
    </row>
    <row r="112229" spans="8:8">
      <c r="H112229" s="12"/>
    </row>
    <row r="112230" spans="8:8">
      <c r="H112230" s="12"/>
    </row>
    <row r="112231" spans="8:8">
      <c r="H112231" s="12"/>
    </row>
    <row r="112232" spans="8:8">
      <c r="H112232" s="12"/>
    </row>
    <row r="112233" spans="8:8">
      <c r="H112233" s="12"/>
    </row>
    <row r="112234" spans="8:8">
      <c r="H112234" s="12"/>
    </row>
    <row r="112235" spans="8:8">
      <c r="H112235" s="12"/>
    </row>
    <row r="112236" spans="8:8">
      <c r="H112236" s="12"/>
    </row>
    <row r="112237" spans="8:8">
      <c r="H112237" s="12"/>
    </row>
    <row r="112238" spans="8:8">
      <c r="H112238" s="12"/>
    </row>
    <row r="112239" spans="8:8">
      <c r="H112239" s="12"/>
    </row>
    <row r="112240" spans="8:8">
      <c r="H112240" s="12"/>
    </row>
    <row r="112241" spans="8:8">
      <c r="H112241" s="12"/>
    </row>
    <row r="112242" spans="8:8">
      <c r="H112242" s="12"/>
    </row>
    <row r="112243" spans="8:8">
      <c r="H112243" s="12"/>
    </row>
    <row r="112244" spans="8:8">
      <c r="H112244" s="12"/>
    </row>
    <row r="112245" spans="8:8">
      <c r="H112245" s="12"/>
    </row>
    <row r="112246" spans="8:8">
      <c r="H112246" s="12"/>
    </row>
    <row r="112247" spans="8:8">
      <c r="H112247" s="12"/>
    </row>
    <row r="112248" spans="8:8">
      <c r="H112248" s="12"/>
    </row>
    <row r="112249" spans="8:8">
      <c r="H112249" s="12"/>
    </row>
    <row r="112250" spans="8:8">
      <c r="H112250" s="12"/>
    </row>
    <row r="112251" spans="8:8">
      <c r="H112251" s="12"/>
    </row>
    <row r="112252" spans="8:8">
      <c r="H112252" s="12"/>
    </row>
    <row r="112253" spans="8:8">
      <c r="H112253" s="12"/>
    </row>
    <row r="112254" spans="8:8">
      <c r="H112254" s="12"/>
    </row>
    <row r="112255" spans="8:8">
      <c r="H112255" s="12"/>
    </row>
    <row r="112256" spans="8:8">
      <c r="H112256" s="12"/>
    </row>
    <row r="112257" spans="8:8">
      <c r="H112257" s="12"/>
    </row>
    <row r="112258" spans="8:8">
      <c r="H112258" s="12"/>
    </row>
    <row r="112259" spans="8:8">
      <c r="H112259" s="12"/>
    </row>
    <row r="112260" spans="8:8">
      <c r="H112260" s="12"/>
    </row>
    <row r="112261" spans="8:8">
      <c r="H112261" s="12"/>
    </row>
    <row r="112262" spans="8:8">
      <c r="H112262" s="12"/>
    </row>
    <row r="112263" spans="8:8">
      <c r="H112263" s="12"/>
    </row>
    <row r="112264" spans="8:8">
      <c r="H112264" s="12"/>
    </row>
    <row r="112265" spans="8:8">
      <c r="H112265" s="12"/>
    </row>
    <row r="112266" spans="8:8">
      <c r="H112266" s="12"/>
    </row>
    <row r="112267" spans="8:8">
      <c r="H112267" s="12"/>
    </row>
    <row r="112268" spans="8:8">
      <c r="H112268" s="12"/>
    </row>
    <row r="112269" spans="8:8">
      <c r="H112269" s="12"/>
    </row>
    <row r="112270" spans="8:8">
      <c r="H112270" s="12"/>
    </row>
    <row r="112271" spans="8:8">
      <c r="H112271" s="12"/>
    </row>
    <row r="112272" spans="8:8">
      <c r="H112272" s="12"/>
    </row>
    <row r="112273" spans="8:8">
      <c r="H112273" s="12"/>
    </row>
    <row r="112274" spans="8:8">
      <c r="H112274" s="12"/>
    </row>
    <row r="112275" spans="8:8">
      <c r="H112275" s="12"/>
    </row>
    <row r="112276" spans="8:8">
      <c r="H112276" s="12"/>
    </row>
    <row r="112277" spans="8:8">
      <c r="H112277" s="12"/>
    </row>
    <row r="112278" spans="8:8">
      <c r="H112278" s="12"/>
    </row>
    <row r="112279" spans="8:8">
      <c r="H112279" s="12"/>
    </row>
    <row r="112280" spans="8:8">
      <c r="H112280" s="12"/>
    </row>
    <row r="112281" spans="8:8">
      <c r="H112281" s="12"/>
    </row>
    <row r="112282" spans="8:8">
      <c r="H112282" s="12"/>
    </row>
    <row r="112283" spans="8:8">
      <c r="H112283" s="12"/>
    </row>
    <row r="112284" spans="8:8">
      <c r="H112284" s="12"/>
    </row>
    <row r="112285" spans="8:8">
      <c r="H112285" s="12"/>
    </row>
    <row r="112286" spans="8:8">
      <c r="H112286" s="12"/>
    </row>
    <row r="112287" spans="8:8">
      <c r="H112287" s="12"/>
    </row>
    <row r="112288" spans="8:8">
      <c r="H112288" s="12"/>
    </row>
    <row r="112289" spans="8:8">
      <c r="H112289" s="12"/>
    </row>
    <row r="112290" spans="8:8">
      <c r="H112290" s="12"/>
    </row>
    <row r="112291" spans="8:8">
      <c r="H112291" s="12"/>
    </row>
    <row r="112292" spans="8:8">
      <c r="H112292" s="12"/>
    </row>
    <row r="112293" spans="8:8">
      <c r="H112293" s="12"/>
    </row>
    <row r="112294" spans="8:8">
      <c r="H112294" s="12"/>
    </row>
    <row r="112295" spans="8:8">
      <c r="H112295" s="12"/>
    </row>
    <row r="112296" spans="8:8">
      <c r="H112296" s="12"/>
    </row>
    <row r="112297" spans="8:8">
      <c r="H112297" s="12"/>
    </row>
    <row r="112298" spans="8:8">
      <c r="H112298" s="12"/>
    </row>
    <row r="112299" spans="8:8">
      <c r="H112299" s="12"/>
    </row>
    <row r="112300" spans="8:8">
      <c r="H112300" s="12"/>
    </row>
    <row r="112301" spans="8:8">
      <c r="H112301" s="12"/>
    </row>
    <row r="112302" spans="8:8">
      <c r="H112302" s="12"/>
    </row>
    <row r="112303" spans="8:8">
      <c r="H112303" s="12"/>
    </row>
    <row r="112304" spans="8:8">
      <c r="H112304" s="12"/>
    </row>
    <row r="112305" spans="8:8">
      <c r="H112305" s="12"/>
    </row>
    <row r="112306" spans="8:8">
      <c r="H112306" s="12"/>
    </row>
    <row r="112307" spans="8:8">
      <c r="H112307" s="12"/>
    </row>
    <row r="112308" spans="8:8">
      <c r="H112308" s="12"/>
    </row>
    <row r="112309" spans="8:8">
      <c r="H112309" s="12"/>
    </row>
    <row r="112310" spans="8:8">
      <c r="H112310" s="12"/>
    </row>
    <row r="112311" spans="8:8">
      <c r="H112311" s="12"/>
    </row>
    <row r="112312" spans="8:8">
      <c r="H112312" s="12"/>
    </row>
    <row r="112313" spans="8:8">
      <c r="H112313" s="12"/>
    </row>
    <row r="112314" spans="8:8">
      <c r="H112314" s="12"/>
    </row>
    <row r="112315" spans="8:8">
      <c r="H112315" s="12"/>
    </row>
    <row r="112316" spans="8:8">
      <c r="H112316" s="12"/>
    </row>
    <row r="112317" spans="8:8">
      <c r="H112317" s="12"/>
    </row>
    <row r="112318" spans="8:8">
      <c r="H112318" s="12"/>
    </row>
    <row r="112319" spans="8:8">
      <c r="H112319" s="12"/>
    </row>
    <row r="112320" spans="8:8">
      <c r="H112320" s="12"/>
    </row>
    <row r="112321" spans="8:8">
      <c r="H112321" s="12"/>
    </row>
    <row r="112322" spans="8:8">
      <c r="H112322" s="12"/>
    </row>
    <row r="112323" spans="8:8">
      <c r="H112323" s="12"/>
    </row>
    <row r="112324" spans="8:8">
      <c r="H112324" s="12"/>
    </row>
    <row r="112325" spans="8:8">
      <c r="H112325" s="12"/>
    </row>
    <row r="112326" spans="8:8">
      <c r="H112326" s="12"/>
    </row>
    <row r="112327" spans="8:8">
      <c r="H112327" s="12"/>
    </row>
    <row r="112328" spans="8:8">
      <c r="H112328" s="12"/>
    </row>
    <row r="112329" spans="8:8">
      <c r="H112329" s="12"/>
    </row>
    <row r="112330" spans="8:8">
      <c r="H112330" s="12"/>
    </row>
    <row r="112331" spans="8:8">
      <c r="H112331" s="12"/>
    </row>
    <row r="112332" spans="8:8">
      <c r="H112332" s="12"/>
    </row>
    <row r="112333" spans="8:8">
      <c r="H112333" s="12"/>
    </row>
    <row r="112334" spans="8:8">
      <c r="H112334" s="12"/>
    </row>
    <row r="112335" spans="8:8">
      <c r="H112335" s="12"/>
    </row>
    <row r="112336" spans="8:8">
      <c r="H112336" s="12"/>
    </row>
    <row r="112337" spans="8:8">
      <c r="H112337" s="12"/>
    </row>
    <row r="112338" spans="8:8">
      <c r="H112338" s="12"/>
    </row>
    <row r="112339" spans="8:8">
      <c r="H112339" s="12"/>
    </row>
    <row r="112340" spans="8:8">
      <c r="H112340" s="12"/>
    </row>
    <row r="112341" spans="8:8">
      <c r="H112341" s="12"/>
    </row>
    <row r="112342" spans="8:8">
      <c r="H112342" s="12"/>
    </row>
    <row r="112343" spans="8:8">
      <c r="H112343" s="12"/>
    </row>
    <row r="112344" spans="8:8">
      <c r="H112344" s="12"/>
    </row>
    <row r="112345" spans="8:8">
      <c r="H112345" s="12"/>
    </row>
    <row r="112346" spans="8:8">
      <c r="H112346" s="12"/>
    </row>
    <row r="112347" spans="8:8">
      <c r="H112347" s="12"/>
    </row>
    <row r="112348" spans="8:8">
      <c r="H112348" s="12"/>
    </row>
    <row r="112349" spans="8:8">
      <c r="H112349" s="12"/>
    </row>
    <row r="112350" spans="8:8">
      <c r="H112350" s="12"/>
    </row>
    <row r="112351" spans="8:8">
      <c r="H112351" s="12"/>
    </row>
    <row r="112352" spans="8:8">
      <c r="H112352" s="12"/>
    </row>
    <row r="112353" spans="8:8">
      <c r="H112353" s="12"/>
    </row>
    <row r="112354" spans="8:8">
      <c r="H112354" s="12"/>
    </row>
    <row r="112355" spans="8:8">
      <c r="H112355" s="12"/>
    </row>
    <row r="112356" spans="8:8">
      <c r="H112356" s="12"/>
    </row>
    <row r="112357" spans="8:8">
      <c r="H112357" s="12"/>
    </row>
    <row r="112358" spans="8:8">
      <c r="H112358" s="12"/>
    </row>
    <row r="112359" spans="8:8">
      <c r="H112359" s="12"/>
    </row>
    <row r="112360" spans="8:8">
      <c r="H112360" s="12"/>
    </row>
    <row r="112361" spans="8:8">
      <c r="H112361" s="12"/>
    </row>
    <row r="112362" spans="8:8">
      <c r="H112362" s="12"/>
    </row>
    <row r="112363" spans="8:8">
      <c r="H112363" s="12"/>
    </row>
    <row r="112364" spans="8:8">
      <c r="H112364" s="12"/>
    </row>
    <row r="112365" spans="8:8">
      <c r="H112365" s="12"/>
    </row>
    <row r="112366" spans="8:8">
      <c r="H112366" s="12"/>
    </row>
    <row r="112367" spans="8:8">
      <c r="H112367" s="12"/>
    </row>
    <row r="112368" spans="8:8">
      <c r="H112368" s="12"/>
    </row>
    <row r="112369" spans="8:8">
      <c r="H112369" s="12"/>
    </row>
    <row r="112370" spans="8:8">
      <c r="H112370" s="12"/>
    </row>
    <row r="112371" spans="8:8">
      <c r="H112371" s="12"/>
    </row>
    <row r="112372" spans="8:8">
      <c r="H112372" s="12"/>
    </row>
    <row r="112373" spans="8:8">
      <c r="H112373" s="12"/>
    </row>
    <row r="112374" spans="8:8">
      <c r="H112374" s="12"/>
    </row>
    <row r="112375" spans="8:8">
      <c r="H112375" s="12"/>
    </row>
    <row r="112376" spans="8:8">
      <c r="H112376" s="12"/>
    </row>
    <row r="112377" spans="8:8">
      <c r="H112377" s="12"/>
    </row>
    <row r="112378" spans="8:8">
      <c r="H112378" s="12"/>
    </row>
    <row r="112379" spans="8:8">
      <c r="H112379" s="12"/>
    </row>
    <row r="112380" spans="8:8">
      <c r="H112380" s="12"/>
    </row>
    <row r="112381" spans="8:8">
      <c r="H112381" s="12"/>
    </row>
    <row r="112382" spans="8:8">
      <c r="H112382" s="12"/>
    </row>
    <row r="112383" spans="8:8">
      <c r="H112383" s="12"/>
    </row>
    <row r="112384" spans="8:8">
      <c r="H112384" s="12"/>
    </row>
    <row r="112385" spans="8:8">
      <c r="H112385" s="12"/>
    </row>
    <row r="112386" spans="8:8">
      <c r="H112386" s="12"/>
    </row>
    <row r="112387" spans="8:8">
      <c r="H112387" s="12"/>
    </row>
    <row r="112388" spans="8:8">
      <c r="H112388" s="12"/>
    </row>
    <row r="112389" spans="8:8">
      <c r="H112389" s="12"/>
    </row>
    <row r="112390" spans="8:8">
      <c r="H112390" s="12"/>
    </row>
    <row r="112391" spans="8:8">
      <c r="H112391" s="12"/>
    </row>
    <row r="112392" spans="8:8">
      <c r="H112392" s="12"/>
    </row>
    <row r="112393" spans="8:8">
      <c r="H112393" s="12"/>
    </row>
    <row r="112394" spans="8:8">
      <c r="H112394" s="12"/>
    </row>
    <row r="112395" spans="8:8">
      <c r="H112395" s="12"/>
    </row>
    <row r="112396" spans="8:8">
      <c r="H112396" s="12"/>
    </row>
    <row r="112397" spans="8:8">
      <c r="H112397" s="12"/>
    </row>
    <row r="112398" spans="8:8">
      <c r="H112398" s="12"/>
    </row>
    <row r="112399" spans="8:8">
      <c r="H112399" s="12"/>
    </row>
    <row r="112400" spans="8:8">
      <c r="H112400" s="12"/>
    </row>
    <row r="112401" spans="8:8">
      <c r="H112401" s="12"/>
    </row>
    <row r="112402" spans="8:8">
      <c r="H112402" s="12"/>
    </row>
    <row r="112403" spans="8:8">
      <c r="H112403" s="12"/>
    </row>
    <row r="112404" spans="8:8">
      <c r="H112404" s="12"/>
    </row>
    <row r="112405" spans="8:8">
      <c r="H112405" s="12"/>
    </row>
    <row r="112406" spans="8:8">
      <c r="H112406" s="12"/>
    </row>
    <row r="112407" spans="8:8">
      <c r="H112407" s="12"/>
    </row>
    <row r="112408" spans="8:8">
      <c r="H112408" s="12"/>
    </row>
    <row r="112409" spans="8:8">
      <c r="H112409" s="12"/>
    </row>
    <row r="112410" spans="8:8">
      <c r="H112410" s="12"/>
    </row>
    <row r="112411" spans="8:8">
      <c r="H112411" s="12"/>
    </row>
    <row r="112412" spans="8:8">
      <c r="H112412" s="12"/>
    </row>
    <row r="112413" spans="8:8">
      <c r="H112413" s="12"/>
    </row>
    <row r="112414" spans="8:8">
      <c r="H112414" s="12"/>
    </row>
    <row r="112415" spans="8:8">
      <c r="H112415" s="12"/>
    </row>
    <row r="112416" spans="8:8">
      <c r="H112416" s="12"/>
    </row>
    <row r="112417" spans="8:8">
      <c r="H112417" s="12"/>
    </row>
    <row r="112418" spans="8:8">
      <c r="H112418" s="12"/>
    </row>
    <row r="112419" spans="8:8">
      <c r="H112419" s="12"/>
    </row>
    <row r="112420" spans="8:8">
      <c r="H112420" s="12"/>
    </row>
    <row r="112421" spans="8:8">
      <c r="H112421" s="12"/>
    </row>
    <row r="112422" spans="8:8">
      <c r="H112422" s="12"/>
    </row>
    <row r="112423" spans="8:8">
      <c r="H112423" s="12"/>
    </row>
    <row r="112424" spans="8:8">
      <c r="H112424" s="12"/>
    </row>
    <row r="112425" spans="8:8">
      <c r="H112425" s="12"/>
    </row>
    <row r="112426" spans="8:8">
      <c r="H112426" s="12"/>
    </row>
    <row r="112427" spans="8:8">
      <c r="H112427" s="12"/>
    </row>
    <row r="112428" spans="8:8">
      <c r="H112428" s="12"/>
    </row>
    <row r="112429" spans="8:8">
      <c r="H112429" s="12"/>
    </row>
    <row r="112430" spans="8:8">
      <c r="H112430" s="12"/>
    </row>
    <row r="112431" spans="8:8">
      <c r="H112431" s="12"/>
    </row>
    <row r="112432" spans="8:8">
      <c r="H112432" s="12"/>
    </row>
    <row r="112433" spans="8:8">
      <c r="H112433" s="12"/>
    </row>
    <row r="112434" spans="8:8">
      <c r="H112434" s="12"/>
    </row>
    <row r="112435" spans="8:8">
      <c r="H112435" s="12"/>
    </row>
    <row r="112436" spans="8:8">
      <c r="H112436" s="12"/>
    </row>
    <row r="112437" spans="8:8">
      <c r="H112437" s="12"/>
    </row>
    <row r="112438" spans="8:8">
      <c r="H112438" s="12"/>
    </row>
    <row r="112439" spans="8:8">
      <c r="H112439" s="12"/>
    </row>
    <row r="112440" spans="8:8">
      <c r="H112440" s="12"/>
    </row>
    <row r="112441" spans="8:8">
      <c r="H112441" s="12"/>
    </row>
    <row r="112442" spans="8:8">
      <c r="H112442" s="12"/>
    </row>
    <row r="112443" spans="8:8">
      <c r="H112443" s="12"/>
    </row>
    <row r="112444" spans="8:8">
      <c r="H112444" s="12"/>
    </row>
    <row r="112445" spans="8:8">
      <c r="H112445" s="12"/>
    </row>
    <row r="112446" spans="8:8">
      <c r="H112446" s="12"/>
    </row>
    <row r="112447" spans="8:8">
      <c r="H112447" s="12"/>
    </row>
    <row r="112448" spans="8:8">
      <c r="H112448" s="12"/>
    </row>
    <row r="112449" spans="8:8">
      <c r="H112449" s="12"/>
    </row>
    <row r="112450" spans="8:8">
      <c r="H112450" s="12"/>
    </row>
    <row r="112451" spans="8:8">
      <c r="H112451" s="12"/>
    </row>
    <row r="112452" spans="8:8">
      <c r="H112452" s="12"/>
    </row>
    <row r="112453" spans="8:8">
      <c r="H112453" s="12"/>
    </row>
    <row r="112454" spans="8:8">
      <c r="H112454" s="12"/>
    </row>
    <row r="112455" spans="8:8">
      <c r="H112455" s="12"/>
    </row>
    <row r="112456" spans="8:8">
      <c r="H112456" s="12"/>
    </row>
    <row r="112457" spans="8:8">
      <c r="H112457" s="12"/>
    </row>
    <row r="112458" spans="8:8">
      <c r="H112458" s="12"/>
    </row>
    <row r="112459" spans="8:8">
      <c r="H112459" s="12"/>
    </row>
    <row r="112460" spans="8:8">
      <c r="H112460" s="12"/>
    </row>
    <row r="112461" spans="8:8">
      <c r="H112461" s="12"/>
    </row>
    <row r="112462" spans="8:8">
      <c r="H112462" s="12"/>
    </row>
    <row r="112463" spans="8:8">
      <c r="H112463" s="12"/>
    </row>
    <row r="112464" spans="8:8">
      <c r="H112464" s="12"/>
    </row>
    <row r="112465" spans="8:8">
      <c r="H112465" s="12"/>
    </row>
    <row r="112466" spans="8:8">
      <c r="H112466" s="12"/>
    </row>
    <row r="112467" spans="8:8">
      <c r="H112467" s="12"/>
    </row>
    <row r="112468" spans="8:8">
      <c r="H112468" s="12"/>
    </row>
    <row r="112469" spans="8:8">
      <c r="H112469" s="12"/>
    </row>
    <row r="112470" spans="8:8">
      <c r="H112470" s="12"/>
    </row>
    <row r="112471" spans="8:8">
      <c r="H112471" s="12"/>
    </row>
    <row r="112472" spans="8:8">
      <c r="H112472" s="12"/>
    </row>
    <row r="112473" spans="8:8">
      <c r="H112473" s="12"/>
    </row>
    <row r="112474" spans="8:8">
      <c r="H112474" s="12"/>
    </row>
    <row r="112475" spans="8:8">
      <c r="H112475" s="12"/>
    </row>
    <row r="112476" spans="8:8">
      <c r="H112476" s="12"/>
    </row>
    <row r="112477" spans="8:8">
      <c r="H112477" s="12"/>
    </row>
    <row r="112478" spans="8:8">
      <c r="H112478" s="12"/>
    </row>
    <row r="112479" spans="8:8">
      <c r="H112479" s="12"/>
    </row>
    <row r="112480" spans="8:8">
      <c r="H112480" s="12"/>
    </row>
    <row r="112481" spans="8:8">
      <c r="H112481" s="12"/>
    </row>
    <row r="112482" spans="8:8">
      <c r="H112482" s="12"/>
    </row>
    <row r="112483" spans="8:8">
      <c r="H112483" s="12"/>
    </row>
    <row r="112484" spans="8:8">
      <c r="H112484" s="12"/>
    </row>
    <row r="112485" spans="8:8">
      <c r="H112485" s="12"/>
    </row>
    <row r="112486" spans="8:8">
      <c r="H112486" s="12"/>
    </row>
    <row r="112487" spans="8:8">
      <c r="H112487" s="12"/>
    </row>
    <row r="112488" spans="8:8">
      <c r="H112488" s="12"/>
    </row>
    <row r="112489" spans="8:8">
      <c r="H112489" s="12"/>
    </row>
    <row r="112490" spans="8:8">
      <c r="H112490" s="12"/>
    </row>
    <row r="112491" spans="8:8">
      <c r="H112491" s="12"/>
    </row>
    <row r="112492" spans="8:8">
      <c r="H112492" s="12"/>
    </row>
    <row r="112493" spans="8:8">
      <c r="H112493" s="12"/>
    </row>
    <row r="112494" spans="8:8">
      <c r="H112494" s="12"/>
    </row>
    <row r="112495" spans="8:8">
      <c r="H112495" s="12"/>
    </row>
    <row r="112496" spans="8:8">
      <c r="H112496" s="12"/>
    </row>
    <row r="112497" spans="8:8">
      <c r="H112497" s="12"/>
    </row>
    <row r="112498" spans="8:8">
      <c r="H112498" s="12"/>
    </row>
    <row r="112499" spans="8:8">
      <c r="H112499" s="12"/>
    </row>
    <row r="112500" spans="8:8">
      <c r="H112500" s="12"/>
    </row>
    <row r="112501" spans="8:8">
      <c r="H112501" s="12"/>
    </row>
    <row r="112502" spans="8:8">
      <c r="H112502" s="12"/>
    </row>
    <row r="112503" spans="8:8">
      <c r="H112503" s="12"/>
    </row>
    <row r="112504" spans="8:8">
      <c r="H112504" s="12"/>
    </row>
    <row r="112505" spans="8:8">
      <c r="H112505" s="12"/>
    </row>
    <row r="112506" spans="8:8">
      <c r="H112506" s="12"/>
    </row>
    <row r="112507" spans="8:8">
      <c r="H112507" s="12"/>
    </row>
    <row r="112508" spans="8:8">
      <c r="H112508" s="12"/>
    </row>
    <row r="112509" spans="8:8">
      <c r="H112509" s="12"/>
    </row>
    <row r="112510" spans="8:8">
      <c r="H112510" s="12"/>
    </row>
    <row r="112511" spans="8:8">
      <c r="H112511" s="12"/>
    </row>
    <row r="112512" spans="8:8">
      <c r="H112512" s="12"/>
    </row>
    <row r="112513" spans="8:8">
      <c r="H112513" s="12"/>
    </row>
    <row r="112514" spans="8:8">
      <c r="H112514" s="12"/>
    </row>
    <row r="112515" spans="8:8">
      <c r="H112515" s="12"/>
    </row>
    <row r="112516" spans="8:8">
      <c r="H112516" s="12"/>
    </row>
    <row r="112517" spans="8:8">
      <c r="H112517" s="12"/>
    </row>
    <row r="112518" spans="8:8">
      <c r="H112518" s="12"/>
    </row>
    <row r="112519" spans="8:8">
      <c r="H112519" s="12"/>
    </row>
    <row r="112520" spans="8:8">
      <c r="H112520" s="12"/>
    </row>
    <row r="112521" spans="8:8">
      <c r="H112521" s="12"/>
    </row>
    <row r="112522" spans="8:8">
      <c r="H112522" s="12"/>
    </row>
    <row r="112523" spans="8:8">
      <c r="H112523" s="12"/>
    </row>
    <row r="112524" spans="8:8">
      <c r="H112524" s="12"/>
    </row>
    <row r="112525" spans="8:8">
      <c r="H112525" s="12"/>
    </row>
    <row r="112526" spans="8:8">
      <c r="H112526" s="12"/>
    </row>
    <row r="112527" spans="8:8">
      <c r="H112527" s="12"/>
    </row>
    <row r="112528" spans="8:8">
      <c r="H112528" s="12"/>
    </row>
    <row r="112529" spans="8:8">
      <c r="H112529" s="12"/>
    </row>
    <row r="112530" spans="8:8">
      <c r="H112530" s="12"/>
    </row>
    <row r="112531" spans="8:8">
      <c r="H112531" s="12"/>
    </row>
    <row r="112532" spans="8:8">
      <c r="H112532" s="12"/>
    </row>
    <row r="112533" spans="8:8">
      <c r="H112533" s="12"/>
    </row>
    <row r="112534" spans="8:8">
      <c r="H112534" s="12"/>
    </row>
    <row r="112535" spans="8:8">
      <c r="H112535" s="12"/>
    </row>
    <row r="112536" spans="8:8">
      <c r="H112536" s="12"/>
    </row>
    <row r="112537" spans="8:8">
      <c r="H112537" s="12"/>
    </row>
    <row r="112538" spans="8:8">
      <c r="H112538" s="12"/>
    </row>
    <row r="112539" spans="8:8">
      <c r="H112539" s="12"/>
    </row>
    <row r="112540" spans="8:8">
      <c r="H112540" s="12"/>
    </row>
    <row r="112541" spans="8:8">
      <c r="H112541" s="12"/>
    </row>
    <row r="112542" spans="8:8">
      <c r="H112542" s="12"/>
    </row>
    <row r="112543" spans="8:8">
      <c r="H112543" s="12"/>
    </row>
    <row r="112544" spans="8:8">
      <c r="H112544" s="12"/>
    </row>
    <row r="112545" spans="8:8">
      <c r="H112545" s="12"/>
    </row>
    <row r="112546" spans="8:8">
      <c r="H112546" s="12"/>
    </row>
    <row r="112547" spans="8:8">
      <c r="H112547" s="12"/>
    </row>
    <row r="112548" spans="8:8">
      <c r="H112548" s="12"/>
    </row>
    <row r="112549" spans="8:8">
      <c r="H112549" s="12"/>
    </row>
    <row r="112550" spans="8:8">
      <c r="H112550" s="12"/>
    </row>
    <row r="112551" spans="8:8">
      <c r="H112551" s="12"/>
    </row>
    <row r="112552" spans="8:8">
      <c r="H112552" s="12"/>
    </row>
    <row r="112553" spans="8:8">
      <c r="H112553" s="12"/>
    </row>
    <row r="112554" spans="8:8">
      <c r="H112554" s="12"/>
    </row>
    <row r="112555" spans="8:8">
      <c r="H112555" s="12"/>
    </row>
    <row r="112556" spans="8:8">
      <c r="H112556" s="12"/>
    </row>
    <row r="112557" spans="8:8">
      <c r="H112557" s="12"/>
    </row>
    <row r="112558" spans="8:8">
      <c r="H112558" s="12"/>
    </row>
    <row r="112559" spans="8:8">
      <c r="H112559" s="12"/>
    </row>
    <row r="112560" spans="8:8">
      <c r="H112560" s="12"/>
    </row>
    <row r="112561" spans="8:8">
      <c r="H112561" s="12"/>
    </row>
    <row r="112562" spans="8:8">
      <c r="H112562" s="12"/>
    </row>
    <row r="112563" spans="8:8">
      <c r="H112563" s="12"/>
    </row>
    <row r="112564" spans="8:8">
      <c r="H112564" s="12"/>
    </row>
    <row r="112565" spans="8:8">
      <c r="H112565" s="12"/>
    </row>
    <row r="112566" spans="8:8">
      <c r="H112566" s="12"/>
    </row>
    <row r="112567" spans="8:8">
      <c r="H112567" s="12"/>
    </row>
    <row r="112568" spans="8:8">
      <c r="H112568" s="12"/>
    </row>
    <row r="112569" spans="8:8">
      <c r="H112569" s="12"/>
    </row>
    <row r="112570" spans="8:8">
      <c r="H112570" s="12"/>
    </row>
    <row r="112571" spans="8:8">
      <c r="H112571" s="12"/>
    </row>
    <row r="112572" spans="8:8">
      <c r="H112572" s="12"/>
    </row>
    <row r="112573" spans="8:8">
      <c r="H112573" s="12"/>
    </row>
    <row r="112574" spans="8:8">
      <c r="H112574" s="12"/>
    </row>
    <row r="112575" spans="8:8">
      <c r="H112575" s="12"/>
    </row>
    <row r="112576" spans="8:8">
      <c r="H112576" s="12"/>
    </row>
    <row r="112577" spans="8:8">
      <c r="H112577" s="12"/>
    </row>
    <row r="112578" spans="8:8">
      <c r="H112578" s="12"/>
    </row>
    <row r="112579" spans="8:8">
      <c r="H112579" s="12"/>
    </row>
    <row r="112580" spans="8:8">
      <c r="H112580" s="12"/>
    </row>
    <row r="112581" spans="8:8">
      <c r="H112581" s="12"/>
    </row>
    <row r="112582" spans="8:8">
      <c r="H112582" s="12"/>
    </row>
    <row r="112583" spans="8:8">
      <c r="H112583" s="12"/>
    </row>
    <row r="112584" spans="8:8">
      <c r="H112584" s="12"/>
    </row>
    <row r="112585" spans="8:8">
      <c r="H112585" s="12"/>
    </row>
    <row r="112586" spans="8:8">
      <c r="H112586" s="12"/>
    </row>
    <row r="112587" spans="8:8">
      <c r="H112587" s="12"/>
    </row>
    <row r="112588" spans="8:8">
      <c r="H112588" s="12"/>
    </row>
    <row r="112589" spans="8:8">
      <c r="H112589" s="12"/>
    </row>
    <row r="112590" spans="8:8">
      <c r="H112590" s="12"/>
    </row>
    <row r="112591" spans="8:8">
      <c r="H112591" s="12"/>
    </row>
    <row r="112592" spans="8:8">
      <c r="H112592" s="12"/>
    </row>
    <row r="112593" spans="8:8">
      <c r="H112593" s="12"/>
    </row>
    <row r="112594" spans="8:8">
      <c r="H112594" s="12"/>
    </row>
    <row r="112595" spans="8:8">
      <c r="H112595" s="12"/>
    </row>
    <row r="112596" spans="8:8">
      <c r="H112596" s="12"/>
    </row>
    <row r="112597" spans="8:8">
      <c r="H112597" s="12"/>
    </row>
    <row r="112598" spans="8:8">
      <c r="H112598" s="12"/>
    </row>
    <row r="112599" spans="8:8">
      <c r="H112599" s="12"/>
    </row>
    <row r="112600" spans="8:8">
      <c r="H112600" s="12"/>
    </row>
    <row r="112601" spans="8:8">
      <c r="H112601" s="12"/>
    </row>
    <row r="112602" spans="8:8">
      <c r="H112602" s="12"/>
    </row>
    <row r="112603" spans="8:8">
      <c r="H112603" s="12"/>
    </row>
    <row r="112604" spans="8:8">
      <c r="H112604" s="12"/>
    </row>
    <row r="112605" spans="8:8">
      <c r="H112605" s="12"/>
    </row>
    <row r="112606" spans="8:8">
      <c r="H112606" s="12"/>
    </row>
    <row r="112607" spans="8:8">
      <c r="H112607" s="12"/>
    </row>
    <row r="112608" spans="8:8">
      <c r="H112608" s="12"/>
    </row>
    <row r="112609" spans="8:8">
      <c r="H112609" s="12"/>
    </row>
    <row r="112610" spans="8:8">
      <c r="H112610" s="12"/>
    </row>
    <row r="112611" spans="8:8">
      <c r="H112611" s="12"/>
    </row>
    <row r="112612" spans="8:8">
      <c r="H112612" s="12"/>
    </row>
    <row r="112613" spans="8:8">
      <c r="H112613" s="12"/>
    </row>
    <row r="112614" spans="8:8">
      <c r="H112614" s="12"/>
    </row>
    <row r="112615" spans="8:8">
      <c r="H112615" s="12"/>
    </row>
    <row r="112616" spans="8:8">
      <c r="H112616" s="12"/>
    </row>
    <row r="112617" spans="8:8">
      <c r="H112617" s="12"/>
    </row>
    <row r="112618" spans="8:8">
      <c r="H112618" s="12"/>
    </row>
    <row r="112619" spans="8:8">
      <c r="H112619" s="12"/>
    </row>
    <row r="112620" spans="8:8">
      <c r="H112620" s="12"/>
    </row>
    <row r="112621" spans="8:8">
      <c r="H112621" s="12"/>
    </row>
    <row r="112622" spans="8:8">
      <c r="H112622" s="12"/>
    </row>
    <row r="112623" spans="8:8">
      <c r="H112623" s="12"/>
    </row>
    <row r="112624" spans="8:8">
      <c r="H112624" s="12"/>
    </row>
    <row r="112625" spans="8:8">
      <c r="H112625" s="12"/>
    </row>
    <row r="112626" spans="8:8">
      <c r="H112626" s="12"/>
    </row>
    <row r="112627" spans="8:8">
      <c r="H112627" s="12"/>
    </row>
    <row r="112628" spans="8:8">
      <c r="H112628" s="12"/>
    </row>
    <row r="112629" spans="8:8">
      <c r="H112629" s="12"/>
    </row>
    <row r="112630" spans="8:8">
      <c r="H112630" s="12"/>
    </row>
    <row r="112631" spans="8:8">
      <c r="H112631" s="12"/>
    </row>
    <row r="112632" spans="8:8">
      <c r="H112632" s="12"/>
    </row>
    <row r="112633" spans="8:8">
      <c r="H112633" s="12"/>
    </row>
    <row r="112634" spans="8:8">
      <c r="H112634" s="12"/>
    </row>
    <row r="112635" spans="8:8">
      <c r="H112635" s="12"/>
    </row>
    <row r="112636" spans="8:8">
      <c r="H112636" s="12"/>
    </row>
    <row r="112637" spans="8:8">
      <c r="H112637" s="12"/>
    </row>
    <row r="112638" spans="8:8">
      <c r="H112638" s="12"/>
    </row>
    <row r="112639" spans="8:8">
      <c r="H112639" s="12"/>
    </row>
    <row r="112640" spans="8:8">
      <c r="H112640" s="12"/>
    </row>
    <row r="112641" spans="8:8">
      <c r="H112641" s="12"/>
    </row>
    <row r="112642" spans="8:8">
      <c r="H112642" s="12"/>
    </row>
    <row r="112643" spans="8:8">
      <c r="H112643" s="12"/>
    </row>
    <row r="112644" spans="8:8">
      <c r="H112644" s="12"/>
    </row>
    <row r="112645" spans="8:8">
      <c r="H112645" s="12"/>
    </row>
    <row r="112646" spans="8:8">
      <c r="H112646" s="12"/>
    </row>
    <row r="112647" spans="8:8">
      <c r="H112647" s="12"/>
    </row>
    <row r="112648" spans="8:8">
      <c r="H112648" s="12"/>
    </row>
    <row r="112649" spans="8:8">
      <c r="H112649" s="12"/>
    </row>
    <row r="112650" spans="8:8">
      <c r="H112650" s="12"/>
    </row>
    <row r="112651" spans="8:8">
      <c r="H112651" s="12"/>
    </row>
    <row r="112652" spans="8:8">
      <c r="H112652" s="12"/>
    </row>
    <row r="112653" spans="8:8">
      <c r="H112653" s="12"/>
    </row>
    <row r="112654" spans="8:8">
      <c r="H112654" s="12"/>
    </row>
    <row r="112655" spans="8:8">
      <c r="H112655" s="12"/>
    </row>
    <row r="112656" spans="8:8">
      <c r="H112656" s="12"/>
    </row>
    <row r="112657" spans="8:8">
      <c r="H112657" s="12"/>
    </row>
    <row r="112658" spans="8:8">
      <c r="H112658" s="12"/>
    </row>
    <row r="112659" spans="8:8">
      <c r="H112659" s="12"/>
    </row>
    <row r="112660" spans="8:8">
      <c r="H112660" s="12"/>
    </row>
    <row r="112661" spans="8:8">
      <c r="H112661" s="12"/>
    </row>
    <row r="112662" spans="8:8">
      <c r="H112662" s="12"/>
    </row>
    <row r="112663" spans="8:8">
      <c r="H112663" s="12"/>
    </row>
    <row r="112664" spans="8:8">
      <c r="H112664" s="12"/>
    </row>
    <row r="112665" spans="8:8">
      <c r="H112665" s="12"/>
    </row>
    <row r="112666" spans="8:8">
      <c r="H112666" s="12"/>
    </row>
    <row r="112667" spans="8:8">
      <c r="H112667" s="12"/>
    </row>
    <row r="112668" spans="8:8">
      <c r="H112668" s="12"/>
    </row>
    <row r="112669" spans="8:8">
      <c r="H112669" s="12"/>
    </row>
    <row r="112670" spans="8:8">
      <c r="H112670" s="12"/>
    </row>
    <row r="112671" spans="8:8">
      <c r="H112671" s="12"/>
    </row>
    <row r="112672" spans="8:8">
      <c r="H112672" s="12"/>
    </row>
    <row r="112673" spans="8:8">
      <c r="H112673" s="12"/>
    </row>
    <row r="112674" spans="8:8">
      <c r="H112674" s="12"/>
    </row>
    <row r="112675" spans="8:8">
      <c r="H112675" s="12"/>
    </row>
    <row r="112676" spans="8:8">
      <c r="H112676" s="12"/>
    </row>
    <row r="112677" spans="8:8">
      <c r="H112677" s="12"/>
    </row>
    <row r="112678" spans="8:8">
      <c r="H112678" s="12"/>
    </row>
    <row r="112679" spans="8:8">
      <c r="H112679" s="12"/>
    </row>
    <row r="112680" spans="8:8">
      <c r="H112680" s="12"/>
    </row>
    <row r="112681" spans="8:8">
      <c r="H112681" s="12"/>
    </row>
    <row r="112682" spans="8:8">
      <c r="H112682" s="12"/>
    </row>
    <row r="112683" spans="8:8">
      <c r="H112683" s="12"/>
    </row>
    <row r="112684" spans="8:8">
      <c r="H112684" s="12"/>
    </row>
    <row r="112685" spans="8:8">
      <c r="H112685" s="12"/>
    </row>
    <row r="112686" spans="8:8">
      <c r="H112686" s="12"/>
    </row>
    <row r="112687" spans="8:8">
      <c r="H112687" s="12"/>
    </row>
    <row r="112688" spans="8:8">
      <c r="H112688" s="12"/>
    </row>
    <row r="112689" spans="8:8">
      <c r="H112689" s="12"/>
    </row>
    <row r="112690" spans="8:8">
      <c r="H112690" s="12"/>
    </row>
    <row r="112691" spans="8:8">
      <c r="H112691" s="12"/>
    </row>
    <row r="112692" spans="8:8">
      <c r="H112692" s="12"/>
    </row>
    <row r="112693" spans="8:8">
      <c r="H112693" s="12"/>
    </row>
    <row r="112694" spans="8:8">
      <c r="H112694" s="12"/>
    </row>
    <row r="112695" spans="8:8">
      <c r="H112695" s="12"/>
    </row>
    <row r="112696" spans="8:8">
      <c r="H112696" s="12"/>
    </row>
    <row r="112697" spans="8:8">
      <c r="H112697" s="12"/>
    </row>
    <row r="112698" spans="8:8">
      <c r="H112698" s="12"/>
    </row>
    <row r="112699" spans="8:8">
      <c r="H112699" s="12"/>
    </row>
    <row r="112700" spans="8:8">
      <c r="H112700" s="12"/>
    </row>
    <row r="112701" spans="8:8">
      <c r="H112701" s="12"/>
    </row>
    <row r="112702" spans="8:8">
      <c r="H112702" s="12"/>
    </row>
    <row r="112703" spans="8:8">
      <c r="H112703" s="12"/>
    </row>
    <row r="112704" spans="8:8">
      <c r="H112704" s="12"/>
    </row>
    <row r="112705" spans="8:8">
      <c r="H112705" s="12"/>
    </row>
    <row r="112706" spans="8:8">
      <c r="H112706" s="12"/>
    </row>
    <row r="112707" spans="8:8">
      <c r="H112707" s="12"/>
    </row>
    <row r="112708" spans="8:8">
      <c r="H112708" s="12"/>
    </row>
    <row r="112709" spans="8:8">
      <c r="H112709" s="12"/>
    </row>
    <row r="112710" spans="8:8">
      <c r="H112710" s="12"/>
    </row>
    <row r="112711" spans="8:8">
      <c r="H112711" s="12"/>
    </row>
    <row r="112712" spans="8:8">
      <c r="H112712" s="12"/>
    </row>
    <row r="112713" spans="8:8">
      <c r="H112713" s="12"/>
    </row>
    <row r="112714" spans="8:8">
      <c r="H112714" s="12"/>
    </row>
    <row r="112715" spans="8:8">
      <c r="H112715" s="12"/>
    </row>
    <row r="112716" spans="8:8">
      <c r="H112716" s="12"/>
    </row>
    <row r="112717" spans="8:8">
      <c r="H112717" s="12"/>
    </row>
    <row r="112718" spans="8:8">
      <c r="H112718" s="12"/>
    </row>
    <row r="112719" spans="8:8">
      <c r="H112719" s="12"/>
    </row>
    <row r="112720" spans="8:8">
      <c r="H112720" s="12"/>
    </row>
    <row r="112721" spans="8:8">
      <c r="H112721" s="12"/>
    </row>
    <row r="112722" spans="8:8">
      <c r="H112722" s="12"/>
    </row>
    <row r="112723" spans="8:8">
      <c r="H112723" s="12"/>
    </row>
    <row r="112724" spans="8:8">
      <c r="H112724" s="12"/>
    </row>
    <row r="112725" spans="8:8">
      <c r="H112725" s="12"/>
    </row>
    <row r="112726" spans="8:8">
      <c r="H112726" s="12"/>
    </row>
    <row r="112727" spans="8:8">
      <c r="H112727" s="12"/>
    </row>
    <row r="112728" spans="8:8">
      <c r="H112728" s="12"/>
    </row>
    <row r="112729" spans="8:8">
      <c r="H112729" s="12"/>
    </row>
    <row r="112730" spans="8:8">
      <c r="H112730" s="12"/>
    </row>
    <row r="112731" spans="8:8">
      <c r="H112731" s="12"/>
    </row>
    <row r="112732" spans="8:8">
      <c r="H112732" s="12"/>
    </row>
    <row r="112733" spans="8:8">
      <c r="H112733" s="12"/>
    </row>
    <row r="112734" spans="8:8">
      <c r="H112734" s="12"/>
    </row>
    <row r="112735" spans="8:8">
      <c r="H112735" s="12"/>
    </row>
    <row r="112736" spans="8:8">
      <c r="H112736" s="12"/>
    </row>
    <row r="112737" spans="8:8">
      <c r="H112737" s="12"/>
    </row>
    <row r="112738" spans="8:8">
      <c r="H112738" s="12"/>
    </row>
    <row r="112739" spans="8:8">
      <c r="H112739" s="12"/>
    </row>
    <row r="112740" spans="8:8">
      <c r="H112740" s="12"/>
    </row>
    <row r="112741" spans="8:8">
      <c r="H112741" s="12"/>
    </row>
    <row r="112742" spans="8:8">
      <c r="H112742" s="12"/>
    </row>
    <row r="112743" spans="8:8">
      <c r="H112743" s="12"/>
    </row>
    <row r="112744" spans="8:8">
      <c r="H112744" s="12"/>
    </row>
    <row r="112745" spans="8:8">
      <c r="H112745" s="12"/>
    </row>
    <row r="112746" spans="8:8">
      <c r="H112746" s="12"/>
    </row>
    <row r="112747" spans="8:8">
      <c r="H112747" s="12"/>
    </row>
    <row r="112748" spans="8:8">
      <c r="H112748" s="12"/>
    </row>
    <row r="112749" spans="8:8">
      <c r="H112749" s="12"/>
    </row>
    <row r="112750" spans="8:8">
      <c r="H112750" s="12"/>
    </row>
    <row r="112751" spans="8:8">
      <c r="H112751" s="12"/>
    </row>
    <row r="112752" spans="8:8">
      <c r="H112752" s="12"/>
    </row>
    <row r="112753" spans="8:8">
      <c r="H112753" s="12"/>
    </row>
    <row r="112754" spans="8:8">
      <c r="H112754" s="12"/>
    </row>
    <row r="112755" spans="8:8">
      <c r="H112755" s="12"/>
    </row>
    <row r="112756" spans="8:8">
      <c r="H112756" s="12"/>
    </row>
    <row r="112757" spans="8:8">
      <c r="H112757" s="12"/>
    </row>
    <row r="112758" spans="8:8">
      <c r="H112758" s="12"/>
    </row>
    <row r="112759" spans="8:8">
      <c r="H112759" s="12"/>
    </row>
    <row r="112760" spans="8:8">
      <c r="H112760" s="12"/>
    </row>
    <row r="112761" spans="8:8">
      <c r="H112761" s="12"/>
    </row>
    <row r="112762" spans="8:8">
      <c r="H112762" s="12"/>
    </row>
    <row r="112763" spans="8:8">
      <c r="H112763" s="12"/>
    </row>
    <row r="112764" spans="8:8">
      <c r="H112764" s="12"/>
    </row>
    <row r="112765" spans="8:8">
      <c r="H112765" s="12"/>
    </row>
    <row r="112766" spans="8:8">
      <c r="H112766" s="12"/>
    </row>
    <row r="112767" spans="8:8">
      <c r="H112767" s="12"/>
    </row>
    <row r="112768" spans="8:8">
      <c r="H112768" s="12"/>
    </row>
    <row r="112769" spans="8:8">
      <c r="H112769" s="12"/>
    </row>
    <row r="112770" spans="8:8">
      <c r="H112770" s="12"/>
    </row>
    <row r="112771" spans="8:8">
      <c r="H112771" s="12"/>
    </row>
    <row r="112772" spans="8:8">
      <c r="H112772" s="12"/>
    </row>
    <row r="112773" spans="8:8">
      <c r="H112773" s="12"/>
    </row>
    <row r="112774" spans="8:8">
      <c r="H112774" s="12"/>
    </row>
    <row r="112775" spans="8:8">
      <c r="H112775" s="12"/>
    </row>
    <row r="112776" spans="8:8">
      <c r="H112776" s="12"/>
    </row>
    <row r="112777" spans="8:8">
      <c r="H112777" s="12"/>
    </row>
    <row r="112778" spans="8:8">
      <c r="H112778" s="12"/>
    </row>
    <row r="112779" spans="8:8">
      <c r="H112779" s="12"/>
    </row>
    <row r="112780" spans="8:8">
      <c r="H112780" s="12"/>
    </row>
    <row r="112781" spans="8:8">
      <c r="H112781" s="12"/>
    </row>
    <row r="112782" spans="8:8">
      <c r="H112782" s="12"/>
    </row>
    <row r="112783" spans="8:8">
      <c r="H112783" s="12"/>
    </row>
    <row r="112784" spans="8:8">
      <c r="H112784" s="12"/>
    </row>
    <row r="112785" spans="8:8">
      <c r="H112785" s="12"/>
    </row>
    <row r="112786" spans="8:8">
      <c r="H112786" s="12"/>
    </row>
    <row r="112787" spans="8:8">
      <c r="H112787" s="12"/>
    </row>
    <row r="112788" spans="8:8">
      <c r="H112788" s="12"/>
    </row>
    <row r="112789" spans="8:8">
      <c r="H112789" s="12"/>
    </row>
    <row r="112790" spans="8:8">
      <c r="H112790" s="12"/>
    </row>
    <row r="112791" spans="8:8">
      <c r="H112791" s="12"/>
    </row>
    <row r="112792" spans="8:8">
      <c r="H112792" s="12"/>
    </row>
    <row r="112793" spans="8:8">
      <c r="H112793" s="12"/>
    </row>
    <row r="112794" spans="8:8">
      <c r="H112794" s="12"/>
    </row>
    <row r="112795" spans="8:8">
      <c r="H112795" s="12"/>
    </row>
    <row r="112796" spans="8:8">
      <c r="H112796" s="12"/>
    </row>
    <row r="112797" spans="8:8">
      <c r="H112797" s="12"/>
    </row>
    <row r="112798" spans="8:8">
      <c r="H112798" s="12"/>
    </row>
    <row r="112799" spans="8:8">
      <c r="H112799" s="12"/>
    </row>
    <row r="112800" spans="8:8">
      <c r="H112800" s="12"/>
    </row>
    <row r="112801" spans="8:8">
      <c r="H112801" s="12"/>
    </row>
    <row r="112802" spans="8:8">
      <c r="H112802" s="12"/>
    </row>
    <row r="112803" spans="8:8">
      <c r="H112803" s="12"/>
    </row>
    <row r="112804" spans="8:8">
      <c r="H112804" s="12"/>
    </row>
    <row r="112805" spans="8:8">
      <c r="H112805" s="12"/>
    </row>
    <row r="112806" spans="8:8">
      <c r="H112806" s="12"/>
    </row>
    <row r="112807" spans="8:8">
      <c r="H112807" s="12"/>
    </row>
    <row r="112808" spans="8:8">
      <c r="H112808" s="12"/>
    </row>
    <row r="112809" spans="8:8">
      <c r="H112809" s="12"/>
    </row>
    <row r="112810" spans="8:8">
      <c r="H112810" s="12"/>
    </row>
    <row r="112811" spans="8:8">
      <c r="H112811" s="12"/>
    </row>
    <row r="112812" spans="8:8">
      <c r="H112812" s="12"/>
    </row>
    <row r="112813" spans="8:8">
      <c r="H112813" s="12"/>
    </row>
    <row r="112814" spans="8:8">
      <c r="H112814" s="12"/>
    </row>
    <row r="112815" spans="8:8">
      <c r="H112815" s="12"/>
    </row>
    <row r="112816" spans="8:8">
      <c r="H112816" s="12"/>
    </row>
    <row r="112817" spans="8:8">
      <c r="H112817" s="12"/>
    </row>
    <row r="112818" spans="8:8">
      <c r="H112818" s="12"/>
    </row>
    <row r="112819" spans="8:8">
      <c r="H112819" s="12"/>
    </row>
    <row r="112820" spans="8:8">
      <c r="H112820" s="12"/>
    </row>
    <row r="112821" spans="8:8">
      <c r="H112821" s="12"/>
    </row>
    <row r="112822" spans="8:8">
      <c r="H112822" s="12"/>
    </row>
    <row r="112823" spans="8:8">
      <c r="H112823" s="12"/>
    </row>
    <row r="112824" spans="8:8">
      <c r="H112824" s="12"/>
    </row>
    <row r="112825" spans="8:8">
      <c r="H112825" s="12"/>
    </row>
    <row r="112826" spans="8:8">
      <c r="H112826" s="12"/>
    </row>
    <row r="112827" spans="8:8">
      <c r="H112827" s="12"/>
    </row>
    <row r="112828" spans="8:8">
      <c r="H112828" s="12"/>
    </row>
    <row r="112829" spans="8:8">
      <c r="H112829" s="12"/>
    </row>
    <row r="112830" spans="8:8">
      <c r="H112830" s="12"/>
    </row>
    <row r="112831" spans="8:8">
      <c r="H112831" s="12"/>
    </row>
    <row r="112832" spans="8:8">
      <c r="H112832" s="12"/>
    </row>
    <row r="112833" spans="8:8">
      <c r="H112833" s="12"/>
    </row>
    <row r="112834" spans="8:8">
      <c r="H112834" s="12"/>
    </row>
    <row r="112835" spans="8:8">
      <c r="H112835" s="12"/>
    </row>
    <row r="112836" spans="8:8">
      <c r="H112836" s="12"/>
    </row>
    <row r="112837" spans="8:8">
      <c r="H112837" s="12"/>
    </row>
    <row r="112838" spans="8:8">
      <c r="H112838" s="12"/>
    </row>
    <row r="112839" spans="8:8">
      <c r="H112839" s="12"/>
    </row>
    <row r="112840" spans="8:8">
      <c r="H112840" s="12"/>
    </row>
    <row r="112841" spans="8:8">
      <c r="H112841" s="12"/>
    </row>
    <row r="112842" spans="8:8">
      <c r="H112842" s="12"/>
    </row>
    <row r="112843" spans="8:8">
      <c r="H112843" s="12"/>
    </row>
    <row r="112844" spans="8:8">
      <c r="H112844" s="12"/>
    </row>
    <row r="112845" spans="8:8">
      <c r="H112845" s="12"/>
    </row>
    <row r="112846" spans="8:8">
      <c r="H112846" s="12"/>
    </row>
    <row r="112847" spans="8:8">
      <c r="H112847" s="12"/>
    </row>
    <row r="112848" spans="8:8">
      <c r="H112848" s="12"/>
    </row>
    <row r="112849" spans="8:8">
      <c r="H112849" s="12"/>
    </row>
    <row r="112850" spans="8:8">
      <c r="H112850" s="12"/>
    </row>
    <row r="112851" spans="8:8">
      <c r="H112851" s="12"/>
    </row>
    <row r="112852" spans="8:8">
      <c r="H112852" s="12"/>
    </row>
    <row r="112853" spans="8:8">
      <c r="H112853" s="12"/>
    </row>
    <row r="112854" spans="8:8">
      <c r="H112854" s="12"/>
    </row>
    <row r="112855" spans="8:8">
      <c r="H112855" s="12"/>
    </row>
    <row r="112856" spans="8:8">
      <c r="H112856" s="12"/>
    </row>
    <row r="112857" spans="8:8">
      <c r="H112857" s="12"/>
    </row>
    <row r="112858" spans="8:8">
      <c r="H112858" s="12"/>
    </row>
    <row r="112859" spans="8:8">
      <c r="H112859" s="12"/>
    </row>
    <row r="112860" spans="8:8">
      <c r="H112860" s="12"/>
    </row>
    <row r="112861" spans="8:8">
      <c r="H112861" s="12"/>
    </row>
    <row r="112862" spans="8:8">
      <c r="H112862" s="12"/>
    </row>
    <row r="112863" spans="8:8">
      <c r="H112863" s="12"/>
    </row>
    <row r="112864" spans="8:8">
      <c r="H112864" s="12"/>
    </row>
    <row r="112865" spans="8:8">
      <c r="H112865" s="12"/>
    </row>
    <row r="112866" spans="8:8">
      <c r="H112866" s="12"/>
    </row>
    <row r="112867" spans="8:8">
      <c r="H112867" s="12"/>
    </row>
    <row r="112868" spans="8:8">
      <c r="H112868" s="12"/>
    </row>
    <row r="112869" spans="8:8">
      <c r="H112869" s="12"/>
    </row>
    <row r="112870" spans="8:8">
      <c r="H112870" s="12"/>
    </row>
    <row r="112871" spans="8:8">
      <c r="H112871" s="12"/>
    </row>
    <row r="112872" spans="8:8">
      <c r="H112872" s="12"/>
    </row>
    <row r="112873" spans="8:8">
      <c r="H112873" s="12"/>
    </row>
    <row r="112874" spans="8:8">
      <c r="H112874" s="12"/>
    </row>
    <row r="112875" spans="8:8">
      <c r="H112875" s="12"/>
    </row>
    <row r="112876" spans="8:8">
      <c r="H112876" s="12"/>
    </row>
    <row r="112877" spans="8:8">
      <c r="H112877" s="12"/>
    </row>
    <row r="112878" spans="8:8">
      <c r="H112878" s="12"/>
    </row>
    <row r="112879" spans="8:8">
      <c r="H112879" s="12"/>
    </row>
    <row r="112880" spans="8:8">
      <c r="H112880" s="12"/>
    </row>
    <row r="112881" spans="8:8">
      <c r="H112881" s="12"/>
    </row>
    <row r="112882" spans="8:8">
      <c r="H112882" s="12"/>
    </row>
    <row r="112883" spans="8:8">
      <c r="H112883" s="12"/>
    </row>
    <row r="112884" spans="8:8">
      <c r="H112884" s="12"/>
    </row>
    <row r="112885" spans="8:8">
      <c r="H112885" s="12"/>
    </row>
    <row r="112886" spans="8:8">
      <c r="H112886" s="12"/>
    </row>
    <row r="112887" spans="8:8">
      <c r="H112887" s="12"/>
    </row>
    <row r="112888" spans="8:8">
      <c r="H112888" s="12"/>
    </row>
    <row r="112889" spans="8:8">
      <c r="H112889" s="12"/>
    </row>
    <row r="112890" spans="8:8">
      <c r="H112890" s="12"/>
    </row>
    <row r="112891" spans="8:8">
      <c r="H112891" s="12"/>
    </row>
    <row r="112892" spans="8:8">
      <c r="H112892" s="12"/>
    </row>
    <row r="112893" spans="8:8">
      <c r="H112893" s="12"/>
    </row>
    <row r="112894" spans="8:8">
      <c r="H112894" s="12"/>
    </row>
    <row r="112895" spans="8:8">
      <c r="H112895" s="12"/>
    </row>
    <row r="112896" spans="8:8">
      <c r="H112896" s="12"/>
    </row>
    <row r="112897" spans="8:8">
      <c r="H112897" s="12"/>
    </row>
    <row r="112898" spans="8:8">
      <c r="H112898" s="12"/>
    </row>
    <row r="112899" spans="8:8">
      <c r="H112899" s="12"/>
    </row>
    <row r="112900" spans="8:8">
      <c r="H112900" s="12"/>
    </row>
    <row r="112901" spans="8:8">
      <c r="H112901" s="12"/>
    </row>
    <row r="112902" spans="8:8">
      <c r="H112902" s="12"/>
    </row>
    <row r="112903" spans="8:8">
      <c r="H112903" s="12"/>
    </row>
    <row r="112904" spans="8:8">
      <c r="H112904" s="12"/>
    </row>
    <row r="112905" spans="8:8">
      <c r="H112905" s="12"/>
    </row>
    <row r="112906" spans="8:8">
      <c r="H112906" s="12"/>
    </row>
    <row r="112907" spans="8:8">
      <c r="H112907" s="12"/>
    </row>
    <row r="112908" spans="8:8">
      <c r="H112908" s="12"/>
    </row>
    <row r="112909" spans="8:8">
      <c r="H112909" s="12"/>
    </row>
    <row r="112910" spans="8:8">
      <c r="H112910" s="12"/>
    </row>
    <row r="112911" spans="8:8">
      <c r="H112911" s="12"/>
    </row>
    <row r="112912" spans="8:8">
      <c r="H112912" s="12"/>
    </row>
    <row r="112913" spans="8:8">
      <c r="H112913" s="12"/>
    </row>
    <row r="112914" spans="8:8">
      <c r="H112914" s="12"/>
    </row>
    <row r="112915" spans="8:8">
      <c r="H112915" s="12"/>
    </row>
    <row r="112916" spans="8:8">
      <c r="H112916" s="12"/>
    </row>
    <row r="112917" spans="8:8">
      <c r="H112917" s="12"/>
    </row>
    <row r="112918" spans="8:8">
      <c r="H112918" s="12"/>
    </row>
    <row r="112919" spans="8:8">
      <c r="H112919" s="12"/>
    </row>
    <row r="112920" spans="8:8">
      <c r="H112920" s="12"/>
    </row>
    <row r="112921" spans="8:8">
      <c r="H112921" s="12"/>
    </row>
    <row r="112922" spans="8:8">
      <c r="H112922" s="12"/>
    </row>
    <row r="112923" spans="8:8">
      <c r="H112923" s="12"/>
    </row>
    <row r="112924" spans="8:8">
      <c r="H112924" s="12"/>
    </row>
    <row r="112925" spans="8:8">
      <c r="H112925" s="12"/>
    </row>
    <row r="112926" spans="8:8">
      <c r="H112926" s="12"/>
    </row>
    <row r="112927" spans="8:8">
      <c r="H112927" s="12"/>
    </row>
    <row r="112928" spans="8:8">
      <c r="H112928" s="12"/>
    </row>
    <row r="112929" spans="8:8">
      <c r="H112929" s="12"/>
    </row>
    <row r="112930" spans="8:8">
      <c r="H112930" s="12"/>
    </row>
    <row r="112931" spans="8:8">
      <c r="H112931" s="12"/>
    </row>
    <row r="112932" spans="8:8">
      <c r="H112932" s="12"/>
    </row>
    <row r="112933" spans="8:8">
      <c r="H112933" s="12"/>
    </row>
    <row r="112934" spans="8:8">
      <c r="H112934" s="12"/>
    </row>
    <row r="112935" spans="8:8">
      <c r="H112935" s="12"/>
    </row>
    <row r="112936" spans="8:8">
      <c r="H112936" s="12"/>
    </row>
    <row r="112937" spans="8:8">
      <c r="H112937" s="12"/>
    </row>
    <row r="112938" spans="8:8">
      <c r="H112938" s="12"/>
    </row>
    <row r="112939" spans="8:8">
      <c r="H112939" s="12"/>
    </row>
    <row r="112940" spans="8:8">
      <c r="H112940" s="12"/>
    </row>
    <row r="112941" spans="8:8">
      <c r="H112941" s="12"/>
    </row>
    <row r="112942" spans="8:8">
      <c r="H112942" s="12"/>
    </row>
    <row r="112943" spans="8:8">
      <c r="H112943" s="12"/>
    </row>
    <row r="112944" spans="8:8">
      <c r="H112944" s="12"/>
    </row>
    <row r="112945" spans="8:8">
      <c r="H112945" s="12"/>
    </row>
    <row r="112946" spans="8:8">
      <c r="H112946" s="12"/>
    </row>
    <row r="112947" spans="8:8">
      <c r="H112947" s="12"/>
    </row>
    <row r="112948" spans="8:8">
      <c r="H112948" s="12"/>
    </row>
    <row r="112949" spans="8:8">
      <c r="H112949" s="12"/>
    </row>
    <row r="112950" spans="8:8">
      <c r="H112950" s="12"/>
    </row>
    <row r="112951" spans="8:8">
      <c r="H112951" s="12"/>
    </row>
    <row r="112952" spans="8:8">
      <c r="H112952" s="12"/>
    </row>
    <row r="112953" spans="8:8">
      <c r="H112953" s="12"/>
    </row>
    <row r="112954" spans="8:8">
      <c r="H112954" s="12"/>
    </row>
    <row r="112955" spans="8:8">
      <c r="H112955" s="12"/>
    </row>
    <row r="112956" spans="8:8">
      <c r="H112956" s="12"/>
    </row>
    <row r="112957" spans="8:8">
      <c r="H112957" s="12"/>
    </row>
    <row r="112958" spans="8:8">
      <c r="H112958" s="12"/>
    </row>
    <row r="112959" spans="8:8">
      <c r="H112959" s="12"/>
    </row>
    <row r="112960" spans="8:8">
      <c r="H112960" s="12"/>
    </row>
    <row r="112961" spans="8:8">
      <c r="H112961" s="12"/>
    </row>
    <row r="112962" spans="8:8">
      <c r="H112962" s="12"/>
    </row>
    <row r="112963" spans="8:8">
      <c r="H112963" s="12"/>
    </row>
    <row r="112964" spans="8:8">
      <c r="H112964" s="12"/>
    </row>
    <row r="112965" spans="8:8">
      <c r="H112965" s="12"/>
    </row>
    <row r="112966" spans="8:8">
      <c r="H112966" s="12"/>
    </row>
    <row r="112967" spans="8:8">
      <c r="H112967" s="12"/>
    </row>
    <row r="112968" spans="8:8">
      <c r="H112968" s="12"/>
    </row>
    <row r="112969" spans="8:8">
      <c r="H112969" s="12"/>
    </row>
    <row r="112970" spans="8:8">
      <c r="H112970" s="12"/>
    </row>
    <row r="112971" spans="8:8">
      <c r="H112971" s="12"/>
    </row>
    <row r="112972" spans="8:8">
      <c r="H112972" s="12"/>
    </row>
    <row r="112973" spans="8:8">
      <c r="H112973" s="12"/>
    </row>
    <row r="112974" spans="8:8">
      <c r="H112974" s="12"/>
    </row>
    <row r="112975" spans="8:8">
      <c r="H112975" s="12"/>
    </row>
    <row r="112976" spans="8:8">
      <c r="H112976" s="12"/>
    </row>
    <row r="112977" spans="8:8">
      <c r="H112977" s="12"/>
    </row>
    <row r="112978" spans="8:8">
      <c r="H112978" s="12"/>
    </row>
    <row r="112979" spans="8:8">
      <c r="H112979" s="12"/>
    </row>
    <row r="112980" spans="8:8">
      <c r="H112980" s="12"/>
    </row>
    <row r="112981" spans="8:8">
      <c r="H112981" s="12"/>
    </row>
    <row r="112982" spans="8:8">
      <c r="H112982" s="12"/>
    </row>
    <row r="112983" spans="8:8">
      <c r="H112983" s="12"/>
    </row>
    <row r="112984" spans="8:8">
      <c r="H112984" s="12"/>
    </row>
    <row r="112985" spans="8:8">
      <c r="H112985" s="12"/>
    </row>
    <row r="112986" spans="8:8">
      <c r="H112986" s="12"/>
    </row>
    <row r="112987" spans="8:8">
      <c r="H112987" s="12"/>
    </row>
    <row r="112988" spans="8:8">
      <c r="H112988" s="12"/>
    </row>
    <row r="112989" spans="8:8">
      <c r="H112989" s="12"/>
    </row>
    <row r="112990" spans="8:8">
      <c r="H112990" s="12"/>
    </row>
    <row r="112991" spans="8:8">
      <c r="H112991" s="12"/>
    </row>
    <row r="112992" spans="8:8">
      <c r="H112992" s="12"/>
    </row>
    <row r="112993" spans="8:8">
      <c r="H112993" s="12"/>
    </row>
    <row r="112994" spans="8:8">
      <c r="H112994" s="12"/>
    </row>
    <row r="112995" spans="8:8">
      <c r="H112995" s="12"/>
    </row>
    <row r="112996" spans="8:8">
      <c r="H112996" s="12"/>
    </row>
    <row r="112997" spans="8:8">
      <c r="H112997" s="12"/>
    </row>
    <row r="112998" spans="8:8">
      <c r="H112998" s="12"/>
    </row>
    <row r="112999" spans="8:8">
      <c r="H112999" s="12"/>
    </row>
    <row r="113000" spans="8:8">
      <c r="H113000" s="12"/>
    </row>
    <row r="113001" spans="8:8">
      <c r="H113001" s="12"/>
    </row>
    <row r="113002" spans="8:8">
      <c r="H113002" s="12"/>
    </row>
    <row r="113003" spans="8:8">
      <c r="H113003" s="12"/>
    </row>
    <row r="113004" spans="8:8">
      <c r="H113004" s="12"/>
    </row>
    <row r="113005" spans="8:8">
      <c r="H113005" s="12"/>
    </row>
    <row r="113006" spans="8:8">
      <c r="H113006" s="12"/>
    </row>
    <row r="113007" spans="8:8">
      <c r="H113007" s="12"/>
    </row>
    <row r="113008" spans="8:8">
      <c r="H113008" s="12"/>
    </row>
    <row r="113009" spans="8:8">
      <c r="H113009" s="12"/>
    </row>
    <row r="113010" spans="8:8">
      <c r="H113010" s="12"/>
    </row>
    <row r="113011" spans="8:8">
      <c r="H113011" s="12"/>
    </row>
    <row r="113012" spans="8:8">
      <c r="H113012" s="12"/>
    </row>
    <row r="113013" spans="8:8">
      <c r="H113013" s="12"/>
    </row>
    <row r="113014" spans="8:8">
      <c r="H113014" s="12"/>
    </row>
    <row r="113015" spans="8:8">
      <c r="H113015" s="12"/>
    </row>
    <row r="113016" spans="8:8">
      <c r="H113016" s="12"/>
    </row>
    <row r="113017" spans="8:8">
      <c r="H113017" s="12"/>
    </row>
    <row r="113018" spans="8:8">
      <c r="H113018" s="12"/>
    </row>
    <row r="113019" spans="8:8">
      <c r="H113019" s="12"/>
    </row>
    <row r="113020" spans="8:8">
      <c r="H113020" s="12"/>
    </row>
    <row r="113021" spans="8:8">
      <c r="H113021" s="12"/>
    </row>
    <row r="113022" spans="8:8">
      <c r="H113022" s="12"/>
    </row>
    <row r="113023" spans="8:8">
      <c r="H113023" s="12"/>
    </row>
    <row r="113024" spans="8:8">
      <c r="H113024" s="12"/>
    </row>
    <row r="113025" spans="8:8">
      <c r="H113025" s="12"/>
    </row>
    <row r="113026" spans="8:8">
      <c r="H113026" s="12"/>
    </row>
    <row r="113027" spans="8:8">
      <c r="H113027" s="12"/>
    </row>
    <row r="113028" spans="8:8">
      <c r="H113028" s="12"/>
    </row>
    <row r="113029" spans="8:8">
      <c r="H113029" s="12"/>
    </row>
    <row r="113030" spans="8:8">
      <c r="H113030" s="12"/>
    </row>
    <row r="113031" spans="8:8">
      <c r="H113031" s="12"/>
    </row>
    <row r="113032" spans="8:8">
      <c r="H113032" s="12"/>
    </row>
    <row r="113033" spans="8:8">
      <c r="H113033" s="12"/>
    </row>
    <row r="113034" spans="8:8">
      <c r="H113034" s="12"/>
    </row>
    <row r="113035" spans="8:8">
      <c r="H113035" s="12"/>
    </row>
    <row r="113036" spans="8:8">
      <c r="H113036" s="12"/>
    </row>
    <row r="113037" spans="8:8">
      <c r="H113037" s="12"/>
    </row>
    <row r="113038" spans="8:8">
      <c r="H113038" s="12"/>
    </row>
    <row r="113039" spans="8:8">
      <c r="H113039" s="12"/>
    </row>
    <row r="113040" spans="8:8">
      <c r="H113040" s="12"/>
    </row>
    <row r="113041" spans="8:8">
      <c r="H113041" s="12"/>
    </row>
    <row r="113042" spans="8:8">
      <c r="H113042" s="12"/>
    </row>
    <row r="113043" spans="8:8">
      <c r="H113043" s="12"/>
    </row>
    <row r="113044" spans="8:8">
      <c r="H113044" s="12"/>
    </row>
    <row r="113045" spans="8:8">
      <c r="H113045" s="12"/>
    </row>
    <row r="113046" spans="8:8">
      <c r="H113046" s="12"/>
    </row>
    <row r="113047" spans="8:8">
      <c r="H113047" s="12"/>
    </row>
    <row r="113048" spans="8:8">
      <c r="H113048" s="12"/>
    </row>
    <row r="113049" spans="8:8">
      <c r="H113049" s="12"/>
    </row>
    <row r="113050" spans="8:8">
      <c r="H113050" s="12"/>
    </row>
    <row r="113051" spans="8:8">
      <c r="H113051" s="12"/>
    </row>
    <row r="113052" spans="8:8">
      <c r="H113052" s="12"/>
    </row>
    <row r="113053" spans="8:8">
      <c r="H113053" s="12"/>
    </row>
    <row r="113054" spans="8:8">
      <c r="H113054" s="12"/>
    </row>
    <row r="113055" spans="8:8">
      <c r="H113055" s="12"/>
    </row>
    <row r="113056" spans="8:8">
      <c r="H113056" s="12"/>
    </row>
    <row r="113057" spans="8:8">
      <c r="H113057" s="12"/>
    </row>
    <row r="113058" spans="8:8">
      <c r="H113058" s="12"/>
    </row>
    <row r="113059" spans="8:8">
      <c r="H113059" s="12"/>
    </row>
    <row r="113060" spans="8:8">
      <c r="H113060" s="12"/>
    </row>
    <row r="113061" spans="8:8">
      <c r="H113061" s="12"/>
    </row>
    <row r="113062" spans="8:8">
      <c r="H113062" s="12"/>
    </row>
    <row r="113063" spans="8:8">
      <c r="H113063" s="12"/>
    </row>
    <row r="113064" spans="8:8">
      <c r="H113064" s="12"/>
    </row>
    <row r="113065" spans="8:8">
      <c r="H113065" s="12"/>
    </row>
    <row r="113066" spans="8:8">
      <c r="H113066" s="12"/>
    </row>
    <row r="113067" spans="8:8">
      <c r="H113067" s="12"/>
    </row>
    <row r="113068" spans="8:8">
      <c r="H113068" s="12"/>
    </row>
    <row r="113069" spans="8:8">
      <c r="H113069" s="12"/>
    </row>
    <row r="113070" spans="8:8">
      <c r="H113070" s="12"/>
    </row>
    <row r="113071" spans="8:8">
      <c r="H113071" s="12"/>
    </row>
    <row r="113072" spans="8:8">
      <c r="H113072" s="12"/>
    </row>
    <row r="113073" spans="8:8">
      <c r="H113073" s="12"/>
    </row>
    <row r="113074" spans="8:8">
      <c r="H113074" s="12"/>
    </row>
    <row r="113075" spans="8:8">
      <c r="H113075" s="12"/>
    </row>
    <row r="113076" spans="8:8">
      <c r="H113076" s="12"/>
    </row>
    <row r="113077" spans="8:8">
      <c r="H113077" s="12"/>
    </row>
    <row r="113078" spans="8:8">
      <c r="H113078" s="12"/>
    </row>
    <row r="113079" spans="8:8">
      <c r="H113079" s="12"/>
    </row>
    <row r="113080" spans="8:8">
      <c r="H113080" s="12"/>
    </row>
    <row r="113081" spans="8:8">
      <c r="H113081" s="12"/>
    </row>
    <row r="113082" spans="8:8">
      <c r="H113082" s="12"/>
    </row>
    <row r="113083" spans="8:8">
      <c r="H113083" s="12"/>
    </row>
    <row r="113084" spans="8:8">
      <c r="H113084" s="12"/>
    </row>
    <row r="113085" spans="8:8">
      <c r="H113085" s="12"/>
    </row>
    <row r="113086" spans="8:8">
      <c r="H113086" s="12"/>
    </row>
    <row r="113087" spans="8:8">
      <c r="H113087" s="12"/>
    </row>
    <row r="113088" spans="8:8">
      <c r="H113088" s="12"/>
    </row>
    <row r="113089" spans="8:8">
      <c r="H113089" s="12"/>
    </row>
    <row r="113090" spans="8:8">
      <c r="H113090" s="12"/>
    </row>
    <row r="113091" spans="8:8">
      <c r="H113091" s="12"/>
    </row>
    <row r="113092" spans="8:8">
      <c r="H113092" s="12"/>
    </row>
    <row r="113093" spans="8:8">
      <c r="H113093" s="12"/>
    </row>
    <row r="113094" spans="8:8">
      <c r="H113094" s="12"/>
    </row>
    <row r="113095" spans="8:8">
      <c r="H113095" s="12"/>
    </row>
    <row r="113096" spans="8:8">
      <c r="H113096" s="12"/>
    </row>
    <row r="113097" spans="8:8">
      <c r="H113097" s="12"/>
    </row>
    <row r="113098" spans="8:8">
      <c r="H113098" s="12"/>
    </row>
    <row r="113099" spans="8:8">
      <c r="H113099" s="12"/>
    </row>
    <row r="113100" spans="8:8">
      <c r="H113100" s="12"/>
    </row>
    <row r="113101" spans="8:8">
      <c r="H113101" s="12"/>
    </row>
    <row r="113102" spans="8:8">
      <c r="H113102" s="12"/>
    </row>
    <row r="113103" spans="8:8">
      <c r="H113103" s="12"/>
    </row>
    <row r="113104" spans="8:8">
      <c r="H113104" s="12"/>
    </row>
    <row r="113105" spans="8:8">
      <c r="H113105" s="12"/>
    </row>
    <row r="113106" spans="8:8">
      <c r="H113106" s="12"/>
    </row>
    <row r="113107" spans="8:8">
      <c r="H113107" s="12"/>
    </row>
    <row r="113108" spans="8:8">
      <c r="H113108" s="12"/>
    </row>
    <row r="113109" spans="8:8">
      <c r="H113109" s="12"/>
    </row>
    <row r="113110" spans="8:8">
      <c r="H113110" s="12"/>
    </row>
    <row r="113111" spans="8:8">
      <c r="H113111" s="12"/>
    </row>
    <row r="113112" spans="8:8">
      <c r="H113112" s="12"/>
    </row>
    <row r="113113" spans="8:8">
      <c r="H113113" s="12"/>
    </row>
    <row r="113114" spans="8:8">
      <c r="H113114" s="12"/>
    </row>
    <row r="113115" spans="8:8">
      <c r="H113115" s="12"/>
    </row>
    <row r="113116" spans="8:8">
      <c r="H113116" s="12"/>
    </row>
    <row r="113117" spans="8:8">
      <c r="H113117" s="12"/>
    </row>
    <row r="113118" spans="8:8">
      <c r="H113118" s="12"/>
    </row>
    <row r="113119" spans="8:8">
      <c r="H113119" s="12"/>
    </row>
    <row r="113120" spans="8:8">
      <c r="H113120" s="12"/>
    </row>
    <row r="113121" spans="8:8">
      <c r="H113121" s="12"/>
    </row>
    <row r="113122" spans="8:8">
      <c r="H113122" s="12"/>
    </row>
    <row r="113123" spans="8:8">
      <c r="H113123" s="12"/>
    </row>
    <row r="113124" spans="8:8">
      <c r="H113124" s="12"/>
    </row>
    <row r="113125" spans="8:8">
      <c r="H113125" s="12"/>
    </row>
    <row r="113126" spans="8:8">
      <c r="H113126" s="12"/>
    </row>
    <row r="113127" spans="8:8">
      <c r="H113127" s="12"/>
    </row>
    <row r="113128" spans="8:8">
      <c r="H113128" s="12"/>
    </row>
    <row r="113129" spans="8:8">
      <c r="H113129" s="12"/>
    </row>
    <row r="113130" spans="8:8">
      <c r="H113130" s="12"/>
    </row>
    <row r="113131" spans="8:8">
      <c r="H113131" s="12"/>
    </row>
    <row r="113132" spans="8:8">
      <c r="H113132" s="12"/>
    </row>
    <row r="113133" spans="8:8">
      <c r="H113133" s="12"/>
    </row>
    <row r="113134" spans="8:8">
      <c r="H113134" s="12"/>
    </row>
    <row r="113135" spans="8:8">
      <c r="H113135" s="12"/>
    </row>
    <row r="113136" spans="8:8">
      <c r="H113136" s="12"/>
    </row>
    <row r="113137" spans="8:8">
      <c r="H113137" s="12"/>
    </row>
    <row r="113138" spans="8:8">
      <c r="H113138" s="12"/>
    </row>
    <row r="113139" spans="8:8">
      <c r="H113139" s="12"/>
    </row>
    <row r="113140" spans="8:8">
      <c r="H113140" s="12"/>
    </row>
    <row r="113141" spans="8:8">
      <c r="H113141" s="12"/>
    </row>
    <row r="113142" spans="8:8">
      <c r="H113142" s="12"/>
    </row>
    <row r="113143" spans="8:8">
      <c r="H113143" s="12"/>
    </row>
    <row r="113144" spans="8:8">
      <c r="H113144" s="12"/>
    </row>
    <row r="113145" spans="8:8">
      <c r="H113145" s="12"/>
    </row>
    <row r="113146" spans="8:8">
      <c r="H113146" s="12"/>
    </row>
    <row r="113147" spans="8:8">
      <c r="H113147" s="12"/>
    </row>
    <row r="113148" spans="8:8">
      <c r="H113148" s="12"/>
    </row>
    <row r="113149" spans="8:8">
      <c r="H113149" s="12"/>
    </row>
    <row r="113150" spans="8:8">
      <c r="H113150" s="12"/>
    </row>
    <row r="113151" spans="8:8">
      <c r="H113151" s="12"/>
    </row>
    <row r="113152" spans="8:8">
      <c r="H113152" s="12"/>
    </row>
    <row r="113153" spans="8:8">
      <c r="H113153" s="12"/>
    </row>
    <row r="113154" spans="8:8">
      <c r="H113154" s="12"/>
    </row>
    <row r="113155" spans="8:8">
      <c r="H113155" s="12"/>
    </row>
    <row r="113156" spans="8:8">
      <c r="H113156" s="12"/>
    </row>
    <row r="113157" spans="8:8">
      <c r="H113157" s="12"/>
    </row>
    <row r="113158" spans="8:8">
      <c r="H113158" s="12"/>
    </row>
    <row r="113159" spans="8:8">
      <c r="H113159" s="12"/>
    </row>
    <row r="113160" spans="8:8">
      <c r="H113160" s="12"/>
    </row>
    <row r="113161" spans="8:8">
      <c r="H113161" s="12"/>
    </row>
    <row r="113162" spans="8:8">
      <c r="H113162" s="12"/>
    </row>
    <row r="113163" spans="8:8">
      <c r="H113163" s="12"/>
    </row>
    <row r="113164" spans="8:8">
      <c r="H113164" s="12"/>
    </row>
    <row r="113165" spans="8:8">
      <c r="H113165" s="12"/>
    </row>
    <row r="113166" spans="8:8">
      <c r="H113166" s="12"/>
    </row>
    <row r="113167" spans="8:8">
      <c r="H113167" s="12"/>
    </row>
    <row r="113168" spans="8:8">
      <c r="H113168" s="12"/>
    </row>
    <row r="113169" spans="8:8">
      <c r="H113169" s="12"/>
    </row>
    <row r="113170" spans="8:8">
      <c r="H113170" s="12"/>
    </row>
    <row r="113171" spans="8:8">
      <c r="H113171" s="12"/>
    </row>
    <row r="113172" spans="8:8">
      <c r="H113172" s="12"/>
    </row>
    <row r="113173" spans="8:8">
      <c r="H113173" s="12"/>
    </row>
    <row r="113174" spans="8:8">
      <c r="H113174" s="12"/>
    </row>
    <row r="113175" spans="8:8">
      <c r="H113175" s="12"/>
    </row>
    <row r="113176" spans="8:8">
      <c r="H113176" s="12"/>
    </row>
    <row r="113177" spans="8:8">
      <c r="H113177" s="12"/>
    </row>
    <row r="113178" spans="8:8">
      <c r="H113178" s="12"/>
    </row>
    <row r="113179" spans="8:8">
      <c r="H113179" s="12"/>
    </row>
    <row r="113180" spans="8:8">
      <c r="H113180" s="12"/>
    </row>
    <row r="113181" spans="8:8">
      <c r="H113181" s="12"/>
    </row>
    <row r="113182" spans="8:8">
      <c r="H113182" s="12"/>
    </row>
    <row r="113183" spans="8:8">
      <c r="H113183" s="12"/>
    </row>
    <row r="113184" spans="8:8">
      <c r="H113184" s="12"/>
    </row>
    <row r="113185" spans="8:8">
      <c r="H113185" s="12"/>
    </row>
    <row r="113186" spans="8:8">
      <c r="H113186" s="12"/>
    </row>
    <row r="113187" spans="8:8">
      <c r="H113187" s="12"/>
    </row>
    <row r="113188" spans="8:8">
      <c r="H113188" s="12"/>
    </row>
    <row r="113189" spans="8:8">
      <c r="H113189" s="12"/>
    </row>
    <row r="113190" spans="8:8">
      <c r="H113190" s="12"/>
    </row>
    <row r="113191" spans="8:8">
      <c r="H113191" s="12"/>
    </row>
    <row r="113192" spans="8:8">
      <c r="H113192" s="12"/>
    </row>
    <row r="113193" spans="8:8">
      <c r="H113193" s="12"/>
    </row>
    <row r="113194" spans="8:8">
      <c r="H113194" s="12"/>
    </row>
    <row r="113195" spans="8:8">
      <c r="H113195" s="12"/>
    </row>
    <row r="113196" spans="8:8">
      <c r="H113196" s="12"/>
    </row>
    <row r="113197" spans="8:8">
      <c r="H113197" s="12"/>
    </row>
    <row r="113198" spans="8:8">
      <c r="H113198" s="12"/>
    </row>
    <row r="113199" spans="8:8">
      <c r="H113199" s="12"/>
    </row>
    <row r="113200" spans="8:8">
      <c r="H113200" s="12"/>
    </row>
    <row r="113201" spans="8:8">
      <c r="H113201" s="12"/>
    </row>
    <row r="113202" spans="8:8">
      <c r="H113202" s="12"/>
    </row>
    <row r="113203" spans="8:8">
      <c r="H113203" s="12"/>
    </row>
    <row r="113204" spans="8:8">
      <c r="H113204" s="12"/>
    </row>
    <row r="113205" spans="8:8">
      <c r="H113205" s="12"/>
    </row>
    <row r="113206" spans="8:8">
      <c r="H113206" s="12"/>
    </row>
    <row r="113207" spans="8:8">
      <c r="H113207" s="12"/>
    </row>
    <row r="113208" spans="8:8">
      <c r="H113208" s="12"/>
    </row>
    <row r="113209" spans="8:8">
      <c r="H113209" s="12"/>
    </row>
    <row r="113210" spans="8:8">
      <c r="H113210" s="12"/>
    </row>
    <row r="113211" spans="8:8">
      <c r="H113211" s="12"/>
    </row>
    <row r="113212" spans="8:8">
      <c r="H113212" s="12"/>
    </row>
    <row r="113213" spans="8:8">
      <c r="H113213" s="12"/>
    </row>
    <row r="113214" spans="8:8">
      <c r="H113214" s="12"/>
    </row>
    <row r="113215" spans="8:8">
      <c r="H113215" s="12"/>
    </row>
    <row r="113216" spans="8:8">
      <c r="H113216" s="12"/>
    </row>
    <row r="113217" spans="8:8">
      <c r="H113217" s="12"/>
    </row>
    <row r="113218" spans="8:8">
      <c r="H113218" s="12"/>
    </row>
    <row r="113219" spans="8:8">
      <c r="H113219" s="12"/>
    </row>
    <row r="113220" spans="8:8">
      <c r="H113220" s="12"/>
    </row>
    <row r="113221" spans="8:8">
      <c r="H113221" s="12"/>
    </row>
    <row r="113222" spans="8:8">
      <c r="H113222" s="12"/>
    </row>
    <row r="113223" spans="8:8">
      <c r="H113223" s="12"/>
    </row>
    <row r="113224" spans="8:8">
      <c r="H113224" s="12"/>
    </row>
    <row r="113225" spans="8:8">
      <c r="H113225" s="12"/>
    </row>
    <row r="113226" spans="8:8">
      <c r="H113226" s="12"/>
    </row>
    <row r="113227" spans="8:8">
      <c r="H113227" s="12"/>
    </row>
    <row r="113228" spans="8:8">
      <c r="H113228" s="12"/>
    </row>
    <row r="113229" spans="8:8">
      <c r="H113229" s="12"/>
    </row>
    <row r="113230" spans="8:8">
      <c r="H113230" s="12"/>
    </row>
    <row r="113231" spans="8:8">
      <c r="H113231" s="12"/>
    </row>
    <row r="113232" spans="8:8">
      <c r="H113232" s="12"/>
    </row>
    <row r="113233" spans="8:8">
      <c r="H113233" s="12"/>
    </row>
    <row r="113234" spans="8:8">
      <c r="H113234" s="12"/>
    </row>
    <row r="113235" spans="8:8">
      <c r="H113235" s="12"/>
    </row>
    <row r="113236" spans="8:8">
      <c r="H113236" s="12"/>
    </row>
    <row r="113237" spans="8:8">
      <c r="H113237" s="12"/>
    </row>
    <row r="113238" spans="8:8">
      <c r="H113238" s="12"/>
    </row>
    <row r="113239" spans="8:8">
      <c r="H113239" s="12"/>
    </row>
    <row r="113240" spans="8:8">
      <c r="H113240" s="12"/>
    </row>
    <row r="113241" spans="8:8">
      <c r="H113241" s="12"/>
    </row>
    <row r="113242" spans="8:8">
      <c r="H113242" s="12"/>
    </row>
    <row r="113243" spans="8:8">
      <c r="H113243" s="12"/>
    </row>
    <row r="113244" spans="8:8">
      <c r="H113244" s="12"/>
    </row>
    <row r="113245" spans="8:8">
      <c r="H113245" s="12"/>
    </row>
    <row r="113246" spans="8:8">
      <c r="H113246" s="12"/>
    </row>
    <row r="113247" spans="8:8">
      <c r="H113247" s="12"/>
    </row>
    <row r="113248" spans="8:8">
      <c r="H113248" s="12"/>
    </row>
    <row r="113249" spans="8:8">
      <c r="H113249" s="12"/>
    </row>
    <row r="113250" spans="8:8">
      <c r="H113250" s="12"/>
    </row>
    <row r="113251" spans="8:8">
      <c r="H113251" s="12"/>
    </row>
    <row r="113252" spans="8:8">
      <c r="H113252" s="12"/>
    </row>
    <row r="113253" spans="8:8">
      <c r="H113253" s="12"/>
    </row>
    <row r="113254" spans="8:8">
      <c r="H113254" s="12"/>
    </row>
    <row r="113255" spans="8:8">
      <c r="H113255" s="12"/>
    </row>
    <row r="113256" spans="8:8">
      <c r="H113256" s="12"/>
    </row>
    <row r="113257" spans="8:8">
      <c r="H113257" s="12"/>
    </row>
    <row r="113258" spans="8:8">
      <c r="H113258" s="12"/>
    </row>
    <row r="113259" spans="8:8">
      <c r="H113259" s="12"/>
    </row>
    <row r="113260" spans="8:8">
      <c r="H113260" s="12"/>
    </row>
    <row r="113261" spans="8:8">
      <c r="H113261" s="12"/>
    </row>
    <row r="113262" spans="8:8">
      <c r="H113262" s="12"/>
    </row>
    <row r="113263" spans="8:8">
      <c r="H113263" s="12"/>
    </row>
    <row r="113264" spans="8:8">
      <c r="H113264" s="12"/>
    </row>
    <row r="113265" spans="8:8">
      <c r="H113265" s="12"/>
    </row>
    <row r="113266" spans="8:8">
      <c r="H113266" s="12"/>
    </row>
    <row r="113267" spans="8:8">
      <c r="H113267" s="12"/>
    </row>
    <row r="113268" spans="8:8">
      <c r="H113268" s="12"/>
    </row>
    <row r="113269" spans="8:8">
      <c r="H113269" s="12"/>
    </row>
    <row r="113270" spans="8:8">
      <c r="H113270" s="12"/>
    </row>
    <row r="113271" spans="8:8">
      <c r="H113271" s="12"/>
    </row>
    <row r="113272" spans="8:8">
      <c r="H113272" s="12"/>
    </row>
    <row r="113273" spans="8:8">
      <c r="H113273" s="12"/>
    </row>
    <row r="113274" spans="8:8">
      <c r="H113274" s="12"/>
    </row>
    <row r="113275" spans="8:8">
      <c r="H113275" s="12"/>
    </row>
    <row r="113276" spans="8:8">
      <c r="H113276" s="12"/>
    </row>
    <row r="113277" spans="8:8">
      <c r="H113277" s="12"/>
    </row>
    <row r="113278" spans="8:8">
      <c r="H113278" s="12"/>
    </row>
    <row r="113279" spans="8:8">
      <c r="H113279" s="12"/>
    </row>
    <row r="113280" spans="8:8">
      <c r="H113280" s="12"/>
    </row>
    <row r="113281" spans="8:8">
      <c r="H113281" s="12"/>
    </row>
    <row r="113282" spans="8:8">
      <c r="H113282" s="12"/>
    </row>
    <row r="113283" spans="8:8">
      <c r="H113283" s="12"/>
    </row>
    <row r="113284" spans="8:8">
      <c r="H113284" s="12"/>
    </row>
    <row r="113285" spans="8:8">
      <c r="H113285" s="12"/>
    </row>
    <row r="113286" spans="8:8">
      <c r="H113286" s="12"/>
    </row>
    <row r="113287" spans="8:8">
      <c r="H113287" s="12"/>
    </row>
    <row r="113288" spans="8:8">
      <c r="H113288" s="12"/>
    </row>
    <row r="113289" spans="8:8">
      <c r="H113289" s="12"/>
    </row>
    <row r="113290" spans="8:8">
      <c r="H113290" s="12"/>
    </row>
    <row r="113291" spans="8:8">
      <c r="H113291" s="12"/>
    </row>
    <row r="113292" spans="8:8">
      <c r="H113292" s="12"/>
    </row>
    <row r="113293" spans="8:8">
      <c r="H113293" s="12"/>
    </row>
    <row r="113294" spans="8:8">
      <c r="H113294" s="12"/>
    </row>
    <row r="113295" spans="8:8">
      <c r="H113295" s="12"/>
    </row>
    <row r="113296" spans="8:8">
      <c r="H113296" s="12"/>
    </row>
    <row r="113297" spans="8:8">
      <c r="H113297" s="12"/>
    </row>
    <row r="113298" spans="8:8">
      <c r="H113298" s="12"/>
    </row>
    <row r="113299" spans="8:8">
      <c r="H113299" s="12"/>
    </row>
    <row r="113300" spans="8:8">
      <c r="H113300" s="12"/>
    </row>
    <row r="113301" spans="8:8">
      <c r="H113301" s="12"/>
    </row>
    <row r="113302" spans="8:8">
      <c r="H113302" s="12"/>
    </row>
    <row r="113303" spans="8:8">
      <c r="H113303" s="12"/>
    </row>
    <row r="113304" spans="8:8">
      <c r="H113304" s="12"/>
    </row>
    <row r="113305" spans="8:8">
      <c r="H113305" s="12"/>
    </row>
    <row r="113306" spans="8:8">
      <c r="H113306" s="12"/>
    </row>
    <row r="113307" spans="8:8">
      <c r="H113307" s="12"/>
    </row>
    <row r="113308" spans="8:8">
      <c r="H113308" s="12"/>
    </row>
    <row r="113309" spans="8:8">
      <c r="H113309" s="12"/>
    </row>
    <row r="113310" spans="8:8">
      <c r="H113310" s="12"/>
    </row>
    <row r="113311" spans="8:8">
      <c r="H113311" s="12"/>
    </row>
    <row r="113312" spans="8:8">
      <c r="H113312" s="12"/>
    </row>
    <row r="113313" spans="8:8">
      <c r="H113313" s="12"/>
    </row>
    <row r="113314" spans="8:8">
      <c r="H113314" s="12"/>
    </row>
    <row r="113315" spans="8:8">
      <c r="H113315" s="12"/>
    </row>
    <row r="113316" spans="8:8">
      <c r="H113316" s="12"/>
    </row>
    <row r="113317" spans="8:8">
      <c r="H113317" s="12"/>
    </row>
    <row r="113318" spans="8:8">
      <c r="H113318" s="12"/>
    </row>
    <row r="113319" spans="8:8">
      <c r="H113319" s="12"/>
    </row>
    <row r="113320" spans="8:8">
      <c r="H113320" s="12"/>
    </row>
    <row r="113321" spans="8:8">
      <c r="H113321" s="12"/>
    </row>
    <row r="113322" spans="8:8">
      <c r="H113322" s="12"/>
    </row>
    <row r="113323" spans="8:8">
      <c r="H113323" s="12"/>
    </row>
    <row r="113324" spans="8:8">
      <c r="H113324" s="12"/>
    </row>
    <row r="113325" spans="8:8">
      <c r="H113325" s="12"/>
    </row>
    <row r="113326" spans="8:8">
      <c r="H113326" s="12"/>
    </row>
    <row r="113327" spans="8:8">
      <c r="H113327" s="12"/>
    </row>
    <row r="113328" spans="8:8">
      <c r="H113328" s="12"/>
    </row>
    <row r="113329" spans="8:8">
      <c r="H113329" s="12"/>
    </row>
    <row r="113330" spans="8:8">
      <c r="H113330" s="12"/>
    </row>
    <row r="113331" spans="8:8">
      <c r="H113331" s="12"/>
    </row>
    <row r="113332" spans="8:8">
      <c r="H113332" s="12"/>
    </row>
    <row r="113333" spans="8:8">
      <c r="H113333" s="12"/>
    </row>
    <row r="113334" spans="8:8">
      <c r="H113334" s="12"/>
    </row>
    <row r="113335" spans="8:8">
      <c r="H113335" s="12"/>
    </row>
    <row r="113336" spans="8:8">
      <c r="H113336" s="12"/>
    </row>
    <row r="113337" spans="8:8">
      <c r="H113337" s="12"/>
    </row>
    <row r="113338" spans="8:8">
      <c r="H113338" s="12"/>
    </row>
    <row r="113339" spans="8:8">
      <c r="H113339" s="12"/>
    </row>
    <row r="113340" spans="8:8">
      <c r="H113340" s="12"/>
    </row>
    <row r="113341" spans="8:8">
      <c r="H113341" s="12"/>
    </row>
    <row r="113342" spans="8:8">
      <c r="H113342" s="12"/>
    </row>
    <row r="113343" spans="8:8">
      <c r="H113343" s="12"/>
    </row>
    <row r="113344" spans="8:8">
      <c r="H113344" s="12"/>
    </row>
    <row r="113345" spans="8:8">
      <c r="H113345" s="12"/>
    </row>
    <row r="113346" spans="8:8">
      <c r="H113346" s="12"/>
    </row>
    <row r="113347" spans="8:8">
      <c r="H113347" s="12"/>
    </row>
    <row r="113348" spans="8:8">
      <c r="H113348" s="12"/>
    </row>
    <row r="113349" spans="8:8">
      <c r="H113349" s="12"/>
    </row>
    <row r="113350" spans="8:8">
      <c r="H113350" s="12"/>
    </row>
    <row r="113351" spans="8:8">
      <c r="H113351" s="12"/>
    </row>
    <row r="113352" spans="8:8">
      <c r="H113352" s="12"/>
    </row>
    <row r="113353" spans="8:8">
      <c r="H113353" s="12"/>
    </row>
    <row r="113354" spans="8:8">
      <c r="H113354" s="12"/>
    </row>
    <row r="113355" spans="8:8">
      <c r="H113355" s="12"/>
    </row>
    <row r="113356" spans="8:8">
      <c r="H113356" s="12"/>
    </row>
    <row r="113357" spans="8:8">
      <c r="H113357" s="12"/>
    </row>
    <row r="113358" spans="8:8">
      <c r="H113358" s="12"/>
    </row>
    <row r="113359" spans="8:8">
      <c r="H113359" s="12"/>
    </row>
    <row r="113360" spans="8:8">
      <c r="H113360" s="12"/>
    </row>
    <row r="113361" spans="8:8">
      <c r="H113361" s="12"/>
    </row>
    <row r="113362" spans="8:8">
      <c r="H113362" s="12"/>
    </row>
    <row r="113363" spans="8:8">
      <c r="H113363" s="12"/>
    </row>
    <row r="113364" spans="8:8">
      <c r="H113364" s="12"/>
    </row>
    <row r="113365" spans="8:8">
      <c r="H113365" s="12"/>
    </row>
    <row r="113366" spans="8:8">
      <c r="H113366" s="12"/>
    </row>
    <row r="113367" spans="8:8">
      <c r="H113367" s="12"/>
    </row>
    <row r="113368" spans="8:8">
      <c r="H113368" s="12"/>
    </row>
    <row r="113369" spans="8:8">
      <c r="H113369" s="12"/>
    </row>
    <row r="113370" spans="8:8">
      <c r="H113370" s="12"/>
    </row>
    <row r="113371" spans="8:8">
      <c r="H113371" s="12"/>
    </row>
    <row r="113372" spans="8:8">
      <c r="H113372" s="12"/>
    </row>
    <row r="113373" spans="8:8">
      <c r="H113373" s="12"/>
    </row>
    <row r="113374" spans="8:8">
      <c r="H113374" s="12"/>
    </row>
    <row r="113375" spans="8:8">
      <c r="H113375" s="12"/>
    </row>
    <row r="113376" spans="8:8">
      <c r="H113376" s="12"/>
    </row>
    <row r="113377" spans="8:8">
      <c r="H113377" s="12"/>
    </row>
    <row r="113378" spans="8:8">
      <c r="H113378" s="12"/>
    </row>
    <row r="113379" spans="8:8">
      <c r="H113379" s="12"/>
    </row>
    <row r="113380" spans="8:8">
      <c r="H113380" s="12"/>
    </row>
    <row r="113381" spans="8:8">
      <c r="H113381" s="12"/>
    </row>
    <row r="113382" spans="8:8">
      <c r="H113382" s="12"/>
    </row>
    <row r="113383" spans="8:8">
      <c r="H113383" s="12"/>
    </row>
    <row r="113384" spans="8:8">
      <c r="H113384" s="12"/>
    </row>
    <row r="113385" spans="8:8">
      <c r="H113385" s="12"/>
    </row>
    <row r="113386" spans="8:8">
      <c r="H113386" s="12"/>
    </row>
    <row r="113387" spans="8:8">
      <c r="H113387" s="12"/>
    </row>
    <row r="113388" spans="8:8">
      <c r="H113388" s="12"/>
    </row>
    <row r="113389" spans="8:8">
      <c r="H113389" s="12"/>
    </row>
    <row r="113390" spans="8:8">
      <c r="H113390" s="12"/>
    </row>
    <row r="113391" spans="8:8">
      <c r="H113391" s="12"/>
    </row>
    <row r="113392" spans="8:8">
      <c r="H113392" s="12"/>
    </row>
    <row r="113393" spans="8:8">
      <c r="H113393" s="12"/>
    </row>
    <row r="113394" spans="8:8">
      <c r="H113394" s="12"/>
    </row>
    <row r="113395" spans="8:8">
      <c r="H113395" s="12"/>
    </row>
    <row r="113396" spans="8:8">
      <c r="H113396" s="12"/>
    </row>
    <row r="113397" spans="8:8">
      <c r="H113397" s="12"/>
    </row>
    <row r="113398" spans="8:8">
      <c r="H113398" s="12"/>
    </row>
    <row r="113399" spans="8:8">
      <c r="H113399" s="12"/>
    </row>
    <row r="113400" spans="8:8">
      <c r="H113400" s="12"/>
    </row>
    <row r="113401" spans="8:8">
      <c r="H113401" s="12"/>
    </row>
    <row r="113402" spans="8:8">
      <c r="H113402" s="12"/>
    </row>
    <row r="113403" spans="8:8">
      <c r="H113403" s="12"/>
    </row>
    <row r="113404" spans="8:8">
      <c r="H113404" s="12"/>
    </row>
    <row r="113405" spans="8:8">
      <c r="H113405" s="12"/>
    </row>
    <row r="113406" spans="8:8">
      <c r="H113406" s="12"/>
    </row>
    <row r="113407" spans="8:8">
      <c r="H113407" s="12"/>
    </row>
    <row r="113408" spans="8:8">
      <c r="H113408" s="12"/>
    </row>
    <row r="113409" spans="8:8">
      <c r="H113409" s="12"/>
    </row>
    <row r="113410" spans="8:8">
      <c r="H113410" s="12"/>
    </row>
    <row r="113411" spans="8:8">
      <c r="H113411" s="12"/>
    </row>
    <row r="113412" spans="8:8">
      <c r="H113412" s="12"/>
    </row>
    <row r="113413" spans="8:8">
      <c r="H113413" s="12"/>
    </row>
    <row r="113414" spans="8:8">
      <c r="H113414" s="12"/>
    </row>
    <row r="113415" spans="8:8">
      <c r="H113415" s="12"/>
    </row>
    <row r="113416" spans="8:8">
      <c r="H113416" s="12"/>
    </row>
    <row r="113417" spans="8:8">
      <c r="H113417" s="12"/>
    </row>
    <row r="113418" spans="8:8">
      <c r="H113418" s="12"/>
    </row>
    <row r="113419" spans="8:8">
      <c r="H113419" s="12"/>
    </row>
    <row r="113420" spans="8:8">
      <c r="H113420" s="12"/>
    </row>
    <row r="113421" spans="8:8">
      <c r="H113421" s="12"/>
    </row>
    <row r="113422" spans="8:8">
      <c r="H113422" s="12"/>
    </row>
    <row r="113423" spans="8:8">
      <c r="H113423" s="12"/>
    </row>
    <row r="113424" spans="8:8">
      <c r="H113424" s="12"/>
    </row>
    <row r="113425" spans="8:8">
      <c r="H113425" s="12"/>
    </row>
    <row r="113426" spans="8:8">
      <c r="H113426" s="12"/>
    </row>
    <row r="113427" spans="8:8">
      <c r="H113427" s="12"/>
    </row>
    <row r="113428" spans="8:8">
      <c r="H113428" s="12"/>
    </row>
    <row r="113429" spans="8:8">
      <c r="H113429" s="12"/>
    </row>
    <row r="113430" spans="8:8">
      <c r="H113430" s="12"/>
    </row>
    <row r="113431" spans="8:8">
      <c r="H113431" s="12"/>
    </row>
    <row r="113432" spans="8:8">
      <c r="H113432" s="12"/>
    </row>
    <row r="113433" spans="8:8">
      <c r="H113433" s="12"/>
    </row>
    <row r="113434" spans="8:8">
      <c r="H113434" s="12"/>
    </row>
    <row r="113435" spans="8:8">
      <c r="H113435" s="12"/>
    </row>
    <row r="113436" spans="8:8">
      <c r="H113436" s="12"/>
    </row>
    <row r="113437" spans="8:8">
      <c r="H113437" s="12"/>
    </row>
    <row r="113438" spans="8:8">
      <c r="H113438" s="12"/>
    </row>
    <row r="113439" spans="8:8">
      <c r="H113439" s="12"/>
    </row>
    <row r="113440" spans="8:8">
      <c r="H113440" s="12"/>
    </row>
    <row r="113441" spans="8:8">
      <c r="H113441" s="12"/>
    </row>
    <row r="113442" spans="8:8">
      <c r="H113442" s="12"/>
    </row>
    <row r="113443" spans="8:8">
      <c r="H113443" s="12"/>
    </row>
    <row r="113444" spans="8:8">
      <c r="H113444" s="12"/>
    </row>
    <row r="113445" spans="8:8">
      <c r="H113445" s="12"/>
    </row>
    <row r="113446" spans="8:8">
      <c r="H113446" s="12"/>
    </row>
    <row r="113447" spans="8:8">
      <c r="H113447" s="12"/>
    </row>
    <row r="113448" spans="8:8">
      <c r="H113448" s="12"/>
    </row>
    <row r="113449" spans="8:8">
      <c r="H113449" s="12"/>
    </row>
    <row r="113450" spans="8:8">
      <c r="H113450" s="12"/>
    </row>
    <row r="113451" spans="8:8">
      <c r="H113451" s="12"/>
    </row>
    <row r="113452" spans="8:8">
      <c r="H113452" s="12"/>
    </row>
    <row r="113453" spans="8:8">
      <c r="H113453" s="12"/>
    </row>
    <row r="113454" spans="8:8">
      <c r="H113454" s="12"/>
    </row>
    <row r="113455" spans="8:8">
      <c r="H113455" s="12"/>
    </row>
    <row r="113456" spans="8:8">
      <c r="H113456" s="12"/>
    </row>
    <row r="113457" spans="8:8">
      <c r="H113457" s="12"/>
    </row>
    <row r="113458" spans="8:8">
      <c r="H113458" s="12"/>
    </row>
    <row r="113459" spans="8:8">
      <c r="H113459" s="12"/>
    </row>
    <row r="113460" spans="8:8">
      <c r="H113460" s="12"/>
    </row>
    <row r="113461" spans="8:8">
      <c r="H113461" s="12"/>
    </row>
    <row r="113462" spans="8:8">
      <c r="H113462" s="12"/>
    </row>
    <row r="113463" spans="8:8">
      <c r="H113463" s="12"/>
    </row>
    <row r="113464" spans="8:8">
      <c r="H113464" s="12"/>
    </row>
    <row r="113465" spans="8:8">
      <c r="H113465" s="12"/>
    </row>
    <row r="113466" spans="8:8">
      <c r="H113466" s="12"/>
    </row>
    <row r="113467" spans="8:8">
      <c r="H113467" s="12"/>
    </row>
    <row r="113468" spans="8:8">
      <c r="H113468" s="12"/>
    </row>
    <row r="113469" spans="8:8">
      <c r="H113469" s="12"/>
    </row>
    <row r="113470" spans="8:8">
      <c r="H113470" s="12"/>
    </row>
    <row r="113471" spans="8:8">
      <c r="H113471" s="12"/>
    </row>
    <row r="113472" spans="8:8">
      <c r="H113472" s="12"/>
    </row>
    <row r="113473" spans="8:8">
      <c r="H113473" s="12"/>
    </row>
    <row r="113474" spans="8:8">
      <c r="H113474" s="12"/>
    </row>
    <row r="113475" spans="8:8">
      <c r="H113475" s="12"/>
    </row>
    <row r="113476" spans="8:8">
      <c r="H113476" s="12"/>
    </row>
    <row r="113477" spans="8:8">
      <c r="H113477" s="12"/>
    </row>
    <row r="113478" spans="8:8">
      <c r="H113478" s="12"/>
    </row>
    <row r="113479" spans="8:8">
      <c r="H113479" s="12"/>
    </row>
    <row r="113480" spans="8:8">
      <c r="H113480" s="12"/>
    </row>
    <row r="113481" spans="8:8">
      <c r="H113481" s="12"/>
    </row>
    <row r="113482" spans="8:8">
      <c r="H113482" s="12"/>
    </row>
    <row r="113483" spans="8:8">
      <c r="H113483" s="12"/>
    </row>
    <row r="113484" spans="8:8">
      <c r="H113484" s="12"/>
    </row>
    <row r="113485" spans="8:8">
      <c r="H113485" s="12"/>
    </row>
    <row r="113486" spans="8:8">
      <c r="H113486" s="12"/>
    </row>
    <row r="113487" spans="8:8">
      <c r="H113487" s="12"/>
    </row>
    <row r="113488" spans="8:8">
      <c r="H113488" s="12"/>
    </row>
    <row r="113489" spans="8:8">
      <c r="H113489" s="12"/>
    </row>
    <row r="113490" spans="8:8">
      <c r="H113490" s="12"/>
    </row>
    <row r="113491" spans="8:8">
      <c r="H113491" s="12"/>
    </row>
    <row r="113492" spans="8:8">
      <c r="H113492" s="12"/>
    </row>
    <row r="113493" spans="8:8">
      <c r="H113493" s="12"/>
    </row>
    <row r="113494" spans="8:8">
      <c r="H113494" s="12"/>
    </row>
    <row r="113495" spans="8:8">
      <c r="H113495" s="12"/>
    </row>
    <row r="113496" spans="8:8">
      <c r="H113496" s="12"/>
    </row>
    <row r="113497" spans="8:8">
      <c r="H113497" s="12"/>
    </row>
    <row r="113498" spans="8:8">
      <c r="H113498" s="12"/>
    </row>
    <row r="113499" spans="8:8">
      <c r="H113499" s="12"/>
    </row>
    <row r="113500" spans="8:8">
      <c r="H113500" s="12"/>
    </row>
    <row r="113501" spans="8:8">
      <c r="H113501" s="12"/>
    </row>
    <row r="113502" spans="8:8">
      <c r="H113502" s="12"/>
    </row>
    <row r="113503" spans="8:8">
      <c r="H113503" s="12"/>
    </row>
    <row r="113504" spans="8:8">
      <c r="H113504" s="12"/>
    </row>
    <row r="113505" spans="8:8">
      <c r="H113505" s="12"/>
    </row>
    <row r="113506" spans="8:8">
      <c r="H113506" s="12"/>
    </row>
    <row r="113507" spans="8:8">
      <c r="H113507" s="12"/>
    </row>
    <row r="113508" spans="8:8">
      <c r="H113508" s="12"/>
    </row>
    <row r="113509" spans="8:8">
      <c r="H113509" s="12"/>
    </row>
    <row r="113510" spans="8:8">
      <c r="H113510" s="12"/>
    </row>
    <row r="113511" spans="8:8">
      <c r="H113511" s="12"/>
    </row>
    <row r="113512" spans="8:8">
      <c r="H113512" s="12"/>
    </row>
    <row r="113513" spans="8:8">
      <c r="H113513" s="12"/>
    </row>
    <row r="113514" spans="8:8">
      <c r="H113514" s="12"/>
    </row>
    <row r="113515" spans="8:8">
      <c r="H113515" s="12"/>
    </row>
    <row r="113516" spans="8:8">
      <c r="H113516" s="12"/>
    </row>
    <row r="113517" spans="8:8">
      <c r="H113517" s="12"/>
    </row>
    <row r="113518" spans="8:8">
      <c r="H113518" s="12"/>
    </row>
    <row r="113519" spans="8:8">
      <c r="H113519" s="12"/>
    </row>
    <row r="113520" spans="8:8">
      <c r="H113520" s="12"/>
    </row>
    <row r="113521" spans="8:8">
      <c r="H113521" s="12"/>
    </row>
    <row r="113522" spans="8:8">
      <c r="H113522" s="12"/>
    </row>
    <row r="113523" spans="8:8">
      <c r="H113523" s="12"/>
    </row>
    <row r="113524" spans="8:8">
      <c r="H113524" s="12"/>
    </row>
    <row r="113525" spans="8:8">
      <c r="H113525" s="12"/>
    </row>
    <row r="113526" spans="8:8">
      <c r="H113526" s="12"/>
    </row>
    <row r="113527" spans="8:8">
      <c r="H113527" s="12"/>
    </row>
    <row r="113528" spans="8:8">
      <c r="H113528" s="12"/>
    </row>
    <row r="113529" spans="8:8">
      <c r="H113529" s="12"/>
    </row>
    <row r="113530" spans="8:8">
      <c r="H113530" s="12"/>
    </row>
    <row r="113531" spans="8:8">
      <c r="H113531" s="12"/>
    </row>
    <row r="113532" spans="8:8">
      <c r="H113532" s="12"/>
    </row>
    <row r="113533" spans="8:8">
      <c r="H113533" s="12"/>
    </row>
    <row r="113534" spans="8:8">
      <c r="H113534" s="12"/>
    </row>
    <row r="113535" spans="8:8">
      <c r="H113535" s="12"/>
    </row>
    <row r="113536" spans="8:8">
      <c r="H113536" s="12"/>
    </row>
    <row r="113537" spans="8:8">
      <c r="H113537" s="12"/>
    </row>
    <row r="113538" spans="8:8">
      <c r="H113538" s="12"/>
    </row>
    <row r="113539" spans="8:8">
      <c r="H113539" s="12"/>
    </row>
    <row r="113540" spans="8:8">
      <c r="H113540" s="12"/>
    </row>
    <row r="113541" spans="8:8">
      <c r="H113541" s="12"/>
    </row>
    <row r="113542" spans="8:8">
      <c r="H113542" s="12"/>
    </row>
    <row r="113543" spans="8:8">
      <c r="H113543" s="12"/>
    </row>
    <row r="113544" spans="8:8">
      <c r="H113544" s="12"/>
    </row>
    <row r="113545" spans="8:8">
      <c r="H113545" s="12"/>
    </row>
    <row r="113546" spans="8:8">
      <c r="H113546" s="12"/>
    </row>
    <row r="113547" spans="8:8">
      <c r="H113547" s="12"/>
    </row>
    <row r="113548" spans="8:8">
      <c r="H113548" s="12"/>
    </row>
    <row r="113549" spans="8:8">
      <c r="H113549" s="12"/>
    </row>
    <row r="113550" spans="8:8">
      <c r="H113550" s="12"/>
    </row>
    <row r="113551" spans="8:8">
      <c r="H113551" s="12"/>
    </row>
    <row r="113552" spans="8:8">
      <c r="H113552" s="12"/>
    </row>
    <row r="113553" spans="8:8">
      <c r="H113553" s="12"/>
    </row>
    <row r="113554" spans="8:8">
      <c r="H113554" s="12"/>
    </row>
    <row r="113555" spans="8:8">
      <c r="H113555" s="12"/>
    </row>
    <row r="113556" spans="8:8">
      <c r="H113556" s="12"/>
    </row>
    <row r="113557" spans="8:8">
      <c r="H113557" s="12"/>
    </row>
    <row r="113558" spans="8:8">
      <c r="H113558" s="12"/>
    </row>
    <row r="113559" spans="8:8">
      <c r="H113559" s="12"/>
    </row>
    <row r="113560" spans="8:8">
      <c r="H113560" s="12"/>
    </row>
    <row r="113561" spans="8:8">
      <c r="H113561" s="12"/>
    </row>
    <row r="113562" spans="8:8">
      <c r="H113562" s="12"/>
    </row>
    <row r="113563" spans="8:8">
      <c r="H113563" s="12"/>
    </row>
    <row r="113564" spans="8:8">
      <c r="H113564" s="12"/>
    </row>
    <row r="113565" spans="8:8">
      <c r="H113565" s="12"/>
    </row>
    <row r="113566" spans="8:8">
      <c r="H113566" s="12"/>
    </row>
    <row r="113567" spans="8:8">
      <c r="H113567" s="12"/>
    </row>
    <row r="113568" spans="8:8">
      <c r="H113568" s="12"/>
    </row>
    <row r="113569" spans="8:8">
      <c r="H113569" s="12"/>
    </row>
    <row r="113570" spans="8:8">
      <c r="H113570" s="12"/>
    </row>
    <row r="113571" spans="8:8">
      <c r="H113571" s="12"/>
    </row>
    <row r="113572" spans="8:8">
      <c r="H113572" s="12"/>
    </row>
    <row r="113573" spans="8:8">
      <c r="H113573" s="12"/>
    </row>
    <row r="113574" spans="8:8">
      <c r="H113574" s="12"/>
    </row>
    <row r="113575" spans="8:8">
      <c r="H113575" s="12"/>
    </row>
    <row r="113576" spans="8:8">
      <c r="H113576" s="12"/>
    </row>
    <row r="113577" spans="8:8">
      <c r="H113577" s="12"/>
    </row>
    <row r="113578" spans="8:8">
      <c r="H113578" s="12"/>
    </row>
    <row r="113579" spans="8:8">
      <c r="H113579" s="12"/>
    </row>
    <row r="113580" spans="8:8">
      <c r="H113580" s="12"/>
    </row>
    <row r="113581" spans="8:8">
      <c r="H113581" s="12"/>
    </row>
    <row r="113582" spans="8:8">
      <c r="H113582" s="12"/>
    </row>
    <row r="113583" spans="8:8">
      <c r="H113583" s="12"/>
    </row>
    <row r="113584" spans="8:8">
      <c r="H113584" s="12"/>
    </row>
    <row r="113585" spans="8:8">
      <c r="H113585" s="12"/>
    </row>
    <row r="113586" spans="8:8">
      <c r="H113586" s="12"/>
    </row>
    <row r="113587" spans="8:8">
      <c r="H113587" s="12"/>
    </row>
    <row r="113588" spans="8:8">
      <c r="H113588" s="12"/>
    </row>
    <row r="113589" spans="8:8">
      <c r="H113589" s="12"/>
    </row>
    <row r="113590" spans="8:8">
      <c r="H113590" s="12"/>
    </row>
    <row r="113591" spans="8:8">
      <c r="H113591" s="12"/>
    </row>
    <row r="113592" spans="8:8">
      <c r="H113592" s="12"/>
    </row>
    <row r="113593" spans="8:8">
      <c r="H113593" s="12"/>
    </row>
    <row r="113594" spans="8:8">
      <c r="H113594" s="12"/>
    </row>
    <row r="113595" spans="8:8">
      <c r="H113595" s="12"/>
    </row>
    <row r="113596" spans="8:8">
      <c r="H113596" s="12"/>
    </row>
    <row r="113597" spans="8:8">
      <c r="H113597" s="12"/>
    </row>
    <row r="113598" spans="8:8">
      <c r="H113598" s="12"/>
    </row>
    <row r="113599" spans="8:8">
      <c r="H113599" s="12"/>
    </row>
    <row r="113600" spans="8:8">
      <c r="H113600" s="12"/>
    </row>
    <row r="113601" spans="8:8">
      <c r="H113601" s="12"/>
    </row>
    <row r="113602" spans="8:8">
      <c r="H113602" s="12"/>
    </row>
    <row r="113603" spans="8:8">
      <c r="H113603" s="12"/>
    </row>
    <row r="113604" spans="8:8">
      <c r="H113604" s="12"/>
    </row>
    <row r="113605" spans="8:8">
      <c r="H113605" s="12"/>
    </row>
    <row r="113606" spans="8:8">
      <c r="H113606" s="12"/>
    </row>
    <row r="113607" spans="8:8">
      <c r="H113607" s="12"/>
    </row>
    <row r="113608" spans="8:8">
      <c r="H113608" s="12"/>
    </row>
    <row r="113609" spans="8:8">
      <c r="H113609" s="12"/>
    </row>
    <row r="113610" spans="8:8">
      <c r="H113610" s="12"/>
    </row>
    <row r="113611" spans="8:8">
      <c r="H113611" s="12"/>
    </row>
    <row r="113612" spans="8:8">
      <c r="H113612" s="12"/>
    </row>
    <row r="113613" spans="8:8">
      <c r="H113613" s="12"/>
    </row>
    <row r="113614" spans="8:8">
      <c r="H113614" s="12"/>
    </row>
    <row r="113615" spans="8:8">
      <c r="H113615" s="12"/>
    </row>
    <row r="113616" spans="8:8">
      <c r="H113616" s="12"/>
    </row>
    <row r="113617" spans="8:8">
      <c r="H113617" s="12"/>
    </row>
    <row r="113618" spans="8:8">
      <c r="H113618" s="12"/>
    </row>
    <row r="113619" spans="8:8">
      <c r="H113619" s="12"/>
    </row>
    <row r="113620" spans="8:8">
      <c r="H113620" s="12"/>
    </row>
    <row r="113621" spans="8:8">
      <c r="H113621" s="12"/>
    </row>
    <row r="113622" spans="8:8">
      <c r="H113622" s="12"/>
    </row>
    <row r="113623" spans="8:8">
      <c r="H113623" s="12"/>
    </row>
    <row r="113624" spans="8:8">
      <c r="H113624" s="12"/>
    </row>
    <row r="113625" spans="8:8">
      <c r="H113625" s="12"/>
    </row>
    <row r="113626" spans="8:8">
      <c r="H113626" s="12"/>
    </row>
    <row r="113627" spans="8:8">
      <c r="H113627" s="12"/>
    </row>
    <row r="113628" spans="8:8">
      <c r="H113628" s="12"/>
    </row>
    <row r="113629" spans="8:8">
      <c r="H113629" s="12"/>
    </row>
    <row r="113630" spans="8:8">
      <c r="H113630" s="12"/>
    </row>
    <row r="113631" spans="8:8">
      <c r="H113631" s="12"/>
    </row>
    <row r="113632" spans="8:8">
      <c r="H113632" s="12"/>
    </row>
    <row r="113633" spans="8:8">
      <c r="H113633" s="12"/>
    </row>
    <row r="113634" spans="8:8">
      <c r="H113634" s="12"/>
    </row>
    <row r="113635" spans="8:8">
      <c r="H113635" s="12"/>
    </row>
    <row r="113636" spans="8:8">
      <c r="H113636" s="12"/>
    </row>
    <row r="113637" spans="8:8">
      <c r="H113637" s="12"/>
    </row>
    <row r="113638" spans="8:8">
      <c r="H113638" s="12"/>
    </row>
    <row r="113639" spans="8:8">
      <c r="H113639" s="12"/>
    </row>
    <row r="113640" spans="8:8">
      <c r="H113640" s="12"/>
    </row>
    <row r="113641" spans="8:8">
      <c r="H113641" s="12"/>
    </row>
    <row r="113642" spans="8:8">
      <c r="H113642" s="12"/>
    </row>
    <row r="113643" spans="8:8">
      <c r="H113643" s="12"/>
    </row>
    <row r="113644" spans="8:8">
      <c r="H113644" s="12"/>
    </row>
    <row r="113645" spans="8:8">
      <c r="H113645" s="12"/>
    </row>
    <row r="113646" spans="8:8">
      <c r="H113646" s="12"/>
    </row>
    <row r="113647" spans="8:8">
      <c r="H113647" s="12"/>
    </row>
    <row r="113648" spans="8:8">
      <c r="H113648" s="12"/>
    </row>
    <row r="113649" spans="8:8">
      <c r="H113649" s="12"/>
    </row>
    <row r="113650" spans="8:8">
      <c r="H113650" s="12"/>
    </row>
    <row r="113651" spans="8:8">
      <c r="H113651" s="12"/>
    </row>
    <row r="113652" spans="8:8">
      <c r="H113652" s="12"/>
    </row>
    <row r="113653" spans="8:8">
      <c r="H113653" s="12"/>
    </row>
    <row r="113654" spans="8:8">
      <c r="H113654" s="12"/>
    </row>
    <row r="113655" spans="8:8">
      <c r="H113655" s="12"/>
    </row>
    <row r="113656" spans="8:8">
      <c r="H113656" s="12"/>
    </row>
    <row r="113657" spans="8:8">
      <c r="H113657" s="12"/>
    </row>
    <row r="113658" spans="8:8">
      <c r="H113658" s="12"/>
    </row>
    <row r="113659" spans="8:8">
      <c r="H113659" s="12"/>
    </row>
    <row r="113660" spans="8:8">
      <c r="H113660" s="12"/>
    </row>
    <row r="113661" spans="8:8">
      <c r="H113661" s="12"/>
    </row>
    <row r="113662" spans="8:8">
      <c r="H113662" s="12"/>
    </row>
    <row r="113663" spans="8:8">
      <c r="H113663" s="12"/>
    </row>
    <row r="113664" spans="8:8">
      <c r="H113664" s="12"/>
    </row>
    <row r="113665" spans="8:8">
      <c r="H113665" s="12"/>
    </row>
    <row r="113666" spans="8:8">
      <c r="H113666" s="12"/>
    </row>
    <row r="113667" spans="8:8">
      <c r="H113667" s="12"/>
    </row>
    <row r="113668" spans="8:8">
      <c r="H113668" s="12"/>
    </row>
    <row r="113669" spans="8:8">
      <c r="H113669" s="12"/>
    </row>
    <row r="113670" spans="8:8">
      <c r="H113670" s="12"/>
    </row>
    <row r="113671" spans="8:8">
      <c r="H113671" s="12"/>
    </row>
    <row r="113672" spans="8:8">
      <c r="H113672" s="12"/>
    </row>
    <row r="113673" spans="8:8">
      <c r="H113673" s="12"/>
    </row>
    <row r="113674" spans="8:8">
      <c r="H113674" s="12"/>
    </row>
    <row r="113675" spans="8:8">
      <c r="H113675" s="12"/>
    </row>
    <row r="113676" spans="8:8">
      <c r="H113676" s="12"/>
    </row>
    <row r="113677" spans="8:8">
      <c r="H113677" s="12"/>
    </row>
    <row r="113678" spans="8:8">
      <c r="H113678" s="12"/>
    </row>
    <row r="113679" spans="8:8">
      <c r="H113679" s="12"/>
    </row>
    <row r="113680" spans="8:8">
      <c r="H113680" s="12"/>
    </row>
    <row r="113681" spans="8:8">
      <c r="H113681" s="12"/>
    </row>
    <row r="113682" spans="8:8">
      <c r="H113682" s="12"/>
    </row>
    <row r="113683" spans="8:8">
      <c r="H113683" s="12"/>
    </row>
    <row r="113684" spans="8:8">
      <c r="H113684" s="12"/>
    </row>
    <row r="113685" spans="8:8">
      <c r="H113685" s="12"/>
    </row>
    <row r="113686" spans="8:8">
      <c r="H113686" s="12"/>
    </row>
    <row r="113687" spans="8:8">
      <c r="H113687" s="12"/>
    </row>
    <row r="113688" spans="8:8">
      <c r="H113688" s="12"/>
    </row>
    <row r="113689" spans="8:8">
      <c r="H113689" s="12"/>
    </row>
    <row r="113690" spans="8:8">
      <c r="H113690" s="12"/>
    </row>
    <row r="113691" spans="8:8">
      <c r="H113691" s="12"/>
    </row>
    <row r="113692" spans="8:8">
      <c r="H113692" s="12"/>
    </row>
    <row r="113693" spans="8:8">
      <c r="H113693" s="12"/>
    </row>
    <row r="113694" spans="8:8">
      <c r="H113694" s="12"/>
    </row>
    <row r="113695" spans="8:8">
      <c r="H113695" s="12"/>
    </row>
    <row r="113696" spans="8:8">
      <c r="H113696" s="12"/>
    </row>
    <row r="113697" spans="8:8">
      <c r="H113697" s="12"/>
    </row>
    <row r="113698" spans="8:8">
      <c r="H113698" s="12"/>
    </row>
    <row r="113699" spans="8:8">
      <c r="H113699" s="12"/>
    </row>
    <row r="113700" spans="8:8">
      <c r="H113700" s="12"/>
    </row>
    <row r="113701" spans="8:8">
      <c r="H113701" s="12"/>
    </row>
    <row r="113702" spans="8:8">
      <c r="H113702" s="12"/>
    </row>
    <row r="113703" spans="8:8">
      <c r="H113703" s="12"/>
    </row>
    <row r="113704" spans="8:8">
      <c r="H113704" s="12"/>
    </row>
    <row r="113705" spans="8:8">
      <c r="H113705" s="12"/>
    </row>
    <row r="113706" spans="8:8">
      <c r="H113706" s="12"/>
    </row>
    <row r="113707" spans="8:8">
      <c r="H113707" s="12"/>
    </row>
    <row r="113708" spans="8:8">
      <c r="H113708" s="12"/>
    </row>
    <row r="113709" spans="8:8">
      <c r="H113709" s="12"/>
    </row>
    <row r="113710" spans="8:8">
      <c r="H113710" s="12"/>
    </row>
    <row r="113711" spans="8:8">
      <c r="H113711" s="12"/>
    </row>
    <row r="113712" spans="8:8">
      <c r="H113712" s="12"/>
    </row>
    <row r="113713" spans="8:8">
      <c r="H113713" s="12"/>
    </row>
    <row r="113714" spans="8:8">
      <c r="H113714" s="12"/>
    </row>
    <row r="113715" spans="8:8">
      <c r="H113715" s="12"/>
    </row>
    <row r="113716" spans="8:8">
      <c r="H113716" s="12"/>
    </row>
    <row r="113717" spans="8:8">
      <c r="H113717" s="12"/>
    </row>
    <row r="113718" spans="8:8">
      <c r="H113718" s="12"/>
    </row>
    <row r="113719" spans="8:8">
      <c r="H113719" s="12"/>
    </row>
    <row r="113720" spans="8:8">
      <c r="H113720" s="12"/>
    </row>
    <row r="113721" spans="8:8">
      <c r="H113721" s="12"/>
    </row>
    <row r="113722" spans="8:8">
      <c r="H113722" s="12"/>
    </row>
    <row r="113723" spans="8:8">
      <c r="H113723" s="12"/>
    </row>
    <row r="113724" spans="8:8">
      <c r="H113724" s="12"/>
    </row>
    <row r="113725" spans="8:8">
      <c r="H113725" s="12"/>
    </row>
    <row r="113726" spans="8:8">
      <c r="H113726" s="12"/>
    </row>
    <row r="113727" spans="8:8">
      <c r="H113727" s="12"/>
    </row>
    <row r="113728" spans="8:8">
      <c r="H113728" s="12"/>
    </row>
    <row r="113729" spans="8:8">
      <c r="H113729" s="12"/>
    </row>
    <row r="113730" spans="8:8">
      <c r="H113730" s="12"/>
    </row>
    <row r="113731" spans="8:8">
      <c r="H113731" s="12"/>
    </row>
    <row r="113732" spans="8:8">
      <c r="H113732" s="12"/>
    </row>
    <row r="113733" spans="8:8">
      <c r="H113733" s="12"/>
    </row>
    <row r="113734" spans="8:8">
      <c r="H113734" s="12"/>
    </row>
    <row r="113735" spans="8:8">
      <c r="H113735" s="12"/>
    </row>
    <row r="113736" spans="8:8">
      <c r="H113736" s="12"/>
    </row>
    <row r="113737" spans="8:8">
      <c r="H113737" s="12"/>
    </row>
    <row r="113738" spans="8:8">
      <c r="H113738" s="12"/>
    </row>
    <row r="113739" spans="8:8">
      <c r="H113739" s="12"/>
    </row>
    <row r="113740" spans="8:8">
      <c r="H113740" s="12"/>
    </row>
    <row r="113741" spans="8:8">
      <c r="H113741" s="12"/>
    </row>
    <row r="113742" spans="8:8">
      <c r="H113742" s="12"/>
    </row>
    <row r="113743" spans="8:8">
      <c r="H113743" s="12"/>
    </row>
    <row r="113744" spans="8:8">
      <c r="H113744" s="12"/>
    </row>
    <row r="113745" spans="8:8">
      <c r="H113745" s="12"/>
    </row>
    <row r="113746" spans="8:8">
      <c r="H113746" s="12"/>
    </row>
    <row r="113747" spans="8:8">
      <c r="H113747" s="12"/>
    </row>
    <row r="113748" spans="8:8">
      <c r="H113748" s="12"/>
    </row>
    <row r="113749" spans="8:8">
      <c r="H113749" s="12"/>
    </row>
    <row r="113750" spans="8:8">
      <c r="H113750" s="12"/>
    </row>
    <row r="113751" spans="8:8">
      <c r="H113751" s="12"/>
    </row>
    <row r="113752" spans="8:8">
      <c r="H113752" s="12"/>
    </row>
    <row r="113753" spans="8:8">
      <c r="H113753" s="12"/>
    </row>
    <row r="113754" spans="8:8">
      <c r="H113754" s="12"/>
    </row>
    <row r="113755" spans="8:8">
      <c r="H113755" s="12"/>
    </row>
    <row r="113756" spans="8:8">
      <c r="H113756" s="12"/>
    </row>
    <row r="113757" spans="8:8">
      <c r="H113757" s="12"/>
    </row>
    <row r="113758" spans="8:8">
      <c r="H113758" s="12"/>
    </row>
    <row r="113759" spans="8:8">
      <c r="H113759" s="12"/>
    </row>
    <row r="113760" spans="8:8">
      <c r="H113760" s="12"/>
    </row>
    <row r="113761" spans="8:8">
      <c r="H113761" s="12"/>
    </row>
    <row r="113762" spans="8:8">
      <c r="H113762" s="12"/>
    </row>
    <row r="113763" spans="8:8">
      <c r="H113763" s="12"/>
    </row>
    <row r="113764" spans="8:8">
      <c r="H113764" s="12"/>
    </row>
    <row r="113765" spans="8:8">
      <c r="H113765" s="12"/>
    </row>
    <row r="113766" spans="8:8">
      <c r="H113766" s="12"/>
    </row>
    <row r="113767" spans="8:8">
      <c r="H113767" s="12"/>
    </row>
    <row r="113768" spans="8:8">
      <c r="H113768" s="12"/>
    </row>
    <row r="113769" spans="8:8">
      <c r="H113769" s="12"/>
    </row>
    <row r="113770" spans="8:8">
      <c r="H113770" s="12"/>
    </row>
    <row r="113771" spans="8:8">
      <c r="H113771" s="12"/>
    </row>
    <row r="113772" spans="8:8">
      <c r="H113772" s="12"/>
    </row>
    <row r="113773" spans="8:8">
      <c r="H113773" s="12"/>
    </row>
    <row r="113774" spans="8:8">
      <c r="H113774" s="12"/>
    </row>
    <row r="113775" spans="8:8">
      <c r="H113775" s="12"/>
    </row>
    <row r="113776" spans="8:8">
      <c r="H113776" s="12"/>
    </row>
    <row r="113777" spans="8:8">
      <c r="H113777" s="12"/>
    </row>
    <row r="113778" spans="8:8">
      <c r="H113778" s="12"/>
    </row>
    <row r="113779" spans="8:8">
      <c r="H113779" s="12"/>
    </row>
    <row r="113780" spans="8:8">
      <c r="H113780" s="12"/>
    </row>
    <row r="113781" spans="8:8">
      <c r="H113781" s="12"/>
    </row>
    <row r="113782" spans="8:8">
      <c r="H113782" s="12"/>
    </row>
    <row r="113783" spans="8:8">
      <c r="H113783" s="12"/>
    </row>
    <row r="113784" spans="8:8">
      <c r="H113784" s="12"/>
    </row>
    <row r="113785" spans="8:8">
      <c r="H113785" s="12"/>
    </row>
    <row r="113786" spans="8:8">
      <c r="H113786" s="12"/>
    </row>
    <row r="113787" spans="8:8">
      <c r="H113787" s="12"/>
    </row>
    <row r="113788" spans="8:8">
      <c r="H113788" s="12"/>
    </row>
    <row r="113789" spans="8:8">
      <c r="H113789" s="12"/>
    </row>
    <row r="113790" spans="8:8">
      <c r="H113790" s="12"/>
    </row>
    <row r="113791" spans="8:8">
      <c r="H113791" s="12"/>
    </row>
    <row r="113792" spans="8:8">
      <c r="H113792" s="12"/>
    </row>
    <row r="113793" spans="8:8">
      <c r="H113793" s="12"/>
    </row>
    <row r="113794" spans="8:8">
      <c r="H113794" s="12"/>
    </row>
    <row r="113795" spans="8:8">
      <c r="H113795" s="12"/>
    </row>
    <row r="113796" spans="8:8">
      <c r="H113796" s="12"/>
    </row>
    <row r="113797" spans="8:8">
      <c r="H113797" s="12"/>
    </row>
    <row r="113798" spans="8:8">
      <c r="H113798" s="12"/>
    </row>
    <row r="113799" spans="8:8">
      <c r="H113799" s="12"/>
    </row>
    <row r="113800" spans="8:8">
      <c r="H113800" s="12"/>
    </row>
    <row r="113801" spans="8:8">
      <c r="H113801" s="12"/>
    </row>
    <row r="113802" spans="8:8">
      <c r="H113802" s="12"/>
    </row>
    <row r="113803" spans="8:8">
      <c r="H113803" s="12"/>
    </row>
    <row r="113804" spans="8:8">
      <c r="H113804" s="12"/>
    </row>
    <row r="113805" spans="8:8">
      <c r="H113805" s="12"/>
    </row>
    <row r="113806" spans="8:8">
      <c r="H113806" s="12"/>
    </row>
    <row r="113807" spans="8:8">
      <c r="H113807" s="12"/>
    </row>
    <row r="113808" spans="8:8">
      <c r="H113808" s="12"/>
    </row>
    <row r="113809" spans="8:8">
      <c r="H113809" s="12"/>
    </row>
    <row r="113810" spans="8:8">
      <c r="H113810" s="12"/>
    </row>
    <row r="113811" spans="8:8">
      <c r="H113811" s="12"/>
    </row>
    <row r="113812" spans="8:8">
      <c r="H113812" s="12"/>
    </row>
    <row r="113813" spans="8:8">
      <c r="H113813" s="12"/>
    </row>
    <row r="113814" spans="8:8">
      <c r="H113814" s="12"/>
    </row>
    <row r="113815" spans="8:8">
      <c r="H113815" s="12"/>
    </row>
    <row r="113816" spans="8:8">
      <c r="H113816" s="12"/>
    </row>
    <row r="113817" spans="8:8">
      <c r="H113817" s="12"/>
    </row>
    <row r="113818" spans="8:8">
      <c r="H113818" s="12"/>
    </row>
    <row r="113819" spans="8:8">
      <c r="H113819" s="12"/>
    </row>
    <row r="113820" spans="8:8">
      <c r="H113820" s="12"/>
    </row>
    <row r="113821" spans="8:8">
      <c r="H113821" s="12"/>
    </row>
    <row r="113822" spans="8:8">
      <c r="H113822" s="12"/>
    </row>
    <row r="113823" spans="8:8">
      <c r="H113823" s="12"/>
    </row>
    <row r="113824" spans="8:8">
      <c r="H113824" s="12"/>
    </row>
    <row r="113825" spans="8:8">
      <c r="H113825" s="12"/>
    </row>
    <row r="113826" spans="8:8">
      <c r="H113826" s="12"/>
    </row>
    <row r="113827" spans="8:8">
      <c r="H113827" s="12"/>
    </row>
    <row r="113828" spans="8:8">
      <c r="H113828" s="12"/>
    </row>
    <row r="113829" spans="8:8">
      <c r="H113829" s="12"/>
    </row>
    <row r="113830" spans="8:8">
      <c r="H113830" s="12"/>
    </row>
    <row r="113831" spans="8:8">
      <c r="H113831" s="12"/>
    </row>
    <row r="113832" spans="8:8">
      <c r="H113832" s="12"/>
    </row>
    <row r="113833" spans="8:8">
      <c r="H113833" s="12"/>
    </row>
    <row r="113834" spans="8:8">
      <c r="H113834" s="12"/>
    </row>
    <row r="113835" spans="8:8">
      <c r="H113835" s="12"/>
    </row>
    <row r="113836" spans="8:8">
      <c r="H113836" s="12"/>
    </row>
    <row r="113837" spans="8:8">
      <c r="H113837" s="12"/>
    </row>
    <row r="113838" spans="8:8">
      <c r="H113838" s="12"/>
    </row>
    <row r="113839" spans="8:8">
      <c r="H113839" s="12"/>
    </row>
    <row r="113840" spans="8:8">
      <c r="H113840" s="12"/>
    </row>
    <row r="113841" spans="8:8">
      <c r="H113841" s="12"/>
    </row>
    <row r="113842" spans="8:8">
      <c r="H113842" s="12"/>
    </row>
    <row r="113843" spans="8:8">
      <c r="H113843" s="12"/>
    </row>
    <row r="113844" spans="8:8">
      <c r="H113844" s="12"/>
    </row>
    <row r="113845" spans="8:8">
      <c r="H113845" s="12"/>
    </row>
    <row r="113846" spans="8:8">
      <c r="H113846" s="12"/>
    </row>
    <row r="113847" spans="8:8">
      <c r="H113847" s="12"/>
    </row>
    <row r="113848" spans="8:8">
      <c r="H113848" s="12"/>
    </row>
    <row r="113849" spans="8:8">
      <c r="H113849" s="12"/>
    </row>
    <row r="113850" spans="8:8">
      <c r="H113850" s="12"/>
    </row>
    <row r="113851" spans="8:8">
      <c r="H113851" s="12"/>
    </row>
    <row r="113852" spans="8:8">
      <c r="H113852" s="12"/>
    </row>
    <row r="113853" spans="8:8">
      <c r="H113853" s="12"/>
    </row>
    <row r="113854" spans="8:8">
      <c r="H113854" s="12"/>
    </row>
    <row r="113855" spans="8:8">
      <c r="H113855" s="12"/>
    </row>
    <row r="113856" spans="8:8">
      <c r="H113856" s="12"/>
    </row>
    <row r="113857" spans="8:8">
      <c r="H113857" s="12"/>
    </row>
    <row r="113858" spans="8:8">
      <c r="H113858" s="12"/>
    </row>
    <row r="113859" spans="8:8">
      <c r="H113859" s="12"/>
    </row>
    <row r="113860" spans="8:8">
      <c r="H113860" s="12"/>
    </row>
    <row r="113861" spans="8:8">
      <c r="H113861" s="12"/>
    </row>
    <row r="113862" spans="8:8">
      <c r="H113862" s="12"/>
    </row>
    <row r="113863" spans="8:8">
      <c r="H113863" s="12"/>
    </row>
    <row r="113864" spans="8:8">
      <c r="H113864" s="12"/>
    </row>
    <row r="113865" spans="8:8">
      <c r="H113865" s="12"/>
    </row>
    <row r="113866" spans="8:8">
      <c r="H113866" s="12"/>
    </row>
    <row r="113867" spans="8:8">
      <c r="H113867" s="12"/>
    </row>
    <row r="113868" spans="8:8">
      <c r="H113868" s="12"/>
    </row>
    <row r="113869" spans="8:8">
      <c r="H113869" s="12"/>
    </row>
    <row r="113870" spans="8:8">
      <c r="H113870" s="12"/>
    </row>
    <row r="113871" spans="8:8">
      <c r="H113871" s="12"/>
    </row>
    <row r="113872" spans="8:8">
      <c r="H113872" s="12"/>
    </row>
    <row r="113873" spans="8:8">
      <c r="H113873" s="12"/>
    </row>
    <row r="113874" spans="8:8">
      <c r="H113874" s="12"/>
    </row>
    <row r="113875" spans="8:8">
      <c r="H113875" s="12"/>
    </row>
    <row r="113876" spans="8:8">
      <c r="H113876" s="12"/>
    </row>
    <row r="113877" spans="8:8">
      <c r="H113877" s="12"/>
    </row>
    <row r="113878" spans="8:8">
      <c r="H113878" s="12"/>
    </row>
    <row r="113879" spans="8:8">
      <c r="H113879" s="12"/>
    </row>
    <row r="113880" spans="8:8">
      <c r="H113880" s="12"/>
    </row>
    <row r="113881" spans="8:8">
      <c r="H113881" s="12"/>
    </row>
    <row r="113882" spans="8:8">
      <c r="H113882" s="12"/>
    </row>
    <row r="113883" spans="8:8">
      <c r="H113883" s="12"/>
    </row>
    <row r="113884" spans="8:8">
      <c r="H113884" s="12"/>
    </row>
    <row r="113885" spans="8:8">
      <c r="H113885" s="12"/>
    </row>
    <row r="113886" spans="8:8">
      <c r="H113886" s="12"/>
    </row>
    <row r="113887" spans="8:8">
      <c r="H113887" s="12"/>
    </row>
    <row r="113888" spans="8:8">
      <c r="H113888" s="12"/>
    </row>
    <row r="113889" spans="8:8">
      <c r="H113889" s="12"/>
    </row>
    <row r="113890" spans="8:8">
      <c r="H113890" s="12"/>
    </row>
    <row r="113891" spans="8:8">
      <c r="H113891" s="12"/>
    </row>
    <row r="113892" spans="8:8">
      <c r="H113892" s="12"/>
    </row>
    <row r="113893" spans="8:8">
      <c r="H113893" s="12"/>
    </row>
    <row r="113894" spans="8:8">
      <c r="H113894" s="12"/>
    </row>
    <row r="113895" spans="8:8">
      <c r="H113895" s="12"/>
    </row>
    <row r="113896" spans="8:8">
      <c r="H113896" s="12"/>
    </row>
    <row r="113897" spans="8:8">
      <c r="H113897" s="12"/>
    </row>
    <row r="113898" spans="8:8">
      <c r="H113898" s="12"/>
    </row>
    <row r="113899" spans="8:8">
      <c r="H113899" s="12"/>
    </row>
    <row r="113900" spans="8:8">
      <c r="H113900" s="12"/>
    </row>
    <row r="113901" spans="8:8">
      <c r="H113901" s="12"/>
    </row>
    <row r="113902" spans="8:8">
      <c r="H113902" s="12"/>
    </row>
    <row r="113903" spans="8:8">
      <c r="H113903" s="12"/>
    </row>
    <row r="113904" spans="8:8">
      <c r="H113904" s="12"/>
    </row>
    <row r="113905" spans="8:8">
      <c r="H113905" s="12"/>
    </row>
    <row r="113906" spans="8:8">
      <c r="H113906" s="12"/>
    </row>
    <row r="113907" spans="8:8">
      <c r="H113907" s="12"/>
    </row>
    <row r="113908" spans="8:8">
      <c r="H113908" s="12"/>
    </row>
    <row r="113909" spans="8:8">
      <c r="H113909" s="12"/>
    </row>
    <row r="113910" spans="8:8">
      <c r="H113910" s="12"/>
    </row>
    <row r="113911" spans="8:8">
      <c r="H113911" s="12"/>
    </row>
    <row r="113912" spans="8:8">
      <c r="H113912" s="12"/>
    </row>
    <row r="113913" spans="8:8">
      <c r="H113913" s="12"/>
    </row>
    <row r="113914" spans="8:8">
      <c r="H113914" s="12"/>
    </row>
    <row r="113915" spans="8:8">
      <c r="H113915" s="12"/>
    </row>
    <row r="113916" spans="8:8">
      <c r="H113916" s="12"/>
    </row>
    <row r="113917" spans="8:8">
      <c r="H113917" s="12"/>
    </row>
    <row r="113918" spans="8:8">
      <c r="H113918" s="12"/>
    </row>
    <row r="113919" spans="8:8">
      <c r="H113919" s="12"/>
    </row>
    <row r="113920" spans="8:8">
      <c r="H113920" s="12"/>
    </row>
    <row r="113921" spans="8:8">
      <c r="H113921" s="12"/>
    </row>
    <row r="113922" spans="8:8">
      <c r="H113922" s="12"/>
    </row>
    <row r="113923" spans="8:8">
      <c r="H113923" s="12"/>
    </row>
    <row r="113924" spans="8:8">
      <c r="H113924" s="12"/>
    </row>
    <row r="113925" spans="8:8">
      <c r="H113925" s="12"/>
    </row>
    <row r="113926" spans="8:8">
      <c r="H113926" s="12"/>
    </row>
    <row r="113927" spans="8:8">
      <c r="H113927" s="12"/>
    </row>
    <row r="113928" spans="8:8">
      <c r="H113928" s="12"/>
    </row>
    <row r="113929" spans="8:8">
      <c r="H113929" s="12"/>
    </row>
    <row r="113930" spans="8:8">
      <c r="H113930" s="12"/>
    </row>
    <row r="113931" spans="8:8">
      <c r="H113931" s="12"/>
    </row>
    <row r="113932" spans="8:8">
      <c r="H113932" s="12"/>
    </row>
    <row r="113933" spans="8:8">
      <c r="H113933" s="12"/>
    </row>
    <row r="113934" spans="8:8">
      <c r="H113934" s="12"/>
    </row>
    <row r="113935" spans="8:8">
      <c r="H113935" s="12"/>
    </row>
    <row r="113936" spans="8:8">
      <c r="H113936" s="12"/>
    </row>
    <row r="113937" spans="8:8">
      <c r="H113937" s="12"/>
    </row>
    <row r="113938" spans="8:8">
      <c r="H113938" s="12"/>
    </row>
    <row r="113939" spans="8:8">
      <c r="H113939" s="12"/>
    </row>
    <row r="113940" spans="8:8">
      <c r="H113940" s="12"/>
    </row>
    <row r="113941" spans="8:8">
      <c r="H113941" s="12"/>
    </row>
    <row r="113942" spans="8:8">
      <c r="H113942" s="12"/>
    </row>
    <row r="113943" spans="8:8">
      <c r="H113943" s="12"/>
    </row>
    <row r="113944" spans="8:8">
      <c r="H113944" s="12"/>
    </row>
    <row r="113945" spans="8:8">
      <c r="H113945" s="12"/>
    </row>
    <row r="113946" spans="8:8">
      <c r="H113946" s="12"/>
    </row>
    <row r="113947" spans="8:8">
      <c r="H113947" s="12"/>
    </row>
    <row r="113948" spans="8:8">
      <c r="H113948" s="12"/>
    </row>
    <row r="113949" spans="8:8">
      <c r="H113949" s="12"/>
    </row>
    <row r="113950" spans="8:8">
      <c r="H113950" s="12"/>
    </row>
    <row r="113951" spans="8:8">
      <c r="H113951" s="12"/>
    </row>
    <row r="113952" spans="8:8">
      <c r="H113952" s="12"/>
    </row>
    <row r="113953" spans="8:8">
      <c r="H113953" s="12"/>
    </row>
    <row r="113954" spans="8:8">
      <c r="H113954" s="12"/>
    </row>
    <row r="113955" spans="8:8">
      <c r="H113955" s="12"/>
    </row>
    <row r="113956" spans="8:8">
      <c r="H113956" s="12"/>
    </row>
    <row r="113957" spans="8:8">
      <c r="H113957" s="12"/>
    </row>
    <row r="113958" spans="8:8">
      <c r="H113958" s="12"/>
    </row>
    <row r="113959" spans="8:8">
      <c r="H113959" s="12"/>
    </row>
    <row r="113960" spans="8:8">
      <c r="H113960" s="12"/>
    </row>
    <row r="113961" spans="8:8">
      <c r="H113961" s="12"/>
    </row>
    <row r="113962" spans="8:8">
      <c r="H113962" s="12"/>
    </row>
    <row r="113963" spans="8:8">
      <c r="H113963" s="12"/>
    </row>
    <row r="113964" spans="8:8">
      <c r="H113964" s="12"/>
    </row>
    <row r="113965" spans="8:8">
      <c r="H113965" s="12"/>
    </row>
    <row r="113966" spans="8:8">
      <c r="H113966" s="12"/>
    </row>
    <row r="113967" spans="8:8">
      <c r="H113967" s="12"/>
    </row>
    <row r="113968" spans="8:8">
      <c r="H113968" s="12"/>
    </row>
    <row r="113969" spans="8:8">
      <c r="H113969" s="12"/>
    </row>
    <row r="113970" spans="8:8">
      <c r="H113970" s="12"/>
    </row>
    <row r="113971" spans="8:8">
      <c r="H113971" s="12"/>
    </row>
    <row r="113972" spans="8:8">
      <c r="H113972" s="12"/>
    </row>
    <row r="113973" spans="8:8">
      <c r="H113973" s="12"/>
    </row>
    <row r="113974" spans="8:8">
      <c r="H113974" s="12"/>
    </row>
    <row r="113975" spans="8:8">
      <c r="H113975" s="12"/>
    </row>
    <row r="113976" spans="8:8">
      <c r="H113976" s="12"/>
    </row>
    <row r="113977" spans="8:8">
      <c r="H113977" s="12"/>
    </row>
    <row r="113978" spans="8:8">
      <c r="H113978" s="12"/>
    </row>
    <row r="113979" spans="8:8">
      <c r="H113979" s="12"/>
    </row>
    <row r="113980" spans="8:8">
      <c r="H113980" s="12"/>
    </row>
    <row r="113981" spans="8:8">
      <c r="H113981" s="12"/>
    </row>
    <row r="113982" spans="8:8">
      <c r="H113982" s="12"/>
    </row>
    <row r="113983" spans="8:8">
      <c r="H113983" s="12"/>
    </row>
    <row r="113984" spans="8:8">
      <c r="H113984" s="12"/>
    </row>
    <row r="113985" spans="8:8">
      <c r="H113985" s="12"/>
    </row>
    <row r="113986" spans="8:8">
      <c r="H113986" s="12"/>
    </row>
    <row r="113987" spans="8:8">
      <c r="H113987" s="12"/>
    </row>
    <row r="113988" spans="8:8">
      <c r="H113988" s="12"/>
    </row>
    <row r="113989" spans="8:8">
      <c r="H113989" s="12"/>
    </row>
    <row r="113990" spans="8:8">
      <c r="H113990" s="12"/>
    </row>
    <row r="113991" spans="8:8">
      <c r="H113991" s="12"/>
    </row>
    <row r="113992" spans="8:8">
      <c r="H113992" s="12"/>
    </row>
    <row r="113993" spans="8:8">
      <c r="H113993" s="12"/>
    </row>
    <row r="113994" spans="8:8">
      <c r="H113994" s="12"/>
    </row>
    <row r="113995" spans="8:8">
      <c r="H113995" s="12"/>
    </row>
    <row r="113996" spans="8:8">
      <c r="H113996" s="12"/>
    </row>
    <row r="113997" spans="8:8">
      <c r="H113997" s="12"/>
    </row>
    <row r="113998" spans="8:8">
      <c r="H113998" s="12"/>
    </row>
    <row r="113999" spans="8:8">
      <c r="H113999" s="12"/>
    </row>
    <row r="114000" spans="8:8">
      <c r="H114000" s="12"/>
    </row>
    <row r="114001" spans="8:8">
      <c r="H114001" s="12"/>
    </row>
    <row r="114002" spans="8:8">
      <c r="H114002" s="12"/>
    </row>
    <row r="114003" spans="8:8">
      <c r="H114003" s="12"/>
    </row>
    <row r="114004" spans="8:8">
      <c r="H114004" s="12"/>
    </row>
    <row r="114005" spans="8:8">
      <c r="H114005" s="12"/>
    </row>
    <row r="114006" spans="8:8">
      <c r="H114006" s="12"/>
    </row>
    <row r="114007" spans="8:8">
      <c r="H114007" s="12"/>
    </row>
    <row r="114008" spans="8:8">
      <c r="H114008" s="12"/>
    </row>
    <row r="114009" spans="8:8">
      <c r="H114009" s="12"/>
    </row>
    <row r="114010" spans="8:8">
      <c r="H114010" s="12"/>
    </row>
    <row r="114011" spans="8:8">
      <c r="H114011" s="12"/>
    </row>
    <row r="114012" spans="8:8">
      <c r="H114012" s="12"/>
    </row>
    <row r="114013" spans="8:8">
      <c r="H114013" s="12"/>
    </row>
    <row r="114014" spans="8:8">
      <c r="H114014" s="12"/>
    </row>
    <row r="114015" spans="8:8">
      <c r="H114015" s="12"/>
    </row>
    <row r="114016" spans="8:8">
      <c r="H114016" s="12"/>
    </row>
    <row r="114017" spans="8:8">
      <c r="H114017" s="12"/>
    </row>
    <row r="114018" spans="8:8">
      <c r="H114018" s="12"/>
    </row>
    <row r="114019" spans="8:8">
      <c r="H114019" s="12"/>
    </row>
    <row r="114020" spans="8:8">
      <c r="H114020" s="12"/>
    </row>
    <row r="114021" spans="8:8">
      <c r="H114021" s="12"/>
    </row>
    <row r="114022" spans="8:8">
      <c r="H114022" s="12"/>
    </row>
    <row r="114023" spans="8:8">
      <c r="H114023" s="12"/>
    </row>
    <row r="114024" spans="8:8">
      <c r="H114024" s="12"/>
    </row>
    <row r="114025" spans="8:8">
      <c r="H114025" s="12"/>
    </row>
    <row r="114026" spans="8:8">
      <c r="H114026" s="12"/>
    </row>
    <row r="114027" spans="8:8">
      <c r="H114027" s="12"/>
    </row>
    <row r="114028" spans="8:8">
      <c r="H114028" s="12"/>
    </row>
    <row r="114029" spans="8:8">
      <c r="H114029" s="12"/>
    </row>
    <row r="114030" spans="8:8">
      <c r="H114030" s="12"/>
    </row>
    <row r="114031" spans="8:8">
      <c r="H114031" s="12"/>
    </row>
    <row r="114032" spans="8:8">
      <c r="H114032" s="12"/>
    </row>
    <row r="114033" spans="8:8">
      <c r="H114033" s="12"/>
    </row>
    <row r="114034" spans="8:8">
      <c r="H114034" s="12"/>
    </row>
    <row r="114035" spans="8:8">
      <c r="H114035" s="12"/>
    </row>
    <row r="114036" spans="8:8">
      <c r="H114036" s="12"/>
    </row>
    <row r="114037" spans="8:8">
      <c r="H114037" s="12"/>
    </row>
    <row r="114038" spans="8:8">
      <c r="H114038" s="12"/>
    </row>
    <row r="114039" spans="8:8">
      <c r="H114039" s="12"/>
    </row>
    <row r="114040" spans="8:8">
      <c r="H114040" s="12"/>
    </row>
    <row r="114041" spans="8:8">
      <c r="H114041" s="12"/>
    </row>
    <row r="114042" spans="8:8">
      <c r="H114042" s="12"/>
    </row>
    <row r="114043" spans="8:8">
      <c r="H114043" s="12"/>
    </row>
    <row r="114044" spans="8:8">
      <c r="H114044" s="12"/>
    </row>
    <row r="114045" spans="8:8">
      <c r="H114045" s="12"/>
    </row>
    <row r="114046" spans="8:8">
      <c r="H114046" s="12"/>
    </row>
    <row r="114047" spans="8:8">
      <c r="H114047" s="12"/>
    </row>
    <row r="114048" spans="8:8">
      <c r="H114048" s="12"/>
    </row>
    <row r="114049" spans="8:8">
      <c r="H114049" s="12"/>
    </row>
    <row r="114050" spans="8:8">
      <c r="H114050" s="12"/>
    </row>
    <row r="114051" spans="8:8">
      <c r="H114051" s="12"/>
    </row>
    <row r="114052" spans="8:8">
      <c r="H114052" s="12"/>
    </row>
    <row r="114053" spans="8:8">
      <c r="H114053" s="12"/>
    </row>
    <row r="114054" spans="8:8">
      <c r="H114054" s="12"/>
    </row>
    <row r="114055" spans="8:8">
      <c r="H114055" s="12"/>
    </row>
    <row r="114056" spans="8:8">
      <c r="H114056" s="12"/>
    </row>
    <row r="114057" spans="8:8">
      <c r="H114057" s="12"/>
    </row>
    <row r="114058" spans="8:8">
      <c r="H114058" s="12"/>
    </row>
    <row r="114059" spans="8:8">
      <c r="H114059" s="12"/>
    </row>
    <row r="114060" spans="8:8">
      <c r="H114060" s="12"/>
    </row>
    <row r="114061" spans="8:8">
      <c r="H114061" s="12"/>
    </row>
    <row r="114062" spans="8:8">
      <c r="H114062" s="12"/>
    </row>
    <row r="114063" spans="8:8">
      <c r="H114063" s="12"/>
    </row>
    <row r="114064" spans="8:8">
      <c r="H114064" s="12"/>
    </row>
    <row r="114065" spans="8:8">
      <c r="H114065" s="12"/>
    </row>
    <row r="114066" spans="8:8">
      <c r="H114066" s="12"/>
    </row>
    <row r="114067" spans="8:8">
      <c r="H114067" s="12"/>
    </row>
    <row r="114068" spans="8:8">
      <c r="H114068" s="12"/>
    </row>
    <row r="114069" spans="8:8">
      <c r="H114069" s="12"/>
    </row>
    <row r="114070" spans="8:8">
      <c r="H114070" s="12"/>
    </row>
    <row r="114071" spans="8:8">
      <c r="H114071" s="12"/>
    </row>
    <row r="114072" spans="8:8">
      <c r="H114072" s="12"/>
    </row>
    <row r="114073" spans="8:8">
      <c r="H114073" s="12"/>
    </row>
    <row r="114074" spans="8:8">
      <c r="H114074" s="12"/>
    </row>
    <row r="114075" spans="8:8">
      <c r="H114075" s="12"/>
    </row>
    <row r="114076" spans="8:8">
      <c r="H114076" s="12"/>
    </row>
    <row r="114077" spans="8:8">
      <c r="H114077" s="12"/>
    </row>
    <row r="114078" spans="8:8">
      <c r="H114078" s="12"/>
    </row>
    <row r="114079" spans="8:8">
      <c r="H114079" s="12"/>
    </row>
    <row r="114080" spans="8:8">
      <c r="H114080" s="12"/>
    </row>
    <row r="114081" spans="8:8">
      <c r="H114081" s="12"/>
    </row>
    <row r="114082" spans="8:8">
      <c r="H114082" s="12"/>
    </row>
    <row r="114083" spans="8:8">
      <c r="H114083" s="12"/>
    </row>
    <row r="114084" spans="8:8">
      <c r="H114084" s="12"/>
    </row>
    <row r="114085" spans="8:8">
      <c r="H114085" s="12"/>
    </row>
    <row r="114086" spans="8:8">
      <c r="H114086" s="12"/>
    </row>
    <row r="114087" spans="8:8">
      <c r="H114087" s="12"/>
    </row>
    <row r="114088" spans="8:8">
      <c r="H114088" s="12"/>
    </row>
    <row r="114089" spans="8:8">
      <c r="H114089" s="12"/>
    </row>
    <row r="114090" spans="8:8">
      <c r="H114090" s="12"/>
    </row>
    <row r="114091" spans="8:8">
      <c r="H114091" s="12"/>
    </row>
    <row r="114092" spans="8:8">
      <c r="H114092" s="12"/>
    </row>
    <row r="114093" spans="8:8">
      <c r="H114093" s="12"/>
    </row>
    <row r="114094" spans="8:8">
      <c r="H114094" s="12"/>
    </row>
    <row r="114095" spans="8:8">
      <c r="H114095" s="12"/>
    </row>
    <row r="114096" spans="8:8">
      <c r="H114096" s="12"/>
    </row>
    <row r="114097" spans="8:8">
      <c r="H114097" s="12"/>
    </row>
    <row r="114098" spans="8:8">
      <c r="H114098" s="12"/>
    </row>
    <row r="114099" spans="8:8">
      <c r="H114099" s="12"/>
    </row>
    <row r="114100" spans="8:8">
      <c r="H114100" s="12"/>
    </row>
    <row r="114101" spans="8:8">
      <c r="H114101" s="12"/>
    </row>
    <row r="114102" spans="8:8">
      <c r="H114102" s="12"/>
    </row>
    <row r="114103" spans="8:8">
      <c r="H114103" s="12"/>
    </row>
    <row r="114104" spans="8:8">
      <c r="H114104" s="12"/>
    </row>
    <row r="114105" spans="8:8">
      <c r="H114105" s="12"/>
    </row>
    <row r="114106" spans="8:8">
      <c r="H114106" s="12"/>
    </row>
    <row r="114107" spans="8:8">
      <c r="H114107" s="12"/>
    </row>
    <row r="114108" spans="8:8">
      <c r="H114108" s="12"/>
    </row>
    <row r="114109" spans="8:8">
      <c r="H114109" s="12"/>
    </row>
    <row r="114110" spans="8:8">
      <c r="H114110" s="12"/>
    </row>
    <row r="114111" spans="8:8">
      <c r="H114111" s="12"/>
    </row>
    <row r="114112" spans="8:8">
      <c r="H114112" s="12"/>
    </row>
    <row r="114113" spans="8:8">
      <c r="H114113" s="12"/>
    </row>
    <row r="114114" spans="8:8">
      <c r="H114114" s="12"/>
    </row>
    <row r="114115" spans="8:8">
      <c r="H114115" s="12"/>
    </row>
    <row r="114116" spans="8:8">
      <c r="H114116" s="12"/>
    </row>
    <row r="114117" spans="8:8">
      <c r="H114117" s="12"/>
    </row>
    <row r="114118" spans="8:8">
      <c r="H114118" s="12"/>
    </row>
    <row r="114119" spans="8:8">
      <c r="H114119" s="12"/>
    </row>
    <row r="114120" spans="8:8">
      <c r="H114120" s="12"/>
    </row>
    <row r="114121" spans="8:8">
      <c r="H114121" s="12"/>
    </row>
    <row r="114122" spans="8:8">
      <c r="H114122" s="12"/>
    </row>
    <row r="114123" spans="8:8">
      <c r="H114123" s="12"/>
    </row>
    <row r="114124" spans="8:8">
      <c r="H114124" s="12"/>
    </row>
    <row r="114125" spans="8:8">
      <c r="H114125" s="12"/>
    </row>
    <row r="114126" spans="8:8">
      <c r="H114126" s="12"/>
    </row>
    <row r="114127" spans="8:8">
      <c r="H114127" s="12"/>
    </row>
    <row r="114128" spans="8:8">
      <c r="H114128" s="12"/>
    </row>
    <row r="114129" spans="8:8">
      <c r="H114129" s="12"/>
    </row>
    <row r="114130" spans="8:8">
      <c r="H114130" s="12"/>
    </row>
    <row r="114131" spans="8:8">
      <c r="H114131" s="12"/>
    </row>
    <row r="114132" spans="8:8">
      <c r="H114132" s="12"/>
    </row>
    <row r="114133" spans="8:8">
      <c r="H114133" s="12"/>
    </row>
    <row r="114134" spans="8:8">
      <c r="H114134" s="12"/>
    </row>
    <row r="114135" spans="8:8">
      <c r="H114135" s="12"/>
    </row>
    <row r="114136" spans="8:8">
      <c r="H114136" s="12"/>
    </row>
    <row r="114137" spans="8:8">
      <c r="H114137" s="12"/>
    </row>
    <row r="114138" spans="8:8">
      <c r="H114138" s="12"/>
    </row>
    <row r="114139" spans="8:8">
      <c r="H114139" s="12"/>
    </row>
    <row r="114140" spans="8:8">
      <c r="H114140" s="12"/>
    </row>
    <row r="114141" spans="8:8">
      <c r="H114141" s="12"/>
    </row>
    <row r="114142" spans="8:8">
      <c r="H114142" s="12"/>
    </row>
    <row r="114143" spans="8:8">
      <c r="H114143" s="12"/>
    </row>
    <row r="114144" spans="8:8">
      <c r="H114144" s="12"/>
    </row>
    <row r="114145" spans="8:8">
      <c r="H114145" s="12"/>
    </row>
    <row r="114146" spans="8:8">
      <c r="H114146" s="12"/>
    </row>
    <row r="114147" spans="8:8">
      <c r="H114147" s="12"/>
    </row>
    <row r="114148" spans="8:8">
      <c r="H114148" s="12"/>
    </row>
    <row r="114149" spans="8:8">
      <c r="H114149" s="12"/>
    </row>
    <row r="114150" spans="8:8">
      <c r="H114150" s="12"/>
    </row>
    <row r="114151" spans="8:8">
      <c r="H114151" s="12"/>
    </row>
    <row r="114152" spans="8:8">
      <c r="H114152" s="12"/>
    </row>
    <row r="114153" spans="8:8">
      <c r="H114153" s="12"/>
    </row>
    <row r="114154" spans="8:8">
      <c r="H114154" s="12"/>
    </row>
    <row r="114155" spans="8:8">
      <c r="H114155" s="12"/>
    </row>
    <row r="114156" spans="8:8">
      <c r="H114156" s="12"/>
    </row>
    <row r="114157" spans="8:8">
      <c r="H114157" s="12"/>
    </row>
    <row r="114158" spans="8:8">
      <c r="H114158" s="12"/>
    </row>
    <row r="114159" spans="8:8">
      <c r="H114159" s="12"/>
    </row>
    <row r="114160" spans="8:8">
      <c r="H114160" s="12"/>
    </row>
    <row r="114161" spans="8:8">
      <c r="H114161" s="12"/>
    </row>
    <row r="114162" spans="8:8">
      <c r="H114162" s="12"/>
    </row>
    <row r="114163" spans="8:8">
      <c r="H114163" s="12"/>
    </row>
    <row r="114164" spans="8:8">
      <c r="H114164" s="12"/>
    </row>
    <row r="114165" spans="8:8">
      <c r="H114165" s="12"/>
    </row>
    <row r="114166" spans="8:8">
      <c r="H114166" s="12"/>
    </row>
    <row r="114167" spans="8:8">
      <c r="H114167" s="12"/>
    </row>
    <row r="114168" spans="8:8">
      <c r="H114168" s="12"/>
    </row>
    <row r="114169" spans="8:8">
      <c r="H114169" s="12"/>
    </row>
    <row r="114170" spans="8:8">
      <c r="H114170" s="12"/>
    </row>
    <row r="114171" spans="8:8">
      <c r="H114171" s="12"/>
    </row>
    <row r="114172" spans="8:8">
      <c r="H114172" s="12"/>
    </row>
    <row r="114173" spans="8:8">
      <c r="H114173" s="12"/>
    </row>
    <row r="114174" spans="8:8">
      <c r="H114174" s="12"/>
    </row>
    <row r="114175" spans="8:8">
      <c r="H114175" s="12"/>
    </row>
    <row r="114176" spans="8:8">
      <c r="H114176" s="12"/>
    </row>
    <row r="114177" spans="8:8">
      <c r="H114177" s="12"/>
    </row>
    <row r="114178" spans="8:8">
      <c r="H114178" s="12"/>
    </row>
    <row r="114179" spans="8:8">
      <c r="H114179" s="12"/>
    </row>
    <row r="114180" spans="8:8">
      <c r="H114180" s="12"/>
    </row>
    <row r="114181" spans="8:8">
      <c r="H114181" s="12"/>
    </row>
    <row r="114182" spans="8:8">
      <c r="H114182" s="12"/>
    </row>
    <row r="114183" spans="8:8">
      <c r="H114183" s="12"/>
    </row>
    <row r="114184" spans="8:8">
      <c r="H114184" s="12"/>
    </row>
    <row r="114185" spans="8:8">
      <c r="H114185" s="12"/>
    </row>
    <row r="114186" spans="8:8">
      <c r="H114186" s="12"/>
    </row>
    <row r="114187" spans="8:8">
      <c r="H114187" s="12"/>
    </row>
    <row r="114188" spans="8:8">
      <c r="H114188" s="12"/>
    </row>
    <row r="114189" spans="8:8">
      <c r="H114189" s="12"/>
    </row>
    <row r="114190" spans="8:8">
      <c r="H114190" s="12"/>
    </row>
    <row r="114191" spans="8:8">
      <c r="H114191" s="12"/>
    </row>
    <row r="114192" spans="8:8">
      <c r="H114192" s="12"/>
    </row>
    <row r="114193" spans="8:8">
      <c r="H114193" s="12"/>
    </row>
    <row r="114194" spans="8:8">
      <c r="H114194" s="12"/>
    </row>
    <row r="114195" spans="8:8">
      <c r="H114195" s="12"/>
    </row>
    <row r="114196" spans="8:8">
      <c r="H114196" s="12"/>
    </row>
    <row r="114197" spans="8:8">
      <c r="H114197" s="12"/>
    </row>
    <row r="114198" spans="8:8">
      <c r="H114198" s="12"/>
    </row>
    <row r="114199" spans="8:8">
      <c r="H114199" s="12"/>
    </row>
    <row r="114200" spans="8:8">
      <c r="H114200" s="12"/>
    </row>
    <row r="114201" spans="8:8">
      <c r="H114201" s="12"/>
    </row>
    <row r="114202" spans="8:8">
      <c r="H114202" s="12"/>
    </row>
    <row r="114203" spans="8:8">
      <c r="H114203" s="12"/>
    </row>
    <row r="114204" spans="8:8">
      <c r="H114204" s="12"/>
    </row>
    <row r="114205" spans="8:8">
      <c r="H114205" s="12"/>
    </row>
    <row r="114206" spans="8:8">
      <c r="H114206" s="12"/>
    </row>
    <row r="114207" spans="8:8">
      <c r="H114207" s="12"/>
    </row>
    <row r="114208" spans="8:8">
      <c r="H114208" s="12"/>
    </row>
    <row r="114209" spans="8:8">
      <c r="H114209" s="12"/>
    </row>
    <row r="114210" spans="8:8">
      <c r="H114210" s="12"/>
    </row>
    <row r="114211" spans="8:8">
      <c r="H114211" s="12"/>
    </row>
    <row r="114212" spans="8:8">
      <c r="H114212" s="12"/>
    </row>
    <row r="114213" spans="8:8">
      <c r="H114213" s="12"/>
    </row>
    <row r="114214" spans="8:8">
      <c r="H114214" s="12"/>
    </row>
    <row r="114215" spans="8:8">
      <c r="H114215" s="12"/>
    </row>
    <row r="114216" spans="8:8">
      <c r="H114216" s="12"/>
    </row>
    <row r="114217" spans="8:8">
      <c r="H114217" s="12"/>
    </row>
    <row r="114218" spans="8:8">
      <c r="H114218" s="12"/>
    </row>
    <row r="114219" spans="8:8">
      <c r="H114219" s="12"/>
    </row>
    <row r="114220" spans="8:8">
      <c r="H114220" s="12"/>
    </row>
    <row r="114221" spans="8:8">
      <c r="H114221" s="12"/>
    </row>
    <row r="114222" spans="8:8">
      <c r="H114222" s="12"/>
    </row>
    <row r="114223" spans="8:8">
      <c r="H114223" s="12"/>
    </row>
    <row r="114224" spans="8:8">
      <c r="H114224" s="12"/>
    </row>
    <row r="114225" spans="8:8">
      <c r="H114225" s="12"/>
    </row>
    <row r="114226" spans="8:8">
      <c r="H114226" s="12"/>
    </row>
    <row r="114227" spans="8:8">
      <c r="H114227" s="12"/>
    </row>
    <row r="114228" spans="8:8">
      <c r="H114228" s="12"/>
    </row>
    <row r="114229" spans="8:8">
      <c r="H114229" s="12"/>
    </row>
    <row r="114230" spans="8:8">
      <c r="H114230" s="12"/>
    </row>
    <row r="114231" spans="8:8">
      <c r="H114231" s="12"/>
    </row>
    <row r="114232" spans="8:8">
      <c r="H114232" s="12"/>
    </row>
    <row r="114233" spans="8:8">
      <c r="H114233" s="12"/>
    </row>
    <row r="114234" spans="8:8">
      <c r="H114234" s="12"/>
    </row>
    <row r="114235" spans="8:8">
      <c r="H114235" s="12"/>
    </row>
    <row r="114236" spans="8:8">
      <c r="H114236" s="12"/>
    </row>
    <row r="114237" spans="8:8">
      <c r="H114237" s="12"/>
    </row>
    <row r="114238" spans="8:8">
      <c r="H114238" s="12"/>
    </row>
    <row r="114239" spans="8:8">
      <c r="H114239" s="12"/>
    </row>
    <row r="114240" spans="8:8">
      <c r="H114240" s="12"/>
    </row>
    <row r="114241" spans="8:8">
      <c r="H114241" s="12"/>
    </row>
    <row r="114242" spans="8:8">
      <c r="H114242" s="12"/>
    </row>
    <row r="114243" spans="8:8">
      <c r="H114243" s="12"/>
    </row>
    <row r="114244" spans="8:8">
      <c r="H114244" s="12"/>
    </row>
    <row r="114245" spans="8:8">
      <c r="H114245" s="12"/>
    </row>
    <row r="114246" spans="8:8">
      <c r="H114246" s="12"/>
    </row>
    <row r="114247" spans="8:8">
      <c r="H114247" s="12"/>
    </row>
    <row r="114248" spans="8:8">
      <c r="H114248" s="12"/>
    </row>
    <row r="114249" spans="8:8">
      <c r="H114249" s="12"/>
    </row>
    <row r="114250" spans="8:8">
      <c r="H114250" s="12"/>
    </row>
    <row r="114251" spans="8:8">
      <c r="H114251" s="12"/>
    </row>
    <row r="114252" spans="8:8">
      <c r="H114252" s="12"/>
    </row>
    <row r="114253" spans="8:8">
      <c r="H114253" s="12"/>
    </row>
    <row r="114254" spans="8:8">
      <c r="H114254" s="12"/>
    </row>
    <row r="114255" spans="8:8">
      <c r="H114255" s="12"/>
    </row>
    <row r="114256" spans="8:8">
      <c r="H114256" s="12"/>
    </row>
    <row r="114257" spans="8:8">
      <c r="H114257" s="12"/>
    </row>
    <row r="114258" spans="8:8">
      <c r="H114258" s="12"/>
    </row>
    <row r="114259" spans="8:8">
      <c r="H114259" s="12"/>
    </row>
    <row r="114260" spans="8:8">
      <c r="H114260" s="12"/>
    </row>
    <row r="114261" spans="8:8">
      <c r="H114261" s="12"/>
    </row>
    <row r="114262" spans="8:8">
      <c r="H114262" s="12"/>
    </row>
    <row r="114263" spans="8:8">
      <c r="H114263" s="12"/>
    </row>
    <row r="114264" spans="8:8">
      <c r="H114264" s="12"/>
    </row>
    <row r="114265" spans="8:8">
      <c r="H114265" s="12"/>
    </row>
    <row r="114266" spans="8:8">
      <c r="H114266" s="12"/>
    </row>
    <row r="114267" spans="8:8">
      <c r="H114267" s="12"/>
    </row>
    <row r="114268" spans="8:8">
      <c r="H114268" s="12"/>
    </row>
    <row r="114269" spans="8:8">
      <c r="H114269" s="12"/>
    </row>
    <row r="114270" spans="8:8">
      <c r="H114270" s="12"/>
    </row>
    <row r="114271" spans="8:8">
      <c r="H114271" s="12"/>
    </row>
    <row r="114272" spans="8:8">
      <c r="H114272" s="12"/>
    </row>
    <row r="114273" spans="8:8">
      <c r="H114273" s="12"/>
    </row>
    <row r="114274" spans="8:8">
      <c r="H114274" s="12"/>
    </row>
    <row r="114275" spans="8:8">
      <c r="H114275" s="12"/>
    </row>
    <row r="114276" spans="8:8">
      <c r="H114276" s="12"/>
    </row>
    <row r="114277" spans="8:8">
      <c r="H114277" s="12"/>
    </row>
    <row r="114278" spans="8:8">
      <c r="H114278" s="12"/>
    </row>
    <row r="114279" spans="8:8">
      <c r="H114279" s="12"/>
    </row>
    <row r="114280" spans="8:8">
      <c r="H114280" s="12"/>
    </row>
    <row r="114281" spans="8:8">
      <c r="H114281" s="12"/>
    </row>
    <row r="114282" spans="8:8">
      <c r="H114282" s="12"/>
    </row>
    <row r="114283" spans="8:8">
      <c r="H114283" s="12"/>
    </row>
    <row r="114284" spans="8:8">
      <c r="H114284" s="12"/>
    </row>
    <row r="114285" spans="8:8">
      <c r="H114285" s="12"/>
    </row>
    <row r="114286" spans="8:8">
      <c r="H114286" s="12"/>
    </row>
    <row r="114287" spans="8:8">
      <c r="H114287" s="12"/>
    </row>
    <row r="114288" spans="8:8">
      <c r="H114288" s="12"/>
    </row>
    <row r="114289" spans="8:8">
      <c r="H114289" s="12"/>
    </row>
    <row r="114290" spans="8:8">
      <c r="H114290" s="12"/>
    </row>
    <row r="114291" spans="8:8">
      <c r="H114291" s="12"/>
    </row>
    <row r="114292" spans="8:8">
      <c r="H114292" s="12"/>
    </row>
    <row r="114293" spans="8:8">
      <c r="H114293" s="12"/>
    </row>
    <row r="114294" spans="8:8">
      <c r="H114294" s="12"/>
    </row>
    <row r="114295" spans="8:8">
      <c r="H114295" s="12"/>
    </row>
    <row r="114296" spans="8:8">
      <c r="H114296" s="12"/>
    </row>
    <row r="114297" spans="8:8">
      <c r="H114297" s="12"/>
    </row>
    <row r="114298" spans="8:8">
      <c r="H114298" s="12"/>
    </row>
    <row r="114299" spans="8:8">
      <c r="H114299" s="12"/>
    </row>
    <row r="114300" spans="8:8">
      <c r="H114300" s="12"/>
    </row>
    <row r="114301" spans="8:8">
      <c r="H114301" s="12"/>
    </row>
    <row r="114302" spans="8:8">
      <c r="H114302" s="12"/>
    </row>
    <row r="114303" spans="8:8">
      <c r="H114303" s="12"/>
    </row>
    <row r="114304" spans="8:8">
      <c r="H114304" s="12"/>
    </row>
    <row r="114305" spans="8:8">
      <c r="H114305" s="12"/>
    </row>
    <row r="114306" spans="8:8">
      <c r="H114306" s="12"/>
    </row>
    <row r="114307" spans="8:8">
      <c r="H114307" s="12"/>
    </row>
    <row r="114308" spans="8:8">
      <c r="H114308" s="12"/>
    </row>
    <row r="114309" spans="8:8">
      <c r="H114309" s="12"/>
    </row>
    <row r="114310" spans="8:8">
      <c r="H114310" s="12"/>
    </row>
    <row r="114311" spans="8:8">
      <c r="H114311" s="12"/>
    </row>
    <row r="114312" spans="8:8">
      <c r="H114312" s="12"/>
    </row>
    <row r="114313" spans="8:8">
      <c r="H114313" s="12"/>
    </row>
    <row r="114314" spans="8:8">
      <c r="H114314" s="12"/>
    </row>
    <row r="114315" spans="8:8">
      <c r="H114315" s="12"/>
    </row>
    <row r="114316" spans="8:8">
      <c r="H114316" s="12"/>
    </row>
    <row r="114317" spans="8:8">
      <c r="H114317" s="12"/>
    </row>
    <row r="114318" spans="8:8">
      <c r="H114318" s="12"/>
    </row>
    <row r="114319" spans="8:8">
      <c r="H114319" s="12"/>
    </row>
    <row r="114320" spans="8:8">
      <c r="H114320" s="12"/>
    </row>
    <row r="114321" spans="8:8">
      <c r="H114321" s="12"/>
    </row>
    <row r="114322" spans="8:8">
      <c r="H114322" s="12"/>
    </row>
    <row r="114323" spans="8:8">
      <c r="H114323" s="12"/>
    </row>
    <row r="114324" spans="8:8">
      <c r="H114324" s="12"/>
    </row>
    <row r="114325" spans="8:8">
      <c r="H114325" s="12"/>
    </row>
    <row r="114326" spans="8:8">
      <c r="H114326" s="12"/>
    </row>
    <row r="114327" spans="8:8">
      <c r="H114327" s="12"/>
    </row>
    <row r="114328" spans="8:8">
      <c r="H114328" s="12"/>
    </row>
    <row r="114329" spans="8:8">
      <c r="H114329" s="12"/>
    </row>
    <row r="114330" spans="8:8">
      <c r="H114330" s="12"/>
    </row>
    <row r="114331" spans="8:8">
      <c r="H114331" s="12"/>
    </row>
    <row r="114332" spans="8:8">
      <c r="H114332" s="12"/>
    </row>
    <row r="114333" spans="8:8">
      <c r="H114333" s="12"/>
    </row>
    <row r="114334" spans="8:8">
      <c r="H114334" s="12"/>
    </row>
    <row r="114335" spans="8:8">
      <c r="H114335" s="12"/>
    </row>
    <row r="114336" spans="8:8">
      <c r="H114336" s="12"/>
    </row>
    <row r="114337" spans="8:8">
      <c r="H114337" s="12"/>
    </row>
    <row r="114338" spans="8:8">
      <c r="H114338" s="12"/>
    </row>
    <row r="114339" spans="8:8">
      <c r="H114339" s="12"/>
    </row>
    <row r="114340" spans="8:8">
      <c r="H114340" s="12"/>
    </row>
    <row r="114341" spans="8:8">
      <c r="H114341" s="12"/>
    </row>
    <row r="114342" spans="8:8">
      <c r="H114342" s="12"/>
    </row>
    <row r="114343" spans="8:8">
      <c r="H114343" s="12"/>
    </row>
    <row r="114344" spans="8:8">
      <c r="H114344" s="12"/>
    </row>
    <row r="114345" spans="8:8">
      <c r="H114345" s="12"/>
    </row>
    <row r="114346" spans="8:8">
      <c r="H114346" s="12"/>
    </row>
    <row r="114347" spans="8:8">
      <c r="H114347" s="12"/>
    </row>
    <row r="114348" spans="8:8">
      <c r="H114348" s="12"/>
    </row>
    <row r="114349" spans="8:8">
      <c r="H114349" s="12"/>
    </row>
    <row r="114350" spans="8:8">
      <c r="H114350" s="12"/>
    </row>
    <row r="114351" spans="8:8">
      <c r="H114351" s="12"/>
    </row>
    <row r="114352" spans="8:8">
      <c r="H114352" s="12"/>
    </row>
    <row r="114353" spans="8:8">
      <c r="H114353" s="12"/>
    </row>
    <row r="114354" spans="8:8">
      <c r="H114354" s="12"/>
    </row>
    <row r="114355" spans="8:8">
      <c r="H114355" s="12"/>
    </row>
    <row r="114356" spans="8:8">
      <c r="H114356" s="12"/>
    </row>
    <row r="114357" spans="8:8">
      <c r="H114357" s="12"/>
    </row>
    <row r="114358" spans="8:8">
      <c r="H114358" s="12"/>
    </row>
    <row r="114359" spans="8:8">
      <c r="H114359" s="12"/>
    </row>
    <row r="114360" spans="8:8">
      <c r="H114360" s="12"/>
    </row>
    <row r="114361" spans="8:8">
      <c r="H114361" s="12"/>
    </row>
    <row r="114362" spans="8:8">
      <c r="H114362" s="12"/>
    </row>
    <row r="114363" spans="8:8">
      <c r="H114363" s="12"/>
    </row>
    <row r="114364" spans="8:8">
      <c r="H114364" s="12"/>
    </row>
    <row r="114365" spans="8:8">
      <c r="H114365" s="12"/>
    </row>
    <row r="114366" spans="8:8">
      <c r="H114366" s="12"/>
    </row>
    <row r="114367" spans="8:8">
      <c r="H114367" s="12"/>
    </row>
    <row r="114368" spans="8:8">
      <c r="H114368" s="12"/>
    </row>
    <row r="114369" spans="8:8">
      <c r="H114369" s="12"/>
    </row>
    <row r="114370" spans="8:8">
      <c r="H114370" s="12"/>
    </row>
    <row r="114371" spans="8:8">
      <c r="H114371" s="12"/>
    </row>
    <row r="114372" spans="8:8">
      <c r="H114372" s="12"/>
    </row>
    <row r="114373" spans="8:8">
      <c r="H114373" s="12"/>
    </row>
    <row r="114374" spans="8:8">
      <c r="H114374" s="12"/>
    </row>
    <row r="114375" spans="8:8">
      <c r="H114375" s="12"/>
    </row>
    <row r="114376" spans="8:8">
      <c r="H114376" s="12"/>
    </row>
    <row r="114377" spans="8:8">
      <c r="H114377" s="12"/>
    </row>
    <row r="114378" spans="8:8">
      <c r="H114378" s="12"/>
    </row>
    <row r="114379" spans="8:8">
      <c r="H114379" s="12"/>
    </row>
    <row r="114380" spans="8:8">
      <c r="H114380" s="12"/>
    </row>
    <row r="114381" spans="8:8">
      <c r="H114381" s="12"/>
    </row>
    <row r="114382" spans="8:8">
      <c r="H114382" s="12"/>
    </row>
    <row r="114383" spans="8:8">
      <c r="H114383" s="12"/>
    </row>
    <row r="114384" spans="8:8">
      <c r="H114384" s="12"/>
    </row>
    <row r="114385" spans="8:8">
      <c r="H114385" s="12"/>
    </row>
    <row r="114386" spans="8:8">
      <c r="H114386" s="12"/>
    </row>
    <row r="114387" spans="8:8">
      <c r="H114387" s="12"/>
    </row>
    <row r="114388" spans="8:8">
      <c r="H114388" s="12"/>
    </row>
    <row r="114389" spans="8:8">
      <c r="H114389" s="12"/>
    </row>
    <row r="114390" spans="8:8">
      <c r="H114390" s="12"/>
    </row>
    <row r="114391" spans="8:8">
      <c r="H114391" s="12"/>
    </row>
    <row r="114392" spans="8:8">
      <c r="H114392" s="12"/>
    </row>
    <row r="114393" spans="8:8">
      <c r="H114393" s="12"/>
    </row>
    <row r="114394" spans="8:8">
      <c r="H114394" s="12"/>
    </row>
    <row r="114395" spans="8:8">
      <c r="H114395" s="12"/>
    </row>
    <row r="114396" spans="8:8">
      <c r="H114396" s="12"/>
    </row>
    <row r="114397" spans="8:8">
      <c r="H114397" s="12"/>
    </row>
    <row r="114398" spans="8:8">
      <c r="H114398" s="12"/>
    </row>
    <row r="114399" spans="8:8">
      <c r="H114399" s="12"/>
    </row>
    <row r="114400" spans="8:8">
      <c r="H114400" s="12"/>
    </row>
    <row r="114401" spans="8:8">
      <c r="H114401" s="12"/>
    </row>
    <row r="114402" spans="8:8">
      <c r="H114402" s="12"/>
    </row>
    <row r="114403" spans="8:8">
      <c r="H114403" s="12"/>
    </row>
    <row r="114404" spans="8:8">
      <c r="H114404" s="12"/>
    </row>
    <row r="114405" spans="8:8">
      <c r="H114405" s="12"/>
    </row>
    <row r="114406" spans="8:8">
      <c r="H114406" s="12"/>
    </row>
    <row r="114407" spans="8:8">
      <c r="H114407" s="12"/>
    </row>
    <row r="114408" spans="8:8">
      <c r="H114408" s="12"/>
    </row>
    <row r="114409" spans="8:8">
      <c r="H114409" s="12"/>
    </row>
    <row r="114410" spans="8:8">
      <c r="H114410" s="12"/>
    </row>
    <row r="114411" spans="8:8">
      <c r="H114411" s="12"/>
    </row>
    <row r="114412" spans="8:8">
      <c r="H114412" s="12"/>
    </row>
    <row r="114413" spans="8:8">
      <c r="H114413" s="12"/>
    </row>
    <row r="114414" spans="8:8">
      <c r="H114414" s="12"/>
    </row>
    <row r="114415" spans="8:8">
      <c r="H114415" s="12"/>
    </row>
    <row r="114416" spans="8:8">
      <c r="H114416" s="12"/>
    </row>
    <row r="114417" spans="8:8">
      <c r="H114417" s="12"/>
    </row>
    <row r="114418" spans="8:8">
      <c r="H114418" s="12"/>
    </row>
    <row r="114419" spans="8:8">
      <c r="H114419" s="12"/>
    </row>
    <row r="114420" spans="8:8">
      <c r="H114420" s="12"/>
    </row>
    <row r="114421" spans="8:8">
      <c r="H114421" s="12"/>
    </row>
    <row r="114422" spans="8:8">
      <c r="H114422" s="12"/>
    </row>
    <row r="114423" spans="8:8">
      <c r="H114423" s="12"/>
    </row>
    <row r="114424" spans="8:8">
      <c r="H114424" s="12"/>
    </row>
    <row r="114425" spans="8:8">
      <c r="H114425" s="12"/>
    </row>
    <row r="114426" spans="8:8">
      <c r="H114426" s="12"/>
    </row>
    <row r="114427" spans="8:8">
      <c r="H114427" s="12"/>
    </row>
    <row r="114428" spans="8:8">
      <c r="H114428" s="12"/>
    </row>
    <row r="114429" spans="8:8">
      <c r="H114429" s="12"/>
    </row>
    <row r="114430" spans="8:8">
      <c r="H114430" s="12"/>
    </row>
    <row r="114431" spans="8:8">
      <c r="H114431" s="12"/>
    </row>
    <row r="114432" spans="8:8">
      <c r="H114432" s="12"/>
    </row>
    <row r="114433" spans="8:8">
      <c r="H114433" s="12"/>
    </row>
    <row r="114434" spans="8:8">
      <c r="H114434" s="12"/>
    </row>
    <row r="114435" spans="8:8">
      <c r="H114435" s="12"/>
    </row>
    <row r="114436" spans="8:8">
      <c r="H114436" s="12"/>
    </row>
    <row r="114437" spans="8:8">
      <c r="H114437" s="12"/>
    </row>
    <row r="114438" spans="8:8">
      <c r="H114438" s="12"/>
    </row>
    <row r="114439" spans="8:8">
      <c r="H114439" s="12"/>
    </row>
    <row r="114440" spans="8:8">
      <c r="H114440" s="12"/>
    </row>
    <row r="114441" spans="8:8">
      <c r="H114441" s="12"/>
    </row>
    <row r="114442" spans="8:8">
      <c r="H114442" s="12"/>
    </row>
    <row r="114443" spans="8:8">
      <c r="H114443" s="12"/>
    </row>
    <row r="114444" spans="8:8">
      <c r="H114444" s="12"/>
    </row>
    <row r="114445" spans="8:8">
      <c r="H114445" s="12"/>
    </row>
    <row r="114446" spans="8:8">
      <c r="H114446" s="12"/>
    </row>
    <row r="114447" spans="8:8">
      <c r="H114447" s="12"/>
    </row>
    <row r="114448" spans="8:8">
      <c r="H114448" s="12"/>
    </row>
    <row r="114449" spans="8:8">
      <c r="H114449" s="12"/>
    </row>
    <row r="114450" spans="8:8">
      <c r="H114450" s="12"/>
    </row>
    <row r="114451" spans="8:8">
      <c r="H114451" s="12"/>
    </row>
    <row r="114452" spans="8:8">
      <c r="H114452" s="12"/>
    </row>
    <row r="114453" spans="8:8">
      <c r="H114453" s="12"/>
    </row>
    <row r="114454" spans="8:8">
      <c r="H114454" s="12"/>
    </row>
    <row r="114455" spans="8:8">
      <c r="H114455" s="12"/>
    </row>
    <row r="114456" spans="8:8">
      <c r="H114456" s="12"/>
    </row>
    <row r="114457" spans="8:8">
      <c r="H114457" s="12"/>
    </row>
    <row r="114458" spans="8:8">
      <c r="H114458" s="12"/>
    </row>
    <row r="114459" spans="8:8">
      <c r="H114459" s="12"/>
    </row>
    <row r="114460" spans="8:8">
      <c r="H114460" s="12"/>
    </row>
    <row r="114461" spans="8:8">
      <c r="H114461" s="12"/>
    </row>
    <row r="114462" spans="8:8">
      <c r="H114462" s="12"/>
    </row>
    <row r="114463" spans="8:8">
      <c r="H114463" s="12"/>
    </row>
    <row r="114464" spans="8:8">
      <c r="H114464" s="12"/>
    </row>
    <row r="114465" spans="8:8">
      <c r="H114465" s="12"/>
    </row>
    <row r="114466" spans="8:8">
      <c r="H114466" s="12"/>
    </row>
    <row r="114467" spans="8:8">
      <c r="H114467" s="12"/>
    </row>
    <row r="114468" spans="8:8">
      <c r="H114468" s="12"/>
    </row>
    <row r="114469" spans="8:8">
      <c r="H114469" s="12"/>
    </row>
    <row r="114470" spans="8:8">
      <c r="H114470" s="12"/>
    </row>
    <row r="114471" spans="8:8">
      <c r="H114471" s="12"/>
    </row>
    <row r="114472" spans="8:8">
      <c r="H114472" s="12"/>
    </row>
    <row r="114473" spans="8:8">
      <c r="H114473" s="12"/>
    </row>
    <row r="114474" spans="8:8">
      <c r="H114474" s="12"/>
    </row>
    <row r="114475" spans="8:8">
      <c r="H114475" s="12"/>
    </row>
    <row r="114476" spans="8:8">
      <c r="H114476" s="12"/>
    </row>
    <row r="114477" spans="8:8">
      <c r="H114477" s="12"/>
    </row>
    <row r="114478" spans="8:8">
      <c r="H114478" s="12"/>
    </row>
    <row r="114479" spans="8:8">
      <c r="H114479" s="12"/>
    </row>
    <row r="114480" spans="8:8">
      <c r="H114480" s="12"/>
    </row>
    <row r="114481" spans="8:8">
      <c r="H114481" s="12"/>
    </row>
    <row r="114482" spans="8:8">
      <c r="H114482" s="12"/>
    </row>
    <row r="114483" spans="8:8">
      <c r="H114483" s="12"/>
    </row>
    <row r="114484" spans="8:8">
      <c r="H114484" s="12"/>
    </row>
    <row r="114485" spans="8:8">
      <c r="H114485" s="12"/>
    </row>
    <row r="114486" spans="8:8">
      <c r="H114486" s="12"/>
    </row>
    <row r="114487" spans="8:8">
      <c r="H114487" s="12"/>
    </row>
    <row r="114488" spans="8:8">
      <c r="H114488" s="12"/>
    </row>
    <row r="114489" spans="8:8">
      <c r="H114489" s="12"/>
    </row>
    <row r="114490" spans="8:8">
      <c r="H114490" s="12"/>
    </row>
    <row r="114491" spans="8:8">
      <c r="H114491" s="12"/>
    </row>
    <row r="114492" spans="8:8">
      <c r="H114492" s="12"/>
    </row>
    <row r="114493" spans="8:8">
      <c r="H114493" s="12"/>
    </row>
    <row r="114494" spans="8:8">
      <c r="H114494" s="12"/>
    </row>
    <row r="114495" spans="8:8">
      <c r="H114495" s="12"/>
    </row>
    <row r="114496" spans="8:8">
      <c r="H114496" s="12"/>
    </row>
    <row r="114497" spans="8:8">
      <c r="H114497" s="12"/>
    </row>
    <row r="114498" spans="8:8">
      <c r="H114498" s="12"/>
    </row>
    <row r="114499" spans="8:8">
      <c r="H114499" s="12"/>
    </row>
    <row r="114500" spans="8:8">
      <c r="H114500" s="12"/>
    </row>
    <row r="114501" spans="8:8">
      <c r="H114501" s="12"/>
    </row>
    <row r="114502" spans="8:8">
      <c r="H114502" s="12"/>
    </row>
    <row r="114503" spans="8:8">
      <c r="H114503" s="12"/>
    </row>
    <row r="114504" spans="8:8">
      <c r="H114504" s="12"/>
    </row>
    <row r="114505" spans="8:8">
      <c r="H114505" s="12"/>
    </row>
    <row r="114506" spans="8:8">
      <c r="H114506" s="12"/>
    </row>
    <row r="114507" spans="8:8">
      <c r="H114507" s="12"/>
    </row>
    <row r="114508" spans="8:8">
      <c r="H114508" s="12"/>
    </row>
    <row r="114509" spans="8:8">
      <c r="H114509" s="12"/>
    </row>
    <row r="114510" spans="8:8">
      <c r="H114510" s="12"/>
    </row>
    <row r="114511" spans="8:8">
      <c r="H114511" s="12"/>
    </row>
    <row r="114512" spans="8:8">
      <c r="H114512" s="12"/>
    </row>
    <row r="114513" spans="8:8">
      <c r="H114513" s="12"/>
    </row>
    <row r="114514" spans="8:8">
      <c r="H114514" s="12"/>
    </row>
    <row r="114515" spans="8:8">
      <c r="H114515" s="12"/>
    </row>
    <row r="114516" spans="8:8">
      <c r="H114516" s="12"/>
    </row>
    <row r="114517" spans="8:8">
      <c r="H114517" s="12"/>
    </row>
    <row r="114518" spans="8:8">
      <c r="H114518" s="12"/>
    </row>
    <row r="114519" spans="8:8">
      <c r="H114519" s="12"/>
    </row>
    <row r="114520" spans="8:8">
      <c r="H114520" s="12"/>
    </row>
    <row r="114521" spans="8:8">
      <c r="H114521" s="12"/>
    </row>
    <row r="114522" spans="8:8">
      <c r="H114522" s="12"/>
    </row>
    <row r="114523" spans="8:8">
      <c r="H114523" s="12"/>
    </row>
    <row r="114524" spans="8:8">
      <c r="H114524" s="12"/>
    </row>
    <row r="114525" spans="8:8">
      <c r="H114525" s="12"/>
    </row>
    <row r="114526" spans="8:8">
      <c r="H114526" s="12"/>
    </row>
    <row r="114527" spans="8:8">
      <c r="H114527" s="12"/>
    </row>
    <row r="114528" spans="8:8">
      <c r="H114528" s="12"/>
    </row>
    <row r="114529" spans="8:8">
      <c r="H114529" s="12"/>
    </row>
    <row r="114530" spans="8:8">
      <c r="H114530" s="12"/>
    </row>
    <row r="114531" spans="8:8">
      <c r="H114531" s="12"/>
    </row>
    <row r="114532" spans="8:8">
      <c r="H114532" s="12"/>
    </row>
    <row r="114533" spans="8:8">
      <c r="H114533" s="12"/>
    </row>
    <row r="114534" spans="8:8">
      <c r="H114534" s="12"/>
    </row>
    <row r="114535" spans="8:8">
      <c r="H114535" s="12"/>
    </row>
    <row r="114536" spans="8:8">
      <c r="H114536" s="12"/>
    </row>
    <row r="114537" spans="8:8">
      <c r="H114537" s="12"/>
    </row>
    <row r="114538" spans="8:8">
      <c r="H114538" s="12"/>
    </row>
    <row r="114539" spans="8:8">
      <c r="H114539" s="12"/>
    </row>
    <row r="114540" spans="8:8">
      <c r="H114540" s="12"/>
    </row>
    <row r="114541" spans="8:8">
      <c r="H114541" s="12"/>
    </row>
    <row r="114542" spans="8:8">
      <c r="H114542" s="12"/>
    </row>
    <row r="114543" spans="8:8">
      <c r="H114543" s="12"/>
    </row>
    <row r="114544" spans="8:8">
      <c r="H114544" s="12"/>
    </row>
    <row r="114545" spans="8:8">
      <c r="H114545" s="12"/>
    </row>
    <row r="114546" spans="8:8">
      <c r="H114546" s="12"/>
    </row>
    <row r="114547" spans="8:8">
      <c r="H114547" s="12"/>
    </row>
    <row r="114548" spans="8:8">
      <c r="H114548" s="12"/>
    </row>
    <row r="114549" spans="8:8">
      <c r="H114549" s="12"/>
    </row>
    <row r="114550" spans="8:8">
      <c r="H114550" s="12"/>
    </row>
    <row r="114551" spans="8:8">
      <c r="H114551" s="12"/>
    </row>
    <row r="114552" spans="8:8">
      <c r="H114552" s="12"/>
    </row>
    <row r="114553" spans="8:8">
      <c r="H114553" s="12"/>
    </row>
    <row r="114554" spans="8:8">
      <c r="H114554" s="12"/>
    </row>
    <row r="114555" spans="8:8">
      <c r="H114555" s="12"/>
    </row>
    <row r="114556" spans="8:8">
      <c r="H114556" s="12"/>
    </row>
    <row r="114557" spans="8:8">
      <c r="H114557" s="12"/>
    </row>
    <row r="114558" spans="8:8">
      <c r="H114558" s="12"/>
    </row>
    <row r="114559" spans="8:8">
      <c r="H114559" s="12"/>
    </row>
    <row r="114560" spans="8:8">
      <c r="H114560" s="12"/>
    </row>
    <row r="114561" spans="8:8">
      <c r="H114561" s="12"/>
    </row>
    <row r="114562" spans="8:8">
      <c r="H114562" s="12"/>
    </row>
    <row r="114563" spans="8:8">
      <c r="H114563" s="12"/>
    </row>
    <row r="114564" spans="8:8">
      <c r="H114564" s="12"/>
    </row>
    <row r="114565" spans="8:8">
      <c r="H114565" s="12"/>
    </row>
    <row r="114566" spans="8:8">
      <c r="H114566" s="12"/>
    </row>
    <row r="114567" spans="8:8">
      <c r="H114567" s="12"/>
    </row>
    <row r="114568" spans="8:8">
      <c r="H114568" s="12"/>
    </row>
    <row r="114569" spans="8:8">
      <c r="H114569" s="12"/>
    </row>
    <row r="114570" spans="8:8">
      <c r="H114570" s="12"/>
    </row>
    <row r="114571" spans="8:8">
      <c r="H114571" s="12"/>
    </row>
    <row r="114572" spans="8:8">
      <c r="H114572" s="12"/>
    </row>
    <row r="114573" spans="8:8">
      <c r="H114573" s="12"/>
    </row>
    <row r="114574" spans="8:8">
      <c r="H114574" s="12"/>
    </row>
    <row r="114575" spans="8:8">
      <c r="H114575" s="12"/>
    </row>
    <row r="114576" spans="8:8">
      <c r="H114576" s="12"/>
    </row>
    <row r="114577" spans="8:8">
      <c r="H114577" s="12"/>
    </row>
    <row r="114578" spans="8:8">
      <c r="H114578" s="12"/>
    </row>
    <row r="114579" spans="8:8">
      <c r="H114579" s="12"/>
    </row>
    <row r="114580" spans="8:8">
      <c r="H114580" s="12"/>
    </row>
    <row r="114581" spans="8:8">
      <c r="H114581" s="12"/>
    </row>
    <row r="114582" spans="8:8">
      <c r="H114582" s="12"/>
    </row>
    <row r="114583" spans="8:8">
      <c r="H114583" s="12"/>
    </row>
    <row r="114584" spans="8:8">
      <c r="H114584" s="12"/>
    </row>
    <row r="114585" spans="8:8">
      <c r="H114585" s="12"/>
    </row>
    <row r="114586" spans="8:8">
      <c r="H114586" s="12"/>
    </row>
    <row r="114587" spans="8:8">
      <c r="H114587" s="12"/>
    </row>
    <row r="114588" spans="8:8">
      <c r="H114588" s="12"/>
    </row>
    <row r="114589" spans="8:8">
      <c r="H114589" s="12"/>
    </row>
    <row r="114590" spans="8:8">
      <c r="H114590" s="12"/>
    </row>
    <row r="114591" spans="8:8">
      <c r="H114591" s="12"/>
    </row>
    <row r="114592" spans="8:8">
      <c r="H114592" s="12"/>
    </row>
    <row r="114593" spans="8:8">
      <c r="H114593" s="12"/>
    </row>
    <row r="114594" spans="8:8">
      <c r="H114594" s="12"/>
    </row>
    <row r="114595" spans="8:8">
      <c r="H114595" s="12"/>
    </row>
    <row r="114596" spans="8:8">
      <c r="H114596" s="12"/>
    </row>
    <row r="114597" spans="8:8">
      <c r="H114597" s="12"/>
    </row>
    <row r="114598" spans="8:8">
      <c r="H114598" s="12"/>
    </row>
    <row r="114599" spans="8:8">
      <c r="H114599" s="12"/>
    </row>
    <row r="114600" spans="8:8">
      <c r="H114600" s="12"/>
    </row>
    <row r="114601" spans="8:8">
      <c r="H114601" s="12"/>
    </row>
    <row r="114602" spans="8:8">
      <c r="H114602" s="12"/>
    </row>
    <row r="114603" spans="8:8">
      <c r="H114603" s="12"/>
    </row>
    <row r="114604" spans="8:8">
      <c r="H114604" s="12"/>
    </row>
    <row r="114605" spans="8:8">
      <c r="H114605" s="12"/>
    </row>
    <row r="114606" spans="8:8">
      <c r="H114606" s="12"/>
    </row>
    <row r="114607" spans="8:8">
      <c r="H114607" s="12"/>
    </row>
    <row r="114608" spans="8:8">
      <c r="H114608" s="12"/>
    </row>
    <row r="114609" spans="8:8">
      <c r="H114609" s="12"/>
    </row>
    <row r="114610" spans="8:8">
      <c r="H114610" s="12"/>
    </row>
    <row r="114611" spans="8:8">
      <c r="H114611" s="12"/>
    </row>
    <row r="114612" spans="8:8">
      <c r="H114612" s="12"/>
    </row>
    <row r="114613" spans="8:8">
      <c r="H114613" s="12"/>
    </row>
    <row r="114614" spans="8:8">
      <c r="H114614" s="12"/>
    </row>
    <row r="114615" spans="8:8">
      <c r="H114615" s="12"/>
    </row>
    <row r="114616" spans="8:8">
      <c r="H114616" s="12"/>
    </row>
    <row r="114617" spans="8:8">
      <c r="H114617" s="12"/>
    </row>
    <row r="114618" spans="8:8">
      <c r="H114618" s="12"/>
    </row>
    <row r="114619" spans="8:8">
      <c r="H114619" s="12"/>
    </row>
    <row r="114620" spans="8:8">
      <c r="H114620" s="12"/>
    </row>
    <row r="114621" spans="8:8">
      <c r="H114621" s="12"/>
    </row>
    <row r="114622" spans="8:8">
      <c r="H114622" s="12"/>
    </row>
    <row r="114623" spans="8:8">
      <c r="H114623" s="12"/>
    </row>
    <row r="114624" spans="8:8">
      <c r="H114624" s="12"/>
    </row>
    <row r="114625" spans="8:8">
      <c r="H114625" s="12"/>
    </row>
    <row r="114626" spans="8:8">
      <c r="H114626" s="12"/>
    </row>
    <row r="114627" spans="8:8">
      <c r="H114627" s="12"/>
    </row>
    <row r="114628" spans="8:8">
      <c r="H114628" s="12"/>
    </row>
    <row r="114629" spans="8:8">
      <c r="H114629" s="12"/>
    </row>
    <row r="114630" spans="8:8">
      <c r="H114630" s="12"/>
    </row>
    <row r="114631" spans="8:8">
      <c r="H114631" s="12"/>
    </row>
    <row r="114632" spans="8:8">
      <c r="H114632" s="12"/>
    </row>
    <row r="114633" spans="8:8">
      <c r="H114633" s="12"/>
    </row>
    <row r="114634" spans="8:8">
      <c r="H114634" s="12"/>
    </row>
    <row r="114635" spans="8:8">
      <c r="H114635" s="12"/>
    </row>
    <row r="114636" spans="8:8">
      <c r="H114636" s="12"/>
    </row>
    <row r="114637" spans="8:8">
      <c r="H114637" s="12"/>
    </row>
    <row r="114638" spans="8:8">
      <c r="H114638" s="12"/>
    </row>
    <row r="114639" spans="8:8">
      <c r="H114639" s="12"/>
    </row>
    <row r="114640" spans="8:8">
      <c r="H114640" s="12"/>
    </row>
    <row r="114641" spans="8:8">
      <c r="H114641" s="12"/>
    </row>
    <row r="114642" spans="8:8">
      <c r="H114642" s="12"/>
    </row>
    <row r="114643" spans="8:8">
      <c r="H114643" s="12"/>
    </row>
    <row r="114644" spans="8:8">
      <c r="H114644" s="12"/>
    </row>
    <row r="114645" spans="8:8">
      <c r="H114645" s="12"/>
    </row>
    <row r="114646" spans="8:8">
      <c r="H114646" s="12"/>
    </row>
    <row r="114647" spans="8:8">
      <c r="H114647" s="12"/>
    </row>
    <row r="114648" spans="8:8">
      <c r="H114648" s="12"/>
    </row>
    <row r="114649" spans="8:8">
      <c r="H114649" s="12"/>
    </row>
    <row r="114650" spans="8:8">
      <c r="H114650" s="12"/>
    </row>
    <row r="114651" spans="8:8">
      <c r="H114651" s="12"/>
    </row>
    <row r="114652" spans="8:8">
      <c r="H114652" s="12"/>
    </row>
    <row r="114653" spans="8:8">
      <c r="H114653" s="12"/>
    </row>
    <row r="114654" spans="8:8">
      <c r="H114654" s="12"/>
    </row>
    <row r="114655" spans="8:8">
      <c r="H114655" s="12"/>
    </row>
    <row r="114656" spans="8:8">
      <c r="H114656" s="12"/>
    </row>
    <row r="114657" spans="8:8">
      <c r="H114657" s="12"/>
    </row>
    <row r="114658" spans="8:8">
      <c r="H114658" s="12"/>
    </row>
    <row r="114659" spans="8:8">
      <c r="H114659" s="12"/>
    </row>
    <row r="114660" spans="8:8">
      <c r="H114660" s="12"/>
    </row>
    <row r="114661" spans="8:8">
      <c r="H114661" s="12"/>
    </row>
    <row r="114662" spans="8:8">
      <c r="H114662" s="12"/>
    </row>
    <row r="114663" spans="8:8">
      <c r="H114663" s="12"/>
    </row>
    <row r="114664" spans="8:8">
      <c r="H114664" s="12"/>
    </row>
    <row r="114665" spans="8:8">
      <c r="H114665" s="12"/>
    </row>
    <row r="114666" spans="8:8">
      <c r="H114666" s="12"/>
    </row>
    <row r="114667" spans="8:8">
      <c r="H114667" s="12"/>
    </row>
    <row r="114668" spans="8:8">
      <c r="H114668" s="12"/>
    </row>
    <row r="114669" spans="8:8">
      <c r="H114669" s="12"/>
    </row>
    <row r="114670" spans="8:8">
      <c r="H114670" s="12"/>
    </row>
    <row r="114671" spans="8:8">
      <c r="H114671" s="12"/>
    </row>
    <row r="114672" spans="8:8">
      <c r="H114672" s="12"/>
    </row>
    <row r="114673" spans="8:8">
      <c r="H114673" s="12"/>
    </row>
    <row r="114674" spans="8:8">
      <c r="H114674" s="12"/>
    </row>
    <row r="114675" spans="8:8">
      <c r="H114675" s="12"/>
    </row>
    <row r="114676" spans="8:8">
      <c r="H114676" s="12"/>
    </row>
    <row r="114677" spans="8:8">
      <c r="H114677" s="12"/>
    </row>
    <row r="114678" spans="8:8">
      <c r="H114678" s="12"/>
    </row>
    <row r="114679" spans="8:8">
      <c r="H114679" s="12"/>
    </row>
    <row r="114680" spans="8:8">
      <c r="H114680" s="12"/>
    </row>
    <row r="114681" spans="8:8">
      <c r="H114681" s="12"/>
    </row>
    <row r="114682" spans="8:8">
      <c r="H114682" s="12"/>
    </row>
    <row r="114683" spans="8:8">
      <c r="H114683" s="12"/>
    </row>
    <row r="114684" spans="8:8">
      <c r="H114684" s="12"/>
    </row>
    <row r="114685" spans="8:8">
      <c r="H114685" s="12"/>
    </row>
    <row r="114686" spans="8:8">
      <c r="H114686" s="12"/>
    </row>
    <row r="114687" spans="8:8">
      <c r="H114687" s="12"/>
    </row>
    <row r="114688" spans="8:8">
      <c r="H114688" s="12"/>
    </row>
    <row r="114689" spans="8:8">
      <c r="H114689" s="12"/>
    </row>
    <row r="114690" spans="8:8">
      <c r="H114690" s="12"/>
    </row>
    <row r="114691" spans="8:8">
      <c r="H114691" s="12"/>
    </row>
    <row r="114692" spans="8:8">
      <c r="H114692" s="12"/>
    </row>
    <row r="114693" spans="8:8">
      <c r="H114693" s="12"/>
    </row>
    <row r="114694" spans="8:8">
      <c r="H114694" s="12"/>
    </row>
    <row r="114695" spans="8:8">
      <c r="H114695" s="12"/>
    </row>
    <row r="114696" spans="8:8">
      <c r="H114696" s="12"/>
    </row>
    <row r="114697" spans="8:8">
      <c r="H114697" s="12"/>
    </row>
    <row r="114698" spans="8:8">
      <c r="H114698" s="12"/>
    </row>
    <row r="114699" spans="8:8">
      <c r="H114699" s="12"/>
    </row>
    <row r="114700" spans="8:8">
      <c r="H114700" s="12"/>
    </row>
    <row r="114701" spans="8:8">
      <c r="H114701" s="12"/>
    </row>
    <row r="114702" spans="8:8">
      <c r="H114702" s="12"/>
    </row>
    <row r="114703" spans="8:8">
      <c r="H114703" s="12"/>
    </row>
    <row r="114704" spans="8:8">
      <c r="H114704" s="12"/>
    </row>
    <row r="114705" spans="8:8">
      <c r="H114705" s="12"/>
    </row>
    <row r="114706" spans="8:8">
      <c r="H114706" s="12"/>
    </row>
    <row r="114707" spans="8:8">
      <c r="H114707" s="12"/>
    </row>
    <row r="114708" spans="8:8">
      <c r="H114708" s="12"/>
    </row>
    <row r="114709" spans="8:8">
      <c r="H114709" s="12"/>
    </row>
    <row r="114710" spans="8:8">
      <c r="H114710" s="12"/>
    </row>
    <row r="114711" spans="8:8">
      <c r="H114711" s="12"/>
    </row>
    <row r="114712" spans="8:8">
      <c r="H114712" s="12"/>
    </row>
    <row r="114713" spans="8:8">
      <c r="H114713" s="12"/>
    </row>
    <row r="114714" spans="8:8">
      <c r="H114714" s="12"/>
    </row>
    <row r="114715" spans="8:8">
      <c r="H114715" s="12"/>
    </row>
    <row r="114716" spans="8:8">
      <c r="H114716" s="12"/>
    </row>
    <row r="114717" spans="8:8">
      <c r="H114717" s="12"/>
    </row>
    <row r="114718" spans="8:8">
      <c r="H114718" s="12"/>
    </row>
    <row r="114719" spans="8:8">
      <c r="H114719" s="12"/>
    </row>
    <row r="114720" spans="8:8">
      <c r="H114720" s="12"/>
    </row>
    <row r="114721" spans="8:8">
      <c r="H114721" s="12"/>
    </row>
    <row r="114722" spans="8:8">
      <c r="H114722" s="12"/>
    </row>
    <row r="114723" spans="8:8">
      <c r="H114723" s="12"/>
    </row>
    <row r="114724" spans="8:8">
      <c r="H114724" s="12"/>
    </row>
    <row r="114725" spans="8:8">
      <c r="H114725" s="12"/>
    </row>
    <row r="114726" spans="8:8">
      <c r="H114726" s="12"/>
    </row>
    <row r="114727" spans="8:8">
      <c r="H114727" s="12"/>
    </row>
    <row r="114728" spans="8:8">
      <c r="H114728" s="12"/>
    </row>
    <row r="114729" spans="8:8">
      <c r="H114729" s="12"/>
    </row>
    <row r="114730" spans="8:8">
      <c r="H114730" s="12"/>
    </row>
    <row r="114731" spans="8:8">
      <c r="H114731" s="12"/>
    </row>
    <row r="114732" spans="8:8">
      <c r="H114732" s="12"/>
    </row>
    <row r="114733" spans="8:8">
      <c r="H114733" s="12"/>
    </row>
    <row r="114734" spans="8:8">
      <c r="H114734" s="12"/>
    </row>
    <row r="114735" spans="8:8">
      <c r="H114735" s="12"/>
    </row>
    <row r="114736" spans="8:8">
      <c r="H114736" s="12"/>
    </row>
    <row r="114737" spans="8:8">
      <c r="H114737" s="12"/>
    </row>
    <row r="114738" spans="8:8">
      <c r="H114738" s="12"/>
    </row>
    <row r="114739" spans="8:8">
      <c r="H114739" s="12"/>
    </row>
    <row r="114740" spans="8:8">
      <c r="H114740" s="12"/>
    </row>
    <row r="114741" spans="8:8">
      <c r="H114741" s="12"/>
    </row>
    <row r="114742" spans="8:8">
      <c r="H114742" s="12"/>
    </row>
    <row r="114743" spans="8:8">
      <c r="H114743" s="12"/>
    </row>
    <row r="114744" spans="8:8">
      <c r="H114744" s="12"/>
    </row>
    <row r="114745" spans="8:8">
      <c r="H114745" s="12"/>
    </row>
    <row r="114746" spans="8:8">
      <c r="H114746" s="12"/>
    </row>
    <row r="114747" spans="8:8">
      <c r="H114747" s="12"/>
    </row>
    <row r="114748" spans="8:8">
      <c r="H114748" s="12"/>
    </row>
    <row r="114749" spans="8:8">
      <c r="H114749" s="12"/>
    </row>
    <row r="114750" spans="8:8">
      <c r="H114750" s="12"/>
    </row>
    <row r="114751" spans="8:8">
      <c r="H114751" s="12"/>
    </row>
    <row r="114752" spans="8:8">
      <c r="H114752" s="12"/>
    </row>
    <row r="114753" spans="8:8">
      <c r="H114753" s="12"/>
    </row>
    <row r="114754" spans="8:8">
      <c r="H114754" s="12"/>
    </row>
    <row r="114755" spans="8:8">
      <c r="H114755" s="12"/>
    </row>
    <row r="114756" spans="8:8">
      <c r="H114756" s="12"/>
    </row>
    <row r="114757" spans="8:8">
      <c r="H114757" s="12"/>
    </row>
    <row r="114758" spans="8:8">
      <c r="H114758" s="12"/>
    </row>
    <row r="114759" spans="8:8">
      <c r="H114759" s="12"/>
    </row>
    <row r="114760" spans="8:8">
      <c r="H114760" s="12"/>
    </row>
    <row r="114761" spans="8:8">
      <c r="H114761" s="12"/>
    </row>
    <row r="114762" spans="8:8">
      <c r="H114762" s="12"/>
    </row>
    <row r="114763" spans="8:8">
      <c r="H114763" s="12"/>
    </row>
    <row r="114764" spans="8:8">
      <c r="H114764" s="12"/>
    </row>
    <row r="114765" spans="8:8">
      <c r="H114765" s="12"/>
    </row>
    <row r="114766" spans="8:8">
      <c r="H114766" s="12"/>
    </row>
    <row r="114767" spans="8:8">
      <c r="H114767" s="12"/>
    </row>
    <row r="114768" spans="8:8">
      <c r="H114768" s="12"/>
    </row>
    <row r="114769" spans="8:8">
      <c r="H114769" s="12"/>
    </row>
    <row r="114770" spans="8:8">
      <c r="H114770" s="12"/>
    </row>
    <row r="114771" spans="8:8">
      <c r="H114771" s="12"/>
    </row>
    <row r="114772" spans="8:8">
      <c r="H114772" s="12"/>
    </row>
    <row r="114773" spans="8:8">
      <c r="H114773" s="12"/>
    </row>
    <row r="114774" spans="8:8">
      <c r="H114774" s="12"/>
    </row>
    <row r="114775" spans="8:8">
      <c r="H114775" s="12"/>
    </row>
    <row r="114776" spans="8:8">
      <c r="H114776" s="12"/>
    </row>
    <row r="114777" spans="8:8">
      <c r="H114777" s="12"/>
    </row>
    <row r="114778" spans="8:8">
      <c r="H114778" s="12"/>
    </row>
    <row r="114779" spans="8:8">
      <c r="H114779" s="12"/>
    </row>
    <row r="114780" spans="8:8">
      <c r="H114780" s="12"/>
    </row>
    <row r="114781" spans="8:8">
      <c r="H114781" s="12"/>
    </row>
    <row r="114782" spans="8:8">
      <c r="H114782" s="12"/>
    </row>
    <row r="114783" spans="8:8">
      <c r="H114783" s="12"/>
    </row>
    <row r="114784" spans="8:8">
      <c r="H114784" s="12"/>
    </row>
    <row r="114785" spans="8:8">
      <c r="H114785" s="12"/>
    </row>
    <row r="114786" spans="8:8">
      <c r="H114786" s="12"/>
    </row>
    <row r="114787" spans="8:8">
      <c r="H114787" s="12"/>
    </row>
    <row r="114788" spans="8:8">
      <c r="H114788" s="12"/>
    </row>
    <row r="114789" spans="8:8">
      <c r="H114789" s="12"/>
    </row>
    <row r="114790" spans="8:8">
      <c r="H114790" s="12"/>
    </row>
    <row r="114791" spans="8:8">
      <c r="H114791" s="12"/>
    </row>
    <row r="114792" spans="8:8">
      <c r="H114792" s="12"/>
    </row>
    <row r="114793" spans="8:8">
      <c r="H114793" s="12"/>
    </row>
    <row r="114794" spans="8:8">
      <c r="H114794" s="12"/>
    </row>
    <row r="114795" spans="8:8">
      <c r="H114795" s="12"/>
    </row>
    <row r="114796" spans="8:8">
      <c r="H114796" s="12"/>
    </row>
    <row r="114797" spans="8:8">
      <c r="H114797" s="12"/>
    </row>
    <row r="114798" spans="8:8">
      <c r="H114798" s="12"/>
    </row>
    <row r="114799" spans="8:8">
      <c r="H114799" s="12"/>
    </row>
    <row r="114800" spans="8:8">
      <c r="H114800" s="12"/>
    </row>
    <row r="114801" spans="8:8">
      <c r="H114801" s="12"/>
    </row>
    <row r="114802" spans="8:8">
      <c r="H114802" s="12"/>
    </row>
    <row r="114803" spans="8:8">
      <c r="H114803" s="12"/>
    </row>
    <row r="114804" spans="8:8">
      <c r="H114804" s="12"/>
    </row>
    <row r="114805" spans="8:8">
      <c r="H114805" s="12"/>
    </row>
    <row r="114806" spans="8:8">
      <c r="H114806" s="12"/>
    </row>
    <row r="114807" spans="8:8">
      <c r="H114807" s="12"/>
    </row>
    <row r="114808" spans="8:8">
      <c r="H114808" s="12"/>
    </row>
    <row r="114809" spans="8:8">
      <c r="H114809" s="12"/>
    </row>
    <row r="114810" spans="8:8">
      <c r="H114810" s="12"/>
    </row>
    <row r="114811" spans="8:8">
      <c r="H114811" s="12"/>
    </row>
    <row r="114812" spans="8:8">
      <c r="H114812" s="12"/>
    </row>
    <row r="114813" spans="8:8">
      <c r="H114813" s="12"/>
    </row>
    <row r="114814" spans="8:8">
      <c r="H114814" s="12"/>
    </row>
    <row r="114815" spans="8:8">
      <c r="H114815" s="12"/>
    </row>
    <row r="114816" spans="8:8">
      <c r="H114816" s="12"/>
    </row>
    <row r="114817" spans="8:8">
      <c r="H114817" s="12"/>
    </row>
    <row r="114818" spans="8:8">
      <c r="H114818" s="12"/>
    </row>
    <row r="114819" spans="8:8">
      <c r="H114819" s="12"/>
    </row>
    <row r="114820" spans="8:8">
      <c r="H114820" s="12"/>
    </row>
    <row r="114821" spans="8:8">
      <c r="H114821" s="12"/>
    </row>
    <row r="114822" spans="8:8">
      <c r="H114822" s="12"/>
    </row>
    <row r="114823" spans="8:8">
      <c r="H114823" s="12"/>
    </row>
    <row r="114824" spans="8:8">
      <c r="H114824" s="12"/>
    </row>
    <row r="114825" spans="8:8">
      <c r="H114825" s="12"/>
    </row>
    <row r="114826" spans="8:8">
      <c r="H114826" s="12"/>
    </row>
    <row r="114827" spans="8:8">
      <c r="H114827" s="12"/>
    </row>
    <row r="114828" spans="8:8">
      <c r="H114828" s="12"/>
    </row>
    <row r="114829" spans="8:8">
      <c r="H114829" s="12"/>
    </row>
    <row r="114830" spans="8:8">
      <c r="H114830" s="12"/>
    </row>
    <row r="114831" spans="8:8">
      <c r="H114831" s="12"/>
    </row>
    <row r="114832" spans="8:8">
      <c r="H114832" s="12"/>
    </row>
    <row r="114833" spans="8:8">
      <c r="H114833" s="12"/>
    </row>
    <row r="114834" spans="8:8">
      <c r="H114834" s="12"/>
    </row>
    <row r="114835" spans="8:8">
      <c r="H114835" s="12"/>
    </row>
    <row r="114836" spans="8:8">
      <c r="H114836" s="12"/>
    </row>
    <row r="114837" spans="8:8">
      <c r="H114837" s="12"/>
    </row>
    <row r="114838" spans="8:8">
      <c r="H114838" s="12"/>
    </row>
    <row r="114839" spans="8:8">
      <c r="H114839" s="12"/>
    </row>
    <row r="114840" spans="8:8">
      <c r="H114840" s="12"/>
    </row>
    <row r="114841" spans="8:8">
      <c r="H114841" s="12"/>
    </row>
    <row r="114842" spans="8:8">
      <c r="H114842" s="12"/>
    </row>
    <row r="114843" spans="8:8">
      <c r="H114843" s="12"/>
    </row>
    <row r="114844" spans="8:8">
      <c r="H114844" s="12"/>
    </row>
    <row r="114845" spans="8:8">
      <c r="H114845" s="12"/>
    </row>
    <row r="114846" spans="8:8">
      <c r="H114846" s="12"/>
    </row>
    <row r="114847" spans="8:8">
      <c r="H114847" s="12"/>
    </row>
    <row r="114848" spans="8:8">
      <c r="H114848" s="12"/>
    </row>
    <row r="114849" spans="8:8">
      <c r="H114849" s="12"/>
    </row>
    <row r="114850" spans="8:8">
      <c r="H114850" s="12"/>
    </row>
    <row r="114851" spans="8:8">
      <c r="H114851" s="12"/>
    </row>
    <row r="114852" spans="8:8">
      <c r="H114852" s="12"/>
    </row>
    <row r="114853" spans="8:8">
      <c r="H114853" s="12"/>
    </row>
    <row r="114854" spans="8:8">
      <c r="H114854" s="12"/>
    </row>
    <row r="114855" spans="8:8">
      <c r="H114855" s="12"/>
    </row>
    <row r="114856" spans="8:8">
      <c r="H114856" s="12"/>
    </row>
    <row r="114857" spans="8:8">
      <c r="H114857" s="12"/>
    </row>
    <row r="114858" spans="8:8">
      <c r="H114858" s="12"/>
    </row>
    <row r="114859" spans="8:8">
      <c r="H114859" s="12"/>
    </row>
    <row r="114860" spans="8:8">
      <c r="H114860" s="12"/>
    </row>
    <row r="114861" spans="8:8">
      <c r="H114861" s="12"/>
    </row>
    <row r="114862" spans="8:8">
      <c r="H114862" s="12"/>
    </row>
    <row r="114863" spans="8:8">
      <c r="H114863" s="12"/>
    </row>
    <row r="114864" spans="8:8">
      <c r="H114864" s="12"/>
    </row>
    <row r="114865" spans="8:8">
      <c r="H114865" s="12"/>
    </row>
    <row r="114866" spans="8:8">
      <c r="H114866" s="12"/>
    </row>
    <row r="114867" spans="8:8">
      <c r="H114867" s="12"/>
    </row>
    <row r="114868" spans="8:8">
      <c r="H114868" s="12"/>
    </row>
    <row r="114869" spans="8:8">
      <c r="H114869" s="12"/>
    </row>
    <row r="114870" spans="8:8">
      <c r="H114870" s="12"/>
    </row>
    <row r="114871" spans="8:8">
      <c r="H114871" s="12"/>
    </row>
    <row r="114872" spans="8:8">
      <c r="H114872" s="12"/>
    </row>
    <row r="114873" spans="8:8">
      <c r="H114873" s="12"/>
    </row>
    <row r="114874" spans="8:8">
      <c r="H114874" s="12"/>
    </row>
    <row r="114875" spans="8:8">
      <c r="H114875" s="12"/>
    </row>
    <row r="114876" spans="8:8">
      <c r="H114876" s="12"/>
    </row>
    <row r="114877" spans="8:8">
      <c r="H114877" s="12"/>
    </row>
    <row r="114878" spans="8:8">
      <c r="H114878" s="12"/>
    </row>
    <row r="114879" spans="8:8">
      <c r="H114879" s="12"/>
    </row>
    <row r="114880" spans="8:8">
      <c r="H114880" s="12"/>
    </row>
    <row r="114881" spans="8:8">
      <c r="H114881" s="12"/>
    </row>
    <row r="114882" spans="8:8">
      <c r="H114882" s="12"/>
    </row>
    <row r="114883" spans="8:8">
      <c r="H114883" s="12"/>
    </row>
    <row r="114884" spans="8:8">
      <c r="H114884" s="12"/>
    </row>
    <row r="114885" spans="8:8">
      <c r="H114885" s="12"/>
    </row>
    <row r="114886" spans="8:8">
      <c r="H114886" s="12"/>
    </row>
    <row r="114887" spans="8:8">
      <c r="H114887" s="12"/>
    </row>
    <row r="114888" spans="8:8">
      <c r="H114888" s="12"/>
    </row>
    <row r="114889" spans="8:8">
      <c r="H114889" s="12"/>
    </row>
    <row r="114890" spans="8:8">
      <c r="H114890" s="12"/>
    </row>
    <row r="114891" spans="8:8">
      <c r="H114891" s="12"/>
    </row>
    <row r="114892" spans="8:8">
      <c r="H114892" s="12"/>
    </row>
    <row r="114893" spans="8:8">
      <c r="H114893" s="12"/>
    </row>
    <row r="114894" spans="8:8">
      <c r="H114894" s="12"/>
    </row>
    <row r="114895" spans="8:8">
      <c r="H114895" s="12"/>
    </row>
    <row r="114896" spans="8:8">
      <c r="H114896" s="12"/>
    </row>
    <row r="114897" spans="8:8">
      <c r="H114897" s="12"/>
    </row>
    <row r="114898" spans="8:8">
      <c r="H114898" s="12"/>
    </row>
    <row r="114899" spans="8:8">
      <c r="H114899" s="12"/>
    </row>
    <row r="114900" spans="8:8">
      <c r="H114900" s="12"/>
    </row>
    <row r="114901" spans="8:8">
      <c r="H114901" s="12"/>
    </row>
    <row r="114902" spans="8:8">
      <c r="H114902" s="12"/>
    </row>
    <row r="114903" spans="8:8">
      <c r="H114903" s="12"/>
    </row>
    <row r="114904" spans="8:8">
      <c r="H114904" s="12"/>
    </row>
    <row r="114905" spans="8:8">
      <c r="H114905" s="12"/>
    </row>
    <row r="114906" spans="8:8">
      <c r="H114906" s="12"/>
    </row>
    <row r="114907" spans="8:8">
      <c r="H114907" s="12"/>
    </row>
    <row r="114908" spans="8:8">
      <c r="H114908" s="12"/>
    </row>
    <row r="114909" spans="8:8">
      <c r="H114909" s="12"/>
    </row>
    <row r="114910" spans="8:8">
      <c r="H114910" s="12"/>
    </row>
    <row r="114911" spans="8:8">
      <c r="H114911" s="12"/>
    </row>
    <row r="114912" spans="8:8">
      <c r="H114912" s="12"/>
    </row>
    <row r="114913" spans="8:8">
      <c r="H114913" s="12"/>
    </row>
    <row r="114914" spans="8:8">
      <c r="H114914" s="12"/>
    </row>
    <row r="114915" spans="8:8">
      <c r="H114915" s="12"/>
    </row>
    <row r="114916" spans="8:8">
      <c r="H114916" s="12"/>
    </row>
    <row r="114917" spans="8:8">
      <c r="H114917" s="12"/>
    </row>
    <row r="114918" spans="8:8">
      <c r="H114918" s="12"/>
    </row>
    <row r="114919" spans="8:8">
      <c r="H114919" s="12"/>
    </row>
    <row r="114920" spans="8:8">
      <c r="H114920" s="12"/>
    </row>
    <row r="114921" spans="8:8">
      <c r="H114921" s="12"/>
    </row>
    <row r="114922" spans="8:8">
      <c r="H114922" s="12"/>
    </row>
    <row r="114923" spans="8:8">
      <c r="H114923" s="12"/>
    </row>
    <row r="114924" spans="8:8">
      <c r="H114924" s="12"/>
    </row>
    <row r="114925" spans="8:8">
      <c r="H114925" s="12"/>
    </row>
    <row r="114926" spans="8:8">
      <c r="H114926" s="12"/>
    </row>
    <row r="114927" spans="8:8">
      <c r="H114927" s="12"/>
    </row>
    <row r="114928" spans="8:8">
      <c r="H114928" s="12"/>
    </row>
    <row r="114929" spans="8:8">
      <c r="H114929" s="12"/>
    </row>
    <row r="114930" spans="8:8">
      <c r="H114930" s="12"/>
    </row>
    <row r="114931" spans="8:8">
      <c r="H114931" s="12"/>
    </row>
    <row r="114932" spans="8:8">
      <c r="H114932" s="12"/>
    </row>
    <row r="114933" spans="8:8">
      <c r="H114933" s="12"/>
    </row>
    <row r="114934" spans="8:8">
      <c r="H114934" s="12"/>
    </row>
    <row r="114935" spans="8:8">
      <c r="H114935" s="12"/>
    </row>
    <row r="114936" spans="8:8">
      <c r="H114936" s="12"/>
    </row>
    <row r="114937" spans="8:8">
      <c r="H114937" s="12"/>
    </row>
    <row r="114938" spans="8:8">
      <c r="H114938" s="12"/>
    </row>
    <row r="114939" spans="8:8">
      <c r="H114939" s="12"/>
    </row>
    <row r="114940" spans="8:8">
      <c r="H114940" s="12"/>
    </row>
    <row r="114941" spans="8:8">
      <c r="H114941" s="12"/>
    </row>
    <row r="114942" spans="8:8">
      <c r="H114942" s="12"/>
    </row>
    <row r="114943" spans="8:8">
      <c r="H114943" s="12"/>
    </row>
    <row r="114944" spans="8:8">
      <c r="H114944" s="12"/>
    </row>
    <row r="114945" spans="8:8">
      <c r="H114945" s="12"/>
    </row>
    <row r="114946" spans="8:8">
      <c r="H114946" s="12"/>
    </row>
    <row r="114947" spans="8:8">
      <c r="H114947" s="12"/>
    </row>
    <row r="114948" spans="8:8">
      <c r="H114948" s="12"/>
    </row>
    <row r="114949" spans="8:8">
      <c r="H114949" s="12"/>
    </row>
    <row r="114950" spans="8:8">
      <c r="H114950" s="12"/>
    </row>
    <row r="114951" spans="8:8">
      <c r="H114951" s="12"/>
    </row>
    <row r="114952" spans="8:8">
      <c r="H114952" s="12"/>
    </row>
    <row r="114953" spans="8:8">
      <c r="H114953" s="12"/>
    </row>
    <row r="114954" spans="8:8">
      <c r="H114954" s="12"/>
    </row>
    <row r="114955" spans="8:8">
      <c r="H114955" s="12"/>
    </row>
    <row r="114956" spans="8:8">
      <c r="H114956" s="12"/>
    </row>
    <row r="114957" spans="8:8">
      <c r="H114957" s="12"/>
    </row>
    <row r="114958" spans="8:8">
      <c r="H114958" s="12"/>
    </row>
    <row r="114959" spans="8:8">
      <c r="H114959" s="12"/>
    </row>
    <row r="114960" spans="8:8">
      <c r="H114960" s="12"/>
    </row>
    <row r="114961" spans="8:8">
      <c r="H114961" s="12"/>
    </row>
    <row r="114962" spans="8:8">
      <c r="H114962" s="12"/>
    </row>
    <row r="114963" spans="8:8">
      <c r="H114963" s="12"/>
    </row>
    <row r="114964" spans="8:8">
      <c r="H114964" s="12"/>
    </row>
    <row r="114965" spans="8:8">
      <c r="H114965" s="12"/>
    </row>
    <row r="114966" spans="8:8">
      <c r="H114966" s="12"/>
    </row>
    <row r="114967" spans="8:8">
      <c r="H114967" s="12"/>
    </row>
    <row r="114968" spans="8:8">
      <c r="H114968" s="12"/>
    </row>
    <row r="114969" spans="8:8">
      <c r="H114969" s="12"/>
    </row>
    <row r="114970" spans="8:8">
      <c r="H114970" s="12"/>
    </row>
    <row r="114971" spans="8:8">
      <c r="H114971" s="12"/>
    </row>
    <row r="114972" spans="8:8">
      <c r="H114972" s="12"/>
    </row>
    <row r="114973" spans="8:8">
      <c r="H114973" s="12"/>
    </row>
    <row r="114974" spans="8:8">
      <c r="H114974" s="12"/>
    </row>
    <row r="114975" spans="8:8">
      <c r="H114975" s="12"/>
    </row>
    <row r="114976" spans="8:8">
      <c r="H114976" s="12"/>
    </row>
    <row r="114977" spans="8:8">
      <c r="H114977" s="12"/>
    </row>
    <row r="114978" spans="8:8">
      <c r="H114978" s="12"/>
    </row>
    <row r="114979" spans="8:8">
      <c r="H114979" s="12"/>
    </row>
    <row r="114980" spans="8:8">
      <c r="H114980" s="12"/>
    </row>
    <row r="114981" spans="8:8">
      <c r="H114981" s="12"/>
    </row>
    <row r="114982" spans="8:8">
      <c r="H114982" s="12"/>
    </row>
    <row r="114983" spans="8:8">
      <c r="H114983" s="12"/>
    </row>
    <row r="114984" spans="8:8">
      <c r="H114984" s="12"/>
    </row>
    <row r="114985" spans="8:8">
      <c r="H114985" s="12"/>
    </row>
    <row r="114986" spans="8:8">
      <c r="H114986" s="12"/>
    </row>
    <row r="114987" spans="8:8">
      <c r="H114987" s="12"/>
    </row>
    <row r="114988" spans="8:8">
      <c r="H114988" s="12"/>
    </row>
    <row r="114989" spans="8:8">
      <c r="H114989" s="12"/>
    </row>
    <row r="114990" spans="8:8">
      <c r="H114990" s="12"/>
    </row>
    <row r="114991" spans="8:8">
      <c r="H114991" s="12"/>
    </row>
    <row r="114992" spans="8:8">
      <c r="H114992" s="12"/>
    </row>
    <row r="114993" spans="8:8">
      <c r="H114993" s="12"/>
    </row>
    <row r="114994" spans="8:8">
      <c r="H114994" s="12"/>
    </row>
    <row r="114995" spans="8:8">
      <c r="H114995" s="12"/>
    </row>
    <row r="114996" spans="8:8">
      <c r="H114996" s="12"/>
    </row>
    <row r="114997" spans="8:8">
      <c r="H114997" s="12"/>
    </row>
    <row r="114998" spans="8:8">
      <c r="H114998" s="12"/>
    </row>
    <row r="114999" spans="8:8">
      <c r="H114999" s="12"/>
    </row>
    <row r="115000" spans="8:8">
      <c r="H115000" s="12"/>
    </row>
    <row r="115001" spans="8:8">
      <c r="H115001" s="12"/>
    </row>
    <row r="115002" spans="8:8">
      <c r="H115002" s="12"/>
    </row>
    <row r="115003" spans="8:8">
      <c r="H115003" s="12"/>
    </row>
    <row r="115004" spans="8:8">
      <c r="H115004" s="12"/>
    </row>
    <row r="115005" spans="8:8">
      <c r="H115005" s="12"/>
    </row>
    <row r="115006" spans="8:8">
      <c r="H115006" s="12"/>
    </row>
    <row r="115007" spans="8:8">
      <c r="H115007" s="12"/>
    </row>
    <row r="115008" spans="8:8">
      <c r="H115008" s="12"/>
    </row>
    <row r="115009" spans="8:8">
      <c r="H115009" s="12"/>
    </row>
    <row r="115010" spans="8:8">
      <c r="H115010" s="12"/>
    </row>
    <row r="115011" spans="8:8">
      <c r="H115011" s="12"/>
    </row>
    <row r="115012" spans="8:8">
      <c r="H115012" s="12"/>
    </row>
    <row r="115013" spans="8:8">
      <c r="H115013" s="12"/>
    </row>
    <row r="115014" spans="8:8">
      <c r="H115014" s="12"/>
    </row>
    <row r="115015" spans="8:8">
      <c r="H115015" s="12"/>
    </row>
    <row r="115016" spans="8:8">
      <c r="H115016" s="12"/>
    </row>
    <row r="115017" spans="8:8">
      <c r="H115017" s="12"/>
    </row>
    <row r="115018" spans="8:8">
      <c r="H115018" s="12"/>
    </row>
    <row r="115019" spans="8:8">
      <c r="H115019" s="12"/>
    </row>
    <row r="115020" spans="8:8">
      <c r="H115020" s="12"/>
    </row>
    <row r="115021" spans="8:8">
      <c r="H115021" s="12"/>
    </row>
    <row r="115022" spans="8:8">
      <c r="H115022" s="12"/>
    </row>
    <row r="115023" spans="8:8">
      <c r="H115023" s="12"/>
    </row>
    <row r="115024" spans="8:8">
      <c r="H115024" s="12"/>
    </row>
    <row r="115025" spans="8:8">
      <c r="H115025" s="12"/>
    </row>
    <row r="115026" spans="8:8">
      <c r="H115026" s="12"/>
    </row>
    <row r="115027" spans="8:8">
      <c r="H115027" s="12"/>
    </row>
    <row r="115028" spans="8:8">
      <c r="H115028" s="12"/>
    </row>
    <row r="115029" spans="8:8">
      <c r="H115029" s="12"/>
    </row>
    <row r="115030" spans="8:8">
      <c r="H115030" s="12"/>
    </row>
    <row r="115031" spans="8:8">
      <c r="H115031" s="12"/>
    </row>
    <row r="115032" spans="8:8">
      <c r="H115032" s="12"/>
    </row>
    <row r="115033" spans="8:8">
      <c r="H115033" s="12"/>
    </row>
    <row r="115034" spans="8:8">
      <c r="H115034" s="12"/>
    </row>
    <row r="115035" spans="8:8">
      <c r="H115035" s="12"/>
    </row>
    <row r="115036" spans="8:8">
      <c r="H115036" s="12"/>
    </row>
    <row r="115037" spans="8:8">
      <c r="H115037" s="12"/>
    </row>
    <row r="115038" spans="8:8">
      <c r="H115038" s="12"/>
    </row>
    <row r="115039" spans="8:8">
      <c r="H115039" s="12"/>
    </row>
    <row r="115040" spans="8:8">
      <c r="H115040" s="12"/>
    </row>
    <row r="115041" spans="8:8">
      <c r="H115041" s="12"/>
    </row>
    <row r="115042" spans="8:8">
      <c r="H115042" s="12"/>
    </row>
    <row r="115043" spans="8:8">
      <c r="H115043" s="12"/>
    </row>
    <row r="115044" spans="8:8">
      <c r="H115044" s="12"/>
    </row>
    <row r="115045" spans="8:8">
      <c r="H115045" s="12"/>
    </row>
    <row r="115046" spans="8:8">
      <c r="H115046" s="12"/>
    </row>
    <row r="115047" spans="8:8">
      <c r="H115047" s="12"/>
    </row>
    <row r="115048" spans="8:8">
      <c r="H115048" s="12"/>
    </row>
    <row r="115049" spans="8:8">
      <c r="H115049" s="12"/>
    </row>
    <row r="115050" spans="8:8">
      <c r="H115050" s="12"/>
    </row>
    <row r="115051" spans="8:8">
      <c r="H115051" s="12"/>
    </row>
    <row r="115052" spans="8:8">
      <c r="H115052" s="12"/>
    </row>
    <row r="115053" spans="8:8">
      <c r="H115053" s="12"/>
    </row>
    <row r="115054" spans="8:8">
      <c r="H115054" s="12"/>
    </row>
    <row r="115055" spans="8:8">
      <c r="H115055" s="12"/>
    </row>
    <row r="115056" spans="8:8">
      <c r="H115056" s="12"/>
    </row>
    <row r="115057" spans="8:8">
      <c r="H115057" s="12"/>
    </row>
    <row r="115058" spans="8:8">
      <c r="H115058" s="12"/>
    </row>
    <row r="115059" spans="8:8">
      <c r="H115059" s="12"/>
    </row>
    <row r="115060" spans="8:8">
      <c r="H115060" s="12"/>
    </row>
    <row r="115061" spans="8:8">
      <c r="H115061" s="12"/>
    </row>
    <row r="115062" spans="8:8">
      <c r="H115062" s="12"/>
    </row>
    <row r="115063" spans="8:8">
      <c r="H115063" s="12"/>
    </row>
    <row r="115064" spans="8:8">
      <c r="H115064" s="12"/>
    </row>
    <row r="115065" spans="8:8">
      <c r="H115065" s="12"/>
    </row>
    <row r="115066" spans="8:8">
      <c r="H115066" s="12"/>
    </row>
    <row r="115067" spans="8:8">
      <c r="H115067" s="12"/>
    </row>
    <row r="115068" spans="8:8">
      <c r="H115068" s="12"/>
    </row>
    <row r="115069" spans="8:8">
      <c r="H115069" s="12"/>
    </row>
    <row r="115070" spans="8:8">
      <c r="H115070" s="12"/>
    </row>
    <row r="115071" spans="8:8">
      <c r="H115071" s="12"/>
    </row>
    <row r="115072" spans="8:8">
      <c r="H115072" s="12"/>
    </row>
    <row r="115073" spans="8:8">
      <c r="H115073" s="12"/>
    </row>
    <row r="115074" spans="8:8">
      <c r="H115074" s="12"/>
    </row>
    <row r="115075" spans="8:8">
      <c r="H115075" s="12"/>
    </row>
    <row r="115076" spans="8:8">
      <c r="H115076" s="12"/>
    </row>
    <row r="115077" spans="8:8">
      <c r="H115077" s="12"/>
    </row>
    <row r="115078" spans="8:8">
      <c r="H115078" s="12"/>
    </row>
    <row r="115079" spans="8:8">
      <c r="H115079" s="12"/>
    </row>
    <row r="115080" spans="8:8">
      <c r="H115080" s="12"/>
    </row>
    <row r="115081" spans="8:8">
      <c r="H115081" s="12"/>
    </row>
    <row r="115082" spans="8:8">
      <c r="H115082" s="12"/>
    </row>
    <row r="115083" spans="8:8">
      <c r="H115083" s="12"/>
    </row>
    <row r="115084" spans="8:8">
      <c r="H115084" s="12"/>
    </row>
    <row r="115085" spans="8:8">
      <c r="H115085" s="12"/>
    </row>
    <row r="115086" spans="8:8">
      <c r="H115086" s="12"/>
    </row>
    <row r="115087" spans="8:8">
      <c r="H115087" s="12"/>
    </row>
    <row r="115088" spans="8:8">
      <c r="H115088" s="12"/>
    </row>
    <row r="115089" spans="8:8">
      <c r="H115089" s="12"/>
    </row>
    <row r="115090" spans="8:8">
      <c r="H115090" s="12"/>
    </row>
    <row r="115091" spans="8:8">
      <c r="H115091" s="12"/>
    </row>
    <row r="115092" spans="8:8">
      <c r="H115092" s="12"/>
    </row>
    <row r="115093" spans="8:8">
      <c r="H115093" s="12"/>
    </row>
    <row r="115094" spans="8:8">
      <c r="H115094" s="12"/>
    </row>
    <row r="115095" spans="8:8">
      <c r="H115095" s="12"/>
    </row>
    <row r="115096" spans="8:8">
      <c r="H115096" s="12"/>
    </row>
    <row r="115097" spans="8:8">
      <c r="H115097" s="12"/>
    </row>
    <row r="115098" spans="8:8">
      <c r="H115098" s="12"/>
    </row>
    <row r="115099" spans="8:8">
      <c r="H115099" s="12"/>
    </row>
    <row r="115100" spans="8:8">
      <c r="H115100" s="12"/>
    </row>
    <row r="115101" spans="8:8">
      <c r="H115101" s="12"/>
    </row>
    <row r="115102" spans="8:8">
      <c r="H115102" s="12"/>
    </row>
    <row r="115103" spans="8:8">
      <c r="H115103" s="12"/>
    </row>
    <row r="115104" spans="8:8">
      <c r="H115104" s="12"/>
    </row>
    <row r="115105" spans="8:8">
      <c r="H115105" s="12"/>
    </row>
    <row r="115106" spans="8:8">
      <c r="H115106" s="12"/>
    </row>
    <row r="115107" spans="8:8">
      <c r="H115107" s="12"/>
    </row>
    <row r="115108" spans="8:8">
      <c r="H115108" s="12"/>
    </row>
    <row r="115109" spans="8:8">
      <c r="H115109" s="12"/>
    </row>
    <row r="115110" spans="8:8">
      <c r="H115110" s="12"/>
    </row>
    <row r="115111" spans="8:8">
      <c r="H115111" s="12"/>
    </row>
    <row r="115112" spans="8:8">
      <c r="H115112" s="12"/>
    </row>
    <row r="115113" spans="8:8">
      <c r="H115113" s="12"/>
    </row>
    <row r="115114" spans="8:8">
      <c r="H115114" s="12"/>
    </row>
    <row r="115115" spans="8:8">
      <c r="H115115" s="12"/>
    </row>
    <row r="115116" spans="8:8">
      <c r="H115116" s="12"/>
    </row>
    <row r="115117" spans="8:8">
      <c r="H115117" s="12"/>
    </row>
    <row r="115118" spans="8:8">
      <c r="H115118" s="12"/>
    </row>
    <row r="115119" spans="8:8">
      <c r="H115119" s="12"/>
    </row>
    <row r="115120" spans="8:8">
      <c r="H115120" s="12"/>
    </row>
    <row r="115121" spans="8:8">
      <c r="H115121" s="12"/>
    </row>
    <row r="115122" spans="8:8">
      <c r="H115122" s="12"/>
    </row>
    <row r="115123" spans="8:8">
      <c r="H115123" s="12"/>
    </row>
    <row r="115124" spans="8:8">
      <c r="H115124" s="12"/>
    </row>
    <row r="115125" spans="8:8">
      <c r="H115125" s="12"/>
    </row>
    <row r="115126" spans="8:8">
      <c r="H115126" s="12"/>
    </row>
    <row r="115127" spans="8:8">
      <c r="H115127" s="12"/>
    </row>
    <row r="115128" spans="8:8">
      <c r="H115128" s="12"/>
    </row>
    <row r="115129" spans="8:8">
      <c r="H115129" s="12"/>
    </row>
    <row r="115130" spans="8:8">
      <c r="H115130" s="12"/>
    </row>
    <row r="115131" spans="8:8">
      <c r="H115131" s="12"/>
    </row>
    <row r="115132" spans="8:8">
      <c r="H115132" s="12"/>
    </row>
    <row r="115133" spans="8:8">
      <c r="H115133" s="12"/>
    </row>
    <row r="115134" spans="8:8">
      <c r="H115134" s="12"/>
    </row>
    <row r="115135" spans="8:8">
      <c r="H115135" s="12"/>
    </row>
    <row r="115136" spans="8:8">
      <c r="H115136" s="12"/>
    </row>
    <row r="115137" spans="8:8">
      <c r="H115137" s="12"/>
    </row>
    <row r="115138" spans="8:8">
      <c r="H115138" s="12"/>
    </row>
    <row r="115139" spans="8:8">
      <c r="H115139" s="12"/>
    </row>
    <row r="115140" spans="8:8">
      <c r="H115140" s="12"/>
    </row>
    <row r="115141" spans="8:8">
      <c r="H115141" s="12"/>
    </row>
    <row r="115142" spans="8:8">
      <c r="H115142" s="12"/>
    </row>
    <row r="115143" spans="8:8">
      <c r="H115143" s="12"/>
    </row>
    <row r="115144" spans="8:8">
      <c r="H115144" s="12"/>
    </row>
    <row r="115145" spans="8:8">
      <c r="H115145" s="12"/>
    </row>
    <row r="115146" spans="8:8">
      <c r="H115146" s="12"/>
    </row>
    <row r="115147" spans="8:8">
      <c r="H115147" s="12"/>
    </row>
    <row r="115148" spans="8:8">
      <c r="H115148" s="12"/>
    </row>
    <row r="115149" spans="8:8">
      <c r="H115149" s="12"/>
    </row>
    <row r="115150" spans="8:8">
      <c r="H115150" s="12"/>
    </row>
    <row r="115151" spans="8:8">
      <c r="H115151" s="12"/>
    </row>
    <row r="115152" spans="8:8">
      <c r="H115152" s="12"/>
    </row>
    <row r="115153" spans="8:8">
      <c r="H115153" s="12"/>
    </row>
    <row r="115154" spans="8:8">
      <c r="H115154" s="12"/>
    </row>
    <row r="115155" spans="8:8">
      <c r="H115155" s="12"/>
    </row>
    <row r="115156" spans="8:8">
      <c r="H115156" s="12"/>
    </row>
    <row r="115157" spans="8:8">
      <c r="H115157" s="12"/>
    </row>
    <row r="115158" spans="8:8">
      <c r="H115158" s="12"/>
    </row>
    <row r="115159" spans="8:8">
      <c r="H115159" s="12"/>
    </row>
    <row r="115160" spans="8:8">
      <c r="H115160" s="12"/>
    </row>
    <row r="115161" spans="8:8">
      <c r="H115161" s="12"/>
    </row>
    <row r="115162" spans="8:8">
      <c r="H115162" s="12"/>
    </row>
    <row r="115163" spans="8:8">
      <c r="H115163" s="12"/>
    </row>
    <row r="115164" spans="8:8">
      <c r="H115164" s="12"/>
    </row>
    <row r="115165" spans="8:8">
      <c r="H115165" s="12"/>
    </row>
    <row r="115166" spans="8:8">
      <c r="H115166" s="12"/>
    </row>
    <row r="115167" spans="8:8">
      <c r="H115167" s="12"/>
    </row>
    <row r="115168" spans="8:8">
      <c r="H115168" s="12"/>
    </row>
    <row r="115169" spans="8:8">
      <c r="H115169" s="12"/>
    </row>
    <row r="115170" spans="8:8">
      <c r="H115170" s="12"/>
    </row>
    <row r="115171" spans="8:8">
      <c r="H115171" s="12"/>
    </row>
    <row r="115172" spans="8:8">
      <c r="H115172" s="12"/>
    </row>
    <row r="115173" spans="8:8">
      <c r="H115173" s="12"/>
    </row>
    <row r="115174" spans="8:8">
      <c r="H115174" s="12"/>
    </row>
    <row r="115175" spans="8:8">
      <c r="H115175" s="12"/>
    </row>
    <row r="115176" spans="8:8">
      <c r="H115176" s="12"/>
    </row>
    <row r="115177" spans="8:8">
      <c r="H115177" s="12"/>
    </row>
    <row r="115178" spans="8:8">
      <c r="H115178" s="12"/>
    </row>
    <row r="115179" spans="8:8">
      <c r="H115179" s="12"/>
    </row>
    <row r="115180" spans="8:8">
      <c r="H115180" s="12"/>
    </row>
    <row r="115181" spans="8:8">
      <c r="H115181" s="12"/>
    </row>
    <row r="115182" spans="8:8">
      <c r="H115182" s="12"/>
    </row>
    <row r="115183" spans="8:8">
      <c r="H115183" s="12"/>
    </row>
    <row r="115184" spans="8:8">
      <c r="H115184" s="12"/>
    </row>
    <row r="115185" spans="8:8">
      <c r="H115185" s="12"/>
    </row>
    <row r="115186" spans="8:8">
      <c r="H115186" s="12"/>
    </row>
    <row r="115187" spans="8:8">
      <c r="H115187" s="12"/>
    </row>
    <row r="115188" spans="8:8">
      <c r="H115188" s="12"/>
    </row>
    <row r="115189" spans="8:8">
      <c r="H115189" s="12"/>
    </row>
    <row r="115190" spans="8:8">
      <c r="H115190" s="12"/>
    </row>
    <row r="115191" spans="8:8">
      <c r="H115191" s="12"/>
    </row>
    <row r="115192" spans="8:8">
      <c r="H115192" s="12"/>
    </row>
    <row r="115193" spans="8:8">
      <c r="H115193" s="12"/>
    </row>
    <row r="115194" spans="8:8">
      <c r="H115194" s="12"/>
    </row>
    <row r="115195" spans="8:8">
      <c r="H115195" s="12"/>
    </row>
    <row r="115196" spans="8:8">
      <c r="H115196" s="12"/>
    </row>
    <row r="115197" spans="8:8">
      <c r="H115197" s="12"/>
    </row>
    <row r="115198" spans="8:8">
      <c r="H115198" s="12"/>
    </row>
    <row r="115199" spans="8:8">
      <c r="H115199" s="12"/>
    </row>
    <row r="115200" spans="8:8">
      <c r="H115200" s="12"/>
    </row>
    <row r="115201" spans="8:8">
      <c r="H115201" s="12"/>
    </row>
    <row r="115202" spans="8:8">
      <c r="H115202" s="12"/>
    </row>
    <row r="115203" spans="8:8">
      <c r="H115203" s="12"/>
    </row>
    <row r="115204" spans="8:8">
      <c r="H115204" s="12"/>
    </row>
    <row r="115205" spans="8:8">
      <c r="H115205" s="12"/>
    </row>
    <row r="115206" spans="8:8">
      <c r="H115206" s="12"/>
    </row>
    <row r="115207" spans="8:8">
      <c r="H115207" s="12"/>
    </row>
    <row r="115208" spans="8:8">
      <c r="H115208" s="12"/>
    </row>
    <row r="115209" spans="8:8">
      <c r="H115209" s="12"/>
    </row>
    <row r="115210" spans="8:8">
      <c r="H115210" s="12"/>
    </row>
    <row r="115211" spans="8:8">
      <c r="H115211" s="12"/>
    </row>
    <row r="115212" spans="8:8">
      <c r="H115212" s="12"/>
    </row>
    <row r="115213" spans="8:8">
      <c r="H115213" s="12"/>
    </row>
    <row r="115214" spans="8:8">
      <c r="H115214" s="12"/>
    </row>
    <row r="115215" spans="8:8">
      <c r="H115215" s="12"/>
    </row>
    <row r="115216" spans="8:8">
      <c r="H115216" s="12"/>
    </row>
    <row r="115217" spans="8:8">
      <c r="H115217" s="12"/>
    </row>
    <row r="115218" spans="8:8">
      <c r="H115218" s="12"/>
    </row>
    <row r="115219" spans="8:8">
      <c r="H115219" s="12"/>
    </row>
    <row r="115220" spans="8:8">
      <c r="H115220" s="12"/>
    </row>
    <row r="115221" spans="8:8">
      <c r="H115221" s="12"/>
    </row>
    <row r="115222" spans="8:8">
      <c r="H115222" s="12"/>
    </row>
    <row r="115223" spans="8:8">
      <c r="H115223" s="12"/>
    </row>
    <row r="115224" spans="8:8">
      <c r="H115224" s="12"/>
    </row>
    <row r="115225" spans="8:8">
      <c r="H115225" s="12"/>
    </row>
    <row r="115226" spans="8:8">
      <c r="H115226" s="12"/>
    </row>
    <row r="115227" spans="8:8">
      <c r="H115227" s="12"/>
    </row>
    <row r="115228" spans="8:8">
      <c r="H115228" s="12"/>
    </row>
    <row r="115229" spans="8:8">
      <c r="H115229" s="12"/>
    </row>
    <row r="115230" spans="8:8">
      <c r="H115230" s="12"/>
    </row>
    <row r="115231" spans="8:8">
      <c r="H115231" s="12"/>
    </row>
    <row r="115232" spans="8:8">
      <c r="H115232" s="12"/>
    </row>
    <row r="115233" spans="8:8">
      <c r="H115233" s="12"/>
    </row>
    <row r="115234" spans="8:8">
      <c r="H115234" s="12"/>
    </row>
    <row r="115235" spans="8:8">
      <c r="H115235" s="12"/>
    </row>
    <row r="115236" spans="8:8">
      <c r="H115236" s="12"/>
    </row>
    <row r="115237" spans="8:8">
      <c r="H115237" s="12"/>
    </row>
    <row r="115238" spans="8:8">
      <c r="H115238" s="12"/>
    </row>
    <row r="115239" spans="8:8">
      <c r="H115239" s="12"/>
    </row>
    <row r="115240" spans="8:8">
      <c r="H115240" s="12"/>
    </row>
    <row r="115241" spans="8:8">
      <c r="H115241" s="12"/>
    </row>
    <row r="115242" spans="8:8">
      <c r="H115242" s="12"/>
    </row>
    <row r="115243" spans="8:8">
      <c r="H115243" s="12"/>
    </row>
    <row r="115244" spans="8:8">
      <c r="H115244" s="12"/>
    </row>
    <row r="115245" spans="8:8">
      <c r="H115245" s="12"/>
    </row>
    <row r="115246" spans="8:8">
      <c r="H115246" s="12"/>
    </row>
    <row r="115247" spans="8:8">
      <c r="H115247" s="12"/>
    </row>
    <row r="115248" spans="8:8">
      <c r="H115248" s="12"/>
    </row>
    <row r="115249" spans="8:8">
      <c r="H115249" s="12"/>
    </row>
    <row r="115250" spans="8:8">
      <c r="H115250" s="12"/>
    </row>
    <row r="115251" spans="8:8">
      <c r="H115251" s="12"/>
    </row>
    <row r="115252" spans="8:8">
      <c r="H115252" s="12"/>
    </row>
    <row r="115253" spans="8:8">
      <c r="H115253" s="12"/>
    </row>
    <row r="115254" spans="8:8">
      <c r="H115254" s="12"/>
    </row>
    <row r="115255" spans="8:8">
      <c r="H115255" s="12"/>
    </row>
    <row r="115256" spans="8:8">
      <c r="H115256" s="12"/>
    </row>
    <row r="115257" spans="8:8">
      <c r="H115257" s="12"/>
    </row>
    <row r="115258" spans="8:8">
      <c r="H115258" s="12"/>
    </row>
    <row r="115259" spans="8:8">
      <c r="H115259" s="12"/>
    </row>
    <row r="115260" spans="8:8">
      <c r="H115260" s="12"/>
    </row>
    <row r="115261" spans="8:8">
      <c r="H115261" s="12"/>
    </row>
    <row r="115262" spans="8:8">
      <c r="H115262" s="12"/>
    </row>
    <row r="115263" spans="8:8">
      <c r="H115263" s="12"/>
    </row>
    <row r="115264" spans="8:8">
      <c r="H115264" s="12"/>
    </row>
    <row r="115265" spans="8:8">
      <c r="H115265" s="12"/>
    </row>
    <row r="115266" spans="8:8">
      <c r="H115266" s="12"/>
    </row>
    <row r="115267" spans="8:8">
      <c r="H115267" s="12"/>
    </row>
    <row r="115268" spans="8:8">
      <c r="H115268" s="12"/>
    </row>
    <row r="115269" spans="8:8">
      <c r="H115269" s="12"/>
    </row>
    <row r="115270" spans="8:8">
      <c r="H115270" s="12"/>
    </row>
    <row r="115271" spans="8:8">
      <c r="H115271" s="12"/>
    </row>
    <row r="115272" spans="8:8">
      <c r="H115272" s="12"/>
    </row>
    <row r="115273" spans="8:8">
      <c r="H115273" s="12"/>
    </row>
    <row r="115274" spans="8:8">
      <c r="H115274" s="12"/>
    </row>
    <row r="115275" spans="8:8">
      <c r="H115275" s="12"/>
    </row>
    <row r="115276" spans="8:8">
      <c r="H115276" s="12"/>
    </row>
    <row r="115277" spans="8:8">
      <c r="H115277" s="12"/>
    </row>
    <row r="115278" spans="8:8">
      <c r="H115278" s="12"/>
    </row>
    <row r="115279" spans="8:8">
      <c r="H115279" s="12"/>
    </row>
    <row r="115280" spans="8:8">
      <c r="H115280" s="12"/>
    </row>
    <row r="115281" spans="8:8">
      <c r="H115281" s="12"/>
    </row>
    <row r="115282" spans="8:8">
      <c r="H115282" s="12"/>
    </row>
    <row r="115283" spans="8:8">
      <c r="H115283" s="12"/>
    </row>
    <row r="115284" spans="8:8">
      <c r="H115284" s="12"/>
    </row>
    <row r="115285" spans="8:8">
      <c r="H115285" s="12"/>
    </row>
    <row r="115286" spans="8:8">
      <c r="H115286" s="12"/>
    </row>
    <row r="115287" spans="8:8">
      <c r="H115287" s="12"/>
    </row>
    <row r="115288" spans="8:8">
      <c r="H115288" s="12"/>
    </row>
    <row r="115289" spans="8:8">
      <c r="H115289" s="12"/>
    </row>
    <row r="115290" spans="8:8">
      <c r="H115290" s="12"/>
    </row>
    <row r="115291" spans="8:8">
      <c r="H115291" s="12"/>
    </row>
    <row r="115292" spans="8:8">
      <c r="H115292" s="12"/>
    </row>
    <row r="115293" spans="8:8">
      <c r="H115293" s="12"/>
    </row>
    <row r="115294" spans="8:8">
      <c r="H115294" s="12"/>
    </row>
    <row r="115295" spans="8:8">
      <c r="H115295" s="12"/>
    </row>
    <row r="115296" spans="8:8">
      <c r="H115296" s="12"/>
    </row>
    <row r="115297" spans="8:8">
      <c r="H115297" s="12"/>
    </row>
    <row r="115298" spans="8:8">
      <c r="H115298" s="12"/>
    </row>
    <row r="115299" spans="8:8">
      <c r="H115299" s="12"/>
    </row>
    <row r="115300" spans="8:8">
      <c r="H115300" s="12"/>
    </row>
    <row r="115301" spans="8:8">
      <c r="H115301" s="12"/>
    </row>
    <row r="115302" spans="8:8">
      <c r="H115302" s="12"/>
    </row>
    <row r="115303" spans="8:8">
      <c r="H115303" s="12"/>
    </row>
    <row r="115304" spans="8:8">
      <c r="H115304" s="12"/>
    </row>
    <row r="115305" spans="8:8">
      <c r="H115305" s="12"/>
    </row>
    <row r="115306" spans="8:8">
      <c r="H115306" s="12"/>
    </row>
    <row r="115307" spans="8:8">
      <c r="H115307" s="12"/>
    </row>
    <row r="115308" spans="8:8">
      <c r="H115308" s="12"/>
    </row>
    <row r="115309" spans="8:8">
      <c r="H115309" s="12"/>
    </row>
    <row r="115310" spans="8:8">
      <c r="H115310" s="12"/>
    </row>
    <row r="115311" spans="8:8">
      <c r="H115311" s="12"/>
    </row>
    <row r="115312" spans="8:8">
      <c r="H115312" s="12"/>
    </row>
    <row r="115313" spans="8:8">
      <c r="H115313" s="12"/>
    </row>
    <row r="115314" spans="8:8">
      <c r="H115314" s="12"/>
    </row>
    <row r="115315" spans="8:8">
      <c r="H115315" s="12"/>
    </row>
    <row r="115316" spans="8:8">
      <c r="H115316" s="12"/>
    </row>
    <row r="115317" spans="8:8">
      <c r="H115317" s="12"/>
    </row>
    <row r="115318" spans="8:8">
      <c r="H115318" s="12"/>
    </row>
    <row r="115319" spans="8:8">
      <c r="H115319" s="12"/>
    </row>
    <row r="115320" spans="8:8">
      <c r="H115320" s="12"/>
    </row>
    <row r="115321" spans="8:8">
      <c r="H115321" s="12"/>
    </row>
    <row r="115322" spans="8:8">
      <c r="H115322" s="12"/>
    </row>
    <row r="115323" spans="8:8">
      <c r="H115323" s="12"/>
    </row>
    <row r="115324" spans="8:8">
      <c r="H115324" s="12"/>
    </row>
    <row r="115325" spans="8:8">
      <c r="H115325" s="12"/>
    </row>
    <row r="115326" spans="8:8">
      <c r="H115326" s="12"/>
    </row>
    <row r="115327" spans="8:8">
      <c r="H115327" s="12"/>
    </row>
    <row r="115328" spans="8:8">
      <c r="H115328" s="12"/>
    </row>
    <row r="115329" spans="8:8">
      <c r="H115329" s="12"/>
    </row>
    <row r="115330" spans="8:8">
      <c r="H115330" s="12"/>
    </row>
    <row r="115331" spans="8:8">
      <c r="H115331" s="12"/>
    </row>
    <row r="115332" spans="8:8">
      <c r="H115332" s="12"/>
    </row>
    <row r="115333" spans="8:8">
      <c r="H115333" s="12"/>
    </row>
    <row r="115334" spans="8:8">
      <c r="H115334" s="12"/>
    </row>
    <row r="115335" spans="8:8">
      <c r="H115335" s="12"/>
    </row>
    <row r="115336" spans="8:8">
      <c r="H115336" s="12"/>
    </row>
    <row r="115337" spans="8:8">
      <c r="H115337" s="12"/>
    </row>
    <row r="115338" spans="8:8">
      <c r="H115338" s="12"/>
    </row>
    <row r="115339" spans="8:8">
      <c r="H115339" s="12"/>
    </row>
    <row r="115340" spans="8:8">
      <c r="H115340" s="12"/>
    </row>
    <row r="115341" spans="8:8">
      <c r="H115341" s="12"/>
    </row>
    <row r="115342" spans="8:8">
      <c r="H115342" s="12"/>
    </row>
    <row r="115343" spans="8:8">
      <c r="H115343" s="12"/>
    </row>
    <row r="115344" spans="8:8">
      <c r="H115344" s="12"/>
    </row>
    <row r="115345" spans="8:8">
      <c r="H115345" s="12"/>
    </row>
    <row r="115346" spans="8:8">
      <c r="H115346" s="12"/>
    </row>
    <row r="115347" spans="8:8">
      <c r="H115347" s="12"/>
    </row>
    <row r="115348" spans="8:8">
      <c r="H115348" s="12"/>
    </row>
    <row r="115349" spans="8:8">
      <c r="H115349" s="12"/>
    </row>
    <row r="115350" spans="8:8">
      <c r="H115350" s="12"/>
    </row>
    <row r="115351" spans="8:8">
      <c r="H115351" s="12"/>
    </row>
    <row r="115352" spans="8:8">
      <c r="H115352" s="12"/>
    </row>
    <row r="115353" spans="8:8">
      <c r="H115353" s="12"/>
    </row>
    <row r="115354" spans="8:8">
      <c r="H115354" s="12"/>
    </row>
    <row r="115355" spans="8:8">
      <c r="H115355" s="12"/>
    </row>
    <row r="115356" spans="8:8">
      <c r="H115356" s="12"/>
    </row>
    <row r="115357" spans="8:8">
      <c r="H115357" s="12"/>
    </row>
    <row r="115358" spans="8:8">
      <c r="H115358" s="12"/>
    </row>
    <row r="115359" spans="8:8">
      <c r="H115359" s="12"/>
    </row>
    <row r="115360" spans="8:8">
      <c r="H115360" s="12"/>
    </row>
    <row r="115361" spans="8:8">
      <c r="H115361" s="12"/>
    </row>
    <row r="115362" spans="8:8">
      <c r="H115362" s="12"/>
    </row>
    <row r="115363" spans="8:8">
      <c r="H115363" s="12"/>
    </row>
    <row r="115364" spans="8:8">
      <c r="H115364" s="12"/>
    </row>
    <row r="115365" spans="8:8">
      <c r="H115365" s="12"/>
    </row>
    <row r="115366" spans="8:8">
      <c r="H115366" s="12"/>
    </row>
    <row r="115367" spans="8:8">
      <c r="H115367" s="12"/>
    </row>
    <row r="115368" spans="8:8">
      <c r="H115368" s="12"/>
    </row>
    <row r="115369" spans="8:8">
      <c r="H115369" s="12"/>
    </row>
    <row r="115370" spans="8:8">
      <c r="H115370" s="12"/>
    </row>
    <row r="115371" spans="8:8">
      <c r="H115371" s="12"/>
    </row>
    <row r="115372" spans="8:8">
      <c r="H115372" s="12"/>
    </row>
    <row r="115373" spans="8:8">
      <c r="H115373" s="12"/>
    </row>
    <row r="115374" spans="8:8">
      <c r="H115374" s="12"/>
    </row>
    <row r="115375" spans="8:8">
      <c r="H115375" s="12"/>
    </row>
    <row r="115376" spans="8:8">
      <c r="H115376" s="12"/>
    </row>
    <row r="115377" spans="8:8">
      <c r="H115377" s="12"/>
    </row>
    <row r="115378" spans="8:8">
      <c r="H115378" s="12"/>
    </row>
    <row r="115379" spans="8:8">
      <c r="H115379" s="12"/>
    </row>
    <row r="115380" spans="8:8">
      <c r="H115380" s="12"/>
    </row>
    <row r="115381" spans="8:8">
      <c r="H115381" s="12"/>
    </row>
    <row r="115382" spans="8:8">
      <c r="H115382" s="12"/>
    </row>
    <row r="115383" spans="8:8">
      <c r="H115383" s="12"/>
    </row>
    <row r="115384" spans="8:8">
      <c r="H115384" s="12"/>
    </row>
    <row r="115385" spans="8:8">
      <c r="H115385" s="12"/>
    </row>
    <row r="115386" spans="8:8">
      <c r="H115386" s="12"/>
    </row>
    <row r="115387" spans="8:8">
      <c r="H115387" s="12"/>
    </row>
    <row r="115388" spans="8:8">
      <c r="H115388" s="12"/>
    </row>
    <row r="115389" spans="8:8">
      <c r="H115389" s="12"/>
    </row>
    <row r="115390" spans="8:8">
      <c r="H115390" s="12"/>
    </row>
    <row r="115391" spans="8:8">
      <c r="H115391" s="12"/>
    </row>
    <row r="115392" spans="8:8">
      <c r="H115392" s="12"/>
    </row>
    <row r="115393" spans="8:8">
      <c r="H115393" s="12"/>
    </row>
    <row r="115394" spans="8:8">
      <c r="H115394" s="12"/>
    </row>
    <row r="115395" spans="8:8">
      <c r="H115395" s="12"/>
    </row>
    <row r="115396" spans="8:8">
      <c r="H115396" s="12"/>
    </row>
    <row r="115397" spans="8:8">
      <c r="H115397" s="12"/>
    </row>
    <row r="115398" spans="8:8">
      <c r="H115398" s="12"/>
    </row>
    <row r="115399" spans="8:8">
      <c r="H115399" s="12"/>
    </row>
    <row r="115400" spans="8:8">
      <c r="H115400" s="12"/>
    </row>
    <row r="115401" spans="8:8">
      <c r="H115401" s="12"/>
    </row>
    <row r="115402" spans="8:8">
      <c r="H115402" s="12"/>
    </row>
    <row r="115403" spans="8:8">
      <c r="H115403" s="12"/>
    </row>
    <row r="115404" spans="8:8">
      <c r="H115404" s="12"/>
    </row>
    <row r="115405" spans="8:8">
      <c r="H115405" s="12"/>
    </row>
    <row r="115406" spans="8:8">
      <c r="H115406" s="12"/>
    </row>
    <row r="115407" spans="8:8">
      <c r="H115407" s="12"/>
    </row>
    <row r="115408" spans="8:8">
      <c r="H115408" s="12"/>
    </row>
    <row r="115409" spans="8:8">
      <c r="H115409" s="12"/>
    </row>
    <row r="115410" spans="8:8">
      <c r="H115410" s="12"/>
    </row>
    <row r="115411" spans="8:8">
      <c r="H115411" s="12"/>
    </row>
    <row r="115412" spans="8:8">
      <c r="H115412" s="12"/>
    </row>
    <row r="115413" spans="8:8">
      <c r="H115413" s="12"/>
    </row>
    <row r="115414" spans="8:8">
      <c r="H115414" s="12"/>
    </row>
    <row r="115415" spans="8:8">
      <c r="H115415" s="12"/>
    </row>
    <row r="115416" spans="8:8">
      <c r="H115416" s="12"/>
    </row>
    <row r="115417" spans="8:8">
      <c r="H115417" s="12"/>
    </row>
    <row r="115418" spans="8:8">
      <c r="H115418" s="12"/>
    </row>
    <row r="115419" spans="8:8">
      <c r="H115419" s="12"/>
    </row>
    <row r="115420" spans="8:8">
      <c r="H115420" s="12"/>
    </row>
    <row r="115421" spans="8:8">
      <c r="H115421" s="12"/>
    </row>
    <row r="115422" spans="8:8">
      <c r="H115422" s="12"/>
    </row>
    <row r="115423" spans="8:8">
      <c r="H115423" s="12"/>
    </row>
    <row r="115424" spans="8:8">
      <c r="H115424" s="12"/>
    </row>
    <row r="115425" spans="8:8">
      <c r="H115425" s="12"/>
    </row>
    <row r="115426" spans="8:8">
      <c r="H115426" s="12"/>
    </row>
    <row r="115427" spans="8:8">
      <c r="H115427" s="12"/>
    </row>
    <row r="115428" spans="8:8">
      <c r="H115428" s="12"/>
    </row>
    <row r="115429" spans="8:8">
      <c r="H115429" s="12"/>
    </row>
    <row r="115430" spans="8:8">
      <c r="H115430" s="12"/>
    </row>
    <row r="115431" spans="8:8">
      <c r="H115431" s="12"/>
    </row>
    <row r="115432" spans="8:8">
      <c r="H115432" s="12"/>
    </row>
    <row r="115433" spans="8:8">
      <c r="H115433" s="12"/>
    </row>
    <row r="115434" spans="8:8">
      <c r="H115434" s="12"/>
    </row>
    <row r="115435" spans="8:8">
      <c r="H115435" s="12"/>
    </row>
    <row r="115436" spans="8:8">
      <c r="H115436" s="12"/>
    </row>
    <row r="115437" spans="8:8">
      <c r="H115437" s="12"/>
    </row>
    <row r="115438" spans="8:8">
      <c r="H115438" s="12"/>
    </row>
    <row r="115439" spans="8:8">
      <c r="H115439" s="12"/>
    </row>
    <row r="115440" spans="8:8">
      <c r="H115440" s="12"/>
    </row>
    <row r="115441" spans="8:8">
      <c r="H115441" s="12"/>
    </row>
    <row r="115442" spans="8:8">
      <c r="H115442" s="12"/>
    </row>
    <row r="115443" spans="8:8">
      <c r="H115443" s="12"/>
    </row>
    <row r="115444" spans="8:8">
      <c r="H115444" s="12"/>
    </row>
    <row r="115445" spans="8:8">
      <c r="H115445" s="12"/>
    </row>
    <row r="115446" spans="8:8">
      <c r="H115446" s="12"/>
    </row>
    <row r="115447" spans="8:8">
      <c r="H115447" s="12"/>
    </row>
    <row r="115448" spans="8:8">
      <c r="H115448" s="12"/>
    </row>
    <row r="115449" spans="8:8">
      <c r="H115449" s="12"/>
    </row>
    <row r="115450" spans="8:8">
      <c r="H115450" s="12"/>
    </row>
    <row r="115451" spans="8:8">
      <c r="H115451" s="12"/>
    </row>
    <row r="115452" spans="8:8">
      <c r="H115452" s="12"/>
    </row>
    <row r="115453" spans="8:8">
      <c r="H115453" s="12"/>
    </row>
    <row r="115454" spans="8:8">
      <c r="H115454" s="12"/>
    </row>
    <row r="115455" spans="8:8">
      <c r="H115455" s="12"/>
    </row>
    <row r="115456" spans="8:8">
      <c r="H115456" s="12"/>
    </row>
    <row r="115457" spans="8:8">
      <c r="H115457" s="12"/>
    </row>
    <row r="115458" spans="8:8">
      <c r="H115458" s="12"/>
    </row>
    <row r="115459" spans="8:8">
      <c r="H115459" s="12"/>
    </row>
    <row r="115460" spans="8:8">
      <c r="H115460" s="12"/>
    </row>
    <row r="115461" spans="8:8">
      <c r="H115461" s="12"/>
    </row>
    <row r="115462" spans="8:8">
      <c r="H115462" s="12"/>
    </row>
    <row r="115463" spans="8:8">
      <c r="H115463" s="12"/>
    </row>
    <row r="115464" spans="8:8">
      <c r="H115464" s="12"/>
    </row>
    <row r="115465" spans="8:8">
      <c r="H115465" s="12"/>
    </row>
    <row r="115466" spans="8:8">
      <c r="H115466" s="12"/>
    </row>
    <row r="115467" spans="8:8">
      <c r="H115467" s="12"/>
    </row>
    <row r="115468" spans="8:8">
      <c r="H115468" s="12"/>
    </row>
    <row r="115469" spans="8:8">
      <c r="H115469" s="12"/>
    </row>
    <row r="115470" spans="8:8">
      <c r="H115470" s="12"/>
    </row>
    <row r="115471" spans="8:8">
      <c r="H115471" s="12"/>
    </row>
    <row r="115472" spans="8:8">
      <c r="H115472" s="12"/>
    </row>
    <row r="115473" spans="8:8">
      <c r="H115473" s="12"/>
    </row>
    <row r="115474" spans="8:8">
      <c r="H115474" s="12"/>
    </row>
    <row r="115475" spans="8:8">
      <c r="H115475" s="12"/>
    </row>
    <row r="115476" spans="8:8">
      <c r="H115476" s="12"/>
    </row>
    <row r="115477" spans="8:8">
      <c r="H115477" s="12"/>
    </row>
    <row r="115478" spans="8:8">
      <c r="H115478" s="12"/>
    </row>
    <row r="115479" spans="8:8">
      <c r="H115479" s="12"/>
    </row>
    <row r="115480" spans="8:8">
      <c r="H115480" s="12"/>
    </row>
    <row r="115481" spans="8:8">
      <c r="H115481" s="12"/>
    </row>
    <row r="115482" spans="8:8">
      <c r="H115482" s="12"/>
    </row>
    <row r="115483" spans="8:8">
      <c r="H115483" s="12"/>
    </row>
    <row r="115484" spans="8:8">
      <c r="H115484" s="12"/>
    </row>
    <row r="115485" spans="8:8">
      <c r="H115485" s="12"/>
    </row>
    <row r="115486" spans="8:8">
      <c r="H115486" s="12"/>
    </row>
    <row r="115487" spans="8:8">
      <c r="H115487" s="12"/>
    </row>
    <row r="115488" spans="8:8">
      <c r="H115488" s="12"/>
    </row>
    <row r="115489" spans="8:8">
      <c r="H115489" s="12"/>
    </row>
    <row r="115490" spans="8:8">
      <c r="H115490" s="12"/>
    </row>
    <row r="115491" spans="8:8">
      <c r="H115491" s="12"/>
    </row>
    <row r="115492" spans="8:8">
      <c r="H115492" s="12"/>
    </row>
    <row r="115493" spans="8:8">
      <c r="H115493" s="12"/>
    </row>
    <row r="115494" spans="8:8">
      <c r="H115494" s="12"/>
    </row>
    <row r="115495" spans="8:8">
      <c r="H115495" s="12"/>
    </row>
    <row r="115496" spans="8:8">
      <c r="H115496" s="12"/>
    </row>
    <row r="115497" spans="8:8">
      <c r="H115497" s="12"/>
    </row>
    <row r="115498" spans="8:8">
      <c r="H115498" s="12"/>
    </row>
    <row r="115499" spans="8:8">
      <c r="H115499" s="12"/>
    </row>
    <row r="115500" spans="8:8">
      <c r="H115500" s="12"/>
    </row>
    <row r="115501" spans="8:8">
      <c r="H115501" s="12"/>
    </row>
    <row r="115502" spans="8:8">
      <c r="H115502" s="12"/>
    </row>
    <row r="115503" spans="8:8">
      <c r="H115503" s="12"/>
    </row>
    <row r="115504" spans="8:8">
      <c r="H115504" s="12"/>
    </row>
    <row r="115505" spans="8:8">
      <c r="H115505" s="12"/>
    </row>
    <row r="115506" spans="8:8">
      <c r="H115506" s="12"/>
    </row>
    <row r="115507" spans="8:8">
      <c r="H115507" s="12"/>
    </row>
    <row r="115508" spans="8:8">
      <c r="H115508" s="12"/>
    </row>
    <row r="115509" spans="8:8">
      <c r="H115509" s="12"/>
    </row>
    <row r="115510" spans="8:8">
      <c r="H115510" s="12"/>
    </row>
    <row r="115511" spans="8:8">
      <c r="H115511" s="12"/>
    </row>
    <row r="115512" spans="8:8">
      <c r="H115512" s="12"/>
    </row>
    <row r="115513" spans="8:8">
      <c r="H115513" s="12"/>
    </row>
    <row r="115514" spans="8:8">
      <c r="H115514" s="12"/>
    </row>
    <row r="115515" spans="8:8">
      <c r="H115515" s="12"/>
    </row>
    <row r="115516" spans="8:8">
      <c r="H115516" s="12"/>
    </row>
    <row r="115517" spans="8:8">
      <c r="H115517" s="12"/>
    </row>
    <row r="115518" spans="8:8">
      <c r="H115518" s="12"/>
    </row>
    <row r="115519" spans="8:8">
      <c r="H115519" s="12"/>
    </row>
    <row r="115520" spans="8:8">
      <c r="H115520" s="12"/>
    </row>
    <row r="115521" spans="8:8">
      <c r="H115521" s="12"/>
    </row>
    <row r="115522" spans="8:8">
      <c r="H115522" s="12"/>
    </row>
    <row r="115523" spans="8:8">
      <c r="H115523" s="12"/>
    </row>
    <row r="115524" spans="8:8">
      <c r="H115524" s="12"/>
    </row>
    <row r="115525" spans="8:8">
      <c r="H115525" s="12"/>
    </row>
    <row r="115526" spans="8:8">
      <c r="H115526" s="12"/>
    </row>
    <row r="115527" spans="8:8">
      <c r="H115527" s="12"/>
    </row>
    <row r="115528" spans="8:8">
      <c r="H115528" s="12"/>
    </row>
    <row r="115529" spans="8:8">
      <c r="H115529" s="12"/>
    </row>
    <row r="115530" spans="8:8">
      <c r="H115530" s="12"/>
    </row>
    <row r="115531" spans="8:8">
      <c r="H115531" s="12"/>
    </row>
    <row r="115532" spans="8:8">
      <c r="H115532" s="12"/>
    </row>
    <row r="115533" spans="8:8">
      <c r="H115533" s="12"/>
    </row>
    <row r="115534" spans="8:8">
      <c r="H115534" s="12"/>
    </row>
    <row r="115535" spans="8:8">
      <c r="H115535" s="12"/>
    </row>
    <row r="115536" spans="8:8">
      <c r="H115536" s="12"/>
    </row>
    <row r="115537" spans="8:8">
      <c r="H115537" s="12"/>
    </row>
    <row r="115538" spans="8:8">
      <c r="H115538" s="12"/>
    </row>
    <row r="115539" spans="8:8">
      <c r="H115539" s="12"/>
    </row>
    <row r="115540" spans="8:8">
      <c r="H115540" s="12"/>
    </row>
    <row r="115541" spans="8:8">
      <c r="H115541" s="12"/>
    </row>
    <row r="115542" spans="8:8">
      <c r="H115542" s="12"/>
    </row>
    <row r="115543" spans="8:8">
      <c r="H115543" s="12"/>
    </row>
    <row r="115544" spans="8:8">
      <c r="H115544" s="12"/>
    </row>
    <row r="115545" spans="8:8">
      <c r="H115545" s="12"/>
    </row>
    <row r="115546" spans="8:8">
      <c r="H115546" s="12"/>
    </row>
    <row r="115547" spans="8:8">
      <c r="H115547" s="12"/>
    </row>
    <row r="115548" spans="8:8">
      <c r="H115548" s="12"/>
    </row>
    <row r="115549" spans="8:8">
      <c r="H115549" s="12"/>
    </row>
    <row r="115550" spans="8:8">
      <c r="H115550" s="12"/>
    </row>
    <row r="115551" spans="8:8">
      <c r="H115551" s="12"/>
    </row>
    <row r="115552" spans="8:8">
      <c r="H115552" s="12"/>
    </row>
    <row r="115553" spans="8:8">
      <c r="H115553" s="12"/>
    </row>
    <row r="115554" spans="8:8">
      <c r="H115554" s="12"/>
    </row>
    <row r="115555" spans="8:8">
      <c r="H115555" s="12"/>
    </row>
    <row r="115556" spans="8:8">
      <c r="H115556" s="12"/>
    </row>
    <row r="115557" spans="8:8">
      <c r="H115557" s="12"/>
    </row>
    <row r="115558" spans="8:8">
      <c r="H115558" s="12"/>
    </row>
    <row r="115559" spans="8:8">
      <c r="H115559" s="12"/>
    </row>
    <row r="115560" spans="8:8">
      <c r="H115560" s="12"/>
    </row>
    <row r="115561" spans="8:8">
      <c r="H115561" s="12"/>
    </row>
    <row r="115562" spans="8:8">
      <c r="H115562" s="12"/>
    </row>
    <row r="115563" spans="8:8">
      <c r="H115563" s="12"/>
    </row>
    <row r="115564" spans="8:8">
      <c r="H115564" s="12"/>
    </row>
    <row r="115565" spans="8:8">
      <c r="H115565" s="12"/>
    </row>
    <row r="115566" spans="8:8">
      <c r="H115566" s="12"/>
    </row>
    <row r="115567" spans="8:8">
      <c r="H115567" s="12"/>
    </row>
    <row r="115568" spans="8:8">
      <c r="H115568" s="12"/>
    </row>
    <row r="115569" spans="8:8">
      <c r="H115569" s="12"/>
    </row>
    <row r="115570" spans="8:8">
      <c r="H115570" s="12"/>
    </row>
    <row r="115571" spans="8:8">
      <c r="H115571" s="12"/>
    </row>
    <row r="115572" spans="8:8">
      <c r="H115572" s="12"/>
    </row>
    <row r="115573" spans="8:8">
      <c r="H115573" s="12"/>
    </row>
    <row r="115574" spans="8:8">
      <c r="H115574" s="12"/>
    </row>
    <row r="115575" spans="8:8">
      <c r="H115575" s="12"/>
    </row>
    <row r="115576" spans="8:8">
      <c r="H115576" s="12"/>
    </row>
    <row r="115577" spans="8:8">
      <c r="H115577" s="12"/>
    </row>
    <row r="115578" spans="8:8">
      <c r="H115578" s="12"/>
    </row>
    <row r="115579" spans="8:8">
      <c r="H115579" s="12"/>
    </row>
    <row r="115580" spans="8:8">
      <c r="H115580" s="12"/>
    </row>
    <row r="115581" spans="8:8">
      <c r="H115581" s="12"/>
    </row>
    <row r="115582" spans="8:8">
      <c r="H115582" s="12"/>
    </row>
    <row r="115583" spans="8:8">
      <c r="H115583" s="12"/>
    </row>
    <row r="115584" spans="8:8">
      <c r="H115584" s="12"/>
    </row>
    <row r="115585" spans="8:8">
      <c r="H115585" s="12"/>
    </row>
    <row r="115586" spans="8:8">
      <c r="H115586" s="12"/>
    </row>
    <row r="115587" spans="8:8">
      <c r="H115587" s="12"/>
    </row>
    <row r="115588" spans="8:8">
      <c r="H115588" s="12"/>
    </row>
    <row r="115589" spans="8:8">
      <c r="H115589" s="12"/>
    </row>
    <row r="115590" spans="8:8">
      <c r="H115590" s="12"/>
    </row>
    <row r="115591" spans="8:8">
      <c r="H115591" s="12"/>
    </row>
    <row r="115592" spans="8:8">
      <c r="H115592" s="12"/>
    </row>
    <row r="115593" spans="8:8">
      <c r="H115593" s="12"/>
    </row>
    <row r="115594" spans="8:8">
      <c r="H115594" s="12"/>
    </row>
    <row r="115595" spans="8:8">
      <c r="H115595" s="12"/>
    </row>
    <row r="115596" spans="8:8">
      <c r="H115596" s="12"/>
    </row>
    <row r="115597" spans="8:8">
      <c r="H115597" s="12"/>
    </row>
    <row r="115598" spans="8:8">
      <c r="H115598" s="12"/>
    </row>
    <row r="115599" spans="8:8">
      <c r="H115599" s="12"/>
    </row>
    <row r="115600" spans="8:8">
      <c r="H115600" s="12"/>
    </row>
    <row r="115601" spans="8:8">
      <c r="H115601" s="12"/>
    </row>
    <row r="115602" spans="8:8">
      <c r="H115602" s="12"/>
    </row>
    <row r="115603" spans="8:8">
      <c r="H115603" s="12"/>
    </row>
    <row r="115604" spans="8:8">
      <c r="H115604" s="12"/>
    </row>
    <row r="115605" spans="8:8">
      <c r="H115605" s="12"/>
    </row>
    <row r="115606" spans="8:8">
      <c r="H115606" s="12"/>
    </row>
    <row r="115607" spans="8:8">
      <c r="H115607" s="12"/>
    </row>
    <row r="115608" spans="8:8">
      <c r="H115608" s="12"/>
    </row>
    <row r="115609" spans="8:8">
      <c r="H115609" s="12"/>
    </row>
    <row r="115610" spans="8:8">
      <c r="H115610" s="12"/>
    </row>
    <row r="115611" spans="8:8">
      <c r="H115611" s="12"/>
    </row>
    <row r="115612" spans="8:8">
      <c r="H115612" s="12"/>
    </row>
    <row r="115613" spans="8:8">
      <c r="H115613" s="12"/>
    </row>
    <row r="115614" spans="8:8">
      <c r="H115614" s="12"/>
    </row>
    <row r="115615" spans="8:8">
      <c r="H115615" s="12"/>
    </row>
    <row r="115616" spans="8:8">
      <c r="H115616" s="12"/>
    </row>
    <row r="115617" spans="8:8">
      <c r="H115617" s="12"/>
    </row>
    <row r="115618" spans="8:8">
      <c r="H115618" s="12"/>
    </row>
    <row r="115619" spans="8:8">
      <c r="H115619" s="12"/>
    </row>
    <row r="115620" spans="8:8">
      <c r="H115620" s="12"/>
    </row>
    <row r="115621" spans="8:8">
      <c r="H115621" s="12"/>
    </row>
    <row r="115622" spans="8:8">
      <c r="H115622" s="12"/>
    </row>
    <row r="115623" spans="8:8">
      <c r="H115623" s="12"/>
    </row>
    <row r="115624" spans="8:8">
      <c r="H115624" s="12"/>
    </row>
    <row r="115625" spans="8:8">
      <c r="H115625" s="12"/>
    </row>
    <row r="115626" spans="8:8">
      <c r="H115626" s="12"/>
    </row>
    <row r="115627" spans="8:8">
      <c r="H115627" s="12"/>
    </row>
    <row r="115628" spans="8:8">
      <c r="H115628" s="12"/>
    </row>
    <row r="115629" spans="8:8">
      <c r="H115629" s="12"/>
    </row>
    <row r="115630" spans="8:8">
      <c r="H115630" s="12"/>
    </row>
    <row r="115631" spans="8:8">
      <c r="H115631" s="12"/>
    </row>
    <row r="115632" spans="8:8">
      <c r="H115632" s="12"/>
    </row>
    <row r="115633" spans="8:8">
      <c r="H115633" s="12"/>
    </row>
    <row r="115634" spans="8:8">
      <c r="H115634" s="12"/>
    </row>
    <row r="115635" spans="8:8">
      <c r="H115635" s="12"/>
    </row>
    <row r="115636" spans="8:8">
      <c r="H115636" s="12"/>
    </row>
    <row r="115637" spans="8:8">
      <c r="H115637" s="12"/>
    </row>
    <row r="115638" spans="8:8">
      <c r="H115638" s="12"/>
    </row>
    <row r="115639" spans="8:8">
      <c r="H115639" s="12"/>
    </row>
    <row r="115640" spans="8:8">
      <c r="H115640" s="12"/>
    </row>
    <row r="115641" spans="8:8">
      <c r="H115641" s="12"/>
    </row>
    <row r="115642" spans="8:8">
      <c r="H115642" s="12"/>
    </row>
    <row r="115643" spans="8:8">
      <c r="H115643" s="12"/>
    </row>
    <row r="115644" spans="8:8">
      <c r="H115644" s="12"/>
    </row>
    <row r="115645" spans="8:8">
      <c r="H115645" s="12"/>
    </row>
    <row r="115646" spans="8:8">
      <c r="H115646" s="12"/>
    </row>
    <row r="115647" spans="8:8">
      <c r="H115647" s="12"/>
    </row>
    <row r="115648" spans="8:8">
      <c r="H115648" s="12"/>
    </row>
    <row r="115649" spans="8:8">
      <c r="H115649" s="12"/>
    </row>
    <row r="115650" spans="8:8">
      <c r="H115650" s="12"/>
    </row>
    <row r="115651" spans="8:8">
      <c r="H115651" s="12"/>
    </row>
    <row r="115652" spans="8:8">
      <c r="H115652" s="12"/>
    </row>
    <row r="115653" spans="8:8">
      <c r="H115653" s="12"/>
    </row>
    <row r="115654" spans="8:8">
      <c r="H115654" s="12"/>
    </row>
    <row r="115655" spans="8:8">
      <c r="H115655" s="12"/>
    </row>
    <row r="115656" spans="8:8">
      <c r="H115656" s="12"/>
    </row>
    <row r="115657" spans="8:8">
      <c r="H115657" s="12"/>
    </row>
    <row r="115658" spans="8:8">
      <c r="H115658" s="12"/>
    </row>
    <row r="115659" spans="8:8">
      <c r="H115659" s="12"/>
    </row>
    <row r="115660" spans="8:8">
      <c r="H115660" s="12"/>
    </row>
    <row r="115661" spans="8:8">
      <c r="H115661" s="12"/>
    </row>
    <row r="115662" spans="8:8">
      <c r="H115662" s="12"/>
    </row>
    <row r="115663" spans="8:8">
      <c r="H115663" s="12"/>
    </row>
    <row r="115664" spans="8:8">
      <c r="H115664" s="12"/>
    </row>
    <row r="115665" spans="8:8">
      <c r="H115665" s="12"/>
    </row>
    <row r="115666" spans="8:8">
      <c r="H115666" s="12"/>
    </row>
    <row r="115667" spans="8:8">
      <c r="H115667" s="12"/>
    </row>
    <row r="115668" spans="8:8">
      <c r="H115668" s="12"/>
    </row>
    <row r="115669" spans="8:8">
      <c r="H115669" s="12"/>
    </row>
    <row r="115670" spans="8:8">
      <c r="H115670" s="12"/>
    </row>
    <row r="115671" spans="8:8">
      <c r="H115671" s="12"/>
    </row>
    <row r="115672" spans="8:8">
      <c r="H115672" s="12"/>
    </row>
    <row r="115673" spans="8:8">
      <c r="H115673" s="12"/>
    </row>
    <row r="115674" spans="8:8">
      <c r="H115674" s="12"/>
    </row>
    <row r="115675" spans="8:8">
      <c r="H115675" s="12"/>
    </row>
    <row r="115676" spans="8:8">
      <c r="H115676" s="12"/>
    </row>
    <row r="115677" spans="8:8">
      <c r="H115677" s="12"/>
    </row>
    <row r="115678" spans="8:8">
      <c r="H115678" s="12"/>
    </row>
    <row r="115679" spans="8:8">
      <c r="H115679" s="12"/>
    </row>
    <row r="115680" spans="8:8">
      <c r="H115680" s="12"/>
    </row>
    <row r="115681" spans="8:8">
      <c r="H115681" s="12"/>
    </row>
    <row r="115682" spans="8:8">
      <c r="H115682" s="12"/>
    </row>
    <row r="115683" spans="8:8">
      <c r="H115683" s="12"/>
    </row>
    <row r="115684" spans="8:8">
      <c r="H115684" s="12"/>
    </row>
    <row r="115685" spans="8:8">
      <c r="H115685" s="12"/>
    </row>
    <row r="115686" spans="8:8">
      <c r="H115686" s="12"/>
    </row>
    <row r="115687" spans="8:8">
      <c r="H115687" s="12"/>
    </row>
    <row r="115688" spans="8:8">
      <c r="H115688" s="12"/>
    </row>
    <row r="115689" spans="8:8">
      <c r="H115689" s="12"/>
    </row>
    <row r="115690" spans="8:8">
      <c r="H115690" s="12"/>
    </row>
    <row r="115691" spans="8:8">
      <c r="H115691" s="12"/>
    </row>
    <row r="115692" spans="8:8">
      <c r="H115692" s="12"/>
    </row>
    <row r="115693" spans="8:8">
      <c r="H115693" s="12"/>
    </row>
    <row r="115694" spans="8:8">
      <c r="H115694" s="12"/>
    </row>
    <row r="115695" spans="8:8">
      <c r="H115695" s="12"/>
    </row>
    <row r="115696" spans="8:8">
      <c r="H115696" s="12"/>
    </row>
    <row r="115697" spans="8:8">
      <c r="H115697" s="12"/>
    </row>
    <row r="115698" spans="8:8">
      <c r="H115698" s="12"/>
    </row>
    <row r="115699" spans="8:8">
      <c r="H115699" s="12"/>
    </row>
    <row r="115700" spans="8:8">
      <c r="H115700" s="12"/>
    </row>
    <row r="115701" spans="8:8">
      <c r="H115701" s="12"/>
    </row>
    <row r="115702" spans="8:8">
      <c r="H115702" s="12"/>
    </row>
    <row r="115703" spans="8:8">
      <c r="H115703" s="12"/>
    </row>
    <row r="115704" spans="8:8">
      <c r="H115704" s="12"/>
    </row>
    <row r="115705" spans="8:8">
      <c r="H115705" s="12"/>
    </row>
    <row r="115706" spans="8:8">
      <c r="H115706" s="12"/>
    </row>
    <row r="115707" spans="8:8">
      <c r="H115707" s="12"/>
    </row>
    <row r="115708" spans="8:8">
      <c r="H115708" s="12"/>
    </row>
    <row r="115709" spans="8:8">
      <c r="H115709" s="12"/>
    </row>
    <row r="115710" spans="8:8">
      <c r="H115710" s="12"/>
    </row>
    <row r="115711" spans="8:8">
      <c r="H115711" s="12"/>
    </row>
    <row r="115712" spans="8:8">
      <c r="H115712" s="12"/>
    </row>
    <row r="115713" spans="8:8">
      <c r="H115713" s="12"/>
    </row>
    <row r="115714" spans="8:8">
      <c r="H115714" s="12"/>
    </row>
    <row r="115715" spans="8:8">
      <c r="H115715" s="12"/>
    </row>
    <row r="115716" spans="8:8">
      <c r="H115716" s="12"/>
    </row>
    <row r="115717" spans="8:8">
      <c r="H115717" s="12"/>
    </row>
    <row r="115718" spans="8:8">
      <c r="H115718" s="12"/>
    </row>
    <row r="115719" spans="8:8">
      <c r="H115719" s="12"/>
    </row>
    <row r="115720" spans="8:8">
      <c r="H115720" s="12"/>
    </row>
    <row r="115721" spans="8:8">
      <c r="H115721" s="12"/>
    </row>
    <row r="115722" spans="8:8">
      <c r="H115722" s="12"/>
    </row>
    <row r="115723" spans="8:8">
      <c r="H115723" s="12"/>
    </row>
    <row r="115724" spans="8:8">
      <c r="H115724" s="12"/>
    </row>
    <row r="115725" spans="8:8">
      <c r="H115725" s="12"/>
    </row>
    <row r="115726" spans="8:8">
      <c r="H115726" s="12"/>
    </row>
    <row r="115727" spans="8:8">
      <c r="H115727" s="12"/>
    </row>
    <row r="115728" spans="8:8">
      <c r="H115728" s="12"/>
    </row>
    <row r="115729" spans="8:8">
      <c r="H115729" s="12"/>
    </row>
    <row r="115730" spans="8:8">
      <c r="H115730" s="12"/>
    </row>
    <row r="115731" spans="8:8">
      <c r="H115731" s="12"/>
    </row>
    <row r="115732" spans="8:8">
      <c r="H115732" s="12"/>
    </row>
    <row r="115733" spans="8:8">
      <c r="H115733" s="12"/>
    </row>
    <row r="115734" spans="8:8">
      <c r="H115734" s="12"/>
    </row>
    <row r="115735" spans="8:8">
      <c r="H115735" s="12"/>
    </row>
    <row r="115736" spans="8:8">
      <c r="H115736" s="12"/>
    </row>
    <row r="115737" spans="8:8">
      <c r="H115737" s="12"/>
    </row>
    <row r="115738" spans="8:8">
      <c r="H115738" s="12"/>
    </row>
    <row r="115739" spans="8:8">
      <c r="H115739" s="12"/>
    </row>
    <row r="115740" spans="8:8">
      <c r="H115740" s="12"/>
    </row>
    <row r="115741" spans="8:8">
      <c r="H115741" s="12"/>
    </row>
    <row r="115742" spans="8:8">
      <c r="H115742" s="12"/>
    </row>
    <row r="115743" spans="8:8">
      <c r="H115743" s="12"/>
    </row>
    <row r="115744" spans="8:8">
      <c r="H115744" s="12"/>
    </row>
    <row r="115745" spans="8:8">
      <c r="H115745" s="12"/>
    </row>
    <row r="115746" spans="8:8">
      <c r="H115746" s="12"/>
    </row>
    <row r="115747" spans="8:8">
      <c r="H115747" s="12"/>
    </row>
    <row r="115748" spans="8:8">
      <c r="H115748" s="12"/>
    </row>
    <row r="115749" spans="8:8">
      <c r="H115749" s="12"/>
    </row>
    <row r="115750" spans="8:8">
      <c r="H115750" s="12"/>
    </row>
    <row r="115751" spans="8:8">
      <c r="H115751" s="12"/>
    </row>
    <row r="115752" spans="8:8">
      <c r="H115752" s="12"/>
    </row>
    <row r="115753" spans="8:8">
      <c r="H115753" s="12"/>
    </row>
    <row r="115754" spans="8:8">
      <c r="H115754" s="12"/>
    </row>
    <row r="115755" spans="8:8">
      <c r="H115755" s="12"/>
    </row>
    <row r="115756" spans="8:8">
      <c r="H115756" s="12"/>
    </row>
    <row r="115757" spans="8:8">
      <c r="H115757" s="12"/>
    </row>
    <row r="115758" spans="8:8">
      <c r="H115758" s="12"/>
    </row>
    <row r="115759" spans="8:8">
      <c r="H115759" s="12"/>
    </row>
    <row r="115760" spans="8:8">
      <c r="H115760" s="12"/>
    </row>
    <row r="115761" spans="8:8">
      <c r="H115761" s="12"/>
    </row>
    <row r="115762" spans="8:8">
      <c r="H115762" s="12"/>
    </row>
    <row r="115763" spans="8:8">
      <c r="H115763" s="12"/>
    </row>
    <row r="115764" spans="8:8">
      <c r="H115764" s="12"/>
    </row>
    <row r="115765" spans="8:8">
      <c r="H115765" s="12"/>
    </row>
    <row r="115766" spans="8:8">
      <c r="H115766" s="12"/>
    </row>
    <row r="115767" spans="8:8">
      <c r="H115767" s="12"/>
    </row>
    <row r="115768" spans="8:8">
      <c r="H115768" s="12"/>
    </row>
    <row r="115769" spans="8:8">
      <c r="H115769" s="12"/>
    </row>
    <row r="115770" spans="8:8">
      <c r="H115770" s="12"/>
    </row>
    <row r="115771" spans="8:8">
      <c r="H115771" s="12"/>
    </row>
    <row r="115772" spans="8:8">
      <c r="H115772" s="12"/>
    </row>
    <row r="115773" spans="8:8">
      <c r="H115773" s="12"/>
    </row>
    <row r="115774" spans="8:8">
      <c r="H115774" s="12"/>
    </row>
    <row r="115775" spans="8:8">
      <c r="H115775" s="12"/>
    </row>
    <row r="115776" spans="8:8">
      <c r="H115776" s="12"/>
    </row>
    <row r="115777" spans="8:8">
      <c r="H115777" s="12"/>
    </row>
    <row r="115778" spans="8:8">
      <c r="H115778" s="12"/>
    </row>
    <row r="115779" spans="8:8">
      <c r="H115779" s="12"/>
    </row>
    <row r="115780" spans="8:8">
      <c r="H115780" s="12"/>
    </row>
    <row r="115781" spans="8:8">
      <c r="H115781" s="12"/>
    </row>
    <row r="115782" spans="8:8">
      <c r="H115782" s="12"/>
    </row>
    <row r="115783" spans="8:8">
      <c r="H115783" s="12"/>
    </row>
    <row r="115784" spans="8:8">
      <c r="H115784" s="12"/>
    </row>
    <row r="115785" spans="8:8">
      <c r="H115785" s="12"/>
    </row>
    <row r="115786" spans="8:8">
      <c r="H115786" s="12"/>
    </row>
    <row r="115787" spans="8:8">
      <c r="H115787" s="12"/>
    </row>
    <row r="115788" spans="8:8">
      <c r="H115788" s="12"/>
    </row>
    <row r="115789" spans="8:8">
      <c r="H115789" s="12"/>
    </row>
    <row r="115790" spans="8:8">
      <c r="H115790" s="12"/>
    </row>
    <row r="115791" spans="8:8">
      <c r="H115791" s="12"/>
    </row>
    <row r="115792" spans="8:8">
      <c r="H115792" s="12"/>
    </row>
    <row r="115793" spans="8:8">
      <c r="H115793" s="12"/>
    </row>
    <row r="115794" spans="8:8">
      <c r="H115794" s="12"/>
    </row>
    <row r="115795" spans="8:8">
      <c r="H115795" s="12"/>
    </row>
    <row r="115796" spans="8:8">
      <c r="H115796" s="12"/>
    </row>
    <row r="115797" spans="8:8">
      <c r="H115797" s="12"/>
    </row>
    <row r="115798" spans="8:8">
      <c r="H115798" s="12"/>
    </row>
    <row r="115799" spans="8:8">
      <c r="H115799" s="12"/>
    </row>
    <row r="115800" spans="8:8">
      <c r="H115800" s="12"/>
    </row>
    <row r="115801" spans="8:8">
      <c r="H115801" s="12"/>
    </row>
    <row r="115802" spans="8:8">
      <c r="H115802" s="12"/>
    </row>
    <row r="115803" spans="8:8">
      <c r="H115803" s="12"/>
    </row>
    <row r="115804" spans="8:8">
      <c r="H115804" s="12"/>
    </row>
    <row r="115805" spans="8:8">
      <c r="H115805" s="12"/>
    </row>
    <row r="115806" spans="8:8">
      <c r="H115806" s="12"/>
    </row>
    <row r="115807" spans="8:8">
      <c r="H115807" s="12"/>
    </row>
    <row r="115808" spans="8:8">
      <c r="H115808" s="12"/>
    </row>
    <row r="115809" spans="8:8">
      <c r="H115809" s="12"/>
    </row>
    <row r="115810" spans="8:8">
      <c r="H115810" s="12"/>
    </row>
    <row r="115811" spans="8:8">
      <c r="H115811" s="12"/>
    </row>
    <row r="115812" spans="8:8">
      <c r="H115812" s="12"/>
    </row>
    <row r="115813" spans="8:8">
      <c r="H115813" s="12"/>
    </row>
    <row r="115814" spans="8:8">
      <c r="H115814" s="12"/>
    </row>
    <row r="115815" spans="8:8">
      <c r="H115815" s="12"/>
    </row>
    <row r="115816" spans="8:8">
      <c r="H115816" s="12"/>
    </row>
    <row r="115817" spans="8:8">
      <c r="H115817" s="12"/>
    </row>
    <row r="115818" spans="8:8">
      <c r="H115818" s="12"/>
    </row>
    <row r="115819" spans="8:8">
      <c r="H115819" s="12"/>
    </row>
    <row r="115820" spans="8:8">
      <c r="H115820" s="12"/>
    </row>
    <row r="115821" spans="8:8">
      <c r="H115821" s="12"/>
    </row>
    <row r="115822" spans="8:8">
      <c r="H115822" s="12"/>
    </row>
    <row r="115823" spans="8:8">
      <c r="H115823" s="12"/>
    </row>
    <row r="115824" spans="8:8">
      <c r="H115824" s="12"/>
    </row>
    <row r="115825" spans="8:8">
      <c r="H115825" s="12"/>
    </row>
    <row r="115826" spans="8:8">
      <c r="H115826" s="12"/>
    </row>
    <row r="115827" spans="8:8">
      <c r="H115827" s="12"/>
    </row>
    <row r="115828" spans="8:8">
      <c r="H115828" s="12"/>
    </row>
    <row r="115829" spans="8:8">
      <c r="H115829" s="12"/>
    </row>
    <row r="115830" spans="8:8">
      <c r="H115830" s="12"/>
    </row>
    <row r="115831" spans="8:8">
      <c r="H115831" s="12"/>
    </row>
    <row r="115832" spans="8:8">
      <c r="H115832" s="12"/>
    </row>
    <row r="115833" spans="8:8">
      <c r="H115833" s="12"/>
    </row>
    <row r="115834" spans="8:8">
      <c r="H115834" s="12"/>
    </row>
    <row r="115835" spans="8:8">
      <c r="H115835" s="12"/>
    </row>
    <row r="115836" spans="8:8">
      <c r="H115836" s="12"/>
    </row>
    <row r="115837" spans="8:8">
      <c r="H115837" s="12"/>
    </row>
    <row r="115838" spans="8:8">
      <c r="H115838" s="12"/>
    </row>
    <row r="115839" spans="8:8">
      <c r="H115839" s="12"/>
    </row>
    <row r="115840" spans="8:8">
      <c r="H115840" s="12"/>
    </row>
    <row r="115841" spans="8:8">
      <c r="H115841" s="12"/>
    </row>
    <row r="115842" spans="8:8">
      <c r="H115842" s="12"/>
    </row>
    <row r="115843" spans="8:8">
      <c r="H115843" s="12"/>
    </row>
    <row r="115844" spans="8:8">
      <c r="H115844" s="12"/>
    </row>
    <row r="115845" spans="8:8">
      <c r="H115845" s="12"/>
    </row>
    <row r="115846" spans="8:8">
      <c r="H115846" s="12"/>
    </row>
    <row r="115847" spans="8:8">
      <c r="H115847" s="12"/>
    </row>
    <row r="115848" spans="8:8">
      <c r="H115848" s="12"/>
    </row>
    <row r="115849" spans="8:8">
      <c r="H115849" s="12"/>
    </row>
    <row r="115850" spans="8:8">
      <c r="H115850" s="12"/>
    </row>
    <row r="115851" spans="8:8">
      <c r="H115851" s="12"/>
    </row>
    <row r="115852" spans="8:8">
      <c r="H115852" s="12"/>
    </row>
    <row r="115853" spans="8:8">
      <c r="H115853" s="12"/>
    </row>
    <row r="115854" spans="8:8">
      <c r="H115854" s="12"/>
    </row>
    <row r="115855" spans="8:8">
      <c r="H115855" s="12"/>
    </row>
    <row r="115856" spans="8:8">
      <c r="H115856" s="12"/>
    </row>
    <row r="115857" spans="8:8">
      <c r="H115857" s="12"/>
    </row>
    <row r="115858" spans="8:8">
      <c r="H115858" s="12"/>
    </row>
    <row r="115859" spans="8:8">
      <c r="H115859" s="12"/>
    </row>
    <row r="115860" spans="8:8">
      <c r="H115860" s="12"/>
    </row>
    <row r="115861" spans="8:8">
      <c r="H115861" s="12"/>
    </row>
    <row r="115862" spans="8:8">
      <c r="H115862" s="12"/>
    </row>
    <row r="115863" spans="8:8">
      <c r="H115863" s="12"/>
    </row>
    <row r="115864" spans="8:8">
      <c r="H115864" s="12"/>
    </row>
    <row r="115865" spans="8:8">
      <c r="H115865" s="12"/>
    </row>
    <row r="115866" spans="8:8">
      <c r="H115866" s="12"/>
    </row>
    <row r="115867" spans="8:8">
      <c r="H115867" s="12"/>
    </row>
    <row r="115868" spans="8:8">
      <c r="H115868" s="12"/>
    </row>
    <row r="115869" spans="8:8">
      <c r="H115869" s="12"/>
    </row>
    <row r="115870" spans="8:8">
      <c r="H115870" s="12"/>
    </row>
    <row r="115871" spans="8:8">
      <c r="H115871" s="12"/>
    </row>
    <row r="115872" spans="8:8">
      <c r="H115872" s="12"/>
    </row>
    <row r="115873" spans="8:8">
      <c r="H115873" s="12"/>
    </row>
    <row r="115874" spans="8:8">
      <c r="H115874" s="12"/>
    </row>
    <row r="115875" spans="8:8">
      <c r="H115875" s="12"/>
    </row>
    <row r="115876" spans="8:8">
      <c r="H115876" s="12"/>
    </row>
    <row r="115877" spans="8:8">
      <c r="H115877" s="12"/>
    </row>
    <row r="115878" spans="8:8">
      <c r="H115878" s="12"/>
    </row>
    <row r="115879" spans="8:8">
      <c r="H115879" s="12"/>
    </row>
    <row r="115880" spans="8:8">
      <c r="H115880" s="12"/>
    </row>
    <row r="115881" spans="8:8">
      <c r="H115881" s="12"/>
    </row>
    <row r="115882" spans="8:8">
      <c r="H115882" s="12"/>
    </row>
    <row r="115883" spans="8:8">
      <c r="H115883" s="12"/>
    </row>
    <row r="115884" spans="8:8">
      <c r="H115884" s="12"/>
    </row>
    <row r="115885" spans="8:8">
      <c r="H115885" s="12"/>
    </row>
    <row r="115886" spans="8:8">
      <c r="H115886" s="12"/>
    </row>
    <row r="115887" spans="8:8">
      <c r="H115887" s="12"/>
    </row>
    <row r="115888" spans="8:8">
      <c r="H115888" s="12"/>
    </row>
    <row r="115889" spans="8:8">
      <c r="H115889" s="12"/>
    </row>
    <row r="115890" spans="8:8">
      <c r="H115890" s="12"/>
    </row>
    <row r="115891" spans="8:8">
      <c r="H115891" s="12"/>
    </row>
    <row r="115892" spans="8:8">
      <c r="H115892" s="12"/>
    </row>
    <row r="115893" spans="8:8">
      <c r="H115893" s="12"/>
    </row>
    <row r="115894" spans="8:8">
      <c r="H115894" s="12"/>
    </row>
    <row r="115895" spans="8:8">
      <c r="H115895" s="12"/>
    </row>
    <row r="115896" spans="8:8">
      <c r="H115896" s="12"/>
    </row>
    <row r="115897" spans="8:8">
      <c r="H115897" s="12"/>
    </row>
    <row r="115898" spans="8:8">
      <c r="H115898" s="12"/>
    </row>
    <row r="115899" spans="8:8">
      <c r="H115899" s="12"/>
    </row>
    <row r="115900" spans="8:8">
      <c r="H115900" s="12"/>
    </row>
    <row r="115901" spans="8:8">
      <c r="H115901" s="12"/>
    </row>
    <row r="115902" spans="8:8">
      <c r="H115902" s="12"/>
    </row>
    <row r="115903" spans="8:8">
      <c r="H115903" s="12"/>
    </row>
    <row r="115904" spans="8:8">
      <c r="H115904" s="12"/>
    </row>
    <row r="115905" spans="8:8">
      <c r="H115905" s="12"/>
    </row>
    <row r="115906" spans="8:8">
      <c r="H115906" s="12"/>
    </row>
    <row r="115907" spans="8:8">
      <c r="H115907" s="12"/>
    </row>
    <row r="115908" spans="8:8">
      <c r="H115908" s="12"/>
    </row>
    <row r="115909" spans="8:8">
      <c r="H115909" s="12"/>
    </row>
    <row r="115910" spans="8:8">
      <c r="H115910" s="12"/>
    </row>
    <row r="115911" spans="8:8">
      <c r="H115911" s="12"/>
    </row>
    <row r="115912" spans="8:8">
      <c r="H115912" s="12"/>
    </row>
    <row r="115913" spans="8:8">
      <c r="H115913" s="12"/>
    </row>
    <row r="115914" spans="8:8">
      <c r="H115914" s="12"/>
    </row>
    <row r="115915" spans="8:8">
      <c r="H115915" s="12"/>
    </row>
    <row r="115916" spans="8:8">
      <c r="H115916" s="12"/>
    </row>
    <row r="115917" spans="8:8">
      <c r="H115917" s="12"/>
    </row>
    <row r="115918" spans="8:8">
      <c r="H115918" s="12"/>
    </row>
    <row r="115919" spans="8:8">
      <c r="H115919" s="12"/>
    </row>
    <row r="115920" spans="8:8">
      <c r="H115920" s="12"/>
    </row>
    <row r="115921" spans="8:8">
      <c r="H115921" s="12"/>
    </row>
    <row r="115922" spans="8:8">
      <c r="H115922" s="12"/>
    </row>
    <row r="115923" spans="8:8">
      <c r="H115923" s="12"/>
    </row>
    <row r="115924" spans="8:8">
      <c r="H115924" s="12"/>
    </row>
    <row r="115925" spans="8:8">
      <c r="H115925" s="12"/>
    </row>
    <row r="115926" spans="8:8">
      <c r="H115926" s="12"/>
    </row>
    <row r="115927" spans="8:8">
      <c r="H115927" s="12"/>
    </row>
    <row r="115928" spans="8:8">
      <c r="H115928" s="12"/>
    </row>
    <row r="115929" spans="8:8">
      <c r="H115929" s="12"/>
    </row>
    <row r="115930" spans="8:8">
      <c r="H115930" s="12"/>
    </row>
    <row r="115931" spans="8:8">
      <c r="H115931" s="12"/>
    </row>
    <row r="115932" spans="8:8">
      <c r="H115932" s="12"/>
    </row>
    <row r="115933" spans="8:8">
      <c r="H115933" s="12"/>
    </row>
    <row r="115934" spans="8:8">
      <c r="H115934" s="12"/>
    </row>
    <row r="115935" spans="8:8">
      <c r="H115935" s="12"/>
    </row>
    <row r="115936" spans="8:8">
      <c r="H115936" s="12"/>
    </row>
    <row r="115937" spans="8:8">
      <c r="H115937" s="12"/>
    </row>
    <row r="115938" spans="8:8">
      <c r="H115938" s="12"/>
    </row>
    <row r="115939" spans="8:8">
      <c r="H115939" s="12"/>
    </row>
    <row r="115940" spans="8:8">
      <c r="H115940" s="12"/>
    </row>
    <row r="115941" spans="8:8">
      <c r="H115941" s="12"/>
    </row>
    <row r="115942" spans="8:8">
      <c r="H115942" s="12"/>
    </row>
    <row r="115943" spans="8:8">
      <c r="H115943" s="12"/>
    </row>
    <row r="115944" spans="8:8">
      <c r="H115944" s="12"/>
    </row>
    <row r="115945" spans="8:8">
      <c r="H115945" s="12"/>
    </row>
    <row r="115946" spans="8:8">
      <c r="H115946" s="12"/>
    </row>
    <row r="115947" spans="8:8">
      <c r="H115947" s="12"/>
    </row>
    <row r="115948" spans="8:8">
      <c r="H115948" s="12"/>
    </row>
    <row r="115949" spans="8:8">
      <c r="H115949" s="12"/>
    </row>
    <row r="115950" spans="8:8">
      <c r="H115950" s="12"/>
    </row>
    <row r="115951" spans="8:8">
      <c r="H115951" s="12"/>
    </row>
    <row r="115952" spans="8:8">
      <c r="H115952" s="12"/>
    </row>
    <row r="115953" spans="8:8">
      <c r="H115953" s="12"/>
    </row>
    <row r="115954" spans="8:8">
      <c r="H115954" s="12"/>
    </row>
    <row r="115955" spans="8:8">
      <c r="H115955" s="12"/>
    </row>
    <row r="115956" spans="8:8">
      <c r="H115956" s="12"/>
    </row>
    <row r="115957" spans="8:8">
      <c r="H115957" s="12"/>
    </row>
    <row r="115958" spans="8:8">
      <c r="H115958" s="12"/>
    </row>
    <row r="115959" spans="8:8">
      <c r="H115959" s="12"/>
    </row>
    <row r="115960" spans="8:8">
      <c r="H115960" s="12"/>
    </row>
    <row r="115961" spans="8:8">
      <c r="H115961" s="12"/>
    </row>
    <row r="115962" spans="8:8">
      <c r="H115962" s="12"/>
    </row>
    <row r="115963" spans="8:8">
      <c r="H115963" s="12"/>
    </row>
    <row r="115964" spans="8:8">
      <c r="H115964" s="12"/>
    </row>
    <row r="115965" spans="8:8">
      <c r="H115965" s="12"/>
    </row>
    <row r="115966" spans="8:8">
      <c r="H115966" s="12"/>
    </row>
    <row r="115967" spans="8:8">
      <c r="H115967" s="12"/>
    </row>
    <row r="115968" spans="8:8">
      <c r="H115968" s="12"/>
    </row>
    <row r="115969" spans="8:8">
      <c r="H115969" s="12"/>
    </row>
    <row r="115970" spans="8:8">
      <c r="H115970" s="12"/>
    </row>
    <row r="115971" spans="8:8">
      <c r="H115971" s="12"/>
    </row>
    <row r="115972" spans="8:8">
      <c r="H115972" s="12"/>
    </row>
    <row r="115973" spans="8:8">
      <c r="H115973" s="12"/>
    </row>
    <row r="115974" spans="8:8">
      <c r="H115974" s="12"/>
    </row>
    <row r="115975" spans="8:8">
      <c r="H115975" s="12"/>
    </row>
    <row r="115976" spans="8:8">
      <c r="H115976" s="12"/>
    </row>
    <row r="115977" spans="8:8">
      <c r="H115977" s="12"/>
    </row>
    <row r="115978" spans="8:8">
      <c r="H115978" s="12"/>
    </row>
    <row r="115979" spans="8:8">
      <c r="H115979" s="12"/>
    </row>
    <row r="115980" spans="8:8">
      <c r="H115980" s="12"/>
    </row>
    <row r="115981" spans="8:8">
      <c r="H115981" s="12"/>
    </row>
    <row r="115982" spans="8:8">
      <c r="H115982" s="12"/>
    </row>
    <row r="115983" spans="8:8">
      <c r="H115983" s="12"/>
    </row>
    <row r="115984" spans="8:8">
      <c r="H115984" s="12"/>
    </row>
    <row r="115985" spans="8:8">
      <c r="H115985" s="12"/>
    </row>
    <row r="115986" spans="8:8">
      <c r="H115986" s="12"/>
    </row>
    <row r="115987" spans="8:8">
      <c r="H115987" s="12"/>
    </row>
    <row r="115988" spans="8:8">
      <c r="H115988" s="12"/>
    </row>
    <row r="115989" spans="8:8">
      <c r="H115989" s="12"/>
    </row>
    <row r="115990" spans="8:8">
      <c r="H115990" s="12"/>
    </row>
    <row r="115991" spans="8:8">
      <c r="H115991" s="12"/>
    </row>
    <row r="115992" spans="8:8">
      <c r="H115992" s="12"/>
    </row>
    <row r="115993" spans="8:8">
      <c r="H115993" s="12"/>
    </row>
    <row r="115994" spans="8:8">
      <c r="H115994" s="12"/>
    </row>
    <row r="115995" spans="8:8">
      <c r="H115995" s="12"/>
    </row>
    <row r="115996" spans="8:8">
      <c r="H115996" s="12"/>
    </row>
    <row r="115997" spans="8:8">
      <c r="H115997" s="12"/>
    </row>
    <row r="115998" spans="8:8">
      <c r="H115998" s="12"/>
    </row>
    <row r="115999" spans="8:8">
      <c r="H115999" s="12"/>
    </row>
    <row r="116000" spans="8:8">
      <c r="H116000" s="12"/>
    </row>
    <row r="116001" spans="8:8">
      <c r="H116001" s="12"/>
    </row>
    <row r="116002" spans="8:8">
      <c r="H116002" s="12"/>
    </row>
    <row r="116003" spans="8:8">
      <c r="H116003" s="12"/>
    </row>
    <row r="116004" spans="8:8">
      <c r="H116004" s="12"/>
    </row>
    <row r="116005" spans="8:8">
      <c r="H116005" s="12"/>
    </row>
    <row r="116006" spans="8:8">
      <c r="H116006" s="12"/>
    </row>
    <row r="116007" spans="8:8">
      <c r="H116007" s="12"/>
    </row>
    <row r="116008" spans="8:8">
      <c r="H116008" s="12"/>
    </row>
    <row r="116009" spans="8:8">
      <c r="H116009" s="12"/>
    </row>
    <row r="116010" spans="8:8">
      <c r="H116010" s="12"/>
    </row>
    <row r="116011" spans="8:8">
      <c r="H116011" s="12"/>
    </row>
    <row r="116012" spans="8:8">
      <c r="H116012" s="12"/>
    </row>
    <row r="116013" spans="8:8">
      <c r="H116013" s="12"/>
    </row>
    <row r="116014" spans="8:8">
      <c r="H116014" s="12"/>
    </row>
    <row r="116015" spans="8:8">
      <c r="H116015" s="12"/>
    </row>
    <row r="116016" spans="8:8">
      <c r="H116016" s="12"/>
    </row>
    <row r="116017" spans="8:8">
      <c r="H116017" s="12"/>
    </row>
    <row r="116018" spans="8:8">
      <c r="H116018" s="12"/>
    </row>
    <row r="116019" spans="8:8">
      <c r="H116019" s="12"/>
    </row>
    <row r="116020" spans="8:8">
      <c r="H116020" s="12"/>
    </row>
    <row r="116021" spans="8:8">
      <c r="H116021" s="12"/>
    </row>
    <row r="116022" spans="8:8">
      <c r="H116022" s="12"/>
    </row>
    <row r="116023" spans="8:8">
      <c r="H116023" s="12"/>
    </row>
    <row r="116024" spans="8:8">
      <c r="H116024" s="12"/>
    </row>
    <row r="116025" spans="8:8">
      <c r="H116025" s="12"/>
    </row>
    <row r="116026" spans="8:8">
      <c r="H116026" s="12"/>
    </row>
    <row r="116027" spans="8:8">
      <c r="H116027" s="12"/>
    </row>
    <row r="116028" spans="8:8">
      <c r="H116028" s="12"/>
    </row>
    <row r="116029" spans="8:8">
      <c r="H116029" s="12"/>
    </row>
    <row r="116030" spans="8:8">
      <c r="H116030" s="12"/>
    </row>
    <row r="116031" spans="8:8">
      <c r="H116031" s="12"/>
    </row>
    <row r="116032" spans="8:8">
      <c r="H116032" s="12"/>
    </row>
    <row r="116033" spans="8:8">
      <c r="H116033" s="12"/>
    </row>
    <row r="116034" spans="8:8">
      <c r="H116034" s="12"/>
    </row>
    <row r="116035" spans="8:8">
      <c r="H116035" s="12"/>
    </row>
    <row r="116036" spans="8:8">
      <c r="H116036" s="12"/>
    </row>
    <row r="116037" spans="8:8">
      <c r="H116037" s="12"/>
    </row>
    <row r="116038" spans="8:8">
      <c r="H116038" s="12"/>
    </row>
    <row r="116039" spans="8:8">
      <c r="H116039" s="12"/>
    </row>
    <row r="116040" spans="8:8">
      <c r="H116040" s="12"/>
    </row>
    <row r="116041" spans="8:8">
      <c r="H116041" s="12"/>
    </row>
    <row r="116042" spans="8:8">
      <c r="H116042" s="12"/>
    </row>
    <row r="116043" spans="8:8">
      <c r="H116043" s="12"/>
    </row>
    <row r="116044" spans="8:8">
      <c r="H116044" s="12"/>
    </row>
    <row r="116045" spans="8:8">
      <c r="H116045" s="12"/>
    </row>
    <row r="116046" spans="8:8">
      <c r="H116046" s="12"/>
    </row>
    <row r="116047" spans="8:8">
      <c r="H116047" s="12"/>
    </row>
    <row r="116048" spans="8:8">
      <c r="H116048" s="12"/>
    </row>
    <row r="116049" spans="8:8">
      <c r="H116049" s="12"/>
    </row>
    <row r="116050" spans="8:8">
      <c r="H116050" s="12"/>
    </row>
    <row r="116051" spans="8:8">
      <c r="H116051" s="12"/>
    </row>
    <row r="116052" spans="8:8">
      <c r="H116052" s="12"/>
    </row>
    <row r="116053" spans="8:8">
      <c r="H116053" s="12"/>
    </row>
    <row r="116054" spans="8:8">
      <c r="H116054" s="12"/>
    </row>
    <row r="116055" spans="8:8">
      <c r="H116055" s="12"/>
    </row>
    <row r="116056" spans="8:8">
      <c r="H116056" s="12"/>
    </row>
    <row r="116057" spans="8:8">
      <c r="H116057" s="12"/>
    </row>
    <row r="116058" spans="8:8">
      <c r="H116058" s="12"/>
    </row>
    <row r="116059" spans="8:8">
      <c r="H116059" s="12"/>
    </row>
    <row r="116060" spans="8:8">
      <c r="H116060" s="12"/>
    </row>
    <row r="116061" spans="8:8">
      <c r="H116061" s="12"/>
    </row>
    <row r="116062" spans="8:8">
      <c r="H116062" s="12"/>
    </row>
    <row r="116063" spans="8:8">
      <c r="H116063" s="12"/>
    </row>
    <row r="116064" spans="8:8">
      <c r="H116064" s="12"/>
    </row>
    <row r="116065" spans="8:8">
      <c r="H116065" s="12"/>
    </row>
    <row r="116066" spans="8:8">
      <c r="H116066" s="12"/>
    </row>
    <row r="116067" spans="8:8">
      <c r="H116067" s="12"/>
    </row>
    <row r="116068" spans="8:8">
      <c r="H116068" s="12"/>
    </row>
    <row r="116069" spans="8:8">
      <c r="H116069" s="12"/>
    </row>
    <row r="116070" spans="8:8">
      <c r="H116070" s="12"/>
    </row>
    <row r="116071" spans="8:8">
      <c r="H116071" s="12"/>
    </row>
    <row r="116072" spans="8:8">
      <c r="H116072" s="12"/>
    </row>
    <row r="116073" spans="8:8">
      <c r="H116073" s="12"/>
    </row>
    <row r="116074" spans="8:8">
      <c r="H116074" s="12"/>
    </row>
    <row r="116075" spans="8:8">
      <c r="H116075" s="12"/>
    </row>
    <row r="116076" spans="8:8">
      <c r="H116076" s="12"/>
    </row>
    <row r="116077" spans="8:8">
      <c r="H116077" s="12"/>
    </row>
    <row r="116078" spans="8:8">
      <c r="H116078" s="12"/>
    </row>
    <row r="116079" spans="8:8">
      <c r="H116079" s="12"/>
    </row>
    <row r="116080" spans="8:8">
      <c r="H116080" s="12"/>
    </row>
    <row r="116081" spans="8:8">
      <c r="H116081" s="12"/>
    </row>
    <row r="116082" spans="8:8">
      <c r="H116082" s="12"/>
    </row>
    <row r="116083" spans="8:8">
      <c r="H116083" s="12"/>
    </row>
    <row r="116084" spans="8:8">
      <c r="H116084" s="12"/>
    </row>
    <row r="116085" spans="8:8">
      <c r="H116085" s="12"/>
    </row>
    <row r="116086" spans="8:8">
      <c r="H116086" s="12"/>
    </row>
    <row r="116087" spans="8:8">
      <c r="H116087" s="12"/>
    </row>
    <row r="116088" spans="8:8">
      <c r="H116088" s="12"/>
    </row>
    <row r="116089" spans="8:8">
      <c r="H116089" s="12"/>
    </row>
    <row r="116090" spans="8:8">
      <c r="H116090" s="12"/>
    </row>
    <row r="116091" spans="8:8">
      <c r="H116091" s="12"/>
    </row>
    <row r="116092" spans="8:8">
      <c r="H116092" s="12"/>
    </row>
    <row r="116093" spans="8:8">
      <c r="H116093" s="12"/>
    </row>
    <row r="116094" spans="8:8">
      <c r="H116094" s="12"/>
    </row>
    <row r="116095" spans="8:8">
      <c r="H116095" s="12"/>
    </row>
    <row r="116096" spans="8:8">
      <c r="H116096" s="12"/>
    </row>
    <row r="116097" spans="8:8">
      <c r="H116097" s="12"/>
    </row>
    <row r="116098" spans="8:8">
      <c r="H116098" s="12"/>
    </row>
    <row r="116099" spans="8:8">
      <c r="H116099" s="12"/>
    </row>
    <row r="116100" spans="8:8">
      <c r="H116100" s="12"/>
    </row>
    <row r="116101" spans="8:8">
      <c r="H116101" s="12"/>
    </row>
    <row r="116102" spans="8:8">
      <c r="H116102" s="12"/>
    </row>
    <row r="116103" spans="8:8">
      <c r="H116103" s="12"/>
    </row>
    <row r="116104" spans="8:8">
      <c r="H116104" s="12"/>
    </row>
    <row r="116105" spans="8:8">
      <c r="H116105" s="12"/>
    </row>
    <row r="116106" spans="8:8">
      <c r="H116106" s="12"/>
    </row>
    <row r="116107" spans="8:8">
      <c r="H116107" s="12"/>
    </row>
    <row r="116108" spans="8:8">
      <c r="H116108" s="12"/>
    </row>
    <row r="116109" spans="8:8">
      <c r="H116109" s="12"/>
    </row>
    <row r="116110" spans="8:8">
      <c r="H116110" s="12"/>
    </row>
    <row r="116111" spans="8:8">
      <c r="H116111" s="12"/>
    </row>
    <row r="116112" spans="8:8">
      <c r="H116112" s="12"/>
    </row>
    <row r="116113" spans="8:8">
      <c r="H116113" s="12"/>
    </row>
    <row r="116114" spans="8:8">
      <c r="H116114" s="12"/>
    </row>
    <row r="116115" spans="8:8">
      <c r="H116115" s="12"/>
    </row>
    <row r="116116" spans="8:8">
      <c r="H116116" s="12"/>
    </row>
    <row r="116117" spans="8:8">
      <c r="H116117" s="12"/>
    </row>
    <row r="116118" spans="8:8">
      <c r="H116118" s="12"/>
    </row>
    <row r="116119" spans="8:8">
      <c r="H116119" s="12"/>
    </row>
    <row r="116120" spans="8:8">
      <c r="H116120" s="12"/>
    </row>
    <row r="116121" spans="8:8">
      <c r="H116121" s="12"/>
    </row>
    <row r="116122" spans="8:8">
      <c r="H116122" s="12"/>
    </row>
    <row r="116123" spans="8:8">
      <c r="H116123" s="12"/>
    </row>
    <row r="116124" spans="8:8">
      <c r="H116124" s="12"/>
    </row>
    <row r="116125" spans="8:8">
      <c r="H116125" s="12"/>
    </row>
    <row r="116126" spans="8:8">
      <c r="H116126" s="12"/>
    </row>
    <row r="116127" spans="8:8">
      <c r="H116127" s="12"/>
    </row>
    <row r="116128" spans="8:8">
      <c r="H116128" s="12"/>
    </row>
    <row r="116129" spans="8:8">
      <c r="H116129" s="12"/>
    </row>
    <row r="116130" spans="8:8">
      <c r="H116130" s="12"/>
    </row>
    <row r="116131" spans="8:8">
      <c r="H116131" s="12"/>
    </row>
    <row r="116132" spans="8:8">
      <c r="H116132" s="12"/>
    </row>
    <row r="116133" spans="8:8">
      <c r="H116133" s="12"/>
    </row>
    <row r="116134" spans="8:8">
      <c r="H116134" s="12"/>
    </row>
    <row r="116135" spans="8:8">
      <c r="H116135" s="12"/>
    </row>
    <row r="116136" spans="8:8">
      <c r="H116136" s="12"/>
    </row>
    <row r="116137" spans="8:8">
      <c r="H116137" s="12"/>
    </row>
    <row r="116138" spans="8:8">
      <c r="H116138" s="12"/>
    </row>
    <row r="116139" spans="8:8">
      <c r="H116139" s="12"/>
    </row>
    <row r="116140" spans="8:8">
      <c r="H116140" s="12"/>
    </row>
    <row r="116141" spans="8:8">
      <c r="H116141" s="12"/>
    </row>
    <row r="116142" spans="8:8">
      <c r="H116142" s="12"/>
    </row>
    <row r="116143" spans="8:8">
      <c r="H116143" s="12"/>
    </row>
    <row r="116144" spans="8:8">
      <c r="H116144" s="12"/>
    </row>
    <row r="116145" spans="8:8">
      <c r="H116145" s="12"/>
    </row>
    <row r="116146" spans="8:8">
      <c r="H116146" s="12"/>
    </row>
    <row r="116147" spans="8:8">
      <c r="H116147" s="12"/>
    </row>
    <row r="116148" spans="8:8">
      <c r="H116148" s="12"/>
    </row>
    <row r="116149" spans="8:8">
      <c r="H116149" s="12"/>
    </row>
    <row r="116150" spans="8:8">
      <c r="H116150" s="12"/>
    </row>
    <row r="116151" spans="8:8">
      <c r="H116151" s="12"/>
    </row>
    <row r="116152" spans="8:8">
      <c r="H116152" s="12"/>
    </row>
    <row r="116153" spans="8:8">
      <c r="H116153" s="12"/>
    </row>
    <row r="116154" spans="8:8">
      <c r="H116154" s="12"/>
    </row>
    <row r="116155" spans="8:8">
      <c r="H116155" s="12"/>
    </row>
    <row r="116156" spans="8:8">
      <c r="H116156" s="12"/>
    </row>
    <row r="116157" spans="8:8">
      <c r="H116157" s="12"/>
    </row>
    <row r="116158" spans="8:8">
      <c r="H116158" s="12"/>
    </row>
    <row r="116159" spans="8:8">
      <c r="H116159" s="12"/>
    </row>
    <row r="116160" spans="8:8">
      <c r="H116160" s="12"/>
    </row>
    <row r="116161" spans="8:8">
      <c r="H116161" s="12"/>
    </row>
    <row r="116162" spans="8:8">
      <c r="H116162" s="12"/>
    </row>
    <row r="116163" spans="8:8">
      <c r="H116163" s="12"/>
    </row>
    <row r="116164" spans="8:8">
      <c r="H116164" s="12"/>
    </row>
    <row r="116165" spans="8:8">
      <c r="H116165" s="12"/>
    </row>
    <row r="116166" spans="8:8">
      <c r="H116166" s="12"/>
    </row>
    <row r="116167" spans="8:8">
      <c r="H116167" s="12"/>
    </row>
    <row r="116168" spans="8:8">
      <c r="H116168" s="12"/>
    </row>
    <row r="116169" spans="8:8">
      <c r="H116169" s="12"/>
    </row>
    <row r="116170" spans="8:8">
      <c r="H116170" s="12"/>
    </row>
    <row r="116171" spans="8:8">
      <c r="H116171" s="12"/>
    </row>
    <row r="116172" spans="8:8">
      <c r="H116172" s="12"/>
    </row>
    <row r="116173" spans="8:8">
      <c r="H116173" s="12"/>
    </row>
    <row r="116174" spans="8:8">
      <c r="H116174" s="12"/>
    </row>
    <row r="116175" spans="8:8">
      <c r="H116175" s="12"/>
    </row>
    <row r="116176" spans="8:8">
      <c r="H116176" s="12"/>
    </row>
    <row r="116177" spans="8:8">
      <c r="H116177" s="12"/>
    </row>
    <row r="116178" spans="8:8">
      <c r="H116178" s="12"/>
    </row>
    <row r="116179" spans="8:8">
      <c r="H116179" s="12"/>
    </row>
    <row r="116180" spans="8:8">
      <c r="H116180" s="12"/>
    </row>
    <row r="116181" spans="8:8">
      <c r="H116181" s="12"/>
    </row>
    <row r="116182" spans="8:8">
      <c r="H116182" s="12"/>
    </row>
    <row r="116183" spans="8:8">
      <c r="H116183" s="12"/>
    </row>
    <row r="116184" spans="8:8">
      <c r="H116184" s="12"/>
    </row>
    <row r="116185" spans="8:8">
      <c r="H116185" s="12"/>
    </row>
    <row r="116186" spans="8:8">
      <c r="H116186" s="12"/>
    </row>
    <row r="116187" spans="8:8">
      <c r="H116187" s="12"/>
    </row>
    <row r="116188" spans="8:8">
      <c r="H116188" s="12"/>
    </row>
    <row r="116189" spans="8:8">
      <c r="H116189" s="12"/>
    </row>
    <row r="116190" spans="8:8">
      <c r="H116190" s="12"/>
    </row>
    <row r="116191" spans="8:8">
      <c r="H116191" s="12"/>
    </row>
    <row r="116192" spans="8:8">
      <c r="H116192" s="12"/>
    </row>
    <row r="116193" spans="8:8">
      <c r="H116193" s="12"/>
    </row>
    <row r="116194" spans="8:8">
      <c r="H116194" s="12"/>
    </row>
    <row r="116195" spans="8:8">
      <c r="H116195" s="12"/>
    </row>
    <row r="116196" spans="8:8">
      <c r="H116196" s="12"/>
    </row>
    <row r="116197" spans="8:8">
      <c r="H116197" s="12"/>
    </row>
    <row r="116198" spans="8:8">
      <c r="H116198" s="12"/>
    </row>
    <row r="116199" spans="8:8">
      <c r="H116199" s="12"/>
    </row>
    <row r="116200" spans="8:8">
      <c r="H116200" s="12"/>
    </row>
    <row r="116201" spans="8:8">
      <c r="H116201" s="12"/>
    </row>
    <row r="116202" spans="8:8">
      <c r="H116202" s="12"/>
    </row>
    <row r="116203" spans="8:8">
      <c r="H116203" s="12"/>
    </row>
    <row r="116204" spans="8:8">
      <c r="H116204" s="12"/>
    </row>
    <row r="116205" spans="8:8">
      <c r="H116205" s="12"/>
    </row>
    <row r="116206" spans="8:8">
      <c r="H116206" s="12"/>
    </row>
    <row r="116207" spans="8:8">
      <c r="H116207" s="12"/>
    </row>
    <row r="116208" spans="8:8">
      <c r="H116208" s="12"/>
    </row>
    <row r="116209" spans="8:8">
      <c r="H116209" s="12"/>
    </row>
    <row r="116210" spans="8:8">
      <c r="H116210" s="12"/>
    </row>
    <row r="116211" spans="8:8">
      <c r="H116211" s="12"/>
    </row>
    <row r="116212" spans="8:8">
      <c r="H116212" s="12"/>
    </row>
    <row r="116213" spans="8:8">
      <c r="H116213" s="12"/>
    </row>
    <row r="116214" spans="8:8">
      <c r="H116214" s="12"/>
    </row>
    <row r="116215" spans="8:8">
      <c r="H116215" s="12"/>
    </row>
    <row r="116216" spans="8:8">
      <c r="H116216" s="12"/>
    </row>
    <row r="116217" spans="8:8">
      <c r="H116217" s="12"/>
    </row>
    <row r="116218" spans="8:8">
      <c r="H116218" s="12"/>
    </row>
    <row r="116219" spans="8:8">
      <c r="H116219" s="12"/>
    </row>
    <row r="116220" spans="8:8">
      <c r="H116220" s="12"/>
    </row>
    <row r="116221" spans="8:8">
      <c r="H116221" s="12"/>
    </row>
    <row r="116222" spans="8:8">
      <c r="H116222" s="12"/>
    </row>
    <row r="116223" spans="8:8">
      <c r="H116223" s="12"/>
    </row>
    <row r="116224" spans="8:8">
      <c r="H116224" s="12"/>
    </row>
    <row r="116225" spans="8:8">
      <c r="H116225" s="12"/>
    </row>
    <row r="116226" spans="8:8">
      <c r="H116226" s="12"/>
    </row>
    <row r="116227" spans="8:8">
      <c r="H116227" s="12"/>
    </row>
    <row r="116228" spans="8:8">
      <c r="H116228" s="12"/>
    </row>
    <row r="116229" spans="8:8">
      <c r="H116229" s="12"/>
    </row>
    <row r="116230" spans="8:8">
      <c r="H116230" s="12"/>
    </row>
    <row r="116231" spans="8:8">
      <c r="H116231" s="12"/>
    </row>
    <row r="116232" spans="8:8">
      <c r="H116232" s="12"/>
    </row>
    <row r="116233" spans="8:8">
      <c r="H116233" s="12"/>
    </row>
    <row r="116234" spans="8:8">
      <c r="H116234" s="12"/>
    </row>
    <row r="116235" spans="8:8">
      <c r="H116235" s="12"/>
    </row>
    <row r="116236" spans="8:8">
      <c r="H116236" s="12"/>
    </row>
    <row r="116237" spans="8:8">
      <c r="H116237" s="12"/>
    </row>
    <row r="116238" spans="8:8">
      <c r="H116238" s="12"/>
    </row>
    <row r="116239" spans="8:8">
      <c r="H116239" s="12"/>
    </row>
    <row r="116240" spans="8:8">
      <c r="H116240" s="12"/>
    </row>
    <row r="116241" spans="8:8">
      <c r="H116241" s="12"/>
    </row>
    <row r="116242" spans="8:8">
      <c r="H116242" s="12"/>
    </row>
    <row r="116243" spans="8:8">
      <c r="H116243" s="12"/>
    </row>
    <row r="116244" spans="8:8">
      <c r="H116244" s="12"/>
    </row>
    <row r="116245" spans="8:8">
      <c r="H116245" s="12"/>
    </row>
    <row r="116246" spans="8:8">
      <c r="H116246" s="12"/>
    </row>
    <row r="116247" spans="8:8">
      <c r="H116247" s="12"/>
    </row>
    <row r="116248" spans="8:8">
      <c r="H116248" s="12"/>
    </row>
    <row r="116249" spans="8:8">
      <c r="H116249" s="12"/>
    </row>
    <row r="116250" spans="8:8">
      <c r="H116250" s="12"/>
    </row>
    <row r="116251" spans="8:8">
      <c r="H116251" s="12"/>
    </row>
    <row r="116252" spans="8:8">
      <c r="H116252" s="12"/>
    </row>
    <row r="116253" spans="8:8">
      <c r="H116253" s="12"/>
    </row>
    <row r="116254" spans="8:8">
      <c r="H116254" s="12"/>
    </row>
    <row r="116255" spans="8:8">
      <c r="H116255" s="12"/>
    </row>
    <row r="116256" spans="8:8">
      <c r="H116256" s="12"/>
    </row>
    <row r="116257" spans="8:8">
      <c r="H116257" s="12"/>
    </row>
    <row r="116258" spans="8:8">
      <c r="H116258" s="12"/>
    </row>
    <row r="116259" spans="8:8">
      <c r="H116259" s="12"/>
    </row>
    <row r="116260" spans="8:8">
      <c r="H116260" s="12"/>
    </row>
    <row r="116261" spans="8:8">
      <c r="H116261" s="12"/>
    </row>
    <row r="116262" spans="8:8">
      <c r="H116262" s="12"/>
    </row>
    <row r="116263" spans="8:8">
      <c r="H116263" s="12"/>
    </row>
    <row r="116264" spans="8:8">
      <c r="H116264" s="12"/>
    </row>
    <row r="116265" spans="8:8">
      <c r="H116265" s="12"/>
    </row>
    <row r="116266" spans="8:8">
      <c r="H116266" s="12"/>
    </row>
    <row r="116267" spans="8:8">
      <c r="H116267" s="12"/>
    </row>
    <row r="116268" spans="8:8">
      <c r="H116268" s="12"/>
    </row>
    <row r="116269" spans="8:8">
      <c r="H116269" s="12"/>
    </row>
    <row r="116270" spans="8:8">
      <c r="H116270" s="12"/>
    </row>
    <row r="116271" spans="8:8">
      <c r="H116271" s="12"/>
    </row>
    <row r="116272" spans="8:8">
      <c r="H116272" s="12"/>
    </row>
    <row r="116273" spans="8:8">
      <c r="H116273" s="12"/>
    </row>
    <row r="116274" spans="8:8">
      <c r="H116274" s="12"/>
    </row>
    <row r="116275" spans="8:8">
      <c r="H116275" s="12"/>
    </row>
    <row r="116276" spans="8:8">
      <c r="H116276" s="12"/>
    </row>
    <row r="116277" spans="8:8">
      <c r="H116277" s="12"/>
    </row>
    <row r="116278" spans="8:8">
      <c r="H116278" s="12"/>
    </row>
    <row r="116279" spans="8:8">
      <c r="H116279" s="12"/>
    </row>
    <row r="116280" spans="8:8">
      <c r="H116280" s="12"/>
    </row>
    <row r="116281" spans="8:8">
      <c r="H116281" s="12"/>
    </row>
    <row r="116282" spans="8:8">
      <c r="H116282" s="12"/>
    </row>
    <row r="116283" spans="8:8">
      <c r="H116283" s="12"/>
    </row>
    <row r="116284" spans="8:8">
      <c r="H116284" s="12"/>
    </row>
    <row r="116285" spans="8:8">
      <c r="H116285" s="12"/>
    </row>
    <row r="116286" spans="8:8">
      <c r="H116286" s="12"/>
    </row>
    <row r="116287" spans="8:8">
      <c r="H116287" s="12"/>
    </row>
    <row r="116288" spans="8:8">
      <c r="H116288" s="12"/>
    </row>
    <row r="116289" spans="8:8">
      <c r="H116289" s="12"/>
    </row>
    <row r="116290" spans="8:8">
      <c r="H116290" s="12"/>
    </row>
    <row r="116291" spans="8:8">
      <c r="H116291" s="12"/>
    </row>
    <row r="116292" spans="8:8">
      <c r="H116292" s="12"/>
    </row>
    <row r="116293" spans="8:8">
      <c r="H116293" s="12"/>
    </row>
    <row r="116294" spans="8:8">
      <c r="H116294" s="12"/>
    </row>
    <row r="116295" spans="8:8">
      <c r="H116295" s="12"/>
    </row>
    <row r="116296" spans="8:8">
      <c r="H116296" s="12"/>
    </row>
    <row r="116297" spans="8:8">
      <c r="H116297" s="12"/>
    </row>
    <row r="116298" spans="8:8">
      <c r="H116298" s="12"/>
    </row>
    <row r="116299" spans="8:8">
      <c r="H116299" s="12"/>
    </row>
    <row r="116300" spans="8:8">
      <c r="H116300" s="12"/>
    </row>
    <row r="116301" spans="8:8">
      <c r="H116301" s="12"/>
    </row>
    <row r="116302" spans="8:8">
      <c r="H116302" s="12"/>
    </row>
    <row r="116303" spans="8:8">
      <c r="H116303" s="12"/>
    </row>
    <row r="116304" spans="8:8">
      <c r="H116304" s="12"/>
    </row>
    <row r="116305" spans="8:8">
      <c r="H116305" s="12"/>
    </row>
    <row r="116306" spans="8:8">
      <c r="H116306" s="12"/>
    </row>
    <row r="116307" spans="8:8">
      <c r="H116307" s="12"/>
    </row>
    <row r="116308" spans="8:8">
      <c r="H116308" s="12"/>
    </row>
    <row r="116309" spans="8:8">
      <c r="H116309" s="12"/>
    </row>
    <row r="116310" spans="8:8">
      <c r="H116310" s="12"/>
    </row>
    <row r="116311" spans="8:8">
      <c r="H116311" s="12"/>
    </row>
    <row r="116312" spans="8:8">
      <c r="H116312" s="12"/>
    </row>
    <row r="116313" spans="8:8">
      <c r="H116313" s="12"/>
    </row>
    <row r="116314" spans="8:8">
      <c r="H116314" s="12"/>
    </row>
    <row r="116315" spans="8:8">
      <c r="H116315" s="12"/>
    </row>
    <row r="116316" spans="8:8">
      <c r="H116316" s="12"/>
    </row>
    <row r="116317" spans="8:8">
      <c r="H116317" s="12"/>
    </row>
    <row r="116318" spans="8:8">
      <c r="H116318" s="12"/>
    </row>
    <row r="116319" spans="8:8">
      <c r="H116319" s="12"/>
    </row>
    <row r="116320" spans="8:8">
      <c r="H116320" s="12"/>
    </row>
    <row r="116321" spans="8:8">
      <c r="H116321" s="12"/>
    </row>
    <row r="116322" spans="8:8">
      <c r="H116322" s="12"/>
    </row>
    <row r="116323" spans="8:8">
      <c r="H116323" s="12"/>
    </row>
    <row r="116324" spans="8:8">
      <c r="H116324" s="12"/>
    </row>
    <row r="116325" spans="8:8">
      <c r="H116325" s="12"/>
    </row>
    <row r="116326" spans="8:8">
      <c r="H116326" s="12"/>
    </row>
    <row r="116327" spans="8:8">
      <c r="H116327" s="12"/>
    </row>
    <row r="116328" spans="8:8">
      <c r="H116328" s="12"/>
    </row>
    <row r="116329" spans="8:8">
      <c r="H116329" s="12"/>
    </row>
    <row r="116330" spans="8:8">
      <c r="H116330" s="12"/>
    </row>
    <row r="116331" spans="8:8">
      <c r="H116331" s="12"/>
    </row>
    <row r="116332" spans="8:8">
      <c r="H116332" s="12"/>
    </row>
    <row r="116333" spans="8:8">
      <c r="H116333" s="12"/>
    </row>
    <row r="116334" spans="8:8">
      <c r="H116334" s="12"/>
    </row>
    <row r="116335" spans="8:8">
      <c r="H116335" s="12"/>
    </row>
    <row r="116336" spans="8:8">
      <c r="H116336" s="12"/>
    </row>
    <row r="116337" spans="8:8">
      <c r="H116337" s="12"/>
    </row>
    <row r="116338" spans="8:8">
      <c r="H116338" s="12"/>
    </row>
    <row r="116339" spans="8:8">
      <c r="H116339" s="12"/>
    </row>
    <row r="116340" spans="8:8">
      <c r="H116340" s="12"/>
    </row>
    <row r="116341" spans="8:8">
      <c r="H116341" s="12"/>
    </row>
    <row r="116342" spans="8:8">
      <c r="H116342" s="12"/>
    </row>
    <row r="116343" spans="8:8">
      <c r="H116343" s="12"/>
    </row>
    <row r="116344" spans="8:8">
      <c r="H116344" s="12"/>
    </row>
    <row r="116345" spans="8:8">
      <c r="H116345" s="12"/>
    </row>
    <row r="116346" spans="8:8">
      <c r="H116346" s="12"/>
    </row>
    <row r="116347" spans="8:8">
      <c r="H116347" s="12"/>
    </row>
    <row r="116348" spans="8:8">
      <c r="H116348" s="12"/>
    </row>
    <row r="116349" spans="8:8">
      <c r="H116349" s="12"/>
    </row>
    <row r="116350" spans="8:8">
      <c r="H116350" s="12"/>
    </row>
    <row r="116351" spans="8:8">
      <c r="H116351" s="12"/>
    </row>
    <row r="116352" spans="8:8">
      <c r="H116352" s="12"/>
    </row>
    <row r="116353" spans="8:8">
      <c r="H116353" s="12"/>
    </row>
    <row r="116354" spans="8:8">
      <c r="H116354" s="12"/>
    </row>
    <row r="116355" spans="8:8">
      <c r="H116355" s="12"/>
    </row>
    <row r="116356" spans="8:8">
      <c r="H116356" s="12"/>
    </row>
    <row r="116357" spans="8:8">
      <c r="H116357" s="12"/>
    </row>
    <row r="116358" spans="8:8">
      <c r="H116358" s="12"/>
    </row>
    <row r="116359" spans="8:8">
      <c r="H116359" s="12"/>
    </row>
    <row r="116360" spans="8:8">
      <c r="H116360" s="12"/>
    </row>
    <row r="116361" spans="8:8">
      <c r="H116361" s="12"/>
    </row>
    <row r="116362" spans="8:8">
      <c r="H116362" s="12"/>
    </row>
    <row r="116363" spans="8:8">
      <c r="H116363" s="12"/>
    </row>
    <row r="116364" spans="8:8">
      <c r="H116364" s="12"/>
    </row>
    <row r="116365" spans="8:8">
      <c r="H116365" s="12"/>
    </row>
    <row r="116366" spans="8:8">
      <c r="H116366" s="12"/>
    </row>
    <row r="116367" spans="8:8">
      <c r="H116367" s="12"/>
    </row>
    <row r="116368" spans="8:8">
      <c r="H116368" s="12"/>
    </row>
    <row r="116369" spans="8:8">
      <c r="H116369" s="12"/>
    </row>
    <row r="116370" spans="8:8">
      <c r="H116370" s="12"/>
    </row>
    <row r="116371" spans="8:8">
      <c r="H116371" s="12"/>
    </row>
    <row r="116372" spans="8:8">
      <c r="H116372" s="12"/>
    </row>
    <row r="116373" spans="8:8">
      <c r="H116373" s="12"/>
    </row>
    <row r="116374" spans="8:8">
      <c r="H116374" s="12"/>
    </row>
    <row r="116375" spans="8:8">
      <c r="H116375" s="12"/>
    </row>
    <row r="116376" spans="8:8">
      <c r="H116376" s="12"/>
    </row>
    <row r="116377" spans="8:8">
      <c r="H116377" s="12"/>
    </row>
    <row r="116378" spans="8:8">
      <c r="H116378" s="12"/>
    </row>
    <row r="116379" spans="8:8">
      <c r="H116379" s="12"/>
    </row>
    <row r="116380" spans="8:8">
      <c r="H116380" s="12"/>
    </row>
    <row r="116381" spans="8:8">
      <c r="H116381" s="12"/>
    </row>
    <row r="116382" spans="8:8">
      <c r="H116382" s="12"/>
    </row>
    <row r="116383" spans="8:8">
      <c r="H116383" s="12"/>
    </row>
    <row r="116384" spans="8:8">
      <c r="H116384" s="12"/>
    </row>
    <row r="116385" spans="8:8">
      <c r="H116385" s="12"/>
    </row>
    <row r="116386" spans="8:8">
      <c r="H116386" s="12"/>
    </row>
    <row r="116387" spans="8:8">
      <c r="H116387" s="12"/>
    </row>
    <row r="116388" spans="8:8">
      <c r="H116388" s="12"/>
    </row>
    <row r="116389" spans="8:8">
      <c r="H116389" s="12"/>
    </row>
    <row r="116390" spans="8:8">
      <c r="H116390" s="12"/>
    </row>
    <row r="116391" spans="8:8">
      <c r="H116391" s="12"/>
    </row>
    <row r="116392" spans="8:8">
      <c r="H116392" s="12"/>
    </row>
    <row r="116393" spans="8:8">
      <c r="H116393" s="12"/>
    </row>
    <row r="116394" spans="8:8">
      <c r="H116394" s="12"/>
    </row>
    <row r="116395" spans="8:8">
      <c r="H116395" s="12"/>
    </row>
    <row r="116396" spans="8:8">
      <c r="H116396" s="12"/>
    </row>
    <row r="116397" spans="8:8">
      <c r="H116397" s="12"/>
    </row>
    <row r="116398" spans="8:8">
      <c r="H116398" s="12"/>
    </row>
    <row r="116399" spans="8:8">
      <c r="H116399" s="12"/>
    </row>
    <row r="116400" spans="8:8">
      <c r="H116400" s="12"/>
    </row>
    <row r="116401" spans="8:8">
      <c r="H116401" s="12"/>
    </row>
    <row r="116402" spans="8:8">
      <c r="H116402" s="12"/>
    </row>
    <row r="116403" spans="8:8">
      <c r="H116403" s="12"/>
    </row>
    <row r="116404" spans="8:8">
      <c r="H116404" s="12"/>
    </row>
    <row r="116405" spans="8:8">
      <c r="H116405" s="12"/>
    </row>
    <row r="116406" spans="8:8">
      <c r="H116406" s="12"/>
    </row>
    <row r="116407" spans="8:8">
      <c r="H116407" s="12"/>
    </row>
    <row r="116408" spans="8:8">
      <c r="H116408" s="12"/>
    </row>
    <row r="116409" spans="8:8">
      <c r="H116409" s="12"/>
    </row>
    <row r="116410" spans="8:8">
      <c r="H116410" s="12"/>
    </row>
    <row r="116411" spans="8:8">
      <c r="H116411" s="12"/>
    </row>
    <row r="116412" spans="8:8">
      <c r="H116412" s="12"/>
    </row>
    <row r="116413" spans="8:8">
      <c r="H116413" s="12"/>
    </row>
    <row r="116414" spans="8:8">
      <c r="H116414" s="12"/>
    </row>
    <row r="116415" spans="8:8">
      <c r="H116415" s="12"/>
    </row>
    <row r="116416" spans="8:8">
      <c r="H116416" s="12"/>
    </row>
    <row r="116417" spans="8:8">
      <c r="H116417" s="12"/>
    </row>
    <row r="116418" spans="8:8">
      <c r="H116418" s="12"/>
    </row>
    <row r="116419" spans="8:8">
      <c r="H116419" s="12"/>
    </row>
    <row r="116420" spans="8:8">
      <c r="H116420" s="12"/>
    </row>
    <row r="116421" spans="8:8">
      <c r="H116421" s="12"/>
    </row>
    <row r="116422" spans="8:8">
      <c r="H116422" s="12"/>
    </row>
    <row r="116423" spans="8:8">
      <c r="H116423" s="12"/>
    </row>
    <row r="116424" spans="8:8">
      <c r="H116424" s="12"/>
    </row>
    <row r="116425" spans="8:8">
      <c r="H116425" s="12"/>
    </row>
    <row r="116426" spans="8:8">
      <c r="H116426" s="12"/>
    </row>
    <row r="116427" spans="8:8">
      <c r="H116427" s="12"/>
    </row>
    <row r="116428" spans="8:8">
      <c r="H116428" s="12"/>
    </row>
    <row r="116429" spans="8:8">
      <c r="H116429" s="12"/>
    </row>
    <row r="116430" spans="8:8">
      <c r="H116430" s="12"/>
    </row>
    <row r="116431" spans="8:8">
      <c r="H116431" s="12"/>
    </row>
    <row r="116432" spans="8:8">
      <c r="H116432" s="12"/>
    </row>
    <row r="116433" spans="8:8">
      <c r="H116433" s="12"/>
    </row>
    <row r="116434" spans="8:8">
      <c r="H116434" s="12"/>
    </row>
    <row r="116435" spans="8:8">
      <c r="H116435" s="12"/>
    </row>
    <row r="116436" spans="8:8">
      <c r="H116436" s="12"/>
    </row>
    <row r="116437" spans="8:8">
      <c r="H116437" s="12"/>
    </row>
    <row r="116438" spans="8:8">
      <c r="H116438" s="12"/>
    </row>
    <row r="116439" spans="8:8">
      <c r="H116439" s="12"/>
    </row>
    <row r="116440" spans="8:8">
      <c r="H116440" s="12"/>
    </row>
    <row r="116441" spans="8:8">
      <c r="H116441" s="12"/>
    </row>
    <row r="116442" spans="8:8">
      <c r="H116442" s="12"/>
    </row>
    <row r="116443" spans="8:8">
      <c r="H116443" s="12"/>
    </row>
    <row r="116444" spans="8:8">
      <c r="H116444" s="12"/>
    </row>
    <row r="116445" spans="8:8">
      <c r="H116445" s="12"/>
    </row>
    <row r="116446" spans="8:8">
      <c r="H116446" s="12"/>
    </row>
    <row r="116447" spans="8:8">
      <c r="H116447" s="12"/>
    </row>
    <row r="116448" spans="8:8">
      <c r="H116448" s="12"/>
    </row>
    <row r="116449" spans="8:8">
      <c r="H116449" s="12"/>
    </row>
    <row r="116450" spans="8:8">
      <c r="H116450" s="12"/>
    </row>
    <row r="116451" spans="8:8">
      <c r="H116451" s="12"/>
    </row>
    <row r="116452" spans="8:8">
      <c r="H116452" s="12"/>
    </row>
    <row r="116453" spans="8:8">
      <c r="H116453" s="12"/>
    </row>
    <row r="116454" spans="8:8">
      <c r="H116454" s="12"/>
    </row>
    <row r="116455" spans="8:8">
      <c r="H116455" s="12"/>
    </row>
    <row r="116456" spans="8:8">
      <c r="H116456" s="12"/>
    </row>
    <row r="116457" spans="8:8">
      <c r="H116457" s="12"/>
    </row>
    <row r="116458" spans="8:8">
      <c r="H116458" s="12"/>
    </row>
    <row r="116459" spans="8:8">
      <c r="H116459" s="12"/>
    </row>
    <row r="116460" spans="8:8">
      <c r="H116460" s="12"/>
    </row>
    <row r="116461" spans="8:8">
      <c r="H116461" s="12"/>
    </row>
    <row r="116462" spans="8:8">
      <c r="H116462" s="12"/>
    </row>
    <row r="116463" spans="8:8">
      <c r="H116463" s="12"/>
    </row>
    <row r="116464" spans="8:8">
      <c r="H116464" s="12"/>
    </row>
    <row r="116465" spans="8:8">
      <c r="H116465" s="12"/>
    </row>
    <row r="116466" spans="8:8">
      <c r="H116466" s="12"/>
    </row>
    <row r="116467" spans="8:8">
      <c r="H116467" s="12"/>
    </row>
    <row r="116468" spans="8:8">
      <c r="H116468" s="12"/>
    </row>
    <row r="116469" spans="8:8">
      <c r="H116469" s="12"/>
    </row>
    <row r="116470" spans="8:8">
      <c r="H116470" s="12"/>
    </row>
    <row r="116471" spans="8:8">
      <c r="H116471" s="12"/>
    </row>
    <row r="116472" spans="8:8">
      <c r="H116472" s="12"/>
    </row>
    <row r="116473" spans="8:8">
      <c r="H116473" s="12"/>
    </row>
    <row r="116474" spans="8:8">
      <c r="H116474" s="12"/>
    </row>
    <row r="116475" spans="8:8">
      <c r="H116475" s="12"/>
    </row>
    <row r="116476" spans="8:8">
      <c r="H116476" s="12"/>
    </row>
    <row r="116477" spans="8:8">
      <c r="H116477" s="12"/>
    </row>
    <row r="116478" spans="8:8">
      <c r="H116478" s="12"/>
    </row>
    <row r="116479" spans="8:8">
      <c r="H116479" s="12"/>
    </row>
    <row r="116480" spans="8:8">
      <c r="H116480" s="12"/>
    </row>
    <row r="116481" spans="8:8">
      <c r="H116481" s="12"/>
    </row>
    <row r="116482" spans="8:8">
      <c r="H116482" s="12"/>
    </row>
    <row r="116483" spans="8:8">
      <c r="H116483" s="12"/>
    </row>
    <row r="116484" spans="8:8">
      <c r="H116484" s="12"/>
    </row>
    <row r="116485" spans="8:8">
      <c r="H116485" s="12"/>
    </row>
    <row r="116486" spans="8:8">
      <c r="H116486" s="12"/>
    </row>
    <row r="116487" spans="8:8">
      <c r="H116487" s="12"/>
    </row>
    <row r="116488" spans="8:8">
      <c r="H116488" s="12"/>
    </row>
    <row r="116489" spans="8:8">
      <c r="H116489" s="12"/>
    </row>
    <row r="116490" spans="8:8">
      <c r="H116490" s="12"/>
    </row>
    <row r="116491" spans="8:8">
      <c r="H116491" s="12"/>
    </row>
    <row r="116492" spans="8:8">
      <c r="H116492" s="12"/>
    </row>
    <row r="116493" spans="8:8">
      <c r="H116493" s="12"/>
    </row>
    <row r="116494" spans="8:8">
      <c r="H116494" s="12"/>
    </row>
    <row r="116495" spans="8:8">
      <c r="H116495" s="12"/>
    </row>
    <row r="116496" spans="8:8">
      <c r="H116496" s="12"/>
    </row>
    <row r="116497" spans="8:8">
      <c r="H116497" s="12"/>
    </row>
    <row r="116498" spans="8:8">
      <c r="H116498" s="12"/>
    </row>
    <row r="116499" spans="8:8">
      <c r="H116499" s="12"/>
    </row>
    <row r="116500" spans="8:8">
      <c r="H116500" s="12"/>
    </row>
    <row r="116501" spans="8:8">
      <c r="H116501" s="12"/>
    </row>
    <row r="116502" spans="8:8">
      <c r="H116502" s="12"/>
    </row>
    <row r="116503" spans="8:8">
      <c r="H116503" s="12"/>
    </row>
    <row r="116504" spans="8:8">
      <c r="H116504" s="12"/>
    </row>
    <row r="116505" spans="8:8">
      <c r="H116505" s="12"/>
    </row>
    <row r="116506" spans="8:8">
      <c r="H116506" s="12"/>
    </row>
    <row r="116507" spans="8:8">
      <c r="H116507" s="12"/>
    </row>
    <row r="116508" spans="8:8">
      <c r="H116508" s="12"/>
    </row>
    <row r="116509" spans="8:8">
      <c r="H116509" s="12"/>
    </row>
    <row r="116510" spans="8:8">
      <c r="H116510" s="12"/>
    </row>
    <row r="116511" spans="8:8">
      <c r="H116511" s="12"/>
    </row>
    <row r="116512" spans="8:8">
      <c r="H116512" s="12"/>
    </row>
    <row r="116513" spans="8:8">
      <c r="H116513" s="12"/>
    </row>
    <row r="116514" spans="8:8">
      <c r="H116514" s="12"/>
    </row>
    <row r="116515" spans="8:8">
      <c r="H116515" s="12"/>
    </row>
    <row r="116516" spans="8:8">
      <c r="H116516" s="12"/>
    </row>
    <row r="116517" spans="8:8">
      <c r="H116517" s="12"/>
    </row>
    <row r="116518" spans="8:8">
      <c r="H116518" s="12"/>
    </row>
    <row r="116519" spans="8:8">
      <c r="H116519" s="12"/>
    </row>
    <row r="116520" spans="8:8">
      <c r="H116520" s="12"/>
    </row>
    <row r="116521" spans="8:8">
      <c r="H116521" s="12"/>
    </row>
    <row r="116522" spans="8:8">
      <c r="H116522" s="12"/>
    </row>
    <row r="116523" spans="8:8">
      <c r="H116523" s="12"/>
    </row>
    <row r="116524" spans="8:8">
      <c r="H116524" s="12"/>
    </row>
    <row r="116525" spans="8:8">
      <c r="H116525" s="12"/>
    </row>
    <row r="116526" spans="8:8">
      <c r="H116526" s="12"/>
    </row>
    <row r="116527" spans="8:8">
      <c r="H116527" s="12"/>
    </row>
    <row r="116528" spans="8:8">
      <c r="H116528" s="12"/>
    </row>
    <row r="116529" spans="8:8">
      <c r="H116529" s="12"/>
    </row>
    <row r="116530" spans="8:8">
      <c r="H116530" s="12"/>
    </row>
    <row r="116531" spans="8:8">
      <c r="H116531" s="12"/>
    </row>
    <row r="116532" spans="8:8">
      <c r="H116532" s="12"/>
    </row>
    <row r="116533" spans="8:8">
      <c r="H116533" s="12"/>
    </row>
    <row r="116534" spans="8:8">
      <c r="H116534" s="12"/>
    </row>
    <row r="116535" spans="8:8">
      <c r="H116535" s="12"/>
    </row>
    <row r="116536" spans="8:8">
      <c r="H116536" s="12"/>
    </row>
    <row r="116537" spans="8:8">
      <c r="H116537" s="12"/>
    </row>
    <row r="116538" spans="8:8">
      <c r="H116538" s="12"/>
    </row>
    <row r="116539" spans="8:8">
      <c r="H116539" s="12"/>
    </row>
    <row r="116540" spans="8:8">
      <c r="H116540" s="12"/>
    </row>
    <row r="116541" spans="8:8">
      <c r="H116541" s="12"/>
    </row>
    <row r="116542" spans="8:8">
      <c r="H116542" s="12"/>
    </row>
    <row r="116543" spans="8:8">
      <c r="H116543" s="12"/>
    </row>
    <row r="116544" spans="8:8">
      <c r="H116544" s="12"/>
    </row>
    <row r="116545" spans="8:8">
      <c r="H116545" s="12"/>
    </row>
    <row r="116546" spans="8:8">
      <c r="H116546" s="12"/>
    </row>
    <row r="116547" spans="8:8">
      <c r="H116547" s="12"/>
    </row>
    <row r="116548" spans="8:8">
      <c r="H116548" s="12"/>
    </row>
    <row r="116549" spans="8:8">
      <c r="H116549" s="12"/>
    </row>
    <row r="116550" spans="8:8">
      <c r="H116550" s="12"/>
    </row>
    <row r="116551" spans="8:8">
      <c r="H116551" s="12"/>
    </row>
    <row r="116552" spans="8:8">
      <c r="H116552" s="12"/>
    </row>
    <row r="116553" spans="8:8">
      <c r="H116553" s="12"/>
    </row>
    <row r="116554" spans="8:8">
      <c r="H116554" s="12"/>
    </row>
    <row r="116555" spans="8:8">
      <c r="H116555" s="12"/>
    </row>
    <row r="116556" spans="8:8">
      <c r="H116556" s="12"/>
    </row>
    <row r="116557" spans="8:8">
      <c r="H116557" s="12"/>
    </row>
    <row r="116558" spans="8:8">
      <c r="H116558" s="12"/>
    </row>
    <row r="116559" spans="8:8">
      <c r="H116559" s="12"/>
    </row>
    <row r="116560" spans="8:8">
      <c r="H116560" s="12"/>
    </row>
    <row r="116561" spans="8:8">
      <c r="H116561" s="12"/>
    </row>
    <row r="116562" spans="8:8">
      <c r="H116562" s="12"/>
    </row>
    <row r="116563" spans="8:8">
      <c r="H116563" s="12"/>
    </row>
    <row r="116564" spans="8:8">
      <c r="H116564" s="12"/>
    </row>
    <row r="116565" spans="8:8">
      <c r="H116565" s="12"/>
    </row>
    <row r="116566" spans="8:8">
      <c r="H116566" s="12"/>
    </row>
    <row r="116567" spans="8:8">
      <c r="H116567" s="12"/>
    </row>
    <row r="116568" spans="8:8">
      <c r="H116568" s="12"/>
    </row>
    <row r="116569" spans="8:8">
      <c r="H116569" s="12"/>
    </row>
    <row r="116570" spans="8:8">
      <c r="H116570" s="12"/>
    </row>
    <row r="116571" spans="8:8">
      <c r="H116571" s="12"/>
    </row>
    <row r="116572" spans="8:8">
      <c r="H116572" s="12"/>
    </row>
    <row r="116573" spans="8:8">
      <c r="H116573" s="12"/>
    </row>
    <row r="116574" spans="8:8">
      <c r="H116574" s="12"/>
    </row>
    <row r="116575" spans="8:8">
      <c r="H116575" s="12"/>
    </row>
    <row r="116576" spans="8:8">
      <c r="H116576" s="12"/>
    </row>
    <row r="116577" spans="8:8">
      <c r="H116577" s="12"/>
    </row>
    <row r="116578" spans="8:8">
      <c r="H116578" s="12"/>
    </row>
    <row r="116579" spans="8:8">
      <c r="H116579" s="12"/>
    </row>
    <row r="116580" spans="8:8">
      <c r="H116580" s="12"/>
    </row>
    <row r="116581" spans="8:8">
      <c r="H116581" s="12"/>
    </row>
    <row r="116582" spans="8:8">
      <c r="H116582" s="12"/>
    </row>
    <row r="116583" spans="8:8">
      <c r="H116583" s="12"/>
    </row>
    <row r="116584" spans="8:8">
      <c r="H116584" s="12"/>
    </row>
    <row r="116585" spans="8:8">
      <c r="H116585" s="12"/>
    </row>
    <row r="116586" spans="8:8">
      <c r="H116586" s="12"/>
    </row>
    <row r="116587" spans="8:8">
      <c r="H116587" s="12"/>
    </row>
    <row r="116588" spans="8:8">
      <c r="H116588" s="12"/>
    </row>
    <row r="116589" spans="8:8">
      <c r="H116589" s="12"/>
    </row>
    <row r="116590" spans="8:8">
      <c r="H116590" s="12"/>
    </row>
    <row r="116591" spans="8:8">
      <c r="H116591" s="12"/>
    </row>
    <row r="116592" spans="8:8">
      <c r="H116592" s="12"/>
    </row>
    <row r="116593" spans="8:8">
      <c r="H116593" s="12"/>
    </row>
    <row r="116594" spans="8:8">
      <c r="H116594" s="12"/>
    </row>
    <row r="116595" spans="8:8">
      <c r="H116595" s="12"/>
    </row>
    <row r="116596" spans="8:8">
      <c r="H116596" s="12"/>
    </row>
    <row r="116597" spans="8:8">
      <c r="H116597" s="12"/>
    </row>
    <row r="116598" spans="8:8">
      <c r="H116598" s="12"/>
    </row>
    <row r="116599" spans="8:8">
      <c r="H116599" s="12"/>
    </row>
    <row r="116600" spans="8:8">
      <c r="H116600" s="12"/>
    </row>
    <row r="116601" spans="8:8">
      <c r="H116601" s="12"/>
    </row>
    <row r="116602" spans="8:8">
      <c r="H116602" s="12"/>
    </row>
    <row r="116603" spans="8:8">
      <c r="H116603" s="12"/>
    </row>
    <row r="116604" spans="8:8">
      <c r="H116604" s="12"/>
    </row>
    <row r="116605" spans="8:8">
      <c r="H116605" s="12"/>
    </row>
    <row r="116606" spans="8:8">
      <c r="H116606" s="12"/>
    </row>
    <row r="116607" spans="8:8">
      <c r="H116607" s="12"/>
    </row>
    <row r="116608" spans="8:8">
      <c r="H116608" s="12"/>
    </row>
    <row r="116609" spans="8:8">
      <c r="H116609" s="12"/>
    </row>
    <row r="116610" spans="8:8">
      <c r="H116610" s="12"/>
    </row>
    <row r="116611" spans="8:8">
      <c r="H116611" s="12"/>
    </row>
    <row r="116612" spans="8:8">
      <c r="H116612" s="12"/>
    </row>
    <row r="116613" spans="8:8">
      <c r="H116613" s="12"/>
    </row>
    <row r="116614" spans="8:8">
      <c r="H116614" s="12"/>
    </row>
    <row r="116615" spans="8:8">
      <c r="H116615" s="12"/>
    </row>
    <row r="116616" spans="8:8">
      <c r="H116616" s="12"/>
    </row>
    <row r="116617" spans="8:8">
      <c r="H116617" s="12"/>
    </row>
    <row r="116618" spans="8:8">
      <c r="H116618" s="12"/>
    </row>
    <row r="116619" spans="8:8">
      <c r="H116619" s="12"/>
    </row>
    <row r="116620" spans="8:8">
      <c r="H116620" s="12"/>
    </row>
    <row r="116621" spans="8:8">
      <c r="H116621" s="12"/>
    </row>
    <row r="116622" spans="8:8">
      <c r="H116622" s="12"/>
    </row>
    <row r="116623" spans="8:8">
      <c r="H116623" s="12"/>
    </row>
    <row r="116624" spans="8:8">
      <c r="H116624" s="12"/>
    </row>
    <row r="116625" spans="8:8">
      <c r="H116625" s="12"/>
    </row>
    <row r="116626" spans="8:8">
      <c r="H116626" s="12"/>
    </row>
    <row r="116627" spans="8:8">
      <c r="H116627" s="12"/>
    </row>
    <row r="116628" spans="8:8">
      <c r="H116628" s="12"/>
    </row>
    <row r="116629" spans="8:8">
      <c r="H116629" s="12"/>
    </row>
    <row r="116630" spans="8:8">
      <c r="H116630" s="12"/>
    </row>
    <row r="116631" spans="8:8">
      <c r="H116631" s="12"/>
    </row>
    <row r="116632" spans="8:8">
      <c r="H116632" s="12"/>
    </row>
    <row r="116633" spans="8:8">
      <c r="H116633" s="12"/>
    </row>
    <row r="116634" spans="8:8">
      <c r="H116634" s="12"/>
    </row>
    <row r="116635" spans="8:8">
      <c r="H116635" s="12"/>
    </row>
    <row r="116636" spans="8:8">
      <c r="H116636" s="12"/>
    </row>
    <row r="116637" spans="8:8">
      <c r="H116637" s="12"/>
    </row>
    <row r="116638" spans="8:8">
      <c r="H116638" s="12"/>
    </row>
    <row r="116639" spans="8:8">
      <c r="H116639" s="12"/>
    </row>
    <row r="116640" spans="8:8">
      <c r="H116640" s="12"/>
    </row>
    <row r="116641" spans="8:8">
      <c r="H116641" s="12"/>
    </row>
    <row r="116642" spans="8:8">
      <c r="H116642" s="12"/>
    </row>
    <row r="116643" spans="8:8">
      <c r="H116643" s="12"/>
    </row>
    <row r="116644" spans="8:8">
      <c r="H116644" s="12"/>
    </row>
    <row r="116645" spans="8:8">
      <c r="H116645" s="12"/>
    </row>
    <row r="116646" spans="8:8">
      <c r="H116646" s="12"/>
    </row>
    <row r="116647" spans="8:8">
      <c r="H116647" s="12"/>
    </row>
    <row r="116648" spans="8:8">
      <c r="H116648" s="12"/>
    </row>
    <row r="116649" spans="8:8">
      <c r="H116649" s="12"/>
    </row>
    <row r="116650" spans="8:8">
      <c r="H116650" s="12"/>
    </row>
    <row r="116651" spans="8:8">
      <c r="H116651" s="12"/>
    </row>
    <row r="116652" spans="8:8">
      <c r="H116652" s="12"/>
    </row>
    <row r="116653" spans="8:8">
      <c r="H116653" s="12"/>
    </row>
    <row r="116654" spans="8:8">
      <c r="H116654" s="12"/>
    </row>
    <row r="116655" spans="8:8">
      <c r="H116655" s="12"/>
    </row>
    <row r="116656" spans="8:8">
      <c r="H116656" s="12"/>
    </row>
    <row r="116657" spans="8:8">
      <c r="H116657" s="12"/>
    </row>
    <row r="116658" spans="8:8">
      <c r="H116658" s="12"/>
    </row>
    <row r="116659" spans="8:8">
      <c r="H116659" s="12"/>
    </row>
    <row r="116660" spans="8:8">
      <c r="H116660" s="12"/>
    </row>
    <row r="116661" spans="8:8">
      <c r="H116661" s="12"/>
    </row>
    <row r="116662" spans="8:8">
      <c r="H116662" s="12"/>
    </row>
    <row r="116663" spans="8:8">
      <c r="H116663" s="12"/>
    </row>
    <row r="116664" spans="8:8">
      <c r="H116664" s="12"/>
    </row>
    <row r="116665" spans="8:8">
      <c r="H116665" s="12"/>
    </row>
    <row r="116666" spans="8:8">
      <c r="H116666" s="12"/>
    </row>
    <row r="116667" spans="8:8">
      <c r="H116667" s="12"/>
    </row>
    <row r="116668" spans="8:8">
      <c r="H116668" s="12"/>
    </row>
    <row r="116669" spans="8:8">
      <c r="H116669" s="12"/>
    </row>
    <row r="116670" spans="8:8">
      <c r="H116670" s="12"/>
    </row>
    <row r="116671" spans="8:8">
      <c r="H116671" s="12"/>
    </row>
    <row r="116672" spans="8:8">
      <c r="H116672" s="12"/>
    </row>
    <row r="116673" spans="8:8">
      <c r="H116673" s="12"/>
    </row>
    <row r="116674" spans="8:8">
      <c r="H116674" s="12"/>
    </row>
    <row r="116675" spans="8:8">
      <c r="H116675" s="12"/>
    </row>
    <row r="116676" spans="8:8">
      <c r="H116676" s="12"/>
    </row>
    <row r="116677" spans="8:8">
      <c r="H116677" s="12"/>
    </row>
    <row r="116678" spans="8:8">
      <c r="H116678" s="12"/>
    </row>
    <row r="116679" spans="8:8">
      <c r="H116679" s="12"/>
    </row>
    <row r="116680" spans="8:8">
      <c r="H116680" s="12"/>
    </row>
    <row r="116681" spans="8:8">
      <c r="H116681" s="12"/>
    </row>
    <row r="116682" spans="8:8">
      <c r="H116682" s="12"/>
    </row>
    <row r="116683" spans="8:8">
      <c r="H116683" s="12"/>
    </row>
    <row r="116684" spans="8:8">
      <c r="H116684" s="12"/>
    </row>
    <row r="116685" spans="8:8">
      <c r="H116685" s="12"/>
    </row>
    <row r="116686" spans="8:8">
      <c r="H116686" s="12"/>
    </row>
    <row r="116687" spans="8:8">
      <c r="H116687" s="12"/>
    </row>
    <row r="116688" spans="8:8">
      <c r="H116688" s="12"/>
    </row>
    <row r="116689" spans="8:8">
      <c r="H116689" s="12"/>
    </row>
    <row r="116690" spans="8:8">
      <c r="H116690" s="12"/>
    </row>
    <row r="116691" spans="8:8">
      <c r="H116691" s="12"/>
    </row>
    <row r="116692" spans="8:8">
      <c r="H116692" s="12"/>
    </row>
    <row r="116693" spans="8:8">
      <c r="H116693" s="12"/>
    </row>
    <row r="116694" spans="8:8">
      <c r="H116694" s="12"/>
    </row>
    <row r="116695" spans="8:8">
      <c r="H116695" s="12"/>
    </row>
    <row r="116696" spans="8:8">
      <c r="H116696" s="12"/>
    </row>
    <row r="116697" spans="8:8">
      <c r="H116697" s="12"/>
    </row>
    <row r="116698" spans="8:8">
      <c r="H116698" s="12"/>
    </row>
    <row r="116699" spans="8:8">
      <c r="H116699" s="12"/>
    </row>
    <row r="116700" spans="8:8">
      <c r="H116700" s="12"/>
    </row>
    <row r="116701" spans="8:8">
      <c r="H116701" s="12"/>
    </row>
    <row r="116702" spans="8:8">
      <c r="H116702" s="12"/>
    </row>
    <row r="116703" spans="8:8">
      <c r="H116703" s="12"/>
    </row>
    <row r="116704" spans="8:8">
      <c r="H116704" s="12"/>
    </row>
    <row r="116705" spans="8:8">
      <c r="H116705" s="12"/>
    </row>
    <row r="116706" spans="8:8">
      <c r="H116706" s="12"/>
    </row>
    <row r="116707" spans="8:8">
      <c r="H116707" s="12"/>
    </row>
    <row r="116708" spans="8:8">
      <c r="H116708" s="12"/>
    </row>
    <row r="116709" spans="8:8">
      <c r="H116709" s="12"/>
    </row>
    <row r="116710" spans="8:8">
      <c r="H116710" s="12"/>
    </row>
    <row r="116711" spans="8:8">
      <c r="H116711" s="12"/>
    </row>
    <row r="116712" spans="8:8">
      <c r="H116712" s="12"/>
    </row>
    <row r="116713" spans="8:8">
      <c r="H116713" s="12"/>
    </row>
    <row r="116714" spans="8:8">
      <c r="H116714" s="12"/>
    </row>
    <row r="116715" spans="8:8">
      <c r="H116715" s="12"/>
    </row>
    <row r="116716" spans="8:8">
      <c r="H116716" s="12"/>
    </row>
    <row r="116717" spans="8:8">
      <c r="H116717" s="12"/>
    </row>
    <row r="116718" spans="8:8">
      <c r="H116718" s="12"/>
    </row>
    <row r="116719" spans="8:8">
      <c r="H116719" s="12"/>
    </row>
    <row r="116720" spans="8:8">
      <c r="H116720" s="12"/>
    </row>
    <row r="116721" spans="8:8">
      <c r="H116721" s="12"/>
    </row>
    <row r="116722" spans="8:8">
      <c r="H116722" s="12"/>
    </row>
    <row r="116723" spans="8:8">
      <c r="H116723" s="12"/>
    </row>
    <row r="116724" spans="8:8">
      <c r="H116724" s="12"/>
    </row>
    <row r="116725" spans="8:8">
      <c r="H116725" s="12"/>
    </row>
    <row r="116726" spans="8:8">
      <c r="H116726" s="12"/>
    </row>
    <row r="116727" spans="8:8">
      <c r="H116727" s="12"/>
    </row>
    <row r="116728" spans="8:8">
      <c r="H116728" s="12"/>
    </row>
    <row r="116729" spans="8:8">
      <c r="H116729" s="12"/>
    </row>
    <row r="116730" spans="8:8">
      <c r="H116730" s="12"/>
    </row>
    <row r="116731" spans="8:8">
      <c r="H116731" s="12"/>
    </row>
    <row r="116732" spans="8:8">
      <c r="H116732" s="12"/>
    </row>
    <row r="116733" spans="8:8">
      <c r="H116733" s="12"/>
    </row>
    <row r="116734" spans="8:8">
      <c r="H116734" s="12"/>
    </row>
    <row r="116735" spans="8:8">
      <c r="H116735" s="12"/>
    </row>
    <row r="116736" spans="8:8">
      <c r="H116736" s="12"/>
    </row>
    <row r="116737" spans="8:8">
      <c r="H116737" s="12"/>
    </row>
    <row r="116738" spans="8:8">
      <c r="H116738" s="12"/>
    </row>
    <row r="116739" spans="8:8">
      <c r="H116739" s="12"/>
    </row>
    <row r="116740" spans="8:8">
      <c r="H116740" s="12"/>
    </row>
    <row r="116741" spans="8:8">
      <c r="H116741" s="12"/>
    </row>
    <row r="116742" spans="8:8">
      <c r="H116742" s="12"/>
    </row>
    <row r="116743" spans="8:8">
      <c r="H116743" s="12"/>
    </row>
    <row r="116744" spans="8:8">
      <c r="H116744" s="12"/>
    </row>
    <row r="116745" spans="8:8">
      <c r="H116745" s="12"/>
    </row>
    <row r="116746" spans="8:8">
      <c r="H116746" s="12"/>
    </row>
    <row r="116747" spans="8:8">
      <c r="H116747" s="12"/>
    </row>
    <row r="116748" spans="8:8">
      <c r="H116748" s="12"/>
    </row>
    <row r="116749" spans="8:8">
      <c r="H116749" s="12"/>
    </row>
    <row r="116750" spans="8:8">
      <c r="H116750" s="12"/>
    </row>
    <row r="116751" spans="8:8">
      <c r="H116751" s="12"/>
    </row>
    <row r="116752" spans="8:8">
      <c r="H116752" s="12"/>
    </row>
    <row r="116753" spans="8:8">
      <c r="H116753" s="12"/>
    </row>
    <row r="116754" spans="8:8">
      <c r="H116754" s="12"/>
    </row>
    <row r="116755" spans="8:8">
      <c r="H116755" s="12"/>
    </row>
    <row r="116756" spans="8:8">
      <c r="H116756" s="12"/>
    </row>
    <row r="116757" spans="8:8">
      <c r="H116757" s="12"/>
    </row>
    <row r="116758" spans="8:8">
      <c r="H116758" s="12"/>
    </row>
    <row r="116759" spans="8:8">
      <c r="H116759" s="12"/>
    </row>
    <row r="116760" spans="8:8">
      <c r="H116760" s="12"/>
    </row>
    <row r="116761" spans="8:8">
      <c r="H116761" s="12"/>
    </row>
    <row r="116762" spans="8:8">
      <c r="H116762" s="12"/>
    </row>
    <row r="116763" spans="8:8">
      <c r="H116763" s="12"/>
    </row>
    <row r="116764" spans="8:8">
      <c r="H116764" s="12"/>
    </row>
    <row r="116765" spans="8:8">
      <c r="H116765" s="12"/>
    </row>
    <row r="116766" spans="8:8">
      <c r="H116766" s="12"/>
    </row>
    <row r="116767" spans="8:8">
      <c r="H116767" s="12"/>
    </row>
    <row r="116768" spans="8:8">
      <c r="H116768" s="12"/>
    </row>
    <row r="116769" spans="8:8">
      <c r="H116769" s="12"/>
    </row>
    <row r="116770" spans="8:8">
      <c r="H116770" s="12"/>
    </row>
    <row r="116771" spans="8:8">
      <c r="H116771" s="12"/>
    </row>
    <row r="116772" spans="8:8">
      <c r="H116772" s="12"/>
    </row>
    <row r="116773" spans="8:8">
      <c r="H116773" s="12"/>
    </row>
    <row r="116774" spans="8:8">
      <c r="H116774" s="12"/>
    </row>
    <row r="116775" spans="8:8">
      <c r="H116775" s="12"/>
    </row>
    <row r="116776" spans="8:8">
      <c r="H116776" s="12"/>
    </row>
    <row r="116777" spans="8:8">
      <c r="H116777" s="12"/>
    </row>
    <row r="116778" spans="8:8">
      <c r="H116778" s="12"/>
    </row>
    <row r="116779" spans="8:8">
      <c r="H116779" s="12"/>
    </row>
    <row r="116780" spans="8:8">
      <c r="H116780" s="12"/>
    </row>
    <row r="116781" spans="8:8">
      <c r="H116781" s="12"/>
    </row>
    <row r="116782" spans="8:8">
      <c r="H116782" s="12"/>
    </row>
    <row r="116783" spans="8:8">
      <c r="H116783" s="12"/>
    </row>
    <row r="116784" spans="8:8">
      <c r="H116784" s="12"/>
    </row>
    <row r="116785" spans="8:8">
      <c r="H116785" s="12"/>
    </row>
    <row r="116786" spans="8:8">
      <c r="H116786" s="12"/>
    </row>
    <row r="116787" spans="8:8">
      <c r="H116787" s="12"/>
    </row>
    <row r="116788" spans="8:8">
      <c r="H116788" s="12"/>
    </row>
    <row r="116789" spans="8:8">
      <c r="H116789" s="12"/>
    </row>
    <row r="116790" spans="8:8">
      <c r="H116790" s="12"/>
    </row>
    <row r="116791" spans="8:8">
      <c r="H116791" s="12"/>
    </row>
    <row r="116792" spans="8:8">
      <c r="H116792" s="12"/>
    </row>
    <row r="116793" spans="8:8">
      <c r="H116793" s="12"/>
    </row>
    <row r="116794" spans="8:8">
      <c r="H116794" s="12"/>
    </row>
    <row r="116795" spans="8:8">
      <c r="H116795" s="12"/>
    </row>
    <row r="116796" spans="8:8">
      <c r="H116796" s="12"/>
    </row>
    <row r="116797" spans="8:8">
      <c r="H116797" s="12"/>
    </row>
    <row r="116798" spans="8:8">
      <c r="H116798" s="12"/>
    </row>
    <row r="116799" spans="8:8">
      <c r="H116799" s="12"/>
    </row>
    <row r="116800" spans="8:8">
      <c r="H116800" s="12"/>
    </row>
    <row r="116801" spans="8:8">
      <c r="H116801" s="12"/>
    </row>
    <row r="116802" spans="8:8">
      <c r="H116802" s="12"/>
    </row>
    <row r="116803" spans="8:8">
      <c r="H116803" s="12"/>
    </row>
    <row r="116804" spans="8:8">
      <c r="H116804" s="12"/>
    </row>
    <row r="116805" spans="8:8">
      <c r="H116805" s="12"/>
    </row>
    <row r="116806" spans="8:8">
      <c r="H116806" s="12"/>
    </row>
    <row r="116807" spans="8:8">
      <c r="H116807" s="12"/>
    </row>
    <row r="116808" spans="8:8">
      <c r="H116808" s="12"/>
    </row>
    <row r="116809" spans="8:8">
      <c r="H116809" s="12"/>
    </row>
    <row r="116810" spans="8:8">
      <c r="H116810" s="12"/>
    </row>
    <row r="116811" spans="8:8">
      <c r="H116811" s="12"/>
    </row>
    <row r="116812" spans="8:8">
      <c r="H116812" s="12"/>
    </row>
    <row r="116813" spans="8:8">
      <c r="H116813" s="12"/>
    </row>
    <row r="116814" spans="8:8">
      <c r="H116814" s="12"/>
    </row>
    <row r="116815" spans="8:8">
      <c r="H116815" s="12"/>
    </row>
    <row r="116816" spans="8:8">
      <c r="H116816" s="12"/>
    </row>
    <row r="116817" spans="8:8">
      <c r="H116817" s="12"/>
    </row>
    <row r="116818" spans="8:8">
      <c r="H116818" s="12"/>
    </row>
    <row r="116819" spans="8:8">
      <c r="H116819" s="12"/>
    </row>
    <row r="116820" spans="8:8">
      <c r="H116820" s="12"/>
    </row>
    <row r="116821" spans="8:8">
      <c r="H116821" s="12"/>
    </row>
    <row r="116822" spans="8:8">
      <c r="H116822" s="12"/>
    </row>
    <row r="116823" spans="8:8">
      <c r="H116823" s="12"/>
    </row>
    <row r="116824" spans="8:8">
      <c r="H116824" s="12"/>
    </row>
    <row r="116825" spans="8:8">
      <c r="H116825" s="12"/>
    </row>
    <row r="116826" spans="8:8">
      <c r="H116826" s="12"/>
    </row>
    <row r="116827" spans="8:8">
      <c r="H116827" s="12"/>
    </row>
    <row r="116828" spans="8:8">
      <c r="H116828" s="12"/>
    </row>
    <row r="116829" spans="8:8">
      <c r="H116829" s="12"/>
    </row>
    <row r="116830" spans="8:8">
      <c r="H116830" s="12"/>
    </row>
    <row r="116831" spans="8:8">
      <c r="H116831" s="12"/>
    </row>
    <row r="116832" spans="8:8">
      <c r="H116832" s="12"/>
    </row>
    <row r="116833" spans="8:8">
      <c r="H116833" s="12"/>
    </row>
    <row r="116834" spans="8:8">
      <c r="H116834" s="12"/>
    </row>
    <row r="116835" spans="8:8">
      <c r="H116835" s="12"/>
    </row>
    <row r="116836" spans="8:8">
      <c r="H116836" s="12"/>
    </row>
    <row r="116837" spans="8:8">
      <c r="H116837" s="12"/>
    </row>
    <row r="116838" spans="8:8">
      <c r="H116838" s="12"/>
    </row>
    <row r="116839" spans="8:8">
      <c r="H116839" s="12"/>
    </row>
    <row r="116840" spans="8:8">
      <c r="H116840" s="12"/>
    </row>
    <row r="116841" spans="8:8">
      <c r="H116841" s="12"/>
    </row>
    <row r="116842" spans="8:8">
      <c r="H116842" s="12"/>
    </row>
    <row r="116843" spans="8:8">
      <c r="H116843" s="12"/>
    </row>
    <row r="116844" spans="8:8">
      <c r="H116844" s="12"/>
    </row>
    <row r="116845" spans="8:8">
      <c r="H116845" s="12"/>
    </row>
    <row r="116846" spans="8:8">
      <c r="H116846" s="12"/>
    </row>
    <row r="116847" spans="8:8">
      <c r="H116847" s="12"/>
    </row>
    <row r="116848" spans="8:8">
      <c r="H116848" s="12"/>
    </row>
    <row r="116849" spans="8:8">
      <c r="H116849" s="12"/>
    </row>
    <row r="116850" spans="8:8">
      <c r="H116850" s="12"/>
    </row>
    <row r="116851" spans="8:8">
      <c r="H116851" s="12"/>
    </row>
    <row r="116852" spans="8:8">
      <c r="H116852" s="12"/>
    </row>
    <row r="116853" spans="8:8">
      <c r="H116853" s="12"/>
    </row>
    <row r="116854" spans="8:8">
      <c r="H116854" s="12"/>
    </row>
    <row r="116855" spans="8:8">
      <c r="H116855" s="12"/>
    </row>
    <row r="116856" spans="8:8">
      <c r="H116856" s="12"/>
    </row>
    <row r="116857" spans="8:8">
      <c r="H116857" s="12"/>
    </row>
    <row r="116858" spans="8:8">
      <c r="H116858" s="12"/>
    </row>
    <row r="116859" spans="8:8">
      <c r="H116859" s="12"/>
    </row>
    <row r="116860" spans="8:8">
      <c r="H116860" s="12"/>
    </row>
    <row r="116861" spans="8:8">
      <c r="H116861" s="12"/>
    </row>
    <row r="116862" spans="8:8">
      <c r="H116862" s="12"/>
    </row>
    <row r="116863" spans="8:8">
      <c r="H116863" s="12"/>
    </row>
    <row r="116864" spans="8:8">
      <c r="H116864" s="12"/>
    </row>
    <row r="116865" spans="8:8">
      <c r="H116865" s="12"/>
    </row>
    <row r="116866" spans="8:8">
      <c r="H116866" s="12"/>
    </row>
    <row r="116867" spans="8:8">
      <c r="H116867" s="12"/>
    </row>
    <row r="116868" spans="8:8">
      <c r="H116868" s="12"/>
    </row>
    <row r="116869" spans="8:8">
      <c r="H116869" s="12"/>
    </row>
    <row r="116870" spans="8:8">
      <c r="H116870" s="12"/>
    </row>
    <row r="116871" spans="8:8">
      <c r="H116871" s="12"/>
    </row>
    <row r="116872" spans="8:8">
      <c r="H116872" s="12"/>
    </row>
    <row r="116873" spans="8:8">
      <c r="H116873" s="12"/>
    </row>
    <row r="116874" spans="8:8">
      <c r="H116874" s="12"/>
    </row>
    <row r="116875" spans="8:8">
      <c r="H116875" s="12"/>
    </row>
    <row r="116876" spans="8:8">
      <c r="H116876" s="12"/>
    </row>
    <row r="116877" spans="8:8">
      <c r="H116877" s="12"/>
    </row>
    <row r="116878" spans="8:8">
      <c r="H116878" s="12"/>
    </row>
    <row r="116879" spans="8:8">
      <c r="H116879" s="12"/>
    </row>
    <row r="116880" spans="8:8">
      <c r="H116880" s="12"/>
    </row>
    <row r="116881" spans="8:8">
      <c r="H116881" s="12"/>
    </row>
    <row r="116882" spans="8:8">
      <c r="H116882" s="12"/>
    </row>
    <row r="116883" spans="8:8">
      <c r="H116883" s="12"/>
    </row>
    <row r="116884" spans="8:8">
      <c r="H116884" s="12"/>
    </row>
    <row r="116885" spans="8:8">
      <c r="H116885" s="12"/>
    </row>
    <row r="116886" spans="8:8">
      <c r="H116886" s="12"/>
    </row>
    <row r="116887" spans="8:8">
      <c r="H116887" s="12"/>
    </row>
    <row r="116888" spans="8:8">
      <c r="H116888" s="12"/>
    </row>
    <row r="116889" spans="8:8">
      <c r="H116889" s="12"/>
    </row>
    <row r="116890" spans="8:8">
      <c r="H116890" s="12"/>
    </row>
    <row r="116891" spans="8:8">
      <c r="H116891" s="12"/>
    </row>
    <row r="116892" spans="8:8">
      <c r="H116892" s="12"/>
    </row>
    <row r="116893" spans="8:8">
      <c r="H116893" s="12"/>
    </row>
    <row r="116894" spans="8:8">
      <c r="H116894" s="12"/>
    </row>
    <row r="116895" spans="8:8">
      <c r="H116895" s="12"/>
    </row>
    <row r="116896" spans="8:8">
      <c r="H116896" s="12"/>
    </row>
    <row r="116897" spans="8:8">
      <c r="H116897" s="12"/>
    </row>
    <row r="116898" spans="8:8">
      <c r="H116898" s="12"/>
    </row>
    <row r="116899" spans="8:8">
      <c r="H116899" s="12"/>
    </row>
    <row r="116900" spans="8:8">
      <c r="H116900" s="12"/>
    </row>
    <row r="116901" spans="8:8">
      <c r="H116901" s="12"/>
    </row>
    <row r="116902" spans="8:8">
      <c r="H116902" s="12"/>
    </row>
    <row r="116903" spans="8:8">
      <c r="H116903" s="12"/>
    </row>
    <row r="116904" spans="8:8">
      <c r="H116904" s="12"/>
    </row>
    <row r="116905" spans="8:8">
      <c r="H116905" s="12"/>
    </row>
    <row r="116906" spans="8:8">
      <c r="H116906" s="12"/>
    </row>
    <row r="116907" spans="8:8">
      <c r="H116907" s="12"/>
    </row>
    <row r="116908" spans="8:8">
      <c r="H116908" s="12"/>
    </row>
    <row r="116909" spans="8:8">
      <c r="H116909" s="12"/>
    </row>
    <row r="116910" spans="8:8">
      <c r="H116910" s="12"/>
    </row>
    <row r="116911" spans="8:8">
      <c r="H116911" s="12"/>
    </row>
    <row r="116912" spans="8:8">
      <c r="H116912" s="12"/>
    </row>
    <row r="116913" spans="8:8">
      <c r="H116913" s="12"/>
    </row>
    <row r="116914" spans="8:8">
      <c r="H116914" s="12"/>
    </row>
    <row r="116915" spans="8:8">
      <c r="H116915" s="12"/>
    </row>
    <row r="116916" spans="8:8">
      <c r="H116916" s="12"/>
    </row>
    <row r="116917" spans="8:8">
      <c r="H116917" s="12"/>
    </row>
    <row r="116918" spans="8:8">
      <c r="H116918" s="12"/>
    </row>
    <row r="116919" spans="8:8">
      <c r="H116919" s="12"/>
    </row>
    <row r="116920" spans="8:8">
      <c r="H116920" s="12"/>
    </row>
    <row r="116921" spans="8:8">
      <c r="H116921" s="12"/>
    </row>
    <row r="116922" spans="8:8">
      <c r="H116922" s="12"/>
    </row>
    <row r="116923" spans="8:8">
      <c r="H116923" s="12"/>
    </row>
    <row r="116924" spans="8:8">
      <c r="H116924" s="12"/>
    </row>
    <row r="116925" spans="8:8">
      <c r="H116925" s="12"/>
    </row>
    <row r="116926" spans="8:8">
      <c r="H116926" s="12"/>
    </row>
    <row r="116927" spans="8:8">
      <c r="H116927" s="12"/>
    </row>
    <row r="116928" spans="8:8">
      <c r="H116928" s="12"/>
    </row>
    <row r="116929" spans="8:8">
      <c r="H116929" s="12"/>
    </row>
    <row r="116930" spans="8:8">
      <c r="H116930" s="12"/>
    </row>
    <row r="116931" spans="8:8">
      <c r="H116931" s="12"/>
    </row>
    <row r="116932" spans="8:8">
      <c r="H116932" s="12"/>
    </row>
    <row r="116933" spans="8:8">
      <c r="H116933" s="12"/>
    </row>
    <row r="116934" spans="8:8">
      <c r="H116934" s="12"/>
    </row>
    <row r="116935" spans="8:8">
      <c r="H116935" s="12"/>
    </row>
    <row r="116936" spans="8:8">
      <c r="H116936" s="12"/>
    </row>
    <row r="116937" spans="8:8">
      <c r="H116937" s="12"/>
    </row>
    <row r="116938" spans="8:8">
      <c r="H116938" s="12"/>
    </row>
    <row r="116939" spans="8:8">
      <c r="H116939" s="12"/>
    </row>
    <row r="116940" spans="8:8">
      <c r="H116940" s="12"/>
    </row>
    <row r="116941" spans="8:8">
      <c r="H116941" s="12"/>
    </row>
    <row r="116942" spans="8:8">
      <c r="H116942" s="12"/>
    </row>
    <row r="116943" spans="8:8">
      <c r="H116943" s="12"/>
    </row>
    <row r="116944" spans="8:8">
      <c r="H116944" s="12"/>
    </row>
    <row r="116945" spans="8:8">
      <c r="H116945" s="12"/>
    </row>
    <row r="116946" spans="8:8">
      <c r="H116946" s="12"/>
    </row>
    <row r="116947" spans="8:8">
      <c r="H116947" s="12"/>
    </row>
    <row r="116948" spans="8:8">
      <c r="H116948" s="12"/>
    </row>
    <row r="116949" spans="8:8">
      <c r="H116949" s="12"/>
    </row>
    <row r="116950" spans="8:8">
      <c r="H116950" s="12"/>
    </row>
    <row r="116951" spans="8:8">
      <c r="H116951" s="12"/>
    </row>
    <row r="116952" spans="8:8">
      <c r="H116952" s="12"/>
    </row>
    <row r="116953" spans="8:8">
      <c r="H116953" s="12"/>
    </row>
    <row r="116954" spans="8:8">
      <c r="H116954" s="12"/>
    </row>
    <row r="116955" spans="8:8">
      <c r="H116955" s="12"/>
    </row>
    <row r="116956" spans="8:8">
      <c r="H116956" s="12"/>
    </row>
    <row r="116957" spans="8:8">
      <c r="H116957" s="12"/>
    </row>
    <row r="116958" spans="8:8">
      <c r="H116958" s="12"/>
    </row>
    <row r="116959" spans="8:8">
      <c r="H116959" s="12"/>
    </row>
    <row r="116960" spans="8:8">
      <c r="H116960" s="12"/>
    </row>
    <row r="116961" spans="8:8">
      <c r="H116961" s="12"/>
    </row>
    <row r="116962" spans="8:8">
      <c r="H116962" s="12"/>
    </row>
    <row r="116963" spans="8:8">
      <c r="H116963" s="12"/>
    </row>
    <row r="116964" spans="8:8">
      <c r="H116964" s="12"/>
    </row>
    <row r="116965" spans="8:8">
      <c r="H116965" s="12"/>
    </row>
    <row r="116966" spans="8:8">
      <c r="H116966" s="12"/>
    </row>
    <row r="116967" spans="8:8">
      <c r="H116967" s="12"/>
    </row>
    <row r="116968" spans="8:8">
      <c r="H116968" s="12"/>
    </row>
    <row r="116969" spans="8:8">
      <c r="H116969" s="12"/>
    </row>
    <row r="116970" spans="8:8">
      <c r="H116970" s="12"/>
    </row>
    <row r="116971" spans="8:8">
      <c r="H116971" s="12"/>
    </row>
    <row r="116972" spans="8:8">
      <c r="H116972" s="12"/>
    </row>
    <row r="116973" spans="8:8">
      <c r="H116973" s="12"/>
    </row>
    <row r="116974" spans="8:8">
      <c r="H116974" s="12"/>
    </row>
    <row r="116975" spans="8:8">
      <c r="H116975" s="12"/>
    </row>
    <row r="116976" spans="8:8">
      <c r="H116976" s="12"/>
    </row>
    <row r="116977" spans="8:8">
      <c r="H116977" s="12"/>
    </row>
    <row r="116978" spans="8:8">
      <c r="H116978" s="12"/>
    </row>
    <row r="116979" spans="8:8">
      <c r="H116979" s="12"/>
    </row>
    <row r="116980" spans="8:8">
      <c r="H116980" s="12"/>
    </row>
    <row r="116981" spans="8:8">
      <c r="H116981" s="12"/>
    </row>
    <row r="116982" spans="8:8">
      <c r="H116982" s="12"/>
    </row>
    <row r="116983" spans="8:8">
      <c r="H116983" s="12"/>
    </row>
    <row r="116984" spans="8:8">
      <c r="H116984" s="12"/>
    </row>
    <row r="116985" spans="8:8">
      <c r="H116985" s="12"/>
    </row>
    <row r="116986" spans="8:8">
      <c r="H116986" s="12"/>
    </row>
    <row r="116987" spans="8:8">
      <c r="H116987" s="12"/>
    </row>
    <row r="116988" spans="8:8">
      <c r="H116988" s="12"/>
    </row>
    <row r="116989" spans="8:8">
      <c r="H116989" s="12"/>
    </row>
    <row r="116990" spans="8:8">
      <c r="H116990" s="12"/>
    </row>
    <row r="116991" spans="8:8">
      <c r="H116991" s="12"/>
    </row>
    <row r="116992" spans="8:8">
      <c r="H116992" s="12"/>
    </row>
    <row r="116993" spans="8:8">
      <c r="H116993" s="12"/>
    </row>
    <row r="116994" spans="8:8">
      <c r="H116994" s="12"/>
    </row>
    <row r="116995" spans="8:8">
      <c r="H116995" s="12"/>
    </row>
    <row r="116996" spans="8:8">
      <c r="H116996" s="12"/>
    </row>
    <row r="116997" spans="8:8">
      <c r="H116997" s="12"/>
    </row>
    <row r="116998" spans="8:8">
      <c r="H116998" s="12"/>
    </row>
    <row r="116999" spans="8:8">
      <c r="H116999" s="12"/>
    </row>
    <row r="117000" spans="8:8">
      <c r="H117000" s="12"/>
    </row>
    <row r="117001" spans="8:8">
      <c r="H117001" s="12"/>
    </row>
    <row r="117002" spans="8:8">
      <c r="H117002" s="12"/>
    </row>
    <row r="117003" spans="8:8">
      <c r="H117003" s="12"/>
    </row>
    <row r="117004" spans="8:8">
      <c r="H117004" s="12"/>
    </row>
    <row r="117005" spans="8:8">
      <c r="H117005" s="12"/>
    </row>
    <row r="117006" spans="8:8">
      <c r="H117006" s="12"/>
    </row>
    <row r="117007" spans="8:8">
      <c r="H117007" s="12"/>
    </row>
    <row r="117008" spans="8:8">
      <c r="H117008" s="12"/>
    </row>
    <row r="117009" spans="8:8">
      <c r="H117009" s="12"/>
    </row>
    <row r="117010" spans="8:8">
      <c r="H117010" s="12"/>
    </row>
    <row r="117011" spans="8:8">
      <c r="H117011" s="12"/>
    </row>
    <row r="117012" spans="8:8">
      <c r="H117012" s="12"/>
    </row>
    <row r="117013" spans="8:8">
      <c r="H117013" s="12"/>
    </row>
    <row r="117014" spans="8:8">
      <c r="H117014" s="12"/>
    </row>
    <row r="117015" spans="8:8">
      <c r="H117015" s="12"/>
    </row>
    <row r="117016" spans="8:8">
      <c r="H117016" s="12"/>
    </row>
    <row r="117017" spans="8:8">
      <c r="H117017" s="12"/>
    </row>
    <row r="117018" spans="8:8">
      <c r="H117018" s="12"/>
    </row>
    <row r="117019" spans="8:8">
      <c r="H117019" s="12"/>
    </row>
    <row r="117020" spans="8:8">
      <c r="H117020" s="12"/>
    </row>
    <row r="117021" spans="8:8">
      <c r="H117021" s="12"/>
    </row>
    <row r="117022" spans="8:8">
      <c r="H117022" s="12"/>
    </row>
    <row r="117023" spans="8:8">
      <c r="H117023" s="12"/>
    </row>
    <row r="117024" spans="8:8">
      <c r="H117024" s="12"/>
    </row>
    <row r="117025" spans="8:8">
      <c r="H117025" s="12"/>
    </row>
    <row r="117026" spans="8:8">
      <c r="H117026" s="12"/>
    </row>
    <row r="117027" spans="8:8">
      <c r="H117027" s="12"/>
    </row>
    <row r="117028" spans="8:8">
      <c r="H117028" s="12"/>
    </row>
    <row r="117029" spans="8:8">
      <c r="H117029" s="12"/>
    </row>
    <row r="117030" spans="8:8">
      <c r="H117030" s="12"/>
    </row>
    <row r="117031" spans="8:8">
      <c r="H117031" s="12"/>
    </row>
    <row r="117032" spans="8:8">
      <c r="H117032" s="12"/>
    </row>
    <row r="117033" spans="8:8">
      <c r="H117033" s="12"/>
    </row>
    <row r="117034" spans="8:8">
      <c r="H117034" s="12"/>
    </row>
    <row r="117035" spans="8:8">
      <c r="H117035" s="12"/>
    </row>
    <row r="117036" spans="8:8">
      <c r="H117036" s="12"/>
    </row>
    <row r="117037" spans="8:8">
      <c r="H117037" s="12"/>
    </row>
    <row r="117038" spans="8:8">
      <c r="H117038" s="12"/>
    </row>
    <row r="117039" spans="8:8">
      <c r="H117039" s="12"/>
    </row>
    <row r="117040" spans="8:8">
      <c r="H117040" s="12"/>
    </row>
    <row r="117041" spans="8:8">
      <c r="H117041" s="12"/>
    </row>
    <row r="117042" spans="8:8">
      <c r="H117042" s="12"/>
    </row>
    <row r="117043" spans="8:8">
      <c r="H117043" s="12"/>
    </row>
    <row r="117044" spans="8:8">
      <c r="H117044" s="12"/>
    </row>
    <row r="117045" spans="8:8">
      <c r="H117045" s="12"/>
    </row>
    <row r="117046" spans="8:8">
      <c r="H117046" s="12"/>
    </row>
    <row r="117047" spans="8:8">
      <c r="H117047" s="12"/>
    </row>
    <row r="117048" spans="8:8">
      <c r="H117048" s="12"/>
    </row>
    <row r="117049" spans="8:8">
      <c r="H117049" s="12"/>
    </row>
    <row r="117050" spans="8:8">
      <c r="H117050" s="12"/>
    </row>
    <row r="117051" spans="8:8">
      <c r="H117051" s="12"/>
    </row>
    <row r="117052" spans="8:8">
      <c r="H117052" s="12"/>
    </row>
    <row r="117053" spans="8:8">
      <c r="H117053" s="12"/>
    </row>
    <row r="117054" spans="8:8">
      <c r="H117054" s="12"/>
    </row>
    <row r="117055" spans="8:8">
      <c r="H117055" s="12"/>
    </row>
    <row r="117056" spans="8:8">
      <c r="H117056" s="12"/>
    </row>
    <row r="117057" spans="8:8">
      <c r="H117057" s="12"/>
    </row>
    <row r="117058" spans="8:8">
      <c r="H117058" s="12"/>
    </row>
    <row r="117059" spans="8:8">
      <c r="H117059" s="12"/>
    </row>
    <row r="117060" spans="8:8">
      <c r="H117060" s="12"/>
    </row>
    <row r="117061" spans="8:8">
      <c r="H117061" s="12"/>
    </row>
    <row r="117062" spans="8:8">
      <c r="H117062" s="12"/>
    </row>
    <row r="117063" spans="8:8">
      <c r="H117063" s="12"/>
    </row>
    <row r="117064" spans="8:8">
      <c r="H117064" s="12"/>
    </row>
    <row r="117065" spans="8:8">
      <c r="H117065" s="12"/>
    </row>
    <row r="117066" spans="8:8">
      <c r="H117066" s="12"/>
    </row>
    <row r="117067" spans="8:8">
      <c r="H117067" s="12"/>
    </row>
    <row r="117068" spans="8:8">
      <c r="H117068" s="12"/>
    </row>
    <row r="117069" spans="8:8">
      <c r="H117069" s="12"/>
    </row>
    <row r="117070" spans="8:8">
      <c r="H117070" s="12"/>
    </row>
    <row r="117071" spans="8:8">
      <c r="H117071" s="12"/>
    </row>
    <row r="117072" spans="8:8">
      <c r="H117072" s="12"/>
    </row>
    <row r="117073" spans="8:8">
      <c r="H117073" s="12"/>
    </row>
    <row r="117074" spans="8:8">
      <c r="H117074" s="12"/>
    </row>
    <row r="117075" spans="8:8">
      <c r="H117075" s="12"/>
    </row>
    <row r="117076" spans="8:8">
      <c r="H117076" s="12"/>
    </row>
    <row r="117077" spans="8:8">
      <c r="H117077" s="12"/>
    </row>
    <row r="117078" spans="8:8">
      <c r="H117078" s="12"/>
    </row>
    <row r="117079" spans="8:8">
      <c r="H117079" s="12"/>
    </row>
    <row r="117080" spans="8:8">
      <c r="H117080" s="12"/>
    </row>
    <row r="117081" spans="8:8">
      <c r="H117081" s="12"/>
    </row>
    <row r="117082" spans="8:8">
      <c r="H117082" s="12"/>
    </row>
    <row r="117083" spans="8:8">
      <c r="H117083" s="12"/>
    </row>
    <row r="117084" spans="8:8">
      <c r="H117084" s="12"/>
    </row>
    <row r="117085" spans="8:8">
      <c r="H117085" s="12"/>
    </row>
    <row r="117086" spans="8:8">
      <c r="H117086" s="12"/>
    </row>
    <row r="117087" spans="8:8">
      <c r="H117087" s="12"/>
    </row>
    <row r="117088" spans="8:8">
      <c r="H117088" s="12"/>
    </row>
    <row r="117089" spans="8:8">
      <c r="H117089" s="12"/>
    </row>
    <row r="117090" spans="8:8">
      <c r="H117090" s="12"/>
    </row>
    <row r="117091" spans="8:8">
      <c r="H117091" s="12"/>
    </row>
    <row r="117092" spans="8:8">
      <c r="H117092" s="12"/>
    </row>
    <row r="117093" spans="8:8">
      <c r="H117093" s="12"/>
    </row>
    <row r="117094" spans="8:8">
      <c r="H117094" s="12"/>
    </row>
    <row r="117095" spans="8:8">
      <c r="H117095" s="12"/>
    </row>
    <row r="117096" spans="8:8">
      <c r="H117096" s="12"/>
    </row>
    <row r="117097" spans="8:8">
      <c r="H117097" s="12"/>
    </row>
    <row r="117098" spans="8:8">
      <c r="H117098" s="12"/>
    </row>
    <row r="117099" spans="8:8">
      <c r="H117099" s="12"/>
    </row>
    <row r="117100" spans="8:8">
      <c r="H117100" s="12"/>
    </row>
    <row r="117101" spans="8:8">
      <c r="H117101" s="12"/>
    </row>
    <row r="117102" spans="8:8">
      <c r="H117102" s="12"/>
    </row>
    <row r="117103" spans="8:8">
      <c r="H117103" s="12"/>
    </row>
    <row r="117104" spans="8:8">
      <c r="H117104" s="12"/>
    </row>
    <row r="117105" spans="8:8">
      <c r="H117105" s="12"/>
    </row>
    <row r="117106" spans="8:8">
      <c r="H117106" s="12"/>
    </row>
    <row r="117107" spans="8:8">
      <c r="H117107" s="12"/>
    </row>
    <row r="117108" spans="8:8">
      <c r="H117108" s="12"/>
    </row>
    <row r="117109" spans="8:8">
      <c r="H117109" s="12"/>
    </row>
    <row r="117110" spans="8:8">
      <c r="H117110" s="12"/>
    </row>
    <row r="117111" spans="8:8">
      <c r="H117111" s="12"/>
    </row>
    <row r="117112" spans="8:8">
      <c r="H117112" s="12"/>
    </row>
    <row r="117113" spans="8:8">
      <c r="H117113" s="12"/>
    </row>
    <row r="117114" spans="8:8">
      <c r="H117114" s="12"/>
    </row>
    <row r="117115" spans="8:8">
      <c r="H117115" s="12"/>
    </row>
    <row r="117116" spans="8:8">
      <c r="H117116" s="12"/>
    </row>
    <row r="117117" spans="8:8">
      <c r="H117117" s="12"/>
    </row>
    <row r="117118" spans="8:8">
      <c r="H117118" s="12"/>
    </row>
    <row r="117119" spans="8:8">
      <c r="H117119" s="12"/>
    </row>
    <row r="117120" spans="8:8">
      <c r="H117120" s="12"/>
    </row>
    <row r="117121" spans="8:8">
      <c r="H117121" s="12"/>
    </row>
    <row r="117122" spans="8:8">
      <c r="H117122" s="12"/>
    </row>
    <row r="117123" spans="8:8">
      <c r="H117123" s="12"/>
    </row>
    <row r="117124" spans="8:8">
      <c r="H117124" s="12"/>
    </row>
    <row r="117125" spans="8:8">
      <c r="H117125" s="12"/>
    </row>
    <row r="117126" spans="8:8">
      <c r="H117126" s="12"/>
    </row>
    <row r="117127" spans="8:8">
      <c r="H117127" s="12"/>
    </row>
    <row r="117128" spans="8:8">
      <c r="H117128" s="12"/>
    </row>
    <row r="117129" spans="8:8">
      <c r="H117129" s="12"/>
    </row>
    <row r="117130" spans="8:8">
      <c r="H117130" s="12"/>
    </row>
    <row r="117131" spans="8:8">
      <c r="H117131" s="12"/>
    </row>
    <row r="117132" spans="8:8">
      <c r="H117132" s="12"/>
    </row>
    <row r="117133" spans="8:8">
      <c r="H117133" s="12"/>
    </row>
    <row r="117134" spans="8:8">
      <c r="H117134" s="12"/>
    </row>
    <row r="117135" spans="8:8">
      <c r="H117135" s="12"/>
    </row>
    <row r="117136" spans="8:8">
      <c r="H117136" s="12"/>
    </row>
    <row r="117137" spans="8:8">
      <c r="H117137" s="12"/>
    </row>
    <row r="117138" spans="8:8">
      <c r="H117138" s="12"/>
    </row>
    <row r="117139" spans="8:8">
      <c r="H117139" s="12"/>
    </row>
    <row r="117140" spans="8:8">
      <c r="H117140" s="12"/>
    </row>
    <row r="117141" spans="8:8">
      <c r="H117141" s="12"/>
    </row>
    <row r="117142" spans="8:8">
      <c r="H117142" s="12"/>
    </row>
    <row r="117143" spans="8:8">
      <c r="H117143" s="12"/>
    </row>
    <row r="117144" spans="8:8">
      <c r="H117144" s="12"/>
    </row>
    <row r="117145" spans="8:8">
      <c r="H117145" s="12"/>
    </row>
    <row r="117146" spans="8:8">
      <c r="H117146" s="12"/>
    </row>
    <row r="117147" spans="8:8">
      <c r="H117147" s="12"/>
    </row>
    <row r="117148" spans="8:8">
      <c r="H117148" s="12"/>
    </row>
    <row r="117149" spans="8:8">
      <c r="H117149" s="12"/>
    </row>
    <row r="117150" spans="8:8">
      <c r="H117150" s="12"/>
    </row>
    <row r="117151" spans="8:8">
      <c r="H117151" s="12"/>
    </row>
    <row r="117152" spans="8:8">
      <c r="H117152" s="12"/>
    </row>
    <row r="117153" spans="8:8">
      <c r="H117153" s="12"/>
    </row>
    <row r="117154" spans="8:8">
      <c r="H117154" s="12"/>
    </row>
    <row r="117155" spans="8:8">
      <c r="H117155" s="12"/>
    </row>
    <row r="117156" spans="8:8">
      <c r="H117156" s="12"/>
    </row>
    <row r="117157" spans="8:8">
      <c r="H117157" s="12"/>
    </row>
    <row r="117158" spans="8:8">
      <c r="H117158" s="12"/>
    </row>
    <row r="117159" spans="8:8">
      <c r="H117159" s="12"/>
    </row>
    <row r="117160" spans="8:8">
      <c r="H117160" s="12"/>
    </row>
    <row r="117161" spans="8:8">
      <c r="H117161" s="12"/>
    </row>
    <row r="117162" spans="8:8">
      <c r="H117162" s="12"/>
    </row>
    <row r="117163" spans="8:8">
      <c r="H117163" s="12"/>
    </row>
    <row r="117164" spans="8:8">
      <c r="H117164" s="12"/>
    </row>
    <row r="117165" spans="8:8">
      <c r="H117165" s="12"/>
    </row>
    <row r="117166" spans="8:8">
      <c r="H117166" s="12"/>
    </row>
    <row r="117167" spans="8:8">
      <c r="H117167" s="12"/>
    </row>
    <row r="117168" spans="8:8">
      <c r="H117168" s="12"/>
    </row>
    <row r="117169" spans="8:8">
      <c r="H117169" s="12"/>
    </row>
    <row r="117170" spans="8:8">
      <c r="H117170" s="12"/>
    </row>
    <row r="117171" spans="8:8">
      <c r="H117171" s="12"/>
    </row>
    <row r="117172" spans="8:8">
      <c r="H117172" s="12"/>
    </row>
    <row r="117173" spans="8:8">
      <c r="H117173" s="12"/>
    </row>
    <row r="117174" spans="8:8">
      <c r="H117174" s="12"/>
    </row>
    <row r="117175" spans="8:8">
      <c r="H117175" s="12"/>
    </row>
    <row r="117176" spans="8:8">
      <c r="H117176" s="12"/>
    </row>
    <row r="117177" spans="8:8">
      <c r="H117177" s="12"/>
    </row>
    <row r="117178" spans="8:8">
      <c r="H117178" s="12"/>
    </row>
    <row r="117179" spans="8:8">
      <c r="H117179" s="12"/>
    </row>
    <row r="117180" spans="8:8">
      <c r="H117180" s="12"/>
    </row>
    <row r="117181" spans="8:8">
      <c r="H117181" s="12"/>
    </row>
    <row r="117182" spans="8:8">
      <c r="H117182" s="12"/>
    </row>
    <row r="117183" spans="8:8">
      <c r="H117183" s="12"/>
    </row>
    <row r="117184" spans="8:8">
      <c r="H117184" s="12"/>
    </row>
    <row r="117185" spans="8:8">
      <c r="H117185" s="12"/>
    </row>
    <row r="117186" spans="8:8">
      <c r="H117186" s="12"/>
    </row>
    <row r="117187" spans="8:8">
      <c r="H117187" s="12"/>
    </row>
    <row r="117188" spans="8:8">
      <c r="H117188" s="12"/>
    </row>
    <row r="117189" spans="8:8">
      <c r="H117189" s="12"/>
    </row>
    <row r="117190" spans="8:8">
      <c r="H117190" s="12"/>
    </row>
    <row r="117191" spans="8:8">
      <c r="H117191" s="12"/>
    </row>
    <row r="117192" spans="8:8">
      <c r="H117192" s="12"/>
    </row>
    <row r="117193" spans="8:8">
      <c r="H117193" s="12"/>
    </row>
    <row r="117194" spans="8:8">
      <c r="H117194" s="12"/>
    </row>
    <row r="117195" spans="8:8">
      <c r="H117195" s="12"/>
    </row>
    <row r="117196" spans="8:8">
      <c r="H117196" s="12"/>
    </row>
    <row r="117197" spans="8:8">
      <c r="H117197" s="12"/>
    </row>
    <row r="117198" spans="8:8">
      <c r="H117198" s="12"/>
    </row>
    <row r="117199" spans="8:8">
      <c r="H117199" s="12"/>
    </row>
    <row r="117200" spans="8:8">
      <c r="H117200" s="12"/>
    </row>
    <row r="117201" spans="8:8">
      <c r="H117201" s="12"/>
    </row>
    <row r="117202" spans="8:8">
      <c r="H117202" s="12"/>
    </row>
    <row r="117203" spans="8:8">
      <c r="H117203" s="12"/>
    </row>
    <row r="117204" spans="8:8">
      <c r="H117204" s="12"/>
    </row>
    <row r="117205" spans="8:8">
      <c r="H117205" s="12"/>
    </row>
    <row r="117206" spans="8:8">
      <c r="H117206" s="12"/>
    </row>
    <row r="117207" spans="8:8">
      <c r="H117207" s="12"/>
    </row>
    <row r="117208" spans="8:8">
      <c r="H117208" s="12"/>
    </row>
    <row r="117209" spans="8:8">
      <c r="H117209" s="12"/>
    </row>
    <row r="117210" spans="8:8">
      <c r="H117210" s="12"/>
    </row>
    <row r="117211" spans="8:8">
      <c r="H117211" s="12"/>
    </row>
    <row r="117212" spans="8:8">
      <c r="H117212" s="12"/>
    </row>
    <row r="117213" spans="8:8">
      <c r="H117213" s="12"/>
    </row>
    <row r="117214" spans="8:8">
      <c r="H117214" s="12"/>
    </row>
    <row r="117215" spans="8:8">
      <c r="H117215" s="12"/>
    </row>
    <row r="117216" spans="8:8">
      <c r="H117216" s="12"/>
    </row>
    <row r="117217" spans="8:8">
      <c r="H117217" s="12"/>
    </row>
    <row r="117218" spans="8:8">
      <c r="H117218" s="12"/>
    </row>
    <row r="117219" spans="8:8">
      <c r="H117219" s="12"/>
    </row>
    <row r="117220" spans="8:8">
      <c r="H117220" s="12"/>
    </row>
    <row r="117221" spans="8:8">
      <c r="H117221" s="12"/>
    </row>
    <row r="117222" spans="8:8">
      <c r="H117222" s="12"/>
    </row>
    <row r="117223" spans="8:8">
      <c r="H117223" s="12"/>
    </row>
    <row r="117224" spans="8:8">
      <c r="H117224" s="12"/>
    </row>
    <row r="117225" spans="8:8">
      <c r="H117225" s="12"/>
    </row>
    <row r="117226" spans="8:8">
      <c r="H117226" s="12"/>
    </row>
    <row r="117227" spans="8:8">
      <c r="H117227" s="12"/>
    </row>
    <row r="117228" spans="8:8">
      <c r="H117228" s="12"/>
    </row>
    <row r="117229" spans="8:8">
      <c r="H117229" s="12"/>
    </row>
    <row r="117230" spans="8:8">
      <c r="H117230" s="12"/>
    </row>
    <row r="117231" spans="8:8">
      <c r="H117231" s="12"/>
    </row>
    <row r="117232" spans="8:8">
      <c r="H117232" s="12"/>
    </row>
    <row r="117233" spans="8:8">
      <c r="H117233" s="12"/>
    </row>
    <row r="117234" spans="8:8">
      <c r="H117234" s="12"/>
    </row>
    <row r="117235" spans="8:8">
      <c r="H117235" s="12"/>
    </row>
    <row r="117236" spans="8:8">
      <c r="H117236" s="12"/>
    </row>
    <row r="117237" spans="8:8">
      <c r="H117237" s="12"/>
    </row>
    <row r="117238" spans="8:8">
      <c r="H117238" s="12"/>
    </row>
    <row r="117239" spans="8:8">
      <c r="H117239" s="12"/>
    </row>
    <row r="117240" spans="8:8">
      <c r="H117240" s="12"/>
    </row>
    <row r="117241" spans="8:8">
      <c r="H117241" s="12"/>
    </row>
    <row r="117242" spans="8:8">
      <c r="H117242" s="12"/>
    </row>
    <row r="117243" spans="8:8">
      <c r="H117243" s="12"/>
    </row>
    <row r="117244" spans="8:8">
      <c r="H117244" s="12"/>
    </row>
    <row r="117245" spans="8:8">
      <c r="H117245" s="12"/>
    </row>
    <row r="117246" spans="8:8">
      <c r="H117246" s="12"/>
    </row>
    <row r="117247" spans="8:8">
      <c r="H117247" s="12"/>
    </row>
    <row r="117248" spans="8:8">
      <c r="H117248" s="12"/>
    </row>
    <row r="117249" spans="8:8">
      <c r="H117249" s="12"/>
    </row>
    <row r="117250" spans="8:8">
      <c r="H117250" s="12"/>
    </row>
    <row r="117251" spans="8:8">
      <c r="H117251" s="12"/>
    </row>
    <row r="117252" spans="8:8">
      <c r="H117252" s="12"/>
    </row>
    <row r="117253" spans="8:8">
      <c r="H117253" s="12"/>
    </row>
    <row r="117254" spans="8:8">
      <c r="H117254" s="12"/>
    </row>
    <row r="117255" spans="8:8">
      <c r="H117255" s="12"/>
    </row>
    <row r="117256" spans="8:8">
      <c r="H117256" s="12"/>
    </row>
    <row r="117257" spans="8:8">
      <c r="H117257" s="12"/>
    </row>
    <row r="117258" spans="8:8">
      <c r="H117258" s="12"/>
    </row>
    <row r="117259" spans="8:8">
      <c r="H117259" s="12"/>
    </row>
    <row r="117260" spans="8:8">
      <c r="H117260" s="12"/>
    </row>
    <row r="117261" spans="8:8">
      <c r="H117261" s="12"/>
    </row>
    <row r="117262" spans="8:8">
      <c r="H117262" s="12"/>
    </row>
    <row r="117263" spans="8:8">
      <c r="H117263" s="12"/>
    </row>
    <row r="117264" spans="8:8">
      <c r="H117264" s="12"/>
    </row>
    <row r="117265" spans="8:8">
      <c r="H117265" s="12"/>
    </row>
    <row r="117266" spans="8:8">
      <c r="H117266" s="12"/>
    </row>
    <row r="117267" spans="8:8">
      <c r="H117267" s="12"/>
    </row>
    <row r="117268" spans="8:8">
      <c r="H117268" s="12"/>
    </row>
    <row r="117269" spans="8:8">
      <c r="H117269" s="12"/>
    </row>
    <row r="117270" spans="8:8">
      <c r="H117270" s="12"/>
    </row>
    <row r="117271" spans="8:8">
      <c r="H117271" s="12"/>
    </row>
    <row r="117272" spans="8:8">
      <c r="H117272" s="12"/>
    </row>
    <row r="117273" spans="8:8">
      <c r="H117273" s="12"/>
    </row>
    <row r="117274" spans="8:8">
      <c r="H117274" s="12"/>
    </row>
    <row r="117275" spans="8:8">
      <c r="H117275" s="12"/>
    </row>
    <row r="117276" spans="8:8">
      <c r="H117276" s="12"/>
    </row>
    <row r="117277" spans="8:8">
      <c r="H117277" s="12"/>
    </row>
    <row r="117278" spans="8:8">
      <c r="H117278" s="12"/>
    </row>
    <row r="117279" spans="8:8">
      <c r="H117279" s="12"/>
    </row>
    <row r="117280" spans="8:8">
      <c r="H117280" s="12"/>
    </row>
    <row r="117281" spans="8:8">
      <c r="H117281" s="12"/>
    </row>
    <row r="117282" spans="8:8">
      <c r="H117282" s="12"/>
    </row>
    <row r="117283" spans="8:8">
      <c r="H117283" s="12"/>
    </row>
    <row r="117284" spans="8:8">
      <c r="H117284" s="12"/>
    </row>
    <row r="117285" spans="8:8">
      <c r="H117285" s="12"/>
    </row>
    <row r="117286" spans="8:8">
      <c r="H117286" s="12"/>
    </row>
    <row r="117287" spans="8:8">
      <c r="H117287" s="12"/>
    </row>
    <row r="117288" spans="8:8">
      <c r="H117288" s="12"/>
    </row>
    <row r="117289" spans="8:8">
      <c r="H117289" s="12"/>
    </row>
    <row r="117290" spans="8:8">
      <c r="H117290" s="12"/>
    </row>
    <row r="117291" spans="8:8">
      <c r="H117291" s="12"/>
    </row>
    <row r="117292" spans="8:8">
      <c r="H117292" s="12"/>
    </row>
    <row r="117293" spans="8:8">
      <c r="H117293" s="12"/>
    </row>
    <row r="117294" spans="8:8">
      <c r="H117294" s="12"/>
    </row>
    <row r="117295" spans="8:8">
      <c r="H117295" s="12"/>
    </row>
    <row r="117296" spans="8:8">
      <c r="H117296" s="12"/>
    </row>
    <row r="117297" spans="8:8">
      <c r="H117297" s="12"/>
    </row>
    <row r="117298" spans="8:8">
      <c r="H117298" s="12"/>
    </row>
    <row r="117299" spans="8:8">
      <c r="H117299" s="12"/>
    </row>
    <row r="117300" spans="8:8">
      <c r="H117300" s="12"/>
    </row>
    <row r="117301" spans="8:8">
      <c r="H117301" s="12"/>
    </row>
    <row r="117302" spans="8:8">
      <c r="H117302" s="12"/>
    </row>
    <row r="117303" spans="8:8">
      <c r="H117303" s="12"/>
    </row>
    <row r="117304" spans="8:8">
      <c r="H117304" s="12"/>
    </row>
    <row r="117305" spans="8:8">
      <c r="H117305" s="12"/>
    </row>
    <row r="117306" spans="8:8">
      <c r="H117306" s="12"/>
    </row>
    <row r="117307" spans="8:8">
      <c r="H117307" s="12"/>
    </row>
    <row r="117308" spans="8:8">
      <c r="H117308" s="12"/>
    </row>
    <row r="117309" spans="8:8">
      <c r="H117309" s="12"/>
    </row>
    <row r="117310" spans="8:8">
      <c r="H117310" s="12"/>
    </row>
    <row r="117311" spans="8:8">
      <c r="H117311" s="12"/>
    </row>
    <row r="117312" spans="8:8">
      <c r="H117312" s="12"/>
    </row>
    <row r="117313" spans="8:8">
      <c r="H117313" s="12"/>
    </row>
    <row r="117314" spans="8:8">
      <c r="H117314" s="12"/>
    </row>
    <row r="117315" spans="8:8">
      <c r="H117315" s="12"/>
    </row>
    <row r="117316" spans="8:8">
      <c r="H117316" s="12"/>
    </row>
    <row r="117317" spans="8:8">
      <c r="H117317" s="12"/>
    </row>
    <row r="117318" spans="8:8">
      <c r="H117318" s="12"/>
    </row>
    <row r="117319" spans="8:8">
      <c r="H117319" s="12"/>
    </row>
    <row r="117320" spans="8:8">
      <c r="H117320" s="12"/>
    </row>
    <row r="117321" spans="8:8">
      <c r="H117321" s="12"/>
    </row>
    <row r="117322" spans="8:8">
      <c r="H117322" s="12"/>
    </row>
    <row r="117323" spans="8:8">
      <c r="H117323" s="12"/>
    </row>
    <row r="117324" spans="8:8">
      <c r="H117324" s="12"/>
    </row>
    <row r="117325" spans="8:8">
      <c r="H117325" s="12"/>
    </row>
    <row r="117326" spans="8:8">
      <c r="H117326" s="12"/>
    </row>
    <row r="117327" spans="8:8">
      <c r="H117327" s="12"/>
    </row>
    <row r="117328" spans="8:8">
      <c r="H117328" s="12"/>
    </row>
    <row r="117329" spans="8:8">
      <c r="H117329" s="12"/>
    </row>
    <row r="117330" spans="8:8">
      <c r="H117330" s="12"/>
    </row>
    <row r="117331" spans="8:8">
      <c r="H117331" s="12"/>
    </row>
    <row r="117332" spans="8:8">
      <c r="H117332" s="12"/>
    </row>
    <row r="117333" spans="8:8">
      <c r="H117333" s="12"/>
    </row>
    <row r="117334" spans="8:8">
      <c r="H117334" s="12"/>
    </row>
    <row r="117335" spans="8:8">
      <c r="H117335" s="12"/>
    </row>
    <row r="117336" spans="8:8">
      <c r="H117336" s="12"/>
    </row>
    <row r="117337" spans="8:8">
      <c r="H117337" s="12"/>
    </row>
    <row r="117338" spans="8:8">
      <c r="H117338" s="12"/>
    </row>
    <row r="117339" spans="8:8">
      <c r="H117339" s="12"/>
    </row>
    <row r="117340" spans="8:8">
      <c r="H117340" s="12"/>
    </row>
    <row r="117341" spans="8:8">
      <c r="H117341" s="12"/>
    </row>
    <row r="117342" spans="8:8">
      <c r="H117342" s="12"/>
    </row>
    <row r="117343" spans="8:8">
      <c r="H117343" s="12"/>
    </row>
    <row r="117344" spans="8:8">
      <c r="H117344" s="12"/>
    </row>
    <row r="117345" spans="8:8">
      <c r="H117345" s="12"/>
    </row>
    <row r="117346" spans="8:8">
      <c r="H117346" s="12"/>
    </row>
    <row r="117347" spans="8:8">
      <c r="H117347" s="12"/>
    </row>
    <row r="117348" spans="8:8">
      <c r="H117348" s="12"/>
    </row>
    <row r="117349" spans="8:8">
      <c r="H117349" s="12"/>
    </row>
    <row r="117350" spans="8:8">
      <c r="H117350" s="12"/>
    </row>
    <row r="117351" spans="8:8">
      <c r="H117351" s="12"/>
    </row>
    <row r="117352" spans="8:8">
      <c r="H117352" s="12"/>
    </row>
    <row r="117353" spans="8:8">
      <c r="H117353" s="12"/>
    </row>
    <row r="117354" spans="8:8">
      <c r="H117354" s="12"/>
    </row>
    <row r="117355" spans="8:8">
      <c r="H117355" s="12"/>
    </row>
    <row r="117356" spans="8:8">
      <c r="H117356" s="12"/>
    </row>
    <row r="117357" spans="8:8">
      <c r="H117357" s="12"/>
    </row>
    <row r="117358" spans="8:8">
      <c r="H117358" s="12"/>
    </row>
    <row r="117359" spans="8:8">
      <c r="H117359" s="12"/>
    </row>
    <row r="117360" spans="8:8">
      <c r="H117360" s="12"/>
    </row>
    <row r="117361" spans="8:8">
      <c r="H117361" s="12"/>
    </row>
    <row r="117362" spans="8:8">
      <c r="H117362" s="12"/>
    </row>
    <row r="117363" spans="8:8">
      <c r="H117363" s="12"/>
    </row>
    <row r="117364" spans="8:8">
      <c r="H117364" s="12"/>
    </row>
    <row r="117365" spans="8:8">
      <c r="H117365" s="12"/>
    </row>
    <row r="117366" spans="8:8">
      <c r="H117366" s="12"/>
    </row>
    <row r="117367" spans="8:8">
      <c r="H117367" s="12"/>
    </row>
    <row r="117368" spans="8:8">
      <c r="H117368" s="12"/>
    </row>
    <row r="117369" spans="8:8">
      <c r="H117369" s="12"/>
    </row>
    <row r="117370" spans="8:8">
      <c r="H117370" s="12"/>
    </row>
    <row r="117371" spans="8:8">
      <c r="H117371" s="12"/>
    </row>
    <row r="117372" spans="8:8">
      <c r="H117372" s="12"/>
    </row>
    <row r="117373" spans="8:8">
      <c r="H117373" s="12"/>
    </row>
    <row r="117374" spans="8:8">
      <c r="H117374" s="12"/>
    </row>
    <row r="117375" spans="8:8">
      <c r="H117375" s="12"/>
    </row>
    <row r="117376" spans="8:8">
      <c r="H117376" s="12"/>
    </row>
    <row r="117377" spans="8:8">
      <c r="H117377" s="12"/>
    </row>
    <row r="117378" spans="8:8">
      <c r="H117378" s="12"/>
    </row>
    <row r="117379" spans="8:8">
      <c r="H117379" s="12"/>
    </row>
    <row r="117380" spans="8:8">
      <c r="H117380" s="12"/>
    </row>
    <row r="117381" spans="8:8">
      <c r="H117381" s="12"/>
    </row>
    <row r="117382" spans="8:8">
      <c r="H117382" s="12"/>
    </row>
    <row r="117383" spans="8:8">
      <c r="H117383" s="12"/>
    </row>
    <row r="117384" spans="8:8">
      <c r="H117384" s="12"/>
    </row>
    <row r="117385" spans="8:8">
      <c r="H117385" s="12"/>
    </row>
    <row r="117386" spans="8:8">
      <c r="H117386" s="12"/>
    </row>
    <row r="117387" spans="8:8">
      <c r="H117387" s="12"/>
    </row>
    <row r="117388" spans="8:8">
      <c r="H117388" s="12"/>
    </row>
    <row r="117389" spans="8:8">
      <c r="H117389" s="12"/>
    </row>
    <row r="117390" spans="8:8">
      <c r="H117390" s="12"/>
    </row>
    <row r="117391" spans="8:8">
      <c r="H117391" s="12"/>
    </row>
    <row r="117392" spans="8:8">
      <c r="H117392" s="12"/>
    </row>
    <row r="117393" spans="8:8">
      <c r="H117393" s="12"/>
    </row>
    <row r="117394" spans="8:8">
      <c r="H117394" s="12"/>
    </row>
    <row r="117395" spans="8:8">
      <c r="H117395" s="12"/>
    </row>
    <row r="117396" spans="8:8">
      <c r="H117396" s="12"/>
    </row>
    <row r="117397" spans="8:8">
      <c r="H117397" s="12"/>
    </row>
    <row r="117398" spans="8:8">
      <c r="H117398" s="12"/>
    </row>
    <row r="117399" spans="8:8">
      <c r="H117399" s="12"/>
    </row>
    <row r="117400" spans="8:8">
      <c r="H117400" s="12"/>
    </row>
    <row r="117401" spans="8:8">
      <c r="H117401" s="12"/>
    </row>
    <row r="117402" spans="8:8">
      <c r="H117402" s="12"/>
    </row>
    <row r="117403" spans="8:8">
      <c r="H117403" s="12"/>
    </row>
    <row r="117404" spans="8:8">
      <c r="H117404" s="12"/>
    </row>
    <row r="117405" spans="8:8">
      <c r="H117405" s="12"/>
    </row>
    <row r="117406" spans="8:8">
      <c r="H117406" s="12"/>
    </row>
    <row r="117407" spans="8:8">
      <c r="H117407" s="12"/>
    </row>
    <row r="117408" spans="8:8">
      <c r="H117408" s="12"/>
    </row>
    <row r="117409" spans="8:8">
      <c r="H117409" s="12"/>
    </row>
    <row r="117410" spans="8:8">
      <c r="H117410" s="12"/>
    </row>
    <row r="117411" spans="8:8">
      <c r="H117411" s="12"/>
    </row>
    <row r="117412" spans="8:8">
      <c r="H117412" s="12"/>
    </row>
    <row r="117413" spans="8:8">
      <c r="H117413" s="12"/>
    </row>
    <row r="117414" spans="8:8">
      <c r="H117414" s="12"/>
    </row>
    <row r="117415" spans="8:8">
      <c r="H117415" s="12"/>
    </row>
    <row r="117416" spans="8:8">
      <c r="H117416" s="12"/>
    </row>
    <row r="117417" spans="8:8">
      <c r="H117417" s="12"/>
    </row>
    <row r="117418" spans="8:8">
      <c r="H117418" s="12"/>
    </row>
    <row r="117419" spans="8:8">
      <c r="H117419" s="12"/>
    </row>
    <row r="117420" spans="8:8">
      <c r="H117420" s="12"/>
    </row>
    <row r="117421" spans="8:8">
      <c r="H117421" s="12"/>
    </row>
    <row r="117422" spans="8:8">
      <c r="H117422" s="12"/>
    </row>
    <row r="117423" spans="8:8">
      <c r="H117423" s="12"/>
    </row>
    <row r="117424" spans="8:8">
      <c r="H117424" s="12"/>
    </row>
    <row r="117425" spans="8:8">
      <c r="H117425" s="12"/>
    </row>
    <row r="117426" spans="8:8">
      <c r="H117426" s="12"/>
    </row>
    <row r="117427" spans="8:8">
      <c r="H117427" s="12"/>
    </row>
    <row r="117428" spans="8:8">
      <c r="H117428" s="12"/>
    </row>
    <row r="117429" spans="8:8">
      <c r="H117429" s="12"/>
    </row>
    <row r="117430" spans="8:8">
      <c r="H117430" s="12"/>
    </row>
    <row r="117431" spans="8:8">
      <c r="H117431" s="12"/>
    </row>
    <row r="117432" spans="8:8">
      <c r="H117432" s="12"/>
    </row>
    <row r="117433" spans="8:8">
      <c r="H117433" s="12"/>
    </row>
    <row r="117434" spans="8:8">
      <c r="H117434" s="12"/>
    </row>
    <row r="117435" spans="8:8">
      <c r="H117435" s="12"/>
    </row>
    <row r="117436" spans="8:8">
      <c r="H117436" s="12"/>
    </row>
    <row r="117437" spans="8:8">
      <c r="H117437" s="12"/>
    </row>
    <row r="117438" spans="8:8">
      <c r="H117438" s="12"/>
    </row>
    <row r="117439" spans="8:8">
      <c r="H117439" s="12"/>
    </row>
    <row r="117440" spans="8:8">
      <c r="H117440" s="12"/>
    </row>
    <row r="117441" spans="8:8">
      <c r="H117441" s="12"/>
    </row>
    <row r="117442" spans="8:8">
      <c r="H117442" s="12"/>
    </row>
    <row r="117443" spans="8:8">
      <c r="H117443" s="12"/>
    </row>
    <row r="117444" spans="8:8">
      <c r="H117444" s="12"/>
    </row>
    <row r="117445" spans="8:8">
      <c r="H117445" s="12"/>
    </row>
    <row r="117446" spans="8:8">
      <c r="H117446" s="12"/>
    </row>
    <row r="117447" spans="8:8">
      <c r="H117447" s="12"/>
    </row>
    <row r="117448" spans="8:8">
      <c r="H117448" s="12"/>
    </row>
    <row r="117449" spans="8:8">
      <c r="H117449" s="12"/>
    </row>
    <row r="117450" spans="8:8">
      <c r="H117450" s="12"/>
    </row>
    <row r="117451" spans="8:8">
      <c r="H117451" s="12"/>
    </row>
    <row r="117452" spans="8:8">
      <c r="H117452" s="12"/>
    </row>
    <row r="117453" spans="8:8">
      <c r="H117453" s="12"/>
    </row>
    <row r="117454" spans="8:8">
      <c r="H117454" s="12"/>
    </row>
    <row r="117455" spans="8:8">
      <c r="H117455" s="12"/>
    </row>
    <row r="117456" spans="8:8">
      <c r="H117456" s="12"/>
    </row>
    <row r="117457" spans="8:8">
      <c r="H117457" s="12"/>
    </row>
    <row r="117458" spans="8:8">
      <c r="H117458" s="12"/>
    </row>
    <row r="117459" spans="8:8">
      <c r="H117459" s="12"/>
    </row>
    <row r="117460" spans="8:8">
      <c r="H117460" s="12"/>
    </row>
    <row r="117461" spans="8:8">
      <c r="H117461" s="12"/>
    </row>
    <row r="117462" spans="8:8">
      <c r="H117462" s="12"/>
    </row>
    <row r="117463" spans="8:8">
      <c r="H117463" s="12"/>
    </row>
    <row r="117464" spans="8:8">
      <c r="H117464" s="12"/>
    </row>
    <row r="117465" spans="8:8">
      <c r="H117465" s="12"/>
    </row>
    <row r="117466" spans="8:8">
      <c r="H117466" s="12"/>
    </row>
    <row r="117467" spans="8:8">
      <c r="H117467" s="12"/>
    </row>
    <row r="117468" spans="8:8">
      <c r="H117468" s="12"/>
    </row>
    <row r="117469" spans="8:8">
      <c r="H117469" s="12"/>
    </row>
    <row r="117470" spans="8:8">
      <c r="H117470" s="12"/>
    </row>
    <row r="117471" spans="8:8">
      <c r="H117471" s="12"/>
    </row>
    <row r="117472" spans="8:8">
      <c r="H117472" s="12"/>
    </row>
    <row r="117473" spans="8:8">
      <c r="H117473" s="12"/>
    </row>
    <row r="117474" spans="8:8">
      <c r="H117474" s="12"/>
    </row>
    <row r="117475" spans="8:8">
      <c r="H117475" s="12"/>
    </row>
    <row r="117476" spans="8:8">
      <c r="H117476" s="12"/>
    </row>
    <row r="117477" spans="8:8">
      <c r="H117477" s="12"/>
    </row>
    <row r="117478" spans="8:8">
      <c r="H117478" s="12"/>
    </row>
    <row r="117479" spans="8:8">
      <c r="H117479" s="12"/>
    </row>
    <row r="117480" spans="8:8">
      <c r="H117480" s="12"/>
    </row>
    <row r="117481" spans="8:8">
      <c r="H117481" s="12"/>
    </row>
    <row r="117482" spans="8:8">
      <c r="H117482" s="12"/>
    </row>
    <row r="117483" spans="8:8">
      <c r="H117483" s="12"/>
    </row>
    <row r="117484" spans="8:8">
      <c r="H117484" s="12"/>
    </row>
    <row r="117485" spans="8:8">
      <c r="H117485" s="12"/>
    </row>
    <row r="117486" spans="8:8">
      <c r="H117486" s="12"/>
    </row>
    <row r="117487" spans="8:8">
      <c r="H117487" s="12"/>
    </row>
    <row r="117488" spans="8:8">
      <c r="H117488" s="12"/>
    </row>
    <row r="117489" spans="8:8">
      <c r="H117489" s="12"/>
    </row>
    <row r="117490" spans="8:8">
      <c r="H117490" s="12"/>
    </row>
    <row r="117491" spans="8:8">
      <c r="H117491" s="12"/>
    </row>
    <row r="117492" spans="8:8">
      <c r="H117492" s="12"/>
    </row>
    <row r="117493" spans="8:8">
      <c r="H117493" s="12"/>
    </row>
    <row r="117494" spans="8:8">
      <c r="H117494" s="12"/>
    </row>
    <row r="117495" spans="8:8">
      <c r="H117495" s="12"/>
    </row>
    <row r="117496" spans="8:8">
      <c r="H117496" s="12"/>
    </row>
    <row r="117497" spans="8:8">
      <c r="H117497" s="12"/>
    </row>
    <row r="117498" spans="8:8">
      <c r="H117498" s="12"/>
    </row>
    <row r="117499" spans="8:8">
      <c r="H117499" s="12"/>
    </row>
    <row r="117500" spans="8:8">
      <c r="H117500" s="12"/>
    </row>
    <row r="117501" spans="8:8">
      <c r="H117501" s="12"/>
    </row>
    <row r="117502" spans="8:8">
      <c r="H117502" s="12"/>
    </row>
    <row r="117503" spans="8:8">
      <c r="H117503" s="12"/>
    </row>
    <row r="117504" spans="8:8">
      <c r="H117504" s="12"/>
    </row>
    <row r="117505" spans="8:8">
      <c r="H117505" s="12"/>
    </row>
    <row r="117506" spans="8:8">
      <c r="H117506" s="12"/>
    </row>
    <row r="117507" spans="8:8">
      <c r="H117507" s="12"/>
    </row>
    <row r="117508" spans="8:8">
      <c r="H117508" s="12"/>
    </row>
    <row r="117509" spans="8:8">
      <c r="H117509" s="12"/>
    </row>
    <row r="117510" spans="8:8">
      <c r="H117510" s="12"/>
    </row>
    <row r="117511" spans="8:8">
      <c r="H117511" s="12"/>
    </row>
    <row r="117512" spans="8:8">
      <c r="H117512" s="12"/>
    </row>
    <row r="117513" spans="8:8">
      <c r="H117513" s="12"/>
    </row>
    <row r="117514" spans="8:8">
      <c r="H117514" s="12"/>
    </row>
    <row r="117515" spans="8:8">
      <c r="H117515" s="12"/>
    </row>
    <row r="117516" spans="8:8">
      <c r="H117516" s="12"/>
    </row>
    <row r="117517" spans="8:8">
      <c r="H117517" s="12"/>
    </row>
    <row r="117518" spans="8:8">
      <c r="H117518" s="12"/>
    </row>
    <row r="117519" spans="8:8">
      <c r="H117519" s="12"/>
    </row>
    <row r="117520" spans="8:8">
      <c r="H117520" s="12"/>
    </row>
    <row r="117521" spans="8:8">
      <c r="H117521" s="12"/>
    </row>
    <row r="117522" spans="8:8">
      <c r="H117522" s="12"/>
    </row>
    <row r="117523" spans="8:8">
      <c r="H117523" s="12"/>
    </row>
    <row r="117524" spans="8:8">
      <c r="H117524" s="12"/>
    </row>
    <row r="117525" spans="8:8">
      <c r="H117525" s="12"/>
    </row>
    <row r="117526" spans="8:8">
      <c r="H117526" s="12"/>
    </row>
    <row r="117527" spans="8:8">
      <c r="H117527" s="12"/>
    </row>
    <row r="117528" spans="8:8">
      <c r="H117528" s="12"/>
    </row>
    <row r="117529" spans="8:8">
      <c r="H117529" s="12"/>
    </row>
    <row r="117530" spans="8:8">
      <c r="H117530" s="12"/>
    </row>
    <row r="117531" spans="8:8">
      <c r="H117531" s="12"/>
    </row>
    <row r="117532" spans="8:8">
      <c r="H117532" s="12"/>
    </row>
    <row r="117533" spans="8:8">
      <c r="H117533" s="12"/>
    </row>
    <row r="117534" spans="8:8">
      <c r="H117534" s="12"/>
    </row>
    <row r="117535" spans="8:8">
      <c r="H117535" s="12"/>
    </row>
    <row r="117536" spans="8:8">
      <c r="H117536" s="12"/>
    </row>
    <row r="117537" spans="8:8">
      <c r="H117537" s="12"/>
    </row>
    <row r="117538" spans="8:8">
      <c r="H117538" s="12"/>
    </row>
    <row r="117539" spans="8:8">
      <c r="H117539" s="12"/>
    </row>
    <row r="117540" spans="8:8">
      <c r="H117540" s="12"/>
    </row>
    <row r="117541" spans="8:8">
      <c r="H117541" s="12"/>
    </row>
    <row r="117542" spans="8:8">
      <c r="H117542" s="12"/>
    </row>
    <row r="117543" spans="8:8">
      <c r="H117543" s="12"/>
    </row>
    <row r="117544" spans="8:8">
      <c r="H117544" s="12"/>
    </row>
    <row r="117545" spans="8:8">
      <c r="H117545" s="12"/>
    </row>
    <row r="117546" spans="8:8">
      <c r="H117546" s="12"/>
    </row>
    <row r="117547" spans="8:8">
      <c r="H117547" s="12"/>
    </row>
    <row r="117548" spans="8:8">
      <c r="H117548" s="12"/>
    </row>
    <row r="117549" spans="8:8">
      <c r="H117549" s="12"/>
    </row>
    <row r="117550" spans="8:8">
      <c r="H117550" s="12"/>
    </row>
    <row r="117551" spans="8:8">
      <c r="H117551" s="12"/>
    </row>
    <row r="117552" spans="8:8">
      <c r="H117552" s="12"/>
    </row>
    <row r="117553" spans="8:8">
      <c r="H117553" s="12"/>
    </row>
    <row r="117554" spans="8:8">
      <c r="H117554" s="12"/>
    </row>
    <row r="117555" spans="8:8">
      <c r="H117555" s="12"/>
    </row>
    <row r="117556" spans="8:8">
      <c r="H117556" s="12"/>
    </row>
    <row r="117557" spans="8:8">
      <c r="H117557" s="12"/>
    </row>
    <row r="117558" spans="8:8">
      <c r="H117558" s="12"/>
    </row>
    <row r="117559" spans="8:8">
      <c r="H117559" s="12"/>
    </row>
    <row r="117560" spans="8:8">
      <c r="H117560" s="12"/>
    </row>
    <row r="117561" spans="8:8">
      <c r="H117561" s="12"/>
    </row>
    <row r="117562" spans="8:8">
      <c r="H117562" s="12"/>
    </row>
    <row r="117563" spans="8:8">
      <c r="H117563" s="12"/>
    </row>
    <row r="117564" spans="8:8">
      <c r="H117564" s="12"/>
    </row>
    <row r="117565" spans="8:8">
      <c r="H117565" s="12"/>
    </row>
    <row r="117566" spans="8:8">
      <c r="H117566" s="12"/>
    </row>
    <row r="117567" spans="8:8">
      <c r="H117567" s="12"/>
    </row>
    <row r="117568" spans="8:8">
      <c r="H117568" s="12"/>
    </row>
    <row r="117569" spans="8:8">
      <c r="H117569" s="12"/>
    </row>
    <row r="117570" spans="8:8">
      <c r="H117570" s="12"/>
    </row>
    <row r="117571" spans="8:8">
      <c r="H117571" s="12"/>
    </row>
    <row r="117572" spans="8:8">
      <c r="H117572" s="12"/>
    </row>
    <row r="117573" spans="8:8">
      <c r="H117573" s="12"/>
    </row>
    <row r="117574" spans="8:8">
      <c r="H117574" s="12"/>
    </row>
    <row r="117575" spans="8:8">
      <c r="H117575" s="12"/>
    </row>
    <row r="117576" spans="8:8">
      <c r="H117576" s="12"/>
    </row>
    <row r="117577" spans="8:8">
      <c r="H117577" s="12"/>
    </row>
    <row r="117578" spans="8:8">
      <c r="H117578" s="12"/>
    </row>
    <row r="117579" spans="8:8">
      <c r="H117579" s="12"/>
    </row>
    <row r="117580" spans="8:8">
      <c r="H117580" s="12"/>
    </row>
    <row r="117581" spans="8:8">
      <c r="H117581" s="12"/>
    </row>
    <row r="117582" spans="8:8">
      <c r="H117582" s="12"/>
    </row>
    <row r="117583" spans="8:8">
      <c r="H117583" s="12"/>
    </row>
    <row r="117584" spans="8:8">
      <c r="H117584" s="12"/>
    </row>
    <row r="117585" spans="8:8">
      <c r="H117585" s="12"/>
    </row>
    <row r="117586" spans="8:8">
      <c r="H117586" s="12"/>
    </row>
    <row r="117587" spans="8:8">
      <c r="H117587" s="12"/>
    </row>
    <row r="117588" spans="8:8">
      <c r="H117588" s="12"/>
    </row>
    <row r="117589" spans="8:8">
      <c r="H117589" s="12"/>
    </row>
    <row r="117590" spans="8:8">
      <c r="H117590" s="12"/>
    </row>
    <row r="117591" spans="8:8">
      <c r="H117591" s="12"/>
    </row>
    <row r="117592" spans="8:8">
      <c r="H117592" s="12"/>
    </row>
    <row r="117593" spans="8:8">
      <c r="H117593" s="12"/>
    </row>
    <row r="117594" spans="8:8">
      <c r="H117594" s="12"/>
    </row>
    <row r="117595" spans="8:8">
      <c r="H117595" s="12"/>
    </row>
    <row r="117596" spans="8:8">
      <c r="H117596" s="12"/>
    </row>
    <row r="117597" spans="8:8">
      <c r="H117597" s="12"/>
    </row>
    <row r="117598" spans="8:8">
      <c r="H117598" s="12"/>
    </row>
    <row r="117599" spans="8:8">
      <c r="H117599" s="12"/>
    </row>
    <row r="117600" spans="8:8">
      <c r="H117600" s="12"/>
    </row>
    <row r="117601" spans="8:8">
      <c r="H117601" s="12"/>
    </row>
    <row r="117602" spans="8:8">
      <c r="H117602" s="12"/>
    </row>
    <row r="117603" spans="8:8">
      <c r="H117603" s="12"/>
    </row>
    <row r="117604" spans="8:8">
      <c r="H117604" s="12"/>
    </row>
    <row r="117605" spans="8:8">
      <c r="H117605" s="12"/>
    </row>
    <row r="117606" spans="8:8">
      <c r="H117606" s="12"/>
    </row>
    <row r="117607" spans="8:8">
      <c r="H117607" s="12"/>
    </row>
    <row r="117608" spans="8:8">
      <c r="H117608" s="12"/>
    </row>
    <row r="117609" spans="8:8">
      <c r="H117609" s="12"/>
    </row>
    <row r="117610" spans="8:8">
      <c r="H117610" s="12"/>
    </row>
    <row r="117611" spans="8:8">
      <c r="H117611" s="12"/>
    </row>
    <row r="117612" spans="8:8">
      <c r="H117612" s="12"/>
    </row>
    <row r="117613" spans="8:8">
      <c r="H117613" s="12"/>
    </row>
    <row r="117614" spans="8:8">
      <c r="H117614" s="12"/>
    </row>
    <row r="117615" spans="8:8">
      <c r="H117615" s="12"/>
    </row>
    <row r="117616" spans="8:8">
      <c r="H117616" s="12"/>
    </row>
    <row r="117617" spans="8:8">
      <c r="H117617" s="12"/>
    </row>
    <row r="117618" spans="8:8">
      <c r="H117618" s="12"/>
    </row>
    <row r="117619" spans="8:8">
      <c r="H117619" s="12"/>
    </row>
    <row r="117620" spans="8:8">
      <c r="H117620" s="12"/>
    </row>
    <row r="117621" spans="8:8">
      <c r="H117621" s="12"/>
    </row>
    <row r="117622" spans="8:8">
      <c r="H117622" s="12"/>
    </row>
    <row r="117623" spans="8:8">
      <c r="H117623" s="12"/>
    </row>
    <row r="117624" spans="8:8">
      <c r="H117624" s="12"/>
    </row>
    <row r="117625" spans="8:8">
      <c r="H117625" s="12"/>
    </row>
    <row r="117626" spans="8:8">
      <c r="H117626" s="12"/>
    </row>
    <row r="117627" spans="8:8">
      <c r="H117627" s="12"/>
    </row>
    <row r="117628" spans="8:8">
      <c r="H117628" s="12"/>
    </row>
    <row r="117629" spans="8:8">
      <c r="H117629" s="12"/>
    </row>
    <row r="117630" spans="8:8">
      <c r="H117630" s="12"/>
    </row>
    <row r="117631" spans="8:8">
      <c r="H117631" s="12"/>
    </row>
    <row r="117632" spans="8:8">
      <c r="H117632" s="12"/>
    </row>
    <row r="117633" spans="8:8">
      <c r="H117633" s="12"/>
    </row>
    <row r="117634" spans="8:8">
      <c r="H117634" s="12"/>
    </row>
    <row r="117635" spans="8:8">
      <c r="H117635" s="12"/>
    </row>
    <row r="117636" spans="8:8">
      <c r="H117636" s="12"/>
    </row>
    <row r="117637" spans="8:8">
      <c r="H117637" s="12"/>
    </row>
    <row r="117638" spans="8:8">
      <c r="H117638" s="12"/>
    </row>
    <row r="117639" spans="8:8">
      <c r="H117639" s="12"/>
    </row>
    <row r="117640" spans="8:8">
      <c r="H117640" s="12"/>
    </row>
    <row r="117641" spans="8:8">
      <c r="H117641" s="12"/>
    </row>
    <row r="117642" spans="8:8">
      <c r="H117642" s="12"/>
    </row>
    <row r="117643" spans="8:8">
      <c r="H117643" s="12"/>
    </row>
    <row r="117644" spans="8:8">
      <c r="H117644" s="12"/>
    </row>
    <row r="117645" spans="8:8">
      <c r="H117645" s="12"/>
    </row>
    <row r="117646" spans="8:8">
      <c r="H117646" s="12"/>
    </row>
    <row r="117647" spans="8:8">
      <c r="H117647" s="12"/>
    </row>
    <row r="117648" spans="8:8">
      <c r="H117648" s="12"/>
    </row>
    <row r="117649" spans="8:8">
      <c r="H117649" s="12"/>
    </row>
    <row r="117650" spans="8:8">
      <c r="H117650" s="12"/>
    </row>
    <row r="117651" spans="8:8">
      <c r="H117651" s="12"/>
    </row>
    <row r="117652" spans="8:8">
      <c r="H117652" s="12"/>
    </row>
    <row r="117653" spans="8:8">
      <c r="H117653" s="12"/>
    </row>
    <row r="117654" spans="8:8">
      <c r="H117654" s="12"/>
    </row>
    <row r="117655" spans="8:8">
      <c r="H117655" s="12"/>
    </row>
    <row r="117656" spans="8:8">
      <c r="H117656" s="12"/>
    </row>
    <row r="117657" spans="8:8">
      <c r="H117657" s="12"/>
    </row>
    <row r="117658" spans="8:8">
      <c r="H117658" s="12"/>
    </row>
    <row r="117659" spans="8:8">
      <c r="H117659" s="12"/>
    </row>
    <row r="117660" spans="8:8">
      <c r="H117660" s="12"/>
    </row>
    <row r="117661" spans="8:8">
      <c r="H117661" s="12"/>
    </row>
    <row r="117662" spans="8:8">
      <c r="H117662" s="12"/>
    </row>
    <row r="117663" spans="8:8">
      <c r="H117663" s="12"/>
    </row>
    <row r="117664" spans="8:8">
      <c r="H117664" s="12"/>
    </row>
    <row r="117665" spans="8:8">
      <c r="H117665" s="12"/>
    </row>
    <row r="117666" spans="8:8">
      <c r="H117666" s="12"/>
    </row>
    <row r="117667" spans="8:8">
      <c r="H117667" s="12"/>
    </row>
    <row r="117668" spans="8:8">
      <c r="H117668" s="12"/>
    </row>
    <row r="117669" spans="8:8">
      <c r="H117669" s="12"/>
    </row>
    <row r="117670" spans="8:8">
      <c r="H117670" s="12"/>
    </row>
    <row r="117671" spans="8:8">
      <c r="H117671" s="12"/>
    </row>
    <row r="117672" spans="8:8">
      <c r="H117672" s="12"/>
    </row>
    <row r="117673" spans="8:8">
      <c r="H117673" s="12"/>
    </row>
    <row r="117674" spans="8:8">
      <c r="H117674" s="12"/>
    </row>
    <row r="117675" spans="8:8">
      <c r="H117675" s="12"/>
    </row>
    <row r="117676" spans="8:8">
      <c r="H117676" s="12"/>
    </row>
    <row r="117677" spans="8:8">
      <c r="H117677" s="12"/>
    </row>
    <row r="117678" spans="8:8">
      <c r="H117678" s="12"/>
    </row>
    <row r="117679" spans="8:8">
      <c r="H117679" s="12"/>
    </row>
    <row r="117680" spans="8:8">
      <c r="H117680" s="12"/>
    </row>
    <row r="117681" spans="8:8">
      <c r="H117681" s="12"/>
    </row>
    <row r="117682" spans="8:8">
      <c r="H117682" s="12"/>
    </row>
    <row r="117683" spans="8:8">
      <c r="H117683" s="12"/>
    </row>
    <row r="117684" spans="8:8">
      <c r="H117684" s="12"/>
    </row>
    <row r="117685" spans="8:8">
      <c r="H117685" s="12"/>
    </row>
    <row r="117686" spans="8:8">
      <c r="H117686" s="12"/>
    </row>
    <row r="117687" spans="8:8">
      <c r="H117687" s="12"/>
    </row>
    <row r="117688" spans="8:8">
      <c r="H117688" s="12"/>
    </row>
    <row r="117689" spans="8:8">
      <c r="H117689" s="12"/>
    </row>
    <row r="117690" spans="8:8">
      <c r="H117690" s="12"/>
    </row>
    <row r="117691" spans="8:8">
      <c r="H117691" s="12"/>
    </row>
    <row r="117692" spans="8:8">
      <c r="H117692" s="12"/>
    </row>
    <row r="117693" spans="8:8">
      <c r="H117693" s="12"/>
    </row>
    <row r="117694" spans="8:8">
      <c r="H117694" s="12"/>
    </row>
    <row r="117695" spans="8:8">
      <c r="H117695" s="12"/>
    </row>
    <row r="117696" spans="8:8">
      <c r="H117696" s="12"/>
    </row>
    <row r="117697" spans="8:8">
      <c r="H117697" s="12"/>
    </row>
    <row r="117698" spans="8:8">
      <c r="H117698" s="12"/>
    </row>
    <row r="117699" spans="8:8">
      <c r="H117699" s="12"/>
    </row>
    <row r="117700" spans="8:8">
      <c r="H117700" s="12"/>
    </row>
    <row r="117701" spans="8:8">
      <c r="H117701" s="12"/>
    </row>
    <row r="117702" spans="8:8">
      <c r="H117702" s="12"/>
    </row>
    <row r="117703" spans="8:8">
      <c r="H117703" s="12"/>
    </row>
    <row r="117704" spans="8:8">
      <c r="H117704" s="12"/>
    </row>
    <row r="117705" spans="8:8">
      <c r="H117705" s="12"/>
    </row>
    <row r="117706" spans="8:8">
      <c r="H117706" s="12"/>
    </row>
    <row r="117707" spans="8:8">
      <c r="H117707" s="12"/>
    </row>
    <row r="117708" spans="8:8">
      <c r="H117708" s="12"/>
    </row>
    <row r="117709" spans="8:8">
      <c r="H117709" s="12"/>
    </row>
    <row r="117710" spans="8:8">
      <c r="H117710" s="12"/>
    </row>
    <row r="117711" spans="8:8">
      <c r="H117711" s="12"/>
    </row>
    <row r="117712" spans="8:8">
      <c r="H117712" s="12"/>
    </row>
    <row r="117713" spans="8:8">
      <c r="H117713" s="12"/>
    </row>
    <row r="117714" spans="8:8">
      <c r="H117714" s="12"/>
    </row>
    <row r="117715" spans="8:8">
      <c r="H117715" s="12"/>
    </row>
    <row r="117716" spans="8:8">
      <c r="H117716" s="12"/>
    </row>
    <row r="117717" spans="8:8">
      <c r="H117717" s="12"/>
    </row>
    <row r="117718" spans="8:8">
      <c r="H117718" s="12"/>
    </row>
    <row r="117719" spans="8:8">
      <c r="H117719" s="12"/>
    </row>
    <row r="117720" spans="8:8">
      <c r="H117720" s="12"/>
    </row>
    <row r="117721" spans="8:8">
      <c r="H117721" s="12"/>
    </row>
    <row r="117722" spans="8:8">
      <c r="H117722" s="12"/>
    </row>
    <row r="117723" spans="8:8">
      <c r="H117723" s="12"/>
    </row>
    <row r="117724" spans="8:8">
      <c r="H117724" s="12"/>
    </row>
    <row r="117725" spans="8:8">
      <c r="H117725" s="12"/>
    </row>
    <row r="117726" spans="8:8">
      <c r="H117726" s="12"/>
    </row>
    <row r="117727" spans="8:8">
      <c r="H117727" s="12"/>
    </row>
    <row r="117728" spans="8:8">
      <c r="H117728" s="12"/>
    </row>
    <row r="117729" spans="8:8">
      <c r="H117729" s="12"/>
    </row>
    <row r="117730" spans="8:8">
      <c r="H117730" s="12"/>
    </row>
    <row r="117731" spans="8:8">
      <c r="H117731" s="12"/>
    </row>
    <row r="117732" spans="8:8">
      <c r="H117732" s="12"/>
    </row>
    <row r="117733" spans="8:8">
      <c r="H117733" s="12"/>
    </row>
    <row r="117734" spans="8:8">
      <c r="H117734" s="12"/>
    </row>
    <row r="117735" spans="8:8">
      <c r="H117735" s="12"/>
    </row>
    <row r="117736" spans="8:8">
      <c r="H117736" s="12"/>
    </row>
    <row r="117737" spans="8:8">
      <c r="H117737" s="12"/>
    </row>
    <row r="117738" spans="8:8">
      <c r="H117738" s="12"/>
    </row>
    <row r="117739" spans="8:8">
      <c r="H117739" s="12"/>
    </row>
    <row r="117740" spans="8:8">
      <c r="H117740" s="12"/>
    </row>
    <row r="117741" spans="8:8">
      <c r="H117741" s="12"/>
    </row>
    <row r="117742" spans="8:8">
      <c r="H117742" s="12"/>
    </row>
    <row r="117743" spans="8:8">
      <c r="H117743" s="12"/>
    </row>
    <row r="117744" spans="8:8">
      <c r="H117744" s="12"/>
    </row>
    <row r="117745" spans="8:8">
      <c r="H117745" s="12"/>
    </row>
    <row r="117746" spans="8:8">
      <c r="H117746" s="12"/>
    </row>
    <row r="117747" spans="8:8">
      <c r="H117747" s="12"/>
    </row>
    <row r="117748" spans="8:8">
      <c r="H117748" s="12"/>
    </row>
    <row r="117749" spans="8:8">
      <c r="H117749" s="12"/>
    </row>
    <row r="117750" spans="8:8">
      <c r="H117750" s="12"/>
    </row>
    <row r="117751" spans="8:8">
      <c r="H117751" s="12"/>
    </row>
    <row r="117752" spans="8:8">
      <c r="H117752" s="12"/>
    </row>
    <row r="117753" spans="8:8">
      <c r="H117753" s="12"/>
    </row>
    <row r="117754" spans="8:8">
      <c r="H117754" s="12"/>
    </row>
    <row r="117755" spans="8:8">
      <c r="H117755" s="12"/>
    </row>
    <row r="117756" spans="8:8">
      <c r="H117756" s="12"/>
    </row>
    <row r="117757" spans="8:8">
      <c r="H117757" s="12"/>
    </row>
    <row r="117758" spans="8:8">
      <c r="H117758" s="12"/>
    </row>
    <row r="117759" spans="8:8">
      <c r="H117759" s="12"/>
    </row>
    <row r="117760" spans="8:8">
      <c r="H117760" s="12"/>
    </row>
    <row r="117761" spans="8:8">
      <c r="H117761" s="12"/>
    </row>
    <row r="117762" spans="8:8">
      <c r="H117762" s="12"/>
    </row>
    <row r="117763" spans="8:8">
      <c r="H117763" s="12"/>
    </row>
    <row r="117764" spans="8:8">
      <c r="H117764" s="12"/>
    </row>
    <row r="117765" spans="8:8">
      <c r="H117765" s="12"/>
    </row>
    <row r="117766" spans="8:8">
      <c r="H117766" s="12"/>
    </row>
    <row r="117767" spans="8:8">
      <c r="H117767" s="12"/>
    </row>
    <row r="117768" spans="8:8">
      <c r="H117768" s="12"/>
    </row>
    <row r="117769" spans="8:8">
      <c r="H117769" s="12"/>
    </row>
    <row r="117770" spans="8:8">
      <c r="H117770" s="12"/>
    </row>
    <row r="117771" spans="8:8">
      <c r="H117771" s="12"/>
    </row>
    <row r="117772" spans="8:8">
      <c r="H117772" s="12"/>
    </row>
    <row r="117773" spans="8:8">
      <c r="H117773" s="12"/>
    </row>
    <row r="117774" spans="8:8">
      <c r="H117774" s="12"/>
    </row>
    <row r="117775" spans="8:8">
      <c r="H117775" s="12"/>
    </row>
    <row r="117776" spans="8:8">
      <c r="H117776" s="12"/>
    </row>
    <row r="117777" spans="8:8">
      <c r="H117777" s="12"/>
    </row>
    <row r="117778" spans="8:8">
      <c r="H117778" s="12"/>
    </row>
    <row r="117779" spans="8:8">
      <c r="H117779" s="12"/>
    </row>
    <row r="117780" spans="8:8">
      <c r="H117780" s="12"/>
    </row>
    <row r="117781" spans="8:8">
      <c r="H117781" s="12"/>
    </row>
    <row r="117782" spans="8:8">
      <c r="H117782" s="12"/>
    </row>
    <row r="117783" spans="8:8">
      <c r="H117783" s="12"/>
    </row>
    <row r="117784" spans="8:8">
      <c r="H117784" s="12"/>
    </row>
    <row r="117785" spans="8:8">
      <c r="H117785" s="12"/>
    </row>
    <row r="117786" spans="8:8">
      <c r="H117786" s="12"/>
    </row>
    <row r="117787" spans="8:8">
      <c r="H117787" s="12"/>
    </row>
    <row r="117788" spans="8:8">
      <c r="H117788" s="12"/>
    </row>
    <row r="117789" spans="8:8">
      <c r="H117789" s="12"/>
    </row>
    <row r="117790" spans="8:8">
      <c r="H117790" s="12"/>
    </row>
    <row r="117791" spans="8:8">
      <c r="H117791" s="12"/>
    </row>
    <row r="117792" spans="8:8">
      <c r="H117792" s="12"/>
    </row>
    <row r="117793" spans="8:8">
      <c r="H117793" s="12"/>
    </row>
    <row r="117794" spans="8:8">
      <c r="H117794" s="12"/>
    </row>
    <row r="117795" spans="8:8">
      <c r="H117795" s="12"/>
    </row>
    <row r="117796" spans="8:8">
      <c r="H117796" s="12"/>
    </row>
    <row r="117797" spans="8:8">
      <c r="H117797" s="12"/>
    </row>
    <row r="117798" spans="8:8">
      <c r="H117798" s="12"/>
    </row>
    <row r="117799" spans="8:8">
      <c r="H117799" s="12"/>
    </row>
    <row r="117800" spans="8:8">
      <c r="H117800" s="12"/>
    </row>
    <row r="117801" spans="8:8">
      <c r="H117801" s="12"/>
    </row>
    <row r="117802" spans="8:8">
      <c r="H117802" s="12"/>
    </row>
    <row r="117803" spans="8:8">
      <c r="H117803" s="12"/>
    </row>
    <row r="117804" spans="8:8">
      <c r="H117804" s="12"/>
    </row>
    <row r="117805" spans="8:8">
      <c r="H117805" s="12"/>
    </row>
    <row r="117806" spans="8:8">
      <c r="H117806" s="12"/>
    </row>
    <row r="117807" spans="8:8">
      <c r="H117807" s="12"/>
    </row>
    <row r="117808" spans="8:8">
      <c r="H117808" s="12"/>
    </row>
    <row r="117809" spans="8:8">
      <c r="H117809" s="12"/>
    </row>
    <row r="117810" spans="8:8">
      <c r="H117810" s="12"/>
    </row>
    <row r="117811" spans="8:8">
      <c r="H117811" s="12"/>
    </row>
    <row r="117812" spans="8:8">
      <c r="H117812" s="12"/>
    </row>
    <row r="117813" spans="8:8">
      <c r="H117813" s="12"/>
    </row>
    <row r="117814" spans="8:8">
      <c r="H117814" s="12"/>
    </row>
    <row r="117815" spans="8:8">
      <c r="H117815" s="12"/>
    </row>
    <row r="117816" spans="8:8">
      <c r="H117816" s="12"/>
    </row>
    <row r="117817" spans="8:8">
      <c r="H117817" s="12"/>
    </row>
    <row r="117818" spans="8:8">
      <c r="H117818" s="12"/>
    </row>
    <row r="117819" spans="8:8">
      <c r="H117819" s="12"/>
    </row>
    <row r="117820" spans="8:8">
      <c r="H117820" s="12"/>
    </row>
    <row r="117821" spans="8:8">
      <c r="H117821" s="12"/>
    </row>
    <row r="117822" spans="8:8">
      <c r="H117822" s="12"/>
    </row>
    <row r="117823" spans="8:8">
      <c r="H117823" s="12"/>
    </row>
    <row r="117824" spans="8:8">
      <c r="H117824" s="12"/>
    </row>
    <row r="117825" spans="8:8">
      <c r="H117825" s="12"/>
    </row>
    <row r="117826" spans="8:8">
      <c r="H117826" s="12"/>
    </row>
    <row r="117827" spans="8:8">
      <c r="H117827" s="12"/>
    </row>
    <row r="117828" spans="8:8">
      <c r="H117828" s="12"/>
    </row>
    <row r="117829" spans="8:8">
      <c r="H117829" s="12"/>
    </row>
    <row r="117830" spans="8:8">
      <c r="H117830" s="12"/>
    </row>
    <row r="117831" spans="8:8">
      <c r="H117831" s="12"/>
    </row>
    <row r="117832" spans="8:8">
      <c r="H117832" s="12"/>
    </row>
    <row r="117833" spans="8:8">
      <c r="H117833" s="12"/>
    </row>
    <row r="117834" spans="8:8">
      <c r="H117834" s="12"/>
    </row>
    <row r="117835" spans="8:8">
      <c r="H117835" s="12"/>
    </row>
    <row r="117836" spans="8:8">
      <c r="H117836" s="12"/>
    </row>
    <row r="117837" spans="8:8">
      <c r="H117837" s="12"/>
    </row>
    <row r="117838" spans="8:8">
      <c r="H117838" s="12"/>
    </row>
    <row r="117839" spans="8:8">
      <c r="H117839" s="12"/>
    </row>
    <row r="117840" spans="8:8">
      <c r="H117840" s="12"/>
    </row>
    <row r="117841" spans="8:8">
      <c r="H117841" s="12"/>
    </row>
    <row r="117842" spans="8:8">
      <c r="H117842" s="12"/>
    </row>
    <row r="117843" spans="8:8">
      <c r="H117843" s="12"/>
    </row>
    <row r="117844" spans="8:8">
      <c r="H117844" s="12"/>
    </row>
    <row r="117845" spans="8:8">
      <c r="H117845" s="12"/>
    </row>
    <row r="117846" spans="8:8">
      <c r="H117846" s="12"/>
    </row>
    <row r="117847" spans="8:8">
      <c r="H117847" s="12"/>
    </row>
    <row r="117848" spans="8:8">
      <c r="H117848" s="12"/>
    </row>
    <row r="117849" spans="8:8">
      <c r="H117849" s="12"/>
    </row>
    <row r="117850" spans="8:8">
      <c r="H117850" s="12"/>
    </row>
    <row r="117851" spans="8:8">
      <c r="H117851" s="12"/>
    </row>
    <row r="117852" spans="8:8">
      <c r="H117852" s="12"/>
    </row>
    <row r="117853" spans="8:8">
      <c r="H117853" s="12"/>
    </row>
    <row r="117854" spans="8:8">
      <c r="H117854" s="12"/>
    </row>
    <row r="117855" spans="8:8">
      <c r="H117855" s="12"/>
    </row>
    <row r="117856" spans="8:8">
      <c r="H117856" s="12"/>
    </row>
    <row r="117857" spans="8:8">
      <c r="H117857" s="12"/>
    </row>
    <row r="117858" spans="8:8">
      <c r="H117858" s="12"/>
    </row>
    <row r="117859" spans="8:8">
      <c r="H117859" s="12"/>
    </row>
    <row r="117860" spans="8:8">
      <c r="H117860" s="12"/>
    </row>
    <row r="117861" spans="8:8">
      <c r="H117861" s="12"/>
    </row>
    <row r="117862" spans="8:8">
      <c r="H117862" s="12"/>
    </row>
    <row r="117863" spans="8:8">
      <c r="H117863" s="12"/>
    </row>
    <row r="117864" spans="8:8">
      <c r="H117864" s="12"/>
    </row>
    <row r="117865" spans="8:8">
      <c r="H117865" s="12"/>
    </row>
    <row r="117866" spans="8:8">
      <c r="H117866" s="12"/>
    </row>
    <row r="117867" spans="8:8">
      <c r="H117867" s="12"/>
    </row>
    <row r="117868" spans="8:8">
      <c r="H117868" s="12"/>
    </row>
    <row r="117869" spans="8:8">
      <c r="H117869" s="12"/>
    </row>
    <row r="117870" spans="8:8">
      <c r="H117870" s="12"/>
    </row>
    <row r="117871" spans="8:8">
      <c r="H117871" s="12"/>
    </row>
    <row r="117872" spans="8:8">
      <c r="H117872" s="12"/>
    </row>
    <row r="117873" spans="8:8">
      <c r="H117873" s="12"/>
    </row>
    <row r="117874" spans="8:8">
      <c r="H117874" s="12"/>
    </row>
    <row r="117875" spans="8:8">
      <c r="H117875" s="12"/>
    </row>
    <row r="117876" spans="8:8">
      <c r="H117876" s="12"/>
    </row>
    <row r="117877" spans="8:8">
      <c r="H117877" s="12"/>
    </row>
    <row r="117878" spans="8:8">
      <c r="H117878" s="12"/>
    </row>
    <row r="117879" spans="8:8">
      <c r="H117879" s="12"/>
    </row>
    <row r="117880" spans="8:8">
      <c r="H117880" s="12"/>
    </row>
    <row r="117881" spans="8:8">
      <c r="H117881" s="12"/>
    </row>
    <row r="117882" spans="8:8">
      <c r="H117882" s="12"/>
    </row>
    <row r="117883" spans="8:8">
      <c r="H117883" s="12"/>
    </row>
    <row r="117884" spans="8:8">
      <c r="H117884" s="12"/>
    </row>
    <row r="117885" spans="8:8">
      <c r="H117885" s="12"/>
    </row>
    <row r="117886" spans="8:8">
      <c r="H117886" s="12"/>
    </row>
    <row r="117887" spans="8:8">
      <c r="H117887" s="12"/>
    </row>
    <row r="117888" spans="8:8">
      <c r="H117888" s="12"/>
    </row>
    <row r="117889" spans="8:8">
      <c r="H117889" s="12"/>
    </row>
    <row r="117890" spans="8:8">
      <c r="H117890" s="12"/>
    </row>
    <row r="117891" spans="8:8">
      <c r="H117891" s="12"/>
    </row>
    <row r="117892" spans="8:8">
      <c r="H117892" s="12"/>
    </row>
    <row r="117893" spans="8:8">
      <c r="H117893" s="12"/>
    </row>
    <row r="117894" spans="8:8">
      <c r="H117894" s="12"/>
    </row>
    <row r="117895" spans="8:8">
      <c r="H117895" s="12"/>
    </row>
    <row r="117896" spans="8:8">
      <c r="H117896" s="12"/>
    </row>
    <row r="117897" spans="8:8">
      <c r="H117897" s="12"/>
    </row>
    <row r="117898" spans="8:8">
      <c r="H117898" s="12"/>
    </row>
    <row r="117899" spans="8:8">
      <c r="H117899" s="12"/>
    </row>
    <row r="117900" spans="8:8">
      <c r="H117900" s="12"/>
    </row>
    <row r="117901" spans="8:8">
      <c r="H117901" s="12"/>
    </row>
    <row r="117902" spans="8:8">
      <c r="H117902" s="12"/>
    </row>
    <row r="117903" spans="8:8">
      <c r="H117903" s="12"/>
    </row>
    <row r="117904" spans="8:8">
      <c r="H117904" s="12"/>
    </row>
    <row r="117905" spans="8:8">
      <c r="H117905" s="12"/>
    </row>
    <row r="117906" spans="8:8">
      <c r="H117906" s="12"/>
    </row>
    <row r="117907" spans="8:8">
      <c r="H117907" s="12"/>
    </row>
    <row r="117908" spans="8:8">
      <c r="H117908" s="12"/>
    </row>
    <row r="117909" spans="8:8">
      <c r="H117909" s="12"/>
    </row>
    <row r="117910" spans="8:8">
      <c r="H117910" s="12"/>
    </row>
    <row r="117911" spans="8:8">
      <c r="H117911" s="12"/>
    </row>
    <row r="117912" spans="8:8">
      <c r="H117912" s="12"/>
    </row>
    <row r="117913" spans="8:8">
      <c r="H117913" s="12"/>
    </row>
    <row r="117914" spans="8:8">
      <c r="H117914" s="12"/>
    </row>
    <row r="117915" spans="8:8">
      <c r="H117915" s="12"/>
    </row>
    <row r="117916" spans="8:8">
      <c r="H117916" s="12"/>
    </row>
    <row r="117917" spans="8:8">
      <c r="H117917" s="12"/>
    </row>
    <row r="117918" spans="8:8">
      <c r="H117918" s="12"/>
    </row>
    <row r="117919" spans="8:8">
      <c r="H117919" s="12"/>
    </row>
    <row r="117920" spans="8:8">
      <c r="H117920" s="12"/>
    </row>
    <row r="117921" spans="8:8">
      <c r="H117921" s="12"/>
    </row>
    <row r="117922" spans="8:8">
      <c r="H117922" s="12"/>
    </row>
    <row r="117923" spans="8:8">
      <c r="H117923" s="12"/>
    </row>
    <row r="117924" spans="8:8">
      <c r="H117924" s="12"/>
    </row>
    <row r="117925" spans="8:8">
      <c r="H117925" s="12"/>
    </row>
    <row r="117926" spans="8:8">
      <c r="H117926" s="12"/>
    </row>
    <row r="117927" spans="8:8">
      <c r="H117927" s="12"/>
    </row>
    <row r="117928" spans="8:8">
      <c r="H117928" s="12"/>
    </row>
    <row r="117929" spans="8:8">
      <c r="H117929" s="12"/>
    </row>
    <row r="117930" spans="8:8">
      <c r="H117930" s="12"/>
    </row>
    <row r="117931" spans="8:8">
      <c r="H117931" s="12"/>
    </row>
    <row r="117932" spans="8:8">
      <c r="H117932" s="12"/>
    </row>
    <row r="117933" spans="8:8">
      <c r="H117933" s="12"/>
    </row>
    <row r="117934" spans="8:8">
      <c r="H117934" s="12"/>
    </row>
    <row r="117935" spans="8:8">
      <c r="H117935" s="12"/>
    </row>
    <row r="117936" spans="8:8">
      <c r="H117936" s="12"/>
    </row>
    <row r="117937" spans="8:8">
      <c r="H117937" s="12"/>
    </row>
    <row r="117938" spans="8:8">
      <c r="H117938" s="12"/>
    </row>
    <row r="117939" spans="8:8">
      <c r="H117939" s="12"/>
    </row>
    <row r="117940" spans="8:8">
      <c r="H117940" s="12"/>
    </row>
    <row r="117941" spans="8:8">
      <c r="H117941" s="12"/>
    </row>
    <row r="117942" spans="8:8">
      <c r="H117942" s="12"/>
    </row>
    <row r="117943" spans="8:8">
      <c r="H117943" s="12"/>
    </row>
    <row r="117944" spans="8:8">
      <c r="H117944" s="12"/>
    </row>
    <row r="117945" spans="8:8">
      <c r="H117945" s="12"/>
    </row>
    <row r="117946" spans="8:8">
      <c r="H117946" s="12"/>
    </row>
    <row r="117947" spans="8:8">
      <c r="H117947" s="12"/>
    </row>
    <row r="117948" spans="8:8">
      <c r="H117948" s="12"/>
    </row>
    <row r="117949" spans="8:8">
      <c r="H117949" s="12"/>
    </row>
    <row r="117950" spans="8:8">
      <c r="H117950" s="12"/>
    </row>
    <row r="117951" spans="8:8">
      <c r="H117951" s="12"/>
    </row>
    <row r="117952" spans="8:8">
      <c r="H117952" s="12"/>
    </row>
    <row r="117953" spans="8:8">
      <c r="H117953" s="12"/>
    </row>
    <row r="117954" spans="8:8">
      <c r="H117954" s="12"/>
    </row>
    <row r="117955" spans="8:8">
      <c r="H117955" s="12"/>
    </row>
    <row r="117956" spans="8:8">
      <c r="H117956" s="12"/>
    </row>
    <row r="117957" spans="8:8">
      <c r="H117957" s="12"/>
    </row>
    <row r="117958" spans="8:8">
      <c r="H117958" s="12"/>
    </row>
    <row r="117959" spans="8:8">
      <c r="H117959" s="12"/>
    </row>
    <row r="117960" spans="8:8">
      <c r="H117960" s="12"/>
    </row>
    <row r="117961" spans="8:8">
      <c r="H117961" s="12"/>
    </row>
    <row r="117962" spans="8:8">
      <c r="H117962" s="12"/>
    </row>
    <row r="117963" spans="8:8">
      <c r="H117963" s="12"/>
    </row>
    <row r="117964" spans="8:8">
      <c r="H117964" s="12"/>
    </row>
    <row r="117965" spans="8:8">
      <c r="H117965" s="12"/>
    </row>
    <row r="117966" spans="8:8">
      <c r="H117966" s="12"/>
    </row>
    <row r="117967" spans="8:8">
      <c r="H117967" s="12"/>
    </row>
    <row r="117968" spans="8:8">
      <c r="H117968" s="12"/>
    </row>
    <row r="117969" spans="8:8">
      <c r="H117969" s="12"/>
    </row>
    <row r="117970" spans="8:8">
      <c r="H117970" s="12"/>
    </row>
    <row r="117971" spans="8:8">
      <c r="H117971" s="12"/>
    </row>
    <row r="117972" spans="8:8">
      <c r="H117972" s="12"/>
    </row>
    <row r="117973" spans="8:8">
      <c r="H117973" s="12"/>
    </row>
    <row r="117974" spans="8:8">
      <c r="H117974" s="12"/>
    </row>
    <row r="117975" spans="8:8">
      <c r="H117975" s="12"/>
    </row>
    <row r="117976" spans="8:8">
      <c r="H117976" s="12"/>
    </row>
    <row r="117977" spans="8:8">
      <c r="H117977" s="12"/>
    </row>
    <row r="117978" spans="8:8">
      <c r="H117978" s="12"/>
    </row>
    <row r="117979" spans="8:8">
      <c r="H117979" s="12"/>
    </row>
    <row r="117980" spans="8:8">
      <c r="H117980" s="12"/>
    </row>
    <row r="117981" spans="8:8">
      <c r="H117981" s="12"/>
    </row>
    <row r="117982" spans="8:8">
      <c r="H117982" s="12"/>
    </row>
    <row r="117983" spans="8:8">
      <c r="H117983" s="12"/>
    </row>
    <row r="117984" spans="8:8">
      <c r="H117984" s="12"/>
    </row>
    <row r="117985" spans="8:8">
      <c r="H117985" s="12"/>
    </row>
    <row r="117986" spans="8:8">
      <c r="H117986" s="12"/>
    </row>
    <row r="117987" spans="8:8">
      <c r="H117987" s="12"/>
    </row>
    <row r="117988" spans="8:8">
      <c r="H117988" s="12"/>
    </row>
    <row r="117989" spans="8:8">
      <c r="H117989" s="12"/>
    </row>
    <row r="117990" spans="8:8">
      <c r="H117990" s="12"/>
    </row>
    <row r="117991" spans="8:8">
      <c r="H117991" s="12"/>
    </row>
    <row r="117992" spans="8:8">
      <c r="H117992" s="12"/>
    </row>
    <row r="117993" spans="8:8">
      <c r="H117993" s="12"/>
    </row>
    <row r="117994" spans="8:8">
      <c r="H117994" s="12"/>
    </row>
    <row r="117995" spans="8:8">
      <c r="H117995" s="12"/>
    </row>
    <row r="117996" spans="8:8">
      <c r="H117996" s="12"/>
    </row>
    <row r="117997" spans="8:8">
      <c r="H117997" s="12"/>
    </row>
    <row r="117998" spans="8:8">
      <c r="H117998" s="12"/>
    </row>
    <row r="117999" spans="8:8">
      <c r="H117999" s="12"/>
    </row>
    <row r="118000" spans="8:8">
      <c r="H118000" s="12"/>
    </row>
    <row r="118001" spans="8:8">
      <c r="H118001" s="12"/>
    </row>
    <row r="118002" spans="8:8">
      <c r="H118002" s="12"/>
    </row>
    <row r="118003" spans="8:8">
      <c r="H118003" s="12"/>
    </row>
    <row r="118004" spans="8:8">
      <c r="H118004" s="12"/>
    </row>
    <row r="118005" spans="8:8">
      <c r="H118005" s="12"/>
    </row>
    <row r="118006" spans="8:8">
      <c r="H118006" s="12"/>
    </row>
    <row r="118007" spans="8:8">
      <c r="H118007" s="12"/>
    </row>
    <row r="118008" spans="8:8">
      <c r="H118008" s="12"/>
    </row>
    <row r="118009" spans="8:8">
      <c r="H118009" s="12"/>
    </row>
    <row r="118010" spans="8:8">
      <c r="H118010" s="12"/>
    </row>
    <row r="118011" spans="8:8">
      <c r="H118011" s="12"/>
    </row>
    <row r="118012" spans="8:8">
      <c r="H118012" s="12"/>
    </row>
    <row r="118013" spans="8:8">
      <c r="H118013" s="12"/>
    </row>
    <row r="118014" spans="8:8">
      <c r="H118014" s="12"/>
    </row>
    <row r="118015" spans="8:8">
      <c r="H118015" s="12"/>
    </row>
    <row r="118016" spans="8:8">
      <c r="H118016" s="12"/>
    </row>
    <row r="118017" spans="8:8">
      <c r="H118017" s="12"/>
    </row>
    <row r="118018" spans="8:8">
      <c r="H118018" s="12"/>
    </row>
    <row r="118019" spans="8:8">
      <c r="H118019" s="12"/>
    </row>
    <row r="118020" spans="8:8">
      <c r="H118020" s="12"/>
    </row>
    <row r="118021" spans="8:8">
      <c r="H118021" s="12"/>
    </row>
    <row r="118022" spans="8:8">
      <c r="H118022" s="12"/>
    </row>
    <row r="118023" spans="8:8">
      <c r="H118023" s="12"/>
    </row>
    <row r="118024" spans="8:8">
      <c r="H118024" s="12"/>
    </row>
    <row r="118025" spans="8:8">
      <c r="H118025" s="12"/>
    </row>
    <row r="118026" spans="8:8">
      <c r="H118026" s="12"/>
    </row>
    <row r="118027" spans="8:8">
      <c r="H118027" s="12"/>
    </row>
    <row r="118028" spans="8:8">
      <c r="H118028" s="12"/>
    </row>
    <row r="118029" spans="8:8">
      <c r="H118029" s="12"/>
    </row>
    <row r="118030" spans="8:8">
      <c r="H118030" s="12"/>
    </row>
    <row r="118031" spans="8:8">
      <c r="H118031" s="12"/>
    </row>
    <row r="118032" spans="8:8">
      <c r="H118032" s="12"/>
    </row>
    <row r="118033" spans="8:8">
      <c r="H118033" s="12"/>
    </row>
    <row r="118034" spans="8:8">
      <c r="H118034" s="12"/>
    </row>
    <row r="118035" spans="8:8">
      <c r="H118035" s="12"/>
    </row>
    <row r="118036" spans="8:8">
      <c r="H118036" s="12"/>
    </row>
    <row r="118037" spans="8:8">
      <c r="H118037" s="12"/>
    </row>
    <row r="118038" spans="8:8">
      <c r="H118038" s="12"/>
    </row>
    <row r="118039" spans="8:8">
      <c r="H118039" s="12"/>
    </row>
    <row r="118040" spans="8:8">
      <c r="H118040" s="12"/>
    </row>
    <row r="118041" spans="8:8">
      <c r="H118041" s="12"/>
    </row>
    <row r="118042" spans="8:8">
      <c r="H118042" s="12"/>
    </row>
    <row r="118043" spans="8:8">
      <c r="H118043" s="12"/>
    </row>
    <row r="118044" spans="8:8">
      <c r="H118044" s="12"/>
    </row>
    <row r="118045" spans="8:8">
      <c r="H118045" s="12"/>
    </row>
    <row r="118046" spans="8:8">
      <c r="H118046" s="12"/>
    </row>
    <row r="118047" spans="8:8">
      <c r="H118047" s="12"/>
    </row>
    <row r="118048" spans="8:8">
      <c r="H118048" s="12"/>
    </row>
    <row r="118049" spans="8:8">
      <c r="H118049" s="12"/>
    </row>
    <row r="118050" spans="8:8">
      <c r="H118050" s="12"/>
    </row>
    <row r="118051" spans="8:8">
      <c r="H118051" s="12"/>
    </row>
    <row r="118052" spans="8:8">
      <c r="H118052" s="12"/>
    </row>
    <row r="118053" spans="8:8">
      <c r="H118053" s="12"/>
    </row>
    <row r="118054" spans="8:8">
      <c r="H118054" s="12"/>
    </row>
    <row r="118055" spans="8:8">
      <c r="H118055" s="12"/>
    </row>
    <row r="118056" spans="8:8">
      <c r="H118056" s="12"/>
    </row>
    <row r="118057" spans="8:8">
      <c r="H118057" s="12"/>
    </row>
    <row r="118058" spans="8:8">
      <c r="H118058" s="12"/>
    </row>
    <row r="118059" spans="8:8">
      <c r="H118059" s="12"/>
    </row>
    <row r="118060" spans="8:8">
      <c r="H118060" s="12"/>
    </row>
    <row r="118061" spans="8:8">
      <c r="H118061" s="12"/>
    </row>
    <row r="118062" spans="8:8">
      <c r="H118062" s="12"/>
    </row>
    <row r="118063" spans="8:8">
      <c r="H118063" s="12"/>
    </row>
    <row r="118064" spans="8:8">
      <c r="H118064" s="12"/>
    </row>
    <row r="118065" spans="8:8">
      <c r="H118065" s="12"/>
    </row>
    <row r="118066" spans="8:8">
      <c r="H118066" s="12"/>
    </row>
    <row r="118067" spans="8:8">
      <c r="H118067" s="12"/>
    </row>
    <row r="118068" spans="8:8">
      <c r="H118068" s="12"/>
    </row>
    <row r="118069" spans="8:8">
      <c r="H118069" s="12"/>
    </row>
    <row r="118070" spans="8:8">
      <c r="H118070" s="12"/>
    </row>
    <row r="118071" spans="8:8">
      <c r="H118071" s="12"/>
    </row>
    <row r="118072" spans="8:8">
      <c r="H118072" s="12"/>
    </row>
    <row r="118073" spans="8:8">
      <c r="H118073" s="12"/>
    </row>
    <row r="118074" spans="8:8">
      <c r="H118074" s="12"/>
    </row>
    <row r="118075" spans="8:8">
      <c r="H118075" s="12"/>
    </row>
    <row r="118076" spans="8:8">
      <c r="H118076" s="12"/>
    </row>
    <row r="118077" spans="8:8">
      <c r="H118077" s="12"/>
    </row>
    <row r="118078" spans="8:8">
      <c r="H118078" s="12"/>
    </row>
    <row r="118079" spans="8:8">
      <c r="H118079" s="12"/>
    </row>
    <row r="118080" spans="8:8">
      <c r="H118080" s="12"/>
    </row>
    <row r="118081" spans="8:8">
      <c r="H118081" s="12"/>
    </row>
    <row r="118082" spans="8:8">
      <c r="H118082" s="12"/>
    </row>
    <row r="118083" spans="8:8">
      <c r="H118083" s="12"/>
    </row>
    <row r="118084" spans="8:8">
      <c r="H118084" s="12"/>
    </row>
    <row r="118085" spans="8:8">
      <c r="H118085" s="12"/>
    </row>
    <row r="118086" spans="8:8">
      <c r="H118086" s="12"/>
    </row>
    <row r="118087" spans="8:8">
      <c r="H118087" s="12"/>
    </row>
    <row r="118088" spans="8:8">
      <c r="H118088" s="12"/>
    </row>
    <row r="118089" spans="8:8">
      <c r="H118089" s="12"/>
    </row>
    <row r="118090" spans="8:8">
      <c r="H118090" s="12"/>
    </row>
    <row r="118091" spans="8:8">
      <c r="H118091" s="12"/>
    </row>
    <row r="118092" spans="8:8">
      <c r="H118092" s="12"/>
    </row>
    <row r="118093" spans="8:8">
      <c r="H118093" s="12"/>
    </row>
    <row r="118094" spans="8:8">
      <c r="H118094" s="12"/>
    </row>
    <row r="118095" spans="8:8">
      <c r="H118095" s="12"/>
    </row>
    <row r="118096" spans="8:8">
      <c r="H118096" s="12"/>
    </row>
    <row r="118097" spans="8:8">
      <c r="H118097" s="12"/>
    </row>
    <row r="118098" spans="8:8">
      <c r="H118098" s="12"/>
    </row>
    <row r="118099" spans="8:8">
      <c r="H118099" s="12"/>
    </row>
    <row r="118100" spans="8:8">
      <c r="H118100" s="12"/>
    </row>
    <row r="118101" spans="8:8">
      <c r="H118101" s="12"/>
    </row>
    <row r="118102" spans="8:8">
      <c r="H118102" s="12"/>
    </row>
    <row r="118103" spans="8:8">
      <c r="H118103" s="12"/>
    </row>
    <row r="118104" spans="8:8">
      <c r="H118104" s="12"/>
    </row>
    <row r="118105" spans="8:8">
      <c r="H118105" s="12"/>
    </row>
    <row r="118106" spans="8:8">
      <c r="H118106" s="12"/>
    </row>
    <row r="118107" spans="8:8">
      <c r="H118107" s="12"/>
    </row>
    <row r="118108" spans="8:8">
      <c r="H118108" s="12"/>
    </row>
    <row r="118109" spans="8:8">
      <c r="H118109" s="12"/>
    </row>
    <row r="118110" spans="8:8">
      <c r="H118110" s="12"/>
    </row>
    <row r="118111" spans="8:8">
      <c r="H118111" s="12"/>
    </row>
    <row r="118112" spans="8:8">
      <c r="H118112" s="12"/>
    </row>
    <row r="118113" spans="8:8">
      <c r="H118113" s="12"/>
    </row>
    <row r="118114" spans="8:8">
      <c r="H118114" s="12"/>
    </row>
    <row r="118115" spans="8:8">
      <c r="H118115" s="12"/>
    </row>
    <row r="118116" spans="8:8">
      <c r="H118116" s="12"/>
    </row>
    <row r="118117" spans="8:8">
      <c r="H118117" s="12"/>
    </row>
    <row r="118118" spans="8:8">
      <c r="H118118" s="12"/>
    </row>
    <row r="118119" spans="8:8">
      <c r="H118119" s="12"/>
    </row>
    <row r="118120" spans="8:8">
      <c r="H118120" s="12"/>
    </row>
    <row r="118121" spans="8:8">
      <c r="H118121" s="12"/>
    </row>
    <row r="118122" spans="8:8">
      <c r="H118122" s="12"/>
    </row>
    <row r="118123" spans="8:8">
      <c r="H118123" s="12"/>
    </row>
    <row r="118124" spans="8:8">
      <c r="H118124" s="12"/>
    </row>
    <row r="118125" spans="8:8">
      <c r="H118125" s="12"/>
    </row>
    <row r="118126" spans="8:8">
      <c r="H118126" s="12"/>
    </row>
    <row r="118127" spans="8:8">
      <c r="H118127" s="12"/>
    </row>
    <row r="118128" spans="8:8">
      <c r="H118128" s="12"/>
    </row>
    <row r="118129" spans="8:8">
      <c r="H118129" s="12"/>
    </row>
    <row r="118130" spans="8:8">
      <c r="H118130" s="12"/>
    </row>
    <row r="118131" spans="8:8">
      <c r="H118131" s="12"/>
    </row>
    <row r="118132" spans="8:8">
      <c r="H118132" s="12"/>
    </row>
    <row r="118133" spans="8:8">
      <c r="H118133" s="12"/>
    </row>
    <row r="118134" spans="8:8">
      <c r="H118134" s="12"/>
    </row>
    <row r="118135" spans="8:8">
      <c r="H118135" s="12"/>
    </row>
    <row r="118136" spans="8:8">
      <c r="H118136" s="12"/>
    </row>
    <row r="118137" spans="8:8">
      <c r="H118137" s="12"/>
    </row>
    <row r="118138" spans="8:8">
      <c r="H118138" s="12"/>
    </row>
    <row r="118139" spans="8:8">
      <c r="H118139" s="12"/>
    </row>
    <row r="118140" spans="8:8">
      <c r="H118140" s="12"/>
    </row>
    <row r="118141" spans="8:8">
      <c r="H118141" s="12"/>
    </row>
    <row r="118142" spans="8:8">
      <c r="H118142" s="12"/>
    </row>
    <row r="118143" spans="8:8">
      <c r="H118143" s="12"/>
    </row>
    <row r="118144" spans="8:8">
      <c r="H118144" s="12"/>
    </row>
    <row r="118145" spans="8:8">
      <c r="H118145" s="12"/>
    </row>
    <row r="118146" spans="8:8">
      <c r="H118146" s="12"/>
    </row>
    <row r="118147" spans="8:8">
      <c r="H118147" s="12"/>
    </row>
    <row r="118148" spans="8:8">
      <c r="H118148" s="12"/>
    </row>
    <row r="118149" spans="8:8">
      <c r="H118149" s="12"/>
    </row>
    <row r="118150" spans="8:8">
      <c r="H118150" s="12"/>
    </row>
    <row r="118151" spans="8:8">
      <c r="H118151" s="12"/>
    </row>
    <row r="118152" spans="8:8">
      <c r="H118152" s="12"/>
    </row>
    <row r="118153" spans="8:8">
      <c r="H118153" s="12"/>
    </row>
    <row r="118154" spans="8:8">
      <c r="H118154" s="12"/>
    </row>
    <row r="118155" spans="8:8">
      <c r="H118155" s="12"/>
    </row>
    <row r="118156" spans="8:8">
      <c r="H118156" s="12"/>
    </row>
    <row r="118157" spans="8:8">
      <c r="H118157" s="12"/>
    </row>
    <row r="118158" spans="8:8">
      <c r="H118158" s="12"/>
    </row>
    <row r="118159" spans="8:8">
      <c r="H118159" s="12"/>
    </row>
    <row r="118160" spans="8:8">
      <c r="H118160" s="12"/>
    </row>
    <row r="118161" spans="8:8">
      <c r="H118161" s="12"/>
    </row>
    <row r="118162" spans="8:8">
      <c r="H118162" s="12"/>
    </row>
    <row r="118163" spans="8:8">
      <c r="H118163" s="12"/>
    </row>
    <row r="118164" spans="8:8">
      <c r="H118164" s="12"/>
    </row>
    <row r="118165" spans="8:8">
      <c r="H118165" s="12"/>
    </row>
    <row r="118166" spans="8:8">
      <c r="H118166" s="12"/>
    </row>
    <row r="118167" spans="8:8">
      <c r="H118167" s="12"/>
    </row>
    <row r="118168" spans="8:8">
      <c r="H118168" s="12"/>
    </row>
    <row r="118169" spans="8:8">
      <c r="H118169" s="12"/>
    </row>
    <row r="118170" spans="8:8">
      <c r="H118170" s="12"/>
    </row>
    <row r="118171" spans="8:8">
      <c r="H118171" s="12"/>
    </row>
    <row r="118172" spans="8:8">
      <c r="H118172" s="12"/>
    </row>
    <row r="118173" spans="8:8">
      <c r="H118173" s="12"/>
    </row>
    <row r="118174" spans="8:8">
      <c r="H118174" s="12"/>
    </row>
    <row r="118175" spans="8:8">
      <c r="H118175" s="12"/>
    </row>
    <row r="118176" spans="8:8">
      <c r="H118176" s="12"/>
    </row>
    <row r="118177" spans="8:8">
      <c r="H118177" s="12"/>
    </row>
    <row r="118178" spans="8:8">
      <c r="H118178" s="12"/>
    </row>
    <row r="118179" spans="8:8">
      <c r="H118179" s="12"/>
    </row>
    <row r="118180" spans="8:8">
      <c r="H118180" s="12"/>
    </row>
    <row r="118181" spans="8:8">
      <c r="H118181" s="12"/>
    </row>
    <row r="118182" spans="8:8">
      <c r="H118182" s="12"/>
    </row>
    <row r="118183" spans="8:8">
      <c r="H118183" s="12"/>
    </row>
    <row r="118184" spans="8:8">
      <c r="H118184" s="12"/>
    </row>
    <row r="118185" spans="8:8">
      <c r="H118185" s="12"/>
    </row>
    <row r="118186" spans="8:8">
      <c r="H118186" s="12"/>
    </row>
    <row r="118187" spans="8:8">
      <c r="H118187" s="12"/>
    </row>
    <row r="118188" spans="8:8">
      <c r="H118188" s="12"/>
    </row>
    <row r="118189" spans="8:8">
      <c r="H118189" s="12"/>
    </row>
    <row r="118190" spans="8:8">
      <c r="H118190" s="12"/>
    </row>
    <row r="118191" spans="8:8">
      <c r="H118191" s="12"/>
    </row>
    <row r="118192" spans="8:8">
      <c r="H118192" s="12"/>
    </row>
    <row r="118193" spans="8:8">
      <c r="H118193" s="12"/>
    </row>
    <row r="118194" spans="8:8">
      <c r="H118194" s="12"/>
    </row>
    <row r="118195" spans="8:8">
      <c r="H118195" s="12"/>
    </row>
    <row r="118196" spans="8:8">
      <c r="H118196" s="12"/>
    </row>
    <row r="118197" spans="8:8">
      <c r="H118197" s="12"/>
    </row>
    <row r="118198" spans="8:8">
      <c r="H118198" s="12"/>
    </row>
    <row r="118199" spans="8:8">
      <c r="H118199" s="12"/>
    </row>
    <row r="118200" spans="8:8">
      <c r="H118200" s="12"/>
    </row>
    <row r="118201" spans="8:8">
      <c r="H118201" s="12"/>
    </row>
    <row r="118202" spans="8:8">
      <c r="H118202" s="12"/>
    </row>
    <row r="118203" spans="8:8">
      <c r="H118203" s="12"/>
    </row>
    <row r="118204" spans="8:8">
      <c r="H118204" s="12"/>
    </row>
    <row r="118205" spans="8:8">
      <c r="H118205" s="12"/>
    </row>
    <row r="118206" spans="8:8">
      <c r="H118206" s="12"/>
    </row>
    <row r="118207" spans="8:8">
      <c r="H118207" s="12"/>
    </row>
    <row r="118208" spans="8:8">
      <c r="H118208" s="12"/>
    </row>
    <row r="118209" spans="8:8">
      <c r="H118209" s="12"/>
    </row>
    <row r="118210" spans="8:8">
      <c r="H118210" s="12"/>
    </row>
    <row r="118211" spans="8:8">
      <c r="H118211" s="12"/>
    </row>
    <row r="118212" spans="8:8">
      <c r="H118212" s="12"/>
    </row>
    <row r="118213" spans="8:8">
      <c r="H118213" s="12"/>
    </row>
    <row r="118214" spans="8:8">
      <c r="H118214" s="12"/>
    </row>
    <row r="118215" spans="8:8">
      <c r="H118215" s="12"/>
    </row>
    <row r="118216" spans="8:8">
      <c r="H118216" s="12"/>
    </row>
    <row r="118217" spans="8:8">
      <c r="H118217" s="12"/>
    </row>
    <row r="118218" spans="8:8">
      <c r="H118218" s="12"/>
    </row>
    <row r="118219" spans="8:8">
      <c r="H118219" s="12"/>
    </row>
    <row r="118220" spans="8:8">
      <c r="H118220" s="12"/>
    </row>
    <row r="118221" spans="8:8">
      <c r="H118221" s="12"/>
    </row>
    <row r="118222" spans="8:8">
      <c r="H118222" s="12"/>
    </row>
    <row r="118223" spans="8:8">
      <c r="H118223" s="12"/>
    </row>
    <row r="118224" spans="8:8">
      <c r="H118224" s="12"/>
    </row>
    <row r="118225" spans="8:8">
      <c r="H118225" s="12"/>
    </row>
    <row r="118226" spans="8:8">
      <c r="H118226" s="12"/>
    </row>
    <row r="118227" spans="8:8">
      <c r="H118227" s="12"/>
    </row>
    <row r="118228" spans="8:8">
      <c r="H118228" s="12"/>
    </row>
    <row r="118229" spans="8:8">
      <c r="H118229" s="12"/>
    </row>
    <row r="118230" spans="8:8">
      <c r="H118230" s="12"/>
    </row>
    <row r="118231" spans="8:8">
      <c r="H118231" s="12"/>
    </row>
    <row r="118232" spans="8:8">
      <c r="H118232" s="12"/>
    </row>
    <row r="118233" spans="8:8">
      <c r="H118233" s="12"/>
    </row>
    <row r="118234" spans="8:8">
      <c r="H118234" s="12"/>
    </row>
    <row r="118235" spans="8:8">
      <c r="H118235" s="12"/>
    </row>
    <row r="118236" spans="8:8">
      <c r="H118236" s="12"/>
    </row>
    <row r="118237" spans="8:8">
      <c r="H118237" s="12"/>
    </row>
    <row r="118238" spans="8:8">
      <c r="H118238" s="12"/>
    </row>
    <row r="118239" spans="8:8">
      <c r="H118239" s="12"/>
    </row>
    <row r="118240" spans="8:8">
      <c r="H118240" s="12"/>
    </row>
    <row r="118241" spans="8:8">
      <c r="H118241" s="12"/>
    </row>
    <row r="118242" spans="8:8">
      <c r="H118242" s="12"/>
    </row>
    <row r="118243" spans="8:8">
      <c r="H118243" s="12"/>
    </row>
    <row r="118244" spans="8:8">
      <c r="H118244" s="12"/>
    </row>
    <row r="118245" spans="8:8">
      <c r="H118245" s="12"/>
    </row>
    <row r="118246" spans="8:8">
      <c r="H118246" s="12"/>
    </row>
    <row r="118247" spans="8:8">
      <c r="H118247" s="12"/>
    </row>
    <row r="118248" spans="8:8">
      <c r="H118248" s="12"/>
    </row>
    <row r="118249" spans="8:8">
      <c r="H118249" s="12"/>
    </row>
    <row r="118250" spans="8:8">
      <c r="H118250" s="12"/>
    </row>
    <row r="118251" spans="8:8">
      <c r="H118251" s="12"/>
    </row>
    <row r="118252" spans="8:8">
      <c r="H118252" s="12"/>
    </row>
    <row r="118253" spans="8:8">
      <c r="H118253" s="12"/>
    </row>
    <row r="118254" spans="8:8">
      <c r="H118254" s="12"/>
    </row>
    <row r="118255" spans="8:8">
      <c r="H118255" s="12"/>
    </row>
    <row r="118256" spans="8:8">
      <c r="H118256" s="12"/>
    </row>
    <row r="118257" spans="8:8">
      <c r="H118257" s="12"/>
    </row>
    <row r="118258" spans="8:8">
      <c r="H118258" s="12"/>
    </row>
    <row r="118259" spans="8:8">
      <c r="H118259" s="12"/>
    </row>
    <row r="118260" spans="8:8">
      <c r="H118260" s="12"/>
    </row>
    <row r="118261" spans="8:8">
      <c r="H118261" s="12"/>
    </row>
    <row r="118262" spans="8:8">
      <c r="H118262" s="12"/>
    </row>
    <row r="118263" spans="8:8">
      <c r="H118263" s="12"/>
    </row>
    <row r="118264" spans="8:8">
      <c r="H118264" s="12"/>
    </row>
    <row r="118265" spans="8:8">
      <c r="H118265" s="12"/>
    </row>
    <row r="118266" spans="8:8">
      <c r="H118266" s="12"/>
    </row>
    <row r="118267" spans="8:8">
      <c r="H118267" s="12"/>
    </row>
    <row r="118268" spans="8:8">
      <c r="H118268" s="12"/>
    </row>
    <row r="118269" spans="8:8">
      <c r="H118269" s="12"/>
    </row>
    <row r="118270" spans="8:8">
      <c r="H118270" s="12"/>
    </row>
    <row r="118271" spans="8:8">
      <c r="H118271" s="12"/>
    </row>
    <row r="118272" spans="8:8">
      <c r="H118272" s="12"/>
    </row>
    <row r="118273" spans="8:8">
      <c r="H118273" s="12"/>
    </row>
    <row r="118274" spans="8:8">
      <c r="H118274" s="12"/>
    </row>
    <row r="118275" spans="8:8">
      <c r="H118275" s="12"/>
    </row>
    <row r="118276" spans="8:8">
      <c r="H118276" s="12"/>
    </row>
    <row r="118277" spans="8:8">
      <c r="H118277" s="12"/>
    </row>
    <row r="118278" spans="8:8">
      <c r="H118278" s="12"/>
    </row>
    <row r="118279" spans="8:8">
      <c r="H118279" s="12"/>
    </row>
    <row r="118280" spans="8:8">
      <c r="H118280" s="12"/>
    </row>
    <row r="118281" spans="8:8">
      <c r="H118281" s="12"/>
    </row>
    <row r="118282" spans="8:8">
      <c r="H118282" s="12"/>
    </row>
    <row r="118283" spans="8:8">
      <c r="H118283" s="12"/>
    </row>
    <row r="118284" spans="8:8">
      <c r="H118284" s="12"/>
    </row>
    <row r="118285" spans="8:8">
      <c r="H118285" s="12"/>
    </row>
    <row r="118286" spans="8:8">
      <c r="H118286" s="12"/>
    </row>
    <row r="118287" spans="8:8">
      <c r="H118287" s="12"/>
    </row>
    <row r="118288" spans="8:8">
      <c r="H118288" s="12"/>
    </row>
    <row r="118289" spans="8:8">
      <c r="H118289" s="12"/>
    </row>
    <row r="118290" spans="8:8">
      <c r="H118290" s="12"/>
    </row>
    <row r="118291" spans="8:8">
      <c r="H118291" s="12"/>
    </row>
    <row r="118292" spans="8:8">
      <c r="H118292" s="12"/>
    </row>
    <row r="118293" spans="8:8">
      <c r="H118293" s="12"/>
    </row>
    <row r="118294" spans="8:8">
      <c r="H118294" s="12"/>
    </row>
    <row r="118295" spans="8:8">
      <c r="H118295" s="12"/>
    </row>
    <row r="118296" spans="8:8">
      <c r="H118296" s="12"/>
    </row>
    <row r="118297" spans="8:8">
      <c r="H118297" s="12"/>
    </row>
    <row r="118298" spans="8:8">
      <c r="H118298" s="12"/>
    </row>
    <row r="118299" spans="8:8">
      <c r="H118299" s="12"/>
    </row>
    <row r="118300" spans="8:8">
      <c r="H118300" s="12"/>
    </row>
    <row r="118301" spans="8:8">
      <c r="H118301" s="12"/>
    </row>
    <row r="118302" spans="8:8">
      <c r="H118302" s="12"/>
    </row>
    <row r="118303" spans="8:8">
      <c r="H118303" s="12"/>
    </row>
    <row r="118304" spans="8:8">
      <c r="H118304" s="12"/>
    </row>
    <row r="118305" spans="8:8">
      <c r="H118305" s="12"/>
    </row>
    <row r="118306" spans="8:8">
      <c r="H118306" s="12"/>
    </row>
    <row r="118307" spans="8:8">
      <c r="H118307" s="12"/>
    </row>
    <row r="118308" spans="8:8">
      <c r="H118308" s="12"/>
    </row>
    <row r="118309" spans="8:8">
      <c r="H118309" s="12"/>
    </row>
    <row r="118310" spans="8:8">
      <c r="H118310" s="12"/>
    </row>
    <row r="118311" spans="8:8">
      <c r="H118311" s="12"/>
    </row>
    <row r="118312" spans="8:8">
      <c r="H118312" s="12"/>
    </row>
    <row r="118313" spans="8:8">
      <c r="H118313" s="12"/>
    </row>
    <row r="118314" spans="8:8">
      <c r="H118314" s="12"/>
    </row>
    <row r="118315" spans="8:8">
      <c r="H118315" s="12"/>
    </row>
    <row r="118316" spans="8:8">
      <c r="H118316" s="12"/>
    </row>
    <row r="118317" spans="8:8">
      <c r="H118317" s="12"/>
    </row>
    <row r="118318" spans="8:8">
      <c r="H118318" s="12"/>
    </row>
    <row r="118319" spans="8:8">
      <c r="H118319" s="12"/>
    </row>
    <row r="118320" spans="8:8">
      <c r="H118320" s="12"/>
    </row>
    <row r="118321" spans="8:8">
      <c r="H118321" s="12"/>
    </row>
    <row r="118322" spans="8:8">
      <c r="H118322" s="12"/>
    </row>
    <row r="118323" spans="8:8">
      <c r="H118323" s="12"/>
    </row>
    <row r="118324" spans="8:8">
      <c r="H118324" s="12"/>
    </row>
    <row r="118325" spans="8:8">
      <c r="H118325" s="12"/>
    </row>
    <row r="118326" spans="8:8">
      <c r="H118326" s="12"/>
    </row>
    <row r="118327" spans="8:8">
      <c r="H118327" s="12"/>
    </row>
    <row r="118328" spans="8:8">
      <c r="H118328" s="12"/>
    </row>
    <row r="118329" spans="8:8">
      <c r="H118329" s="12"/>
    </row>
    <row r="118330" spans="8:8">
      <c r="H118330" s="12"/>
    </row>
    <row r="118331" spans="8:8">
      <c r="H118331" s="12"/>
    </row>
    <row r="118332" spans="8:8">
      <c r="H118332" s="12"/>
    </row>
    <row r="118333" spans="8:8">
      <c r="H118333" s="12"/>
    </row>
    <row r="118334" spans="8:8">
      <c r="H118334" s="12"/>
    </row>
    <row r="118335" spans="8:8">
      <c r="H118335" s="12"/>
    </row>
    <row r="118336" spans="8:8">
      <c r="H118336" s="12"/>
    </row>
    <row r="118337" spans="8:8">
      <c r="H118337" s="12"/>
    </row>
    <row r="118338" spans="8:8">
      <c r="H118338" s="12"/>
    </row>
    <row r="118339" spans="8:8">
      <c r="H118339" s="12"/>
    </row>
    <row r="118340" spans="8:8">
      <c r="H118340" s="12"/>
    </row>
    <row r="118341" spans="8:8">
      <c r="H118341" s="12"/>
    </row>
    <row r="118342" spans="8:8">
      <c r="H118342" s="12"/>
    </row>
    <row r="118343" spans="8:8">
      <c r="H118343" s="12"/>
    </row>
    <row r="118344" spans="8:8">
      <c r="H118344" s="12"/>
    </row>
    <row r="118345" spans="8:8">
      <c r="H118345" s="12"/>
    </row>
    <row r="118346" spans="8:8">
      <c r="H118346" s="12"/>
    </row>
    <row r="118347" spans="8:8">
      <c r="H118347" s="12"/>
    </row>
    <row r="118348" spans="8:8">
      <c r="H118348" s="12"/>
    </row>
    <row r="118349" spans="8:8">
      <c r="H118349" s="12"/>
    </row>
    <row r="118350" spans="8:8">
      <c r="H118350" s="12"/>
    </row>
    <row r="118351" spans="8:8">
      <c r="H118351" s="12"/>
    </row>
    <row r="118352" spans="8:8">
      <c r="H118352" s="12"/>
    </row>
    <row r="118353" spans="8:8">
      <c r="H118353" s="12"/>
    </row>
    <row r="118354" spans="8:8">
      <c r="H118354" s="12"/>
    </row>
    <row r="118355" spans="8:8">
      <c r="H118355" s="12"/>
    </row>
    <row r="118356" spans="8:8">
      <c r="H118356" s="12"/>
    </row>
    <row r="118357" spans="8:8">
      <c r="H118357" s="12"/>
    </row>
    <row r="118358" spans="8:8">
      <c r="H118358" s="12"/>
    </row>
    <row r="118359" spans="8:8">
      <c r="H118359" s="12"/>
    </row>
    <row r="118360" spans="8:8">
      <c r="H118360" s="12"/>
    </row>
    <row r="118361" spans="8:8">
      <c r="H118361" s="12"/>
    </row>
    <row r="118362" spans="8:8">
      <c r="H118362" s="12"/>
    </row>
    <row r="118363" spans="8:8">
      <c r="H118363" s="12"/>
    </row>
    <row r="118364" spans="8:8">
      <c r="H118364" s="12"/>
    </row>
    <row r="118365" spans="8:8">
      <c r="H118365" s="12"/>
    </row>
    <row r="118366" spans="8:8">
      <c r="H118366" s="12"/>
    </row>
    <row r="118367" spans="8:8">
      <c r="H118367" s="12"/>
    </row>
    <row r="118368" spans="8:8">
      <c r="H118368" s="12"/>
    </row>
    <row r="118369" spans="8:8">
      <c r="H118369" s="12"/>
    </row>
    <row r="118370" spans="8:8">
      <c r="H118370" s="12"/>
    </row>
    <row r="118371" spans="8:8">
      <c r="H118371" s="12"/>
    </row>
    <row r="118372" spans="8:8">
      <c r="H118372" s="12"/>
    </row>
    <row r="118373" spans="8:8">
      <c r="H118373" s="12"/>
    </row>
    <row r="118374" spans="8:8">
      <c r="H118374" s="12"/>
    </row>
    <row r="118375" spans="8:8">
      <c r="H118375" s="12"/>
    </row>
    <row r="118376" spans="8:8">
      <c r="H118376" s="12"/>
    </row>
    <row r="118377" spans="8:8">
      <c r="H118377" s="12"/>
    </row>
    <row r="118378" spans="8:8">
      <c r="H118378" s="12"/>
    </row>
    <row r="118379" spans="8:8">
      <c r="H118379" s="12"/>
    </row>
    <row r="118380" spans="8:8">
      <c r="H118380" s="12"/>
    </row>
    <row r="118381" spans="8:8">
      <c r="H118381" s="12"/>
    </row>
    <row r="118382" spans="8:8">
      <c r="H118382" s="12"/>
    </row>
    <row r="118383" spans="8:8">
      <c r="H118383" s="12"/>
    </row>
    <row r="118384" spans="8:8">
      <c r="H118384" s="12"/>
    </row>
    <row r="118385" spans="8:8">
      <c r="H118385" s="12"/>
    </row>
    <row r="118386" spans="8:8">
      <c r="H118386" s="12"/>
    </row>
    <row r="118387" spans="8:8">
      <c r="H118387" s="12"/>
    </row>
    <row r="118388" spans="8:8">
      <c r="H118388" s="12"/>
    </row>
    <row r="118389" spans="8:8">
      <c r="H118389" s="12"/>
    </row>
    <row r="118390" spans="8:8">
      <c r="H118390" s="12"/>
    </row>
    <row r="118391" spans="8:8">
      <c r="H118391" s="12"/>
    </row>
    <row r="118392" spans="8:8">
      <c r="H118392" s="12"/>
    </row>
    <row r="118393" spans="8:8">
      <c r="H118393" s="12"/>
    </row>
    <row r="118394" spans="8:8">
      <c r="H118394" s="12"/>
    </row>
    <row r="118395" spans="8:8">
      <c r="H118395" s="12"/>
    </row>
    <row r="118396" spans="8:8">
      <c r="H118396" s="12"/>
    </row>
    <row r="118397" spans="8:8">
      <c r="H118397" s="12"/>
    </row>
    <row r="118398" spans="8:8">
      <c r="H118398" s="12"/>
    </row>
    <row r="118399" spans="8:8">
      <c r="H118399" s="12"/>
    </row>
    <row r="118400" spans="8:8">
      <c r="H118400" s="12"/>
    </row>
    <row r="118401" spans="8:8">
      <c r="H118401" s="12"/>
    </row>
    <row r="118402" spans="8:8">
      <c r="H118402" s="12"/>
    </row>
    <row r="118403" spans="8:8">
      <c r="H118403" s="12"/>
    </row>
    <row r="118404" spans="8:8">
      <c r="H118404" s="12"/>
    </row>
    <row r="118405" spans="8:8">
      <c r="H118405" s="12"/>
    </row>
    <row r="118406" spans="8:8">
      <c r="H118406" s="12"/>
    </row>
    <row r="118407" spans="8:8">
      <c r="H118407" s="12"/>
    </row>
    <row r="118408" spans="8:8">
      <c r="H118408" s="12"/>
    </row>
    <row r="118409" spans="8:8">
      <c r="H118409" s="12"/>
    </row>
    <row r="118410" spans="8:8">
      <c r="H118410" s="12"/>
    </row>
    <row r="118411" spans="8:8">
      <c r="H118411" s="12"/>
    </row>
    <row r="118412" spans="8:8">
      <c r="H118412" s="12"/>
    </row>
    <row r="118413" spans="8:8">
      <c r="H118413" s="12"/>
    </row>
    <row r="118414" spans="8:8">
      <c r="H118414" s="12"/>
    </row>
    <row r="118415" spans="8:8">
      <c r="H118415" s="12"/>
    </row>
    <row r="118416" spans="8:8">
      <c r="H118416" s="12"/>
    </row>
    <row r="118417" spans="8:8">
      <c r="H118417" s="12"/>
    </row>
    <row r="118418" spans="8:8">
      <c r="H118418" s="12"/>
    </row>
    <row r="118419" spans="8:8">
      <c r="H118419" s="12"/>
    </row>
    <row r="118420" spans="8:8">
      <c r="H118420" s="12"/>
    </row>
    <row r="118421" spans="8:8">
      <c r="H118421" s="12"/>
    </row>
    <row r="118422" spans="8:8">
      <c r="H118422" s="12"/>
    </row>
    <row r="118423" spans="8:8">
      <c r="H118423" s="12"/>
    </row>
    <row r="118424" spans="8:8">
      <c r="H118424" s="12"/>
    </row>
    <row r="118425" spans="8:8">
      <c r="H118425" s="12"/>
    </row>
    <row r="118426" spans="8:8">
      <c r="H118426" s="12"/>
    </row>
    <row r="118427" spans="8:8">
      <c r="H118427" s="12"/>
    </row>
    <row r="118428" spans="8:8">
      <c r="H118428" s="12"/>
    </row>
    <row r="118429" spans="8:8">
      <c r="H118429" s="12"/>
    </row>
    <row r="118430" spans="8:8">
      <c r="H118430" s="12"/>
    </row>
    <row r="118431" spans="8:8">
      <c r="H118431" s="12"/>
    </row>
    <row r="118432" spans="8:8">
      <c r="H118432" s="12"/>
    </row>
    <row r="118433" spans="8:8">
      <c r="H118433" s="12"/>
    </row>
    <row r="118434" spans="8:8">
      <c r="H118434" s="12"/>
    </row>
    <row r="118435" spans="8:8">
      <c r="H118435" s="12"/>
    </row>
    <row r="118436" spans="8:8">
      <c r="H118436" s="12"/>
    </row>
    <row r="118437" spans="8:8">
      <c r="H118437" s="12"/>
    </row>
    <row r="118438" spans="8:8">
      <c r="H118438" s="12"/>
    </row>
    <row r="118439" spans="8:8">
      <c r="H118439" s="12"/>
    </row>
    <row r="118440" spans="8:8">
      <c r="H118440" s="12"/>
    </row>
    <row r="118441" spans="8:8">
      <c r="H118441" s="12"/>
    </row>
    <row r="118442" spans="8:8">
      <c r="H118442" s="12"/>
    </row>
    <row r="118443" spans="8:8">
      <c r="H118443" s="12"/>
    </row>
    <row r="118444" spans="8:8">
      <c r="H118444" s="12"/>
    </row>
    <row r="118445" spans="8:8">
      <c r="H118445" s="12"/>
    </row>
    <row r="118446" spans="8:8">
      <c r="H118446" s="12"/>
    </row>
    <row r="118447" spans="8:8">
      <c r="H118447" s="12"/>
    </row>
    <row r="118448" spans="8:8">
      <c r="H118448" s="12"/>
    </row>
    <row r="118449" spans="8:8">
      <c r="H118449" s="12"/>
    </row>
    <row r="118450" spans="8:8">
      <c r="H118450" s="12"/>
    </row>
    <row r="118451" spans="8:8">
      <c r="H118451" s="12"/>
    </row>
    <row r="118452" spans="8:8">
      <c r="H118452" s="12"/>
    </row>
    <row r="118453" spans="8:8">
      <c r="H118453" s="12"/>
    </row>
    <row r="118454" spans="8:8">
      <c r="H118454" s="12"/>
    </row>
    <row r="118455" spans="8:8">
      <c r="H118455" s="12"/>
    </row>
    <row r="118456" spans="8:8">
      <c r="H118456" s="12"/>
    </row>
    <row r="118457" spans="8:8">
      <c r="H118457" s="12"/>
    </row>
    <row r="118458" spans="8:8">
      <c r="H118458" s="12"/>
    </row>
    <row r="118459" spans="8:8">
      <c r="H118459" s="12"/>
    </row>
    <row r="118460" spans="8:8">
      <c r="H118460" s="12"/>
    </row>
    <row r="118461" spans="8:8">
      <c r="H118461" s="12"/>
    </row>
    <row r="118462" spans="8:8">
      <c r="H118462" s="12"/>
    </row>
    <row r="118463" spans="8:8">
      <c r="H118463" s="12"/>
    </row>
    <row r="118464" spans="8:8">
      <c r="H118464" s="12"/>
    </row>
    <row r="118465" spans="8:8">
      <c r="H118465" s="12"/>
    </row>
    <row r="118466" spans="8:8">
      <c r="H118466" s="12"/>
    </row>
    <row r="118467" spans="8:8">
      <c r="H118467" s="12"/>
    </row>
    <row r="118468" spans="8:8">
      <c r="H118468" s="12"/>
    </row>
    <row r="118469" spans="8:8">
      <c r="H118469" s="12"/>
    </row>
    <row r="118470" spans="8:8">
      <c r="H118470" s="12"/>
    </row>
    <row r="118471" spans="8:8">
      <c r="H118471" s="12"/>
    </row>
    <row r="118472" spans="8:8">
      <c r="H118472" s="12"/>
    </row>
    <row r="118473" spans="8:8">
      <c r="H118473" s="12"/>
    </row>
    <row r="118474" spans="8:8">
      <c r="H118474" s="12"/>
    </row>
    <row r="118475" spans="8:8">
      <c r="H118475" s="12"/>
    </row>
    <row r="118476" spans="8:8">
      <c r="H118476" s="12"/>
    </row>
    <row r="118477" spans="8:8">
      <c r="H118477" s="12"/>
    </row>
    <row r="118478" spans="8:8">
      <c r="H118478" s="12"/>
    </row>
    <row r="118479" spans="8:8">
      <c r="H118479" s="12"/>
    </row>
    <row r="118480" spans="8:8">
      <c r="H118480" s="12"/>
    </row>
    <row r="118481" spans="8:8">
      <c r="H118481" s="12"/>
    </row>
    <row r="118482" spans="8:8">
      <c r="H118482" s="12"/>
    </row>
    <row r="118483" spans="8:8">
      <c r="H118483" s="12"/>
    </row>
    <row r="118484" spans="8:8">
      <c r="H118484" s="12"/>
    </row>
    <row r="118485" spans="8:8">
      <c r="H118485" s="12"/>
    </row>
    <row r="118486" spans="8:8">
      <c r="H118486" s="12"/>
    </row>
    <row r="118487" spans="8:8">
      <c r="H118487" s="12"/>
    </row>
    <row r="118488" spans="8:8">
      <c r="H118488" s="12"/>
    </row>
    <row r="118489" spans="8:8">
      <c r="H118489" s="12"/>
    </row>
    <row r="118490" spans="8:8">
      <c r="H118490" s="12"/>
    </row>
    <row r="118491" spans="8:8">
      <c r="H118491" s="12"/>
    </row>
    <row r="118492" spans="8:8">
      <c r="H118492" s="12"/>
    </row>
    <row r="118493" spans="8:8">
      <c r="H118493" s="12"/>
    </row>
    <row r="118494" spans="8:8">
      <c r="H118494" s="12"/>
    </row>
    <row r="118495" spans="8:8">
      <c r="H118495" s="12"/>
    </row>
    <row r="118496" spans="8:8">
      <c r="H118496" s="12"/>
    </row>
    <row r="118497" spans="8:8">
      <c r="H118497" s="12"/>
    </row>
    <row r="118498" spans="8:8">
      <c r="H118498" s="12"/>
    </row>
    <row r="118499" spans="8:8">
      <c r="H118499" s="12"/>
    </row>
    <row r="118500" spans="8:8">
      <c r="H118500" s="12"/>
    </row>
    <row r="118501" spans="8:8">
      <c r="H118501" s="12"/>
    </row>
    <row r="118502" spans="8:8">
      <c r="H118502" s="12"/>
    </row>
    <row r="118503" spans="8:8">
      <c r="H118503" s="12"/>
    </row>
    <row r="118504" spans="8:8">
      <c r="H118504" s="12"/>
    </row>
    <row r="118505" spans="8:8">
      <c r="H118505" s="12"/>
    </row>
    <row r="118506" spans="8:8">
      <c r="H118506" s="12"/>
    </row>
    <row r="118507" spans="8:8">
      <c r="H118507" s="12"/>
    </row>
    <row r="118508" spans="8:8">
      <c r="H118508" s="12"/>
    </row>
    <row r="118509" spans="8:8">
      <c r="H118509" s="12"/>
    </row>
    <row r="118510" spans="8:8">
      <c r="H118510" s="12"/>
    </row>
    <row r="118511" spans="8:8">
      <c r="H118511" s="12"/>
    </row>
    <row r="118512" spans="8:8">
      <c r="H118512" s="12"/>
    </row>
    <row r="118513" spans="8:8">
      <c r="H118513" s="12"/>
    </row>
    <row r="118514" spans="8:8">
      <c r="H118514" s="12"/>
    </row>
    <row r="118515" spans="8:8">
      <c r="H118515" s="12"/>
    </row>
    <row r="118516" spans="8:8">
      <c r="H118516" s="12"/>
    </row>
    <row r="118517" spans="8:8">
      <c r="H118517" s="12"/>
    </row>
    <row r="118518" spans="8:8">
      <c r="H118518" s="12"/>
    </row>
    <row r="118519" spans="8:8">
      <c r="H118519" s="12"/>
    </row>
    <row r="118520" spans="8:8">
      <c r="H118520" s="12"/>
    </row>
    <row r="118521" spans="8:8">
      <c r="H118521" s="12"/>
    </row>
    <row r="118522" spans="8:8">
      <c r="H118522" s="12"/>
    </row>
    <row r="118523" spans="8:8">
      <c r="H118523" s="12"/>
    </row>
    <row r="118524" spans="8:8">
      <c r="H118524" s="12"/>
    </row>
    <row r="118525" spans="8:8">
      <c r="H118525" s="12"/>
    </row>
    <row r="118526" spans="8:8">
      <c r="H118526" s="12"/>
    </row>
    <row r="118527" spans="8:8">
      <c r="H118527" s="12"/>
    </row>
    <row r="118528" spans="8:8">
      <c r="H118528" s="12"/>
    </row>
    <row r="118529" spans="8:8">
      <c r="H118529" s="12"/>
    </row>
    <row r="118530" spans="8:8">
      <c r="H118530" s="12"/>
    </row>
    <row r="118531" spans="8:8">
      <c r="H118531" s="12"/>
    </row>
    <row r="118532" spans="8:8">
      <c r="H118532" s="12"/>
    </row>
    <row r="118533" spans="8:8">
      <c r="H118533" s="12"/>
    </row>
    <row r="118534" spans="8:8">
      <c r="H118534" s="12"/>
    </row>
    <row r="118535" spans="8:8">
      <c r="H118535" s="12"/>
    </row>
    <row r="118536" spans="8:8">
      <c r="H118536" s="12"/>
    </row>
    <row r="118537" spans="8:8">
      <c r="H118537" s="12"/>
    </row>
    <row r="118538" spans="8:8">
      <c r="H118538" s="12"/>
    </row>
    <row r="118539" spans="8:8">
      <c r="H118539" s="12"/>
    </row>
    <row r="118540" spans="8:8">
      <c r="H118540" s="12"/>
    </row>
    <row r="118541" spans="8:8">
      <c r="H118541" s="12"/>
    </row>
    <row r="118542" spans="8:8">
      <c r="H118542" s="12"/>
    </row>
    <row r="118543" spans="8:8">
      <c r="H118543" s="12"/>
    </row>
    <row r="118544" spans="8:8">
      <c r="H118544" s="12"/>
    </row>
    <row r="118545" spans="8:8">
      <c r="H118545" s="12"/>
    </row>
    <row r="118546" spans="8:8">
      <c r="H118546" s="12"/>
    </row>
    <row r="118547" spans="8:8">
      <c r="H118547" s="12"/>
    </row>
    <row r="118548" spans="8:8">
      <c r="H118548" s="12"/>
    </row>
    <row r="118549" spans="8:8">
      <c r="H118549" s="12"/>
    </row>
    <row r="118550" spans="8:8">
      <c r="H118550" s="12"/>
    </row>
    <row r="118551" spans="8:8">
      <c r="H118551" s="12"/>
    </row>
    <row r="118552" spans="8:8">
      <c r="H118552" s="12"/>
    </row>
    <row r="118553" spans="8:8">
      <c r="H118553" s="12"/>
    </row>
    <row r="118554" spans="8:8">
      <c r="H118554" s="12"/>
    </row>
    <row r="118555" spans="8:8">
      <c r="H118555" s="12"/>
    </row>
    <row r="118556" spans="8:8">
      <c r="H118556" s="12"/>
    </row>
    <row r="118557" spans="8:8">
      <c r="H118557" s="12"/>
    </row>
    <row r="118558" spans="8:8">
      <c r="H118558" s="12"/>
    </row>
    <row r="118559" spans="8:8">
      <c r="H118559" s="12"/>
    </row>
    <row r="118560" spans="8:8">
      <c r="H118560" s="12"/>
    </row>
    <row r="118561" spans="8:8">
      <c r="H118561" s="12"/>
    </row>
    <row r="118562" spans="8:8">
      <c r="H118562" s="12"/>
    </row>
    <row r="118563" spans="8:8">
      <c r="H118563" s="12"/>
    </row>
    <row r="118564" spans="8:8">
      <c r="H118564" s="12"/>
    </row>
    <row r="118565" spans="8:8">
      <c r="H118565" s="12"/>
    </row>
    <row r="118566" spans="8:8">
      <c r="H118566" s="12"/>
    </row>
    <row r="118567" spans="8:8">
      <c r="H118567" s="12"/>
    </row>
    <row r="118568" spans="8:8">
      <c r="H118568" s="12"/>
    </row>
    <row r="118569" spans="8:8">
      <c r="H118569" s="12"/>
    </row>
    <row r="118570" spans="8:8">
      <c r="H118570" s="12"/>
    </row>
    <row r="118571" spans="8:8">
      <c r="H118571" s="12"/>
    </row>
    <row r="118572" spans="8:8">
      <c r="H118572" s="12"/>
    </row>
    <row r="118573" spans="8:8">
      <c r="H118573" s="12"/>
    </row>
    <row r="118574" spans="8:8">
      <c r="H118574" s="12"/>
    </row>
    <row r="118575" spans="8:8">
      <c r="H118575" s="12"/>
    </row>
    <row r="118576" spans="8:8">
      <c r="H118576" s="12"/>
    </row>
    <row r="118577" spans="8:8">
      <c r="H118577" s="12"/>
    </row>
    <row r="118578" spans="8:8">
      <c r="H118578" s="12"/>
    </row>
    <row r="118579" spans="8:8">
      <c r="H118579" s="12"/>
    </row>
    <row r="118580" spans="8:8">
      <c r="H118580" s="12"/>
    </row>
    <row r="118581" spans="8:8">
      <c r="H118581" s="12"/>
    </row>
    <row r="118582" spans="8:8">
      <c r="H118582" s="12"/>
    </row>
    <row r="118583" spans="8:8">
      <c r="H118583" s="12"/>
    </row>
    <row r="118584" spans="8:8">
      <c r="H118584" s="12"/>
    </row>
    <row r="118585" spans="8:8">
      <c r="H118585" s="12"/>
    </row>
    <row r="118586" spans="8:8">
      <c r="H118586" s="12"/>
    </row>
    <row r="118587" spans="8:8">
      <c r="H118587" s="12"/>
    </row>
    <row r="118588" spans="8:8">
      <c r="H118588" s="12"/>
    </row>
    <row r="118589" spans="8:8">
      <c r="H118589" s="12"/>
    </row>
    <row r="118590" spans="8:8">
      <c r="H118590" s="12"/>
    </row>
    <row r="118591" spans="8:8">
      <c r="H118591" s="12"/>
    </row>
    <row r="118592" spans="8:8">
      <c r="H118592" s="12"/>
    </row>
    <row r="118593" spans="8:8">
      <c r="H118593" s="12"/>
    </row>
    <row r="118594" spans="8:8">
      <c r="H118594" s="12"/>
    </row>
    <row r="118595" spans="8:8">
      <c r="H118595" s="12"/>
    </row>
    <row r="118596" spans="8:8">
      <c r="H118596" s="12"/>
    </row>
    <row r="118597" spans="8:8">
      <c r="H118597" s="12"/>
    </row>
    <row r="118598" spans="8:8">
      <c r="H118598" s="12"/>
    </row>
    <row r="118599" spans="8:8">
      <c r="H118599" s="12"/>
    </row>
    <row r="118600" spans="8:8">
      <c r="H118600" s="12"/>
    </row>
    <row r="118601" spans="8:8">
      <c r="H118601" s="12"/>
    </row>
    <row r="118602" spans="8:8">
      <c r="H118602" s="12"/>
    </row>
    <row r="118603" spans="8:8">
      <c r="H118603" s="12"/>
    </row>
    <row r="118604" spans="8:8">
      <c r="H118604" s="12"/>
    </row>
    <row r="118605" spans="8:8">
      <c r="H118605" s="12"/>
    </row>
    <row r="118606" spans="8:8">
      <c r="H118606" s="12"/>
    </row>
    <row r="118607" spans="8:8">
      <c r="H118607" s="12"/>
    </row>
    <row r="118608" spans="8:8">
      <c r="H118608" s="12"/>
    </row>
    <row r="118609" spans="8:8">
      <c r="H118609" s="12"/>
    </row>
    <row r="118610" spans="8:8">
      <c r="H118610" s="12"/>
    </row>
    <row r="118611" spans="8:8">
      <c r="H118611" s="12"/>
    </row>
    <row r="118612" spans="8:8">
      <c r="H118612" s="12"/>
    </row>
    <row r="118613" spans="8:8">
      <c r="H118613" s="12"/>
    </row>
    <row r="118614" spans="8:8">
      <c r="H118614" s="12"/>
    </row>
    <row r="118615" spans="8:8">
      <c r="H118615" s="12"/>
    </row>
    <row r="118616" spans="8:8">
      <c r="H118616" s="12"/>
    </row>
    <row r="118617" spans="8:8">
      <c r="H118617" s="12"/>
    </row>
    <row r="118618" spans="8:8">
      <c r="H118618" s="12"/>
    </row>
    <row r="118619" spans="8:8">
      <c r="H118619" s="12"/>
    </row>
    <row r="118620" spans="8:8">
      <c r="H118620" s="12"/>
    </row>
    <row r="118621" spans="8:8">
      <c r="H118621" s="12"/>
    </row>
    <row r="118622" spans="8:8">
      <c r="H118622" s="12"/>
    </row>
    <row r="118623" spans="8:8">
      <c r="H118623" s="12"/>
    </row>
    <row r="118624" spans="8:8">
      <c r="H118624" s="12"/>
    </row>
    <row r="118625" spans="8:8">
      <c r="H118625" s="12"/>
    </row>
    <row r="118626" spans="8:8">
      <c r="H118626" s="12"/>
    </row>
    <row r="118627" spans="8:8">
      <c r="H118627" s="12"/>
    </row>
    <row r="118628" spans="8:8">
      <c r="H118628" s="12"/>
    </row>
    <row r="118629" spans="8:8">
      <c r="H118629" s="12"/>
    </row>
    <row r="118630" spans="8:8">
      <c r="H118630" s="12"/>
    </row>
    <row r="118631" spans="8:8">
      <c r="H118631" s="12"/>
    </row>
    <row r="118632" spans="8:8">
      <c r="H118632" s="12"/>
    </row>
    <row r="118633" spans="8:8">
      <c r="H118633" s="12"/>
    </row>
    <row r="118634" spans="8:8">
      <c r="H118634" s="12"/>
    </row>
    <row r="118635" spans="8:8">
      <c r="H118635" s="12"/>
    </row>
    <row r="118636" spans="8:8">
      <c r="H118636" s="12"/>
    </row>
    <row r="118637" spans="8:8">
      <c r="H118637" s="12"/>
    </row>
    <row r="118638" spans="8:8">
      <c r="H118638" s="12"/>
    </row>
    <row r="118639" spans="8:8">
      <c r="H118639" s="12"/>
    </row>
    <row r="118640" spans="8:8">
      <c r="H118640" s="12"/>
    </row>
    <row r="118641" spans="8:8">
      <c r="H118641" s="12"/>
    </row>
    <row r="118642" spans="8:8">
      <c r="H118642" s="12"/>
    </row>
    <row r="118643" spans="8:8">
      <c r="H118643" s="12"/>
    </row>
    <row r="118644" spans="8:8">
      <c r="H118644" s="12"/>
    </row>
    <row r="118645" spans="8:8">
      <c r="H118645" s="12"/>
    </row>
    <row r="118646" spans="8:8">
      <c r="H118646" s="12"/>
    </row>
    <row r="118647" spans="8:8">
      <c r="H118647" s="12"/>
    </row>
    <row r="118648" spans="8:8">
      <c r="H118648" s="12"/>
    </row>
    <row r="118649" spans="8:8">
      <c r="H118649" s="12"/>
    </row>
    <row r="118650" spans="8:8">
      <c r="H118650" s="12"/>
    </row>
    <row r="118651" spans="8:8">
      <c r="H118651" s="12"/>
    </row>
    <row r="118652" spans="8:8">
      <c r="H118652" s="12"/>
    </row>
    <row r="118653" spans="8:8">
      <c r="H118653" s="12"/>
    </row>
    <row r="118654" spans="8:8">
      <c r="H118654" s="12"/>
    </row>
    <row r="118655" spans="8:8">
      <c r="H118655" s="12"/>
    </row>
    <row r="118656" spans="8:8">
      <c r="H118656" s="12"/>
    </row>
    <row r="118657" spans="8:8">
      <c r="H118657" s="12"/>
    </row>
    <row r="118658" spans="8:8">
      <c r="H118658" s="12"/>
    </row>
    <row r="118659" spans="8:8">
      <c r="H118659" s="12"/>
    </row>
    <row r="118660" spans="8:8">
      <c r="H118660" s="12"/>
    </row>
    <row r="118661" spans="8:8">
      <c r="H118661" s="12"/>
    </row>
    <row r="118662" spans="8:8">
      <c r="H118662" s="12"/>
    </row>
    <row r="118663" spans="8:8">
      <c r="H118663" s="12"/>
    </row>
    <row r="118664" spans="8:8">
      <c r="H118664" s="12"/>
    </row>
    <row r="118665" spans="8:8">
      <c r="H118665" s="12"/>
    </row>
    <row r="118666" spans="8:8">
      <c r="H118666" s="12"/>
    </row>
    <row r="118667" spans="8:8">
      <c r="H118667" s="12"/>
    </row>
    <row r="118668" spans="8:8">
      <c r="H118668" s="12"/>
    </row>
    <row r="118669" spans="8:8">
      <c r="H118669" s="12"/>
    </row>
    <row r="118670" spans="8:8">
      <c r="H118670" s="12"/>
    </row>
    <row r="118671" spans="8:8">
      <c r="H118671" s="12"/>
    </row>
    <row r="118672" spans="8:8">
      <c r="H118672" s="12"/>
    </row>
    <row r="118673" spans="8:8">
      <c r="H118673" s="12"/>
    </row>
    <row r="118674" spans="8:8">
      <c r="H118674" s="12"/>
    </row>
    <row r="118675" spans="8:8">
      <c r="H118675" s="12"/>
    </row>
    <row r="118676" spans="8:8">
      <c r="H118676" s="12"/>
    </row>
    <row r="118677" spans="8:8">
      <c r="H118677" s="12"/>
    </row>
    <row r="118678" spans="8:8">
      <c r="H118678" s="12"/>
    </row>
    <row r="118679" spans="8:8">
      <c r="H118679" s="12"/>
    </row>
    <row r="118680" spans="8:8">
      <c r="H118680" s="12"/>
    </row>
    <row r="118681" spans="8:8">
      <c r="H118681" s="12"/>
    </row>
    <row r="118682" spans="8:8">
      <c r="H118682" s="12"/>
    </row>
    <row r="118683" spans="8:8">
      <c r="H118683" s="12"/>
    </row>
    <row r="118684" spans="8:8">
      <c r="H118684" s="12"/>
    </row>
    <row r="118685" spans="8:8">
      <c r="H118685" s="12"/>
    </row>
    <row r="118686" spans="8:8">
      <c r="H118686" s="12"/>
    </row>
    <row r="118687" spans="8:8">
      <c r="H118687" s="12"/>
    </row>
    <row r="118688" spans="8:8">
      <c r="H118688" s="12"/>
    </row>
    <row r="118689" spans="8:8">
      <c r="H118689" s="12"/>
    </row>
    <row r="118690" spans="8:8">
      <c r="H118690" s="12"/>
    </row>
    <row r="118691" spans="8:8">
      <c r="H118691" s="12"/>
    </row>
    <row r="118692" spans="8:8">
      <c r="H118692" s="12"/>
    </row>
    <row r="118693" spans="8:8">
      <c r="H118693" s="12"/>
    </row>
    <row r="118694" spans="8:8">
      <c r="H118694" s="12"/>
    </row>
    <row r="118695" spans="8:8">
      <c r="H118695" s="12"/>
    </row>
    <row r="118696" spans="8:8">
      <c r="H118696" s="12"/>
    </row>
    <row r="118697" spans="8:8">
      <c r="H118697" s="12"/>
    </row>
    <row r="118698" spans="8:8">
      <c r="H118698" s="12"/>
    </row>
    <row r="118699" spans="8:8">
      <c r="H118699" s="12"/>
    </row>
    <row r="118700" spans="8:8">
      <c r="H118700" s="12"/>
    </row>
    <row r="118701" spans="8:8">
      <c r="H118701" s="12"/>
    </row>
    <row r="118702" spans="8:8">
      <c r="H118702" s="12"/>
    </row>
    <row r="118703" spans="8:8">
      <c r="H118703" s="12"/>
    </row>
    <row r="118704" spans="8:8">
      <c r="H118704" s="12"/>
    </row>
    <row r="118705" spans="8:8">
      <c r="H118705" s="12"/>
    </row>
    <row r="118706" spans="8:8">
      <c r="H118706" s="12"/>
    </row>
    <row r="118707" spans="8:8">
      <c r="H118707" s="12"/>
    </row>
    <row r="118708" spans="8:8">
      <c r="H118708" s="12"/>
    </row>
    <row r="118709" spans="8:8">
      <c r="H118709" s="12"/>
    </row>
    <row r="118710" spans="8:8">
      <c r="H118710" s="12"/>
    </row>
    <row r="118711" spans="8:8">
      <c r="H118711" s="12"/>
    </row>
    <row r="118712" spans="8:8">
      <c r="H118712" s="12"/>
    </row>
    <row r="118713" spans="8:8">
      <c r="H118713" s="12"/>
    </row>
    <row r="118714" spans="8:8">
      <c r="H118714" s="12"/>
    </row>
    <row r="118715" spans="8:8">
      <c r="H118715" s="12"/>
    </row>
    <row r="118716" spans="8:8">
      <c r="H118716" s="12"/>
    </row>
    <row r="118717" spans="8:8">
      <c r="H118717" s="12"/>
    </row>
    <row r="118718" spans="8:8">
      <c r="H118718" s="12"/>
    </row>
    <row r="118719" spans="8:8">
      <c r="H118719" s="12"/>
    </row>
    <row r="118720" spans="8:8">
      <c r="H118720" s="12"/>
    </row>
    <row r="118721" spans="8:8">
      <c r="H118721" s="12"/>
    </row>
    <row r="118722" spans="8:8">
      <c r="H118722" s="12"/>
    </row>
    <row r="118723" spans="8:8">
      <c r="H118723" s="12"/>
    </row>
    <row r="118724" spans="8:8">
      <c r="H118724" s="12"/>
    </row>
    <row r="118725" spans="8:8">
      <c r="H118725" s="12"/>
    </row>
    <row r="118726" spans="8:8">
      <c r="H118726" s="12"/>
    </row>
    <row r="118727" spans="8:8">
      <c r="H118727" s="12"/>
    </row>
    <row r="118728" spans="8:8">
      <c r="H118728" s="12"/>
    </row>
    <row r="118729" spans="8:8">
      <c r="H118729" s="12"/>
    </row>
    <row r="118730" spans="8:8">
      <c r="H118730" s="12"/>
    </row>
    <row r="118731" spans="8:8">
      <c r="H118731" s="12"/>
    </row>
    <row r="118732" spans="8:8">
      <c r="H118732" s="12"/>
    </row>
    <row r="118733" spans="8:8">
      <c r="H118733" s="12"/>
    </row>
    <row r="118734" spans="8:8">
      <c r="H118734" s="12"/>
    </row>
    <row r="118735" spans="8:8">
      <c r="H118735" s="12"/>
    </row>
    <row r="118736" spans="8:8">
      <c r="H118736" s="12"/>
    </row>
    <row r="118737" spans="8:8">
      <c r="H118737" s="12"/>
    </row>
    <row r="118738" spans="8:8">
      <c r="H118738" s="12"/>
    </row>
    <row r="118739" spans="8:8">
      <c r="H118739" s="12"/>
    </row>
    <row r="118740" spans="8:8">
      <c r="H118740" s="12"/>
    </row>
    <row r="118741" spans="8:8">
      <c r="H118741" s="12"/>
    </row>
    <row r="118742" spans="8:8">
      <c r="H118742" s="12"/>
    </row>
    <row r="118743" spans="8:8">
      <c r="H118743" s="12"/>
    </row>
    <row r="118744" spans="8:8">
      <c r="H118744" s="12"/>
    </row>
    <row r="118745" spans="8:8">
      <c r="H118745" s="12"/>
    </row>
    <row r="118746" spans="8:8">
      <c r="H118746" s="12"/>
    </row>
    <row r="118747" spans="8:8">
      <c r="H118747" s="12"/>
    </row>
    <row r="118748" spans="8:8">
      <c r="H118748" s="12"/>
    </row>
    <row r="118749" spans="8:8">
      <c r="H118749" s="12"/>
    </row>
    <row r="118750" spans="8:8">
      <c r="H118750" s="12"/>
    </row>
    <row r="118751" spans="8:8">
      <c r="H118751" s="12"/>
    </row>
    <row r="118752" spans="8:8">
      <c r="H118752" s="12"/>
    </row>
    <row r="118753" spans="8:8">
      <c r="H118753" s="12"/>
    </row>
    <row r="118754" spans="8:8">
      <c r="H118754" s="12"/>
    </row>
    <row r="118755" spans="8:8">
      <c r="H118755" s="12"/>
    </row>
    <row r="118756" spans="8:8">
      <c r="H118756" s="12"/>
    </row>
    <row r="118757" spans="8:8">
      <c r="H118757" s="12"/>
    </row>
    <row r="118758" spans="8:8">
      <c r="H118758" s="12"/>
    </row>
    <row r="118759" spans="8:8">
      <c r="H118759" s="12"/>
    </row>
    <row r="118760" spans="8:8">
      <c r="H118760" s="12"/>
    </row>
    <row r="118761" spans="8:8">
      <c r="H118761" s="12"/>
    </row>
    <row r="118762" spans="8:8">
      <c r="H118762" s="12"/>
    </row>
    <row r="118763" spans="8:8">
      <c r="H118763" s="12"/>
    </row>
    <row r="118764" spans="8:8">
      <c r="H118764" s="12"/>
    </row>
    <row r="118765" spans="8:8">
      <c r="H118765" s="12"/>
    </row>
    <row r="118766" spans="8:8">
      <c r="H118766" s="12"/>
    </row>
    <row r="118767" spans="8:8">
      <c r="H118767" s="12"/>
    </row>
    <row r="118768" spans="8:8">
      <c r="H118768" s="12"/>
    </row>
    <row r="118769" spans="8:8">
      <c r="H118769" s="12"/>
    </row>
    <row r="118770" spans="8:8">
      <c r="H118770" s="12"/>
    </row>
    <row r="118771" spans="8:8">
      <c r="H118771" s="12"/>
    </row>
    <row r="118772" spans="8:8">
      <c r="H118772" s="12"/>
    </row>
    <row r="118773" spans="8:8">
      <c r="H118773" s="12"/>
    </row>
    <row r="118774" spans="8:8">
      <c r="H118774" s="12"/>
    </row>
    <row r="118775" spans="8:8">
      <c r="H118775" s="12"/>
    </row>
    <row r="118776" spans="8:8">
      <c r="H118776" s="12"/>
    </row>
    <row r="118777" spans="8:8">
      <c r="H118777" s="12"/>
    </row>
    <row r="118778" spans="8:8">
      <c r="H118778" s="12"/>
    </row>
    <row r="118779" spans="8:8">
      <c r="H118779" s="12"/>
    </row>
    <row r="118780" spans="8:8">
      <c r="H118780" s="12"/>
    </row>
    <row r="118781" spans="8:8">
      <c r="H118781" s="12"/>
    </row>
    <row r="118782" spans="8:8">
      <c r="H118782" s="12"/>
    </row>
    <row r="118783" spans="8:8">
      <c r="H118783" s="12"/>
    </row>
    <row r="118784" spans="8:8">
      <c r="H118784" s="12"/>
    </row>
    <row r="118785" spans="8:8">
      <c r="H118785" s="12"/>
    </row>
    <row r="118786" spans="8:8">
      <c r="H118786" s="12"/>
    </row>
    <row r="118787" spans="8:8">
      <c r="H118787" s="12"/>
    </row>
    <row r="118788" spans="8:8">
      <c r="H118788" s="12"/>
    </row>
    <row r="118789" spans="8:8">
      <c r="H118789" s="12"/>
    </row>
    <row r="118790" spans="8:8">
      <c r="H118790" s="12"/>
    </row>
    <row r="118791" spans="8:8">
      <c r="H118791" s="12"/>
    </row>
    <row r="118792" spans="8:8">
      <c r="H118792" s="12"/>
    </row>
    <row r="118793" spans="8:8">
      <c r="H118793" s="12"/>
    </row>
    <row r="118794" spans="8:8">
      <c r="H118794" s="12"/>
    </row>
    <row r="118795" spans="8:8">
      <c r="H118795" s="12"/>
    </row>
    <row r="118796" spans="8:8">
      <c r="H118796" s="12"/>
    </row>
    <row r="118797" spans="8:8">
      <c r="H118797" s="12"/>
    </row>
    <row r="118798" spans="8:8">
      <c r="H118798" s="12"/>
    </row>
    <row r="118799" spans="8:8">
      <c r="H118799" s="12"/>
    </row>
    <row r="118800" spans="8:8">
      <c r="H118800" s="12"/>
    </row>
    <row r="118801" spans="8:8">
      <c r="H118801" s="12"/>
    </row>
    <row r="118802" spans="8:8">
      <c r="H118802" s="12"/>
    </row>
    <row r="118803" spans="8:8">
      <c r="H118803" s="12"/>
    </row>
    <row r="118804" spans="8:8">
      <c r="H118804" s="12"/>
    </row>
    <row r="118805" spans="8:8">
      <c r="H118805" s="12"/>
    </row>
    <row r="118806" spans="8:8">
      <c r="H118806" s="12"/>
    </row>
    <row r="118807" spans="8:8">
      <c r="H118807" s="12"/>
    </row>
    <row r="118808" spans="8:8">
      <c r="H118808" s="12"/>
    </row>
    <row r="118809" spans="8:8">
      <c r="H118809" s="12"/>
    </row>
    <row r="118810" spans="8:8">
      <c r="H118810" s="12"/>
    </row>
    <row r="118811" spans="8:8">
      <c r="H118811" s="12"/>
    </row>
    <row r="118812" spans="8:8">
      <c r="H118812" s="12"/>
    </row>
    <row r="118813" spans="8:8">
      <c r="H118813" s="12"/>
    </row>
    <row r="118814" spans="8:8">
      <c r="H118814" s="12"/>
    </row>
    <row r="118815" spans="8:8">
      <c r="H118815" s="12"/>
    </row>
    <row r="118816" spans="8:8">
      <c r="H118816" s="12"/>
    </row>
    <row r="118817" spans="8:8">
      <c r="H118817" s="12"/>
    </row>
    <row r="118818" spans="8:8">
      <c r="H118818" s="12"/>
    </row>
    <row r="118819" spans="8:8">
      <c r="H118819" s="12"/>
    </row>
    <row r="118820" spans="8:8">
      <c r="H118820" s="12"/>
    </row>
    <row r="118821" spans="8:8">
      <c r="H118821" s="12"/>
    </row>
    <row r="118822" spans="8:8">
      <c r="H118822" s="12"/>
    </row>
    <row r="118823" spans="8:8">
      <c r="H118823" s="12"/>
    </row>
    <row r="118824" spans="8:8">
      <c r="H118824" s="12"/>
    </row>
    <row r="118825" spans="8:8">
      <c r="H118825" s="12"/>
    </row>
    <row r="118826" spans="8:8">
      <c r="H118826" s="12"/>
    </row>
    <row r="118827" spans="8:8">
      <c r="H118827" s="12"/>
    </row>
    <row r="118828" spans="8:8">
      <c r="H118828" s="12"/>
    </row>
    <row r="118829" spans="8:8">
      <c r="H118829" s="12"/>
    </row>
    <row r="118830" spans="8:8">
      <c r="H118830" s="12"/>
    </row>
    <row r="118831" spans="8:8">
      <c r="H118831" s="12"/>
    </row>
    <row r="118832" spans="8:8">
      <c r="H118832" s="12"/>
    </row>
    <row r="118833" spans="8:8">
      <c r="H118833" s="12"/>
    </row>
    <row r="118834" spans="8:8">
      <c r="H118834" s="12"/>
    </row>
    <row r="118835" spans="8:8">
      <c r="H118835" s="12"/>
    </row>
    <row r="118836" spans="8:8">
      <c r="H118836" s="12"/>
    </row>
    <row r="118837" spans="8:8">
      <c r="H118837" s="12"/>
    </row>
    <row r="118838" spans="8:8">
      <c r="H118838" s="12"/>
    </row>
    <row r="118839" spans="8:8">
      <c r="H118839" s="12"/>
    </row>
    <row r="118840" spans="8:8">
      <c r="H118840" s="12"/>
    </row>
    <row r="118841" spans="8:8">
      <c r="H118841" s="12"/>
    </row>
    <row r="118842" spans="8:8">
      <c r="H118842" s="12"/>
    </row>
    <row r="118843" spans="8:8">
      <c r="H118843" s="12"/>
    </row>
    <row r="118844" spans="8:8">
      <c r="H118844" s="12"/>
    </row>
    <row r="118845" spans="8:8">
      <c r="H118845" s="12"/>
    </row>
    <row r="118846" spans="8:8">
      <c r="H118846" s="12"/>
    </row>
    <row r="118847" spans="8:8">
      <c r="H118847" s="12"/>
    </row>
    <row r="118848" spans="8:8">
      <c r="H118848" s="12"/>
    </row>
    <row r="118849" spans="8:8">
      <c r="H118849" s="12"/>
    </row>
    <row r="118850" spans="8:8">
      <c r="H118850" s="12"/>
    </row>
    <row r="118851" spans="8:8">
      <c r="H118851" s="12"/>
    </row>
    <row r="118852" spans="8:8">
      <c r="H118852" s="12"/>
    </row>
    <row r="118853" spans="8:8">
      <c r="H118853" s="12"/>
    </row>
    <row r="118854" spans="8:8">
      <c r="H118854" s="12"/>
    </row>
    <row r="118855" spans="8:8">
      <c r="H118855" s="12"/>
    </row>
    <row r="118856" spans="8:8">
      <c r="H118856" s="12"/>
    </row>
    <row r="118857" spans="8:8">
      <c r="H118857" s="12"/>
    </row>
    <row r="118858" spans="8:8">
      <c r="H118858" s="12"/>
    </row>
    <row r="118859" spans="8:8">
      <c r="H118859" s="12"/>
    </row>
    <row r="118860" spans="8:8">
      <c r="H118860" s="12"/>
    </row>
    <row r="118861" spans="8:8">
      <c r="H118861" s="12"/>
    </row>
    <row r="118862" spans="8:8">
      <c r="H118862" s="12"/>
    </row>
    <row r="118863" spans="8:8">
      <c r="H118863" s="12"/>
    </row>
    <row r="118864" spans="8:8">
      <c r="H118864" s="12"/>
    </row>
    <row r="118865" spans="8:8">
      <c r="H118865" s="12"/>
    </row>
    <row r="118866" spans="8:8">
      <c r="H118866" s="12"/>
    </row>
    <row r="118867" spans="8:8">
      <c r="H118867" s="12"/>
    </row>
    <row r="118868" spans="8:8">
      <c r="H118868" s="12"/>
    </row>
    <row r="118869" spans="8:8">
      <c r="H118869" s="12"/>
    </row>
    <row r="118870" spans="8:8">
      <c r="H118870" s="12"/>
    </row>
    <row r="118871" spans="8:8">
      <c r="H118871" s="12"/>
    </row>
    <row r="118872" spans="8:8">
      <c r="H118872" s="12"/>
    </row>
    <row r="118873" spans="8:8">
      <c r="H118873" s="12"/>
    </row>
    <row r="118874" spans="8:8">
      <c r="H118874" s="12"/>
    </row>
    <row r="118875" spans="8:8">
      <c r="H118875" s="12"/>
    </row>
    <row r="118876" spans="8:8">
      <c r="H118876" s="12"/>
    </row>
    <row r="118877" spans="8:8">
      <c r="H118877" s="12"/>
    </row>
    <row r="118878" spans="8:8">
      <c r="H118878" s="12"/>
    </row>
    <row r="118879" spans="8:8">
      <c r="H118879" s="12"/>
    </row>
    <row r="118880" spans="8:8">
      <c r="H118880" s="12"/>
    </row>
    <row r="118881" spans="8:8">
      <c r="H118881" s="12"/>
    </row>
    <row r="118882" spans="8:8">
      <c r="H118882" s="12"/>
    </row>
    <row r="118883" spans="8:8">
      <c r="H118883" s="12"/>
    </row>
    <row r="118884" spans="8:8">
      <c r="H118884" s="12"/>
    </row>
    <row r="118885" spans="8:8">
      <c r="H118885" s="12"/>
    </row>
    <row r="118886" spans="8:8">
      <c r="H118886" s="12"/>
    </row>
    <row r="118887" spans="8:8">
      <c r="H118887" s="12"/>
    </row>
    <row r="118888" spans="8:8">
      <c r="H118888" s="12"/>
    </row>
    <row r="118889" spans="8:8">
      <c r="H118889" s="12"/>
    </row>
    <row r="118890" spans="8:8">
      <c r="H118890" s="12"/>
    </row>
    <row r="118891" spans="8:8">
      <c r="H118891" s="12"/>
    </row>
    <row r="118892" spans="8:8">
      <c r="H118892" s="12"/>
    </row>
    <row r="118893" spans="8:8">
      <c r="H118893" s="12"/>
    </row>
    <row r="118894" spans="8:8">
      <c r="H118894" s="12"/>
    </row>
    <row r="118895" spans="8:8">
      <c r="H118895" s="12"/>
    </row>
    <row r="118896" spans="8:8">
      <c r="H118896" s="12"/>
    </row>
    <row r="118897" spans="8:8">
      <c r="H118897" s="12"/>
    </row>
    <row r="118898" spans="8:8">
      <c r="H118898" s="12"/>
    </row>
    <row r="118899" spans="8:8">
      <c r="H118899" s="12"/>
    </row>
    <row r="118900" spans="8:8">
      <c r="H118900" s="12"/>
    </row>
    <row r="118901" spans="8:8">
      <c r="H118901" s="12"/>
    </row>
    <row r="118902" spans="8:8">
      <c r="H118902" s="12"/>
    </row>
    <row r="118903" spans="8:8">
      <c r="H118903" s="12"/>
    </row>
    <row r="118904" spans="8:8">
      <c r="H118904" s="12"/>
    </row>
    <row r="118905" spans="8:8">
      <c r="H118905" s="12"/>
    </row>
    <row r="118906" spans="8:8">
      <c r="H118906" s="12"/>
    </row>
    <row r="118907" spans="8:8">
      <c r="H118907" s="12"/>
    </row>
    <row r="118908" spans="8:8">
      <c r="H118908" s="12"/>
    </row>
    <row r="118909" spans="8:8">
      <c r="H118909" s="12"/>
    </row>
    <row r="118910" spans="8:8">
      <c r="H118910" s="12"/>
    </row>
    <row r="118911" spans="8:8">
      <c r="H118911" s="12"/>
    </row>
    <row r="118912" spans="8:8">
      <c r="H118912" s="12"/>
    </row>
    <row r="118913" spans="8:8">
      <c r="H118913" s="12"/>
    </row>
    <row r="118914" spans="8:8">
      <c r="H118914" s="12"/>
    </row>
    <row r="118915" spans="8:8">
      <c r="H118915" s="12"/>
    </row>
    <row r="118916" spans="8:8">
      <c r="H118916" s="12"/>
    </row>
    <row r="118917" spans="8:8">
      <c r="H118917" s="12"/>
    </row>
    <row r="118918" spans="8:8">
      <c r="H118918" s="12"/>
    </row>
    <row r="118919" spans="8:8">
      <c r="H118919" s="12"/>
    </row>
    <row r="118920" spans="8:8">
      <c r="H118920" s="12"/>
    </row>
    <row r="118921" spans="8:8">
      <c r="H118921" s="12"/>
    </row>
    <row r="118922" spans="8:8">
      <c r="H118922" s="12"/>
    </row>
    <row r="118923" spans="8:8">
      <c r="H118923" s="12"/>
    </row>
    <row r="118924" spans="8:8">
      <c r="H118924" s="12"/>
    </row>
    <row r="118925" spans="8:8">
      <c r="H118925" s="12"/>
    </row>
    <row r="118926" spans="8:8">
      <c r="H118926" s="12"/>
    </row>
    <row r="118927" spans="8:8">
      <c r="H118927" s="12"/>
    </row>
    <row r="118928" spans="8:8">
      <c r="H118928" s="12"/>
    </row>
    <row r="118929" spans="8:8">
      <c r="H118929" s="12"/>
    </row>
    <row r="118930" spans="8:8">
      <c r="H118930" s="12"/>
    </row>
    <row r="118931" spans="8:8">
      <c r="H118931" s="12"/>
    </row>
    <row r="118932" spans="8:8">
      <c r="H118932" s="12"/>
    </row>
    <row r="118933" spans="8:8">
      <c r="H118933" s="12"/>
    </row>
    <row r="118934" spans="8:8">
      <c r="H118934" s="12"/>
    </row>
    <row r="118935" spans="8:8">
      <c r="H118935" s="12"/>
    </row>
    <row r="118936" spans="8:8">
      <c r="H118936" s="12"/>
    </row>
    <row r="118937" spans="8:8">
      <c r="H118937" s="12"/>
    </row>
    <row r="118938" spans="8:8">
      <c r="H118938" s="12"/>
    </row>
    <row r="118939" spans="8:8">
      <c r="H118939" s="12"/>
    </row>
    <row r="118940" spans="8:8">
      <c r="H118940" s="12"/>
    </row>
    <row r="118941" spans="8:8">
      <c r="H118941" s="12"/>
    </row>
    <row r="118942" spans="8:8">
      <c r="H118942" s="12"/>
    </row>
    <row r="118943" spans="8:8">
      <c r="H118943" s="12"/>
    </row>
    <row r="118944" spans="8:8">
      <c r="H118944" s="12"/>
    </row>
    <row r="118945" spans="8:8">
      <c r="H118945" s="12"/>
    </row>
    <row r="118946" spans="8:8">
      <c r="H118946" s="12"/>
    </row>
    <row r="118947" spans="8:8">
      <c r="H118947" s="12"/>
    </row>
    <row r="118948" spans="8:8">
      <c r="H118948" s="12"/>
    </row>
    <row r="118949" spans="8:8">
      <c r="H118949" s="12"/>
    </row>
    <row r="118950" spans="8:8">
      <c r="H118950" s="12"/>
    </row>
    <row r="118951" spans="8:8">
      <c r="H118951" s="12"/>
    </row>
    <row r="118952" spans="8:8">
      <c r="H118952" s="12"/>
    </row>
    <row r="118953" spans="8:8">
      <c r="H118953" s="12"/>
    </row>
    <row r="118954" spans="8:8">
      <c r="H118954" s="12"/>
    </row>
    <row r="118955" spans="8:8">
      <c r="H118955" s="12"/>
    </row>
    <row r="118956" spans="8:8">
      <c r="H118956" s="12"/>
    </row>
    <row r="118957" spans="8:8">
      <c r="H118957" s="12"/>
    </row>
    <row r="118958" spans="8:8">
      <c r="H118958" s="12"/>
    </row>
    <row r="118959" spans="8:8">
      <c r="H118959" s="12"/>
    </row>
    <row r="118960" spans="8:8">
      <c r="H118960" s="12"/>
    </row>
    <row r="118961" spans="8:8">
      <c r="H118961" s="12"/>
    </row>
    <row r="118962" spans="8:8">
      <c r="H118962" s="12"/>
    </row>
    <row r="118963" spans="8:8">
      <c r="H118963" s="12"/>
    </row>
    <row r="118964" spans="8:8">
      <c r="H118964" s="12"/>
    </row>
    <row r="118965" spans="8:8">
      <c r="H118965" s="12"/>
    </row>
    <row r="118966" spans="8:8">
      <c r="H118966" s="12"/>
    </row>
    <row r="118967" spans="8:8">
      <c r="H118967" s="12"/>
    </row>
    <row r="118968" spans="8:8">
      <c r="H118968" s="12"/>
    </row>
    <row r="118969" spans="8:8">
      <c r="H118969" s="12"/>
    </row>
    <row r="118970" spans="8:8">
      <c r="H118970" s="12"/>
    </row>
    <row r="118971" spans="8:8">
      <c r="H118971" s="12"/>
    </row>
    <row r="118972" spans="8:8">
      <c r="H118972" s="12"/>
    </row>
    <row r="118973" spans="8:8">
      <c r="H118973" s="12"/>
    </row>
    <row r="118974" spans="8:8">
      <c r="H118974" s="12"/>
    </row>
    <row r="118975" spans="8:8">
      <c r="H118975" s="12"/>
    </row>
    <row r="118976" spans="8:8">
      <c r="H118976" s="12"/>
    </row>
    <row r="118977" spans="8:8">
      <c r="H118977" s="12"/>
    </row>
    <row r="118978" spans="8:8">
      <c r="H118978" s="12"/>
    </row>
    <row r="118979" spans="8:8">
      <c r="H118979" s="12"/>
    </row>
    <row r="118980" spans="8:8">
      <c r="H118980" s="12"/>
    </row>
    <row r="118981" spans="8:8">
      <c r="H118981" s="12"/>
    </row>
    <row r="118982" spans="8:8">
      <c r="H118982" s="12"/>
    </row>
    <row r="118983" spans="8:8">
      <c r="H118983" s="12"/>
    </row>
    <row r="118984" spans="8:8">
      <c r="H118984" s="12"/>
    </row>
    <row r="118985" spans="8:8">
      <c r="H118985" s="12"/>
    </row>
    <row r="118986" spans="8:8">
      <c r="H118986" s="12"/>
    </row>
    <row r="118987" spans="8:8">
      <c r="H118987" s="12"/>
    </row>
    <row r="118988" spans="8:8">
      <c r="H118988" s="12"/>
    </row>
    <row r="118989" spans="8:8">
      <c r="H118989" s="12"/>
    </row>
    <row r="118990" spans="8:8">
      <c r="H118990" s="12"/>
    </row>
    <row r="118991" spans="8:8">
      <c r="H118991" s="12"/>
    </row>
    <row r="118992" spans="8:8">
      <c r="H118992" s="12"/>
    </row>
    <row r="118993" spans="8:8">
      <c r="H118993" s="12"/>
    </row>
    <row r="118994" spans="8:8">
      <c r="H118994" s="12"/>
    </row>
    <row r="118995" spans="8:8">
      <c r="H118995" s="12"/>
    </row>
    <row r="118996" spans="8:8">
      <c r="H118996" s="12"/>
    </row>
    <row r="118997" spans="8:8">
      <c r="H118997" s="12"/>
    </row>
    <row r="118998" spans="8:8">
      <c r="H118998" s="12"/>
    </row>
    <row r="118999" spans="8:8">
      <c r="H118999" s="12"/>
    </row>
    <row r="119000" spans="8:8">
      <c r="H119000" s="12"/>
    </row>
    <row r="119001" spans="8:8">
      <c r="H119001" s="12"/>
    </row>
    <row r="119002" spans="8:8">
      <c r="H119002" s="12"/>
    </row>
    <row r="119003" spans="8:8">
      <c r="H119003" s="12"/>
    </row>
    <row r="119004" spans="8:8">
      <c r="H119004" s="12"/>
    </row>
    <row r="119005" spans="8:8">
      <c r="H119005" s="12"/>
    </row>
    <row r="119006" spans="8:8">
      <c r="H119006" s="12"/>
    </row>
    <row r="119007" spans="8:8">
      <c r="H119007" s="12"/>
    </row>
    <row r="119008" spans="8:8">
      <c r="H119008" s="12"/>
    </row>
    <row r="119009" spans="8:8">
      <c r="H119009" s="12"/>
    </row>
    <row r="119010" spans="8:8">
      <c r="H119010" s="12"/>
    </row>
    <row r="119011" spans="8:8">
      <c r="H119011" s="12"/>
    </row>
    <row r="119012" spans="8:8">
      <c r="H119012" s="12"/>
    </row>
    <row r="119013" spans="8:8">
      <c r="H119013" s="12"/>
    </row>
    <row r="119014" spans="8:8">
      <c r="H119014" s="12"/>
    </row>
    <row r="119015" spans="8:8">
      <c r="H119015" s="12"/>
    </row>
    <row r="119016" spans="8:8">
      <c r="H119016" s="12"/>
    </row>
    <row r="119017" spans="8:8">
      <c r="H119017" s="12"/>
    </row>
    <row r="119018" spans="8:8">
      <c r="H119018" s="12"/>
    </row>
    <row r="119019" spans="8:8">
      <c r="H119019" s="12"/>
    </row>
    <row r="119020" spans="8:8">
      <c r="H119020" s="12"/>
    </row>
    <row r="119021" spans="8:8">
      <c r="H119021" s="12"/>
    </row>
    <row r="119022" spans="8:8">
      <c r="H119022" s="12"/>
    </row>
    <row r="119023" spans="8:8">
      <c r="H119023" s="12"/>
    </row>
    <row r="119024" spans="8:8">
      <c r="H119024" s="12"/>
    </row>
    <row r="119025" spans="8:8">
      <c r="H119025" s="12"/>
    </row>
    <row r="119026" spans="8:8">
      <c r="H119026" s="12"/>
    </row>
    <row r="119027" spans="8:8">
      <c r="H119027" s="12"/>
    </row>
    <row r="119028" spans="8:8">
      <c r="H119028" s="12"/>
    </row>
    <row r="119029" spans="8:8">
      <c r="H119029" s="12"/>
    </row>
    <row r="119030" spans="8:8">
      <c r="H119030" s="12"/>
    </row>
    <row r="119031" spans="8:8">
      <c r="H119031" s="12"/>
    </row>
    <row r="119032" spans="8:8">
      <c r="H119032" s="12"/>
    </row>
    <row r="119033" spans="8:8">
      <c r="H119033" s="12"/>
    </row>
    <row r="119034" spans="8:8">
      <c r="H119034" s="12"/>
    </row>
    <row r="119035" spans="8:8">
      <c r="H119035" s="12"/>
    </row>
    <row r="119036" spans="8:8">
      <c r="H119036" s="12"/>
    </row>
    <row r="119037" spans="8:8">
      <c r="H119037" s="12"/>
    </row>
    <row r="119038" spans="8:8">
      <c r="H119038" s="12"/>
    </row>
    <row r="119039" spans="8:8">
      <c r="H119039" s="12"/>
    </row>
    <row r="119040" spans="8:8">
      <c r="H119040" s="12"/>
    </row>
    <row r="119041" spans="8:8">
      <c r="H119041" s="12"/>
    </row>
    <row r="119042" spans="8:8">
      <c r="H119042" s="12"/>
    </row>
    <row r="119043" spans="8:8">
      <c r="H119043" s="12"/>
    </row>
    <row r="119044" spans="8:8">
      <c r="H119044" s="12"/>
    </row>
    <row r="119045" spans="8:8">
      <c r="H119045" s="12"/>
    </row>
    <row r="119046" spans="8:8">
      <c r="H119046" s="12"/>
    </row>
    <row r="119047" spans="8:8">
      <c r="H119047" s="12"/>
    </row>
    <row r="119048" spans="8:8">
      <c r="H119048" s="12"/>
    </row>
    <row r="119049" spans="8:8">
      <c r="H119049" s="12"/>
    </row>
    <row r="119050" spans="8:8">
      <c r="H119050" s="12"/>
    </row>
    <row r="119051" spans="8:8">
      <c r="H119051" s="12"/>
    </row>
    <row r="119052" spans="8:8">
      <c r="H119052" s="12"/>
    </row>
    <row r="119053" spans="8:8">
      <c r="H119053" s="12"/>
    </row>
    <row r="119054" spans="8:8">
      <c r="H119054" s="12"/>
    </row>
    <row r="119055" spans="8:8">
      <c r="H119055" s="12"/>
    </row>
    <row r="119056" spans="8:8">
      <c r="H119056" s="12"/>
    </row>
    <row r="119057" spans="8:8">
      <c r="H119057" s="12"/>
    </row>
    <row r="119058" spans="8:8">
      <c r="H119058" s="12"/>
    </row>
    <row r="119059" spans="8:8">
      <c r="H119059" s="12"/>
    </row>
    <row r="119060" spans="8:8">
      <c r="H119060" s="12"/>
    </row>
    <row r="119061" spans="8:8">
      <c r="H119061" s="12"/>
    </row>
    <row r="119062" spans="8:8">
      <c r="H119062" s="12"/>
    </row>
    <row r="119063" spans="8:8">
      <c r="H119063" s="12"/>
    </row>
    <row r="119064" spans="8:8">
      <c r="H119064" s="12"/>
    </row>
    <row r="119065" spans="8:8">
      <c r="H119065" s="12"/>
    </row>
    <row r="119066" spans="8:8">
      <c r="H119066" s="12"/>
    </row>
    <row r="119067" spans="8:8">
      <c r="H119067" s="12"/>
    </row>
    <row r="119068" spans="8:8">
      <c r="H119068" s="12"/>
    </row>
    <row r="119069" spans="8:8">
      <c r="H119069" s="12"/>
    </row>
    <row r="119070" spans="8:8">
      <c r="H119070" s="12"/>
    </row>
    <row r="119071" spans="8:8">
      <c r="H119071" s="12"/>
    </row>
    <row r="119072" spans="8:8">
      <c r="H119072" s="12"/>
    </row>
    <row r="119073" spans="8:8">
      <c r="H119073" s="12"/>
    </row>
    <row r="119074" spans="8:8">
      <c r="H119074" s="12"/>
    </row>
    <row r="119075" spans="8:8">
      <c r="H119075" s="12"/>
    </row>
    <row r="119076" spans="8:8">
      <c r="H119076" s="12"/>
    </row>
    <row r="119077" spans="8:8">
      <c r="H119077" s="12"/>
    </row>
    <row r="119078" spans="8:8">
      <c r="H119078" s="12"/>
    </row>
    <row r="119079" spans="8:8">
      <c r="H119079" s="12"/>
    </row>
    <row r="119080" spans="8:8">
      <c r="H119080" s="12"/>
    </row>
    <row r="119081" spans="8:8">
      <c r="H119081" s="12"/>
    </row>
    <row r="119082" spans="8:8">
      <c r="H119082" s="12"/>
    </row>
    <row r="119083" spans="8:8">
      <c r="H119083" s="12"/>
    </row>
    <row r="119084" spans="8:8">
      <c r="H119084" s="12"/>
    </row>
    <row r="119085" spans="8:8">
      <c r="H119085" s="12"/>
    </row>
    <row r="119086" spans="8:8">
      <c r="H119086" s="12"/>
    </row>
    <row r="119087" spans="8:8">
      <c r="H119087" s="12"/>
    </row>
    <row r="119088" spans="8:8">
      <c r="H119088" s="12"/>
    </row>
    <row r="119089" spans="8:8">
      <c r="H119089" s="12"/>
    </row>
    <row r="119090" spans="8:8">
      <c r="H119090" s="12"/>
    </row>
    <row r="119091" spans="8:8">
      <c r="H119091" s="12"/>
    </row>
    <row r="119092" spans="8:8">
      <c r="H119092" s="12"/>
    </row>
    <row r="119093" spans="8:8">
      <c r="H119093" s="12"/>
    </row>
    <row r="119094" spans="8:8">
      <c r="H119094" s="12"/>
    </row>
    <row r="119095" spans="8:8">
      <c r="H119095" s="12"/>
    </row>
    <row r="119096" spans="8:8">
      <c r="H119096" s="12"/>
    </row>
    <row r="119097" spans="8:8">
      <c r="H119097" s="12"/>
    </row>
    <row r="119098" spans="8:8">
      <c r="H119098" s="12"/>
    </row>
    <row r="119099" spans="8:8">
      <c r="H119099" s="12"/>
    </row>
    <row r="119100" spans="8:8">
      <c r="H119100" s="12"/>
    </row>
    <row r="119101" spans="8:8">
      <c r="H119101" s="12"/>
    </row>
    <row r="119102" spans="8:8">
      <c r="H119102" s="12"/>
    </row>
    <row r="119103" spans="8:8">
      <c r="H119103" s="12"/>
    </row>
    <row r="119104" spans="8:8">
      <c r="H119104" s="12"/>
    </row>
    <row r="119105" spans="8:8">
      <c r="H119105" s="12"/>
    </row>
    <row r="119106" spans="8:8">
      <c r="H119106" s="12"/>
    </row>
    <row r="119107" spans="8:8">
      <c r="H119107" s="12"/>
    </row>
    <row r="119108" spans="8:8">
      <c r="H119108" s="12"/>
    </row>
    <row r="119109" spans="8:8">
      <c r="H119109" s="12"/>
    </row>
    <row r="119110" spans="8:8">
      <c r="H119110" s="12"/>
    </row>
    <row r="119111" spans="8:8">
      <c r="H119111" s="12"/>
    </row>
    <row r="119112" spans="8:8">
      <c r="H119112" s="12"/>
    </row>
    <row r="119113" spans="8:8">
      <c r="H119113" s="12"/>
    </row>
    <row r="119114" spans="8:8">
      <c r="H119114" s="12"/>
    </row>
    <row r="119115" spans="8:8">
      <c r="H119115" s="12"/>
    </row>
    <row r="119116" spans="8:8">
      <c r="H119116" s="12"/>
    </row>
    <row r="119117" spans="8:8">
      <c r="H119117" s="12"/>
    </row>
    <row r="119118" spans="8:8">
      <c r="H119118" s="12"/>
    </row>
    <row r="119119" spans="8:8">
      <c r="H119119" s="12"/>
    </row>
    <row r="119120" spans="8:8">
      <c r="H119120" s="12"/>
    </row>
    <row r="119121" spans="8:8">
      <c r="H119121" s="12"/>
    </row>
    <row r="119122" spans="8:8">
      <c r="H119122" s="12"/>
    </row>
    <row r="119123" spans="8:8">
      <c r="H119123" s="12"/>
    </row>
    <row r="119124" spans="8:8">
      <c r="H119124" s="12"/>
    </row>
    <row r="119125" spans="8:8">
      <c r="H119125" s="12"/>
    </row>
    <row r="119126" spans="8:8">
      <c r="H119126" s="12"/>
    </row>
    <row r="119127" spans="8:8">
      <c r="H119127" s="12"/>
    </row>
    <row r="119128" spans="8:8">
      <c r="H119128" s="12"/>
    </row>
    <row r="119129" spans="8:8">
      <c r="H119129" s="12"/>
    </row>
    <row r="119130" spans="8:8">
      <c r="H119130" s="12"/>
    </row>
    <row r="119131" spans="8:8">
      <c r="H119131" s="12"/>
    </row>
    <row r="119132" spans="8:8">
      <c r="H119132" s="12"/>
    </row>
    <row r="119133" spans="8:8">
      <c r="H119133" s="12"/>
    </row>
    <row r="119134" spans="8:8">
      <c r="H119134" s="12"/>
    </row>
    <row r="119135" spans="8:8">
      <c r="H119135" s="12"/>
    </row>
    <row r="119136" spans="8:8">
      <c r="H119136" s="12"/>
    </row>
    <row r="119137" spans="8:8">
      <c r="H119137" s="12"/>
    </row>
    <row r="119138" spans="8:8">
      <c r="H119138" s="12"/>
    </row>
    <row r="119139" spans="8:8">
      <c r="H119139" s="12"/>
    </row>
    <row r="119140" spans="8:8">
      <c r="H119140" s="12"/>
    </row>
    <row r="119141" spans="8:8">
      <c r="H119141" s="12"/>
    </row>
    <row r="119142" spans="8:8">
      <c r="H119142" s="12"/>
    </row>
    <row r="119143" spans="8:8">
      <c r="H119143" s="12"/>
    </row>
    <row r="119144" spans="8:8">
      <c r="H119144" s="12"/>
    </row>
    <row r="119145" spans="8:8">
      <c r="H119145" s="12"/>
    </row>
    <row r="119146" spans="8:8">
      <c r="H119146" s="12"/>
    </row>
    <row r="119147" spans="8:8">
      <c r="H119147" s="12"/>
    </row>
    <row r="119148" spans="8:8">
      <c r="H119148" s="12"/>
    </row>
    <row r="119149" spans="8:8">
      <c r="H119149" s="12"/>
    </row>
    <row r="119150" spans="8:8">
      <c r="H119150" s="12"/>
    </row>
    <row r="119151" spans="8:8">
      <c r="H119151" s="12"/>
    </row>
    <row r="119152" spans="8:8">
      <c r="H119152" s="12"/>
    </row>
    <row r="119153" spans="8:8">
      <c r="H119153" s="12"/>
    </row>
    <row r="119154" spans="8:8">
      <c r="H119154" s="12"/>
    </row>
    <row r="119155" spans="8:8">
      <c r="H119155" s="12"/>
    </row>
    <row r="119156" spans="8:8">
      <c r="H119156" s="12"/>
    </row>
    <row r="119157" spans="8:8">
      <c r="H119157" s="12"/>
    </row>
    <row r="119158" spans="8:8">
      <c r="H119158" s="12"/>
    </row>
    <row r="119159" spans="8:8">
      <c r="H119159" s="12"/>
    </row>
    <row r="119160" spans="8:8">
      <c r="H119160" s="12"/>
    </row>
    <row r="119161" spans="8:8">
      <c r="H119161" s="12"/>
    </row>
    <row r="119162" spans="8:8">
      <c r="H119162" s="12"/>
    </row>
    <row r="119163" spans="8:8">
      <c r="H119163" s="12"/>
    </row>
    <row r="119164" spans="8:8">
      <c r="H119164" s="12"/>
    </row>
    <row r="119165" spans="8:8">
      <c r="H119165" s="12"/>
    </row>
    <row r="119166" spans="8:8">
      <c r="H119166" s="12"/>
    </row>
    <row r="119167" spans="8:8">
      <c r="H119167" s="12"/>
    </row>
    <row r="119168" spans="8:8">
      <c r="H119168" s="12"/>
    </row>
    <row r="119169" spans="8:8">
      <c r="H119169" s="12"/>
    </row>
    <row r="119170" spans="8:8">
      <c r="H119170" s="12"/>
    </row>
    <row r="119171" spans="8:8">
      <c r="H119171" s="12"/>
    </row>
    <row r="119172" spans="8:8">
      <c r="H119172" s="12"/>
    </row>
    <row r="119173" spans="8:8">
      <c r="H119173" s="12"/>
    </row>
    <row r="119174" spans="8:8">
      <c r="H119174" s="12"/>
    </row>
    <row r="119175" spans="8:8">
      <c r="H119175" s="12"/>
    </row>
    <row r="119176" spans="8:8">
      <c r="H119176" s="12"/>
    </row>
    <row r="119177" spans="8:8">
      <c r="H119177" s="12"/>
    </row>
    <row r="119178" spans="8:8">
      <c r="H119178" s="12"/>
    </row>
    <row r="119179" spans="8:8">
      <c r="H119179" s="12"/>
    </row>
    <row r="119180" spans="8:8">
      <c r="H119180" s="12"/>
    </row>
    <row r="119181" spans="8:8">
      <c r="H119181" s="12"/>
    </row>
    <row r="119182" spans="8:8">
      <c r="H119182" s="12"/>
    </row>
    <row r="119183" spans="8:8">
      <c r="H119183" s="12"/>
    </row>
    <row r="119184" spans="8:8">
      <c r="H119184" s="12"/>
    </row>
    <row r="119185" spans="8:8">
      <c r="H119185" s="12"/>
    </row>
    <row r="119186" spans="8:8">
      <c r="H119186" s="12"/>
    </row>
    <row r="119187" spans="8:8">
      <c r="H119187" s="12"/>
    </row>
    <row r="119188" spans="8:8">
      <c r="H119188" s="12"/>
    </row>
    <row r="119189" spans="8:8">
      <c r="H119189" s="12"/>
    </row>
    <row r="119190" spans="8:8">
      <c r="H119190" s="12"/>
    </row>
    <row r="119191" spans="8:8">
      <c r="H119191" s="12"/>
    </row>
    <row r="119192" spans="8:8">
      <c r="H119192" s="12"/>
    </row>
    <row r="119193" spans="8:8">
      <c r="H119193" s="12"/>
    </row>
    <row r="119194" spans="8:8">
      <c r="H119194" s="12"/>
    </row>
    <row r="119195" spans="8:8">
      <c r="H119195" s="12"/>
    </row>
    <row r="119196" spans="8:8">
      <c r="H119196" s="12"/>
    </row>
    <row r="119197" spans="8:8">
      <c r="H119197" s="12"/>
    </row>
    <row r="119198" spans="8:8">
      <c r="H119198" s="12"/>
    </row>
    <row r="119199" spans="8:8">
      <c r="H119199" s="12"/>
    </row>
    <row r="119200" spans="8:8">
      <c r="H119200" s="12"/>
    </row>
    <row r="119201" spans="8:8">
      <c r="H119201" s="12"/>
    </row>
    <row r="119202" spans="8:8">
      <c r="H119202" s="12"/>
    </row>
    <row r="119203" spans="8:8">
      <c r="H119203" s="12"/>
    </row>
    <row r="119204" spans="8:8">
      <c r="H119204" s="12"/>
    </row>
    <row r="119205" spans="8:8">
      <c r="H119205" s="12"/>
    </row>
    <row r="119206" spans="8:8">
      <c r="H119206" s="12"/>
    </row>
    <row r="119207" spans="8:8">
      <c r="H119207" s="12"/>
    </row>
    <row r="119208" spans="8:8">
      <c r="H119208" s="12"/>
    </row>
    <row r="119209" spans="8:8">
      <c r="H119209" s="12"/>
    </row>
    <row r="119210" spans="8:8">
      <c r="H119210" s="12"/>
    </row>
    <row r="119211" spans="8:8">
      <c r="H119211" s="12"/>
    </row>
    <row r="119212" spans="8:8">
      <c r="H119212" s="12"/>
    </row>
    <row r="119213" spans="8:8">
      <c r="H119213" s="12"/>
    </row>
    <row r="119214" spans="8:8">
      <c r="H119214" s="12"/>
    </row>
    <row r="119215" spans="8:8">
      <c r="H119215" s="12"/>
    </row>
    <row r="119216" spans="8:8">
      <c r="H119216" s="12"/>
    </row>
    <row r="119217" spans="8:8">
      <c r="H119217" s="12"/>
    </row>
    <row r="119218" spans="8:8">
      <c r="H119218" s="12"/>
    </row>
    <row r="119219" spans="8:8">
      <c r="H119219" s="12"/>
    </row>
    <row r="119220" spans="8:8">
      <c r="H119220" s="12"/>
    </row>
    <row r="119221" spans="8:8">
      <c r="H119221" s="12"/>
    </row>
    <row r="119222" spans="8:8">
      <c r="H119222" s="12"/>
    </row>
    <row r="119223" spans="8:8">
      <c r="H119223" s="12"/>
    </row>
    <row r="119224" spans="8:8">
      <c r="H119224" s="12"/>
    </row>
    <row r="119225" spans="8:8">
      <c r="H119225" s="12"/>
    </row>
    <row r="119226" spans="8:8">
      <c r="H119226" s="12"/>
    </row>
    <row r="119227" spans="8:8">
      <c r="H119227" s="12"/>
    </row>
    <row r="119228" spans="8:8">
      <c r="H119228" s="12"/>
    </row>
    <row r="119229" spans="8:8">
      <c r="H119229" s="12"/>
    </row>
    <row r="119230" spans="8:8">
      <c r="H119230" s="12"/>
    </row>
    <row r="119231" spans="8:8">
      <c r="H119231" s="12"/>
    </row>
    <row r="119232" spans="8:8">
      <c r="H119232" s="12"/>
    </row>
    <row r="119233" spans="8:8">
      <c r="H119233" s="12"/>
    </row>
    <row r="119234" spans="8:8">
      <c r="H119234" s="12"/>
    </row>
    <row r="119235" spans="8:8">
      <c r="H119235" s="12"/>
    </row>
    <row r="119236" spans="8:8">
      <c r="H119236" s="12"/>
    </row>
    <row r="119237" spans="8:8">
      <c r="H119237" s="12"/>
    </row>
    <row r="119238" spans="8:8">
      <c r="H119238" s="12"/>
    </row>
    <row r="119239" spans="8:8">
      <c r="H119239" s="12"/>
    </row>
    <row r="119240" spans="8:8">
      <c r="H119240" s="12"/>
    </row>
    <row r="119241" spans="8:8">
      <c r="H119241" s="12"/>
    </row>
    <row r="119242" spans="8:8">
      <c r="H119242" s="12"/>
    </row>
    <row r="119243" spans="8:8">
      <c r="H119243" s="12"/>
    </row>
    <row r="119244" spans="8:8">
      <c r="H119244" s="12"/>
    </row>
    <row r="119245" spans="8:8">
      <c r="H119245" s="12"/>
    </row>
    <row r="119246" spans="8:8">
      <c r="H119246" s="12"/>
    </row>
    <row r="119247" spans="8:8">
      <c r="H119247" s="12"/>
    </row>
    <row r="119248" spans="8:8">
      <c r="H119248" s="12"/>
    </row>
    <row r="119249" spans="8:8">
      <c r="H119249" s="12"/>
    </row>
    <row r="119250" spans="8:8">
      <c r="H119250" s="12"/>
    </row>
    <row r="119251" spans="8:8">
      <c r="H119251" s="12"/>
    </row>
    <row r="119252" spans="8:8">
      <c r="H119252" s="12"/>
    </row>
    <row r="119253" spans="8:8">
      <c r="H119253" s="12"/>
    </row>
    <row r="119254" spans="8:8">
      <c r="H119254" s="12"/>
    </row>
    <row r="119255" spans="8:8">
      <c r="H119255" s="12"/>
    </row>
    <row r="119256" spans="8:8">
      <c r="H119256" s="12"/>
    </row>
    <row r="119257" spans="8:8">
      <c r="H119257" s="12"/>
    </row>
    <row r="119258" spans="8:8">
      <c r="H119258" s="12"/>
    </row>
    <row r="119259" spans="8:8">
      <c r="H119259" s="12"/>
    </row>
    <row r="119260" spans="8:8">
      <c r="H119260" s="12"/>
    </row>
    <row r="119261" spans="8:8">
      <c r="H119261" s="12"/>
    </row>
    <row r="119262" spans="8:8">
      <c r="H119262" s="12"/>
    </row>
    <row r="119263" spans="8:8">
      <c r="H119263" s="12"/>
    </row>
    <row r="119264" spans="8:8">
      <c r="H119264" s="12"/>
    </row>
    <row r="119265" spans="8:8">
      <c r="H119265" s="12"/>
    </row>
    <row r="119266" spans="8:8">
      <c r="H119266" s="12"/>
    </row>
    <row r="119267" spans="8:8">
      <c r="H119267" s="12"/>
    </row>
    <row r="119268" spans="8:8">
      <c r="H119268" s="12"/>
    </row>
    <row r="119269" spans="8:8">
      <c r="H119269" s="12"/>
    </row>
    <row r="119270" spans="8:8">
      <c r="H119270" s="12"/>
    </row>
    <row r="119271" spans="8:8">
      <c r="H119271" s="12"/>
    </row>
    <row r="119272" spans="8:8">
      <c r="H119272" s="12"/>
    </row>
    <row r="119273" spans="8:8">
      <c r="H119273" s="12"/>
    </row>
    <row r="119274" spans="8:8">
      <c r="H119274" s="12"/>
    </row>
    <row r="119275" spans="8:8">
      <c r="H119275" s="12"/>
    </row>
    <row r="119276" spans="8:8">
      <c r="H119276" s="12"/>
    </row>
    <row r="119277" spans="8:8">
      <c r="H119277" s="12"/>
    </row>
    <row r="119278" spans="8:8">
      <c r="H119278" s="12"/>
    </row>
    <row r="119279" spans="8:8">
      <c r="H119279" s="12"/>
    </row>
    <row r="119280" spans="8:8">
      <c r="H119280" s="12"/>
    </row>
    <row r="119281" spans="8:8">
      <c r="H119281" s="12"/>
    </row>
    <row r="119282" spans="8:8">
      <c r="H119282" s="12"/>
    </row>
    <row r="119283" spans="8:8">
      <c r="H119283" s="12"/>
    </row>
    <row r="119284" spans="8:8">
      <c r="H119284" s="12"/>
    </row>
    <row r="119285" spans="8:8">
      <c r="H119285" s="12"/>
    </row>
    <row r="119286" spans="8:8">
      <c r="H119286" s="12"/>
    </row>
    <row r="119287" spans="8:8">
      <c r="H119287" s="12"/>
    </row>
    <row r="119288" spans="8:8">
      <c r="H119288" s="12"/>
    </row>
    <row r="119289" spans="8:8">
      <c r="H119289" s="12"/>
    </row>
    <row r="119290" spans="8:8">
      <c r="H119290" s="12"/>
    </row>
    <row r="119291" spans="8:8">
      <c r="H119291" s="12"/>
    </row>
    <row r="119292" spans="8:8">
      <c r="H119292" s="12"/>
    </row>
    <row r="119293" spans="8:8">
      <c r="H119293" s="12"/>
    </row>
    <row r="119294" spans="8:8">
      <c r="H119294" s="12"/>
    </row>
    <row r="119295" spans="8:8">
      <c r="H119295" s="12"/>
    </row>
    <row r="119296" spans="8:8">
      <c r="H119296" s="12"/>
    </row>
    <row r="119297" spans="8:8">
      <c r="H119297" s="12"/>
    </row>
    <row r="119298" spans="8:8">
      <c r="H119298" s="12"/>
    </row>
    <row r="119299" spans="8:8">
      <c r="H119299" s="12"/>
    </row>
    <row r="119300" spans="8:8">
      <c r="H119300" s="12"/>
    </row>
    <row r="119301" spans="8:8">
      <c r="H119301" s="12"/>
    </row>
    <row r="119302" spans="8:8">
      <c r="H119302" s="12"/>
    </row>
    <row r="119303" spans="8:8">
      <c r="H119303" s="12"/>
    </row>
    <row r="119304" spans="8:8">
      <c r="H119304" s="12"/>
    </row>
    <row r="119305" spans="8:8">
      <c r="H119305" s="12"/>
    </row>
    <row r="119306" spans="8:8">
      <c r="H119306" s="12"/>
    </row>
    <row r="119307" spans="8:8">
      <c r="H119307" s="12"/>
    </row>
    <row r="119308" spans="8:8">
      <c r="H119308" s="12"/>
    </row>
    <row r="119309" spans="8:8">
      <c r="H119309" s="12"/>
    </row>
    <row r="119310" spans="8:8">
      <c r="H119310" s="12"/>
    </row>
    <row r="119311" spans="8:8">
      <c r="H119311" s="12"/>
    </row>
    <row r="119312" spans="8:8">
      <c r="H119312" s="12"/>
    </row>
    <row r="119313" spans="8:8">
      <c r="H119313" s="12"/>
    </row>
    <row r="119314" spans="8:8">
      <c r="H119314" s="12"/>
    </row>
    <row r="119315" spans="8:8">
      <c r="H119315" s="12"/>
    </row>
    <row r="119316" spans="8:8">
      <c r="H119316" s="12"/>
    </row>
    <row r="119317" spans="8:8">
      <c r="H119317" s="12"/>
    </row>
    <row r="119318" spans="8:8">
      <c r="H119318" s="12"/>
    </row>
    <row r="119319" spans="8:8">
      <c r="H119319" s="12"/>
    </row>
    <row r="119320" spans="8:8">
      <c r="H119320" s="12"/>
    </row>
    <row r="119321" spans="8:8">
      <c r="H119321" s="12"/>
    </row>
    <row r="119322" spans="8:8">
      <c r="H119322" s="12"/>
    </row>
    <row r="119323" spans="8:8">
      <c r="H119323" s="12"/>
    </row>
    <row r="119324" spans="8:8">
      <c r="H119324" s="12"/>
    </row>
    <row r="119325" spans="8:8">
      <c r="H119325" s="12"/>
    </row>
    <row r="119326" spans="8:8">
      <c r="H119326" s="12"/>
    </row>
    <row r="119327" spans="8:8">
      <c r="H119327" s="12"/>
    </row>
    <row r="119328" spans="8:8">
      <c r="H119328" s="12"/>
    </row>
    <row r="119329" spans="8:8">
      <c r="H119329" s="12"/>
    </row>
    <row r="119330" spans="8:8">
      <c r="H119330" s="12"/>
    </row>
    <row r="119331" spans="8:8">
      <c r="H119331" s="12"/>
    </row>
    <row r="119332" spans="8:8">
      <c r="H119332" s="12"/>
    </row>
    <row r="119333" spans="8:8">
      <c r="H119333" s="12"/>
    </row>
    <row r="119334" spans="8:8">
      <c r="H119334" s="12"/>
    </row>
    <row r="119335" spans="8:8">
      <c r="H119335" s="12"/>
    </row>
    <row r="119336" spans="8:8">
      <c r="H119336" s="12"/>
    </row>
    <row r="119337" spans="8:8">
      <c r="H119337" s="12"/>
    </row>
    <row r="119338" spans="8:8">
      <c r="H119338" s="12"/>
    </row>
    <row r="119339" spans="8:8">
      <c r="H119339" s="12"/>
    </row>
    <row r="119340" spans="8:8">
      <c r="H119340" s="12"/>
    </row>
    <row r="119341" spans="8:8">
      <c r="H119341" s="12"/>
    </row>
    <row r="119342" spans="8:8">
      <c r="H119342" s="12"/>
    </row>
    <row r="119343" spans="8:8">
      <c r="H119343" s="12"/>
    </row>
    <row r="119344" spans="8:8">
      <c r="H119344" s="12"/>
    </row>
    <row r="119345" spans="8:8">
      <c r="H119345" s="12"/>
    </row>
    <row r="119346" spans="8:8">
      <c r="H119346" s="12"/>
    </row>
    <row r="119347" spans="8:8">
      <c r="H119347" s="12"/>
    </row>
    <row r="119348" spans="8:8">
      <c r="H119348" s="12"/>
    </row>
    <row r="119349" spans="8:8">
      <c r="H119349" s="12"/>
    </row>
    <row r="119350" spans="8:8">
      <c r="H119350" s="12"/>
    </row>
    <row r="119351" spans="8:8">
      <c r="H119351" s="12"/>
    </row>
    <row r="119352" spans="8:8">
      <c r="H119352" s="12"/>
    </row>
    <row r="119353" spans="8:8">
      <c r="H119353" s="12"/>
    </row>
    <row r="119354" spans="8:8">
      <c r="H119354" s="12"/>
    </row>
    <row r="119355" spans="8:8">
      <c r="H119355" s="12"/>
    </row>
    <row r="119356" spans="8:8">
      <c r="H119356" s="12"/>
    </row>
    <row r="119357" spans="8:8">
      <c r="H119357" s="12"/>
    </row>
    <row r="119358" spans="8:8">
      <c r="H119358" s="12"/>
    </row>
    <row r="119359" spans="8:8">
      <c r="H119359" s="12"/>
    </row>
    <row r="119360" spans="8:8">
      <c r="H119360" s="12"/>
    </row>
    <row r="119361" spans="8:8">
      <c r="H119361" s="12"/>
    </row>
    <row r="119362" spans="8:8">
      <c r="H119362" s="12"/>
    </row>
    <row r="119363" spans="8:8">
      <c r="H119363" s="12"/>
    </row>
    <row r="119364" spans="8:8">
      <c r="H119364" s="12"/>
    </row>
    <row r="119365" spans="8:8">
      <c r="H119365" s="12"/>
    </row>
    <row r="119366" spans="8:8">
      <c r="H119366" s="12"/>
    </row>
    <row r="119367" spans="8:8">
      <c r="H119367" s="12"/>
    </row>
    <row r="119368" spans="8:8">
      <c r="H119368" s="12"/>
    </row>
    <row r="119369" spans="8:8">
      <c r="H119369" s="12"/>
    </row>
    <row r="119370" spans="8:8">
      <c r="H119370" s="12"/>
    </row>
    <row r="119371" spans="8:8">
      <c r="H119371" s="12"/>
    </row>
    <row r="119372" spans="8:8">
      <c r="H119372" s="12"/>
    </row>
    <row r="119373" spans="8:8">
      <c r="H119373" s="12"/>
    </row>
    <row r="119374" spans="8:8">
      <c r="H119374" s="12"/>
    </row>
    <row r="119375" spans="8:8">
      <c r="H119375" s="12"/>
    </row>
    <row r="119376" spans="8:8">
      <c r="H119376" s="12"/>
    </row>
    <row r="119377" spans="8:8">
      <c r="H119377" s="12"/>
    </row>
    <row r="119378" spans="8:8">
      <c r="H119378" s="12"/>
    </row>
    <row r="119379" spans="8:8">
      <c r="H119379" s="12"/>
    </row>
    <row r="119380" spans="8:8">
      <c r="H119380" s="12"/>
    </row>
    <row r="119381" spans="8:8">
      <c r="H119381" s="12"/>
    </row>
    <row r="119382" spans="8:8">
      <c r="H119382" s="12"/>
    </row>
    <row r="119383" spans="8:8">
      <c r="H119383" s="12"/>
    </row>
    <row r="119384" spans="8:8">
      <c r="H119384" s="12"/>
    </row>
    <row r="119385" spans="8:8">
      <c r="H119385" s="12"/>
    </row>
    <row r="119386" spans="8:8">
      <c r="H119386" s="12"/>
    </row>
    <row r="119387" spans="8:8">
      <c r="H119387" s="12"/>
    </row>
    <row r="119388" spans="8:8">
      <c r="H119388" s="12"/>
    </row>
    <row r="119389" spans="8:8">
      <c r="H119389" s="12"/>
    </row>
    <row r="119390" spans="8:8">
      <c r="H119390" s="12"/>
    </row>
    <row r="119391" spans="8:8">
      <c r="H119391" s="12"/>
    </row>
    <row r="119392" spans="8:8">
      <c r="H119392" s="12"/>
    </row>
    <row r="119393" spans="8:8">
      <c r="H119393" s="12"/>
    </row>
    <row r="119394" spans="8:8">
      <c r="H119394" s="12"/>
    </row>
    <row r="119395" spans="8:8">
      <c r="H119395" s="12"/>
    </row>
    <row r="119396" spans="8:8">
      <c r="H119396" s="12"/>
    </row>
    <row r="119397" spans="8:8">
      <c r="H119397" s="12"/>
    </row>
    <row r="119398" spans="8:8">
      <c r="H119398" s="12"/>
    </row>
    <row r="119399" spans="8:8">
      <c r="H119399" s="12"/>
    </row>
    <row r="119400" spans="8:8">
      <c r="H119400" s="12"/>
    </row>
    <row r="119401" spans="8:8">
      <c r="H119401" s="12"/>
    </row>
    <row r="119402" spans="8:8">
      <c r="H119402" s="12"/>
    </row>
    <row r="119403" spans="8:8">
      <c r="H119403" s="12"/>
    </row>
    <row r="119404" spans="8:8">
      <c r="H119404" s="12"/>
    </row>
    <row r="119405" spans="8:8">
      <c r="H119405" s="12"/>
    </row>
    <row r="119406" spans="8:8">
      <c r="H119406" s="12"/>
    </row>
    <row r="119407" spans="8:8">
      <c r="H119407" s="12"/>
    </row>
    <row r="119408" spans="8:8">
      <c r="H119408" s="12"/>
    </row>
    <row r="119409" spans="8:8">
      <c r="H119409" s="12"/>
    </row>
    <row r="119410" spans="8:8">
      <c r="H119410" s="12"/>
    </row>
    <row r="119411" spans="8:8">
      <c r="H119411" s="12"/>
    </row>
    <row r="119412" spans="8:8">
      <c r="H119412" s="12"/>
    </row>
    <row r="119413" spans="8:8">
      <c r="H119413" s="12"/>
    </row>
    <row r="119414" spans="8:8">
      <c r="H119414" s="12"/>
    </row>
    <row r="119415" spans="8:8">
      <c r="H119415" s="12"/>
    </row>
    <row r="119416" spans="8:8">
      <c r="H119416" s="12"/>
    </row>
    <row r="119417" spans="8:8">
      <c r="H119417" s="12"/>
    </row>
    <row r="119418" spans="8:8">
      <c r="H119418" s="12"/>
    </row>
    <row r="119419" spans="8:8">
      <c r="H119419" s="12"/>
    </row>
    <row r="119420" spans="8:8">
      <c r="H119420" s="12"/>
    </row>
    <row r="119421" spans="8:8">
      <c r="H119421" s="12"/>
    </row>
    <row r="119422" spans="8:8">
      <c r="H119422" s="12"/>
    </row>
    <row r="119423" spans="8:8">
      <c r="H119423" s="12"/>
    </row>
    <row r="119424" spans="8:8">
      <c r="H119424" s="12"/>
    </row>
    <row r="119425" spans="8:8">
      <c r="H119425" s="12"/>
    </row>
    <row r="119426" spans="8:8">
      <c r="H119426" s="12"/>
    </row>
    <row r="119427" spans="8:8">
      <c r="H119427" s="12"/>
    </row>
    <row r="119428" spans="8:8">
      <c r="H119428" s="12"/>
    </row>
    <row r="119429" spans="8:8">
      <c r="H119429" s="12"/>
    </row>
    <row r="119430" spans="8:8">
      <c r="H119430" s="12"/>
    </row>
    <row r="119431" spans="8:8">
      <c r="H119431" s="12"/>
    </row>
    <row r="119432" spans="8:8">
      <c r="H119432" s="12"/>
    </row>
    <row r="119433" spans="8:8">
      <c r="H119433" s="12"/>
    </row>
    <row r="119434" spans="8:8">
      <c r="H119434" s="12"/>
    </row>
    <row r="119435" spans="8:8">
      <c r="H119435" s="12"/>
    </row>
    <row r="119436" spans="8:8">
      <c r="H119436" s="12"/>
    </row>
    <row r="119437" spans="8:8">
      <c r="H119437" s="12"/>
    </row>
    <row r="119438" spans="8:8">
      <c r="H119438" s="12"/>
    </row>
    <row r="119439" spans="8:8">
      <c r="H119439" s="12"/>
    </row>
    <row r="119440" spans="8:8">
      <c r="H119440" s="12"/>
    </row>
    <row r="119441" spans="8:8">
      <c r="H119441" s="12"/>
    </row>
    <row r="119442" spans="8:8">
      <c r="H119442" s="12"/>
    </row>
    <row r="119443" spans="8:8">
      <c r="H119443" s="12"/>
    </row>
    <row r="119444" spans="8:8">
      <c r="H119444" s="12"/>
    </row>
    <row r="119445" spans="8:8">
      <c r="H119445" s="12"/>
    </row>
    <row r="119446" spans="8:8">
      <c r="H119446" s="12"/>
    </row>
    <row r="119447" spans="8:8">
      <c r="H119447" s="12"/>
    </row>
    <row r="119448" spans="8:8">
      <c r="H119448" s="12"/>
    </row>
    <row r="119449" spans="8:8">
      <c r="H119449" s="12"/>
    </row>
    <row r="119450" spans="8:8">
      <c r="H119450" s="12"/>
    </row>
    <row r="119451" spans="8:8">
      <c r="H119451" s="12"/>
    </row>
    <row r="119452" spans="8:8">
      <c r="H119452" s="12"/>
    </row>
    <row r="119453" spans="8:8">
      <c r="H119453" s="12"/>
    </row>
    <row r="119454" spans="8:8">
      <c r="H119454" s="12"/>
    </row>
    <row r="119455" spans="8:8">
      <c r="H119455" s="12"/>
    </row>
    <row r="119456" spans="8:8">
      <c r="H119456" s="12"/>
    </row>
    <row r="119457" spans="8:8">
      <c r="H119457" s="12"/>
    </row>
    <row r="119458" spans="8:8">
      <c r="H119458" s="12"/>
    </row>
    <row r="119459" spans="8:8">
      <c r="H119459" s="12"/>
    </row>
    <row r="119460" spans="8:8">
      <c r="H119460" s="12"/>
    </row>
    <row r="119461" spans="8:8">
      <c r="H119461" s="12"/>
    </row>
    <row r="119462" spans="8:8">
      <c r="H119462" s="12"/>
    </row>
    <row r="119463" spans="8:8">
      <c r="H119463" s="12"/>
    </row>
    <row r="119464" spans="8:8">
      <c r="H119464" s="12"/>
    </row>
    <row r="119465" spans="8:8">
      <c r="H119465" s="12"/>
    </row>
    <row r="119466" spans="8:8">
      <c r="H119466" s="12"/>
    </row>
    <row r="119467" spans="8:8">
      <c r="H119467" s="12"/>
    </row>
    <row r="119468" spans="8:8">
      <c r="H119468" s="12"/>
    </row>
    <row r="119469" spans="8:8">
      <c r="H119469" s="12"/>
    </row>
    <row r="119470" spans="8:8">
      <c r="H119470" s="12"/>
    </row>
    <row r="119471" spans="8:8">
      <c r="H119471" s="12"/>
    </row>
    <row r="119472" spans="8:8">
      <c r="H119472" s="12"/>
    </row>
    <row r="119473" spans="8:8">
      <c r="H119473" s="12"/>
    </row>
    <row r="119474" spans="8:8">
      <c r="H119474" s="12"/>
    </row>
    <row r="119475" spans="8:8">
      <c r="H119475" s="12"/>
    </row>
    <row r="119476" spans="8:8">
      <c r="H119476" s="12"/>
    </row>
    <row r="119477" spans="8:8">
      <c r="H119477" s="12"/>
    </row>
    <row r="119478" spans="8:8">
      <c r="H119478" s="12"/>
    </row>
    <row r="119479" spans="8:8">
      <c r="H119479" s="12"/>
    </row>
    <row r="119480" spans="8:8">
      <c r="H119480" s="12"/>
    </row>
    <row r="119481" spans="8:8">
      <c r="H119481" s="12"/>
    </row>
    <row r="119482" spans="8:8">
      <c r="H119482" s="12"/>
    </row>
    <row r="119483" spans="8:8">
      <c r="H119483" s="12"/>
    </row>
    <row r="119484" spans="8:8">
      <c r="H119484" s="12"/>
    </row>
    <row r="119485" spans="8:8">
      <c r="H119485" s="12"/>
    </row>
    <row r="119486" spans="8:8">
      <c r="H119486" s="12"/>
    </row>
    <row r="119487" spans="8:8">
      <c r="H119487" s="12"/>
    </row>
    <row r="119488" spans="8:8">
      <c r="H119488" s="12"/>
    </row>
    <row r="119489" spans="8:8">
      <c r="H119489" s="12"/>
    </row>
    <row r="119490" spans="8:8">
      <c r="H119490" s="12"/>
    </row>
    <row r="119491" spans="8:8">
      <c r="H119491" s="12"/>
    </row>
    <row r="119492" spans="8:8">
      <c r="H119492" s="12"/>
    </row>
    <row r="119493" spans="8:8">
      <c r="H119493" s="12"/>
    </row>
    <row r="119494" spans="8:8">
      <c r="H119494" s="12"/>
    </row>
    <row r="119495" spans="8:8">
      <c r="H119495" s="12"/>
    </row>
    <row r="119496" spans="8:8">
      <c r="H119496" s="12"/>
    </row>
    <row r="119497" spans="8:8">
      <c r="H119497" s="12"/>
    </row>
    <row r="119498" spans="8:8">
      <c r="H119498" s="12"/>
    </row>
    <row r="119499" spans="8:8">
      <c r="H119499" s="12"/>
    </row>
    <row r="119500" spans="8:8">
      <c r="H119500" s="12"/>
    </row>
    <row r="119501" spans="8:8">
      <c r="H119501" s="12"/>
    </row>
    <row r="119502" spans="8:8">
      <c r="H119502" s="12"/>
    </row>
    <row r="119503" spans="8:8">
      <c r="H119503" s="12"/>
    </row>
    <row r="119504" spans="8:8">
      <c r="H119504" s="12"/>
    </row>
    <row r="119505" spans="8:8">
      <c r="H119505" s="12"/>
    </row>
    <row r="119506" spans="8:8">
      <c r="H119506" s="12"/>
    </row>
    <row r="119507" spans="8:8">
      <c r="H119507" s="12"/>
    </row>
    <row r="119508" spans="8:8">
      <c r="H119508" s="12"/>
    </row>
    <row r="119509" spans="8:8">
      <c r="H119509" s="12"/>
    </row>
    <row r="119510" spans="8:8">
      <c r="H119510" s="12"/>
    </row>
    <row r="119511" spans="8:8">
      <c r="H119511" s="12"/>
    </row>
    <row r="119512" spans="8:8">
      <c r="H119512" s="12"/>
    </row>
    <row r="119513" spans="8:8">
      <c r="H119513" s="12"/>
    </row>
    <row r="119514" spans="8:8">
      <c r="H119514" s="12"/>
    </row>
    <row r="119515" spans="8:8">
      <c r="H119515" s="12"/>
    </row>
    <row r="119516" spans="8:8">
      <c r="H119516" s="12"/>
    </row>
    <row r="119517" spans="8:8">
      <c r="H119517" s="12"/>
    </row>
    <row r="119518" spans="8:8">
      <c r="H119518" s="12"/>
    </row>
    <row r="119519" spans="8:8">
      <c r="H119519" s="12"/>
    </row>
    <row r="119520" spans="8:8">
      <c r="H119520" s="12"/>
    </row>
    <row r="119521" spans="8:8">
      <c r="H119521" s="12"/>
    </row>
    <row r="119522" spans="8:8">
      <c r="H119522" s="12"/>
    </row>
    <row r="119523" spans="8:8">
      <c r="H119523" s="12"/>
    </row>
    <row r="119524" spans="8:8">
      <c r="H119524" s="12"/>
    </row>
    <row r="119525" spans="8:8">
      <c r="H119525" s="12"/>
    </row>
    <row r="119526" spans="8:8">
      <c r="H119526" s="12"/>
    </row>
    <row r="119527" spans="8:8">
      <c r="H119527" s="12"/>
    </row>
    <row r="119528" spans="8:8">
      <c r="H119528" s="12"/>
    </row>
    <row r="119529" spans="8:8">
      <c r="H119529" s="12"/>
    </row>
    <row r="119530" spans="8:8">
      <c r="H119530" s="12"/>
    </row>
    <row r="119531" spans="8:8">
      <c r="H119531" s="12"/>
    </row>
    <row r="119532" spans="8:8">
      <c r="H119532" s="12"/>
    </row>
    <row r="119533" spans="8:8">
      <c r="H119533" s="12"/>
    </row>
    <row r="119534" spans="8:8">
      <c r="H119534" s="12"/>
    </row>
    <row r="119535" spans="8:8">
      <c r="H119535" s="12"/>
    </row>
    <row r="119536" spans="8:8">
      <c r="H119536" s="12"/>
    </row>
    <row r="119537" spans="8:8">
      <c r="H119537" s="12"/>
    </row>
    <row r="119538" spans="8:8">
      <c r="H119538" s="12"/>
    </row>
    <row r="119539" spans="8:8">
      <c r="H119539" s="12"/>
    </row>
    <row r="119540" spans="8:8">
      <c r="H119540" s="12"/>
    </row>
    <row r="119541" spans="8:8">
      <c r="H119541" s="12"/>
    </row>
    <row r="119542" spans="8:8">
      <c r="H119542" s="12"/>
    </row>
    <row r="119543" spans="8:8">
      <c r="H119543" s="12"/>
    </row>
    <row r="119544" spans="8:8">
      <c r="H119544" s="12"/>
    </row>
    <row r="119545" spans="8:8">
      <c r="H119545" s="12"/>
    </row>
    <row r="119546" spans="8:8">
      <c r="H119546" s="12"/>
    </row>
    <row r="119547" spans="8:8">
      <c r="H119547" s="12"/>
    </row>
    <row r="119548" spans="8:8">
      <c r="H119548" s="12"/>
    </row>
    <row r="119549" spans="8:8">
      <c r="H119549" s="12"/>
    </row>
    <row r="119550" spans="8:8">
      <c r="H119550" s="12"/>
    </row>
    <row r="119551" spans="8:8">
      <c r="H119551" s="12"/>
    </row>
    <row r="119552" spans="8:8">
      <c r="H119552" s="12"/>
    </row>
    <row r="119553" spans="8:8">
      <c r="H119553" s="12"/>
    </row>
    <row r="119554" spans="8:8">
      <c r="H119554" s="12"/>
    </row>
    <row r="119555" spans="8:8">
      <c r="H119555" s="12"/>
    </row>
    <row r="119556" spans="8:8">
      <c r="H119556" s="12"/>
    </row>
    <row r="119557" spans="8:8">
      <c r="H119557" s="12"/>
    </row>
    <row r="119558" spans="8:8">
      <c r="H119558" s="12"/>
    </row>
    <row r="119559" spans="8:8">
      <c r="H119559" s="12"/>
    </row>
    <row r="119560" spans="8:8">
      <c r="H119560" s="12"/>
    </row>
    <row r="119561" spans="8:8">
      <c r="H119561" s="12"/>
    </row>
    <row r="119562" spans="8:8">
      <c r="H119562" s="12"/>
    </row>
    <row r="119563" spans="8:8">
      <c r="H119563" s="12"/>
    </row>
    <row r="119564" spans="8:8">
      <c r="H119564" s="12"/>
    </row>
    <row r="119565" spans="8:8">
      <c r="H119565" s="12"/>
    </row>
    <row r="119566" spans="8:8">
      <c r="H119566" s="12"/>
    </row>
    <row r="119567" spans="8:8">
      <c r="H119567" s="12"/>
    </row>
    <row r="119568" spans="8:8">
      <c r="H119568" s="12"/>
    </row>
    <row r="119569" spans="8:8">
      <c r="H119569" s="12"/>
    </row>
    <row r="119570" spans="8:8">
      <c r="H119570" s="12"/>
    </row>
    <row r="119571" spans="8:8">
      <c r="H119571" s="12"/>
    </row>
    <row r="119572" spans="8:8">
      <c r="H119572" s="12"/>
    </row>
    <row r="119573" spans="8:8">
      <c r="H119573" s="12"/>
    </row>
    <row r="119574" spans="8:8">
      <c r="H119574" s="12"/>
    </row>
    <row r="119575" spans="8:8">
      <c r="H119575" s="12"/>
    </row>
    <row r="119576" spans="8:8">
      <c r="H119576" s="12"/>
    </row>
    <row r="119577" spans="8:8">
      <c r="H119577" s="12"/>
    </row>
    <row r="119578" spans="8:8">
      <c r="H119578" s="12"/>
    </row>
    <row r="119579" spans="8:8">
      <c r="H119579" s="12"/>
    </row>
    <row r="119580" spans="8:8">
      <c r="H119580" s="12"/>
    </row>
    <row r="119581" spans="8:8">
      <c r="H119581" s="12"/>
    </row>
    <row r="119582" spans="8:8">
      <c r="H119582" s="12"/>
    </row>
    <row r="119583" spans="8:8">
      <c r="H119583" s="12"/>
    </row>
    <row r="119584" spans="8:8">
      <c r="H119584" s="12"/>
    </row>
    <row r="119585" spans="8:8">
      <c r="H119585" s="12"/>
    </row>
    <row r="119586" spans="8:8">
      <c r="H119586" s="12"/>
    </row>
    <row r="119587" spans="8:8">
      <c r="H119587" s="12"/>
    </row>
    <row r="119588" spans="8:8">
      <c r="H119588" s="12"/>
    </row>
    <row r="119589" spans="8:8">
      <c r="H119589" s="12"/>
    </row>
    <row r="119590" spans="8:8">
      <c r="H119590" s="12"/>
    </row>
    <row r="119591" spans="8:8">
      <c r="H119591" s="12"/>
    </row>
    <row r="119592" spans="8:8">
      <c r="H119592" s="12"/>
    </row>
    <row r="119593" spans="8:8">
      <c r="H119593" s="12"/>
    </row>
    <row r="119594" spans="8:8">
      <c r="H119594" s="12"/>
    </row>
    <row r="119595" spans="8:8">
      <c r="H119595" s="12"/>
    </row>
    <row r="119596" spans="8:8">
      <c r="H119596" s="12"/>
    </row>
    <row r="119597" spans="8:8">
      <c r="H119597" s="12"/>
    </row>
    <row r="119598" spans="8:8">
      <c r="H119598" s="12"/>
    </row>
    <row r="119599" spans="8:8">
      <c r="H119599" s="12"/>
    </row>
    <row r="119600" spans="8:8">
      <c r="H119600" s="12"/>
    </row>
    <row r="119601" spans="8:8">
      <c r="H119601" s="12"/>
    </row>
    <row r="119602" spans="8:8">
      <c r="H119602" s="12"/>
    </row>
    <row r="119603" spans="8:8">
      <c r="H119603" s="12"/>
    </row>
    <row r="119604" spans="8:8">
      <c r="H119604" s="12"/>
    </row>
    <row r="119605" spans="8:8">
      <c r="H119605" s="12"/>
    </row>
    <row r="119606" spans="8:8">
      <c r="H119606" s="12"/>
    </row>
    <row r="119607" spans="8:8">
      <c r="H119607" s="12"/>
    </row>
    <row r="119608" spans="8:8">
      <c r="H119608" s="12"/>
    </row>
    <row r="119609" spans="8:8">
      <c r="H119609" s="12"/>
    </row>
    <row r="119610" spans="8:8">
      <c r="H119610" s="12"/>
    </row>
    <row r="119611" spans="8:8">
      <c r="H119611" s="12"/>
    </row>
    <row r="119612" spans="8:8">
      <c r="H119612" s="12"/>
    </row>
    <row r="119613" spans="8:8">
      <c r="H119613" s="12"/>
    </row>
    <row r="119614" spans="8:8">
      <c r="H119614" s="12"/>
    </row>
    <row r="119615" spans="8:8">
      <c r="H119615" s="12"/>
    </row>
    <row r="119616" spans="8:8">
      <c r="H119616" s="12"/>
    </row>
    <row r="119617" spans="8:8">
      <c r="H119617" s="12"/>
    </row>
    <row r="119618" spans="8:8">
      <c r="H119618" s="12"/>
    </row>
    <row r="119619" spans="8:8">
      <c r="H119619" s="12"/>
    </row>
    <row r="119620" spans="8:8">
      <c r="H119620" s="12"/>
    </row>
    <row r="119621" spans="8:8">
      <c r="H119621" s="12"/>
    </row>
    <row r="119622" spans="8:8">
      <c r="H119622" s="12"/>
    </row>
    <row r="119623" spans="8:8">
      <c r="H119623" s="12"/>
    </row>
    <row r="119624" spans="8:8">
      <c r="H119624" s="12"/>
    </row>
    <row r="119625" spans="8:8">
      <c r="H119625" s="12"/>
    </row>
    <row r="119626" spans="8:8">
      <c r="H119626" s="12"/>
    </row>
    <row r="119627" spans="8:8">
      <c r="H119627" s="12"/>
    </row>
    <row r="119628" spans="8:8">
      <c r="H119628" s="12"/>
    </row>
    <row r="119629" spans="8:8">
      <c r="H119629" s="12"/>
    </row>
    <row r="119630" spans="8:8">
      <c r="H119630" s="12"/>
    </row>
    <row r="119631" spans="8:8">
      <c r="H119631" s="12"/>
    </row>
    <row r="119632" spans="8:8">
      <c r="H119632" s="12"/>
    </row>
    <row r="119633" spans="8:8">
      <c r="H119633" s="12"/>
    </row>
    <row r="119634" spans="8:8">
      <c r="H119634" s="12"/>
    </row>
    <row r="119635" spans="8:8">
      <c r="H119635" s="12"/>
    </row>
    <row r="119636" spans="8:8">
      <c r="H119636" s="12"/>
    </row>
    <row r="119637" spans="8:8">
      <c r="H119637" s="12"/>
    </row>
    <row r="119638" spans="8:8">
      <c r="H119638" s="12"/>
    </row>
    <row r="119639" spans="8:8">
      <c r="H119639" s="12"/>
    </row>
    <row r="119640" spans="8:8">
      <c r="H119640" s="12"/>
    </row>
    <row r="119641" spans="8:8">
      <c r="H119641" s="12"/>
    </row>
    <row r="119642" spans="8:8">
      <c r="H119642" s="12"/>
    </row>
    <row r="119643" spans="8:8">
      <c r="H119643" s="12"/>
    </row>
    <row r="119644" spans="8:8">
      <c r="H119644" s="12"/>
    </row>
    <row r="119645" spans="8:8">
      <c r="H119645" s="12"/>
    </row>
    <row r="119646" spans="8:8">
      <c r="H119646" s="12"/>
    </row>
    <row r="119647" spans="8:8">
      <c r="H119647" s="12"/>
    </row>
    <row r="119648" spans="8:8">
      <c r="H119648" s="12"/>
    </row>
    <row r="119649" spans="8:8">
      <c r="H119649" s="12"/>
    </row>
    <row r="119650" spans="8:8">
      <c r="H119650" s="12"/>
    </row>
    <row r="119651" spans="8:8">
      <c r="H119651" s="12"/>
    </row>
    <row r="119652" spans="8:8">
      <c r="H119652" s="12"/>
    </row>
    <row r="119653" spans="8:8">
      <c r="H119653" s="12"/>
    </row>
    <row r="119654" spans="8:8">
      <c r="H119654" s="12"/>
    </row>
    <row r="119655" spans="8:8">
      <c r="H119655" s="12"/>
    </row>
    <row r="119656" spans="8:8">
      <c r="H119656" s="12"/>
    </row>
    <row r="119657" spans="8:8">
      <c r="H119657" s="12"/>
    </row>
    <row r="119658" spans="8:8">
      <c r="H119658" s="12"/>
    </row>
    <row r="119659" spans="8:8">
      <c r="H119659" s="12"/>
    </row>
    <row r="119660" spans="8:8">
      <c r="H119660" s="12"/>
    </row>
    <row r="119661" spans="8:8">
      <c r="H119661" s="12"/>
    </row>
    <row r="119662" spans="8:8">
      <c r="H119662" s="12"/>
    </row>
    <row r="119663" spans="8:8">
      <c r="H119663" s="12"/>
    </row>
    <row r="119664" spans="8:8">
      <c r="H119664" s="12"/>
    </row>
    <row r="119665" spans="8:8">
      <c r="H119665" s="12"/>
    </row>
    <row r="119666" spans="8:8">
      <c r="H119666" s="12"/>
    </row>
    <row r="119667" spans="8:8">
      <c r="H119667" s="12"/>
    </row>
    <row r="119668" spans="8:8">
      <c r="H119668" s="12"/>
    </row>
    <row r="119669" spans="8:8">
      <c r="H119669" s="12"/>
    </row>
    <row r="119670" spans="8:8">
      <c r="H119670" s="12"/>
    </row>
    <row r="119671" spans="8:8">
      <c r="H119671" s="12"/>
    </row>
    <row r="119672" spans="8:8">
      <c r="H119672" s="12"/>
    </row>
    <row r="119673" spans="8:8">
      <c r="H119673" s="12"/>
    </row>
    <row r="119674" spans="8:8">
      <c r="H119674" s="12"/>
    </row>
    <row r="119675" spans="8:8">
      <c r="H119675" s="12"/>
    </row>
    <row r="119676" spans="8:8">
      <c r="H119676" s="12"/>
    </row>
    <row r="119677" spans="8:8">
      <c r="H119677" s="12"/>
    </row>
    <row r="119678" spans="8:8">
      <c r="H119678" s="12"/>
    </row>
    <row r="119679" spans="8:8">
      <c r="H119679" s="12"/>
    </row>
    <row r="119680" spans="8:8">
      <c r="H119680" s="12"/>
    </row>
    <row r="119681" spans="8:8">
      <c r="H119681" s="12"/>
    </row>
    <row r="119682" spans="8:8">
      <c r="H119682" s="12"/>
    </row>
    <row r="119683" spans="8:8">
      <c r="H119683" s="12"/>
    </row>
    <row r="119684" spans="8:8">
      <c r="H119684" s="12"/>
    </row>
    <row r="119685" spans="8:8">
      <c r="H119685" s="12"/>
    </row>
    <row r="119686" spans="8:8">
      <c r="H119686" s="12"/>
    </row>
    <row r="119687" spans="8:8">
      <c r="H119687" s="12"/>
    </row>
    <row r="119688" spans="8:8">
      <c r="H119688" s="12"/>
    </row>
    <row r="119689" spans="8:8">
      <c r="H119689" s="12"/>
    </row>
    <row r="119690" spans="8:8">
      <c r="H119690" s="12"/>
    </row>
    <row r="119691" spans="8:8">
      <c r="H119691" s="12"/>
    </row>
    <row r="119692" spans="8:8">
      <c r="H119692" s="12"/>
    </row>
    <row r="119693" spans="8:8">
      <c r="H119693" s="12"/>
    </row>
    <row r="119694" spans="8:8">
      <c r="H119694" s="12"/>
    </row>
    <row r="119695" spans="8:8">
      <c r="H119695" s="12"/>
    </row>
    <row r="119696" spans="8:8">
      <c r="H119696" s="12"/>
    </row>
    <row r="119697" spans="8:8">
      <c r="H119697" s="12"/>
    </row>
    <row r="119698" spans="8:8">
      <c r="H119698" s="12"/>
    </row>
    <row r="119699" spans="8:8">
      <c r="H119699" s="12"/>
    </row>
    <row r="119700" spans="8:8">
      <c r="H119700" s="12"/>
    </row>
    <row r="119701" spans="8:8">
      <c r="H119701" s="12"/>
    </row>
    <row r="119702" spans="8:8">
      <c r="H119702" s="12"/>
    </row>
    <row r="119703" spans="8:8">
      <c r="H119703" s="12"/>
    </row>
    <row r="119704" spans="8:8">
      <c r="H119704" s="12"/>
    </row>
    <row r="119705" spans="8:8">
      <c r="H119705" s="12"/>
    </row>
    <row r="119706" spans="8:8">
      <c r="H119706" s="12"/>
    </row>
    <row r="119707" spans="8:8">
      <c r="H119707" s="12"/>
    </row>
    <row r="119708" spans="8:8">
      <c r="H119708" s="12"/>
    </row>
    <row r="119709" spans="8:8">
      <c r="H119709" s="12"/>
    </row>
    <row r="119710" spans="8:8">
      <c r="H119710" s="12"/>
    </row>
    <row r="119711" spans="8:8">
      <c r="H119711" s="12"/>
    </row>
    <row r="119712" spans="8:8">
      <c r="H119712" s="12"/>
    </row>
    <row r="119713" spans="8:8">
      <c r="H119713" s="12"/>
    </row>
    <row r="119714" spans="8:8">
      <c r="H119714" s="12"/>
    </row>
    <row r="119715" spans="8:8">
      <c r="H119715" s="12"/>
    </row>
    <row r="119716" spans="8:8">
      <c r="H119716" s="12"/>
    </row>
    <row r="119717" spans="8:8">
      <c r="H119717" s="12"/>
    </row>
    <row r="119718" spans="8:8">
      <c r="H119718" s="12"/>
    </row>
    <row r="119719" spans="8:8">
      <c r="H119719" s="12"/>
    </row>
    <row r="119720" spans="8:8">
      <c r="H119720" s="12"/>
    </row>
    <row r="119721" spans="8:8">
      <c r="H119721" s="12"/>
    </row>
    <row r="119722" spans="8:8">
      <c r="H119722" s="12"/>
    </row>
    <row r="119723" spans="8:8">
      <c r="H119723" s="12"/>
    </row>
    <row r="119724" spans="8:8">
      <c r="H119724" s="12"/>
    </row>
    <row r="119725" spans="8:8">
      <c r="H119725" s="12"/>
    </row>
    <row r="119726" spans="8:8">
      <c r="H119726" s="12"/>
    </row>
    <row r="119727" spans="8:8">
      <c r="H119727" s="12"/>
    </row>
    <row r="119728" spans="8:8">
      <c r="H119728" s="12"/>
    </row>
    <row r="119729" spans="8:8">
      <c r="H119729" s="12"/>
    </row>
    <row r="119730" spans="8:8">
      <c r="H119730" s="12"/>
    </row>
    <row r="119731" spans="8:8">
      <c r="H119731" s="12"/>
    </row>
    <row r="119732" spans="8:8">
      <c r="H119732" s="12"/>
    </row>
    <row r="119733" spans="8:8">
      <c r="H119733" s="12"/>
    </row>
    <row r="119734" spans="8:8">
      <c r="H119734" s="12"/>
    </row>
    <row r="119735" spans="8:8">
      <c r="H119735" s="12"/>
    </row>
    <row r="119736" spans="8:8">
      <c r="H119736" s="12"/>
    </row>
    <row r="119737" spans="8:8">
      <c r="H119737" s="12"/>
    </row>
    <row r="119738" spans="8:8">
      <c r="H119738" s="12"/>
    </row>
    <row r="119739" spans="8:8">
      <c r="H119739" s="12"/>
    </row>
    <row r="119740" spans="8:8">
      <c r="H119740" s="12"/>
    </row>
    <row r="119741" spans="8:8">
      <c r="H119741" s="12"/>
    </row>
    <row r="119742" spans="8:8">
      <c r="H119742" s="12"/>
    </row>
    <row r="119743" spans="8:8">
      <c r="H119743" s="12"/>
    </row>
    <row r="119744" spans="8:8">
      <c r="H119744" s="12"/>
    </row>
    <row r="119745" spans="8:8">
      <c r="H119745" s="12"/>
    </row>
    <row r="119746" spans="8:8">
      <c r="H119746" s="12"/>
    </row>
    <row r="119747" spans="8:8">
      <c r="H119747" s="12"/>
    </row>
    <row r="119748" spans="8:8">
      <c r="H119748" s="12"/>
    </row>
    <row r="119749" spans="8:8">
      <c r="H119749" s="12"/>
    </row>
    <row r="119750" spans="8:8">
      <c r="H119750" s="12"/>
    </row>
    <row r="119751" spans="8:8">
      <c r="H119751" s="12"/>
    </row>
    <row r="119752" spans="8:8">
      <c r="H119752" s="12"/>
    </row>
    <row r="119753" spans="8:8">
      <c r="H119753" s="12"/>
    </row>
    <row r="119754" spans="8:8">
      <c r="H119754" s="12"/>
    </row>
    <row r="119755" spans="8:8">
      <c r="H119755" s="12"/>
    </row>
    <row r="119756" spans="8:8">
      <c r="H119756" s="12"/>
    </row>
    <row r="119757" spans="8:8">
      <c r="H119757" s="12"/>
    </row>
    <row r="119758" spans="8:8">
      <c r="H119758" s="12"/>
    </row>
    <row r="119759" spans="8:8">
      <c r="H119759" s="12"/>
    </row>
    <row r="119760" spans="8:8">
      <c r="H119760" s="12"/>
    </row>
    <row r="119761" spans="8:8">
      <c r="H119761" s="12"/>
    </row>
    <row r="119762" spans="8:8">
      <c r="H119762" s="12"/>
    </row>
    <row r="119763" spans="8:8">
      <c r="H119763" s="12"/>
    </row>
    <row r="119764" spans="8:8">
      <c r="H119764" s="12"/>
    </row>
    <row r="119765" spans="8:8">
      <c r="H119765" s="12"/>
    </row>
    <row r="119766" spans="8:8">
      <c r="H119766" s="12"/>
    </row>
    <row r="119767" spans="8:8">
      <c r="H119767" s="12"/>
    </row>
    <row r="119768" spans="8:8">
      <c r="H119768" s="12"/>
    </row>
    <row r="119769" spans="8:8">
      <c r="H119769" s="12"/>
    </row>
    <row r="119770" spans="8:8">
      <c r="H119770" s="12"/>
    </row>
    <row r="119771" spans="8:8">
      <c r="H119771" s="12"/>
    </row>
    <row r="119772" spans="8:8">
      <c r="H119772" s="12"/>
    </row>
    <row r="119773" spans="8:8">
      <c r="H119773" s="12"/>
    </row>
    <row r="119774" spans="8:8">
      <c r="H119774" s="12"/>
    </row>
    <row r="119775" spans="8:8">
      <c r="H119775" s="12"/>
    </row>
    <row r="119776" spans="8:8">
      <c r="H119776" s="12"/>
    </row>
    <row r="119777" spans="8:8">
      <c r="H119777" s="12"/>
    </row>
    <row r="119778" spans="8:8">
      <c r="H119778" s="12"/>
    </row>
    <row r="119779" spans="8:8">
      <c r="H119779" s="12"/>
    </row>
    <row r="119780" spans="8:8">
      <c r="H119780" s="12"/>
    </row>
    <row r="119781" spans="8:8">
      <c r="H119781" s="12"/>
    </row>
    <row r="119782" spans="8:8">
      <c r="H119782" s="12"/>
    </row>
    <row r="119783" spans="8:8">
      <c r="H119783" s="12"/>
    </row>
    <row r="119784" spans="8:8">
      <c r="H119784" s="12"/>
    </row>
    <row r="119785" spans="8:8">
      <c r="H119785" s="12"/>
    </row>
    <row r="119786" spans="8:8">
      <c r="H119786" s="12"/>
    </row>
    <row r="119787" spans="8:8">
      <c r="H119787" s="12"/>
    </row>
    <row r="119788" spans="8:8">
      <c r="H119788" s="12"/>
    </row>
    <row r="119789" spans="8:8">
      <c r="H119789" s="12"/>
    </row>
    <row r="119790" spans="8:8">
      <c r="H119790" s="12"/>
    </row>
    <row r="119791" spans="8:8">
      <c r="H119791" s="12"/>
    </row>
    <row r="119792" spans="8:8">
      <c r="H119792" s="12"/>
    </row>
    <row r="119793" spans="8:8">
      <c r="H119793" s="12"/>
    </row>
    <row r="119794" spans="8:8">
      <c r="H119794" s="12"/>
    </row>
    <row r="119795" spans="8:8">
      <c r="H119795" s="12"/>
    </row>
    <row r="119796" spans="8:8">
      <c r="H119796" s="12"/>
    </row>
    <row r="119797" spans="8:8">
      <c r="H119797" s="12"/>
    </row>
    <row r="119798" spans="8:8">
      <c r="H119798" s="12"/>
    </row>
    <row r="119799" spans="8:8">
      <c r="H119799" s="12"/>
    </row>
    <row r="119800" spans="8:8">
      <c r="H119800" s="12"/>
    </row>
    <row r="119801" spans="8:8">
      <c r="H119801" s="12"/>
    </row>
    <row r="119802" spans="8:8">
      <c r="H119802" s="12"/>
    </row>
    <row r="119803" spans="8:8">
      <c r="H119803" s="12"/>
    </row>
    <row r="119804" spans="8:8">
      <c r="H119804" s="12"/>
    </row>
    <row r="119805" spans="8:8">
      <c r="H119805" s="12"/>
    </row>
    <row r="119806" spans="8:8">
      <c r="H119806" s="12"/>
    </row>
    <row r="119807" spans="8:8">
      <c r="H119807" s="12"/>
    </row>
    <row r="119808" spans="8:8">
      <c r="H119808" s="12"/>
    </row>
    <row r="119809" spans="8:8">
      <c r="H119809" s="12"/>
    </row>
    <row r="119810" spans="8:8">
      <c r="H119810" s="12"/>
    </row>
    <row r="119811" spans="8:8">
      <c r="H119811" s="12"/>
    </row>
    <row r="119812" spans="8:8">
      <c r="H119812" s="12"/>
    </row>
    <row r="119813" spans="8:8">
      <c r="H119813" s="12"/>
    </row>
    <row r="119814" spans="8:8">
      <c r="H119814" s="12"/>
    </row>
    <row r="119815" spans="8:8">
      <c r="H119815" s="12"/>
    </row>
    <row r="119816" spans="8:8">
      <c r="H119816" s="12"/>
    </row>
    <row r="119817" spans="8:8">
      <c r="H119817" s="12"/>
    </row>
    <row r="119818" spans="8:8">
      <c r="H119818" s="12"/>
    </row>
    <row r="119819" spans="8:8">
      <c r="H119819" s="12"/>
    </row>
    <row r="119820" spans="8:8">
      <c r="H119820" s="12"/>
    </row>
    <row r="119821" spans="8:8">
      <c r="H119821" s="12"/>
    </row>
    <row r="119822" spans="8:8">
      <c r="H119822" s="12"/>
    </row>
    <row r="119823" spans="8:8">
      <c r="H119823" s="12"/>
    </row>
    <row r="119824" spans="8:8">
      <c r="H119824" s="12"/>
    </row>
    <row r="119825" spans="8:8">
      <c r="H119825" s="12"/>
    </row>
    <row r="119826" spans="8:8">
      <c r="H119826" s="12"/>
    </row>
    <row r="119827" spans="8:8">
      <c r="H119827" s="12"/>
    </row>
    <row r="119828" spans="8:8">
      <c r="H119828" s="12"/>
    </row>
    <row r="119829" spans="8:8">
      <c r="H119829" s="12"/>
    </row>
    <row r="119830" spans="8:8">
      <c r="H119830" s="12"/>
    </row>
    <row r="119831" spans="8:8">
      <c r="H119831" s="12"/>
    </row>
    <row r="119832" spans="8:8">
      <c r="H119832" s="12"/>
    </row>
    <row r="119833" spans="8:8">
      <c r="H119833" s="12"/>
    </row>
    <row r="119834" spans="8:8">
      <c r="H119834" s="12"/>
    </row>
    <row r="119835" spans="8:8">
      <c r="H119835" s="12"/>
    </row>
    <row r="119836" spans="8:8">
      <c r="H119836" s="12"/>
    </row>
    <row r="119837" spans="8:8">
      <c r="H119837" s="12"/>
    </row>
    <row r="119838" spans="8:8">
      <c r="H119838" s="12"/>
    </row>
    <row r="119839" spans="8:8">
      <c r="H119839" s="12"/>
    </row>
    <row r="119840" spans="8:8">
      <c r="H119840" s="12"/>
    </row>
    <row r="119841" spans="8:8">
      <c r="H119841" s="12"/>
    </row>
    <row r="119842" spans="8:8">
      <c r="H119842" s="12"/>
    </row>
    <row r="119843" spans="8:8">
      <c r="H119843" s="12"/>
    </row>
    <row r="119844" spans="8:8">
      <c r="H119844" s="12"/>
    </row>
    <row r="119845" spans="8:8">
      <c r="H119845" s="12"/>
    </row>
    <row r="119846" spans="8:8">
      <c r="H119846" s="12"/>
    </row>
    <row r="119847" spans="8:8">
      <c r="H119847" s="12"/>
    </row>
    <row r="119848" spans="8:8">
      <c r="H119848" s="12"/>
    </row>
    <row r="119849" spans="8:8">
      <c r="H119849" s="12"/>
    </row>
    <row r="119850" spans="8:8">
      <c r="H119850" s="12"/>
    </row>
    <row r="119851" spans="8:8">
      <c r="H119851" s="12"/>
    </row>
    <row r="119852" spans="8:8">
      <c r="H119852" s="12"/>
    </row>
    <row r="119853" spans="8:8">
      <c r="H119853" s="12"/>
    </row>
    <row r="119854" spans="8:8">
      <c r="H119854" s="12"/>
    </row>
    <row r="119855" spans="8:8">
      <c r="H119855" s="12"/>
    </row>
    <row r="119856" spans="8:8">
      <c r="H119856" s="12"/>
    </row>
    <row r="119857" spans="8:8">
      <c r="H119857" s="12"/>
    </row>
    <row r="119858" spans="8:8">
      <c r="H119858" s="12"/>
    </row>
    <row r="119859" spans="8:8">
      <c r="H119859" s="12"/>
    </row>
    <row r="119860" spans="8:8">
      <c r="H119860" s="12"/>
    </row>
    <row r="119861" spans="8:8">
      <c r="H119861" s="12"/>
    </row>
    <row r="119862" spans="8:8">
      <c r="H119862" s="12"/>
    </row>
    <row r="119863" spans="8:8">
      <c r="H119863" s="12"/>
    </row>
    <row r="119864" spans="8:8">
      <c r="H119864" s="12"/>
    </row>
    <row r="119865" spans="8:8">
      <c r="H119865" s="12"/>
    </row>
    <row r="119866" spans="8:8">
      <c r="H119866" s="12"/>
    </row>
    <row r="119867" spans="8:8">
      <c r="H119867" s="12"/>
    </row>
    <row r="119868" spans="8:8">
      <c r="H119868" s="12"/>
    </row>
    <row r="119869" spans="8:8">
      <c r="H119869" s="12"/>
    </row>
    <row r="119870" spans="8:8">
      <c r="H119870" s="12"/>
    </row>
    <row r="119871" spans="8:8">
      <c r="H119871" s="12"/>
    </row>
    <row r="119872" spans="8:8">
      <c r="H119872" s="12"/>
    </row>
    <row r="119873" spans="8:8">
      <c r="H119873" s="12"/>
    </row>
    <row r="119874" spans="8:8">
      <c r="H119874" s="12"/>
    </row>
    <row r="119875" spans="8:8">
      <c r="H119875" s="12"/>
    </row>
    <row r="119876" spans="8:8">
      <c r="H119876" s="12"/>
    </row>
    <row r="119877" spans="8:8">
      <c r="H119877" s="12"/>
    </row>
    <row r="119878" spans="8:8">
      <c r="H119878" s="12"/>
    </row>
    <row r="119879" spans="8:8">
      <c r="H119879" s="12"/>
    </row>
    <row r="119880" spans="8:8">
      <c r="H119880" s="12"/>
    </row>
    <row r="119881" spans="8:8">
      <c r="H119881" s="12"/>
    </row>
    <row r="119882" spans="8:8">
      <c r="H119882" s="12"/>
    </row>
    <row r="119883" spans="8:8">
      <c r="H119883" s="12"/>
    </row>
    <row r="119884" spans="8:8">
      <c r="H119884" s="12"/>
    </row>
    <row r="119885" spans="8:8">
      <c r="H119885" s="12"/>
    </row>
    <row r="119886" spans="8:8">
      <c r="H119886" s="12"/>
    </row>
    <row r="119887" spans="8:8">
      <c r="H119887" s="12"/>
    </row>
    <row r="119888" spans="8:8">
      <c r="H119888" s="12"/>
    </row>
    <row r="119889" spans="8:8">
      <c r="H119889" s="12"/>
    </row>
    <row r="119890" spans="8:8">
      <c r="H119890" s="12"/>
    </row>
    <row r="119891" spans="8:8">
      <c r="H119891" s="12"/>
    </row>
    <row r="119892" spans="8:8">
      <c r="H119892" s="12"/>
    </row>
    <row r="119893" spans="8:8">
      <c r="H119893" s="12"/>
    </row>
    <row r="119894" spans="8:8">
      <c r="H119894" s="12"/>
    </row>
    <row r="119895" spans="8:8">
      <c r="H119895" s="12"/>
    </row>
    <row r="119896" spans="8:8">
      <c r="H119896" s="12"/>
    </row>
    <row r="119897" spans="8:8">
      <c r="H119897" s="12"/>
    </row>
    <row r="119898" spans="8:8">
      <c r="H119898" s="12"/>
    </row>
    <row r="119899" spans="8:8">
      <c r="H119899" s="12"/>
    </row>
    <row r="119900" spans="8:8">
      <c r="H119900" s="12"/>
    </row>
    <row r="119901" spans="8:8">
      <c r="H119901" s="12"/>
    </row>
    <row r="119902" spans="8:8">
      <c r="H119902" s="12"/>
    </row>
    <row r="119903" spans="8:8">
      <c r="H119903" s="12"/>
    </row>
    <row r="119904" spans="8:8">
      <c r="H119904" s="12"/>
    </row>
    <row r="119905" spans="8:8">
      <c r="H119905" s="12"/>
    </row>
    <row r="119906" spans="8:8">
      <c r="H119906" s="12"/>
    </row>
    <row r="119907" spans="8:8">
      <c r="H119907" s="12"/>
    </row>
    <row r="119908" spans="8:8">
      <c r="H119908" s="12"/>
    </row>
    <row r="119909" spans="8:8">
      <c r="H119909" s="12"/>
    </row>
    <row r="119910" spans="8:8">
      <c r="H119910" s="12"/>
    </row>
    <row r="119911" spans="8:8">
      <c r="H119911" s="12"/>
    </row>
    <row r="119912" spans="8:8">
      <c r="H119912" s="12"/>
    </row>
    <row r="119913" spans="8:8">
      <c r="H119913" s="12"/>
    </row>
    <row r="119914" spans="8:8">
      <c r="H119914" s="12"/>
    </row>
    <row r="119915" spans="8:8">
      <c r="H119915" s="12"/>
    </row>
    <row r="119916" spans="8:8">
      <c r="H119916" s="12"/>
    </row>
    <row r="119917" spans="8:8">
      <c r="H119917" s="12"/>
    </row>
    <row r="119918" spans="8:8">
      <c r="H119918" s="12"/>
    </row>
    <row r="119919" spans="8:8">
      <c r="H119919" s="12"/>
    </row>
    <row r="119920" spans="8:8">
      <c r="H119920" s="12"/>
    </row>
    <row r="119921" spans="8:8">
      <c r="H119921" s="12"/>
    </row>
    <row r="119922" spans="8:8">
      <c r="H119922" s="12"/>
    </row>
    <row r="119923" spans="8:8">
      <c r="H119923" s="12"/>
    </row>
    <row r="119924" spans="8:8">
      <c r="H119924" s="12"/>
    </row>
    <row r="119925" spans="8:8">
      <c r="H119925" s="12"/>
    </row>
    <row r="119926" spans="8:8">
      <c r="H119926" s="12"/>
    </row>
    <row r="119927" spans="8:8">
      <c r="H119927" s="12"/>
    </row>
    <row r="119928" spans="8:8">
      <c r="H119928" s="12"/>
    </row>
    <row r="119929" spans="8:8">
      <c r="H119929" s="12"/>
    </row>
    <row r="119930" spans="8:8">
      <c r="H119930" s="12"/>
    </row>
    <row r="119931" spans="8:8">
      <c r="H119931" s="12"/>
    </row>
    <row r="119932" spans="8:8">
      <c r="H119932" s="12"/>
    </row>
    <row r="119933" spans="8:8">
      <c r="H119933" s="12"/>
    </row>
    <row r="119934" spans="8:8">
      <c r="H119934" s="12"/>
    </row>
    <row r="119935" spans="8:8">
      <c r="H119935" s="12"/>
    </row>
    <row r="119936" spans="8:8">
      <c r="H119936" s="12"/>
    </row>
    <row r="119937" spans="8:8">
      <c r="H119937" s="12"/>
    </row>
    <row r="119938" spans="8:8">
      <c r="H119938" s="12"/>
    </row>
    <row r="119939" spans="8:8">
      <c r="H119939" s="12"/>
    </row>
    <row r="119940" spans="8:8">
      <c r="H119940" s="12"/>
    </row>
    <row r="119941" spans="8:8">
      <c r="H119941" s="12"/>
    </row>
    <row r="119942" spans="8:8">
      <c r="H119942" s="12"/>
    </row>
    <row r="119943" spans="8:8">
      <c r="H119943" s="12"/>
    </row>
    <row r="119944" spans="8:8">
      <c r="H119944" s="12"/>
    </row>
    <row r="119945" spans="8:8">
      <c r="H119945" s="12"/>
    </row>
    <row r="119946" spans="8:8">
      <c r="H119946" s="12"/>
    </row>
    <row r="119947" spans="8:8">
      <c r="H119947" s="12"/>
    </row>
    <row r="119948" spans="8:8">
      <c r="H119948" s="12"/>
    </row>
    <row r="119949" spans="8:8">
      <c r="H119949" s="12"/>
    </row>
    <row r="119950" spans="8:8">
      <c r="H119950" s="12"/>
    </row>
    <row r="119951" spans="8:8">
      <c r="H119951" s="12"/>
    </row>
    <row r="119952" spans="8:8">
      <c r="H119952" s="12"/>
    </row>
    <row r="119953" spans="8:8">
      <c r="H119953" s="12"/>
    </row>
    <row r="119954" spans="8:8">
      <c r="H119954" s="12"/>
    </row>
    <row r="119955" spans="8:8">
      <c r="H119955" s="12"/>
    </row>
    <row r="119956" spans="8:8">
      <c r="H119956" s="12"/>
    </row>
    <row r="119957" spans="8:8">
      <c r="H119957" s="12"/>
    </row>
    <row r="119958" spans="8:8">
      <c r="H119958" s="12"/>
    </row>
    <row r="119959" spans="8:8">
      <c r="H119959" s="12"/>
    </row>
    <row r="119960" spans="8:8">
      <c r="H119960" s="12"/>
    </row>
    <row r="119961" spans="8:8">
      <c r="H119961" s="12"/>
    </row>
    <row r="119962" spans="8:8">
      <c r="H119962" s="12"/>
    </row>
    <row r="119963" spans="8:8">
      <c r="H119963" s="12"/>
    </row>
    <row r="119964" spans="8:8">
      <c r="H119964" s="12"/>
    </row>
    <row r="119965" spans="8:8">
      <c r="H119965" s="12"/>
    </row>
    <row r="119966" spans="8:8">
      <c r="H119966" s="12"/>
    </row>
    <row r="119967" spans="8:8">
      <c r="H119967" s="12"/>
    </row>
    <row r="119968" spans="8:8">
      <c r="H119968" s="12"/>
    </row>
    <row r="119969" spans="8:8">
      <c r="H119969" s="12"/>
    </row>
    <row r="119970" spans="8:8">
      <c r="H119970" s="12"/>
    </row>
    <row r="119971" spans="8:8">
      <c r="H119971" s="12"/>
    </row>
    <row r="119972" spans="8:8">
      <c r="H119972" s="12"/>
    </row>
    <row r="119973" spans="8:8">
      <c r="H119973" s="12"/>
    </row>
    <row r="119974" spans="8:8">
      <c r="H119974" s="12"/>
    </row>
    <row r="119975" spans="8:8">
      <c r="H119975" s="12"/>
    </row>
    <row r="119976" spans="8:8">
      <c r="H119976" s="12"/>
    </row>
    <row r="119977" spans="8:8">
      <c r="H119977" s="12"/>
    </row>
    <row r="119978" spans="8:8">
      <c r="H119978" s="12"/>
    </row>
    <row r="119979" spans="8:8">
      <c r="H119979" s="12"/>
    </row>
    <row r="119980" spans="8:8">
      <c r="H119980" s="12"/>
    </row>
    <row r="119981" spans="8:8">
      <c r="H119981" s="12"/>
    </row>
    <row r="119982" spans="8:8">
      <c r="H119982" s="12"/>
    </row>
    <row r="119983" spans="8:8">
      <c r="H119983" s="12"/>
    </row>
    <row r="119984" spans="8:8">
      <c r="H119984" s="12"/>
    </row>
    <row r="119985" spans="8:8">
      <c r="H119985" s="12"/>
    </row>
    <row r="119986" spans="8:8">
      <c r="H119986" s="12"/>
    </row>
    <row r="119987" spans="8:8">
      <c r="H119987" s="12"/>
    </row>
    <row r="119988" spans="8:8">
      <c r="H119988" s="12"/>
    </row>
    <row r="119989" spans="8:8">
      <c r="H119989" s="12"/>
    </row>
    <row r="119990" spans="8:8">
      <c r="H119990" s="12"/>
    </row>
    <row r="119991" spans="8:8">
      <c r="H119991" s="12"/>
    </row>
    <row r="119992" spans="8:8">
      <c r="H119992" s="12"/>
    </row>
    <row r="119993" spans="8:8">
      <c r="H119993" s="12"/>
    </row>
    <row r="119994" spans="8:8">
      <c r="H119994" s="12"/>
    </row>
    <row r="119995" spans="8:8">
      <c r="H119995" s="12"/>
    </row>
    <row r="119996" spans="8:8">
      <c r="H119996" s="12"/>
    </row>
    <row r="119997" spans="8:8">
      <c r="H119997" s="12"/>
    </row>
    <row r="119998" spans="8:8">
      <c r="H119998" s="12"/>
    </row>
    <row r="119999" spans="8:8">
      <c r="H119999" s="12"/>
    </row>
    <row r="120000" spans="8:8">
      <c r="H120000" s="12"/>
    </row>
    <row r="120001" spans="8:8">
      <c r="H120001" s="12"/>
    </row>
    <row r="120002" spans="8:8">
      <c r="H120002" s="12"/>
    </row>
    <row r="120003" spans="8:8">
      <c r="H120003" s="12"/>
    </row>
    <row r="120004" spans="8:8">
      <c r="H120004" s="12"/>
    </row>
    <row r="120005" spans="8:8">
      <c r="H120005" s="12"/>
    </row>
    <row r="120006" spans="8:8">
      <c r="H120006" s="12"/>
    </row>
    <row r="120007" spans="8:8">
      <c r="H120007" s="12"/>
    </row>
    <row r="120008" spans="8:8">
      <c r="H120008" s="12"/>
    </row>
    <row r="120009" spans="8:8">
      <c r="H120009" s="12"/>
    </row>
    <row r="120010" spans="8:8">
      <c r="H120010" s="12"/>
    </row>
    <row r="120011" spans="8:8">
      <c r="H120011" s="12"/>
    </row>
    <row r="120012" spans="8:8">
      <c r="H120012" s="12"/>
    </row>
    <row r="120013" spans="8:8">
      <c r="H120013" s="12"/>
    </row>
    <row r="120014" spans="8:8">
      <c r="H120014" s="12"/>
    </row>
    <row r="120015" spans="8:8">
      <c r="H120015" s="12"/>
    </row>
    <row r="120016" spans="8:8">
      <c r="H120016" s="12"/>
    </row>
    <row r="120017" spans="8:8">
      <c r="H120017" s="12"/>
    </row>
    <row r="120018" spans="8:8">
      <c r="H120018" s="12"/>
    </row>
    <row r="120019" spans="8:8">
      <c r="H120019" s="12"/>
    </row>
    <row r="120020" spans="8:8">
      <c r="H120020" s="12"/>
    </row>
    <row r="120021" spans="8:8">
      <c r="H120021" s="12"/>
    </row>
    <row r="120022" spans="8:8">
      <c r="H120022" s="12"/>
    </row>
    <row r="120023" spans="8:8">
      <c r="H120023" s="12"/>
    </row>
    <row r="120024" spans="8:8">
      <c r="H120024" s="12"/>
    </row>
    <row r="120025" spans="8:8">
      <c r="H120025" s="12"/>
    </row>
    <row r="120026" spans="8:8">
      <c r="H120026" s="12"/>
    </row>
    <row r="120027" spans="8:8">
      <c r="H120027" s="12"/>
    </row>
    <row r="120028" spans="8:8">
      <c r="H120028" s="12"/>
    </row>
    <row r="120029" spans="8:8">
      <c r="H120029" s="12"/>
    </row>
    <row r="120030" spans="8:8">
      <c r="H120030" s="12"/>
    </row>
    <row r="120031" spans="8:8">
      <c r="H120031" s="12"/>
    </row>
    <row r="120032" spans="8:8">
      <c r="H120032" s="12"/>
    </row>
    <row r="120033" spans="8:8">
      <c r="H120033" s="12"/>
    </row>
    <row r="120034" spans="8:8">
      <c r="H120034" s="12"/>
    </row>
    <row r="120035" spans="8:8">
      <c r="H120035" s="12"/>
    </row>
    <row r="120036" spans="8:8">
      <c r="H120036" s="12"/>
    </row>
    <row r="120037" spans="8:8">
      <c r="H120037" s="12"/>
    </row>
    <row r="120038" spans="8:8">
      <c r="H120038" s="12"/>
    </row>
    <row r="120039" spans="8:8">
      <c r="H120039" s="12"/>
    </row>
    <row r="120040" spans="8:8">
      <c r="H120040" s="12"/>
    </row>
    <row r="120041" spans="8:8">
      <c r="H120041" s="12"/>
    </row>
    <row r="120042" spans="8:8">
      <c r="H120042" s="12"/>
    </row>
    <row r="120043" spans="8:8">
      <c r="H120043" s="12"/>
    </row>
    <row r="120044" spans="8:8">
      <c r="H120044" s="12"/>
    </row>
    <row r="120045" spans="8:8">
      <c r="H120045" s="12"/>
    </row>
    <row r="120046" spans="8:8">
      <c r="H120046" s="12"/>
    </row>
    <row r="120047" spans="8:8">
      <c r="H120047" s="12"/>
    </row>
    <row r="120048" spans="8:8">
      <c r="H120048" s="12"/>
    </row>
    <row r="120049" spans="8:8">
      <c r="H120049" s="12"/>
    </row>
    <row r="120050" spans="8:8">
      <c r="H120050" s="12"/>
    </row>
    <row r="120051" spans="8:8">
      <c r="H120051" s="12"/>
    </row>
    <row r="120052" spans="8:8">
      <c r="H120052" s="12"/>
    </row>
    <row r="120053" spans="8:8">
      <c r="H120053" s="12"/>
    </row>
    <row r="120054" spans="8:8">
      <c r="H120054" s="12"/>
    </row>
    <row r="120055" spans="8:8">
      <c r="H120055" s="12"/>
    </row>
    <row r="120056" spans="8:8">
      <c r="H120056" s="12"/>
    </row>
    <row r="120057" spans="8:8">
      <c r="H120057" s="12"/>
    </row>
    <row r="120058" spans="8:8">
      <c r="H120058" s="12"/>
    </row>
    <row r="120059" spans="8:8">
      <c r="H120059" s="12"/>
    </row>
    <row r="120060" spans="8:8">
      <c r="H120060" s="12"/>
    </row>
    <row r="120061" spans="8:8">
      <c r="H120061" s="12"/>
    </row>
    <row r="120062" spans="8:8">
      <c r="H120062" s="12"/>
    </row>
    <row r="120063" spans="8:8">
      <c r="H120063" s="12"/>
    </row>
    <row r="120064" spans="8:8">
      <c r="H120064" s="12"/>
    </row>
    <row r="120065" spans="8:8">
      <c r="H120065" s="12"/>
    </row>
    <row r="120066" spans="8:8">
      <c r="H120066" s="12"/>
    </row>
    <row r="120067" spans="8:8">
      <c r="H120067" s="12"/>
    </row>
    <row r="120068" spans="8:8">
      <c r="H120068" s="12"/>
    </row>
    <row r="120069" spans="8:8">
      <c r="H120069" s="12"/>
    </row>
    <row r="120070" spans="8:8">
      <c r="H120070" s="12"/>
    </row>
    <row r="120071" spans="8:8">
      <c r="H120071" s="12"/>
    </row>
    <row r="120072" spans="8:8">
      <c r="H120072" s="12"/>
    </row>
    <row r="120073" spans="8:8">
      <c r="H120073" s="12"/>
    </row>
    <row r="120074" spans="8:8">
      <c r="H120074" s="12"/>
    </row>
    <row r="120075" spans="8:8">
      <c r="H120075" s="12"/>
    </row>
    <row r="120076" spans="8:8">
      <c r="H120076" s="12"/>
    </row>
    <row r="120077" spans="8:8">
      <c r="H120077" s="12"/>
    </row>
    <row r="120078" spans="8:8">
      <c r="H120078" s="12"/>
    </row>
    <row r="120079" spans="8:8">
      <c r="H120079" s="12"/>
    </row>
    <row r="120080" spans="8:8">
      <c r="H120080" s="12"/>
    </row>
    <row r="120081" spans="8:8">
      <c r="H120081" s="12"/>
    </row>
    <row r="120082" spans="8:8">
      <c r="H120082" s="12"/>
    </row>
    <row r="120083" spans="8:8">
      <c r="H120083" s="12"/>
    </row>
    <row r="120084" spans="8:8">
      <c r="H120084" s="12"/>
    </row>
    <row r="120085" spans="8:8">
      <c r="H120085" s="12"/>
    </row>
    <row r="120086" spans="8:8">
      <c r="H120086" s="12"/>
    </row>
    <row r="120087" spans="8:8">
      <c r="H120087" s="12"/>
    </row>
    <row r="120088" spans="8:8">
      <c r="H120088" s="12"/>
    </row>
    <row r="120089" spans="8:8">
      <c r="H120089" s="12"/>
    </row>
    <row r="120090" spans="8:8">
      <c r="H120090" s="12"/>
    </row>
    <row r="120091" spans="8:8">
      <c r="H120091" s="12"/>
    </row>
    <row r="120092" spans="8:8">
      <c r="H120092" s="12"/>
    </row>
    <row r="120093" spans="8:8">
      <c r="H120093" s="12"/>
    </row>
    <row r="120094" spans="8:8">
      <c r="H120094" s="12"/>
    </row>
    <row r="120095" spans="8:8">
      <c r="H120095" s="12"/>
    </row>
    <row r="120096" spans="8:8">
      <c r="H120096" s="12"/>
    </row>
    <row r="120097" spans="8:8">
      <c r="H120097" s="12"/>
    </row>
    <row r="120098" spans="8:8">
      <c r="H120098" s="12"/>
    </row>
    <row r="120099" spans="8:8">
      <c r="H120099" s="12"/>
    </row>
    <row r="120100" spans="8:8">
      <c r="H120100" s="12"/>
    </row>
    <row r="120101" spans="8:8">
      <c r="H120101" s="12"/>
    </row>
    <row r="120102" spans="8:8">
      <c r="H120102" s="12"/>
    </row>
    <row r="120103" spans="8:8">
      <c r="H120103" s="12"/>
    </row>
    <row r="120104" spans="8:8">
      <c r="H120104" s="12"/>
    </row>
    <row r="120105" spans="8:8">
      <c r="H120105" s="12"/>
    </row>
    <row r="120106" spans="8:8">
      <c r="H120106" s="12"/>
    </row>
    <row r="120107" spans="8:8">
      <c r="H120107" s="12"/>
    </row>
    <row r="120108" spans="8:8">
      <c r="H120108" s="12"/>
    </row>
    <row r="120109" spans="8:8">
      <c r="H120109" s="12"/>
    </row>
    <row r="120110" spans="8:8">
      <c r="H120110" s="12"/>
    </row>
    <row r="120111" spans="8:8">
      <c r="H120111" s="12"/>
    </row>
    <row r="120112" spans="8:8">
      <c r="H120112" s="12"/>
    </row>
    <row r="120113" spans="8:8">
      <c r="H120113" s="12"/>
    </row>
    <row r="120114" spans="8:8">
      <c r="H120114" s="12"/>
    </row>
    <row r="120115" spans="8:8">
      <c r="H120115" s="12"/>
    </row>
    <row r="120116" spans="8:8">
      <c r="H120116" s="12"/>
    </row>
    <row r="120117" spans="8:8">
      <c r="H120117" s="12"/>
    </row>
    <row r="120118" spans="8:8">
      <c r="H120118" s="12"/>
    </row>
    <row r="120119" spans="8:8">
      <c r="H120119" s="12"/>
    </row>
    <row r="120120" spans="8:8">
      <c r="H120120" s="12"/>
    </row>
    <row r="120121" spans="8:8">
      <c r="H120121" s="12"/>
    </row>
    <row r="120122" spans="8:8">
      <c r="H120122" s="12"/>
    </row>
    <row r="120123" spans="8:8">
      <c r="H120123" s="12"/>
    </row>
    <row r="120124" spans="8:8">
      <c r="H120124" s="12"/>
    </row>
    <row r="120125" spans="8:8">
      <c r="H120125" s="12"/>
    </row>
    <row r="120126" spans="8:8">
      <c r="H120126" s="12"/>
    </row>
    <row r="120127" spans="8:8">
      <c r="H120127" s="12"/>
    </row>
    <row r="120128" spans="8:8">
      <c r="H120128" s="12"/>
    </row>
    <row r="120129" spans="8:8">
      <c r="H120129" s="12"/>
    </row>
    <row r="120130" spans="8:8">
      <c r="H120130" s="12"/>
    </row>
    <row r="120131" spans="8:8">
      <c r="H120131" s="12"/>
    </row>
    <row r="120132" spans="8:8">
      <c r="H120132" s="12"/>
    </row>
    <row r="120133" spans="8:8">
      <c r="H120133" s="12"/>
    </row>
    <row r="120134" spans="8:8">
      <c r="H120134" s="12"/>
    </row>
    <row r="120135" spans="8:8">
      <c r="H120135" s="12"/>
    </row>
    <row r="120136" spans="8:8">
      <c r="H120136" s="12"/>
    </row>
    <row r="120137" spans="8:8">
      <c r="H120137" s="12"/>
    </row>
    <row r="120138" spans="8:8">
      <c r="H120138" s="12"/>
    </row>
    <row r="120139" spans="8:8">
      <c r="H120139" s="12"/>
    </row>
    <row r="120140" spans="8:8">
      <c r="H120140" s="12"/>
    </row>
    <row r="120141" spans="8:8">
      <c r="H120141" s="12"/>
    </row>
    <row r="120142" spans="8:8">
      <c r="H120142" s="12"/>
    </row>
    <row r="120143" spans="8:8">
      <c r="H120143" s="12"/>
    </row>
    <row r="120144" spans="8:8">
      <c r="H120144" s="12"/>
    </row>
    <row r="120145" spans="8:8">
      <c r="H120145" s="12"/>
    </row>
    <row r="120146" spans="8:8">
      <c r="H120146" s="12"/>
    </row>
    <row r="120147" spans="8:8">
      <c r="H120147" s="12"/>
    </row>
    <row r="120148" spans="8:8">
      <c r="H120148" s="12"/>
    </row>
    <row r="120149" spans="8:8">
      <c r="H120149" s="12"/>
    </row>
    <row r="120150" spans="8:8">
      <c r="H120150" s="12"/>
    </row>
    <row r="120151" spans="8:8">
      <c r="H120151" s="12"/>
    </row>
    <row r="120152" spans="8:8">
      <c r="H120152" s="12"/>
    </row>
    <row r="120153" spans="8:8">
      <c r="H120153" s="12"/>
    </row>
    <row r="120154" spans="8:8">
      <c r="H120154" s="12"/>
    </row>
    <row r="120155" spans="8:8">
      <c r="H120155" s="12"/>
    </row>
    <row r="120156" spans="8:8">
      <c r="H120156" s="12"/>
    </row>
    <row r="120157" spans="8:8">
      <c r="H120157" s="12"/>
    </row>
    <row r="120158" spans="8:8">
      <c r="H120158" s="12"/>
    </row>
    <row r="120159" spans="8:8">
      <c r="H120159" s="12"/>
    </row>
    <row r="120160" spans="8:8">
      <c r="H120160" s="12"/>
    </row>
    <row r="120161" spans="8:8">
      <c r="H120161" s="12"/>
    </row>
    <row r="120162" spans="8:8">
      <c r="H120162" s="12"/>
    </row>
    <row r="120163" spans="8:8">
      <c r="H120163" s="12"/>
    </row>
    <row r="120164" spans="8:8">
      <c r="H120164" s="12"/>
    </row>
    <row r="120165" spans="8:8">
      <c r="H120165" s="12"/>
    </row>
    <row r="120166" spans="8:8">
      <c r="H120166" s="12"/>
    </row>
    <row r="120167" spans="8:8">
      <c r="H120167" s="12"/>
    </row>
    <row r="120168" spans="8:8">
      <c r="H120168" s="12"/>
    </row>
    <row r="120169" spans="8:8">
      <c r="H120169" s="12"/>
    </row>
    <row r="120170" spans="8:8">
      <c r="H120170" s="12"/>
    </row>
    <row r="120171" spans="8:8">
      <c r="H120171" s="12"/>
    </row>
    <row r="120172" spans="8:8">
      <c r="H120172" s="12"/>
    </row>
    <row r="120173" spans="8:8">
      <c r="H120173" s="12"/>
    </row>
    <row r="120174" spans="8:8">
      <c r="H120174" s="12"/>
    </row>
    <row r="120175" spans="8:8">
      <c r="H120175" s="12"/>
    </row>
    <row r="120176" spans="8:8">
      <c r="H120176" s="12"/>
    </row>
    <row r="120177" spans="8:8">
      <c r="H120177" s="12"/>
    </row>
    <row r="120178" spans="8:8">
      <c r="H120178" s="12"/>
    </row>
    <row r="120179" spans="8:8">
      <c r="H120179" s="12"/>
    </row>
    <row r="120180" spans="8:8">
      <c r="H120180" s="12"/>
    </row>
    <row r="120181" spans="8:8">
      <c r="H120181" s="12"/>
    </row>
    <row r="120182" spans="8:8">
      <c r="H120182" s="12"/>
    </row>
    <row r="120183" spans="8:8">
      <c r="H120183" s="12"/>
    </row>
    <row r="120184" spans="8:8">
      <c r="H120184" s="12"/>
    </row>
    <row r="120185" spans="8:8">
      <c r="H120185" s="12"/>
    </row>
    <row r="120186" spans="8:8">
      <c r="H120186" s="12"/>
    </row>
    <row r="120187" spans="8:8">
      <c r="H120187" s="12"/>
    </row>
    <row r="120188" spans="8:8">
      <c r="H120188" s="12"/>
    </row>
    <row r="120189" spans="8:8">
      <c r="H120189" s="12"/>
    </row>
    <row r="120190" spans="8:8">
      <c r="H120190" s="12"/>
    </row>
    <row r="120191" spans="8:8">
      <c r="H120191" s="12"/>
    </row>
    <row r="120192" spans="8:8">
      <c r="H120192" s="12"/>
    </row>
    <row r="120193" spans="8:8">
      <c r="H120193" s="12"/>
    </row>
    <row r="120194" spans="8:8">
      <c r="H120194" s="12"/>
    </row>
    <row r="120195" spans="8:8">
      <c r="H120195" s="12"/>
    </row>
    <row r="120196" spans="8:8">
      <c r="H120196" s="12"/>
    </row>
    <row r="120197" spans="8:8">
      <c r="H120197" s="12"/>
    </row>
    <row r="120198" spans="8:8">
      <c r="H120198" s="12"/>
    </row>
    <row r="120199" spans="8:8">
      <c r="H120199" s="12"/>
    </row>
    <row r="120200" spans="8:8">
      <c r="H120200" s="12"/>
    </row>
    <row r="120201" spans="8:8">
      <c r="H120201" s="12"/>
    </row>
    <row r="120202" spans="8:8">
      <c r="H120202" s="12"/>
    </row>
    <row r="120203" spans="8:8">
      <c r="H120203" s="12"/>
    </row>
    <row r="120204" spans="8:8">
      <c r="H120204" s="12"/>
    </row>
    <row r="120205" spans="8:8">
      <c r="H120205" s="12"/>
    </row>
    <row r="120206" spans="8:8">
      <c r="H120206" s="12"/>
    </row>
    <row r="120207" spans="8:8">
      <c r="H120207" s="12"/>
    </row>
    <row r="120208" spans="8:8">
      <c r="H120208" s="12"/>
    </row>
    <row r="120209" spans="8:8">
      <c r="H120209" s="12"/>
    </row>
    <row r="120210" spans="8:8">
      <c r="H120210" s="12"/>
    </row>
    <row r="120211" spans="8:8">
      <c r="H120211" s="12"/>
    </row>
    <row r="120212" spans="8:8">
      <c r="H120212" s="12"/>
    </row>
    <row r="120213" spans="8:8">
      <c r="H120213" s="12"/>
    </row>
    <row r="120214" spans="8:8">
      <c r="H120214" s="12"/>
    </row>
    <row r="120215" spans="8:8">
      <c r="H120215" s="12"/>
    </row>
    <row r="120216" spans="8:8">
      <c r="H120216" s="12"/>
    </row>
    <row r="120217" spans="8:8">
      <c r="H120217" s="12"/>
    </row>
    <row r="120218" spans="8:8">
      <c r="H120218" s="12"/>
    </row>
    <row r="120219" spans="8:8">
      <c r="H120219" s="12"/>
    </row>
    <row r="120220" spans="8:8">
      <c r="H120220" s="12"/>
    </row>
    <row r="120221" spans="8:8">
      <c r="H120221" s="12"/>
    </row>
    <row r="120222" spans="8:8">
      <c r="H120222" s="12"/>
    </row>
    <row r="120223" spans="8:8">
      <c r="H120223" s="12"/>
    </row>
    <row r="120224" spans="8:8">
      <c r="H120224" s="12"/>
    </row>
    <row r="120225" spans="8:8">
      <c r="H120225" s="12"/>
    </row>
    <row r="120226" spans="8:8">
      <c r="H120226" s="12"/>
    </row>
    <row r="120227" spans="8:8">
      <c r="H120227" s="12"/>
    </row>
    <row r="120228" spans="8:8">
      <c r="H120228" s="12"/>
    </row>
    <row r="120229" spans="8:8">
      <c r="H120229" s="12"/>
    </row>
    <row r="120230" spans="8:8">
      <c r="H120230" s="12"/>
    </row>
    <row r="120231" spans="8:8">
      <c r="H120231" s="12"/>
    </row>
    <row r="120232" spans="8:8">
      <c r="H120232" s="12"/>
    </row>
    <row r="120233" spans="8:8">
      <c r="H120233" s="12"/>
    </row>
    <row r="120234" spans="8:8">
      <c r="H120234" s="12"/>
    </row>
    <row r="120235" spans="8:8">
      <c r="H120235" s="12"/>
    </row>
    <row r="120236" spans="8:8">
      <c r="H120236" s="12"/>
    </row>
    <row r="120237" spans="8:8">
      <c r="H120237" s="12"/>
    </row>
    <row r="120238" spans="8:8">
      <c r="H120238" s="12"/>
    </row>
    <row r="120239" spans="8:8">
      <c r="H120239" s="12"/>
    </row>
    <row r="120240" spans="8:8">
      <c r="H120240" s="12"/>
    </row>
    <row r="120241" spans="8:8">
      <c r="H120241" s="12"/>
    </row>
    <row r="120242" spans="8:8">
      <c r="H120242" s="12"/>
    </row>
    <row r="120243" spans="8:8">
      <c r="H120243" s="12"/>
    </row>
    <row r="120244" spans="8:8">
      <c r="H120244" s="12"/>
    </row>
    <row r="120245" spans="8:8">
      <c r="H120245" s="12"/>
    </row>
    <row r="120246" spans="8:8">
      <c r="H120246" s="12"/>
    </row>
    <row r="120247" spans="8:8">
      <c r="H120247" s="12"/>
    </row>
    <row r="120248" spans="8:8">
      <c r="H120248" s="12"/>
    </row>
    <row r="120249" spans="8:8">
      <c r="H120249" s="12"/>
    </row>
    <row r="120250" spans="8:8">
      <c r="H120250" s="12"/>
    </row>
    <row r="120251" spans="8:8">
      <c r="H120251" s="12"/>
    </row>
    <row r="120252" spans="8:8">
      <c r="H120252" s="12"/>
    </row>
    <row r="120253" spans="8:8">
      <c r="H120253" s="12"/>
    </row>
    <row r="120254" spans="8:8">
      <c r="H120254" s="12"/>
    </row>
    <row r="120255" spans="8:8">
      <c r="H120255" s="12"/>
    </row>
    <row r="120256" spans="8:8">
      <c r="H120256" s="12"/>
    </row>
    <row r="120257" spans="8:8">
      <c r="H120257" s="12"/>
    </row>
    <row r="120258" spans="8:8">
      <c r="H120258" s="12"/>
    </row>
    <row r="120259" spans="8:8">
      <c r="H120259" s="12"/>
    </row>
    <row r="120260" spans="8:8">
      <c r="H120260" s="12"/>
    </row>
    <row r="120261" spans="8:8">
      <c r="H120261" s="12"/>
    </row>
    <row r="120262" spans="8:8">
      <c r="H120262" s="12"/>
    </row>
    <row r="120263" spans="8:8">
      <c r="H120263" s="12"/>
    </row>
    <row r="120264" spans="8:8">
      <c r="H120264" s="12"/>
    </row>
    <row r="120265" spans="8:8">
      <c r="H120265" s="12"/>
    </row>
    <row r="120266" spans="8:8">
      <c r="H120266" s="12"/>
    </row>
    <row r="120267" spans="8:8">
      <c r="H120267" s="12"/>
    </row>
    <row r="120268" spans="8:8">
      <c r="H120268" s="12"/>
    </row>
    <row r="120269" spans="8:8">
      <c r="H120269" s="12"/>
    </row>
    <row r="120270" spans="8:8">
      <c r="H120270" s="12"/>
    </row>
    <row r="120271" spans="8:8">
      <c r="H120271" s="12"/>
    </row>
    <row r="120272" spans="8:8">
      <c r="H120272" s="12"/>
    </row>
    <row r="120273" spans="8:8">
      <c r="H120273" s="12"/>
    </row>
    <row r="120274" spans="8:8">
      <c r="H120274" s="12"/>
    </row>
    <row r="120275" spans="8:8">
      <c r="H120275" s="12"/>
    </row>
    <row r="120276" spans="8:8">
      <c r="H120276" s="12"/>
    </row>
    <row r="120277" spans="8:8">
      <c r="H120277" s="12"/>
    </row>
    <row r="120278" spans="8:8">
      <c r="H120278" s="12"/>
    </row>
    <row r="120279" spans="8:8">
      <c r="H120279" s="12"/>
    </row>
    <row r="120280" spans="8:8">
      <c r="H120280" s="12"/>
    </row>
    <row r="120281" spans="8:8">
      <c r="H120281" s="12"/>
    </row>
    <row r="120282" spans="8:8">
      <c r="H120282" s="12"/>
    </row>
    <row r="120283" spans="8:8">
      <c r="H120283" s="12"/>
    </row>
    <row r="120284" spans="8:8">
      <c r="H120284" s="12"/>
    </row>
    <row r="120285" spans="8:8">
      <c r="H120285" s="12"/>
    </row>
    <row r="120286" spans="8:8">
      <c r="H120286" s="12"/>
    </row>
    <row r="120287" spans="8:8">
      <c r="H120287" s="12"/>
    </row>
    <row r="120288" spans="8:8">
      <c r="H120288" s="12"/>
    </row>
    <row r="120289" spans="8:8">
      <c r="H120289" s="12"/>
    </row>
    <row r="120290" spans="8:8">
      <c r="H120290" s="12"/>
    </row>
    <row r="120291" spans="8:8">
      <c r="H120291" s="12"/>
    </row>
    <row r="120292" spans="8:8">
      <c r="H120292" s="12"/>
    </row>
    <row r="120293" spans="8:8">
      <c r="H120293" s="12"/>
    </row>
    <row r="120294" spans="8:8">
      <c r="H120294" s="12"/>
    </row>
    <row r="120295" spans="8:8">
      <c r="H120295" s="12"/>
    </row>
    <row r="120296" spans="8:8">
      <c r="H120296" s="12"/>
    </row>
    <row r="120297" spans="8:8">
      <c r="H120297" s="12"/>
    </row>
    <row r="120298" spans="8:8">
      <c r="H120298" s="12"/>
    </row>
    <row r="120299" spans="8:8">
      <c r="H120299" s="12"/>
    </row>
    <row r="120300" spans="8:8">
      <c r="H120300" s="12"/>
    </row>
    <row r="120301" spans="8:8">
      <c r="H120301" s="12"/>
    </row>
    <row r="120302" spans="8:8">
      <c r="H120302" s="12"/>
    </row>
    <row r="120303" spans="8:8">
      <c r="H120303" s="12"/>
    </row>
    <row r="120304" spans="8:8">
      <c r="H120304" s="12"/>
    </row>
    <row r="120305" spans="8:8">
      <c r="H120305" s="12"/>
    </row>
    <row r="120306" spans="8:8">
      <c r="H120306" s="12"/>
    </row>
    <row r="120307" spans="8:8">
      <c r="H120307" s="12"/>
    </row>
    <row r="120308" spans="8:8">
      <c r="H120308" s="12"/>
    </row>
    <row r="120309" spans="8:8">
      <c r="H120309" s="12"/>
    </row>
    <row r="120310" spans="8:8">
      <c r="H120310" s="12"/>
    </row>
    <row r="120311" spans="8:8">
      <c r="H120311" s="12"/>
    </row>
    <row r="120312" spans="8:8">
      <c r="H120312" s="12"/>
    </row>
    <row r="120313" spans="8:8">
      <c r="H120313" s="12"/>
    </row>
    <row r="120314" spans="8:8">
      <c r="H120314" s="12"/>
    </row>
    <row r="120315" spans="8:8">
      <c r="H120315" s="12"/>
    </row>
    <row r="120316" spans="8:8">
      <c r="H120316" s="12"/>
    </row>
    <row r="120317" spans="8:8">
      <c r="H120317" s="12"/>
    </row>
    <row r="120318" spans="8:8">
      <c r="H120318" s="12"/>
    </row>
    <row r="120319" spans="8:8">
      <c r="H120319" s="12"/>
    </row>
    <row r="120320" spans="8:8">
      <c r="H120320" s="12"/>
    </row>
    <row r="120321" spans="8:8">
      <c r="H120321" s="12"/>
    </row>
    <row r="120322" spans="8:8">
      <c r="H120322" s="12"/>
    </row>
    <row r="120323" spans="8:8">
      <c r="H120323" s="12"/>
    </row>
    <row r="120324" spans="8:8">
      <c r="H120324" s="12"/>
    </row>
    <row r="120325" spans="8:8">
      <c r="H120325" s="12"/>
    </row>
    <row r="120326" spans="8:8">
      <c r="H120326" s="12"/>
    </row>
    <row r="120327" spans="8:8">
      <c r="H120327" s="12"/>
    </row>
    <row r="120328" spans="8:8">
      <c r="H120328" s="12"/>
    </row>
    <row r="120329" spans="8:8">
      <c r="H120329" s="12"/>
    </row>
    <row r="120330" spans="8:8">
      <c r="H120330" s="12"/>
    </row>
    <row r="120331" spans="8:8">
      <c r="H120331" s="12"/>
    </row>
    <row r="120332" spans="8:8">
      <c r="H120332" s="12"/>
    </row>
    <row r="120333" spans="8:8">
      <c r="H120333" s="12"/>
    </row>
    <row r="120334" spans="8:8">
      <c r="H120334" s="12"/>
    </row>
    <row r="120335" spans="8:8">
      <c r="H120335" s="12"/>
    </row>
    <row r="120336" spans="8:8">
      <c r="H120336" s="12"/>
    </row>
    <row r="120337" spans="8:8">
      <c r="H120337" s="12"/>
    </row>
    <row r="120338" spans="8:8">
      <c r="H120338" s="12"/>
    </row>
    <row r="120339" spans="8:8">
      <c r="H120339" s="12"/>
    </row>
    <row r="120340" spans="8:8">
      <c r="H120340" s="12"/>
    </row>
    <row r="120341" spans="8:8">
      <c r="H120341" s="12"/>
    </row>
    <row r="120342" spans="8:8">
      <c r="H120342" s="12"/>
    </row>
    <row r="120343" spans="8:8">
      <c r="H120343" s="12"/>
    </row>
    <row r="120344" spans="8:8">
      <c r="H120344" s="12"/>
    </row>
    <row r="120345" spans="8:8">
      <c r="H120345" s="12"/>
    </row>
    <row r="120346" spans="8:8">
      <c r="H120346" s="12"/>
    </row>
    <row r="120347" spans="8:8">
      <c r="H120347" s="12"/>
    </row>
    <row r="120348" spans="8:8">
      <c r="H120348" s="12"/>
    </row>
    <row r="120349" spans="8:8">
      <c r="H120349" s="12"/>
    </row>
    <row r="120350" spans="8:8">
      <c r="H120350" s="12"/>
    </row>
    <row r="120351" spans="8:8">
      <c r="H120351" s="12"/>
    </row>
    <row r="120352" spans="8:8">
      <c r="H120352" s="12"/>
    </row>
    <row r="120353" spans="8:8">
      <c r="H120353" s="12"/>
    </row>
    <row r="120354" spans="8:8">
      <c r="H120354" s="12"/>
    </row>
    <row r="120355" spans="8:8">
      <c r="H120355" s="12"/>
    </row>
    <row r="120356" spans="8:8">
      <c r="H120356" s="12"/>
    </row>
    <row r="120357" spans="8:8">
      <c r="H120357" s="12"/>
    </row>
    <row r="120358" spans="8:8">
      <c r="H120358" s="12"/>
    </row>
    <row r="120359" spans="8:8">
      <c r="H120359" s="12"/>
    </row>
    <row r="120360" spans="8:8">
      <c r="H120360" s="12"/>
    </row>
    <row r="120361" spans="8:8">
      <c r="H120361" s="12"/>
    </row>
    <row r="120362" spans="8:8">
      <c r="H120362" s="12"/>
    </row>
    <row r="120363" spans="8:8">
      <c r="H120363" s="12"/>
    </row>
    <row r="120364" spans="8:8">
      <c r="H120364" s="12"/>
    </row>
    <row r="120365" spans="8:8">
      <c r="H120365" s="12"/>
    </row>
    <row r="120366" spans="8:8">
      <c r="H120366" s="12"/>
    </row>
    <row r="120367" spans="8:8">
      <c r="H120367" s="12"/>
    </row>
    <row r="120368" spans="8:8">
      <c r="H120368" s="12"/>
    </row>
    <row r="120369" spans="8:8">
      <c r="H120369" s="12"/>
    </row>
    <row r="120370" spans="8:8">
      <c r="H120370" s="12"/>
    </row>
    <row r="120371" spans="8:8">
      <c r="H120371" s="12"/>
    </row>
    <row r="120372" spans="8:8">
      <c r="H120372" s="12"/>
    </row>
    <row r="120373" spans="8:8">
      <c r="H120373" s="12"/>
    </row>
    <row r="120374" spans="8:8">
      <c r="H120374" s="12"/>
    </row>
    <row r="120375" spans="8:8">
      <c r="H120375" s="12"/>
    </row>
    <row r="120376" spans="8:8">
      <c r="H120376" s="12"/>
    </row>
    <row r="120377" spans="8:8">
      <c r="H120377" s="12"/>
    </row>
    <row r="120378" spans="8:8">
      <c r="H120378" s="12"/>
    </row>
    <row r="120379" spans="8:8">
      <c r="H120379" s="12"/>
    </row>
    <row r="120380" spans="8:8">
      <c r="H120380" s="12"/>
    </row>
    <row r="120381" spans="8:8">
      <c r="H120381" s="12"/>
    </row>
    <row r="120382" spans="8:8">
      <c r="H120382" s="12"/>
    </row>
    <row r="120383" spans="8:8">
      <c r="H120383" s="12"/>
    </row>
    <row r="120384" spans="8:8">
      <c r="H120384" s="12"/>
    </row>
    <row r="120385" spans="8:8">
      <c r="H120385" s="12"/>
    </row>
    <row r="120386" spans="8:8">
      <c r="H120386" s="12"/>
    </row>
    <row r="120387" spans="8:8">
      <c r="H120387" s="12"/>
    </row>
    <row r="120388" spans="8:8">
      <c r="H120388" s="12"/>
    </row>
    <row r="120389" spans="8:8">
      <c r="H120389" s="12"/>
    </row>
    <row r="120390" spans="8:8">
      <c r="H120390" s="12"/>
    </row>
    <row r="120391" spans="8:8">
      <c r="H120391" s="12"/>
    </row>
    <row r="120392" spans="8:8">
      <c r="H120392" s="12"/>
    </row>
    <row r="120393" spans="8:8">
      <c r="H120393" s="12"/>
    </row>
    <row r="120394" spans="8:8">
      <c r="H120394" s="12"/>
    </row>
    <row r="120395" spans="8:8">
      <c r="H120395" s="12"/>
    </row>
    <row r="120396" spans="8:8">
      <c r="H120396" s="12"/>
    </row>
    <row r="120397" spans="8:8">
      <c r="H120397" s="12"/>
    </row>
    <row r="120398" spans="8:8">
      <c r="H120398" s="12"/>
    </row>
    <row r="120399" spans="8:8">
      <c r="H120399" s="12"/>
    </row>
    <row r="120400" spans="8:8">
      <c r="H120400" s="12"/>
    </row>
    <row r="120401" spans="8:8">
      <c r="H120401" s="12"/>
    </row>
    <row r="120402" spans="8:8">
      <c r="H120402" s="12"/>
    </row>
    <row r="120403" spans="8:8">
      <c r="H120403" s="12"/>
    </row>
    <row r="120404" spans="8:8">
      <c r="H120404" s="12"/>
    </row>
    <row r="120405" spans="8:8">
      <c r="H120405" s="12"/>
    </row>
    <row r="120406" spans="8:8">
      <c r="H120406" s="12"/>
    </row>
    <row r="120407" spans="8:8">
      <c r="H120407" s="12"/>
    </row>
    <row r="120408" spans="8:8">
      <c r="H120408" s="12"/>
    </row>
    <row r="120409" spans="8:8">
      <c r="H120409" s="12"/>
    </row>
    <row r="120410" spans="8:8">
      <c r="H120410" s="12"/>
    </row>
    <row r="120411" spans="8:8">
      <c r="H120411" s="12"/>
    </row>
    <row r="120412" spans="8:8">
      <c r="H120412" s="12"/>
    </row>
    <row r="120413" spans="8:8">
      <c r="H120413" s="12"/>
    </row>
    <row r="120414" spans="8:8">
      <c r="H120414" s="12"/>
    </row>
    <row r="120415" spans="8:8">
      <c r="H120415" s="12"/>
    </row>
    <row r="120416" spans="8:8">
      <c r="H120416" s="12"/>
    </row>
    <row r="120417" spans="8:8">
      <c r="H120417" s="12"/>
    </row>
    <row r="120418" spans="8:8">
      <c r="H120418" s="12"/>
    </row>
    <row r="120419" spans="8:8">
      <c r="H120419" s="12"/>
    </row>
    <row r="120420" spans="8:8">
      <c r="H120420" s="12"/>
    </row>
    <row r="120421" spans="8:8">
      <c r="H120421" s="12"/>
    </row>
    <row r="120422" spans="8:8">
      <c r="H120422" s="12"/>
    </row>
    <row r="120423" spans="8:8">
      <c r="H120423" s="12"/>
    </row>
    <row r="120424" spans="8:8">
      <c r="H120424" s="12"/>
    </row>
    <row r="120425" spans="8:8">
      <c r="H120425" s="12"/>
    </row>
    <row r="120426" spans="8:8">
      <c r="H120426" s="12"/>
    </row>
    <row r="120427" spans="8:8">
      <c r="H120427" s="12"/>
    </row>
    <row r="120428" spans="8:8">
      <c r="H120428" s="12"/>
    </row>
    <row r="120429" spans="8:8">
      <c r="H120429" s="12"/>
    </row>
    <row r="120430" spans="8:8">
      <c r="H120430" s="12"/>
    </row>
    <row r="120431" spans="8:8">
      <c r="H120431" s="12"/>
    </row>
    <row r="120432" spans="8:8">
      <c r="H120432" s="12"/>
    </row>
    <row r="120433" spans="8:8">
      <c r="H120433" s="12"/>
    </row>
    <row r="120434" spans="8:8">
      <c r="H120434" s="12"/>
    </row>
    <row r="120435" spans="8:8">
      <c r="H120435" s="12"/>
    </row>
    <row r="120436" spans="8:8">
      <c r="H120436" s="12"/>
    </row>
    <row r="120437" spans="8:8">
      <c r="H120437" s="12"/>
    </row>
    <row r="120438" spans="8:8">
      <c r="H120438" s="12"/>
    </row>
    <row r="120439" spans="8:8">
      <c r="H120439" s="12"/>
    </row>
    <row r="120440" spans="8:8">
      <c r="H120440" s="12"/>
    </row>
    <row r="120441" spans="8:8">
      <c r="H120441" s="12"/>
    </row>
    <row r="120442" spans="8:8">
      <c r="H120442" s="12"/>
    </row>
    <row r="120443" spans="8:8">
      <c r="H120443" s="12"/>
    </row>
    <row r="120444" spans="8:8">
      <c r="H120444" s="12"/>
    </row>
    <row r="120445" spans="8:8">
      <c r="H120445" s="12"/>
    </row>
    <row r="120446" spans="8:8">
      <c r="H120446" s="12"/>
    </row>
    <row r="120447" spans="8:8">
      <c r="H120447" s="12"/>
    </row>
    <row r="120448" spans="8:8">
      <c r="H120448" s="12"/>
    </row>
    <row r="120449" spans="8:8">
      <c r="H120449" s="12"/>
    </row>
    <row r="120450" spans="8:8">
      <c r="H120450" s="12"/>
    </row>
    <row r="120451" spans="8:8">
      <c r="H120451" s="12"/>
    </row>
    <row r="120452" spans="8:8">
      <c r="H120452" s="12"/>
    </row>
    <row r="120453" spans="8:8">
      <c r="H120453" s="12"/>
    </row>
    <row r="120454" spans="8:8">
      <c r="H120454" s="12"/>
    </row>
    <row r="120455" spans="8:8">
      <c r="H120455" s="12"/>
    </row>
    <row r="120456" spans="8:8">
      <c r="H120456" s="12"/>
    </row>
    <row r="120457" spans="8:8">
      <c r="H120457" s="12"/>
    </row>
    <row r="120458" spans="8:8">
      <c r="H120458" s="12"/>
    </row>
    <row r="120459" spans="8:8">
      <c r="H120459" s="12"/>
    </row>
    <row r="120460" spans="8:8">
      <c r="H120460" s="12"/>
    </row>
    <row r="120461" spans="8:8">
      <c r="H120461" s="12"/>
    </row>
    <row r="120462" spans="8:8">
      <c r="H120462" s="12"/>
    </row>
    <row r="120463" spans="8:8">
      <c r="H120463" s="12"/>
    </row>
    <row r="120464" spans="8:8">
      <c r="H120464" s="12"/>
    </row>
    <row r="120465" spans="8:8">
      <c r="H120465" s="12"/>
    </row>
    <row r="120466" spans="8:8">
      <c r="H120466" s="12"/>
    </row>
    <row r="120467" spans="8:8">
      <c r="H120467" s="12"/>
    </row>
    <row r="120468" spans="8:8">
      <c r="H120468" s="12"/>
    </row>
    <row r="120469" spans="8:8">
      <c r="H120469" s="12"/>
    </row>
    <row r="120470" spans="8:8">
      <c r="H120470" s="12"/>
    </row>
    <row r="120471" spans="8:8">
      <c r="H120471" s="12"/>
    </row>
    <row r="120472" spans="8:8">
      <c r="H120472" s="12"/>
    </row>
    <row r="120473" spans="8:8">
      <c r="H120473" s="12"/>
    </row>
    <row r="120474" spans="8:8">
      <c r="H120474" s="12"/>
    </row>
    <row r="120475" spans="8:8">
      <c r="H120475" s="12"/>
    </row>
    <row r="120476" spans="8:8">
      <c r="H120476" s="12"/>
    </row>
    <row r="120477" spans="8:8">
      <c r="H120477" s="12"/>
    </row>
    <row r="120478" spans="8:8">
      <c r="H120478" s="12"/>
    </row>
    <row r="120479" spans="8:8">
      <c r="H120479" s="12"/>
    </row>
    <row r="120480" spans="8:8">
      <c r="H120480" s="12"/>
    </row>
    <row r="120481" spans="8:8">
      <c r="H120481" s="12"/>
    </row>
    <row r="120482" spans="8:8">
      <c r="H120482" s="12"/>
    </row>
    <row r="120483" spans="8:8">
      <c r="H120483" s="12"/>
    </row>
    <row r="120484" spans="8:8">
      <c r="H120484" s="12"/>
    </row>
    <row r="120485" spans="8:8">
      <c r="H120485" s="12"/>
    </row>
    <row r="120486" spans="8:8">
      <c r="H120486" s="12"/>
    </row>
    <row r="120487" spans="8:8">
      <c r="H120487" s="12"/>
    </row>
    <row r="120488" spans="8:8">
      <c r="H120488" s="12"/>
    </row>
    <row r="120489" spans="8:8">
      <c r="H120489" s="12"/>
    </row>
    <row r="120490" spans="8:8">
      <c r="H120490" s="12"/>
    </row>
    <row r="120491" spans="8:8">
      <c r="H120491" s="12"/>
    </row>
    <row r="120492" spans="8:8">
      <c r="H120492" s="12"/>
    </row>
    <row r="120493" spans="8:8">
      <c r="H120493" s="12"/>
    </row>
    <row r="120494" spans="8:8">
      <c r="H120494" s="12"/>
    </row>
    <row r="120495" spans="8:8">
      <c r="H120495" s="12"/>
    </row>
    <row r="120496" spans="8:8">
      <c r="H120496" s="12"/>
    </row>
    <row r="120497" spans="8:8">
      <c r="H120497" s="12"/>
    </row>
    <row r="120498" spans="8:8">
      <c r="H120498" s="12"/>
    </row>
    <row r="120499" spans="8:8">
      <c r="H120499" s="12"/>
    </row>
    <row r="120500" spans="8:8">
      <c r="H120500" s="12"/>
    </row>
    <row r="120501" spans="8:8">
      <c r="H120501" s="12"/>
    </row>
    <row r="120502" spans="8:8">
      <c r="H120502" s="12"/>
    </row>
    <row r="120503" spans="8:8">
      <c r="H120503" s="12"/>
    </row>
    <row r="120504" spans="8:8">
      <c r="H120504" s="12"/>
    </row>
    <row r="120505" spans="8:8">
      <c r="H120505" s="12"/>
    </row>
    <row r="120506" spans="8:8">
      <c r="H120506" s="12"/>
    </row>
    <row r="120507" spans="8:8">
      <c r="H120507" s="12"/>
    </row>
    <row r="120508" spans="8:8">
      <c r="H120508" s="12"/>
    </row>
    <row r="120509" spans="8:8">
      <c r="H120509" s="12"/>
    </row>
    <row r="120510" spans="8:8">
      <c r="H120510" s="12"/>
    </row>
    <row r="120511" spans="8:8">
      <c r="H120511" s="12"/>
    </row>
    <row r="120512" spans="8:8">
      <c r="H120512" s="12"/>
    </row>
    <row r="120513" spans="8:8">
      <c r="H120513" s="12"/>
    </row>
    <row r="120514" spans="8:8">
      <c r="H120514" s="12"/>
    </row>
    <row r="120515" spans="8:8">
      <c r="H120515" s="12"/>
    </row>
    <row r="120516" spans="8:8">
      <c r="H120516" s="12"/>
    </row>
    <row r="120517" spans="8:8">
      <c r="H120517" s="12"/>
    </row>
    <row r="120518" spans="8:8">
      <c r="H120518" s="12"/>
    </row>
    <row r="120519" spans="8:8">
      <c r="H120519" s="12"/>
    </row>
    <row r="120520" spans="8:8">
      <c r="H120520" s="12"/>
    </row>
    <row r="120521" spans="8:8">
      <c r="H120521" s="12"/>
    </row>
    <row r="120522" spans="8:8">
      <c r="H120522" s="12"/>
    </row>
    <row r="120523" spans="8:8">
      <c r="H120523" s="12"/>
    </row>
    <row r="120524" spans="8:8">
      <c r="H120524" s="12"/>
    </row>
    <row r="120525" spans="8:8">
      <c r="H120525" s="12"/>
    </row>
    <row r="120526" spans="8:8">
      <c r="H120526" s="12"/>
    </row>
    <row r="120527" spans="8:8">
      <c r="H120527" s="12"/>
    </row>
    <row r="120528" spans="8:8">
      <c r="H120528" s="12"/>
    </row>
    <row r="120529" spans="8:8">
      <c r="H120529" s="12"/>
    </row>
    <row r="120530" spans="8:8">
      <c r="H120530" s="12"/>
    </row>
    <row r="120531" spans="8:8">
      <c r="H120531" s="12"/>
    </row>
    <row r="120532" spans="8:8">
      <c r="H120532" s="12"/>
    </row>
    <row r="120533" spans="8:8">
      <c r="H120533" s="12"/>
    </row>
    <row r="120534" spans="8:8">
      <c r="H120534" s="12"/>
    </row>
    <row r="120535" spans="8:8">
      <c r="H120535" s="12"/>
    </row>
    <row r="120536" spans="8:8">
      <c r="H120536" s="12"/>
    </row>
    <row r="120537" spans="8:8">
      <c r="H120537" s="12"/>
    </row>
    <row r="120538" spans="8:8">
      <c r="H120538" s="12"/>
    </row>
    <row r="120539" spans="8:8">
      <c r="H120539" s="12"/>
    </row>
    <row r="120540" spans="8:8">
      <c r="H120540" s="12"/>
    </row>
    <row r="120541" spans="8:8">
      <c r="H120541" s="12"/>
    </row>
    <row r="120542" spans="8:8">
      <c r="H120542" s="12"/>
    </row>
    <row r="120543" spans="8:8">
      <c r="H120543" s="12"/>
    </row>
    <row r="120544" spans="8:8">
      <c r="H120544" s="12"/>
    </row>
    <row r="120545" spans="8:8">
      <c r="H120545" s="12"/>
    </row>
    <row r="120546" spans="8:8">
      <c r="H120546" s="12"/>
    </row>
    <row r="120547" spans="8:8">
      <c r="H120547" s="12"/>
    </row>
    <row r="120548" spans="8:8">
      <c r="H120548" s="12"/>
    </row>
    <row r="120549" spans="8:8">
      <c r="H120549" s="12"/>
    </row>
    <row r="120550" spans="8:8">
      <c r="H120550" s="12"/>
    </row>
    <row r="120551" spans="8:8">
      <c r="H120551" s="12"/>
    </row>
    <row r="120552" spans="8:8">
      <c r="H120552" s="12"/>
    </row>
    <row r="120553" spans="8:8">
      <c r="H120553" s="12"/>
    </row>
    <row r="120554" spans="8:8">
      <c r="H120554" s="12"/>
    </row>
    <row r="120555" spans="8:8">
      <c r="H120555" s="12"/>
    </row>
    <row r="120556" spans="8:8">
      <c r="H120556" s="12"/>
    </row>
    <row r="120557" spans="8:8">
      <c r="H120557" s="12"/>
    </row>
    <row r="120558" spans="8:8">
      <c r="H120558" s="12"/>
    </row>
    <row r="120559" spans="8:8">
      <c r="H120559" s="12"/>
    </row>
    <row r="120560" spans="8:8">
      <c r="H120560" s="12"/>
    </row>
    <row r="120561" spans="8:8">
      <c r="H120561" s="12"/>
    </row>
    <row r="120562" spans="8:8">
      <c r="H120562" s="12"/>
    </row>
    <row r="120563" spans="8:8">
      <c r="H120563" s="12"/>
    </row>
    <row r="120564" spans="8:8">
      <c r="H120564" s="12"/>
    </row>
    <row r="120565" spans="8:8">
      <c r="H120565" s="12"/>
    </row>
    <row r="120566" spans="8:8">
      <c r="H120566" s="12"/>
    </row>
    <row r="120567" spans="8:8">
      <c r="H120567" s="12"/>
    </row>
    <row r="120568" spans="8:8">
      <c r="H120568" s="12"/>
    </row>
    <row r="120569" spans="8:8">
      <c r="H120569" s="12"/>
    </row>
    <row r="120570" spans="8:8">
      <c r="H120570" s="12"/>
    </row>
    <row r="120571" spans="8:8">
      <c r="H120571" s="12"/>
    </row>
    <row r="120572" spans="8:8">
      <c r="H120572" s="12"/>
    </row>
    <row r="120573" spans="8:8">
      <c r="H120573" s="12"/>
    </row>
    <row r="120574" spans="8:8">
      <c r="H120574" s="12"/>
    </row>
    <row r="120575" spans="8:8">
      <c r="H120575" s="12"/>
    </row>
    <row r="120576" spans="8:8">
      <c r="H120576" s="12"/>
    </row>
    <row r="120577" spans="8:8">
      <c r="H120577" s="12"/>
    </row>
    <row r="120578" spans="8:8">
      <c r="H120578" s="12"/>
    </row>
    <row r="120579" spans="8:8">
      <c r="H120579" s="12"/>
    </row>
    <row r="120580" spans="8:8">
      <c r="H120580" s="12"/>
    </row>
    <row r="120581" spans="8:8">
      <c r="H120581" s="12"/>
    </row>
    <row r="120582" spans="8:8">
      <c r="H120582" s="12"/>
    </row>
    <row r="120583" spans="8:8">
      <c r="H120583" s="12"/>
    </row>
    <row r="120584" spans="8:8">
      <c r="H120584" s="12"/>
    </row>
    <row r="120585" spans="8:8">
      <c r="H120585" s="12"/>
    </row>
    <row r="120586" spans="8:8">
      <c r="H120586" s="12"/>
    </row>
    <row r="120587" spans="8:8">
      <c r="H120587" s="12"/>
    </row>
    <row r="120588" spans="8:8">
      <c r="H120588" s="12"/>
    </row>
    <row r="120589" spans="8:8">
      <c r="H120589" s="12"/>
    </row>
    <row r="120590" spans="8:8">
      <c r="H120590" s="12"/>
    </row>
    <row r="120591" spans="8:8">
      <c r="H120591" s="12"/>
    </row>
    <row r="120592" spans="8:8">
      <c r="H120592" s="12"/>
    </row>
    <row r="120593" spans="8:8">
      <c r="H120593" s="12"/>
    </row>
    <row r="120594" spans="8:8">
      <c r="H120594" s="12"/>
    </row>
    <row r="120595" spans="8:8">
      <c r="H120595" s="12"/>
    </row>
    <row r="120596" spans="8:8">
      <c r="H120596" s="12"/>
    </row>
    <row r="120597" spans="8:8">
      <c r="H120597" s="12"/>
    </row>
    <row r="120598" spans="8:8">
      <c r="H120598" s="12"/>
    </row>
    <row r="120599" spans="8:8">
      <c r="H120599" s="12"/>
    </row>
    <row r="120600" spans="8:8">
      <c r="H120600" s="12"/>
    </row>
    <row r="120601" spans="8:8">
      <c r="H120601" s="12"/>
    </row>
    <row r="120602" spans="8:8">
      <c r="H120602" s="12"/>
    </row>
    <row r="120603" spans="8:8">
      <c r="H120603" s="12"/>
    </row>
    <row r="120604" spans="8:8">
      <c r="H120604" s="12"/>
    </row>
    <row r="120605" spans="8:8">
      <c r="H120605" s="12"/>
    </row>
    <row r="120606" spans="8:8">
      <c r="H120606" s="12"/>
    </row>
    <row r="120607" spans="8:8">
      <c r="H120607" s="12"/>
    </row>
    <row r="120608" spans="8:8">
      <c r="H120608" s="12"/>
    </row>
    <row r="120609" spans="8:8">
      <c r="H120609" s="12"/>
    </row>
    <row r="120610" spans="8:8">
      <c r="H120610" s="12"/>
    </row>
    <row r="120611" spans="8:8">
      <c r="H120611" s="12"/>
    </row>
    <row r="120612" spans="8:8">
      <c r="H120612" s="12"/>
    </row>
    <row r="120613" spans="8:8">
      <c r="H120613" s="12"/>
    </row>
    <row r="120614" spans="8:8">
      <c r="H120614" s="12"/>
    </row>
    <row r="120615" spans="8:8">
      <c r="H120615" s="12"/>
    </row>
    <row r="120616" spans="8:8">
      <c r="H120616" s="12"/>
    </row>
    <row r="120617" spans="8:8">
      <c r="H120617" s="12"/>
    </row>
    <row r="120618" spans="8:8">
      <c r="H120618" s="12"/>
    </row>
    <row r="120619" spans="8:8">
      <c r="H120619" s="12"/>
    </row>
    <row r="120620" spans="8:8">
      <c r="H120620" s="12"/>
    </row>
    <row r="120621" spans="8:8">
      <c r="H120621" s="12"/>
    </row>
    <row r="120622" spans="8:8">
      <c r="H120622" s="12"/>
    </row>
    <row r="120623" spans="8:8">
      <c r="H120623" s="12"/>
    </row>
    <row r="120624" spans="8:8">
      <c r="H120624" s="12"/>
    </row>
    <row r="120625" spans="8:8">
      <c r="H120625" s="12"/>
    </row>
    <row r="120626" spans="8:8">
      <c r="H120626" s="12"/>
    </row>
    <row r="120627" spans="8:8">
      <c r="H120627" s="12"/>
    </row>
    <row r="120628" spans="8:8">
      <c r="H120628" s="12"/>
    </row>
    <row r="120629" spans="8:8">
      <c r="H120629" s="12"/>
    </row>
    <row r="120630" spans="8:8">
      <c r="H120630" s="12"/>
    </row>
    <row r="120631" spans="8:8">
      <c r="H120631" s="12"/>
    </row>
    <row r="120632" spans="8:8">
      <c r="H120632" s="12"/>
    </row>
    <row r="120633" spans="8:8">
      <c r="H120633" s="12"/>
    </row>
    <row r="120634" spans="8:8">
      <c r="H120634" s="12"/>
    </row>
    <row r="120635" spans="8:8">
      <c r="H120635" s="12"/>
    </row>
    <row r="120636" spans="8:8">
      <c r="H120636" s="12"/>
    </row>
    <row r="120637" spans="8:8">
      <c r="H120637" s="12"/>
    </row>
    <row r="120638" spans="8:8">
      <c r="H120638" s="12"/>
    </row>
    <row r="120639" spans="8:8">
      <c r="H120639" s="12"/>
    </row>
    <row r="120640" spans="8:8">
      <c r="H120640" s="12"/>
    </row>
    <row r="120641" spans="8:8">
      <c r="H120641" s="12"/>
    </row>
    <row r="120642" spans="8:8">
      <c r="H120642" s="12"/>
    </row>
    <row r="120643" spans="8:8">
      <c r="H120643" s="12"/>
    </row>
    <row r="120644" spans="8:8">
      <c r="H120644" s="12"/>
    </row>
    <row r="120645" spans="8:8">
      <c r="H120645" s="12"/>
    </row>
    <row r="120646" spans="8:8">
      <c r="H120646" s="12"/>
    </row>
    <row r="120647" spans="8:8">
      <c r="H120647" s="12"/>
    </row>
    <row r="120648" spans="8:8">
      <c r="H120648" s="12"/>
    </row>
    <row r="120649" spans="8:8">
      <c r="H120649" s="12"/>
    </row>
    <row r="120650" spans="8:8">
      <c r="H120650" s="12"/>
    </row>
    <row r="120651" spans="8:8">
      <c r="H120651" s="12"/>
    </row>
    <row r="120652" spans="8:8">
      <c r="H120652" s="12"/>
    </row>
    <row r="120653" spans="8:8">
      <c r="H120653" s="12"/>
    </row>
    <row r="120654" spans="8:8">
      <c r="H120654" s="12"/>
    </row>
    <row r="120655" spans="8:8">
      <c r="H120655" s="12"/>
    </row>
    <row r="120656" spans="8:8">
      <c r="H120656" s="12"/>
    </row>
    <row r="120657" spans="8:8">
      <c r="H120657" s="12"/>
    </row>
    <row r="120658" spans="8:8">
      <c r="H120658" s="12"/>
    </row>
    <row r="120659" spans="8:8">
      <c r="H120659" s="12"/>
    </row>
    <row r="120660" spans="8:8">
      <c r="H120660" s="12"/>
    </row>
    <row r="120661" spans="8:8">
      <c r="H120661" s="12"/>
    </row>
    <row r="120662" spans="8:8">
      <c r="H120662" s="12"/>
    </row>
    <row r="120663" spans="8:8">
      <c r="H120663" s="12"/>
    </row>
    <row r="120664" spans="8:8">
      <c r="H120664" s="12"/>
    </row>
    <row r="120665" spans="8:8">
      <c r="H120665" s="12"/>
    </row>
    <row r="120666" spans="8:8">
      <c r="H120666" s="12"/>
    </row>
    <row r="120667" spans="8:8">
      <c r="H120667" s="12"/>
    </row>
    <row r="120668" spans="8:8">
      <c r="H120668" s="12"/>
    </row>
    <row r="120669" spans="8:8">
      <c r="H120669" s="12"/>
    </row>
    <row r="120670" spans="8:8">
      <c r="H120670" s="12"/>
    </row>
    <row r="120671" spans="8:8">
      <c r="H120671" s="12"/>
    </row>
    <row r="120672" spans="8:8">
      <c r="H120672" s="12"/>
    </row>
    <row r="120673" spans="8:8">
      <c r="H120673" s="12"/>
    </row>
    <row r="120674" spans="8:8">
      <c r="H120674" s="12"/>
    </row>
    <row r="120675" spans="8:8">
      <c r="H120675" s="12"/>
    </row>
    <row r="120676" spans="8:8">
      <c r="H120676" s="12"/>
    </row>
    <row r="120677" spans="8:8">
      <c r="H120677" s="12"/>
    </row>
    <row r="120678" spans="8:8">
      <c r="H120678" s="12"/>
    </row>
    <row r="120679" spans="8:8">
      <c r="H120679" s="12"/>
    </row>
    <row r="120680" spans="8:8">
      <c r="H120680" s="12"/>
    </row>
    <row r="120681" spans="8:8">
      <c r="H120681" s="12"/>
    </row>
    <row r="120682" spans="8:8">
      <c r="H120682" s="12"/>
    </row>
    <row r="120683" spans="8:8">
      <c r="H120683" s="12"/>
    </row>
    <row r="120684" spans="8:8">
      <c r="H120684" s="12"/>
    </row>
    <row r="120685" spans="8:8">
      <c r="H120685" s="12"/>
    </row>
    <row r="120686" spans="8:8">
      <c r="H120686" s="12"/>
    </row>
    <row r="120687" spans="8:8">
      <c r="H120687" s="12"/>
    </row>
    <row r="120688" spans="8:8">
      <c r="H120688" s="12"/>
    </row>
    <row r="120689" spans="8:8">
      <c r="H120689" s="12"/>
    </row>
    <row r="120690" spans="8:8">
      <c r="H120690" s="12"/>
    </row>
    <row r="120691" spans="8:8">
      <c r="H120691" s="12"/>
    </row>
    <row r="120692" spans="8:8">
      <c r="H120692" s="12"/>
    </row>
    <row r="120693" spans="8:8">
      <c r="H120693" s="12"/>
    </row>
    <row r="120694" spans="8:8">
      <c r="H120694" s="12"/>
    </row>
    <row r="120695" spans="8:8">
      <c r="H120695" s="12"/>
    </row>
    <row r="120696" spans="8:8">
      <c r="H120696" s="12"/>
    </row>
    <row r="120697" spans="8:8">
      <c r="H120697" s="12"/>
    </row>
    <row r="120698" spans="8:8">
      <c r="H120698" s="12"/>
    </row>
    <row r="120699" spans="8:8">
      <c r="H120699" s="12"/>
    </row>
    <row r="120700" spans="8:8">
      <c r="H120700" s="12"/>
    </row>
    <row r="120701" spans="8:8">
      <c r="H120701" s="12"/>
    </row>
    <row r="120702" spans="8:8">
      <c r="H120702" s="12"/>
    </row>
    <row r="120703" spans="8:8">
      <c r="H120703" s="12"/>
    </row>
    <row r="120704" spans="8:8">
      <c r="H120704" s="12"/>
    </row>
    <row r="120705" spans="8:8">
      <c r="H120705" s="12"/>
    </row>
    <row r="120706" spans="8:8">
      <c r="H120706" s="12"/>
    </row>
    <row r="120707" spans="8:8">
      <c r="H120707" s="12"/>
    </row>
    <row r="120708" spans="8:8">
      <c r="H120708" s="12"/>
    </row>
    <row r="120709" spans="8:8">
      <c r="H120709" s="12"/>
    </row>
    <row r="120710" spans="8:8">
      <c r="H120710" s="12"/>
    </row>
    <row r="120711" spans="8:8">
      <c r="H120711" s="12"/>
    </row>
    <row r="120712" spans="8:8">
      <c r="H120712" s="12"/>
    </row>
    <row r="120713" spans="8:8">
      <c r="H120713" s="12"/>
    </row>
    <row r="120714" spans="8:8">
      <c r="H120714" s="12"/>
    </row>
    <row r="120715" spans="8:8">
      <c r="H120715" s="12"/>
    </row>
    <row r="120716" spans="8:8">
      <c r="H120716" s="12"/>
    </row>
    <row r="120717" spans="8:8">
      <c r="H120717" s="12"/>
    </row>
    <row r="120718" spans="8:8">
      <c r="H120718" s="12"/>
    </row>
    <row r="120719" spans="8:8">
      <c r="H120719" s="12"/>
    </row>
    <row r="120720" spans="8:8">
      <c r="H120720" s="12"/>
    </row>
    <row r="120721" spans="8:8">
      <c r="H120721" s="12"/>
    </row>
    <row r="120722" spans="8:8">
      <c r="H120722" s="12"/>
    </row>
    <row r="120723" spans="8:8">
      <c r="H120723" s="12"/>
    </row>
    <row r="120724" spans="8:8">
      <c r="H120724" s="12"/>
    </row>
    <row r="120725" spans="8:8">
      <c r="H120725" s="12"/>
    </row>
    <row r="120726" spans="8:8">
      <c r="H120726" s="12"/>
    </row>
    <row r="120727" spans="8:8">
      <c r="H120727" s="12"/>
    </row>
    <row r="120728" spans="8:8">
      <c r="H120728" s="12"/>
    </row>
    <row r="120729" spans="8:8">
      <c r="H120729" s="12"/>
    </row>
    <row r="120730" spans="8:8">
      <c r="H120730" s="12"/>
    </row>
    <row r="120731" spans="8:8">
      <c r="H120731" s="12"/>
    </row>
    <row r="120732" spans="8:8">
      <c r="H120732" s="12"/>
    </row>
    <row r="120733" spans="8:8">
      <c r="H120733" s="12"/>
    </row>
    <row r="120734" spans="8:8">
      <c r="H120734" s="12"/>
    </row>
    <row r="120735" spans="8:8">
      <c r="H120735" s="12"/>
    </row>
    <row r="120736" spans="8:8">
      <c r="H120736" s="12"/>
    </row>
    <row r="120737" spans="8:8">
      <c r="H120737" s="12"/>
    </row>
    <row r="120738" spans="8:8">
      <c r="H120738" s="12"/>
    </row>
    <row r="120739" spans="8:8">
      <c r="H120739" s="12"/>
    </row>
    <row r="120740" spans="8:8">
      <c r="H120740" s="12"/>
    </row>
    <row r="120741" spans="8:8">
      <c r="H120741" s="12"/>
    </row>
    <row r="120742" spans="8:8">
      <c r="H120742" s="12"/>
    </row>
    <row r="120743" spans="8:8">
      <c r="H120743" s="12"/>
    </row>
    <row r="120744" spans="8:8">
      <c r="H120744" s="12"/>
    </row>
    <row r="120745" spans="8:8">
      <c r="H120745" s="12"/>
    </row>
    <row r="120746" spans="8:8">
      <c r="H120746" s="12"/>
    </row>
    <row r="120747" spans="8:8">
      <c r="H120747" s="12"/>
    </row>
    <row r="120748" spans="8:8">
      <c r="H120748" s="12"/>
    </row>
    <row r="120749" spans="8:8">
      <c r="H120749" s="12"/>
    </row>
    <row r="120750" spans="8:8">
      <c r="H120750" s="12"/>
    </row>
    <row r="120751" spans="8:8">
      <c r="H120751" s="12"/>
    </row>
    <row r="120752" spans="8:8">
      <c r="H120752" s="12"/>
    </row>
    <row r="120753" spans="8:8">
      <c r="H120753" s="12"/>
    </row>
    <row r="120754" spans="8:8">
      <c r="H120754" s="12"/>
    </row>
    <row r="120755" spans="8:8">
      <c r="H120755" s="12"/>
    </row>
    <row r="120756" spans="8:8">
      <c r="H120756" s="12"/>
    </row>
    <row r="120757" spans="8:8">
      <c r="H120757" s="12"/>
    </row>
    <row r="120758" spans="8:8">
      <c r="H120758" s="12"/>
    </row>
    <row r="120759" spans="8:8">
      <c r="H120759" s="12"/>
    </row>
    <row r="120760" spans="8:8">
      <c r="H120760" s="12"/>
    </row>
    <row r="120761" spans="8:8">
      <c r="H120761" s="12"/>
    </row>
    <row r="120762" spans="8:8">
      <c r="H120762" s="12"/>
    </row>
    <row r="120763" spans="8:8">
      <c r="H120763" s="12"/>
    </row>
    <row r="120764" spans="8:8">
      <c r="H120764" s="12"/>
    </row>
    <row r="120765" spans="8:8">
      <c r="H120765" s="12"/>
    </row>
    <row r="120766" spans="8:8">
      <c r="H120766" s="12"/>
    </row>
    <row r="120767" spans="8:8">
      <c r="H120767" s="12"/>
    </row>
    <row r="120768" spans="8:8">
      <c r="H120768" s="12"/>
    </row>
    <row r="120769" spans="8:8">
      <c r="H120769" s="12"/>
    </row>
    <row r="120770" spans="8:8">
      <c r="H120770" s="12"/>
    </row>
    <row r="120771" spans="8:8">
      <c r="H120771" s="12"/>
    </row>
    <row r="120772" spans="8:8">
      <c r="H120772" s="12"/>
    </row>
    <row r="120773" spans="8:8">
      <c r="H120773" s="12"/>
    </row>
    <row r="120774" spans="8:8">
      <c r="H120774" s="12"/>
    </row>
    <row r="120775" spans="8:8">
      <c r="H120775" s="12"/>
    </row>
    <row r="120776" spans="8:8">
      <c r="H120776" s="12"/>
    </row>
    <row r="120777" spans="8:8">
      <c r="H120777" s="12"/>
    </row>
    <row r="120778" spans="8:8">
      <c r="H120778" s="12"/>
    </row>
    <row r="120779" spans="8:8">
      <c r="H120779" s="12"/>
    </row>
    <row r="120780" spans="8:8">
      <c r="H120780" s="12"/>
    </row>
    <row r="120781" spans="8:8">
      <c r="H120781" s="12"/>
    </row>
    <row r="120782" spans="8:8">
      <c r="H120782" s="12"/>
    </row>
    <row r="120783" spans="8:8">
      <c r="H120783" s="12"/>
    </row>
    <row r="120784" spans="8:8">
      <c r="H120784" s="12"/>
    </row>
    <row r="120785" spans="8:8">
      <c r="H120785" s="12"/>
    </row>
    <row r="120786" spans="8:8">
      <c r="H120786" s="12"/>
    </row>
    <row r="120787" spans="8:8">
      <c r="H120787" s="12"/>
    </row>
    <row r="120788" spans="8:8">
      <c r="H120788" s="12"/>
    </row>
    <row r="120789" spans="8:8">
      <c r="H120789" s="12"/>
    </row>
    <row r="120790" spans="8:8">
      <c r="H120790" s="12"/>
    </row>
    <row r="120791" spans="8:8">
      <c r="H120791" s="12"/>
    </row>
    <row r="120792" spans="8:8">
      <c r="H120792" s="12"/>
    </row>
    <row r="120793" spans="8:8">
      <c r="H120793" s="12"/>
    </row>
    <row r="120794" spans="8:8">
      <c r="H120794" s="12"/>
    </row>
    <row r="120795" spans="8:8">
      <c r="H120795" s="12"/>
    </row>
    <row r="120796" spans="8:8">
      <c r="H120796" s="12"/>
    </row>
    <row r="120797" spans="8:8">
      <c r="H120797" s="12"/>
    </row>
    <row r="120798" spans="8:8">
      <c r="H120798" s="12"/>
    </row>
    <row r="120799" spans="8:8">
      <c r="H120799" s="12"/>
    </row>
    <row r="120800" spans="8:8">
      <c r="H120800" s="12"/>
    </row>
    <row r="120801" spans="8:8">
      <c r="H120801" s="12"/>
    </row>
    <row r="120802" spans="8:8">
      <c r="H120802" s="12"/>
    </row>
    <row r="120803" spans="8:8">
      <c r="H120803" s="12"/>
    </row>
    <row r="120804" spans="8:8">
      <c r="H120804" s="12"/>
    </row>
    <row r="120805" spans="8:8">
      <c r="H120805" s="12"/>
    </row>
    <row r="120806" spans="8:8">
      <c r="H120806" s="12"/>
    </row>
    <row r="120807" spans="8:8">
      <c r="H120807" s="12"/>
    </row>
    <row r="120808" spans="8:8">
      <c r="H120808" s="12"/>
    </row>
    <row r="120809" spans="8:8">
      <c r="H120809" s="12"/>
    </row>
    <row r="120810" spans="8:8">
      <c r="H120810" s="12"/>
    </row>
    <row r="120811" spans="8:8">
      <c r="H120811" s="12"/>
    </row>
    <row r="120812" spans="8:8">
      <c r="H120812" s="12"/>
    </row>
    <row r="120813" spans="8:8">
      <c r="H120813" s="12"/>
    </row>
    <row r="120814" spans="8:8">
      <c r="H120814" s="12"/>
    </row>
    <row r="120815" spans="8:8">
      <c r="H120815" s="12"/>
    </row>
    <row r="120816" spans="8:8">
      <c r="H120816" s="12"/>
    </row>
    <row r="120817" spans="8:8">
      <c r="H120817" s="12"/>
    </row>
    <row r="120818" spans="8:8">
      <c r="H120818" s="12"/>
    </row>
    <row r="120819" spans="8:8">
      <c r="H120819" s="12"/>
    </row>
    <row r="120820" spans="8:8">
      <c r="H120820" s="12"/>
    </row>
    <row r="120821" spans="8:8">
      <c r="H120821" s="12"/>
    </row>
    <row r="120822" spans="8:8">
      <c r="H120822" s="12"/>
    </row>
    <row r="120823" spans="8:8">
      <c r="H120823" s="12"/>
    </row>
    <row r="120824" spans="8:8">
      <c r="H120824" s="12"/>
    </row>
    <row r="120825" spans="8:8">
      <c r="H120825" s="12"/>
    </row>
    <row r="120826" spans="8:8">
      <c r="H120826" s="12"/>
    </row>
    <row r="120827" spans="8:8">
      <c r="H120827" s="12"/>
    </row>
    <row r="120828" spans="8:8">
      <c r="H120828" s="12"/>
    </row>
    <row r="120829" spans="8:8">
      <c r="H120829" s="12"/>
    </row>
    <row r="120830" spans="8:8">
      <c r="H120830" s="12"/>
    </row>
    <row r="120831" spans="8:8">
      <c r="H120831" s="12"/>
    </row>
    <row r="120832" spans="8:8">
      <c r="H120832" s="12"/>
    </row>
    <row r="120833" spans="8:8">
      <c r="H120833" s="12"/>
    </row>
    <row r="120834" spans="8:8">
      <c r="H120834" s="12"/>
    </row>
    <row r="120835" spans="8:8">
      <c r="H120835" s="12"/>
    </row>
    <row r="120836" spans="8:8">
      <c r="H120836" s="12"/>
    </row>
    <row r="120837" spans="8:8">
      <c r="H120837" s="12"/>
    </row>
    <row r="120838" spans="8:8">
      <c r="H120838" s="12"/>
    </row>
    <row r="120839" spans="8:8">
      <c r="H120839" s="12"/>
    </row>
    <row r="120840" spans="8:8">
      <c r="H120840" s="12"/>
    </row>
    <row r="120841" spans="8:8">
      <c r="H120841" s="12"/>
    </row>
    <row r="120842" spans="8:8">
      <c r="H120842" s="12"/>
    </row>
    <row r="120843" spans="8:8">
      <c r="H120843" s="12"/>
    </row>
    <row r="120844" spans="8:8">
      <c r="H120844" s="12"/>
    </row>
    <row r="120845" spans="8:8">
      <c r="H120845" s="12"/>
    </row>
    <row r="120846" spans="8:8">
      <c r="H120846" s="12"/>
    </row>
    <row r="120847" spans="8:8">
      <c r="H120847" s="12"/>
    </row>
    <row r="120848" spans="8:8">
      <c r="H120848" s="12"/>
    </row>
    <row r="120849" spans="8:8">
      <c r="H120849" s="12"/>
    </row>
    <row r="120850" spans="8:8">
      <c r="H120850" s="12"/>
    </row>
    <row r="120851" spans="8:8">
      <c r="H120851" s="12"/>
    </row>
    <row r="120852" spans="8:8">
      <c r="H120852" s="12"/>
    </row>
    <row r="120853" spans="8:8">
      <c r="H120853" s="12"/>
    </row>
    <row r="120854" spans="8:8">
      <c r="H120854" s="12"/>
    </row>
    <row r="120855" spans="8:8">
      <c r="H120855" s="12"/>
    </row>
    <row r="120856" spans="8:8">
      <c r="H120856" s="12"/>
    </row>
    <row r="120857" spans="8:8">
      <c r="H120857" s="12"/>
    </row>
    <row r="120858" spans="8:8">
      <c r="H120858" s="12"/>
    </row>
    <row r="120859" spans="8:8">
      <c r="H120859" s="12"/>
    </row>
    <row r="120860" spans="8:8">
      <c r="H120860" s="12"/>
    </row>
    <row r="120861" spans="8:8">
      <c r="H120861" s="12"/>
    </row>
    <row r="120862" spans="8:8">
      <c r="H120862" s="12"/>
    </row>
    <row r="120863" spans="8:8">
      <c r="H120863" s="12"/>
    </row>
    <row r="120864" spans="8:8">
      <c r="H120864" s="12"/>
    </row>
    <row r="120865" spans="8:8">
      <c r="H120865" s="12"/>
    </row>
    <row r="120866" spans="8:8">
      <c r="H120866" s="12"/>
    </row>
    <row r="120867" spans="8:8">
      <c r="H120867" s="12"/>
    </row>
    <row r="120868" spans="8:8">
      <c r="H120868" s="12"/>
    </row>
    <row r="120869" spans="8:8">
      <c r="H120869" s="12"/>
    </row>
    <row r="120870" spans="8:8">
      <c r="H120870" s="12"/>
    </row>
    <row r="120871" spans="8:8">
      <c r="H120871" s="12"/>
    </row>
    <row r="120872" spans="8:8">
      <c r="H120872" s="12"/>
    </row>
    <row r="120873" spans="8:8">
      <c r="H120873" s="12"/>
    </row>
    <row r="120874" spans="8:8">
      <c r="H120874" s="12"/>
    </row>
    <row r="120875" spans="8:8">
      <c r="H120875" s="12"/>
    </row>
    <row r="120876" spans="8:8">
      <c r="H120876" s="12"/>
    </row>
    <row r="120877" spans="8:8">
      <c r="H120877" s="12"/>
    </row>
    <row r="120878" spans="8:8">
      <c r="H120878" s="12"/>
    </row>
    <row r="120879" spans="8:8">
      <c r="H120879" s="12"/>
    </row>
    <row r="120880" spans="8:8">
      <c r="H120880" s="12"/>
    </row>
    <row r="120881" spans="8:8">
      <c r="H120881" s="12"/>
    </row>
    <row r="120882" spans="8:8">
      <c r="H120882" s="12"/>
    </row>
    <row r="120883" spans="8:8">
      <c r="H120883" s="12"/>
    </row>
    <row r="120884" spans="8:8">
      <c r="H120884" s="12"/>
    </row>
    <row r="120885" spans="8:8">
      <c r="H120885" s="12"/>
    </row>
    <row r="120886" spans="8:8">
      <c r="H120886" s="12"/>
    </row>
    <row r="120887" spans="8:8">
      <c r="H120887" s="12"/>
    </row>
    <row r="120888" spans="8:8">
      <c r="H120888" s="12"/>
    </row>
    <row r="120889" spans="8:8">
      <c r="H120889" s="12"/>
    </row>
    <row r="120890" spans="8:8">
      <c r="H120890" s="12"/>
    </row>
    <row r="120891" spans="8:8">
      <c r="H120891" s="12"/>
    </row>
    <row r="120892" spans="8:8">
      <c r="H120892" s="12"/>
    </row>
    <row r="120893" spans="8:8">
      <c r="H120893" s="12"/>
    </row>
    <row r="120894" spans="8:8">
      <c r="H120894" s="12"/>
    </row>
    <row r="120895" spans="8:8">
      <c r="H120895" s="12"/>
    </row>
    <row r="120896" spans="8:8">
      <c r="H120896" s="12"/>
    </row>
    <row r="120897" spans="8:8">
      <c r="H120897" s="12"/>
    </row>
    <row r="120898" spans="8:8">
      <c r="H120898" s="12"/>
    </row>
    <row r="120899" spans="8:8">
      <c r="H120899" s="12"/>
    </row>
    <row r="120900" spans="8:8">
      <c r="H120900" s="12"/>
    </row>
    <row r="120901" spans="8:8">
      <c r="H120901" s="12"/>
    </row>
    <row r="120902" spans="8:8">
      <c r="H120902" s="12"/>
    </row>
    <row r="120903" spans="8:8">
      <c r="H120903" s="12"/>
    </row>
    <row r="120904" spans="8:8">
      <c r="H120904" s="12"/>
    </row>
    <row r="120905" spans="8:8">
      <c r="H120905" s="12"/>
    </row>
    <row r="120906" spans="8:8">
      <c r="H120906" s="12"/>
    </row>
    <row r="120907" spans="8:8">
      <c r="H120907" s="12"/>
    </row>
    <row r="120908" spans="8:8">
      <c r="H120908" s="12"/>
    </row>
    <row r="120909" spans="8:8">
      <c r="H120909" s="12"/>
    </row>
    <row r="120910" spans="8:8">
      <c r="H120910" s="12"/>
    </row>
    <row r="120911" spans="8:8">
      <c r="H120911" s="12"/>
    </row>
    <row r="120912" spans="8:8">
      <c r="H120912" s="12"/>
    </row>
    <row r="120913" spans="8:8">
      <c r="H120913" s="12"/>
    </row>
    <row r="120914" spans="8:8">
      <c r="H120914" s="12"/>
    </row>
    <row r="120915" spans="8:8">
      <c r="H120915" s="12"/>
    </row>
    <row r="120916" spans="8:8">
      <c r="H120916" s="12"/>
    </row>
    <row r="120917" spans="8:8">
      <c r="H120917" s="12"/>
    </row>
    <row r="120918" spans="8:8">
      <c r="H120918" s="12"/>
    </row>
    <row r="120919" spans="8:8">
      <c r="H120919" s="12"/>
    </row>
    <row r="120920" spans="8:8">
      <c r="H120920" s="12"/>
    </row>
    <row r="120921" spans="8:8">
      <c r="H120921" s="12"/>
    </row>
    <row r="120922" spans="8:8">
      <c r="H120922" s="12"/>
    </row>
    <row r="120923" spans="8:8">
      <c r="H120923" s="12"/>
    </row>
    <row r="120924" spans="8:8">
      <c r="H120924" s="12"/>
    </row>
    <row r="120925" spans="8:8">
      <c r="H120925" s="12"/>
    </row>
    <row r="120926" spans="8:8">
      <c r="H120926" s="12"/>
    </row>
    <row r="120927" spans="8:8">
      <c r="H120927" s="12"/>
    </row>
    <row r="120928" spans="8:8">
      <c r="H120928" s="12"/>
    </row>
    <row r="120929" spans="8:8">
      <c r="H120929" s="12"/>
    </row>
    <row r="120930" spans="8:8">
      <c r="H120930" s="12"/>
    </row>
    <row r="120931" spans="8:8">
      <c r="H120931" s="12"/>
    </row>
    <row r="120932" spans="8:8">
      <c r="H120932" s="12"/>
    </row>
    <row r="120933" spans="8:8">
      <c r="H120933" s="12"/>
    </row>
    <row r="120934" spans="8:8">
      <c r="H120934" s="12"/>
    </row>
    <row r="120935" spans="8:8">
      <c r="H120935" s="12"/>
    </row>
    <row r="120936" spans="8:8">
      <c r="H120936" s="12"/>
    </row>
    <row r="120937" spans="8:8">
      <c r="H120937" s="12"/>
    </row>
    <row r="120938" spans="8:8">
      <c r="H120938" s="12"/>
    </row>
    <row r="120939" spans="8:8">
      <c r="H120939" s="12"/>
    </row>
    <row r="120940" spans="8:8">
      <c r="H120940" s="12"/>
    </row>
    <row r="120941" spans="8:8">
      <c r="H120941" s="12"/>
    </row>
    <row r="120942" spans="8:8">
      <c r="H120942" s="12"/>
    </row>
    <row r="120943" spans="8:8">
      <c r="H120943" s="12"/>
    </row>
    <row r="120944" spans="8:8">
      <c r="H120944" s="12"/>
    </row>
    <row r="120945" spans="8:8">
      <c r="H120945" s="12"/>
    </row>
    <row r="120946" spans="8:8">
      <c r="H120946" s="12"/>
    </row>
    <row r="120947" spans="8:8">
      <c r="H120947" s="12"/>
    </row>
    <row r="120948" spans="8:8">
      <c r="H120948" s="12"/>
    </row>
    <row r="120949" spans="8:8">
      <c r="H120949" s="12"/>
    </row>
    <row r="120950" spans="8:8">
      <c r="H120950" s="12"/>
    </row>
    <row r="120951" spans="8:8">
      <c r="H120951" s="12"/>
    </row>
    <row r="120952" spans="8:8">
      <c r="H120952" s="12"/>
    </row>
    <row r="120953" spans="8:8">
      <c r="H120953" s="12"/>
    </row>
    <row r="120954" spans="8:8">
      <c r="H120954" s="12"/>
    </row>
    <row r="120955" spans="8:8">
      <c r="H120955" s="12"/>
    </row>
    <row r="120956" spans="8:8">
      <c r="H120956" s="12"/>
    </row>
    <row r="120957" spans="8:8">
      <c r="H120957" s="12"/>
    </row>
    <row r="120958" spans="8:8">
      <c r="H120958" s="12"/>
    </row>
    <row r="120959" spans="8:8">
      <c r="H120959" s="12"/>
    </row>
    <row r="120960" spans="8:8">
      <c r="H120960" s="12"/>
    </row>
    <row r="120961" spans="8:8">
      <c r="H120961" s="12"/>
    </row>
    <row r="120962" spans="8:8">
      <c r="H120962" s="12"/>
    </row>
    <row r="120963" spans="8:8">
      <c r="H120963" s="12"/>
    </row>
    <row r="120964" spans="8:8">
      <c r="H120964" s="12"/>
    </row>
    <row r="120965" spans="8:8">
      <c r="H120965" s="12"/>
    </row>
    <row r="120966" spans="8:8">
      <c r="H120966" s="12"/>
    </row>
    <row r="120967" spans="8:8">
      <c r="H120967" s="12"/>
    </row>
    <row r="120968" spans="8:8">
      <c r="H120968" s="12"/>
    </row>
    <row r="120969" spans="8:8">
      <c r="H120969" s="12"/>
    </row>
    <row r="120970" spans="8:8">
      <c r="H120970" s="12"/>
    </row>
    <row r="120971" spans="8:8">
      <c r="H120971" s="12"/>
    </row>
    <row r="120972" spans="8:8">
      <c r="H120972" s="12"/>
    </row>
    <row r="120973" spans="8:8">
      <c r="H120973" s="12"/>
    </row>
    <row r="120974" spans="8:8">
      <c r="H120974" s="12"/>
    </row>
    <row r="120975" spans="8:8">
      <c r="H120975" s="12"/>
    </row>
    <row r="120976" spans="8:8">
      <c r="H120976" s="12"/>
    </row>
    <row r="120977" spans="8:8">
      <c r="H120977" s="12"/>
    </row>
    <row r="120978" spans="8:8">
      <c r="H120978" s="12"/>
    </row>
    <row r="120979" spans="8:8">
      <c r="H120979" s="12"/>
    </row>
    <row r="120980" spans="8:8">
      <c r="H120980" s="12"/>
    </row>
    <row r="120981" spans="8:8">
      <c r="H120981" s="12"/>
    </row>
    <row r="120982" spans="8:8">
      <c r="H120982" s="12"/>
    </row>
    <row r="120983" spans="8:8">
      <c r="H120983" s="12"/>
    </row>
    <row r="120984" spans="8:8">
      <c r="H120984" s="12"/>
    </row>
    <row r="120985" spans="8:8">
      <c r="H120985" s="12"/>
    </row>
    <row r="120986" spans="8:8">
      <c r="H120986" s="12"/>
    </row>
    <row r="120987" spans="8:8">
      <c r="H120987" s="12"/>
    </row>
    <row r="120988" spans="8:8">
      <c r="H120988" s="12"/>
    </row>
    <row r="120989" spans="8:8">
      <c r="H120989" s="12"/>
    </row>
    <row r="120990" spans="8:8">
      <c r="H120990" s="12"/>
    </row>
    <row r="120991" spans="8:8">
      <c r="H120991" s="12"/>
    </row>
    <row r="120992" spans="8:8">
      <c r="H120992" s="12"/>
    </row>
    <row r="120993" spans="8:8">
      <c r="H120993" s="12"/>
    </row>
    <row r="120994" spans="8:8">
      <c r="H120994" s="12"/>
    </row>
    <row r="120995" spans="8:8">
      <c r="H120995" s="12"/>
    </row>
    <row r="120996" spans="8:8">
      <c r="H120996" s="12"/>
    </row>
    <row r="120997" spans="8:8">
      <c r="H120997" s="12"/>
    </row>
    <row r="120998" spans="8:8">
      <c r="H120998" s="12"/>
    </row>
    <row r="120999" spans="8:8">
      <c r="H120999" s="12"/>
    </row>
    <row r="121000" spans="8:8">
      <c r="H121000" s="12"/>
    </row>
    <row r="121001" spans="8:8">
      <c r="H121001" s="12"/>
    </row>
    <row r="121002" spans="8:8">
      <c r="H121002" s="12"/>
    </row>
    <row r="121003" spans="8:8">
      <c r="H121003" s="12"/>
    </row>
    <row r="121004" spans="8:8">
      <c r="H121004" s="12"/>
    </row>
    <row r="121005" spans="8:8">
      <c r="H121005" s="12"/>
    </row>
    <row r="121006" spans="8:8">
      <c r="H121006" s="12"/>
    </row>
    <row r="121007" spans="8:8">
      <c r="H121007" s="12"/>
    </row>
    <row r="121008" spans="8:8">
      <c r="H121008" s="12"/>
    </row>
    <row r="121009" spans="8:8">
      <c r="H121009" s="12"/>
    </row>
    <row r="121010" spans="8:8">
      <c r="H121010" s="12"/>
    </row>
    <row r="121011" spans="8:8">
      <c r="H121011" s="12"/>
    </row>
    <row r="121012" spans="8:8">
      <c r="H121012" s="12"/>
    </row>
    <row r="121013" spans="8:8">
      <c r="H121013" s="12"/>
    </row>
    <row r="121014" spans="8:8">
      <c r="H121014" s="12"/>
    </row>
    <row r="121015" spans="8:8">
      <c r="H121015" s="12"/>
    </row>
    <row r="121016" spans="8:8">
      <c r="H121016" s="12"/>
    </row>
    <row r="121017" spans="8:8">
      <c r="H121017" s="12"/>
    </row>
    <row r="121018" spans="8:8">
      <c r="H121018" s="12"/>
    </row>
    <row r="121019" spans="8:8">
      <c r="H121019" s="12"/>
    </row>
    <row r="121020" spans="8:8">
      <c r="H121020" s="12"/>
    </row>
    <row r="121021" spans="8:8">
      <c r="H121021" s="12"/>
    </row>
    <row r="121022" spans="8:8">
      <c r="H121022" s="12"/>
    </row>
    <row r="121023" spans="8:8">
      <c r="H121023" s="12"/>
    </row>
    <row r="121024" spans="8:8">
      <c r="H121024" s="12"/>
    </row>
    <row r="121025" spans="8:8">
      <c r="H121025" s="12"/>
    </row>
    <row r="121026" spans="8:8">
      <c r="H121026" s="12"/>
    </row>
    <row r="121027" spans="8:8">
      <c r="H121027" s="12"/>
    </row>
    <row r="121028" spans="8:8">
      <c r="H121028" s="12"/>
    </row>
    <row r="121029" spans="8:8">
      <c r="H121029" s="12"/>
    </row>
    <row r="121030" spans="8:8">
      <c r="H121030" s="12"/>
    </row>
    <row r="121031" spans="8:8">
      <c r="H121031" s="12"/>
    </row>
    <row r="121032" spans="8:8">
      <c r="H121032" s="12"/>
    </row>
    <row r="121033" spans="8:8">
      <c r="H121033" s="12"/>
    </row>
    <row r="121034" spans="8:8">
      <c r="H121034" s="12"/>
    </row>
    <row r="121035" spans="8:8">
      <c r="H121035" s="12"/>
    </row>
    <row r="121036" spans="8:8">
      <c r="H121036" s="12"/>
    </row>
    <row r="121037" spans="8:8">
      <c r="H121037" s="12"/>
    </row>
    <row r="121038" spans="8:8">
      <c r="H121038" s="12"/>
    </row>
    <row r="121039" spans="8:8">
      <c r="H121039" s="12"/>
    </row>
    <row r="121040" spans="8:8">
      <c r="H121040" s="12"/>
    </row>
    <row r="121041" spans="8:8">
      <c r="H121041" s="12"/>
    </row>
    <row r="121042" spans="8:8">
      <c r="H121042" s="12"/>
    </row>
    <row r="121043" spans="8:8">
      <c r="H121043" s="12"/>
    </row>
    <row r="121044" spans="8:8">
      <c r="H121044" s="12"/>
    </row>
    <row r="121045" spans="8:8">
      <c r="H121045" s="12"/>
    </row>
    <row r="121046" spans="8:8">
      <c r="H121046" s="12"/>
    </row>
    <row r="121047" spans="8:8">
      <c r="H121047" s="12"/>
    </row>
    <row r="121048" spans="8:8">
      <c r="H121048" s="12"/>
    </row>
    <row r="121049" spans="8:8">
      <c r="H121049" s="12"/>
    </row>
    <row r="121050" spans="8:8">
      <c r="H121050" s="12"/>
    </row>
    <row r="121051" spans="8:8">
      <c r="H121051" s="12"/>
    </row>
    <row r="121052" spans="8:8">
      <c r="H121052" s="12"/>
    </row>
    <row r="121053" spans="8:8">
      <c r="H121053" s="12"/>
    </row>
    <row r="121054" spans="8:8">
      <c r="H121054" s="12"/>
    </row>
    <row r="121055" spans="8:8">
      <c r="H121055" s="12"/>
    </row>
    <row r="121056" spans="8:8">
      <c r="H121056" s="12"/>
    </row>
    <row r="121057" spans="8:8">
      <c r="H121057" s="12"/>
    </row>
    <row r="121058" spans="8:8">
      <c r="H121058" s="12"/>
    </row>
    <row r="121059" spans="8:8">
      <c r="H121059" s="12"/>
    </row>
    <row r="121060" spans="8:8">
      <c r="H121060" s="12"/>
    </row>
    <row r="121061" spans="8:8">
      <c r="H121061" s="12"/>
    </row>
    <row r="121062" spans="8:8">
      <c r="H121062" s="12"/>
    </row>
    <row r="121063" spans="8:8">
      <c r="H121063" s="12"/>
    </row>
    <row r="121064" spans="8:8">
      <c r="H121064" s="12"/>
    </row>
    <row r="121065" spans="8:8">
      <c r="H121065" s="12"/>
    </row>
    <row r="121066" spans="8:8">
      <c r="H121066" s="12"/>
    </row>
    <row r="121067" spans="8:8">
      <c r="H121067" s="12"/>
    </row>
    <row r="121068" spans="8:8">
      <c r="H121068" s="12"/>
    </row>
    <row r="121069" spans="8:8">
      <c r="H121069" s="12"/>
    </row>
    <row r="121070" spans="8:8">
      <c r="H121070" s="12"/>
    </row>
    <row r="121071" spans="8:8">
      <c r="H121071" s="12"/>
    </row>
    <row r="121072" spans="8:8">
      <c r="H121072" s="12"/>
    </row>
    <row r="121073" spans="8:8">
      <c r="H121073" s="12"/>
    </row>
    <row r="121074" spans="8:8">
      <c r="H121074" s="12"/>
    </row>
    <row r="121075" spans="8:8">
      <c r="H121075" s="12"/>
    </row>
    <row r="121076" spans="8:8">
      <c r="H121076" s="12"/>
    </row>
    <row r="121077" spans="8:8">
      <c r="H121077" s="12"/>
    </row>
    <row r="121078" spans="8:8">
      <c r="H121078" s="12"/>
    </row>
    <row r="121079" spans="8:8">
      <c r="H121079" s="12"/>
    </row>
    <row r="121080" spans="8:8">
      <c r="H121080" s="12"/>
    </row>
    <row r="121081" spans="8:8">
      <c r="H121081" s="12"/>
    </row>
    <row r="121082" spans="8:8">
      <c r="H121082" s="12"/>
    </row>
    <row r="121083" spans="8:8">
      <c r="H121083" s="12"/>
    </row>
    <row r="121084" spans="8:8">
      <c r="H121084" s="12"/>
    </row>
    <row r="121085" spans="8:8">
      <c r="H121085" s="12"/>
    </row>
    <row r="121086" spans="8:8">
      <c r="H121086" s="12"/>
    </row>
    <row r="121087" spans="8:8">
      <c r="H121087" s="12"/>
    </row>
    <row r="121088" spans="8:8">
      <c r="H121088" s="12"/>
    </row>
    <row r="121089" spans="8:8">
      <c r="H121089" s="12"/>
    </row>
    <row r="121090" spans="8:8">
      <c r="H121090" s="12"/>
    </row>
    <row r="121091" spans="8:8">
      <c r="H121091" s="12"/>
    </row>
    <row r="121092" spans="8:8">
      <c r="H121092" s="12"/>
    </row>
    <row r="121093" spans="8:8">
      <c r="H121093" s="12"/>
    </row>
    <row r="121094" spans="8:8">
      <c r="H121094" s="12"/>
    </row>
    <row r="121095" spans="8:8">
      <c r="H121095" s="12"/>
    </row>
    <row r="121096" spans="8:8">
      <c r="H121096" s="12"/>
    </row>
    <row r="121097" spans="8:8">
      <c r="H121097" s="12"/>
    </row>
    <row r="121098" spans="8:8">
      <c r="H121098" s="12"/>
    </row>
    <row r="121099" spans="8:8">
      <c r="H121099" s="12"/>
    </row>
    <row r="121100" spans="8:8">
      <c r="H121100" s="12"/>
    </row>
    <row r="121101" spans="8:8">
      <c r="H121101" s="12"/>
    </row>
    <row r="121102" spans="8:8">
      <c r="H121102" s="12"/>
    </row>
    <row r="121103" spans="8:8">
      <c r="H121103" s="12"/>
    </row>
    <row r="121104" spans="8:8">
      <c r="H121104" s="12"/>
    </row>
    <row r="121105" spans="8:8">
      <c r="H121105" s="12"/>
    </row>
    <row r="121106" spans="8:8">
      <c r="H121106" s="12"/>
    </row>
    <row r="121107" spans="8:8">
      <c r="H121107" s="12"/>
    </row>
    <row r="121108" spans="8:8">
      <c r="H121108" s="12"/>
    </row>
    <row r="121109" spans="8:8">
      <c r="H121109" s="12"/>
    </row>
    <row r="121110" spans="8:8">
      <c r="H121110" s="12"/>
    </row>
    <row r="121111" spans="8:8">
      <c r="H121111" s="12"/>
    </row>
    <row r="121112" spans="8:8">
      <c r="H121112" s="12"/>
    </row>
    <row r="121113" spans="8:8">
      <c r="H121113" s="12"/>
    </row>
    <row r="121114" spans="8:8">
      <c r="H121114" s="12"/>
    </row>
    <row r="121115" spans="8:8">
      <c r="H121115" s="12"/>
    </row>
    <row r="121116" spans="8:8">
      <c r="H121116" s="12"/>
    </row>
    <row r="121117" spans="8:8">
      <c r="H121117" s="12"/>
    </row>
    <row r="121118" spans="8:8">
      <c r="H121118" s="12"/>
    </row>
    <row r="121119" spans="8:8">
      <c r="H121119" s="12"/>
    </row>
    <row r="121120" spans="8:8">
      <c r="H121120" s="12"/>
    </row>
    <row r="121121" spans="8:8">
      <c r="H121121" s="12"/>
    </row>
    <row r="121122" spans="8:8">
      <c r="H121122" s="12"/>
    </row>
    <row r="121123" spans="8:8">
      <c r="H121123" s="12"/>
    </row>
    <row r="121124" spans="8:8">
      <c r="H121124" s="12"/>
    </row>
    <row r="121125" spans="8:8">
      <c r="H121125" s="12"/>
    </row>
    <row r="121126" spans="8:8">
      <c r="H121126" s="12"/>
    </row>
    <row r="121127" spans="8:8">
      <c r="H121127" s="12"/>
    </row>
    <row r="121128" spans="8:8">
      <c r="H121128" s="12"/>
    </row>
    <row r="121129" spans="8:8">
      <c r="H121129" s="12"/>
    </row>
    <row r="121130" spans="8:8">
      <c r="H121130" s="12"/>
    </row>
    <row r="121131" spans="8:8">
      <c r="H121131" s="12"/>
    </row>
    <row r="121132" spans="8:8">
      <c r="H121132" s="12"/>
    </row>
    <row r="121133" spans="8:8">
      <c r="H121133" s="12"/>
    </row>
    <row r="121134" spans="8:8">
      <c r="H121134" s="12"/>
    </row>
    <row r="121135" spans="8:8">
      <c r="H121135" s="12"/>
    </row>
    <row r="121136" spans="8:8">
      <c r="H121136" s="12"/>
    </row>
    <row r="121137" spans="8:8">
      <c r="H121137" s="12"/>
    </row>
    <row r="121138" spans="8:8">
      <c r="H121138" s="12"/>
    </row>
    <row r="121139" spans="8:8">
      <c r="H121139" s="12"/>
    </row>
    <row r="121140" spans="8:8">
      <c r="H121140" s="12"/>
    </row>
    <row r="121141" spans="8:8">
      <c r="H121141" s="12"/>
    </row>
    <row r="121142" spans="8:8">
      <c r="H121142" s="12"/>
    </row>
    <row r="121143" spans="8:8">
      <c r="H121143" s="12"/>
    </row>
    <row r="121144" spans="8:8">
      <c r="H121144" s="12"/>
    </row>
    <row r="121145" spans="8:8">
      <c r="H121145" s="12"/>
    </row>
    <row r="121146" spans="8:8">
      <c r="H121146" s="12"/>
    </row>
    <row r="121147" spans="8:8">
      <c r="H121147" s="12"/>
    </row>
    <row r="121148" spans="8:8">
      <c r="H121148" s="12"/>
    </row>
    <row r="121149" spans="8:8">
      <c r="H121149" s="12"/>
    </row>
    <row r="121150" spans="8:8">
      <c r="H121150" s="12"/>
    </row>
    <row r="121151" spans="8:8">
      <c r="H121151" s="12"/>
    </row>
    <row r="121152" spans="8:8">
      <c r="H121152" s="12"/>
    </row>
    <row r="121153" spans="8:8">
      <c r="H121153" s="12"/>
    </row>
    <row r="121154" spans="8:8">
      <c r="H121154" s="12"/>
    </row>
    <row r="121155" spans="8:8">
      <c r="H121155" s="12"/>
    </row>
    <row r="121156" spans="8:8">
      <c r="H121156" s="12"/>
    </row>
    <row r="121157" spans="8:8">
      <c r="H121157" s="12"/>
    </row>
    <row r="121158" spans="8:8">
      <c r="H121158" s="12"/>
    </row>
    <row r="121159" spans="8:8">
      <c r="H121159" s="12"/>
    </row>
    <row r="121160" spans="8:8">
      <c r="H121160" s="12"/>
    </row>
    <row r="121161" spans="8:8">
      <c r="H121161" s="12"/>
    </row>
    <row r="121162" spans="8:8">
      <c r="H121162" s="12"/>
    </row>
    <row r="121163" spans="8:8">
      <c r="H121163" s="12"/>
    </row>
    <row r="121164" spans="8:8">
      <c r="H121164" s="12"/>
    </row>
    <row r="121165" spans="8:8">
      <c r="H121165" s="12"/>
    </row>
    <row r="121166" spans="8:8">
      <c r="H121166" s="12"/>
    </row>
    <row r="121167" spans="8:8">
      <c r="H121167" s="12"/>
    </row>
    <row r="121168" spans="8:8">
      <c r="H121168" s="12"/>
    </row>
    <row r="121169" spans="8:8">
      <c r="H121169" s="12"/>
    </row>
    <row r="121170" spans="8:8">
      <c r="H121170" s="12"/>
    </row>
    <row r="121171" spans="8:8">
      <c r="H121171" s="12"/>
    </row>
    <row r="121172" spans="8:8">
      <c r="H121172" s="12"/>
    </row>
    <row r="121173" spans="8:8">
      <c r="H121173" s="12"/>
    </row>
    <row r="121174" spans="8:8">
      <c r="H121174" s="12"/>
    </row>
    <row r="121175" spans="8:8">
      <c r="H121175" s="12"/>
    </row>
    <row r="121176" spans="8:8">
      <c r="H121176" s="12"/>
    </row>
    <row r="121177" spans="8:8">
      <c r="H121177" s="12"/>
    </row>
    <row r="121178" spans="8:8">
      <c r="H121178" s="12"/>
    </row>
    <row r="121179" spans="8:8">
      <c r="H121179" s="12"/>
    </row>
    <row r="121180" spans="8:8">
      <c r="H121180" s="12"/>
    </row>
    <row r="121181" spans="8:8">
      <c r="H121181" s="12"/>
    </row>
    <row r="121182" spans="8:8">
      <c r="H121182" s="12"/>
    </row>
    <row r="121183" spans="8:8">
      <c r="H121183" s="12"/>
    </row>
    <row r="121184" spans="8:8">
      <c r="H121184" s="12"/>
    </row>
    <row r="121185" spans="8:8">
      <c r="H121185" s="12"/>
    </row>
    <row r="121186" spans="8:8">
      <c r="H121186" s="12"/>
    </row>
    <row r="121187" spans="8:8">
      <c r="H121187" s="12"/>
    </row>
    <row r="121188" spans="8:8">
      <c r="H121188" s="12"/>
    </row>
    <row r="121189" spans="8:8">
      <c r="H121189" s="12"/>
    </row>
    <row r="121190" spans="8:8">
      <c r="H121190" s="12"/>
    </row>
    <row r="121191" spans="8:8">
      <c r="H121191" s="12"/>
    </row>
    <row r="121192" spans="8:8">
      <c r="H121192" s="12"/>
    </row>
    <row r="121193" spans="8:8">
      <c r="H121193" s="12"/>
    </row>
    <row r="121194" spans="8:8">
      <c r="H121194" s="12"/>
    </row>
    <row r="121195" spans="8:8">
      <c r="H121195" s="12"/>
    </row>
    <row r="121196" spans="8:8">
      <c r="H121196" s="12"/>
    </row>
    <row r="121197" spans="8:8">
      <c r="H121197" s="12"/>
    </row>
    <row r="121198" spans="8:8">
      <c r="H121198" s="12"/>
    </row>
    <row r="121199" spans="8:8">
      <c r="H121199" s="12"/>
    </row>
    <row r="121200" spans="8:8">
      <c r="H121200" s="12"/>
    </row>
    <row r="121201" spans="8:8">
      <c r="H121201" s="12"/>
    </row>
    <row r="121202" spans="8:8">
      <c r="H121202" s="12"/>
    </row>
    <row r="121203" spans="8:8">
      <c r="H121203" s="12"/>
    </row>
    <row r="121204" spans="8:8">
      <c r="H121204" s="12"/>
    </row>
    <row r="121205" spans="8:8">
      <c r="H121205" s="12"/>
    </row>
    <row r="121206" spans="8:8">
      <c r="H121206" s="12"/>
    </row>
    <row r="121207" spans="8:8">
      <c r="H121207" s="12"/>
    </row>
    <row r="121208" spans="8:8">
      <c r="H121208" s="12"/>
    </row>
    <row r="121209" spans="8:8">
      <c r="H121209" s="12"/>
    </row>
    <row r="121210" spans="8:8">
      <c r="H121210" s="12"/>
    </row>
    <row r="121211" spans="8:8">
      <c r="H121211" s="12"/>
    </row>
    <row r="121212" spans="8:8">
      <c r="H121212" s="12"/>
    </row>
    <row r="121213" spans="8:8">
      <c r="H121213" s="12"/>
    </row>
    <row r="121214" spans="8:8">
      <c r="H121214" s="12"/>
    </row>
    <row r="121215" spans="8:8">
      <c r="H121215" s="12"/>
    </row>
    <row r="121216" spans="8:8">
      <c r="H121216" s="12"/>
    </row>
    <row r="121217" spans="8:8">
      <c r="H121217" s="12"/>
    </row>
    <row r="121218" spans="8:8">
      <c r="H121218" s="12"/>
    </row>
    <row r="121219" spans="8:8">
      <c r="H121219" s="12"/>
    </row>
    <row r="121220" spans="8:8">
      <c r="H121220" s="12"/>
    </row>
    <row r="121221" spans="8:8">
      <c r="H121221" s="12"/>
    </row>
    <row r="121222" spans="8:8">
      <c r="H121222" s="12"/>
    </row>
    <row r="121223" spans="8:8">
      <c r="H121223" s="12"/>
    </row>
    <row r="121224" spans="8:8">
      <c r="H121224" s="12"/>
    </row>
    <row r="121225" spans="8:8">
      <c r="H121225" s="12"/>
    </row>
    <row r="121226" spans="8:8">
      <c r="H121226" s="12"/>
    </row>
    <row r="121227" spans="8:8">
      <c r="H121227" s="12"/>
    </row>
    <row r="121228" spans="8:8">
      <c r="H121228" s="12"/>
    </row>
    <row r="121229" spans="8:8">
      <c r="H121229" s="12"/>
    </row>
    <row r="121230" spans="8:8">
      <c r="H121230" s="12"/>
    </row>
    <row r="121231" spans="8:8">
      <c r="H121231" s="12"/>
    </row>
    <row r="121232" spans="8:8">
      <c r="H121232" s="12"/>
    </row>
    <row r="121233" spans="8:8">
      <c r="H121233" s="12"/>
    </row>
    <row r="121234" spans="8:8">
      <c r="H121234" s="12"/>
    </row>
    <row r="121235" spans="8:8">
      <c r="H121235" s="12"/>
    </row>
    <row r="121236" spans="8:8">
      <c r="H121236" s="12"/>
    </row>
    <row r="121237" spans="8:8">
      <c r="H121237" s="12"/>
    </row>
    <row r="121238" spans="8:8">
      <c r="H121238" s="12"/>
    </row>
    <row r="121239" spans="8:8">
      <c r="H121239" s="12"/>
    </row>
    <row r="121240" spans="8:8">
      <c r="H121240" s="12"/>
    </row>
    <row r="121241" spans="8:8">
      <c r="H121241" s="12"/>
    </row>
    <row r="121242" spans="8:8">
      <c r="H121242" s="12"/>
    </row>
    <row r="121243" spans="8:8">
      <c r="H121243" s="12"/>
    </row>
    <row r="121244" spans="8:8">
      <c r="H121244" s="12"/>
    </row>
    <row r="121245" spans="8:8">
      <c r="H121245" s="12"/>
    </row>
    <row r="121246" spans="8:8">
      <c r="H121246" s="12"/>
    </row>
    <row r="121247" spans="8:8">
      <c r="H121247" s="12"/>
    </row>
    <row r="121248" spans="8:8">
      <c r="H121248" s="12"/>
    </row>
    <row r="121249" spans="8:8">
      <c r="H121249" s="12"/>
    </row>
    <row r="121250" spans="8:8">
      <c r="H121250" s="12"/>
    </row>
    <row r="121251" spans="8:8">
      <c r="H121251" s="12"/>
    </row>
    <row r="121252" spans="8:8">
      <c r="H121252" s="12"/>
    </row>
    <row r="121253" spans="8:8">
      <c r="H121253" s="12"/>
    </row>
    <row r="121254" spans="8:8">
      <c r="H121254" s="12"/>
    </row>
    <row r="121255" spans="8:8">
      <c r="H121255" s="12"/>
    </row>
    <row r="121256" spans="8:8">
      <c r="H121256" s="12"/>
    </row>
    <row r="121257" spans="8:8">
      <c r="H121257" s="12"/>
    </row>
    <row r="121258" spans="8:8">
      <c r="H121258" s="12"/>
    </row>
    <row r="121259" spans="8:8">
      <c r="H121259" s="12"/>
    </row>
    <row r="121260" spans="8:8">
      <c r="H121260" s="12"/>
    </row>
    <row r="121261" spans="8:8">
      <c r="H121261" s="12"/>
    </row>
    <row r="121262" spans="8:8">
      <c r="H121262" s="12"/>
    </row>
    <row r="121263" spans="8:8">
      <c r="H121263" s="12"/>
    </row>
    <row r="121264" spans="8:8">
      <c r="H121264" s="12"/>
    </row>
    <row r="121265" spans="8:8">
      <c r="H121265" s="12"/>
    </row>
    <row r="121266" spans="8:8">
      <c r="H121266" s="12"/>
    </row>
    <row r="121267" spans="8:8">
      <c r="H121267" s="12"/>
    </row>
    <row r="121268" spans="8:8">
      <c r="H121268" s="12"/>
    </row>
    <row r="121269" spans="8:8">
      <c r="H121269" s="12"/>
    </row>
    <row r="121270" spans="8:8">
      <c r="H121270" s="12"/>
    </row>
    <row r="121271" spans="8:8">
      <c r="H121271" s="12"/>
    </row>
    <row r="121272" spans="8:8">
      <c r="H121272" s="12"/>
    </row>
    <row r="121273" spans="8:8">
      <c r="H121273" s="12"/>
    </row>
    <row r="121274" spans="8:8">
      <c r="H121274" s="12"/>
    </row>
    <row r="121275" spans="8:8">
      <c r="H121275" s="12"/>
    </row>
    <row r="121276" spans="8:8">
      <c r="H121276" s="12"/>
    </row>
    <row r="121277" spans="8:8">
      <c r="H121277" s="12"/>
    </row>
    <row r="121278" spans="8:8">
      <c r="H121278" s="12"/>
    </row>
    <row r="121279" spans="8:8">
      <c r="H121279" s="12"/>
    </row>
    <row r="121280" spans="8:8">
      <c r="H121280" s="12"/>
    </row>
    <row r="121281" spans="8:8">
      <c r="H121281" s="12"/>
    </row>
    <row r="121282" spans="8:8">
      <c r="H121282" s="12"/>
    </row>
    <row r="121283" spans="8:8">
      <c r="H121283" s="12"/>
    </row>
    <row r="121284" spans="8:8">
      <c r="H121284" s="12"/>
    </row>
    <row r="121285" spans="8:8">
      <c r="H121285" s="12"/>
    </row>
    <row r="121286" spans="8:8">
      <c r="H121286" s="12"/>
    </row>
    <row r="121287" spans="8:8">
      <c r="H121287" s="12"/>
    </row>
    <row r="121288" spans="8:8">
      <c r="H121288" s="12"/>
    </row>
    <row r="121289" spans="8:8">
      <c r="H121289" s="12"/>
    </row>
    <row r="121290" spans="8:8">
      <c r="H121290" s="12"/>
    </row>
    <row r="121291" spans="8:8">
      <c r="H121291" s="12"/>
    </row>
    <row r="121292" spans="8:8">
      <c r="H121292" s="12"/>
    </row>
    <row r="121293" spans="8:8">
      <c r="H121293" s="12"/>
    </row>
    <row r="121294" spans="8:8">
      <c r="H121294" s="12"/>
    </row>
    <row r="121295" spans="8:8">
      <c r="H121295" s="12"/>
    </row>
    <row r="121296" spans="8:8">
      <c r="H121296" s="12"/>
    </row>
    <row r="121297" spans="8:8">
      <c r="H121297" s="12"/>
    </row>
    <row r="121298" spans="8:8">
      <c r="H121298" s="12"/>
    </row>
    <row r="121299" spans="8:8">
      <c r="H121299" s="12"/>
    </row>
    <row r="121300" spans="8:8">
      <c r="H121300" s="12"/>
    </row>
    <row r="121301" spans="8:8">
      <c r="H121301" s="12"/>
    </row>
    <row r="121302" spans="8:8">
      <c r="H121302" s="12"/>
    </row>
    <row r="121303" spans="8:8">
      <c r="H121303" s="12"/>
    </row>
    <row r="121304" spans="8:8">
      <c r="H121304" s="12"/>
    </row>
    <row r="121305" spans="8:8">
      <c r="H121305" s="12"/>
    </row>
    <row r="121306" spans="8:8">
      <c r="H121306" s="12"/>
    </row>
    <row r="121307" spans="8:8">
      <c r="H121307" s="12"/>
    </row>
    <row r="121308" spans="8:8">
      <c r="H121308" s="12"/>
    </row>
    <row r="121309" spans="8:8">
      <c r="H121309" s="12"/>
    </row>
    <row r="121310" spans="8:8">
      <c r="H121310" s="12"/>
    </row>
    <row r="121311" spans="8:8">
      <c r="H121311" s="12"/>
    </row>
    <row r="121312" spans="8:8">
      <c r="H121312" s="12"/>
    </row>
    <row r="121313" spans="8:8">
      <c r="H121313" s="12"/>
    </row>
    <row r="121314" spans="8:8">
      <c r="H121314" s="12"/>
    </row>
    <row r="121315" spans="8:8">
      <c r="H121315" s="12"/>
    </row>
    <row r="121316" spans="8:8">
      <c r="H121316" s="12"/>
    </row>
    <row r="121317" spans="8:8">
      <c r="H121317" s="12"/>
    </row>
    <row r="121318" spans="8:8">
      <c r="H121318" s="12"/>
    </row>
    <row r="121319" spans="8:8">
      <c r="H121319" s="12"/>
    </row>
    <row r="121320" spans="8:8">
      <c r="H121320" s="12"/>
    </row>
    <row r="121321" spans="8:8">
      <c r="H121321" s="12"/>
    </row>
    <row r="121322" spans="8:8">
      <c r="H121322" s="12"/>
    </row>
    <row r="121323" spans="8:8">
      <c r="H121323" s="12"/>
    </row>
    <row r="121324" spans="8:8">
      <c r="H121324" s="12"/>
    </row>
    <row r="121325" spans="8:8">
      <c r="H121325" s="12"/>
    </row>
    <row r="121326" spans="8:8">
      <c r="H121326" s="12"/>
    </row>
    <row r="121327" spans="8:8">
      <c r="H121327" s="12"/>
    </row>
    <row r="121328" spans="8:8">
      <c r="H121328" s="12"/>
    </row>
    <row r="121329" spans="8:8">
      <c r="H121329" s="12"/>
    </row>
    <row r="121330" spans="8:8">
      <c r="H121330" s="12"/>
    </row>
    <row r="121331" spans="8:8">
      <c r="H121331" s="12"/>
    </row>
    <row r="121332" spans="8:8">
      <c r="H121332" s="12"/>
    </row>
    <row r="121333" spans="8:8">
      <c r="H121333" s="12"/>
    </row>
    <row r="121334" spans="8:8">
      <c r="H121334" s="12"/>
    </row>
    <row r="121335" spans="8:8">
      <c r="H121335" s="12"/>
    </row>
    <row r="121336" spans="8:8">
      <c r="H121336" s="12"/>
    </row>
    <row r="121337" spans="8:8">
      <c r="H121337" s="12"/>
    </row>
    <row r="121338" spans="8:8">
      <c r="H121338" s="12"/>
    </row>
    <row r="121339" spans="8:8">
      <c r="H121339" s="12"/>
    </row>
    <row r="121340" spans="8:8">
      <c r="H121340" s="12"/>
    </row>
    <row r="121341" spans="8:8">
      <c r="H121341" s="12"/>
    </row>
    <row r="121342" spans="8:8">
      <c r="H121342" s="12"/>
    </row>
    <row r="121343" spans="8:8">
      <c r="H121343" s="12"/>
    </row>
    <row r="121344" spans="8:8">
      <c r="H121344" s="12"/>
    </row>
    <row r="121345" spans="8:8">
      <c r="H121345" s="12"/>
    </row>
    <row r="121346" spans="8:8">
      <c r="H121346" s="12"/>
    </row>
    <row r="121347" spans="8:8">
      <c r="H121347" s="12"/>
    </row>
    <row r="121348" spans="8:8">
      <c r="H121348" s="12"/>
    </row>
    <row r="121349" spans="8:8">
      <c r="H121349" s="12"/>
    </row>
    <row r="121350" spans="8:8">
      <c r="H121350" s="12"/>
    </row>
    <row r="121351" spans="8:8">
      <c r="H121351" s="12"/>
    </row>
    <row r="121352" spans="8:8">
      <c r="H121352" s="12"/>
    </row>
    <row r="121353" spans="8:8">
      <c r="H121353" s="12"/>
    </row>
    <row r="121354" spans="8:8">
      <c r="H121354" s="12"/>
    </row>
    <row r="121355" spans="8:8">
      <c r="H121355" s="12"/>
    </row>
    <row r="121356" spans="8:8">
      <c r="H121356" s="12"/>
    </row>
    <row r="121357" spans="8:8">
      <c r="H121357" s="12"/>
    </row>
    <row r="121358" spans="8:8">
      <c r="H121358" s="12"/>
    </row>
    <row r="121359" spans="8:8">
      <c r="H121359" s="12"/>
    </row>
    <row r="121360" spans="8:8">
      <c r="H121360" s="12"/>
    </row>
    <row r="121361" spans="8:8">
      <c r="H121361" s="12"/>
    </row>
    <row r="121362" spans="8:8">
      <c r="H121362" s="12"/>
    </row>
    <row r="121363" spans="8:8">
      <c r="H121363" s="12"/>
    </row>
    <row r="121364" spans="8:8">
      <c r="H121364" s="12"/>
    </row>
    <row r="121365" spans="8:8">
      <c r="H121365" s="12"/>
    </row>
    <row r="121366" spans="8:8">
      <c r="H121366" s="12"/>
    </row>
    <row r="121367" spans="8:8">
      <c r="H121367" s="12"/>
    </row>
    <row r="121368" spans="8:8">
      <c r="H121368" s="12"/>
    </row>
    <row r="121369" spans="8:8">
      <c r="H121369" s="12"/>
    </row>
    <row r="121370" spans="8:8">
      <c r="H121370" s="12"/>
    </row>
    <row r="121371" spans="8:8">
      <c r="H121371" s="12"/>
    </row>
    <row r="121372" spans="8:8">
      <c r="H121372" s="12"/>
    </row>
    <row r="121373" spans="8:8">
      <c r="H121373" s="12"/>
    </row>
    <row r="121374" spans="8:8">
      <c r="H121374" s="12"/>
    </row>
    <row r="121375" spans="8:8">
      <c r="H121375" s="12"/>
    </row>
    <row r="121376" spans="8:8">
      <c r="H121376" s="12"/>
    </row>
    <row r="121377" spans="8:8">
      <c r="H121377" s="12"/>
    </row>
    <row r="121378" spans="8:8">
      <c r="H121378" s="12"/>
    </row>
    <row r="121379" spans="8:8">
      <c r="H121379" s="12"/>
    </row>
    <row r="121380" spans="8:8">
      <c r="H121380" s="12"/>
    </row>
    <row r="121381" spans="8:8">
      <c r="H121381" s="12"/>
    </row>
    <row r="121382" spans="8:8">
      <c r="H121382" s="12"/>
    </row>
    <row r="121383" spans="8:8">
      <c r="H121383" s="12"/>
    </row>
    <row r="121384" spans="8:8">
      <c r="H121384" s="12"/>
    </row>
    <row r="121385" spans="8:8">
      <c r="H121385" s="12"/>
    </row>
    <row r="121386" spans="8:8">
      <c r="H121386" s="12"/>
    </row>
    <row r="121387" spans="8:8">
      <c r="H121387" s="12"/>
    </row>
    <row r="121388" spans="8:8">
      <c r="H121388" s="12"/>
    </row>
    <row r="121389" spans="8:8">
      <c r="H121389" s="12"/>
    </row>
    <row r="121390" spans="8:8">
      <c r="H121390" s="12"/>
    </row>
    <row r="121391" spans="8:8">
      <c r="H121391" s="12"/>
    </row>
    <row r="121392" spans="8:8">
      <c r="H121392" s="12"/>
    </row>
    <row r="121393" spans="8:8">
      <c r="H121393" s="12"/>
    </row>
    <row r="121394" spans="8:8">
      <c r="H121394" s="12"/>
    </row>
    <row r="121395" spans="8:8">
      <c r="H121395" s="12"/>
    </row>
    <row r="121396" spans="8:8">
      <c r="H121396" s="12"/>
    </row>
    <row r="121397" spans="8:8">
      <c r="H121397" s="12"/>
    </row>
    <row r="121398" spans="8:8">
      <c r="H121398" s="12"/>
    </row>
    <row r="121399" spans="8:8">
      <c r="H121399" s="12"/>
    </row>
    <row r="121400" spans="8:8">
      <c r="H121400" s="12"/>
    </row>
    <row r="121401" spans="8:8">
      <c r="H121401" s="12"/>
    </row>
    <row r="121402" spans="8:8">
      <c r="H121402" s="12"/>
    </row>
    <row r="121403" spans="8:8">
      <c r="H121403" s="12"/>
    </row>
    <row r="121404" spans="8:8">
      <c r="H121404" s="12"/>
    </row>
    <row r="121405" spans="8:8">
      <c r="H121405" s="12"/>
    </row>
    <row r="121406" spans="8:8">
      <c r="H121406" s="12"/>
    </row>
    <row r="121407" spans="8:8">
      <c r="H121407" s="12"/>
    </row>
    <row r="121408" spans="8:8">
      <c r="H121408" s="12"/>
    </row>
    <row r="121409" spans="8:8">
      <c r="H121409" s="12"/>
    </row>
    <row r="121410" spans="8:8">
      <c r="H121410" s="12"/>
    </row>
    <row r="121411" spans="8:8">
      <c r="H121411" s="12"/>
    </row>
    <row r="121412" spans="8:8">
      <c r="H121412" s="12"/>
    </row>
    <row r="121413" spans="8:8">
      <c r="H121413" s="12"/>
    </row>
    <row r="121414" spans="8:8">
      <c r="H121414" s="12"/>
    </row>
    <row r="121415" spans="8:8">
      <c r="H121415" s="12"/>
    </row>
    <row r="121416" spans="8:8">
      <c r="H121416" s="12"/>
    </row>
    <row r="121417" spans="8:8">
      <c r="H121417" s="12"/>
    </row>
    <row r="121418" spans="8:8">
      <c r="H121418" s="12"/>
    </row>
    <row r="121419" spans="8:8">
      <c r="H121419" s="12"/>
    </row>
    <row r="121420" spans="8:8">
      <c r="H121420" s="12"/>
    </row>
    <row r="121421" spans="8:8">
      <c r="H121421" s="12"/>
    </row>
    <row r="121422" spans="8:8">
      <c r="H121422" s="12"/>
    </row>
    <row r="121423" spans="8:8">
      <c r="H121423" s="12"/>
    </row>
    <row r="121424" spans="8:8">
      <c r="H121424" s="12"/>
    </row>
    <row r="121425" spans="8:8">
      <c r="H121425" s="12"/>
    </row>
    <row r="121426" spans="8:8">
      <c r="H121426" s="12"/>
    </row>
    <row r="121427" spans="8:8">
      <c r="H121427" s="12"/>
    </row>
    <row r="121428" spans="8:8">
      <c r="H121428" s="12"/>
    </row>
    <row r="121429" spans="8:8">
      <c r="H121429" s="12"/>
    </row>
    <row r="121430" spans="8:8">
      <c r="H121430" s="12"/>
    </row>
    <row r="121431" spans="8:8">
      <c r="H121431" s="12"/>
    </row>
    <row r="121432" spans="8:8">
      <c r="H121432" s="12"/>
    </row>
    <row r="121433" spans="8:8">
      <c r="H121433" s="12"/>
    </row>
    <row r="121434" spans="8:8">
      <c r="H121434" s="12"/>
    </row>
    <row r="121435" spans="8:8">
      <c r="H121435" s="12"/>
    </row>
    <row r="121436" spans="8:8">
      <c r="H121436" s="12"/>
    </row>
    <row r="121437" spans="8:8">
      <c r="H121437" s="12"/>
    </row>
    <row r="121438" spans="8:8">
      <c r="H121438" s="12"/>
    </row>
    <row r="121439" spans="8:8">
      <c r="H121439" s="12"/>
    </row>
    <row r="121440" spans="8:8">
      <c r="H121440" s="12"/>
    </row>
    <row r="121441" spans="8:8">
      <c r="H121441" s="12"/>
    </row>
    <row r="121442" spans="8:8">
      <c r="H121442" s="12"/>
    </row>
    <row r="121443" spans="8:8">
      <c r="H121443" s="12"/>
    </row>
    <row r="121444" spans="8:8">
      <c r="H121444" s="12"/>
    </row>
    <row r="121445" spans="8:8">
      <c r="H121445" s="12"/>
    </row>
    <row r="121446" spans="8:8">
      <c r="H121446" s="12"/>
    </row>
    <row r="121447" spans="8:8">
      <c r="H121447" s="12"/>
    </row>
    <row r="121448" spans="8:8">
      <c r="H121448" s="12"/>
    </row>
    <row r="121449" spans="8:8">
      <c r="H121449" s="12"/>
    </row>
    <row r="121450" spans="8:8">
      <c r="H121450" s="12"/>
    </row>
    <row r="121451" spans="8:8">
      <c r="H121451" s="12"/>
    </row>
    <row r="121452" spans="8:8">
      <c r="H121452" s="12"/>
    </row>
    <row r="121453" spans="8:8">
      <c r="H121453" s="12"/>
    </row>
    <row r="121454" spans="8:8">
      <c r="H121454" s="12"/>
    </row>
    <row r="121455" spans="8:8">
      <c r="H121455" s="12"/>
    </row>
    <row r="121456" spans="8:8">
      <c r="H121456" s="12"/>
    </row>
    <row r="121457" spans="8:8">
      <c r="H121457" s="12"/>
    </row>
    <row r="121458" spans="8:8">
      <c r="H121458" s="12"/>
    </row>
    <row r="121459" spans="8:8">
      <c r="H121459" s="12"/>
    </row>
    <row r="121460" spans="8:8">
      <c r="H121460" s="12"/>
    </row>
    <row r="121461" spans="8:8">
      <c r="H121461" s="12"/>
    </row>
    <row r="121462" spans="8:8">
      <c r="H121462" s="12"/>
    </row>
    <row r="121463" spans="8:8">
      <c r="H121463" s="12"/>
    </row>
    <row r="121464" spans="8:8">
      <c r="H121464" s="12"/>
    </row>
    <row r="121465" spans="8:8">
      <c r="H121465" s="12"/>
    </row>
    <row r="121466" spans="8:8">
      <c r="H121466" s="12"/>
    </row>
    <row r="121467" spans="8:8">
      <c r="H121467" s="12"/>
    </row>
    <row r="121468" spans="8:8">
      <c r="H121468" s="12"/>
    </row>
    <row r="121469" spans="8:8">
      <c r="H121469" s="12"/>
    </row>
    <row r="121470" spans="8:8">
      <c r="H121470" s="12"/>
    </row>
    <row r="121471" spans="8:8">
      <c r="H121471" s="12"/>
    </row>
    <row r="121472" spans="8:8">
      <c r="H121472" s="12"/>
    </row>
    <row r="121473" spans="8:8">
      <c r="H121473" s="12"/>
    </row>
    <row r="121474" spans="8:8">
      <c r="H121474" s="12"/>
    </row>
    <row r="121475" spans="8:8">
      <c r="H121475" s="12"/>
    </row>
    <row r="121476" spans="8:8">
      <c r="H121476" s="12"/>
    </row>
    <row r="121477" spans="8:8">
      <c r="H121477" s="12"/>
    </row>
    <row r="121478" spans="8:8">
      <c r="H121478" s="12"/>
    </row>
    <row r="121479" spans="8:8">
      <c r="H121479" s="12"/>
    </row>
    <row r="121480" spans="8:8">
      <c r="H121480" s="12"/>
    </row>
    <row r="121481" spans="8:8">
      <c r="H121481" s="12"/>
    </row>
    <row r="121482" spans="8:8">
      <c r="H121482" s="12"/>
    </row>
    <row r="121483" spans="8:8">
      <c r="H121483" s="12"/>
    </row>
    <row r="121484" spans="8:8">
      <c r="H121484" s="12"/>
    </row>
    <row r="121485" spans="8:8">
      <c r="H121485" s="12"/>
    </row>
    <row r="121486" spans="8:8">
      <c r="H121486" s="12"/>
    </row>
    <row r="121487" spans="8:8">
      <c r="H121487" s="12"/>
    </row>
    <row r="121488" spans="8:8">
      <c r="H121488" s="12"/>
    </row>
    <row r="121489" spans="8:8">
      <c r="H121489" s="12"/>
    </row>
    <row r="121490" spans="8:8">
      <c r="H121490" s="12"/>
    </row>
    <row r="121491" spans="8:8">
      <c r="H121491" s="12"/>
    </row>
    <row r="121492" spans="8:8">
      <c r="H121492" s="12"/>
    </row>
    <row r="121493" spans="8:8">
      <c r="H121493" s="12"/>
    </row>
    <row r="121494" spans="8:8">
      <c r="H121494" s="12"/>
    </row>
    <row r="121495" spans="8:8">
      <c r="H121495" s="12"/>
    </row>
    <row r="121496" spans="8:8">
      <c r="H121496" s="12"/>
    </row>
    <row r="121497" spans="8:8">
      <c r="H121497" s="12"/>
    </row>
    <row r="121498" spans="8:8">
      <c r="H121498" s="12"/>
    </row>
    <row r="121499" spans="8:8">
      <c r="H121499" s="12"/>
    </row>
    <row r="121500" spans="8:8">
      <c r="H121500" s="12"/>
    </row>
    <row r="121501" spans="8:8">
      <c r="H121501" s="12"/>
    </row>
    <row r="121502" spans="8:8">
      <c r="H121502" s="12"/>
    </row>
    <row r="121503" spans="8:8">
      <c r="H121503" s="12"/>
    </row>
    <row r="121504" spans="8:8">
      <c r="H121504" s="12"/>
    </row>
    <row r="121505" spans="8:8">
      <c r="H121505" s="12"/>
    </row>
    <row r="121506" spans="8:8">
      <c r="H121506" s="12"/>
    </row>
    <row r="121507" spans="8:8">
      <c r="H121507" s="12"/>
    </row>
    <row r="121508" spans="8:8">
      <c r="H121508" s="12"/>
    </row>
    <row r="121509" spans="8:8">
      <c r="H121509" s="12"/>
    </row>
    <row r="121510" spans="8:8">
      <c r="H121510" s="12"/>
    </row>
    <row r="121511" spans="8:8">
      <c r="H121511" s="12"/>
    </row>
    <row r="121512" spans="8:8">
      <c r="H121512" s="12"/>
    </row>
    <row r="121513" spans="8:8">
      <c r="H121513" s="12"/>
    </row>
    <row r="121514" spans="8:8">
      <c r="H121514" s="12"/>
    </row>
    <row r="121515" spans="8:8">
      <c r="H121515" s="12"/>
    </row>
    <row r="121516" spans="8:8">
      <c r="H121516" s="12"/>
    </row>
    <row r="121517" spans="8:8">
      <c r="H121517" s="12"/>
    </row>
    <row r="121518" spans="8:8">
      <c r="H121518" s="12"/>
    </row>
    <row r="121519" spans="8:8">
      <c r="H121519" s="12"/>
    </row>
    <row r="121520" spans="8:8">
      <c r="H121520" s="12"/>
    </row>
    <row r="121521" spans="8:8">
      <c r="H121521" s="12"/>
    </row>
    <row r="121522" spans="8:8">
      <c r="H121522" s="12"/>
    </row>
    <row r="121523" spans="8:8">
      <c r="H121523" s="12"/>
    </row>
    <row r="121524" spans="8:8">
      <c r="H121524" s="12"/>
    </row>
    <row r="121525" spans="8:8">
      <c r="H121525" s="12"/>
    </row>
    <row r="121526" spans="8:8">
      <c r="H121526" s="12"/>
    </row>
    <row r="121527" spans="8:8">
      <c r="H121527" s="12"/>
    </row>
    <row r="121528" spans="8:8">
      <c r="H121528" s="12"/>
    </row>
    <row r="121529" spans="8:8">
      <c r="H121529" s="12"/>
    </row>
    <row r="121530" spans="8:8">
      <c r="H121530" s="12"/>
    </row>
    <row r="121531" spans="8:8">
      <c r="H121531" s="12"/>
    </row>
    <row r="121532" spans="8:8">
      <c r="H121532" s="12"/>
    </row>
    <row r="121533" spans="8:8">
      <c r="H121533" s="12"/>
    </row>
    <row r="121534" spans="8:8">
      <c r="H121534" s="12"/>
    </row>
    <row r="121535" spans="8:8">
      <c r="H121535" s="12"/>
    </row>
    <row r="121536" spans="8:8">
      <c r="H121536" s="12"/>
    </row>
    <row r="121537" spans="8:8">
      <c r="H121537" s="12"/>
    </row>
    <row r="121538" spans="8:8">
      <c r="H121538" s="12"/>
    </row>
    <row r="121539" spans="8:8">
      <c r="H121539" s="12"/>
    </row>
    <row r="121540" spans="8:8">
      <c r="H121540" s="12"/>
    </row>
    <row r="121541" spans="8:8">
      <c r="H121541" s="12"/>
    </row>
    <row r="121542" spans="8:8">
      <c r="H121542" s="12"/>
    </row>
    <row r="121543" spans="8:8">
      <c r="H121543" s="12"/>
    </row>
    <row r="121544" spans="8:8">
      <c r="H121544" s="12"/>
    </row>
    <row r="121545" spans="8:8">
      <c r="H121545" s="12"/>
    </row>
    <row r="121546" spans="8:8">
      <c r="H121546" s="12"/>
    </row>
    <row r="121547" spans="8:8">
      <c r="H121547" s="12"/>
    </row>
    <row r="121548" spans="8:8">
      <c r="H121548" s="12"/>
    </row>
    <row r="121549" spans="8:8">
      <c r="H121549" s="12"/>
    </row>
    <row r="121550" spans="8:8">
      <c r="H121550" s="12"/>
    </row>
    <row r="121551" spans="8:8">
      <c r="H121551" s="12"/>
    </row>
    <row r="121552" spans="8:8">
      <c r="H121552" s="12"/>
    </row>
    <row r="121553" spans="8:8">
      <c r="H121553" s="12"/>
    </row>
    <row r="121554" spans="8:8">
      <c r="H121554" s="12"/>
    </row>
    <row r="121555" spans="8:8">
      <c r="H121555" s="12"/>
    </row>
    <row r="121556" spans="8:8">
      <c r="H121556" s="12"/>
    </row>
    <row r="121557" spans="8:8">
      <c r="H121557" s="12"/>
    </row>
    <row r="121558" spans="8:8">
      <c r="H121558" s="12"/>
    </row>
    <row r="121559" spans="8:8">
      <c r="H121559" s="12"/>
    </row>
    <row r="121560" spans="8:8">
      <c r="H121560" s="12"/>
    </row>
    <row r="121561" spans="8:8">
      <c r="H121561" s="12"/>
    </row>
    <row r="121562" spans="8:8">
      <c r="H121562" s="12"/>
    </row>
    <row r="121563" spans="8:8">
      <c r="H121563" s="12"/>
    </row>
    <row r="121564" spans="8:8">
      <c r="H121564" s="12"/>
    </row>
    <row r="121565" spans="8:8">
      <c r="H121565" s="12"/>
    </row>
    <row r="121566" spans="8:8">
      <c r="H121566" s="12"/>
    </row>
    <row r="121567" spans="8:8">
      <c r="H121567" s="12"/>
    </row>
    <row r="121568" spans="8:8">
      <c r="H121568" s="12"/>
    </row>
    <row r="121569" spans="8:8">
      <c r="H121569" s="12"/>
    </row>
    <row r="121570" spans="8:8">
      <c r="H121570" s="12"/>
    </row>
    <row r="121571" spans="8:8">
      <c r="H121571" s="12"/>
    </row>
    <row r="121572" spans="8:8">
      <c r="H121572" s="12"/>
    </row>
    <row r="121573" spans="8:8">
      <c r="H121573" s="12"/>
    </row>
    <row r="121574" spans="8:8">
      <c r="H121574" s="12"/>
    </row>
    <row r="121575" spans="8:8">
      <c r="H121575" s="12"/>
    </row>
    <row r="121576" spans="8:8">
      <c r="H121576" s="12"/>
    </row>
    <row r="121577" spans="8:8">
      <c r="H121577" s="12"/>
    </row>
    <row r="121578" spans="8:8">
      <c r="H121578" s="12"/>
    </row>
    <row r="121579" spans="8:8">
      <c r="H121579" s="12"/>
    </row>
    <row r="121580" spans="8:8">
      <c r="H121580" s="12"/>
    </row>
    <row r="121581" spans="8:8">
      <c r="H121581" s="12"/>
    </row>
    <row r="121582" spans="8:8">
      <c r="H121582" s="12"/>
    </row>
    <row r="121583" spans="8:8">
      <c r="H121583" s="12"/>
    </row>
    <row r="121584" spans="8:8">
      <c r="H121584" s="12"/>
    </row>
    <row r="121585" spans="8:8">
      <c r="H121585" s="12"/>
    </row>
    <row r="121586" spans="8:8">
      <c r="H121586" s="12"/>
    </row>
    <row r="121587" spans="8:8">
      <c r="H121587" s="12"/>
    </row>
    <row r="121588" spans="8:8">
      <c r="H121588" s="12"/>
    </row>
    <row r="121589" spans="8:8">
      <c r="H121589" s="12"/>
    </row>
    <row r="121590" spans="8:8">
      <c r="H121590" s="12"/>
    </row>
    <row r="121591" spans="8:8">
      <c r="H121591" s="12"/>
    </row>
    <row r="121592" spans="8:8">
      <c r="H121592" s="12"/>
    </row>
    <row r="121593" spans="8:8">
      <c r="H121593" s="12"/>
    </row>
    <row r="121594" spans="8:8">
      <c r="H121594" s="12"/>
    </row>
    <row r="121595" spans="8:8">
      <c r="H121595" s="12"/>
    </row>
    <row r="121596" spans="8:8">
      <c r="H121596" s="12"/>
    </row>
    <row r="121597" spans="8:8">
      <c r="H121597" s="12"/>
    </row>
    <row r="121598" spans="8:8">
      <c r="H121598" s="12"/>
    </row>
    <row r="121599" spans="8:8">
      <c r="H121599" s="12"/>
    </row>
    <row r="121600" spans="8:8">
      <c r="H121600" s="12"/>
    </row>
    <row r="121601" spans="8:8">
      <c r="H121601" s="12"/>
    </row>
    <row r="121602" spans="8:8">
      <c r="H121602" s="12"/>
    </row>
    <row r="121603" spans="8:8">
      <c r="H121603" s="12"/>
    </row>
    <row r="121604" spans="8:8">
      <c r="H121604" s="12"/>
    </row>
    <row r="121605" spans="8:8">
      <c r="H121605" s="12"/>
    </row>
    <row r="121606" spans="8:8">
      <c r="H121606" s="12"/>
    </row>
    <row r="121607" spans="8:8">
      <c r="H121607" s="12"/>
    </row>
    <row r="121608" spans="8:8">
      <c r="H121608" s="12"/>
    </row>
    <row r="121609" spans="8:8">
      <c r="H121609" s="12"/>
    </row>
    <row r="121610" spans="8:8">
      <c r="H121610" s="12"/>
    </row>
    <row r="121611" spans="8:8">
      <c r="H121611" s="12"/>
    </row>
    <row r="121612" spans="8:8">
      <c r="H121612" s="12"/>
    </row>
    <row r="121613" spans="8:8">
      <c r="H121613" s="12"/>
    </row>
    <row r="121614" spans="8:8">
      <c r="H121614" s="12"/>
    </row>
    <row r="121615" spans="8:8">
      <c r="H121615" s="12"/>
    </row>
    <row r="121616" spans="8:8">
      <c r="H121616" s="12"/>
    </row>
    <row r="121617" spans="8:8">
      <c r="H121617" s="12"/>
    </row>
    <row r="121618" spans="8:8">
      <c r="H121618" s="12"/>
    </row>
    <row r="121619" spans="8:8">
      <c r="H121619" s="12"/>
    </row>
    <row r="121620" spans="8:8">
      <c r="H121620" s="12"/>
    </row>
    <row r="121621" spans="8:8">
      <c r="H121621" s="12"/>
    </row>
    <row r="121622" spans="8:8">
      <c r="H121622" s="12"/>
    </row>
    <row r="121623" spans="8:8">
      <c r="H121623" s="12"/>
    </row>
    <row r="121624" spans="8:8">
      <c r="H121624" s="12"/>
    </row>
    <row r="121625" spans="8:8">
      <c r="H121625" s="12"/>
    </row>
    <row r="121626" spans="8:8">
      <c r="H121626" s="12"/>
    </row>
    <row r="121627" spans="8:8">
      <c r="H121627" s="12"/>
    </row>
    <row r="121628" spans="8:8">
      <c r="H121628" s="12"/>
    </row>
    <row r="121629" spans="8:8">
      <c r="H121629" s="12"/>
    </row>
    <row r="121630" spans="8:8">
      <c r="H121630" s="12"/>
    </row>
    <row r="121631" spans="8:8">
      <c r="H121631" s="12"/>
    </row>
    <row r="121632" spans="8:8">
      <c r="H121632" s="12"/>
    </row>
    <row r="121633" spans="8:8">
      <c r="H121633" s="12"/>
    </row>
    <row r="121634" spans="8:8">
      <c r="H121634" s="12"/>
    </row>
    <row r="121635" spans="8:8">
      <c r="H121635" s="12"/>
    </row>
    <row r="121636" spans="8:8">
      <c r="H121636" s="12"/>
    </row>
    <row r="121637" spans="8:8">
      <c r="H121637" s="12"/>
    </row>
    <row r="121638" spans="8:8">
      <c r="H121638" s="12"/>
    </row>
    <row r="121639" spans="8:8">
      <c r="H121639" s="12"/>
    </row>
    <row r="121640" spans="8:8">
      <c r="H121640" s="12"/>
    </row>
    <row r="121641" spans="8:8">
      <c r="H121641" s="12"/>
    </row>
    <row r="121642" spans="8:8">
      <c r="H121642" s="12"/>
    </row>
    <row r="121643" spans="8:8">
      <c r="H121643" s="12"/>
    </row>
    <row r="121644" spans="8:8">
      <c r="H121644" s="12"/>
    </row>
    <row r="121645" spans="8:8">
      <c r="H121645" s="12"/>
    </row>
    <row r="121646" spans="8:8">
      <c r="H121646" s="12"/>
    </row>
    <row r="121647" spans="8:8">
      <c r="H121647" s="12"/>
    </row>
    <row r="121648" spans="8:8">
      <c r="H121648" s="12"/>
    </row>
    <row r="121649" spans="8:8">
      <c r="H121649" s="12"/>
    </row>
    <row r="121650" spans="8:8">
      <c r="H121650" s="12"/>
    </row>
    <row r="121651" spans="8:8">
      <c r="H121651" s="12"/>
    </row>
    <row r="121652" spans="8:8">
      <c r="H121652" s="12"/>
    </row>
    <row r="121653" spans="8:8">
      <c r="H121653" s="12"/>
    </row>
    <row r="121654" spans="8:8">
      <c r="H121654" s="12"/>
    </row>
    <row r="121655" spans="8:8">
      <c r="H121655" s="12"/>
    </row>
    <row r="121656" spans="8:8">
      <c r="H121656" s="12"/>
    </row>
    <row r="121657" spans="8:8">
      <c r="H121657" s="12"/>
    </row>
    <row r="121658" spans="8:8">
      <c r="H121658" s="12"/>
    </row>
    <row r="121659" spans="8:8">
      <c r="H121659" s="12"/>
    </row>
    <row r="121660" spans="8:8">
      <c r="H121660" s="12"/>
    </row>
    <row r="121661" spans="8:8">
      <c r="H121661" s="12"/>
    </row>
    <row r="121662" spans="8:8">
      <c r="H121662" s="12"/>
    </row>
    <row r="121663" spans="8:8">
      <c r="H121663" s="12"/>
    </row>
    <row r="121664" spans="8:8">
      <c r="H121664" s="12"/>
    </row>
    <row r="121665" spans="8:8">
      <c r="H121665" s="12"/>
    </row>
    <row r="121666" spans="8:8">
      <c r="H121666" s="12"/>
    </row>
    <row r="121667" spans="8:8">
      <c r="H121667" s="12"/>
    </row>
    <row r="121668" spans="8:8">
      <c r="H121668" s="12"/>
    </row>
    <row r="121669" spans="8:8">
      <c r="H121669" s="12"/>
    </row>
    <row r="121670" spans="8:8">
      <c r="H121670" s="12"/>
    </row>
    <row r="121671" spans="8:8">
      <c r="H121671" s="12"/>
    </row>
    <row r="121672" spans="8:8">
      <c r="H121672" s="12"/>
    </row>
    <row r="121673" spans="8:8">
      <c r="H121673" s="12"/>
    </row>
    <row r="121674" spans="8:8">
      <c r="H121674" s="12"/>
    </row>
    <row r="121675" spans="8:8">
      <c r="H121675" s="12"/>
    </row>
    <row r="121676" spans="8:8">
      <c r="H121676" s="12"/>
    </row>
    <row r="121677" spans="8:8">
      <c r="H121677" s="12"/>
    </row>
    <row r="121678" spans="8:8">
      <c r="H121678" s="12"/>
    </row>
    <row r="121679" spans="8:8">
      <c r="H121679" s="12"/>
    </row>
    <row r="121680" spans="8:8">
      <c r="H121680" s="12"/>
    </row>
    <row r="121681" spans="8:8">
      <c r="H121681" s="12"/>
    </row>
    <row r="121682" spans="8:8">
      <c r="H121682" s="12"/>
    </row>
    <row r="121683" spans="8:8">
      <c r="H121683" s="12"/>
    </row>
    <row r="121684" spans="8:8">
      <c r="H121684" s="12"/>
    </row>
    <row r="121685" spans="8:8">
      <c r="H121685" s="12"/>
    </row>
    <row r="121686" spans="8:8">
      <c r="H121686" s="12"/>
    </row>
    <row r="121687" spans="8:8">
      <c r="H121687" s="12"/>
    </row>
    <row r="121688" spans="8:8">
      <c r="H121688" s="12"/>
    </row>
    <row r="121689" spans="8:8">
      <c r="H121689" s="12"/>
    </row>
    <row r="121690" spans="8:8">
      <c r="H121690" s="12"/>
    </row>
    <row r="121691" spans="8:8">
      <c r="H121691" s="12"/>
    </row>
    <row r="121692" spans="8:8">
      <c r="H121692" s="12"/>
    </row>
    <row r="121693" spans="8:8">
      <c r="H121693" s="12"/>
    </row>
    <row r="121694" spans="8:8">
      <c r="H121694" s="12"/>
    </row>
    <row r="121695" spans="8:8">
      <c r="H121695" s="12"/>
    </row>
    <row r="121696" spans="8:8">
      <c r="H121696" s="12"/>
    </row>
    <row r="121697" spans="8:8">
      <c r="H121697" s="12"/>
    </row>
    <row r="121698" spans="8:8">
      <c r="H121698" s="12"/>
    </row>
    <row r="121699" spans="8:8">
      <c r="H121699" s="12"/>
    </row>
    <row r="121700" spans="8:8">
      <c r="H121700" s="12"/>
    </row>
    <row r="121701" spans="8:8">
      <c r="H121701" s="12"/>
    </row>
    <row r="121702" spans="8:8">
      <c r="H121702" s="12"/>
    </row>
    <row r="121703" spans="8:8">
      <c r="H121703" s="12"/>
    </row>
    <row r="121704" spans="8:8">
      <c r="H121704" s="12"/>
    </row>
    <row r="121705" spans="8:8">
      <c r="H121705" s="12"/>
    </row>
    <row r="121706" spans="8:8">
      <c r="H121706" s="12"/>
    </row>
    <row r="121707" spans="8:8">
      <c r="H121707" s="12"/>
    </row>
    <row r="121708" spans="8:8">
      <c r="H121708" s="12"/>
    </row>
    <row r="121709" spans="8:8">
      <c r="H121709" s="12"/>
    </row>
    <row r="121710" spans="8:8">
      <c r="H121710" s="12"/>
    </row>
    <row r="121711" spans="8:8">
      <c r="H121711" s="12"/>
    </row>
    <row r="121712" spans="8:8">
      <c r="H121712" s="12"/>
    </row>
    <row r="121713" spans="8:8">
      <c r="H121713" s="12"/>
    </row>
    <row r="121714" spans="8:8">
      <c r="H121714" s="12"/>
    </row>
    <row r="121715" spans="8:8">
      <c r="H121715" s="12"/>
    </row>
    <row r="121716" spans="8:8">
      <c r="H121716" s="12"/>
    </row>
    <row r="121717" spans="8:8">
      <c r="H121717" s="12"/>
    </row>
    <row r="121718" spans="8:8">
      <c r="H121718" s="12"/>
    </row>
    <row r="121719" spans="8:8">
      <c r="H121719" s="12"/>
    </row>
    <row r="121720" spans="8:8">
      <c r="H121720" s="12"/>
    </row>
    <row r="121721" spans="8:8">
      <c r="H121721" s="12"/>
    </row>
    <row r="121722" spans="8:8">
      <c r="H121722" s="12"/>
    </row>
    <row r="121723" spans="8:8">
      <c r="H121723" s="12"/>
    </row>
    <row r="121724" spans="8:8">
      <c r="H121724" s="12"/>
    </row>
    <row r="121725" spans="8:8">
      <c r="H121725" s="12"/>
    </row>
    <row r="121726" spans="8:8">
      <c r="H121726" s="12"/>
    </row>
    <row r="121727" spans="8:8">
      <c r="H121727" s="12"/>
    </row>
    <row r="121728" spans="8:8">
      <c r="H121728" s="12"/>
    </row>
    <row r="121729" spans="8:8">
      <c r="H121729" s="12"/>
    </row>
    <row r="121730" spans="8:8">
      <c r="H121730" s="12"/>
    </row>
    <row r="121731" spans="8:8">
      <c r="H121731" s="12"/>
    </row>
    <row r="121732" spans="8:8">
      <c r="H121732" s="12"/>
    </row>
    <row r="121733" spans="8:8">
      <c r="H121733" s="12"/>
    </row>
    <row r="121734" spans="8:8">
      <c r="H121734" s="12"/>
    </row>
    <row r="121735" spans="8:8">
      <c r="H121735" s="12"/>
    </row>
    <row r="121736" spans="8:8">
      <c r="H121736" s="12"/>
    </row>
    <row r="121737" spans="8:8">
      <c r="H121737" s="12"/>
    </row>
    <row r="121738" spans="8:8">
      <c r="H121738" s="12"/>
    </row>
    <row r="121739" spans="8:8">
      <c r="H121739" s="12"/>
    </row>
    <row r="121740" spans="8:8">
      <c r="H121740" s="12"/>
    </row>
    <row r="121741" spans="8:8">
      <c r="H121741" s="12"/>
    </row>
    <row r="121742" spans="8:8">
      <c r="H121742" s="12"/>
    </row>
    <row r="121743" spans="8:8">
      <c r="H121743" s="12"/>
    </row>
    <row r="121744" spans="8:8">
      <c r="H121744" s="12"/>
    </row>
    <row r="121745" spans="8:8">
      <c r="H121745" s="12"/>
    </row>
    <row r="121746" spans="8:8">
      <c r="H121746" s="12"/>
    </row>
    <row r="121747" spans="8:8">
      <c r="H121747" s="12"/>
    </row>
    <row r="121748" spans="8:8">
      <c r="H121748" s="12"/>
    </row>
    <row r="121749" spans="8:8">
      <c r="H121749" s="12"/>
    </row>
    <row r="121750" spans="8:8">
      <c r="H121750" s="12"/>
    </row>
    <row r="121751" spans="8:8">
      <c r="H121751" s="12"/>
    </row>
    <row r="121752" spans="8:8">
      <c r="H121752" s="12"/>
    </row>
    <row r="121753" spans="8:8">
      <c r="H121753" s="12"/>
    </row>
    <row r="121754" spans="8:8">
      <c r="H121754" s="12"/>
    </row>
    <row r="121755" spans="8:8">
      <c r="H121755" s="12"/>
    </row>
    <row r="121756" spans="8:8">
      <c r="H121756" s="12"/>
    </row>
    <row r="121757" spans="8:8">
      <c r="H121757" s="12"/>
    </row>
    <row r="121758" spans="8:8">
      <c r="H121758" s="12"/>
    </row>
    <row r="121759" spans="8:8">
      <c r="H121759" s="12"/>
    </row>
    <row r="121760" spans="8:8">
      <c r="H121760" s="12"/>
    </row>
    <row r="121761" spans="8:8">
      <c r="H121761" s="12"/>
    </row>
    <row r="121762" spans="8:8">
      <c r="H121762" s="12"/>
    </row>
    <row r="121763" spans="8:8">
      <c r="H121763" s="12"/>
    </row>
    <row r="121764" spans="8:8">
      <c r="H121764" s="12"/>
    </row>
    <row r="121765" spans="8:8">
      <c r="H121765" s="12"/>
    </row>
    <row r="121766" spans="8:8">
      <c r="H121766" s="12"/>
    </row>
    <row r="121767" spans="8:8">
      <c r="H121767" s="12"/>
    </row>
    <row r="121768" spans="8:8">
      <c r="H121768" s="12"/>
    </row>
    <row r="121769" spans="8:8">
      <c r="H121769" s="12"/>
    </row>
    <row r="121770" spans="8:8">
      <c r="H121770" s="12"/>
    </row>
    <row r="121771" spans="8:8">
      <c r="H121771" s="12"/>
    </row>
    <row r="121772" spans="8:8">
      <c r="H121772" s="12"/>
    </row>
    <row r="121773" spans="8:8">
      <c r="H121773" s="12"/>
    </row>
    <row r="121774" spans="8:8">
      <c r="H121774" s="12"/>
    </row>
    <row r="121775" spans="8:8">
      <c r="H121775" s="12"/>
    </row>
    <row r="121776" spans="8:8">
      <c r="H121776" s="12"/>
    </row>
    <row r="121777" spans="8:8">
      <c r="H121777" s="12"/>
    </row>
    <row r="121778" spans="8:8">
      <c r="H121778" s="12"/>
    </row>
    <row r="121779" spans="8:8">
      <c r="H121779" s="12"/>
    </row>
    <row r="121780" spans="8:8">
      <c r="H121780" s="12"/>
    </row>
    <row r="121781" spans="8:8">
      <c r="H121781" s="12"/>
    </row>
    <row r="121782" spans="8:8">
      <c r="H121782" s="12"/>
    </row>
    <row r="121783" spans="8:8">
      <c r="H121783" s="12"/>
    </row>
    <row r="121784" spans="8:8">
      <c r="H121784" s="12"/>
    </row>
    <row r="121785" spans="8:8">
      <c r="H121785" s="12"/>
    </row>
    <row r="121786" spans="8:8">
      <c r="H121786" s="12"/>
    </row>
    <row r="121787" spans="8:8">
      <c r="H121787" s="12"/>
    </row>
    <row r="121788" spans="8:8">
      <c r="H121788" s="12"/>
    </row>
    <row r="121789" spans="8:8">
      <c r="H121789" s="12"/>
    </row>
    <row r="121790" spans="8:8">
      <c r="H121790" s="12"/>
    </row>
    <row r="121791" spans="8:8">
      <c r="H121791" s="12"/>
    </row>
    <row r="121792" spans="8:8">
      <c r="H121792" s="12"/>
    </row>
    <row r="121793" spans="8:8">
      <c r="H121793" s="12"/>
    </row>
    <row r="121794" spans="8:8">
      <c r="H121794" s="12"/>
    </row>
    <row r="121795" spans="8:8">
      <c r="H121795" s="12"/>
    </row>
    <row r="121796" spans="8:8">
      <c r="H121796" s="12"/>
    </row>
    <row r="121797" spans="8:8">
      <c r="H121797" s="12"/>
    </row>
    <row r="121798" spans="8:8">
      <c r="H121798" s="12"/>
    </row>
    <row r="121799" spans="8:8">
      <c r="H121799" s="12"/>
    </row>
    <row r="121800" spans="8:8">
      <c r="H121800" s="12"/>
    </row>
    <row r="121801" spans="8:8">
      <c r="H121801" s="12"/>
    </row>
    <row r="121802" spans="8:8">
      <c r="H121802" s="12"/>
    </row>
    <row r="121803" spans="8:8">
      <c r="H121803" s="12"/>
    </row>
    <row r="121804" spans="8:8">
      <c r="H121804" s="12"/>
    </row>
    <row r="121805" spans="8:8">
      <c r="H121805" s="12"/>
    </row>
    <row r="121806" spans="8:8">
      <c r="H121806" s="12"/>
    </row>
    <row r="121807" spans="8:8">
      <c r="H121807" s="12"/>
    </row>
    <row r="121808" spans="8:8">
      <c r="H121808" s="12"/>
    </row>
    <row r="121809" spans="8:8">
      <c r="H121809" s="12"/>
    </row>
    <row r="121810" spans="8:8">
      <c r="H121810" s="12"/>
    </row>
    <row r="121811" spans="8:8">
      <c r="H121811" s="12"/>
    </row>
    <row r="121812" spans="8:8">
      <c r="H121812" s="12"/>
    </row>
    <row r="121813" spans="8:8">
      <c r="H121813" s="12"/>
    </row>
    <row r="121814" spans="8:8">
      <c r="H121814" s="12"/>
    </row>
    <row r="121815" spans="8:8">
      <c r="H121815" s="12"/>
    </row>
    <row r="121816" spans="8:8">
      <c r="H121816" s="12"/>
    </row>
    <row r="121817" spans="8:8">
      <c r="H121817" s="12"/>
    </row>
    <row r="121818" spans="8:8">
      <c r="H121818" s="12"/>
    </row>
    <row r="121819" spans="8:8">
      <c r="H121819" s="12"/>
    </row>
    <row r="121820" spans="8:8">
      <c r="H121820" s="12"/>
    </row>
    <row r="121821" spans="8:8">
      <c r="H121821" s="12"/>
    </row>
    <row r="121822" spans="8:8">
      <c r="H121822" s="12"/>
    </row>
    <row r="121823" spans="8:8">
      <c r="H121823" s="12"/>
    </row>
    <row r="121824" spans="8:8">
      <c r="H121824" s="12"/>
    </row>
    <row r="121825" spans="8:8">
      <c r="H121825" s="12"/>
    </row>
    <row r="121826" spans="8:8">
      <c r="H121826" s="12"/>
    </row>
    <row r="121827" spans="8:8">
      <c r="H121827" s="12"/>
    </row>
    <row r="121828" spans="8:8">
      <c r="H121828" s="12"/>
    </row>
    <row r="121829" spans="8:8">
      <c r="H121829" s="12"/>
    </row>
    <row r="121830" spans="8:8">
      <c r="H121830" s="12"/>
    </row>
    <row r="121831" spans="8:8">
      <c r="H121831" s="12"/>
    </row>
    <row r="121832" spans="8:8">
      <c r="H121832" s="12"/>
    </row>
    <row r="121833" spans="8:8">
      <c r="H121833" s="12"/>
    </row>
    <row r="121834" spans="8:8">
      <c r="H121834" s="12"/>
    </row>
    <row r="121835" spans="8:8">
      <c r="H121835" s="12"/>
    </row>
    <row r="121836" spans="8:8">
      <c r="H121836" s="12"/>
    </row>
    <row r="121837" spans="8:8">
      <c r="H121837" s="12"/>
    </row>
    <row r="121838" spans="8:8">
      <c r="H121838" s="12"/>
    </row>
    <row r="121839" spans="8:8">
      <c r="H121839" s="12"/>
    </row>
    <row r="121840" spans="8:8">
      <c r="H121840" s="12"/>
    </row>
    <row r="121841" spans="8:8">
      <c r="H121841" s="12"/>
    </row>
    <row r="121842" spans="8:8">
      <c r="H121842" s="12"/>
    </row>
    <row r="121843" spans="8:8">
      <c r="H121843" s="12"/>
    </row>
    <row r="121844" spans="8:8">
      <c r="H121844" s="12"/>
    </row>
    <row r="121845" spans="8:8">
      <c r="H121845" s="12"/>
    </row>
    <row r="121846" spans="8:8">
      <c r="H121846" s="12"/>
    </row>
    <row r="121847" spans="8:8">
      <c r="H121847" s="12"/>
    </row>
    <row r="121848" spans="8:8">
      <c r="H121848" s="12"/>
    </row>
    <row r="121849" spans="8:8">
      <c r="H121849" s="12"/>
    </row>
    <row r="121850" spans="8:8">
      <c r="H121850" s="12"/>
    </row>
    <row r="121851" spans="8:8">
      <c r="H121851" s="12"/>
    </row>
    <row r="121852" spans="8:8">
      <c r="H121852" s="12"/>
    </row>
    <row r="121853" spans="8:8">
      <c r="H121853" s="12"/>
    </row>
    <row r="121854" spans="8:8">
      <c r="H121854" s="12"/>
    </row>
    <row r="121855" spans="8:8">
      <c r="H121855" s="12"/>
    </row>
    <row r="121856" spans="8:8">
      <c r="H121856" s="12"/>
    </row>
    <row r="121857" spans="8:8">
      <c r="H121857" s="12"/>
    </row>
    <row r="121858" spans="8:8">
      <c r="H121858" s="12"/>
    </row>
    <row r="121859" spans="8:8">
      <c r="H121859" s="12"/>
    </row>
    <row r="121860" spans="8:8">
      <c r="H121860" s="12"/>
    </row>
    <row r="121861" spans="8:8">
      <c r="H121861" s="12"/>
    </row>
    <row r="121862" spans="8:8">
      <c r="H121862" s="12"/>
    </row>
    <row r="121863" spans="8:8">
      <c r="H121863" s="12"/>
    </row>
    <row r="121864" spans="8:8">
      <c r="H121864" s="12"/>
    </row>
    <row r="121865" spans="8:8">
      <c r="H121865" s="12"/>
    </row>
    <row r="121866" spans="8:8">
      <c r="H121866" s="12"/>
    </row>
    <row r="121867" spans="8:8">
      <c r="H121867" s="12"/>
    </row>
    <row r="121868" spans="8:8">
      <c r="H121868" s="12"/>
    </row>
    <row r="121869" spans="8:8">
      <c r="H121869" s="12"/>
    </row>
    <row r="121870" spans="8:8">
      <c r="H121870" s="12"/>
    </row>
    <row r="121871" spans="8:8">
      <c r="H121871" s="12"/>
    </row>
    <row r="121872" spans="8:8">
      <c r="H121872" s="12"/>
    </row>
    <row r="121873" spans="8:8">
      <c r="H121873" s="12"/>
    </row>
    <row r="121874" spans="8:8">
      <c r="H121874" s="12"/>
    </row>
    <row r="121875" spans="8:8">
      <c r="H121875" s="12"/>
    </row>
    <row r="121876" spans="8:8">
      <c r="H121876" s="12"/>
    </row>
    <row r="121877" spans="8:8">
      <c r="H121877" s="12"/>
    </row>
    <row r="121878" spans="8:8">
      <c r="H121878" s="12"/>
    </row>
    <row r="121879" spans="8:8">
      <c r="H121879" s="12"/>
    </row>
    <row r="121880" spans="8:8">
      <c r="H121880" s="12"/>
    </row>
    <row r="121881" spans="8:8">
      <c r="H121881" s="12"/>
    </row>
    <row r="121882" spans="8:8">
      <c r="H121882" s="12"/>
    </row>
    <row r="121883" spans="8:8">
      <c r="H121883" s="12"/>
    </row>
    <row r="121884" spans="8:8">
      <c r="H121884" s="12"/>
    </row>
    <row r="121885" spans="8:8">
      <c r="H121885" s="12"/>
    </row>
    <row r="121886" spans="8:8">
      <c r="H121886" s="12"/>
    </row>
    <row r="121887" spans="8:8">
      <c r="H121887" s="12"/>
    </row>
    <row r="121888" spans="8:8">
      <c r="H121888" s="12"/>
    </row>
    <row r="121889" spans="8:8">
      <c r="H121889" s="12"/>
    </row>
    <row r="121890" spans="8:8">
      <c r="H121890" s="12"/>
    </row>
    <row r="121891" spans="8:8">
      <c r="H121891" s="12"/>
    </row>
    <row r="121892" spans="8:8">
      <c r="H121892" s="12"/>
    </row>
    <row r="121893" spans="8:8">
      <c r="H121893" s="12"/>
    </row>
    <row r="121894" spans="8:8">
      <c r="H121894" s="12"/>
    </row>
    <row r="121895" spans="8:8">
      <c r="H121895" s="12"/>
    </row>
    <row r="121896" spans="8:8">
      <c r="H121896" s="12"/>
    </row>
    <row r="121897" spans="8:8">
      <c r="H121897" s="12"/>
    </row>
    <row r="121898" spans="8:8">
      <c r="H121898" s="12"/>
    </row>
    <row r="121899" spans="8:8">
      <c r="H121899" s="12"/>
    </row>
    <row r="121900" spans="8:8">
      <c r="H121900" s="12"/>
    </row>
    <row r="121901" spans="8:8">
      <c r="H121901" s="12"/>
    </row>
    <row r="121902" spans="8:8">
      <c r="H121902" s="12"/>
    </row>
    <row r="121903" spans="8:8">
      <c r="H121903" s="12"/>
    </row>
    <row r="121904" spans="8:8">
      <c r="H121904" s="12"/>
    </row>
    <row r="121905" spans="8:8">
      <c r="H121905" s="12"/>
    </row>
    <row r="121906" spans="8:8">
      <c r="H121906" s="12"/>
    </row>
    <row r="121907" spans="8:8">
      <c r="H121907" s="12"/>
    </row>
    <row r="121908" spans="8:8">
      <c r="H121908" s="12"/>
    </row>
    <row r="121909" spans="8:8">
      <c r="H121909" s="12"/>
    </row>
    <row r="121910" spans="8:8">
      <c r="H121910" s="12"/>
    </row>
    <row r="121911" spans="8:8">
      <c r="H121911" s="12"/>
    </row>
    <row r="121912" spans="8:8">
      <c r="H121912" s="12"/>
    </row>
    <row r="121913" spans="8:8">
      <c r="H121913" s="12"/>
    </row>
    <row r="121914" spans="8:8">
      <c r="H121914" s="12"/>
    </row>
    <row r="121915" spans="8:8">
      <c r="H121915" s="12"/>
    </row>
    <row r="121916" spans="8:8">
      <c r="H121916" s="12"/>
    </row>
    <row r="121917" spans="8:8">
      <c r="H121917" s="12"/>
    </row>
    <row r="121918" spans="8:8">
      <c r="H121918" s="12"/>
    </row>
    <row r="121919" spans="8:8">
      <c r="H121919" s="12"/>
    </row>
    <row r="121920" spans="8:8">
      <c r="H121920" s="12"/>
    </row>
    <row r="121921" spans="8:8">
      <c r="H121921" s="12"/>
    </row>
    <row r="121922" spans="8:8">
      <c r="H121922" s="12"/>
    </row>
    <row r="121923" spans="8:8">
      <c r="H121923" s="12"/>
    </row>
    <row r="121924" spans="8:8">
      <c r="H121924" s="12"/>
    </row>
    <row r="121925" spans="8:8">
      <c r="H121925" s="12"/>
    </row>
    <row r="121926" spans="8:8">
      <c r="H121926" s="12"/>
    </row>
    <row r="121927" spans="8:8">
      <c r="H121927" s="12"/>
    </row>
    <row r="121928" spans="8:8">
      <c r="H121928" s="12"/>
    </row>
    <row r="121929" spans="8:8">
      <c r="H121929" s="12"/>
    </row>
    <row r="121930" spans="8:8">
      <c r="H121930" s="12"/>
    </row>
    <row r="121931" spans="8:8">
      <c r="H121931" s="12"/>
    </row>
    <row r="121932" spans="8:8">
      <c r="H121932" s="12"/>
    </row>
    <row r="121933" spans="8:8">
      <c r="H121933" s="12"/>
    </row>
    <row r="121934" spans="8:8">
      <c r="H121934" s="12"/>
    </row>
    <row r="121935" spans="8:8">
      <c r="H121935" s="12"/>
    </row>
    <row r="121936" spans="8:8">
      <c r="H121936" s="12"/>
    </row>
    <row r="121937" spans="8:8">
      <c r="H121937" s="12"/>
    </row>
    <row r="121938" spans="8:8">
      <c r="H121938" s="12"/>
    </row>
    <row r="121939" spans="8:8">
      <c r="H121939" s="12"/>
    </row>
    <row r="121940" spans="8:8">
      <c r="H121940" s="12"/>
    </row>
    <row r="121941" spans="8:8">
      <c r="H121941" s="12"/>
    </row>
    <row r="121942" spans="8:8">
      <c r="H121942" s="12"/>
    </row>
    <row r="121943" spans="8:8">
      <c r="H121943" s="12"/>
    </row>
    <row r="121944" spans="8:8">
      <c r="H121944" s="12"/>
    </row>
    <row r="121945" spans="8:8">
      <c r="H121945" s="12"/>
    </row>
    <row r="121946" spans="8:8">
      <c r="H121946" s="12"/>
    </row>
    <row r="121947" spans="8:8">
      <c r="H121947" s="12"/>
    </row>
    <row r="121948" spans="8:8">
      <c r="H121948" s="12"/>
    </row>
    <row r="121949" spans="8:8">
      <c r="H121949" s="12"/>
    </row>
    <row r="121950" spans="8:8">
      <c r="H121950" s="12"/>
    </row>
    <row r="121951" spans="8:8">
      <c r="H121951" s="12"/>
    </row>
    <row r="121952" spans="8:8">
      <c r="H121952" s="12"/>
    </row>
    <row r="121953" spans="8:8">
      <c r="H121953" s="12"/>
    </row>
    <row r="121954" spans="8:8">
      <c r="H121954" s="12"/>
    </row>
    <row r="121955" spans="8:8">
      <c r="H121955" s="12"/>
    </row>
    <row r="121956" spans="8:8">
      <c r="H121956" s="12"/>
    </row>
    <row r="121957" spans="8:8">
      <c r="H121957" s="12"/>
    </row>
    <row r="121958" spans="8:8">
      <c r="H121958" s="12"/>
    </row>
    <row r="121959" spans="8:8">
      <c r="H121959" s="12"/>
    </row>
    <row r="121960" spans="8:8">
      <c r="H121960" s="12"/>
    </row>
    <row r="121961" spans="8:8">
      <c r="H121961" s="12"/>
    </row>
    <row r="121962" spans="8:8">
      <c r="H121962" s="12"/>
    </row>
    <row r="121963" spans="8:8">
      <c r="H121963" s="12"/>
    </row>
    <row r="121964" spans="8:8">
      <c r="H121964" s="12"/>
    </row>
    <row r="121965" spans="8:8">
      <c r="H121965" s="12"/>
    </row>
    <row r="121966" spans="8:8">
      <c r="H121966" s="12"/>
    </row>
    <row r="121967" spans="8:8">
      <c r="H121967" s="12"/>
    </row>
    <row r="121968" spans="8:8">
      <c r="H121968" s="12"/>
    </row>
    <row r="121969" spans="8:8">
      <c r="H121969" s="12"/>
    </row>
    <row r="121970" spans="8:8">
      <c r="H121970" s="12"/>
    </row>
    <row r="121971" spans="8:8">
      <c r="H121971" s="12"/>
    </row>
    <row r="121972" spans="8:8">
      <c r="H121972" s="12"/>
    </row>
    <row r="121973" spans="8:8">
      <c r="H121973" s="12"/>
    </row>
    <row r="121974" spans="8:8">
      <c r="H121974" s="12"/>
    </row>
    <row r="121975" spans="8:8">
      <c r="H121975" s="12"/>
    </row>
    <row r="121976" spans="8:8">
      <c r="H121976" s="12"/>
    </row>
    <row r="121977" spans="8:8">
      <c r="H121977" s="12"/>
    </row>
    <row r="121978" spans="8:8">
      <c r="H121978" s="12"/>
    </row>
    <row r="121979" spans="8:8">
      <c r="H121979" s="12"/>
    </row>
    <row r="121980" spans="8:8">
      <c r="H121980" s="12"/>
    </row>
    <row r="121981" spans="8:8">
      <c r="H121981" s="12"/>
    </row>
    <row r="121982" spans="8:8">
      <c r="H121982" s="12"/>
    </row>
    <row r="121983" spans="8:8">
      <c r="H121983" s="12"/>
    </row>
    <row r="121984" spans="8:8">
      <c r="H121984" s="12"/>
    </row>
    <row r="121985" spans="8:8">
      <c r="H121985" s="12"/>
    </row>
    <row r="121986" spans="8:8">
      <c r="H121986" s="12"/>
    </row>
    <row r="121987" spans="8:8">
      <c r="H121987" s="12"/>
    </row>
    <row r="121988" spans="8:8">
      <c r="H121988" s="12"/>
    </row>
    <row r="121989" spans="8:8">
      <c r="H121989" s="12"/>
    </row>
    <row r="121990" spans="8:8">
      <c r="H121990" s="12"/>
    </row>
    <row r="121991" spans="8:8">
      <c r="H121991" s="12"/>
    </row>
    <row r="121992" spans="8:8">
      <c r="H121992" s="12"/>
    </row>
    <row r="121993" spans="8:8">
      <c r="H121993" s="12"/>
    </row>
    <row r="121994" spans="8:8">
      <c r="H121994" s="12"/>
    </row>
    <row r="121995" spans="8:8">
      <c r="H121995" s="12"/>
    </row>
    <row r="121996" spans="8:8">
      <c r="H121996" s="12"/>
    </row>
    <row r="121997" spans="8:8">
      <c r="H121997" s="12"/>
    </row>
    <row r="121998" spans="8:8">
      <c r="H121998" s="12"/>
    </row>
    <row r="121999" spans="8:8">
      <c r="H121999" s="12"/>
    </row>
    <row r="122000" spans="8:8">
      <c r="H122000" s="12"/>
    </row>
    <row r="122001" spans="8:8">
      <c r="H122001" s="12"/>
    </row>
    <row r="122002" spans="8:8">
      <c r="H122002" s="12"/>
    </row>
    <row r="122003" spans="8:8">
      <c r="H122003" s="12"/>
    </row>
    <row r="122004" spans="8:8">
      <c r="H122004" s="12"/>
    </row>
    <row r="122005" spans="8:8">
      <c r="H122005" s="12"/>
    </row>
    <row r="122006" spans="8:8">
      <c r="H122006" s="12"/>
    </row>
    <row r="122007" spans="8:8">
      <c r="H122007" s="12"/>
    </row>
    <row r="122008" spans="8:8">
      <c r="H122008" s="12"/>
    </row>
    <row r="122009" spans="8:8">
      <c r="H122009" s="12"/>
    </row>
    <row r="122010" spans="8:8">
      <c r="H122010" s="12"/>
    </row>
    <row r="122011" spans="8:8">
      <c r="H122011" s="12"/>
    </row>
    <row r="122012" spans="8:8">
      <c r="H122012" s="12"/>
    </row>
    <row r="122013" spans="8:8">
      <c r="H122013" s="12"/>
    </row>
    <row r="122014" spans="8:8">
      <c r="H122014" s="12"/>
    </row>
    <row r="122015" spans="8:8">
      <c r="H122015" s="12"/>
    </row>
    <row r="122016" spans="8:8">
      <c r="H122016" s="12"/>
    </row>
    <row r="122017" spans="8:8">
      <c r="H122017" s="12"/>
    </row>
    <row r="122018" spans="8:8">
      <c r="H122018" s="12"/>
    </row>
    <row r="122019" spans="8:8">
      <c r="H122019" s="12"/>
    </row>
    <row r="122020" spans="8:8">
      <c r="H122020" s="12"/>
    </row>
    <row r="122021" spans="8:8">
      <c r="H122021" s="12"/>
    </row>
    <row r="122022" spans="8:8">
      <c r="H122022" s="12"/>
    </row>
    <row r="122023" spans="8:8">
      <c r="H122023" s="12"/>
    </row>
    <row r="122024" spans="8:8">
      <c r="H122024" s="12"/>
    </row>
    <row r="122025" spans="8:8">
      <c r="H122025" s="12"/>
    </row>
    <row r="122026" spans="8:8">
      <c r="H122026" s="12"/>
    </row>
    <row r="122027" spans="8:8">
      <c r="H122027" s="12"/>
    </row>
    <row r="122028" spans="8:8">
      <c r="H122028" s="12"/>
    </row>
    <row r="122029" spans="8:8">
      <c r="H122029" s="12"/>
    </row>
    <row r="122030" spans="8:8">
      <c r="H122030" s="12"/>
    </row>
    <row r="122031" spans="8:8">
      <c r="H122031" s="12"/>
    </row>
    <row r="122032" spans="8:8">
      <c r="H122032" s="12"/>
    </row>
    <row r="122033" spans="8:8">
      <c r="H122033" s="12"/>
    </row>
    <row r="122034" spans="8:8">
      <c r="H122034" s="12"/>
    </row>
    <row r="122035" spans="8:8">
      <c r="H122035" s="12"/>
    </row>
    <row r="122036" spans="8:8">
      <c r="H122036" s="12"/>
    </row>
    <row r="122037" spans="8:8">
      <c r="H122037" s="12"/>
    </row>
    <row r="122038" spans="8:8">
      <c r="H122038" s="12"/>
    </row>
    <row r="122039" spans="8:8">
      <c r="H122039" s="12"/>
    </row>
    <row r="122040" spans="8:8">
      <c r="H122040" s="12"/>
    </row>
    <row r="122041" spans="8:8">
      <c r="H122041" s="12"/>
    </row>
    <row r="122042" spans="8:8">
      <c r="H122042" s="12"/>
    </row>
    <row r="122043" spans="8:8">
      <c r="H122043" s="12"/>
    </row>
    <row r="122044" spans="8:8">
      <c r="H122044" s="12"/>
    </row>
    <row r="122045" spans="8:8">
      <c r="H122045" s="12"/>
    </row>
    <row r="122046" spans="8:8">
      <c r="H122046" s="12"/>
    </row>
    <row r="122047" spans="8:8">
      <c r="H122047" s="12"/>
    </row>
    <row r="122048" spans="8:8">
      <c r="H122048" s="12"/>
    </row>
    <row r="122049" spans="8:8">
      <c r="H122049" s="12"/>
    </row>
    <row r="122050" spans="8:8">
      <c r="H122050" s="12"/>
    </row>
    <row r="122051" spans="8:8">
      <c r="H122051" s="12"/>
    </row>
    <row r="122052" spans="8:8">
      <c r="H122052" s="12"/>
    </row>
    <row r="122053" spans="8:8">
      <c r="H122053" s="12"/>
    </row>
    <row r="122054" spans="8:8">
      <c r="H122054" s="12"/>
    </row>
    <row r="122055" spans="8:8">
      <c r="H122055" s="12"/>
    </row>
    <row r="122056" spans="8:8">
      <c r="H122056" s="12"/>
    </row>
    <row r="122057" spans="8:8">
      <c r="H122057" s="12"/>
    </row>
    <row r="122058" spans="8:8">
      <c r="H122058" s="12"/>
    </row>
    <row r="122059" spans="8:8">
      <c r="H122059" s="12"/>
    </row>
    <row r="122060" spans="8:8">
      <c r="H122060" s="12"/>
    </row>
    <row r="122061" spans="8:8">
      <c r="H122061" s="12"/>
    </row>
    <row r="122062" spans="8:8">
      <c r="H122062" s="12"/>
    </row>
    <row r="122063" spans="8:8">
      <c r="H122063" s="12"/>
    </row>
    <row r="122064" spans="8:8">
      <c r="H122064" s="12"/>
    </row>
    <row r="122065" spans="8:8">
      <c r="H122065" s="12"/>
    </row>
    <row r="122066" spans="8:8">
      <c r="H122066" s="12"/>
    </row>
    <row r="122067" spans="8:8">
      <c r="H122067" s="12"/>
    </row>
    <row r="122068" spans="8:8">
      <c r="H122068" s="12"/>
    </row>
    <row r="122069" spans="8:8">
      <c r="H122069" s="12"/>
    </row>
    <row r="122070" spans="8:8">
      <c r="H122070" s="12"/>
    </row>
    <row r="122071" spans="8:8">
      <c r="H122071" s="12"/>
    </row>
    <row r="122072" spans="8:8">
      <c r="H122072" s="12"/>
    </row>
    <row r="122073" spans="8:8">
      <c r="H122073" s="12"/>
    </row>
    <row r="122074" spans="8:8">
      <c r="H122074" s="12"/>
    </row>
    <row r="122075" spans="8:8">
      <c r="H122075" s="12"/>
    </row>
    <row r="122076" spans="8:8">
      <c r="H122076" s="12"/>
    </row>
    <row r="122077" spans="8:8">
      <c r="H122077" s="12"/>
    </row>
    <row r="122078" spans="8:8">
      <c r="H122078" s="12"/>
    </row>
    <row r="122079" spans="8:8">
      <c r="H122079" s="12"/>
    </row>
    <row r="122080" spans="8:8">
      <c r="H122080" s="12"/>
    </row>
    <row r="122081" spans="8:8">
      <c r="H122081" s="12"/>
    </row>
    <row r="122082" spans="8:8">
      <c r="H122082" s="12"/>
    </row>
    <row r="122083" spans="8:8">
      <c r="H122083" s="12"/>
    </row>
    <row r="122084" spans="8:8">
      <c r="H122084" s="12"/>
    </row>
    <row r="122085" spans="8:8">
      <c r="H122085" s="12"/>
    </row>
    <row r="122086" spans="8:8">
      <c r="H122086" s="12"/>
    </row>
    <row r="122087" spans="8:8">
      <c r="H122087" s="12"/>
    </row>
    <row r="122088" spans="8:8">
      <c r="H122088" s="12"/>
    </row>
    <row r="122089" spans="8:8">
      <c r="H122089" s="12"/>
    </row>
    <row r="122090" spans="8:8">
      <c r="H122090" s="12"/>
    </row>
    <row r="122091" spans="8:8">
      <c r="H122091" s="12"/>
    </row>
    <row r="122092" spans="8:8">
      <c r="H122092" s="12"/>
    </row>
    <row r="122093" spans="8:8">
      <c r="H122093" s="12"/>
    </row>
    <row r="122094" spans="8:8">
      <c r="H122094" s="12"/>
    </row>
    <row r="122095" spans="8:8">
      <c r="H122095" s="12"/>
    </row>
    <row r="122096" spans="8:8">
      <c r="H122096" s="12"/>
    </row>
    <row r="122097" spans="8:8">
      <c r="H122097" s="12"/>
    </row>
    <row r="122098" spans="8:8">
      <c r="H122098" s="12"/>
    </row>
    <row r="122099" spans="8:8">
      <c r="H122099" s="12"/>
    </row>
    <row r="122100" spans="8:8">
      <c r="H122100" s="12"/>
    </row>
    <row r="122101" spans="8:8">
      <c r="H122101" s="12"/>
    </row>
    <row r="122102" spans="8:8">
      <c r="H122102" s="12"/>
    </row>
    <row r="122103" spans="8:8">
      <c r="H122103" s="12"/>
    </row>
    <row r="122104" spans="8:8">
      <c r="H122104" s="12"/>
    </row>
    <row r="122105" spans="8:8">
      <c r="H122105" s="12"/>
    </row>
    <row r="122106" spans="8:8">
      <c r="H122106" s="12"/>
    </row>
    <row r="122107" spans="8:8">
      <c r="H122107" s="12"/>
    </row>
    <row r="122108" spans="8:8">
      <c r="H122108" s="12"/>
    </row>
    <row r="122109" spans="8:8">
      <c r="H122109" s="12"/>
    </row>
    <row r="122110" spans="8:8">
      <c r="H122110" s="12"/>
    </row>
    <row r="122111" spans="8:8">
      <c r="H122111" s="12"/>
    </row>
    <row r="122112" spans="8:8">
      <c r="H122112" s="12"/>
    </row>
    <row r="122113" spans="8:8">
      <c r="H122113" s="12"/>
    </row>
    <row r="122114" spans="8:8">
      <c r="H122114" s="12"/>
    </row>
    <row r="122115" spans="8:8">
      <c r="H122115" s="12"/>
    </row>
    <row r="122116" spans="8:8">
      <c r="H122116" s="12"/>
    </row>
    <row r="122117" spans="8:8">
      <c r="H122117" s="12"/>
    </row>
    <row r="122118" spans="8:8">
      <c r="H122118" s="12"/>
    </row>
    <row r="122119" spans="8:8">
      <c r="H122119" s="12"/>
    </row>
    <row r="122120" spans="8:8">
      <c r="H122120" s="12"/>
    </row>
    <row r="122121" spans="8:8">
      <c r="H122121" s="12"/>
    </row>
    <row r="122122" spans="8:8">
      <c r="H122122" s="12"/>
    </row>
    <row r="122123" spans="8:8">
      <c r="H122123" s="12"/>
    </row>
    <row r="122124" spans="8:8">
      <c r="H122124" s="12"/>
    </row>
    <row r="122125" spans="8:8">
      <c r="H122125" s="12"/>
    </row>
    <row r="122126" spans="8:8">
      <c r="H122126" s="12"/>
    </row>
    <row r="122127" spans="8:8">
      <c r="H122127" s="12"/>
    </row>
    <row r="122128" spans="8:8">
      <c r="H122128" s="12"/>
    </row>
    <row r="122129" spans="8:8">
      <c r="H122129" s="12"/>
    </row>
    <row r="122130" spans="8:8">
      <c r="H122130" s="12"/>
    </row>
    <row r="122131" spans="8:8">
      <c r="H122131" s="12"/>
    </row>
    <row r="122132" spans="8:8">
      <c r="H122132" s="12"/>
    </row>
    <row r="122133" spans="8:8">
      <c r="H122133" s="12"/>
    </row>
    <row r="122134" spans="8:8">
      <c r="H122134" s="12"/>
    </row>
    <row r="122135" spans="8:8">
      <c r="H122135" s="12"/>
    </row>
    <row r="122136" spans="8:8">
      <c r="H122136" s="12"/>
    </row>
    <row r="122137" spans="8:8">
      <c r="H122137" s="12"/>
    </row>
    <row r="122138" spans="8:8">
      <c r="H122138" s="12"/>
    </row>
    <row r="122139" spans="8:8">
      <c r="H122139" s="12"/>
    </row>
    <row r="122140" spans="8:8">
      <c r="H122140" s="12"/>
    </row>
    <row r="122141" spans="8:8">
      <c r="H122141" s="12"/>
    </row>
    <row r="122142" spans="8:8">
      <c r="H122142" s="12"/>
    </row>
    <row r="122143" spans="8:8">
      <c r="H122143" s="12"/>
    </row>
    <row r="122144" spans="8:8">
      <c r="H122144" s="12"/>
    </row>
    <row r="122145" spans="8:8">
      <c r="H122145" s="12"/>
    </row>
    <row r="122146" spans="8:8">
      <c r="H122146" s="12"/>
    </row>
    <row r="122147" spans="8:8">
      <c r="H122147" s="12"/>
    </row>
    <row r="122148" spans="8:8">
      <c r="H122148" s="12"/>
    </row>
    <row r="122149" spans="8:8">
      <c r="H122149" s="12"/>
    </row>
    <row r="122150" spans="8:8">
      <c r="H122150" s="12"/>
    </row>
    <row r="122151" spans="8:8">
      <c r="H122151" s="12"/>
    </row>
    <row r="122152" spans="8:8">
      <c r="H122152" s="12"/>
    </row>
    <row r="122153" spans="8:8">
      <c r="H122153" s="12"/>
    </row>
    <row r="122154" spans="8:8">
      <c r="H122154" s="12"/>
    </row>
    <row r="122155" spans="8:8">
      <c r="H122155" s="12"/>
    </row>
    <row r="122156" spans="8:8">
      <c r="H122156" s="12"/>
    </row>
    <row r="122157" spans="8:8">
      <c r="H122157" s="12"/>
    </row>
    <row r="122158" spans="8:8">
      <c r="H122158" s="12"/>
    </row>
    <row r="122159" spans="8:8">
      <c r="H122159" s="12"/>
    </row>
    <row r="122160" spans="8:8">
      <c r="H122160" s="12"/>
    </row>
    <row r="122161" spans="8:8">
      <c r="H122161" s="12"/>
    </row>
    <row r="122162" spans="8:8">
      <c r="H122162" s="12"/>
    </row>
    <row r="122163" spans="8:8">
      <c r="H122163" s="12"/>
    </row>
    <row r="122164" spans="8:8">
      <c r="H122164" s="12"/>
    </row>
    <row r="122165" spans="8:8">
      <c r="H122165" s="12"/>
    </row>
    <row r="122166" spans="8:8">
      <c r="H122166" s="12"/>
    </row>
    <row r="122167" spans="8:8">
      <c r="H122167" s="12"/>
    </row>
    <row r="122168" spans="8:8">
      <c r="H122168" s="12"/>
    </row>
    <row r="122169" spans="8:8">
      <c r="H122169" s="12"/>
    </row>
    <row r="122170" spans="8:8">
      <c r="H122170" s="12"/>
    </row>
    <row r="122171" spans="8:8">
      <c r="H122171" s="12"/>
    </row>
    <row r="122172" spans="8:8">
      <c r="H122172" s="12"/>
    </row>
    <row r="122173" spans="8:8">
      <c r="H122173" s="12"/>
    </row>
    <row r="122174" spans="8:8">
      <c r="H122174" s="12"/>
    </row>
    <row r="122175" spans="8:8">
      <c r="H122175" s="12"/>
    </row>
    <row r="122176" spans="8:8">
      <c r="H122176" s="12"/>
    </row>
    <row r="122177" spans="8:8">
      <c r="H122177" s="12"/>
    </row>
    <row r="122178" spans="8:8">
      <c r="H122178" s="12"/>
    </row>
    <row r="122179" spans="8:8">
      <c r="H122179" s="12"/>
    </row>
    <row r="122180" spans="8:8">
      <c r="H122180" s="12"/>
    </row>
    <row r="122181" spans="8:8">
      <c r="H122181" s="12"/>
    </row>
    <row r="122182" spans="8:8">
      <c r="H122182" s="12"/>
    </row>
    <row r="122183" spans="8:8">
      <c r="H122183" s="12"/>
    </row>
    <row r="122184" spans="8:8">
      <c r="H122184" s="12"/>
    </row>
    <row r="122185" spans="8:8">
      <c r="H122185" s="12"/>
    </row>
    <row r="122186" spans="8:8">
      <c r="H122186" s="12"/>
    </row>
    <row r="122187" spans="8:8">
      <c r="H122187" s="12"/>
    </row>
    <row r="122188" spans="8:8">
      <c r="H122188" s="12"/>
    </row>
    <row r="122189" spans="8:8">
      <c r="H122189" s="12"/>
    </row>
    <row r="122190" spans="8:8">
      <c r="H122190" s="12"/>
    </row>
    <row r="122191" spans="8:8">
      <c r="H122191" s="12"/>
    </row>
    <row r="122192" spans="8:8">
      <c r="H122192" s="12"/>
    </row>
    <row r="122193" spans="8:8">
      <c r="H122193" s="12"/>
    </row>
    <row r="122194" spans="8:8">
      <c r="H122194" s="12"/>
    </row>
    <row r="122195" spans="8:8">
      <c r="H122195" s="12"/>
    </row>
    <row r="122196" spans="8:8">
      <c r="H122196" s="12"/>
    </row>
    <row r="122197" spans="8:8">
      <c r="H122197" s="12"/>
    </row>
    <row r="122198" spans="8:8">
      <c r="H122198" s="12"/>
    </row>
    <row r="122199" spans="8:8">
      <c r="H122199" s="12"/>
    </row>
    <row r="122200" spans="8:8">
      <c r="H122200" s="12"/>
    </row>
    <row r="122201" spans="8:8">
      <c r="H122201" s="12"/>
    </row>
    <row r="122202" spans="8:8">
      <c r="H122202" s="12"/>
    </row>
    <row r="122203" spans="8:8">
      <c r="H122203" s="12"/>
    </row>
    <row r="122204" spans="8:8">
      <c r="H122204" s="12"/>
    </row>
    <row r="122205" spans="8:8">
      <c r="H122205" s="12"/>
    </row>
    <row r="122206" spans="8:8">
      <c r="H122206" s="12"/>
    </row>
    <row r="122207" spans="8:8">
      <c r="H122207" s="12"/>
    </row>
    <row r="122208" spans="8:8">
      <c r="H122208" s="12"/>
    </row>
    <row r="122209" spans="8:8">
      <c r="H122209" s="12"/>
    </row>
    <row r="122210" spans="8:8">
      <c r="H122210" s="12"/>
    </row>
    <row r="122211" spans="8:8">
      <c r="H122211" s="12"/>
    </row>
    <row r="122212" spans="8:8">
      <c r="H122212" s="12"/>
    </row>
    <row r="122213" spans="8:8">
      <c r="H122213" s="12"/>
    </row>
    <row r="122214" spans="8:8">
      <c r="H122214" s="12"/>
    </row>
    <row r="122215" spans="8:8">
      <c r="H122215" s="12"/>
    </row>
    <row r="122216" spans="8:8">
      <c r="H122216" s="12"/>
    </row>
    <row r="122217" spans="8:8">
      <c r="H122217" s="12"/>
    </row>
    <row r="122218" spans="8:8">
      <c r="H122218" s="12"/>
    </row>
    <row r="122219" spans="8:8">
      <c r="H122219" s="12"/>
    </row>
    <row r="122220" spans="8:8">
      <c r="H122220" s="12"/>
    </row>
    <row r="122221" spans="8:8">
      <c r="H122221" s="12"/>
    </row>
    <row r="122222" spans="8:8">
      <c r="H122222" s="12"/>
    </row>
    <row r="122223" spans="8:8">
      <c r="H122223" s="12"/>
    </row>
    <row r="122224" spans="8:8">
      <c r="H122224" s="12"/>
    </row>
    <row r="122225" spans="8:8">
      <c r="H122225" s="12"/>
    </row>
    <row r="122226" spans="8:8">
      <c r="H122226" s="12"/>
    </row>
    <row r="122227" spans="8:8">
      <c r="H122227" s="12"/>
    </row>
    <row r="122228" spans="8:8">
      <c r="H122228" s="12"/>
    </row>
    <row r="122229" spans="8:8">
      <c r="H122229" s="12"/>
    </row>
    <row r="122230" spans="8:8">
      <c r="H122230" s="12"/>
    </row>
    <row r="122231" spans="8:8">
      <c r="H122231" s="12"/>
    </row>
    <row r="122232" spans="8:8">
      <c r="H122232" s="12"/>
    </row>
    <row r="122233" spans="8:8">
      <c r="H122233" s="12"/>
    </row>
    <row r="122234" spans="8:8">
      <c r="H122234" s="12"/>
    </row>
    <row r="122235" spans="8:8">
      <c r="H122235" s="12"/>
    </row>
    <row r="122236" spans="8:8">
      <c r="H122236" s="12"/>
    </row>
    <row r="122237" spans="8:8">
      <c r="H122237" s="12"/>
    </row>
    <row r="122238" spans="8:8">
      <c r="H122238" s="12"/>
    </row>
    <row r="122239" spans="8:8">
      <c r="H122239" s="12"/>
    </row>
    <row r="122240" spans="8:8">
      <c r="H122240" s="12"/>
    </row>
    <row r="122241" spans="8:8">
      <c r="H122241" s="12"/>
    </row>
    <row r="122242" spans="8:8">
      <c r="H122242" s="12"/>
    </row>
    <row r="122243" spans="8:8">
      <c r="H122243" s="12"/>
    </row>
    <row r="122244" spans="8:8">
      <c r="H122244" s="12"/>
    </row>
    <row r="122245" spans="8:8">
      <c r="H122245" s="12"/>
    </row>
    <row r="122246" spans="8:8">
      <c r="H122246" s="12"/>
    </row>
    <row r="122247" spans="8:8">
      <c r="H122247" s="12"/>
    </row>
    <row r="122248" spans="8:8">
      <c r="H122248" s="12"/>
    </row>
    <row r="122249" spans="8:8">
      <c r="H122249" s="12"/>
    </row>
    <row r="122250" spans="8:8">
      <c r="H122250" s="12"/>
    </row>
    <row r="122251" spans="8:8">
      <c r="H122251" s="12"/>
    </row>
    <row r="122252" spans="8:8">
      <c r="H122252" s="12"/>
    </row>
    <row r="122253" spans="8:8">
      <c r="H122253" s="12"/>
    </row>
    <row r="122254" spans="8:8">
      <c r="H122254" s="12"/>
    </row>
    <row r="122255" spans="8:8">
      <c r="H122255" s="12"/>
    </row>
    <row r="122256" spans="8:8">
      <c r="H122256" s="12"/>
    </row>
    <row r="122257" spans="8:8">
      <c r="H122257" s="12"/>
    </row>
    <row r="122258" spans="8:8">
      <c r="H122258" s="12"/>
    </row>
    <row r="122259" spans="8:8">
      <c r="H122259" s="12"/>
    </row>
    <row r="122260" spans="8:8">
      <c r="H122260" s="12"/>
    </row>
    <row r="122261" spans="8:8">
      <c r="H122261" s="12"/>
    </row>
    <row r="122262" spans="8:8">
      <c r="H122262" s="12"/>
    </row>
    <row r="122263" spans="8:8">
      <c r="H122263" s="12"/>
    </row>
    <row r="122264" spans="8:8">
      <c r="H122264" s="12"/>
    </row>
    <row r="122265" spans="8:8">
      <c r="H122265" s="12"/>
    </row>
    <row r="122266" spans="8:8">
      <c r="H122266" s="12"/>
    </row>
    <row r="122267" spans="8:8">
      <c r="H122267" s="12"/>
    </row>
    <row r="122268" spans="8:8">
      <c r="H122268" s="12"/>
    </row>
    <row r="122269" spans="8:8">
      <c r="H122269" s="12"/>
    </row>
    <row r="122270" spans="8:8">
      <c r="H122270" s="12"/>
    </row>
    <row r="122271" spans="8:8">
      <c r="H122271" s="12"/>
    </row>
    <row r="122272" spans="8:8">
      <c r="H122272" s="12"/>
    </row>
    <row r="122273" spans="8:8">
      <c r="H122273" s="12"/>
    </row>
    <row r="122274" spans="8:8">
      <c r="H122274" s="12"/>
    </row>
    <row r="122275" spans="8:8">
      <c r="H122275" s="12"/>
    </row>
    <row r="122276" spans="8:8">
      <c r="H122276" s="12"/>
    </row>
    <row r="122277" spans="8:8">
      <c r="H122277" s="12"/>
    </row>
    <row r="122278" spans="8:8">
      <c r="H122278" s="12"/>
    </row>
    <row r="122279" spans="8:8">
      <c r="H122279" s="12"/>
    </row>
    <row r="122280" spans="8:8">
      <c r="H122280" s="12"/>
    </row>
    <row r="122281" spans="8:8">
      <c r="H122281" s="12"/>
    </row>
    <row r="122282" spans="8:8">
      <c r="H122282" s="12"/>
    </row>
    <row r="122283" spans="8:8">
      <c r="H122283" s="12"/>
    </row>
    <row r="122284" spans="8:8">
      <c r="H122284" s="12"/>
    </row>
    <row r="122285" spans="8:8">
      <c r="H122285" s="12"/>
    </row>
    <row r="122286" spans="8:8">
      <c r="H122286" s="12"/>
    </row>
    <row r="122287" spans="8:8">
      <c r="H122287" s="12"/>
    </row>
    <row r="122288" spans="8:8">
      <c r="H122288" s="12"/>
    </row>
    <row r="122289" spans="8:8">
      <c r="H122289" s="12"/>
    </row>
    <row r="122290" spans="8:8">
      <c r="H122290" s="12"/>
    </row>
    <row r="122291" spans="8:8">
      <c r="H122291" s="12"/>
    </row>
    <row r="122292" spans="8:8">
      <c r="H122292" s="12"/>
    </row>
    <row r="122293" spans="8:8">
      <c r="H122293" s="12"/>
    </row>
    <row r="122294" spans="8:8">
      <c r="H122294" s="12"/>
    </row>
    <row r="122295" spans="8:8">
      <c r="H122295" s="12"/>
    </row>
    <row r="122296" spans="8:8">
      <c r="H122296" s="12"/>
    </row>
    <row r="122297" spans="8:8">
      <c r="H122297" s="12"/>
    </row>
    <row r="122298" spans="8:8">
      <c r="H122298" s="12"/>
    </row>
    <row r="122299" spans="8:8">
      <c r="H122299" s="12"/>
    </row>
    <row r="122300" spans="8:8">
      <c r="H122300" s="12"/>
    </row>
    <row r="122301" spans="8:8">
      <c r="H122301" s="12"/>
    </row>
    <row r="122302" spans="8:8">
      <c r="H122302" s="12"/>
    </row>
    <row r="122303" spans="8:8">
      <c r="H122303" s="12"/>
    </row>
    <row r="122304" spans="8:8">
      <c r="H122304" s="12"/>
    </row>
    <row r="122305" spans="8:8">
      <c r="H122305" s="12"/>
    </row>
    <row r="122306" spans="8:8">
      <c r="H122306" s="12"/>
    </row>
    <row r="122307" spans="8:8">
      <c r="H122307" s="12"/>
    </row>
    <row r="122308" spans="8:8">
      <c r="H122308" s="12"/>
    </row>
    <row r="122309" spans="8:8">
      <c r="H122309" s="12"/>
    </row>
    <row r="122310" spans="8:8">
      <c r="H122310" s="12"/>
    </row>
    <row r="122311" spans="8:8">
      <c r="H122311" s="12"/>
    </row>
    <row r="122312" spans="8:8">
      <c r="H122312" s="12"/>
    </row>
    <row r="122313" spans="8:8">
      <c r="H122313" s="12"/>
    </row>
    <row r="122314" spans="8:8">
      <c r="H122314" s="12"/>
    </row>
    <row r="122315" spans="8:8">
      <c r="H122315" s="12"/>
    </row>
    <row r="122316" spans="8:8">
      <c r="H122316" s="12"/>
    </row>
    <row r="122317" spans="8:8">
      <c r="H122317" s="12"/>
    </row>
    <row r="122318" spans="8:8">
      <c r="H122318" s="12"/>
    </row>
    <row r="122319" spans="8:8">
      <c r="H122319" s="12"/>
    </row>
    <row r="122320" spans="8:8">
      <c r="H122320" s="12"/>
    </row>
    <row r="122321" spans="8:8">
      <c r="H122321" s="12"/>
    </row>
    <row r="122322" spans="8:8">
      <c r="H122322" s="12"/>
    </row>
    <row r="122323" spans="8:8">
      <c r="H122323" s="12"/>
    </row>
    <row r="122324" spans="8:8">
      <c r="H122324" s="12"/>
    </row>
    <row r="122325" spans="8:8">
      <c r="H122325" s="12"/>
    </row>
    <row r="122326" spans="8:8">
      <c r="H122326" s="12"/>
    </row>
    <row r="122327" spans="8:8">
      <c r="H122327" s="12"/>
    </row>
    <row r="122328" spans="8:8">
      <c r="H122328" s="12"/>
    </row>
    <row r="122329" spans="8:8">
      <c r="H122329" s="12"/>
    </row>
    <row r="122330" spans="8:8">
      <c r="H122330" s="12"/>
    </row>
    <row r="122331" spans="8:8">
      <c r="H122331" s="12"/>
    </row>
    <row r="122332" spans="8:8">
      <c r="H122332" s="12"/>
    </row>
    <row r="122333" spans="8:8">
      <c r="H122333" s="12"/>
    </row>
    <row r="122334" spans="8:8">
      <c r="H122334" s="12"/>
    </row>
    <row r="122335" spans="8:8">
      <c r="H122335" s="12"/>
    </row>
    <row r="122336" spans="8:8">
      <c r="H122336" s="12"/>
    </row>
    <row r="122337" spans="8:8">
      <c r="H122337" s="12"/>
    </row>
    <row r="122338" spans="8:8">
      <c r="H122338" s="12"/>
    </row>
    <row r="122339" spans="8:8">
      <c r="H122339" s="12"/>
    </row>
    <row r="122340" spans="8:8">
      <c r="H122340" s="12"/>
    </row>
    <row r="122341" spans="8:8">
      <c r="H122341" s="12"/>
    </row>
    <row r="122342" spans="8:8">
      <c r="H122342" s="12"/>
    </row>
    <row r="122343" spans="8:8">
      <c r="H122343" s="12"/>
    </row>
    <row r="122344" spans="8:8">
      <c r="H122344" s="12"/>
    </row>
    <row r="122345" spans="8:8">
      <c r="H122345" s="12"/>
    </row>
    <row r="122346" spans="8:8">
      <c r="H122346" s="12"/>
    </row>
    <row r="122347" spans="8:8">
      <c r="H122347" s="12"/>
    </row>
    <row r="122348" spans="8:8">
      <c r="H122348" s="12"/>
    </row>
    <row r="122349" spans="8:8">
      <c r="H122349" s="12"/>
    </row>
    <row r="122350" spans="8:8">
      <c r="H122350" s="12"/>
    </row>
    <row r="122351" spans="8:8">
      <c r="H122351" s="12"/>
    </row>
    <row r="122352" spans="8:8">
      <c r="H122352" s="12"/>
    </row>
    <row r="122353" spans="8:8">
      <c r="H122353" s="12"/>
    </row>
    <row r="122354" spans="8:8">
      <c r="H122354" s="12"/>
    </row>
    <row r="122355" spans="8:8">
      <c r="H122355" s="12"/>
    </row>
    <row r="122356" spans="8:8">
      <c r="H122356" s="12"/>
    </row>
    <row r="122357" spans="8:8">
      <c r="H122357" s="12"/>
    </row>
    <row r="122358" spans="8:8">
      <c r="H122358" s="12"/>
    </row>
    <row r="122359" spans="8:8">
      <c r="H122359" s="12"/>
    </row>
    <row r="122360" spans="8:8">
      <c r="H122360" s="12"/>
    </row>
    <row r="122361" spans="8:8">
      <c r="H122361" s="12"/>
    </row>
    <row r="122362" spans="8:8">
      <c r="H122362" s="12"/>
    </row>
    <row r="122363" spans="8:8">
      <c r="H122363" s="12"/>
    </row>
    <row r="122364" spans="8:8">
      <c r="H122364" s="12"/>
    </row>
    <row r="122365" spans="8:8">
      <c r="H122365" s="12"/>
    </row>
    <row r="122366" spans="8:8">
      <c r="H122366" s="12"/>
    </row>
    <row r="122367" spans="8:8">
      <c r="H122367" s="12"/>
    </row>
    <row r="122368" spans="8:8">
      <c r="H122368" s="12"/>
    </row>
    <row r="122369" spans="8:8">
      <c r="H122369" s="12"/>
    </row>
    <row r="122370" spans="8:8">
      <c r="H122370" s="12"/>
    </row>
    <row r="122371" spans="8:8">
      <c r="H122371" s="12"/>
    </row>
    <row r="122372" spans="8:8">
      <c r="H122372" s="12"/>
    </row>
    <row r="122373" spans="8:8">
      <c r="H122373" s="12"/>
    </row>
    <row r="122374" spans="8:8">
      <c r="H122374" s="12"/>
    </row>
    <row r="122375" spans="8:8">
      <c r="H122375" s="12"/>
    </row>
    <row r="122376" spans="8:8">
      <c r="H122376" s="12"/>
    </row>
    <row r="122377" spans="8:8">
      <c r="H122377" s="12"/>
    </row>
    <row r="122378" spans="8:8">
      <c r="H122378" s="12"/>
    </row>
    <row r="122379" spans="8:8">
      <c r="H122379" s="12"/>
    </row>
    <row r="122380" spans="8:8">
      <c r="H122380" s="12"/>
    </row>
    <row r="122381" spans="8:8">
      <c r="H122381" s="12"/>
    </row>
    <row r="122382" spans="8:8">
      <c r="H122382" s="12"/>
    </row>
    <row r="122383" spans="8:8">
      <c r="H122383" s="12"/>
    </row>
    <row r="122384" spans="8:8">
      <c r="H122384" s="12"/>
    </row>
    <row r="122385" spans="8:8">
      <c r="H122385" s="12"/>
    </row>
    <row r="122386" spans="8:8">
      <c r="H122386" s="12"/>
    </row>
    <row r="122387" spans="8:8">
      <c r="H122387" s="12"/>
    </row>
    <row r="122388" spans="8:8">
      <c r="H122388" s="12"/>
    </row>
    <row r="122389" spans="8:8">
      <c r="H122389" s="12"/>
    </row>
    <row r="122390" spans="8:8">
      <c r="H122390" s="12"/>
    </row>
    <row r="122391" spans="8:8">
      <c r="H122391" s="12"/>
    </row>
    <row r="122392" spans="8:8">
      <c r="H122392" s="12"/>
    </row>
    <row r="122393" spans="8:8">
      <c r="H122393" s="12"/>
    </row>
    <row r="122394" spans="8:8">
      <c r="H122394" s="12"/>
    </row>
    <row r="122395" spans="8:8">
      <c r="H122395" s="12"/>
    </row>
    <row r="122396" spans="8:8">
      <c r="H122396" s="12"/>
    </row>
    <row r="122397" spans="8:8">
      <c r="H122397" s="12"/>
    </row>
    <row r="122398" spans="8:8">
      <c r="H122398" s="12"/>
    </row>
    <row r="122399" spans="8:8">
      <c r="H122399" s="12"/>
    </row>
    <row r="122400" spans="8:8">
      <c r="H122400" s="12"/>
    </row>
    <row r="122401" spans="8:8">
      <c r="H122401" s="12"/>
    </row>
    <row r="122402" spans="8:8">
      <c r="H122402" s="12"/>
    </row>
    <row r="122403" spans="8:8">
      <c r="H122403" s="12"/>
    </row>
    <row r="122404" spans="8:8">
      <c r="H122404" s="12"/>
    </row>
    <row r="122405" spans="8:8">
      <c r="H122405" s="12"/>
    </row>
    <row r="122406" spans="8:8">
      <c r="H122406" s="12"/>
    </row>
    <row r="122407" spans="8:8">
      <c r="H122407" s="12"/>
    </row>
    <row r="122408" spans="8:8">
      <c r="H122408" s="12"/>
    </row>
    <row r="122409" spans="8:8">
      <c r="H122409" s="12"/>
    </row>
    <row r="122410" spans="8:8">
      <c r="H122410" s="12"/>
    </row>
    <row r="122411" spans="8:8">
      <c r="H122411" s="12"/>
    </row>
    <row r="122412" spans="8:8">
      <c r="H122412" s="12"/>
    </row>
    <row r="122413" spans="8:8">
      <c r="H122413" s="12"/>
    </row>
    <row r="122414" spans="8:8">
      <c r="H122414" s="12"/>
    </row>
    <row r="122415" spans="8:8">
      <c r="H122415" s="12"/>
    </row>
    <row r="122416" spans="8:8">
      <c r="H122416" s="12"/>
    </row>
    <row r="122417" spans="8:8">
      <c r="H122417" s="12"/>
    </row>
    <row r="122418" spans="8:8">
      <c r="H122418" s="12"/>
    </row>
    <row r="122419" spans="8:8">
      <c r="H122419" s="12"/>
    </row>
    <row r="122420" spans="8:8">
      <c r="H122420" s="12"/>
    </row>
    <row r="122421" spans="8:8">
      <c r="H122421" s="12"/>
    </row>
    <row r="122422" spans="8:8">
      <c r="H122422" s="12"/>
    </row>
    <row r="122423" spans="8:8">
      <c r="H122423" s="12"/>
    </row>
    <row r="122424" spans="8:8">
      <c r="H122424" s="12"/>
    </row>
    <row r="122425" spans="8:8">
      <c r="H122425" s="12"/>
    </row>
    <row r="122426" spans="8:8">
      <c r="H122426" s="12"/>
    </row>
    <row r="122427" spans="8:8">
      <c r="H122427" s="12"/>
    </row>
    <row r="122428" spans="8:8">
      <c r="H122428" s="12"/>
    </row>
    <row r="122429" spans="8:8">
      <c r="H122429" s="12"/>
    </row>
    <row r="122430" spans="8:8">
      <c r="H122430" s="12"/>
    </row>
    <row r="122431" spans="8:8">
      <c r="H122431" s="12"/>
    </row>
    <row r="122432" spans="8:8">
      <c r="H122432" s="12"/>
    </row>
    <row r="122433" spans="8:8">
      <c r="H122433" s="12"/>
    </row>
    <row r="122434" spans="8:8">
      <c r="H122434" s="12"/>
    </row>
    <row r="122435" spans="8:8">
      <c r="H122435" s="12"/>
    </row>
    <row r="122436" spans="8:8">
      <c r="H122436" s="12"/>
    </row>
    <row r="122437" spans="8:8">
      <c r="H122437" s="12"/>
    </row>
    <row r="122438" spans="8:8">
      <c r="H122438" s="12"/>
    </row>
    <row r="122439" spans="8:8">
      <c r="H122439" s="12"/>
    </row>
    <row r="122440" spans="8:8">
      <c r="H122440" s="12"/>
    </row>
    <row r="122441" spans="8:8">
      <c r="H122441" s="12"/>
    </row>
    <row r="122442" spans="8:8">
      <c r="H122442" s="12"/>
    </row>
    <row r="122443" spans="8:8">
      <c r="H122443" s="12"/>
    </row>
    <row r="122444" spans="8:8">
      <c r="H122444" s="12"/>
    </row>
    <row r="122445" spans="8:8">
      <c r="H122445" s="12"/>
    </row>
    <row r="122446" spans="8:8">
      <c r="H122446" s="12"/>
    </row>
    <row r="122447" spans="8:8">
      <c r="H122447" s="12"/>
    </row>
    <row r="122448" spans="8:8">
      <c r="H122448" s="12"/>
    </row>
    <row r="122449" spans="8:8">
      <c r="H122449" s="12"/>
    </row>
    <row r="122450" spans="8:8">
      <c r="H122450" s="12"/>
    </row>
    <row r="122451" spans="8:8">
      <c r="H122451" s="12"/>
    </row>
    <row r="122452" spans="8:8">
      <c r="H122452" s="12"/>
    </row>
    <row r="122453" spans="8:8">
      <c r="H122453" s="12"/>
    </row>
    <row r="122454" spans="8:8">
      <c r="H122454" s="12"/>
    </row>
    <row r="122455" spans="8:8">
      <c r="H122455" s="12"/>
    </row>
    <row r="122456" spans="8:8">
      <c r="H122456" s="12"/>
    </row>
    <row r="122457" spans="8:8">
      <c r="H122457" s="12"/>
    </row>
    <row r="122458" spans="8:8">
      <c r="H122458" s="12"/>
    </row>
    <row r="122459" spans="8:8">
      <c r="H122459" s="12"/>
    </row>
    <row r="122460" spans="8:8">
      <c r="H122460" s="12"/>
    </row>
    <row r="122461" spans="8:8">
      <c r="H122461" s="12"/>
    </row>
    <row r="122462" spans="8:8">
      <c r="H122462" s="12"/>
    </row>
    <row r="122463" spans="8:8">
      <c r="H122463" s="12"/>
    </row>
    <row r="122464" spans="8:8">
      <c r="H122464" s="12"/>
    </row>
    <row r="122465" spans="8:8">
      <c r="H122465" s="12"/>
    </row>
    <row r="122466" spans="8:8">
      <c r="H122466" s="12"/>
    </row>
    <row r="122467" spans="8:8">
      <c r="H122467" s="12"/>
    </row>
    <row r="122468" spans="8:8">
      <c r="H122468" s="12"/>
    </row>
    <row r="122469" spans="8:8">
      <c r="H122469" s="12"/>
    </row>
    <row r="122470" spans="8:8">
      <c r="H122470" s="12"/>
    </row>
    <row r="122471" spans="8:8">
      <c r="H122471" s="12"/>
    </row>
    <row r="122472" spans="8:8">
      <c r="H122472" s="12"/>
    </row>
    <row r="122473" spans="8:8">
      <c r="H122473" s="12"/>
    </row>
    <row r="122474" spans="8:8">
      <c r="H122474" s="12"/>
    </row>
    <row r="122475" spans="8:8">
      <c r="H122475" s="12"/>
    </row>
    <row r="122476" spans="8:8">
      <c r="H122476" s="12"/>
    </row>
    <row r="122477" spans="8:8">
      <c r="H122477" s="12"/>
    </row>
    <row r="122478" spans="8:8">
      <c r="H122478" s="12"/>
    </row>
    <row r="122479" spans="8:8">
      <c r="H122479" s="12"/>
    </row>
    <row r="122480" spans="8:8">
      <c r="H122480" s="12"/>
    </row>
    <row r="122481" spans="8:8">
      <c r="H122481" s="12"/>
    </row>
    <row r="122482" spans="8:8">
      <c r="H122482" s="12"/>
    </row>
    <row r="122483" spans="8:8">
      <c r="H122483" s="12"/>
    </row>
    <row r="122484" spans="8:8">
      <c r="H122484" s="12"/>
    </row>
    <row r="122485" spans="8:8">
      <c r="H122485" s="12"/>
    </row>
    <row r="122486" spans="8:8">
      <c r="H122486" s="12"/>
    </row>
    <row r="122487" spans="8:8">
      <c r="H122487" s="12"/>
    </row>
    <row r="122488" spans="8:8">
      <c r="H122488" s="12"/>
    </row>
    <row r="122489" spans="8:8">
      <c r="H122489" s="12"/>
    </row>
    <row r="122490" spans="8:8">
      <c r="H122490" s="12"/>
    </row>
    <row r="122491" spans="8:8">
      <c r="H122491" s="12"/>
    </row>
    <row r="122492" spans="8:8">
      <c r="H122492" s="12"/>
    </row>
    <row r="122493" spans="8:8">
      <c r="H122493" s="12"/>
    </row>
    <row r="122494" spans="8:8">
      <c r="H122494" s="12"/>
    </row>
    <row r="122495" spans="8:8">
      <c r="H122495" s="12"/>
    </row>
    <row r="122496" spans="8:8">
      <c r="H122496" s="12"/>
    </row>
    <row r="122497" spans="8:8">
      <c r="H122497" s="12"/>
    </row>
    <row r="122498" spans="8:8">
      <c r="H122498" s="12"/>
    </row>
    <row r="122499" spans="8:8">
      <c r="H122499" s="12"/>
    </row>
    <row r="122500" spans="8:8">
      <c r="H122500" s="12"/>
    </row>
    <row r="122501" spans="8:8">
      <c r="H122501" s="12"/>
    </row>
    <row r="122502" spans="8:8">
      <c r="H122502" s="12"/>
    </row>
    <row r="122503" spans="8:8">
      <c r="H122503" s="12"/>
    </row>
    <row r="122504" spans="8:8">
      <c r="H122504" s="12"/>
    </row>
    <row r="122505" spans="8:8">
      <c r="H122505" s="12"/>
    </row>
    <row r="122506" spans="8:8">
      <c r="H122506" s="12"/>
    </row>
    <row r="122507" spans="8:8">
      <c r="H122507" s="12"/>
    </row>
    <row r="122508" spans="8:8">
      <c r="H122508" s="12"/>
    </row>
    <row r="122509" spans="8:8">
      <c r="H122509" s="12"/>
    </row>
    <row r="122510" spans="8:8">
      <c r="H122510" s="12"/>
    </row>
    <row r="122511" spans="8:8">
      <c r="H122511" s="12"/>
    </row>
    <row r="122512" spans="8:8">
      <c r="H122512" s="12"/>
    </row>
    <row r="122513" spans="8:8">
      <c r="H122513" s="12"/>
    </row>
    <row r="122514" spans="8:8">
      <c r="H122514" s="12"/>
    </row>
    <row r="122515" spans="8:8">
      <c r="H122515" s="12"/>
    </row>
    <row r="122516" spans="8:8">
      <c r="H122516" s="12"/>
    </row>
    <row r="122517" spans="8:8">
      <c r="H122517" s="12"/>
    </row>
    <row r="122518" spans="8:8">
      <c r="H122518" s="12"/>
    </row>
    <row r="122519" spans="8:8">
      <c r="H122519" s="12"/>
    </row>
    <row r="122520" spans="8:8">
      <c r="H122520" s="12"/>
    </row>
    <row r="122521" spans="8:8">
      <c r="H122521" s="12"/>
    </row>
    <row r="122522" spans="8:8">
      <c r="H122522" s="12"/>
    </row>
    <row r="122523" spans="8:8">
      <c r="H122523" s="12"/>
    </row>
    <row r="122524" spans="8:8">
      <c r="H122524" s="12"/>
    </row>
    <row r="122525" spans="8:8">
      <c r="H122525" s="12"/>
    </row>
    <row r="122526" spans="8:8">
      <c r="H122526" s="12"/>
    </row>
    <row r="122527" spans="8:8">
      <c r="H122527" s="12"/>
    </row>
    <row r="122528" spans="8:8">
      <c r="H122528" s="12"/>
    </row>
    <row r="122529" spans="8:8">
      <c r="H122529" s="12"/>
    </row>
    <row r="122530" spans="8:8">
      <c r="H122530" s="12"/>
    </row>
    <row r="122531" spans="8:8">
      <c r="H122531" s="12"/>
    </row>
    <row r="122532" spans="8:8">
      <c r="H122532" s="12"/>
    </row>
    <row r="122533" spans="8:8">
      <c r="H122533" s="12"/>
    </row>
    <row r="122534" spans="8:8">
      <c r="H122534" s="12"/>
    </row>
    <row r="122535" spans="8:8">
      <c r="H122535" s="12"/>
    </row>
    <row r="122536" spans="8:8">
      <c r="H122536" s="12"/>
    </row>
    <row r="122537" spans="8:8">
      <c r="H122537" s="12"/>
    </row>
    <row r="122538" spans="8:8">
      <c r="H122538" s="12"/>
    </row>
    <row r="122539" spans="8:8">
      <c r="H122539" s="12"/>
    </row>
    <row r="122540" spans="8:8">
      <c r="H122540" s="12"/>
    </row>
    <row r="122541" spans="8:8">
      <c r="H122541" s="12"/>
    </row>
    <row r="122542" spans="8:8">
      <c r="H122542" s="12"/>
    </row>
    <row r="122543" spans="8:8">
      <c r="H122543" s="12"/>
    </row>
    <row r="122544" spans="8:8">
      <c r="H122544" s="12"/>
    </row>
    <row r="122545" spans="8:8">
      <c r="H122545" s="12"/>
    </row>
    <row r="122546" spans="8:8">
      <c r="H122546" s="12"/>
    </row>
    <row r="122547" spans="8:8">
      <c r="H122547" s="12"/>
    </row>
    <row r="122548" spans="8:8">
      <c r="H122548" s="12"/>
    </row>
    <row r="122549" spans="8:8">
      <c r="H122549" s="12"/>
    </row>
    <row r="122550" spans="8:8">
      <c r="H122550" s="12"/>
    </row>
    <row r="122551" spans="8:8">
      <c r="H122551" s="12"/>
    </row>
    <row r="122552" spans="8:8">
      <c r="H122552" s="12"/>
    </row>
    <row r="122553" spans="8:8">
      <c r="H122553" s="12"/>
    </row>
    <row r="122554" spans="8:8">
      <c r="H122554" s="12"/>
    </row>
    <row r="122555" spans="8:8">
      <c r="H122555" s="12"/>
    </row>
    <row r="122556" spans="8:8">
      <c r="H122556" s="12"/>
    </row>
    <row r="122557" spans="8:8">
      <c r="H122557" s="12"/>
    </row>
    <row r="122558" spans="8:8">
      <c r="H122558" s="12"/>
    </row>
    <row r="122559" spans="8:8">
      <c r="H122559" s="12"/>
    </row>
    <row r="122560" spans="8:8">
      <c r="H122560" s="12"/>
    </row>
    <row r="122561" spans="8:8">
      <c r="H122561" s="12"/>
    </row>
    <row r="122562" spans="8:8">
      <c r="H122562" s="12"/>
    </row>
    <row r="122563" spans="8:8">
      <c r="H122563" s="12"/>
    </row>
    <row r="122564" spans="8:8">
      <c r="H122564" s="12"/>
    </row>
    <row r="122565" spans="8:8">
      <c r="H122565" s="12"/>
    </row>
    <row r="122566" spans="8:8">
      <c r="H122566" s="12"/>
    </row>
    <row r="122567" spans="8:8">
      <c r="H122567" s="12"/>
    </row>
    <row r="122568" spans="8:8">
      <c r="H122568" s="12"/>
    </row>
    <row r="122569" spans="8:8">
      <c r="H122569" s="12"/>
    </row>
    <row r="122570" spans="8:8">
      <c r="H122570" s="12"/>
    </row>
    <row r="122571" spans="8:8">
      <c r="H122571" s="12"/>
    </row>
    <row r="122572" spans="8:8">
      <c r="H122572" s="12"/>
    </row>
    <row r="122573" spans="8:8">
      <c r="H122573" s="12"/>
    </row>
    <row r="122574" spans="8:8">
      <c r="H122574" s="12"/>
    </row>
    <row r="122575" spans="8:8">
      <c r="H122575" s="12"/>
    </row>
    <row r="122576" spans="8:8">
      <c r="H122576" s="12"/>
    </row>
    <row r="122577" spans="8:8">
      <c r="H122577" s="12"/>
    </row>
    <row r="122578" spans="8:8">
      <c r="H122578" s="12"/>
    </row>
    <row r="122579" spans="8:8">
      <c r="H122579" s="12"/>
    </row>
    <row r="122580" spans="8:8">
      <c r="H122580" s="12"/>
    </row>
    <row r="122581" spans="8:8">
      <c r="H122581" s="12"/>
    </row>
    <row r="122582" spans="8:8">
      <c r="H122582" s="12"/>
    </row>
    <row r="122583" spans="8:8">
      <c r="H122583" s="12"/>
    </row>
    <row r="122584" spans="8:8">
      <c r="H122584" s="12"/>
    </row>
    <row r="122585" spans="8:8">
      <c r="H122585" s="12"/>
    </row>
    <row r="122586" spans="8:8">
      <c r="H122586" s="12"/>
    </row>
    <row r="122587" spans="8:8">
      <c r="H122587" s="12"/>
    </row>
    <row r="122588" spans="8:8">
      <c r="H122588" s="12"/>
    </row>
    <row r="122589" spans="8:8">
      <c r="H122589" s="12"/>
    </row>
    <row r="122590" spans="8:8">
      <c r="H122590" s="12"/>
    </row>
    <row r="122591" spans="8:8">
      <c r="H122591" s="12"/>
    </row>
    <row r="122592" spans="8:8">
      <c r="H122592" s="12"/>
    </row>
    <row r="122593" spans="8:8">
      <c r="H122593" s="12"/>
    </row>
    <row r="122594" spans="8:8">
      <c r="H122594" s="12"/>
    </row>
    <row r="122595" spans="8:8">
      <c r="H122595" s="12"/>
    </row>
    <row r="122596" spans="8:8">
      <c r="H122596" s="12"/>
    </row>
    <row r="122597" spans="8:8">
      <c r="H122597" s="12"/>
    </row>
    <row r="122598" spans="8:8">
      <c r="H122598" s="12"/>
    </row>
    <row r="122599" spans="8:8">
      <c r="H122599" s="12"/>
    </row>
    <row r="122600" spans="8:8">
      <c r="H122600" s="12"/>
    </row>
    <row r="122601" spans="8:8">
      <c r="H122601" s="12"/>
    </row>
    <row r="122602" spans="8:8">
      <c r="H122602" s="12"/>
    </row>
    <row r="122603" spans="8:8">
      <c r="H122603" s="12"/>
    </row>
    <row r="122604" spans="8:8">
      <c r="H122604" s="12"/>
    </row>
    <row r="122605" spans="8:8">
      <c r="H122605" s="12"/>
    </row>
    <row r="122606" spans="8:8">
      <c r="H122606" s="12"/>
    </row>
    <row r="122607" spans="8:8">
      <c r="H122607" s="12"/>
    </row>
    <row r="122608" spans="8:8">
      <c r="H122608" s="12"/>
    </row>
    <row r="122609" spans="8:8">
      <c r="H122609" s="12"/>
    </row>
    <row r="122610" spans="8:8">
      <c r="H122610" s="12"/>
    </row>
    <row r="122611" spans="8:8">
      <c r="H122611" s="12"/>
    </row>
    <row r="122612" spans="8:8">
      <c r="H122612" s="12"/>
    </row>
    <row r="122613" spans="8:8">
      <c r="H122613" s="12"/>
    </row>
    <row r="122614" spans="8:8">
      <c r="H122614" s="12"/>
    </row>
    <row r="122615" spans="8:8">
      <c r="H122615" s="12"/>
    </row>
    <row r="122616" spans="8:8">
      <c r="H122616" s="12"/>
    </row>
    <row r="122617" spans="8:8">
      <c r="H122617" s="12"/>
    </row>
    <row r="122618" spans="8:8">
      <c r="H122618" s="12"/>
    </row>
    <row r="122619" spans="8:8">
      <c r="H122619" s="12"/>
    </row>
    <row r="122620" spans="8:8">
      <c r="H122620" s="12"/>
    </row>
    <row r="122621" spans="8:8">
      <c r="H122621" s="12"/>
    </row>
    <row r="122622" spans="8:8">
      <c r="H122622" s="12"/>
    </row>
    <row r="122623" spans="8:8">
      <c r="H122623" s="12"/>
    </row>
    <row r="122624" spans="8:8">
      <c r="H122624" s="12"/>
    </row>
    <row r="122625" spans="8:8">
      <c r="H122625" s="12"/>
    </row>
    <row r="122626" spans="8:8">
      <c r="H122626" s="12"/>
    </row>
    <row r="122627" spans="8:8">
      <c r="H122627" s="12"/>
    </row>
    <row r="122628" spans="8:8">
      <c r="H122628" s="12"/>
    </row>
    <row r="122629" spans="8:8">
      <c r="H122629" s="12"/>
    </row>
    <row r="122630" spans="8:8">
      <c r="H122630" s="12"/>
    </row>
    <row r="122631" spans="8:8">
      <c r="H122631" s="12"/>
    </row>
    <row r="122632" spans="8:8">
      <c r="H122632" s="12"/>
    </row>
    <row r="122633" spans="8:8">
      <c r="H122633" s="12"/>
    </row>
    <row r="122634" spans="8:8">
      <c r="H122634" s="12"/>
    </row>
    <row r="122635" spans="8:8">
      <c r="H122635" s="12"/>
    </row>
    <row r="122636" spans="8:8">
      <c r="H122636" s="12"/>
    </row>
    <row r="122637" spans="8:8">
      <c r="H122637" s="12"/>
    </row>
    <row r="122638" spans="8:8">
      <c r="H122638" s="12"/>
    </row>
    <row r="122639" spans="8:8">
      <c r="H122639" s="12"/>
    </row>
    <row r="122640" spans="8:8">
      <c r="H122640" s="12"/>
    </row>
    <row r="122641" spans="8:8">
      <c r="H122641" s="12"/>
    </row>
    <row r="122642" spans="8:8">
      <c r="H122642" s="12"/>
    </row>
    <row r="122643" spans="8:8">
      <c r="H122643" s="12"/>
    </row>
    <row r="122644" spans="8:8">
      <c r="H122644" s="12"/>
    </row>
    <row r="122645" spans="8:8">
      <c r="H122645" s="12"/>
    </row>
    <row r="122646" spans="8:8">
      <c r="H122646" s="12"/>
    </row>
    <row r="122647" spans="8:8">
      <c r="H122647" s="12"/>
    </row>
    <row r="122648" spans="8:8">
      <c r="H122648" s="12"/>
    </row>
    <row r="122649" spans="8:8">
      <c r="H122649" s="12"/>
    </row>
    <row r="122650" spans="8:8">
      <c r="H122650" s="12"/>
    </row>
    <row r="122651" spans="8:8">
      <c r="H122651" s="12"/>
    </row>
    <row r="122652" spans="8:8">
      <c r="H122652" s="12"/>
    </row>
    <row r="122653" spans="8:8">
      <c r="H122653" s="12"/>
    </row>
    <row r="122654" spans="8:8">
      <c r="H122654" s="12"/>
    </row>
    <row r="122655" spans="8:8">
      <c r="H122655" s="12"/>
    </row>
    <row r="122656" spans="8:8">
      <c r="H122656" s="12"/>
    </row>
    <row r="122657" spans="8:8">
      <c r="H122657" s="12"/>
    </row>
    <row r="122658" spans="8:8">
      <c r="H122658" s="12"/>
    </row>
    <row r="122659" spans="8:8">
      <c r="H122659" s="12"/>
    </row>
    <row r="122660" spans="8:8">
      <c r="H122660" s="12"/>
    </row>
    <row r="122661" spans="8:8">
      <c r="H122661" s="12"/>
    </row>
    <row r="122662" spans="8:8">
      <c r="H122662" s="12"/>
    </row>
    <row r="122663" spans="8:8">
      <c r="H122663" s="12"/>
    </row>
    <row r="122664" spans="8:8">
      <c r="H122664" s="12"/>
    </row>
    <row r="122665" spans="8:8">
      <c r="H122665" s="12"/>
    </row>
    <row r="122666" spans="8:8">
      <c r="H122666" s="12"/>
    </row>
    <row r="122667" spans="8:8">
      <c r="H122667" s="12"/>
    </row>
    <row r="122668" spans="8:8">
      <c r="H122668" s="12"/>
    </row>
    <row r="122669" spans="8:8">
      <c r="H122669" s="12"/>
    </row>
    <row r="122670" spans="8:8">
      <c r="H122670" s="12"/>
    </row>
    <row r="122671" spans="8:8">
      <c r="H122671" s="12"/>
    </row>
    <row r="122672" spans="8:8">
      <c r="H122672" s="12"/>
    </row>
    <row r="122673" spans="8:8">
      <c r="H122673" s="12"/>
    </row>
    <row r="122674" spans="8:8">
      <c r="H122674" s="12"/>
    </row>
    <row r="122675" spans="8:8">
      <c r="H122675" s="12"/>
    </row>
    <row r="122676" spans="8:8">
      <c r="H122676" s="12"/>
    </row>
    <row r="122677" spans="8:8">
      <c r="H122677" s="12"/>
    </row>
    <row r="122678" spans="8:8">
      <c r="H122678" s="12"/>
    </row>
    <row r="122679" spans="8:8">
      <c r="H122679" s="12"/>
    </row>
    <row r="122680" spans="8:8">
      <c r="H122680" s="12"/>
    </row>
    <row r="122681" spans="8:8">
      <c r="H122681" s="12"/>
    </row>
    <row r="122682" spans="8:8">
      <c r="H122682" s="12"/>
    </row>
    <row r="122683" spans="8:8">
      <c r="H122683" s="12"/>
    </row>
    <row r="122684" spans="8:8">
      <c r="H122684" s="12"/>
    </row>
    <row r="122685" spans="8:8">
      <c r="H122685" s="12"/>
    </row>
    <row r="122686" spans="8:8">
      <c r="H122686" s="12"/>
    </row>
    <row r="122687" spans="8:8">
      <c r="H122687" s="12"/>
    </row>
    <row r="122688" spans="8:8">
      <c r="H122688" s="12"/>
    </row>
    <row r="122689" spans="8:8">
      <c r="H122689" s="12"/>
    </row>
    <row r="122690" spans="8:8">
      <c r="H122690" s="12"/>
    </row>
    <row r="122691" spans="8:8">
      <c r="H122691" s="12"/>
    </row>
    <row r="122692" spans="8:8">
      <c r="H122692" s="12"/>
    </row>
    <row r="122693" spans="8:8">
      <c r="H122693" s="12"/>
    </row>
    <row r="122694" spans="8:8">
      <c r="H122694" s="12"/>
    </row>
    <row r="122695" spans="8:8">
      <c r="H122695" s="12"/>
    </row>
    <row r="122696" spans="8:8">
      <c r="H122696" s="12"/>
    </row>
    <row r="122697" spans="8:8">
      <c r="H122697" s="12"/>
    </row>
    <row r="122698" spans="8:8">
      <c r="H122698" s="12"/>
    </row>
    <row r="122699" spans="8:8">
      <c r="H122699" s="12"/>
    </row>
    <row r="122700" spans="8:8">
      <c r="H122700" s="12"/>
    </row>
    <row r="122701" spans="8:8">
      <c r="H122701" s="12"/>
    </row>
    <row r="122702" spans="8:8">
      <c r="H122702" s="12"/>
    </row>
    <row r="122703" spans="8:8">
      <c r="H122703" s="12"/>
    </row>
    <row r="122704" spans="8:8">
      <c r="H122704" s="12"/>
    </row>
    <row r="122705" spans="8:8">
      <c r="H122705" s="12"/>
    </row>
    <row r="122706" spans="8:8">
      <c r="H122706" s="12"/>
    </row>
    <row r="122707" spans="8:8">
      <c r="H122707" s="12"/>
    </row>
    <row r="122708" spans="8:8">
      <c r="H122708" s="12"/>
    </row>
    <row r="122709" spans="8:8">
      <c r="H122709" s="12"/>
    </row>
    <row r="122710" spans="8:8">
      <c r="H122710" s="12"/>
    </row>
    <row r="122711" spans="8:8">
      <c r="H122711" s="12"/>
    </row>
    <row r="122712" spans="8:8">
      <c r="H122712" s="12"/>
    </row>
    <row r="122713" spans="8:8">
      <c r="H122713" s="12"/>
    </row>
    <row r="122714" spans="8:8">
      <c r="H122714" s="12"/>
    </row>
    <row r="122715" spans="8:8">
      <c r="H122715" s="12"/>
    </row>
    <row r="122716" spans="8:8">
      <c r="H122716" s="12"/>
    </row>
    <row r="122717" spans="8:8">
      <c r="H122717" s="12"/>
    </row>
    <row r="122718" spans="8:8">
      <c r="H122718" s="12"/>
    </row>
    <row r="122719" spans="8:8">
      <c r="H122719" s="12"/>
    </row>
    <row r="122720" spans="8:8">
      <c r="H122720" s="12"/>
    </row>
    <row r="122721" spans="8:8">
      <c r="H122721" s="12"/>
    </row>
    <row r="122722" spans="8:8">
      <c r="H122722" s="12"/>
    </row>
    <row r="122723" spans="8:8">
      <c r="H122723" s="12"/>
    </row>
    <row r="122724" spans="8:8">
      <c r="H122724" s="12"/>
    </row>
    <row r="122725" spans="8:8">
      <c r="H122725" s="12"/>
    </row>
    <row r="122726" spans="8:8">
      <c r="H122726" s="12"/>
    </row>
    <row r="122727" spans="8:8">
      <c r="H122727" s="12"/>
    </row>
    <row r="122728" spans="8:8">
      <c r="H122728" s="12"/>
    </row>
    <row r="122729" spans="8:8">
      <c r="H122729" s="12"/>
    </row>
    <row r="122730" spans="8:8">
      <c r="H122730" s="12"/>
    </row>
    <row r="122731" spans="8:8">
      <c r="H122731" s="12"/>
    </row>
    <row r="122732" spans="8:8">
      <c r="H122732" s="12"/>
    </row>
    <row r="122733" spans="8:8">
      <c r="H122733" s="12"/>
    </row>
    <row r="122734" spans="8:8">
      <c r="H122734" s="12"/>
    </row>
    <row r="122735" spans="8:8">
      <c r="H122735" s="12"/>
    </row>
    <row r="122736" spans="8:8">
      <c r="H122736" s="12"/>
    </row>
    <row r="122737" spans="8:8">
      <c r="H122737" s="12"/>
    </row>
    <row r="122738" spans="8:8">
      <c r="H122738" s="12"/>
    </row>
    <row r="122739" spans="8:8">
      <c r="H122739" s="12"/>
    </row>
    <row r="122740" spans="8:8">
      <c r="H122740" s="12"/>
    </row>
    <row r="122741" spans="8:8">
      <c r="H122741" s="12"/>
    </row>
    <row r="122742" spans="8:8">
      <c r="H122742" s="12"/>
    </row>
    <row r="122743" spans="8:8">
      <c r="H122743" s="12"/>
    </row>
    <row r="122744" spans="8:8">
      <c r="H122744" s="12"/>
    </row>
    <row r="122745" spans="8:8">
      <c r="H122745" s="12"/>
    </row>
    <row r="122746" spans="8:8">
      <c r="H122746" s="12"/>
    </row>
    <row r="122747" spans="8:8">
      <c r="H122747" s="12"/>
    </row>
    <row r="122748" spans="8:8">
      <c r="H122748" s="12"/>
    </row>
    <row r="122749" spans="8:8">
      <c r="H122749" s="12"/>
    </row>
    <row r="122750" spans="8:8">
      <c r="H122750" s="12"/>
    </row>
    <row r="122751" spans="8:8">
      <c r="H122751" s="12"/>
    </row>
    <row r="122752" spans="8:8">
      <c r="H122752" s="12"/>
    </row>
    <row r="122753" spans="8:8">
      <c r="H122753" s="12"/>
    </row>
    <row r="122754" spans="8:8">
      <c r="H122754" s="12"/>
    </row>
    <row r="122755" spans="8:8">
      <c r="H122755" s="12"/>
    </row>
    <row r="122756" spans="8:8">
      <c r="H122756" s="12"/>
    </row>
    <row r="122757" spans="8:8">
      <c r="H122757" s="12"/>
    </row>
    <row r="122758" spans="8:8">
      <c r="H122758" s="12"/>
    </row>
    <row r="122759" spans="8:8">
      <c r="H122759" s="12"/>
    </row>
    <row r="122760" spans="8:8">
      <c r="H122760" s="12"/>
    </row>
    <row r="122761" spans="8:8">
      <c r="H122761" s="12"/>
    </row>
    <row r="122762" spans="8:8">
      <c r="H122762" s="12"/>
    </row>
    <row r="122763" spans="8:8">
      <c r="H122763" s="12"/>
    </row>
    <row r="122764" spans="8:8">
      <c r="H122764" s="12"/>
    </row>
    <row r="122765" spans="8:8">
      <c r="H122765" s="12"/>
    </row>
    <row r="122766" spans="8:8">
      <c r="H122766" s="12"/>
    </row>
    <row r="122767" spans="8:8">
      <c r="H122767" s="12"/>
    </row>
    <row r="122768" spans="8:8">
      <c r="H122768" s="12"/>
    </row>
    <row r="122769" spans="8:8">
      <c r="H122769" s="12"/>
    </row>
    <row r="122770" spans="8:8">
      <c r="H122770" s="12"/>
    </row>
    <row r="122771" spans="8:8">
      <c r="H122771" s="12"/>
    </row>
    <row r="122772" spans="8:8">
      <c r="H122772" s="12"/>
    </row>
    <row r="122773" spans="8:8">
      <c r="H122773" s="12"/>
    </row>
    <row r="122774" spans="8:8">
      <c r="H122774" s="12"/>
    </row>
    <row r="122775" spans="8:8">
      <c r="H122775" s="12"/>
    </row>
    <row r="122776" spans="8:8">
      <c r="H122776" s="12"/>
    </row>
    <row r="122777" spans="8:8">
      <c r="H122777" s="12"/>
    </row>
    <row r="122778" spans="8:8">
      <c r="H122778" s="12"/>
    </row>
    <row r="122779" spans="8:8">
      <c r="H122779" s="12"/>
    </row>
    <row r="122780" spans="8:8">
      <c r="H122780" s="12"/>
    </row>
    <row r="122781" spans="8:8">
      <c r="H122781" s="12"/>
    </row>
    <row r="122782" spans="8:8">
      <c r="H122782" s="12"/>
    </row>
    <row r="122783" spans="8:8">
      <c r="H122783" s="12"/>
    </row>
    <row r="122784" spans="8:8">
      <c r="H122784" s="12"/>
    </row>
    <row r="122785" spans="8:8">
      <c r="H122785" s="12"/>
    </row>
    <row r="122786" spans="8:8">
      <c r="H122786" s="12"/>
    </row>
    <row r="122787" spans="8:8">
      <c r="H122787" s="12"/>
    </row>
    <row r="122788" spans="8:8">
      <c r="H122788" s="12"/>
    </row>
    <row r="122789" spans="8:8">
      <c r="H122789" s="12"/>
    </row>
    <row r="122790" spans="8:8">
      <c r="H122790" s="12"/>
    </row>
    <row r="122791" spans="8:8">
      <c r="H122791" s="12"/>
    </row>
    <row r="122792" spans="8:8">
      <c r="H122792" s="12"/>
    </row>
    <row r="122793" spans="8:8">
      <c r="H122793" s="12"/>
    </row>
    <row r="122794" spans="8:8">
      <c r="H122794" s="12"/>
    </row>
    <row r="122795" spans="8:8">
      <c r="H122795" s="12"/>
    </row>
    <row r="122796" spans="8:8">
      <c r="H122796" s="12"/>
    </row>
    <row r="122797" spans="8:8">
      <c r="H122797" s="12"/>
    </row>
    <row r="122798" spans="8:8">
      <c r="H122798" s="12"/>
    </row>
    <row r="122799" spans="8:8">
      <c r="H122799" s="12"/>
    </row>
    <row r="122800" spans="8:8">
      <c r="H122800" s="12"/>
    </row>
    <row r="122801" spans="8:8">
      <c r="H122801" s="12"/>
    </row>
    <row r="122802" spans="8:8">
      <c r="H122802" s="12"/>
    </row>
    <row r="122803" spans="8:8">
      <c r="H122803" s="12"/>
    </row>
    <row r="122804" spans="8:8">
      <c r="H122804" s="12"/>
    </row>
    <row r="122805" spans="8:8">
      <c r="H122805" s="12"/>
    </row>
    <row r="122806" spans="8:8">
      <c r="H122806" s="12"/>
    </row>
    <row r="122807" spans="8:8">
      <c r="H122807" s="12"/>
    </row>
    <row r="122808" spans="8:8">
      <c r="H122808" s="12"/>
    </row>
    <row r="122809" spans="8:8">
      <c r="H122809" s="12"/>
    </row>
    <row r="122810" spans="8:8">
      <c r="H122810" s="12"/>
    </row>
    <row r="122811" spans="8:8">
      <c r="H122811" s="12"/>
    </row>
    <row r="122812" spans="8:8">
      <c r="H122812" s="12"/>
    </row>
    <row r="122813" spans="8:8">
      <c r="H122813" s="12"/>
    </row>
    <row r="122814" spans="8:8">
      <c r="H122814" s="12"/>
    </row>
    <row r="122815" spans="8:8">
      <c r="H122815" s="12"/>
    </row>
    <row r="122816" spans="8:8">
      <c r="H122816" s="12"/>
    </row>
    <row r="122817" spans="8:8">
      <c r="H122817" s="12"/>
    </row>
    <row r="122818" spans="8:8">
      <c r="H122818" s="12"/>
    </row>
    <row r="122819" spans="8:8">
      <c r="H122819" s="12"/>
    </row>
    <row r="122820" spans="8:8">
      <c r="H122820" s="12"/>
    </row>
    <row r="122821" spans="8:8">
      <c r="H122821" s="12"/>
    </row>
    <row r="122822" spans="8:8">
      <c r="H122822" s="12"/>
    </row>
    <row r="122823" spans="8:8">
      <c r="H122823" s="12"/>
    </row>
    <row r="122824" spans="8:8">
      <c r="H122824" s="12"/>
    </row>
    <row r="122825" spans="8:8">
      <c r="H122825" s="12"/>
    </row>
    <row r="122826" spans="8:8">
      <c r="H122826" s="12"/>
    </row>
    <row r="122827" spans="8:8">
      <c r="H122827" s="12"/>
    </row>
    <row r="122828" spans="8:8">
      <c r="H122828" s="12"/>
    </row>
    <row r="122829" spans="8:8">
      <c r="H122829" s="12"/>
    </row>
    <row r="122830" spans="8:8">
      <c r="H122830" s="12"/>
    </row>
    <row r="122831" spans="8:8">
      <c r="H122831" s="12"/>
    </row>
    <row r="122832" spans="8:8">
      <c r="H122832" s="12"/>
    </row>
    <row r="122833" spans="8:8">
      <c r="H122833" s="12"/>
    </row>
    <row r="122834" spans="8:8">
      <c r="H122834" s="12"/>
    </row>
    <row r="122835" spans="8:8">
      <c r="H122835" s="12"/>
    </row>
    <row r="122836" spans="8:8">
      <c r="H122836" s="12"/>
    </row>
    <row r="122837" spans="8:8">
      <c r="H122837" s="12"/>
    </row>
    <row r="122838" spans="8:8">
      <c r="H122838" s="12"/>
    </row>
    <row r="122839" spans="8:8">
      <c r="H122839" s="12"/>
    </row>
    <row r="122840" spans="8:8">
      <c r="H122840" s="12"/>
    </row>
    <row r="122841" spans="8:8">
      <c r="H122841" s="12"/>
    </row>
    <row r="122842" spans="8:8">
      <c r="H122842" s="12"/>
    </row>
    <row r="122843" spans="8:8">
      <c r="H122843" s="12"/>
    </row>
    <row r="122844" spans="8:8">
      <c r="H122844" s="12"/>
    </row>
    <row r="122845" spans="8:8">
      <c r="H122845" s="12"/>
    </row>
    <row r="122846" spans="8:8">
      <c r="H122846" s="12"/>
    </row>
    <row r="122847" spans="8:8">
      <c r="H122847" s="12"/>
    </row>
    <row r="122848" spans="8:8">
      <c r="H122848" s="12"/>
    </row>
    <row r="122849" spans="8:8">
      <c r="H122849" s="12"/>
    </row>
    <row r="122850" spans="8:8">
      <c r="H122850" s="12"/>
    </row>
    <row r="122851" spans="8:8">
      <c r="H122851" s="12"/>
    </row>
    <row r="122852" spans="8:8">
      <c r="H122852" s="12"/>
    </row>
    <row r="122853" spans="8:8">
      <c r="H122853" s="12"/>
    </row>
    <row r="122854" spans="8:8">
      <c r="H122854" s="12"/>
    </row>
    <row r="122855" spans="8:8">
      <c r="H122855" s="12"/>
    </row>
    <row r="122856" spans="8:8">
      <c r="H122856" s="12"/>
    </row>
    <row r="122857" spans="8:8">
      <c r="H122857" s="12"/>
    </row>
    <row r="122858" spans="8:8">
      <c r="H122858" s="12"/>
    </row>
    <row r="122859" spans="8:8">
      <c r="H122859" s="12"/>
    </row>
    <row r="122860" spans="8:8">
      <c r="H122860" s="12"/>
    </row>
    <row r="122861" spans="8:8">
      <c r="H122861" s="12"/>
    </row>
    <row r="122862" spans="8:8">
      <c r="H122862" s="12"/>
    </row>
    <row r="122863" spans="8:8">
      <c r="H122863" s="12"/>
    </row>
    <row r="122864" spans="8:8">
      <c r="H122864" s="12"/>
    </row>
    <row r="122865" spans="8:8">
      <c r="H122865" s="12"/>
    </row>
    <row r="122866" spans="8:8">
      <c r="H122866" s="12"/>
    </row>
    <row r="122867" spans="8:8">
      <c r="H122867" s="12"/>
    </row>
    <row r="122868" spans="8:8">
      <c r="H122868" s="12"/>
    </row>
    <row r="122869" spans="8:8">
      <c r="H122869" s="12"/>
    </row>
    <row r="122870" spans="8:8">
      <c r="H122870" s="12"/>
    </row>
    <row r="122871" spans="8:8">
      <c r="H122871" s="12"/>
    </row>
    <row r="122872" spans="8:8">
      <c r="H122872" s="12"/>
    </row>
    <row r="122873" spans="8:8">
      <c r="H122873" s="12"/>
    </row>
    <row r="122874" spans="8:8">
      <c r="H122874" s="12"/>
    </row>
    <row r="122875" spans="8:8">
      <c r="H122875" s="12"/>
    </row>
    <row r="122876" spans="8:8">
      <c r="H122876" s="12"/>
    </row>
    <row r="122877" spans="8:8">
      <c r="H122877" s="12"/>
    </row>
    <row r="122878" spans="8:8">
      <c r="H122878" s="12"/>
    </row>
    <row r="122879" spans="8:8">
      <c r="H122879" s="12"/>
    </row>
    <row r="122880" spans="8:8">
      <c r="H122880" s="12"/>
    </row>
    <row r="122881" spans="8:8">
      <c r="H122881" s="12"/>
    </row>
    <row r="122882" spans="8:8">
      <c r="H122882" s="12"/>
    </row>
    <row r="122883" spans="8:8">
      <c r="H122883" s="12"/>
    </row>
    <row r="122884" spans="8:8">
      <c r="H122884" s="12"/>
    </row>
    <row r="122885" spans="8:8">
      <c r="H122885" s="12"/>
    </row>
    <row r="122886" spans="8:8">
      <c r="H122886" s="12"/>
    </row>
    <row r="122887" spans="8:8">
      <c r="H122887" s="12"/>
    </row>
    <row r="122888" spans="8:8">
      <c r="H122888" s="12"/>
    </row>
    <row r="122889" spans="8:8">
      <c r="H122889" s="12"/>
    </row>
    <row r="122890" spans="8:8">
      <c r="H122890" s="12"/>
    </row>
    <row r="122891" spans="8:8">
      <c r="H122891" s="12"/>
    </row>
    <row r="122892" spans="8:8">
      <c r="H122892" s="12"/>
    </row>
    <row r="122893" spans="8:8">
      <c r="H122893" s="12"/>
    </row>
    <row r="122894" spans="8:8">
      <c r="H122894" s="12"/>
    </row>
    <row r="122895" spans="8:8">
      <c r="H122895" s="12"/>
    </row>
    <row r="122896" spans="8:8">
      <c r="H122896" s="12"/>
    </row>
    <row r="122897" spans="8:8">
      <c r="H122897" s="12"/>
    </row>
    <row r="122898" spans="8:8">
      <c r="H122898" s="12"/>
    </row>
    <row r="122899" spans="8:8">
      <c r="H122899" s="12"/>
    </row>
    <row r="122900" spans="8:8">
      <c r="H122900" s="12"/>
    </row>
    <row r="122901" spans="8:8">
      <c r="H122901" s="12"/>
    </row>
    <row r="122902" spans="8:8">
      <c r="H122902" s="12"/>
    </row>
    <row r="122903" spans="8:8">
      <c r="H122903" s="12"/>
    </row>
    <row r="122904" spans="8:8">
      <c r="H122904" s="12"/>
    </row>
    <row r="122905" spans="8:8">
      <c r="H122905" s="12"/>
    </row>
    <row r="122906" spans="8:8">
      <c r="H122906" s="12"/>
    </row>
    <row r="122907" spans="8:8">
      <c r="H122907" s="12"/>
    </row>
    <row r="122908" spans="8:8">
      <c r="H122908" s="12"/>
    </row>
    <row r="122909" spans="8:8">
      <c r="H122909" s="12"/>
    </row>
    <row r="122910" spans="8:8">
      <c r="H122910" s="12"/>
    </row>
    <row r="122911" spans="8:8">
      <c r="H122911" s="12"/>
    </row>
    <row r="122912" spans="8:8">
      <c r="H122912" s="12"/>
    </row>
    <row r="122913" spans="8:8">
      <c r="H122913" s="12"/>
    </row>
    <row r="122914" spans="8:8">
      <c r="H122914" s="12"/>
    </row>
    <row r="122915" spans="8:8">
      <c r="H122915" s="12"/>
    </row>
    <row r="122916" spans="8:8">
      <c r="H122916" s="12"/>
    </row>
    <row r="122917" spans="8:8">
      <c r="H122917" s="12"/>
    </row>
    <row r="122918" spans="8:8">
      <c r="H122918" s="12"/>
    </row>
    <row r="122919" spans="8:8">
      <c r="H122919" s="12"/>
    </row>
    <row r="122920" spans="8:8">
      <c r="H122920" s="12"/>
    </row>
    <row r="122921" spans="8:8">
      <c r="H122921" s="12"/>
    </row>
    <row r="122922" spans="8:8">
      <c r="H122922" s="12"/>
    </row>
    <row r="122923" spans="8:8">
      <c r="H122923" s="12"/>
    </row>
    <row r="122924" spans="8:8">
      <c r="H122924" s="12"/>
    </row>
    <row r="122925" spans="8:8">
      <c r="H122925" s="12"/>
    </row>
    <row r="122926" spans="8:8">
      <c r="H122926" s="12"/>
    </row>
    <row r="122927" spans="8:8">
      <c r="H122927" s="12"/>
    </row>
    <row r="122928" spans="8:8">
      <c r="H122928" s="12"/>
    </row>
    <row r="122929" spans="8:8">
      <c r="H122929" s="12"/>
    </row>
    <row r="122930" spans="8:8">
      <c r="H122930" s="12"/>
    </row>
    <row r="122931" spans="8:8">
      <c r="H122931" s="12"/>
    </row>
    <row r="122932" spans="8:8">
      <c r="H122932" s="12"/>
    </row>
    <row r="122933" spans="8:8">
      <c r="H122933" s="12"/>
    </row>
    <row r="122934" spans="8:8">
      <c r="H122934" s="12"/>
    </row>
    <row r="122935" spans="8:8">
      <c r="H122935" s="12"/>
    </row>
    <row r="122936" spans="8:8">
      <c r="H122936" s="12"/>
    </row>
    <row r="122937" spans="8:8">
      <c r="H122937" s="12"/>
    </row>
    <row r="122938" spans="8:8">
      <c r="H122938" s="12"/>
    </row>
    <row r="122939" spans="8:8">
      <c r="H122939" s="12"/>
    </row>
    <row r="122940" spans="8:8">
      <c r="H122940" s="12"/>
    </row>
    <row r="122941" spans="8:8">
      <c r="H122941" s="12"/>
    </row>
    <row r="122942" spans="8:8">
      <c r="H122942" s="12"/>
    </row>
    <row r="122943" spans="8:8">
      <c r="H122943" s="12"/>
    </row>
    <row r="122944" spans="8:8">
      <c r="H122944" s="12"/>
    </row>
    <row r="122945" spans="8:8">
      <c r="H122945" s="12"/>
    </row>
    <row r="122946" spans="8:8">
      <c r="H122946" s="12"/>
    </row>
    <row r="122947" spans="8:8">
      <c r="H122947" s="12"/>
    </row>
    <row r="122948" spans="8:8">
      <c r="H122948" s="12"/>
    </row>
    <row r="122949" spans="8:8">
      <c r="H122949" s="12"/>
    </row>
    <row r="122950" spans="8:8">
      <c r="H122950" s="12"/>
    </row>
    <row r="122951" spans="8:8">
      <c r="H122951" s="12"/>
    </row>
    <row r="122952" spans="8:8">
      <c r="H122952" s="12"/>
    </row>
    <row r="122953" spans="8:8">
      <c r="H122953" s="12"/>
    </row>
    <row r="122954" spans="8:8">
      <c r="H122954" s="12"/>
    </row>
    <row r="122955" spans="8:8">
      <c r="H122955" s="12"/>
    </row>
    <row r="122956" spans="8:8">
      <c r="H122956" s="12"/>
    </row>
    <row r="122957" spans="8:8">
      <c r="H122957" s="12"/>
    </row>
    <row r="122958" spans="8:8">
      <c r="H122958" s="12"/>
    </row>
    <row r="122959" spans="8:8">
      <c r="H122959" s="12"/>
    </row>
    <row r="122960" spans="8:8">
      <c r="H122960" s="12"/>
    </row>
    <row r="122961" spans="8:8">
      <c r="H122961" s="12"/>
    </row>
    <row r="122962" spans="8:8">
      <c r="H122962" s="12"/>
    </row>
    <row r="122963" spans="8:8">
      <c r="H122963" s="12"/>
    </row>
    <row r="122964" spans="8:8">
      <c r="H122964" s="12"/>
    </row>
    <row r="122965" spans="8:8">
      <c r="H122965" s="12"/>
    </row>
    <row r="122966" spans="8:8">
      <c r="H122966" s="12"/>
    </row>
    <row r="122967" spans="8:8">
      <c r="H122967" s="12"/>
    </row>
    <row r="122968" spans="8:8">
      <c r="H122968" s="12"/>
    </row>
    <row r="122969" spans="8:8">
      <c r="H122969" s="12"/>
    </row>
    <row r="122970" spans="8:8">
      <c r="H122970" s="12"/>
    </row>
    <row r="122971" spans="8:8">
      <c r="H122971" s="12"/>
    </row>
    <row r="122972" spans="8:8">
      <c r="H122972" s="12"/>
    </row>
    <row r="122973" spans="8:8">
      <c r="H122973" s="12"/>
    </row>
    <row r="122974" spans="8:8">
      <c r="H122974" s="12"/>
    </row>
    <row r="122975" spans="8:8">
      <c r="H122975" s="12"/>
    </row>
    <row r="122976" spans="8:8">
      <c r="H122976" s="12"/>
    </row>
    <row r="122977" spans="8:8">
      <c r="H122977" s="12"/>
    </row>
    <row r="122978" spans="8:8">
      <c r="H122978" s="12"/>
    </row>
    <row r="122979" spans="8:8">
      <c r="H122979" s="12"/>
    </row>
    <row r="122980" spans="8:8">
      <c r="H122980" s="12"/>
    </row>
    <row r="122981" spans="8:8">
      <c r="H122981" s="12"/>
    </row>
    <row r="122982" spans="8:8">
      <c r="H122982" s="12"/>
    </row>
    <row r="122983" spans="8:8">
      <c r="H122983" s="12"/>
    </row>
    <row r="122984" spans="8:8">
      <c r="H122984" s="12"/>
    </row>
    <row r="122985" spans="8:8">
      <c r="H122985" s="12"/>
    </row>
    <row r="122986" spans="8:8">
      <c r="H122986" s="12"/>
    </row>
    <row r="122987" spans="8:8">
      <c r="H122987" s="12"/>
    </row>
    <row r="122988" spans="8:8">
      <c r="H122988" s="12"/>
    </row>
    <row r="122989" spans="8:8">
      <c r="H122989" s="12"/>
    </row>
    <row r="122990" spans="8:8">
      <c r="H122990" s="12"/>
    </row>
    <row r="122991" spans="8:8">
      <c r="H122991" s="12"/>
    </row>
    <row r="122992" spans="8:8">
      <c r="H122992" s="12"/>
    </row>
    <row r="122993" spans="8:8">
      <c r="H122993" s="12"/>
    </row>
    <row r="122994" spans="8:8">
      <c r="H122994" s="12"/>
    </row>
    <row r="122995" spans="8:8">
      <c r="H122995" s="12"/>
    </row>
    <row r="122996" spans="8:8">
      <c r="H122996" s="12"/>
    </row>
    <row r="122997" spans="8:8">
      <c r="H122997" s="12"/>
    </row>
    <row r="122998" spans="8:8">
      <c r="H122998" s="12"/>
    </row>
    <row r="122999" spans="8:8">
      <c r="H122999" s="12"/>
    </row>
    <row r="123000" spans="8:8">
      <c r="H123000" s="12"/>
    </row>
    <row r="123001" spans="8:8">
      <c r="H123001" s="12"/>
    </row>
    <row r="123002" spans="8:8">
      <c r="H123002" s="12"/>
    </row>
    <row r="123003" spans="8:8">
      <c r="H123003" s="12"/>
    </row>
    <row r="123004" spans="8:8">
      <c r="H123004" s="12"/>
    </row>
    <row r="123005" spans="8:8">
      <c r="H123005" s="12"/>
    </row>
    <row r="123006" spans="8:8">
      <c r="H123006" s="12"/>
    </row>
    <row r="123007" spans="8:8">
      <c r="H123007" s="12"/>
    </row>
    <row r="123008" spans="8:8">
      <c r="H123008" s="12"/>
    </row>
    <row r="123009" spans="8:8">
      <c r="H123009" s="12"/>
    </row>
    <row r="123010" spans="8:8">
      <c r="H123010" s="12"/>
    </row>
    <row r="123011" spans="8:8">
      <c r="H123011" s="12"/>
    </row>
    <row r="123012" spans="8:8">
      <c r="H123012" s="12"/>
    </row>
    <row r="123013" spans="8:8">
      <c r="H123013" s="12"/>
    </row>
    <row r="123014" spans="8:8">
      <c r="H123014" s="12"/>
    </row>
    <row r="123015" spans="8:8">
      <c r="H123015" s="12"/>
    </row>
    <row r="123016" spans="8:8">
      <c r="H123016" s="12"/>
    </row>
    <row r="123017" spans="8:8">
      <c r="H123017" s="12"/>
    </row>
    <row r="123018" spans="8:8">
      <c r="H123018" s="12"/>
    </row>
    <row r="123019" spans="8:8">
      <c r="H123019" s="12"/>
    </row>
    <row r="123020" spans="8:8">
      <c r="H123020" s="12"/>
    </row>
    <row r="123021" spans="8:8">
      <c r="H123021" s="12"/>
    </row>
    <row r="123022" spans="8:8">
      <c r="H123022" s="12"/>
    </row>
    <row r="123023" spans="8:8">
      <c r="H123023" s="12"/>
    </row>
    <row r="123024" spans="8:8">
      <c r="H123024" s="12"/>
    </row>
    <row r="123025" spans="8:8">
      <c r="H123025" s="12"/>
    </row>
    <row r="123026" spans="8:8">
      <c r="H123026" s="12"/>
    </row>
    <row r="123027" spans="8:8">
      <c r="H123027" s="12"/>
    </row>
    <row r="123028" spans="8:8">
      <c r="H123028" s="12"/>
    </row>
    <row r="123029" spans="8:8">
      <c r="H123029" s="12"/>
    </row>
    <row r="123030" spans="8:8">
      <c r="H123030" s="12"/>
    </row>
    <row r="123031" spans="8:8">
      <c r="H123031" s="12"/>
    </row>
    <row r="123032" spans="8:8">
      <c r="H123032" s="12"/>
    </row>
    <row r="123033" spans="8:8">
      <c r="H123033" s="12"/>
    </row>
    <row r="123034" spans="8:8">
      <c r="H123034" s="12"/>
    </row>
    <row r="123035" spans="8:8">
      <c r="H123035" s="12"/>
    </row>
    <row r="123036" spans="8:8">
      <c r="H123036" s="12"/>
    </row>
    <row r="123037" spans="8:8">
      <c r="H123037" s="12"/>
    </row>
    <row r="123038" spans="8:8">
      <c r="H123038" s="12"/>
    </row>
    <row r="123039" spans="8:8">
      <c r="H123039" s="12"/>
    </row>
    <row r="123040" spans="8:8">
      <c r="H123040" s="12"/>
    </row>
    <row r="123041" spans="8:8">
      <c r="H123041" s="12"/>
    </row>
    <row r="123042" spans="8:8">
      <c r="H123042" s="12"/>
    </row>
    <row r="123043" spans="8:8">
      <c r="H123043" s="12"/>
    </row>
    <row r="123044" spans="8:8">
      <c r="H123044" s="12"/>
    </row>
    <row r="123045" spans="8:8">
      <c r="H123045" s="12"/>
    </row>
    <row r="123046" spans="8:8">
      <c r="H123046" s="12"/>
    </row>
    <row r="123047" spans="8:8">
      <c r="H123047" s="12"/>
    </row>
    <row r="123048" spans="8:8">
      <c r="H123048" s="12"/>
    </row>
    <row r="123049" spans="8:8">
      <c r="H123049" s="12"/>
    </row>
    <row r="123050" spans="8:8">
      <c r="H123050" s="12"/>
    </row>
    <row r="123051" spans="8:8">
      <c r="H123051" s="12"/>
    </row>
    <row r="123052" spans="8:8">
      <c r="H123052" s="12"/>
    </row>
    <row r="123053" spans="8:8">
      <c r="H123053" s="12"/>
    </row>
    <row r="123054" spans="8:8">
      <c r="H123054" s="12"/>
    </row>
    <row r="123055" spans="8:8">
      <c r="H123055" s="12"/>
    </row>
    <row r="123056" spans="8:8">
      <c r="H123056" s="12"/>
    </row>
    <row r="123057" spans="8:8">
      <c r="H123057" s="12"/>
    </row>
    <row r="123058" spans="8:8">
      <c r="H123058" s="12"/>
    </row>
    <row r="123059" spans="8:8">
      <c r="H123059" s="12"/>
    </row>
    <row r="123060" spans="8:8">
      <c r="H123060" s="12"/>
    </row>
    <row r="123061" spans="8:8">
      <c r="H123061" s="12"/>
    </row>
    <row r="123062" spans="8:8">
      <c r="H123062" s="12"/>
    </row>
    <row r="123063" spans="8:8">
      <c r="H123063" s="12"/>
    </row>
    <row r="123064" spans="8:8">
      <c r="H123064" s="12"/>
    </row>
    <row r="123065" spans="8:8">
      <c r="H123065" s="12"/>
    </row>
    <row r="123066" spans="8:8">
      <c r="H123066" s="12"/>
    </row>
    <row r="123067" spans="8:8">
      <c r="H123067" s="12"/>
    </row>
    <row r="123068" spans="8:8">
      <c r="H123068" s="12"/>
    </row>
    <row r="123069" spans="8:8">
      <c r="H123069" s="12"/>
    </row>
    <row r="123070" spans="8:8">
      <c r="H123070" s="12"/>
    </row>
    <row r="123071" spans="8:8">
      <c r="H123071" s="12"/>
    </row>
    <row r="123072" spans="8:8">
      <c r="H123072" s="12"/>
    </row>
    <row r="123073" spans="8:8">
      <c r="H123073" s="12"/>
    </row>
    <row r="123074" spans="8:8">
      <c r="H123074" s="12"/>
    </row>
    <row r="123075" spans="8:8">
      <c r="H123075" s="12"/>
    </row>
    <row r="123076" spans="8:8">
      <c r="H123076" s="12"/>
    </row>
    <row r="123077" spans="8:8">
      <c r="H123077" s="12"/>
    </row>
    <row r="123078" spans="8:8">
      <c r="H123078" s="12"/>
    </row>
    <row r="123079" spans="8:8">
      <c r="H123079" s="12"/>
    </row>
    <row r="123080" spans="8:8">
      <c r="H123080" s="12"/>
    </row>
    <row r="123081" spans="8:8">
      <c r="H123081" s="12"/>
    </row>
    <row r="123082" spans="8:8">
      <c r="H123082" s="12"/>
    </row>
    <row r="123083" spans="8:8">
      <c r="H123083" s="12"/>
    </row>
    <row r="123084" spans="8:8">
      <c r="H123084" s="12"/>
    </row>
    <row r="123085" spans="8:8">
      <c r="H123085" s="12"/>
    </row>
    <row r="123086" spans="8:8">
      <c r="H123086" s="12"/>
    </row>
    <row r="123087" spans="8:8">
      <c r="H123087" s="12"/>
    </row>
    <row r="123088" spans="8:8">
      <c r="H123088" s="12"/>
    </row>
    <row r="123089" spans="8:8">
      <c r="H123089" s="12"/>
    </row>
    <row r="123090" spans="8:8">
      <c r="H123090" s="12"/>
    </row>
    <row r="123091" spans="8:8">
      <c r="H123091" s="12"/>
    </row>
    <row r="123092" spans="8:8">
      <c r="H123092" s="12"/>
    </row>
    <row r="123093" spans="8:8">
      <c r="H123093" s="12"/>
    </row>
    <row r="123094" spans="8:8">
      <c r="H123094" s="12"/>
    </row>
    <row r="123095" spans="8:8">
      <c r="H123095" s="12"/>
    </row>
    <row r="123096" spans="8:8">
      <c r="H123096" s="12"/>
    </row>
    <row r="123097" spans="8:8">
      <c r="H123097" s="12"/>
    </row>
    <row r="123098" spans="8:8">
      <c r="H123098" s="12"/>
    </row>
    <row r="123099" spans="8:8">
      <c r="H123099" s="12"/>
    </row>
    <row r="123100" spans="8:8">
      <c r="H123100" s="12"/>
    </row>
    <row r="123101" spans="8:8">
      <c r="H123101" s="12"/>
    </row>
    <row r="123102" spans="8:8">
      <c r="H123102" s="12"/>
    </row>
    <row r="123103" spans="8:8">
      <c r="H123103" s="12"/>
    </row>
    <row r="123104" spans="8:8">
      <c r="H123104" s="12"/>
    </row>
    <row r="123105" spans="8:8">
      <c r="H123105" s="12"/>
    </row>
    <row r="123106" spans="8:8">
      <c r="H123106" s="12"/>
    </row>
    <row r="123107" spans="8:8">
      <c r="H123107" s="12"/>
    </row>
    <row r="123108" spans="8:8">
      <c r="H123108" s="12"/>
    </row>
    <row r="123109" spans="8:8">
      <c r="H123109" s="12"/>
    </row>
    <row r="123110" spans="8:8">
      <c r="H123110" s="12"/>
    </row>
    <row r="123111" spans="8:8">
      <c r="H123111" s="12"/>
    </row>
    <row r="123112" spans="8:8">
      <c r="H123112" s="12"/>
    </row>
    <row r="123113" spans="8:8">
      <c r="H123113" s="12"/>
    </row>
    <row r="123114" spans="8:8">
      <c r="H123114" s="12"/>
    </row>
    <row r="123115" spans="8:8">
      <c r="H123115" s="12"/>
    </row>
    <row r="123116" spans="8:8">
      <c r="H123116" s="12"/>
    </row>
    <row r="123117" spans="8:8">
      <c r="H123117" s="12"/>
    </row>
    <row r="123118" spans="8:8">
      <c r="H123118" s="12"/>
    </row>
    <row r="123119" spans="8:8">
      <c r="H123119" s="12"/>
    </row>
    <row r="123120" spans="8:8">
      <c r="H123120" s="12"/>
    </row>
    <row r="123121" spans="8:8">
      <c r="H123121" s="12"/>
    </row>
    <row r="123122" spans="8:8">
      <c r="H123122" s="12"/>
    </row>
    <row r="123123" spans="8:8">
      <c r="H123123" s="12"/>
    </row>
    <row r="123124" spans="8:8">
      <c r="H123124" s="12"/>
    </row>
    <row r="123125" spans="8:8">
      <c r="H123125" s="12"/>
    </row>
    <row r="123126" spans="8:8">
      <c r="H123126" s="12"/>
    </row>
    <row r="123127" spans="8:8">
      <c r="H123127" s="12"/>
    </row>
    <row r="123128" spans="8:8">
      <c r="H123128" s="12"/>
    </row>
    <row r="123129" spans="8:8">
      <c r="H123129" s="12"/>
    </row>
    <row r="123130" spans="8:8">
      <c r="H123130" s="12"/>
    </row>
    <row r="123131" spans="8:8">
      <c r="H123131" s="12"/>
    </row>
    <row r="123132" spans="8:8">
      <c r="H123132" s="12"/>
    </row>
    <row r="123133" spans="8:8">
      <c r="H123133" s="12"/>
    </row>
    <row r="123134" spans="8:8">
      <c r="H123134" s="12"/>
    </row>
    <row r="123135" spans="8:8">
      <c r="H123135" s="12"/>
    </row>
    <row r="123136" spans="8:8">
      <c r="H123136" s="12"/>
    </row>
    <row r="123137" spans="8:8">
      <c r="H123137" s="12"/>
    </row>
    <row r="123138" spans="8:8">
      <c r="H123138" s="12"/>
    </row>
    <row r="123139" spans="8:8">
      <c r="H123139" s="12"/>
    </row>
    <row r="123140" spans="8:8">
      <c r="H123140" s="12"/>
    </row>
    <row r="123141" spans="8:8">
      <c r="H123141" s="12"/>
    </row>
    <row r="123142" spans="8:8">
      <c r="H123142" s="12"/>
    </row>
    <row r="123143" spans="8:8">
      <c r="H123143" s="12"/>
    </row>
    <row r="123144" spans="8:8">
      <c r="H123144" s="12"/>
    </row>
    <row r="123145" spans="8:8">
      <c r="H123145" s="12"/>
    </row>
    <row r="123146" spans="8:8">
      <c r="H123146" s="12"/>
    </row>
    <row r="123147" spans="8:8">
      <c r="H123147" s="12"/>
    </row>
    <row r="123148" spans="8:8">
      <c r="H123148" s="12"/>
    </row>
    <row r="123149" spans="8:8">
      <c r="H123149" s="12"/>
    </row>
    <row r="123150" spans="8:8">
      <c r="H123150" s="12"/>
    </row>
    <row r="123151" spans="8:8">
      <c r="H123151" s="12"/>
    </row>
    <row r="123152" spans="8:8">
      <c r="H123152" s="12"/>
    </row>
    <row r="123153" spans="8:8">
      <c r="H123153" s="12"/>
    </row>
    <row r="123154" spans="8:8">
      <c r="H123154" s="12"/>
    </row>
    <row r="123155" spans="8:8">
      <c r="H123155" s="12"/>
    </row>
    <row r="123156" spans="8:8">
      <c r="H123156" s="12"/>
    </row>
    <row r="123157" spans="8:8">
      <c r="H123157" s="12"/>
    </row>
    <row r="123158" spans="8:8">
      <c r="H123158" s="12"/>
    </row>
    <row r="123159" spans="8:8">
      <c r="H123159" s="12"/>
    </row>
    <row r="123160" spans="8:8">
      <c r="H123160" s="12"/>
    </row>
    <row r="123161" spans="8:8">
      <c r="H123161" s="12"/>
    </row>
    <row r="123162" spans="8:8">
      <c r="H123162" s="12"/>
    </row>
    <row r="123163" spans="8:8">
      <c r="H123163" s="12"/>
    </row>
    <row r="123164" spans="8:8">
      <c r="H123164" s="12"/>
    </row>
    <row r="123165" spans="8:8">
      <c r="H123165" s="12"/>
    </row>
    <row r="123166" spans="8:8">
      <c r="H123166" s="12"/>
    </row>
    <row r="123167" spans="8:8">
      <c r="H123167" s="12"/>
    </row>
    <row r="123168" spans="8:8">
      <c r="H123168" s="12"/>
    </row>
    <row r="123169" spans="8:8">
      <c r="H123169" s="12"/>
    </row>
    <row r="123170" spans="8:8">
      <c r="H123170" s="12"/>
    </row>
    <row r="123171" spans="8:8">
      <c r="H123171" s="12"/>
    </row>
    <row r="123172" spans="8:8">
      <c r="H123172" s="12"/>
    </row>
    <row r="123173" spans="8:8">
      <c r="H123173" s="12"/>
    </row>
    <row r="123174" spans="8:8">
      <c r="H123174" s="12"/>
    </row>
    <row r="123175" spans="8:8">
      <c r="H123175" s="12"/>
    </row>
    <row r="123176" spans="8:8">
      <c r="H123176" s="12"/>
    </row>
    <row r="123177" spans="8:8">
      <c r="H123177" s="12"/>
    </row>
    <row r="123178" spans="8:8">
      <c r="H123178" s="12"/>
    </row>
    <row r="123179" spans="8:8">
      <c r="H123179" s="12"/>
    </row>
    <row r="123180" spans="8:8">
      <c r="H123180" s="12"/>
    </row>
    <row r="123181" spans="8:8">
      <c r="H123181" s="12"/>
    </row>
    <row r="123182" spans="8:8">
      <c r="H123182" s="12"/>
    </row>
    <row r="123183" spans="8:8">
      <c r="H123183" s="12"/>
    </row>
    <row r="123184" spans="8:8">
      <c r="H123184" s="12"/>
    </row>
    <row r="123185" spans="8:8">
      <c r="H123185" s="12"/>
    </row>
    <row r="123186" spans="8:8">
      <c r="H123186" s="12"/>
    </row>
    <row r="123187" spans="8:8">
      <c r="H123187" s="12"/>
    </row>
    <row r="123188" spans="8:8">
      <c r="H123188" s="12"/>
    </row>
    <row r="123189" spans="8:8">
      <c r="H123189" s="12"/>
    </row>
    <row r="123190" spans="8:8">
      <c r="H123190" s="12"/>
    </row>
    <row r="123191" spans="8:8">
      <c r="H123191" s="12"/>
    </row>
    <row r="123192" spans="8:8">
      <c r="H123192" s="12"/>
    </row>
    <row r="123193" spans="8:8">
      <c r="H123193" s="12"/>
    </row>
    <row r="123194" spans="8:8">
      <c r="H123194" s="12"/>
    </row>
    <row r="123195" spans="8:8">
      <c r="H123195" s="12"/>
    </row>
    <row r="123196" spans="8:8">
      <c r="H123196" s="12"/>
    </row>
    <row r="123197" spans="8:8">
      <c r="H123197" s="12"/>
    </row>
    <row r="123198" spans="8:8">
      <c r="H123198" s="12"/>
    </row>
    <row r="123199" spans="8:8">
      <c r="H123199" s="12"/>
    </row>
    <row r="123200" spans="8:8">
      <c r="H123200" s="12"/>
    </row>
    <row r="123201" spans="8:8">
      <c r="H123201" s="12"/>
    </row>
    <row r="123202" spans="8:8">
      <c r="H123202" s="12"/>
    </row>
    <row r="123203" spans="8:8">
      <c r="H123203" s="12"/>
    </row>
    <row r="123204" spans="8:8">
      <c r="H123204" s="12"/>
    </row>
    <row r="123205" spans="8:8">
      <c r="H123205" s="12"/>
    </row>
    <row r="123206" spans="8:8">
      <c r="H123206" s="12"/>
    </row>
    <row r="123207" spans="8:8">
      <c r="H123207" s="12"/>
    </row>
    <row r="123208" spans="8:8">
      <c r="H123208" s="12"/>
    </row>
    <row r="123209" spans="8:8">
      <c r="H123209" s="12"/>
    </row>
    <row r="123210" spans="8:8">
      <c r="H123210" s="12"/>
    </row>
    <row r="123211" spans="8:8">
      <c r="H123211" s="12"/>
    </row>
    <row r="123212" spans="8:8">
      <c r="H123212" s="12"/>
    </row>
    <row r="123213" spans="8:8">
      <c r="H123213" s="12"/>
    </row>
    <row r="123214" spans="8:8">
      <c r="H123214" s="12"/>
    </row>
    <row r="123215" spans="8:8">
      <c r="H123215" s="12"/>
    </row>
    <row r="123216" spans="8:8">
      <c r="H123216" s="12"/>
    </row>
    <row r="123217" spans="8:8">
      <c r="H123217" s="12"/>
    </row>
    <row r="123218" spans="8:8">
      <c r="H123218" s="12"/>
    </row>
    <row r="123219" spans="8:8">
      <c r="H123219" s="12"/>
    </row>
    <row r="123220" spans="8:8">
      <c r="H123220" s="12"/>
    </row>
    <row r="123221" spans="8:8">
      <c r="H123221" s="12"/>
    </row>
    <row r="123222" spans="8:8">
      <c r="H123222" s="12"/>
    </row>
    <row r="123223" spans="8:8">
      <c r="H123223" s="12"/>
    </row>
    <row r="123224" spans="8:8">
      <c r="H123224" s="12"/>
    </row>
    <row r="123225" spans="8:8">
      <c r="H123225" s="12"/>
    </row>
    <row r="123226" spans="8:8">
      <c r="H123226" s="12"/>
    </row>
    <row r="123227" spans="8:8">
      <c r="H123227" s="12"/>
    </row>
    <row r="123228" spans="8:8">
      <c r="H123228" s="12"/>
    </row>
    <row r="123229" spans="8:8">
      <c r="H123229" s="12"/>
    </row>
    <row r="123230" spans="8:8">
      <c r="H123230" s="12"/>
    </row>
    <row r="123231" spans="8:8">
      <c r="H123231" s="12"/>
    </row>
    <row r="123232" spans="8:8">
      <c r="H123232" s="12"/>
    </row>
    <row r="123233" spans="8:8">
      <c r="H123233" s="12"/>
    </row>
    <row r="123234" spans="8:8">
      <c r="H123234" s="12"/>
    </row>
    <row r="123235" spans="8:8">
      <c r="H123235" s="12"/>
    </row>
    <row r="123236" spans="8:8">
      <c r="H123236" s="12"/>
    </row>
    <row r="123237" spans="8:8">
      <c r="H123237" s="12"/>
    </row>
    <row r="123238" spans="8:8">
      <c r="H123238" s="12"/>
    </row>
    <row r="123239" spans="8:8">
      <c r="H123239" s="12"/>
    </row>
    <row r="123240" spans="8:8">
      <c r="H123240" s="12"/>
    </row>
    <row r="123241" spans="8:8">
      <c r="H123241" s="12"/>
    </row>
    <row r="123242" spans="8:8">
      <c r="H123242" s="12"/>
    </row>
    <row r="123243" spans="8:8">
      <c r="H123243" s="12"/>
    </row>
    <row r="123244" spans="8:8">
      <c r="H123244" s="12"/>
    </row>
    <row r="123245" spans="8:8">
      <c r="H123245" s="12"/>
    </row>
    <row r="123246" spans="8:8">
      <c r="H123246" s="12"/>
    </row>
    <row r="123247" spans="8:8">
      <c r="H123247" s="12"/>
    </row>
    <row r="123248" spans="8:8">
      <c r="H123248" s="12"/>
    </row>
    <row r="123249" spans="8:8">
      <c r="H123249" s="12"/>
    </row>
    <row r="123250" spans="8:8">
      <c r="H123250" s="12"/>
    </row>
    <row r="123251" spans="8:8">
      <c r="H123251" s="12"/>
    </row>
    <row r="123252" spans="8:8">
      <c r="H123252" s="12"/>
    </row>
    <row r="123253" spans="8:8">
      <c r="H123253" s="12"/>
    </row>
    <row r="123254" spans="8:8">
      <c r="H123254" s="12"/>
    </row>
    <row r="123255" spans="8:8">
      <c r="H123255" s="12"/>
    </row>
    <row r="123256" spans="8:8">
      <c r="H123256" s="12"/>
    </row>
    <row r="123257" spans="8:8">
      <c r="H123257" s="12"/>
    </row>
    <row r="123258" spans="8:8">
      <c r="H123258" s="12"/>
    </row>
    <row r="123259" spans="8:8">
      <c r="H123259" s="12"/>
    </row>
    <row r="123260" spans="8:8">
      <c r="H123260" s="12"/>
    </row>
    <row r="123261" spans="8:8">
      <c r="H123261" s="12"/>
    </row>
    <row r="123262" spans="8:8">
      <c r="H123262" s="12"/>
    </row>
    <row r="123263" spans="8:8">
      <c r="H123263" s="12"/>
    </row>
    <row r="123264" spans="8:8">
      <c r="H123264" s="12"/>
    </row>
    <row r="123265" spans="8:8">
      <c r="H123265" s="12"/>
    </row>
    <row r="123266" spans="8:8">
      <c r="H123266" s="12"/>
    </row>
    <row r="123267" spans="8:8">
      <c r="H123267" s="12"/>
    </row>
    <row r="123268" spans="8:8">
      <c r="H123268" s="12"/>
    </row>
    <row r="123269" spans="8:8">
      <c r="H123269" s="12"/>
    </row>
    <row r="123270" spans="8:8">
      <c r="H123270" s="12"/>
    </row>
    <row r="123271" spans="8:8">
      <c r="H123271" s="12"/>
    </row>
    <row r="123272" spans="8:8">
      <c r="H123272" s="12"/>
    </row>
    <row r="123273" spans="8:8">
      <c r="H123273" s="12"/>
    </row>
    <row r="123274" spans="8:8">
      <c r="H123274" s="12"/>
    </row>
    <row r="123275" spans="8:8">
      <c r="H123275" s="12"/>
    </row>
    <row r="123276" spans="8:8">
      <c r="H123276" s="12"/>
    </row>
    <row r="123277" spans="8:8">
      <c r="H123277" s="12"/>
    </row>
    <row r="123278" spans="8:8">
      <c r="H123278" s="12"/>
    </row>
    <row r="123279" spans="8:8">
      <c r="H123279" s="12"/>
    </row>
    <row r="123280" spans="8:8">
      <c r="H123280" s="12"/>
    </row>
    <row r="123281" spans="8:8">
      <c r="H123281" s="12"/>
    </row>
    <row r="123282" spans="8:8">
      <c r="H123282" s="12"/>
    </row>
    <row r="123283" spans="8:8">
      <c r="H123283" s="12"/>
    </row>
    <row r="123284" spans="8:8">
      <c r="H123284" s="12"/>
    </row>
    <row r="123285" spans="8:8">
      <c r="H123285" s="12"/>
    </row>
    <row r="123286" spans="8:8">
      <c r="H123286" s="12"/>
    </row>
    <row r="123287" spans="8:8">
      <c r="H123287" s="12"/>
    </row>
    <row r="123288" spans="8:8">
      <c r="H123288" s="12"/>
    </row>
    <row r="123289" spans="8:8">
      <c r="H123289" s="12"/>
    </row>
    <row r="123290" spans="8:8">
      <c r="H123290" s="12"/>
    </row>
    <row r="123291" spans="8:8">
      <c r="H123291" s="12"/>
    </row>
    <row r="123292" spans="8:8">
      <c r="H123292" s="12"/>
    </row>
    <row r="123293" spans="8:8">
      <c r="H123293" s="12"/>
    </row>
    <row r="123294" spans="8:8">
      <c r="H123294" s="12"/>
    </row>
    <row r="123295" spans="8:8">
      <c r="H123295" s="12"/>
    </row>
    <row r="123296" spans="8:8">
      <c r="H123296" s="12"/>
    </row>
    <row r="123297" spans="8:8">
      <c r="H123297" s="12"/>
    </row>
    <row r="123298" spans="8:8">
      <c r="H123298" s="12"/>
    </row>
    <row r="123299" spans="8:8">
      <c r="H123299" s="12"/>
    </row>
    <row r="123300" spans="8:8">
      <c r="H123300" s="12"/>
    </row>
    <row r="123301" spans="8:8">
      <c r="H123301" s="12"/>
    </row>
    <row r="123302" spans="8:8">
      <c r="H123302" s="12"/>
    </row>
    <row r="123303" spans="8:8">
      <c r="H123303" s="12"/>
    </row>
    <row r="123304" spans="8:8">
      <c r="H123304" s="12"/>
    </row>
    <row r="123305" spans="8:8">
      <c r="H123305" s="12"/>
    </row>
    <row r="123306" spans="8:8">
      <c r="H123306" s="12"/>
    </row>
    <row r="123307" spans="8:8">
      <c r="H123307" s="12"/>
    </row>
    <row r="123308" spans="8:8">
      <c r="H123308" s="12"/>
    </row>
    <row r="123309" spans="8:8">
      <c r="H123309" s="12"/>
    </row>
    <row r="123310" spans="8:8">
      <c r="H123310" s="12"/>
    </row>
    <row r="123311" spans="8:8">
      <c r="H123311" s="12"/>
    </row>
    <row r="123312" spans="8:8">
      <c r="H123312" s="12"/>
    </row>
    <row r="123313" spans="8:8">
      <c r="H123313" s="12"/>
    </row>
    <row r="123314" spans="8:8">
      <c r="H123314" s="12"/>
    </row>
    <row r="123315" spans="8:8">
      <c r="H123315" s="12"/>
    </row>
    <row r="123316" spans="8:8">
      <c r="H123316" s="12"/>
    </row>
    <row r="123317" spans="8:8">
      <c r="H123317" s="12"/>
    </row>
    <row r="123318" spans="8:8">
      <c r="H123318" s="12"/>
    </row>
    <row r="123319" spans="8:8">
      <c r="H123319" s="12"/>
    </row>
    <row r="123320" spans="8:8">
      <c r="H123320" s="12"/>
    </row>
    <row r="123321" spans="8:8">
      <c r="H123321" s="12"/>
    </row>
    <row r="123322" spans="8:8">
      <c r="H123322" s="12"/>
    </row>
    <row r="123323" spans="8:8">
      <c r="H123323" s="12"/>
    </row>
    <row r="123324" spans="8:8">
      <c r="H123324" s="12"/>
    </row>
    <row r="123325" spans="8:8">
      <c r="H123325" s="12"/>
    </row>
    <row r="123326" spans="8:8">
      <c r="H123326" s="12"/>
    </row>
    <row r="123327" spans="8:8">
      <c r="H123327" s="12"/>
    </row>
    <row r="123328" spans="8:8">
      <c r="H123328" s="12"/>
    </row>
    <row r="123329" spans="8:8">
      <c r="H123329" s="12"/>
    </row>
    <row r="123330" spans="8:8">
      <c r="H123330" s="12"/>
    </row>
    <row r="123331" spans="8:8">
      <c r="H123331" s="12"/>
    </row>
    <row r="123332" spans="8:8">
      <c r="H123332" s="12"/>
    </row>
    <row r="123333" spans="8:8">
      <c r="H123333" s="12"/>
    </row>
    <row r="123334" spans="8:8">
      <c r="H123334" s="12"/>
    </row>
    <row r="123335" spans="8:8">
      <c r="H123335" s="12"/>
    </row>
    <row r="123336" spans="8:8">
      <c r="H123336" s="12"/>
    </row>
    <row r="123337" spans="8:8">
      <c r="H123337" s="12"/>
    </row>
    <row r="123338" spans="8:8">
      <c r="H123338" s="12"/>
    </row>
    <row r="123339" spans="8:8">
      <c r="H123339" s="12"/>
    </row>
    <row r="123340" spans="8:8">
      <c r="H123340" s="12"/>
    </row>
    <row r="123341" spans="8:8">
      <c r="H123341" s="12"/>
    </row>
    <row r="123342" spans="8:8">
      <c r="H123342" s="12"/>
    </row>
    <row r="123343" spans="8:8">
      <c r="H123343" s="12"/>
    </row>
    <row r="123344" spans="8:8">
      <c r="H123344" s="12"/>
    </row>
    <row r="123345" spans="8:8">
      <c r="H123345" s="12"/>
    </row>
    <row r="123346" spans="8:8">
      <c r="H123346" s="12"/>
    </row>
    <row r="123347" spans="8:8">
      <c r="H123347" s="12"/>
    </row>
    <row r="123348" spans="8:8">
      <c r="H123348" s="12"/>
    </row>
    <row r="123349" spans="8:8">
      <c r="H123349" s="12"/>
    </row>
    <row r="123350" spans="8:8">
      <c r="H123350" s="12"/>
    </row>
    <row r="123351" spans="8:8">
      <c r="H123351" s="12"/>
    </row>
    <row r="123352" spans="8:8">
      <c r="H123352" s="12"/>
    </row>
    <row r="123353" spans="8:8">
      <c r="H123353" s="12"/>
    </row>
    <row r="123354" spans="8:8">
      <c r="H123354" s="12"/>
    </row>
    <row r="123355" spans="8:8">
      <c r="H123355" s="12"/>
    </row>
    <row r="123356" spans="8:8">
      <c r="H123356" s="12"/>
    </row>
    <row r="123357" spans="8:8">
      <c r="H123357" s="12"/>
    </row>
    <row r="123358" spans="8:8">
      <c r="H123358" s="12"/>
    </row>
    <row r="123359" spans="8:8">
      <c r="H123359" s="12"/>
    </row>
    <row r="123360" spans="8:8">
      <c r="H123360" s="12"/>
    </row>
    <row r="123361" spans="8:8">
      <c r="H123361" s="12"/>
    </row>
    <row r="123362" spans="8:8">
      <c r="H123362" s="12"/>
    </row>
    <row r="123363" spans="8:8">
      <c r="H123363" s="12"/>
    </row>
    <row r="123364" spans="8:8">
      <c r="H123364" s="12"/>
    </row>
    <row r="123365" spans="8:8">
      <c r="H123365" s="12"/>
    </row>
    <row r="123366" spans="8:8">
      <c r="H123366" s="12"/>
    </row>
    <row r="123367" spans="8:8">
      <c r="H123367" s="12"/>
    </row>
    <row r="123368" spans="8:8">
      <c r="H123368" s="12"/>
    </row>
    <row r="123369" spans="8:8">
      <c r="H123369" s="12"/>
    </row>
    <row r="123370" spans="8:8">
      <c r="H123370" s="12"/>
    </row>
    <row r="123371" spans="8:8">
      <c r="H123371" s="12"/>
    </row>
    <row r="123372" spans="8:8">
      <c r="H123372" s="12"/>
    </row>
    <row r="123373" spans="8:8">
      <c r="H123373" s="12"/>
    </row>
    <row r="123374" spans="8:8">
      <c r="H123374" s="12"/>
    </row>
    <row r="123375" spans="8:8">
      <c r="H123375" s="12"/>
    </row>
    <row r="123376" spans="8:8">
      <c r="H123376" s="12"/>
    </row>
    <row r="123377" spans="8:8">
      <c r="H123377" s="12"/>
    </row>
    <row r="123378" spans="8:8">
      <c r="H123378" s="12"/>
    </row>
    <row r="123379" spans="8:8">
      <c r="H123379" s="12"/>
    </row>
    <row r="123380" spans="8:8">
      <c r="H123380" s="12"/>
    </row>
    <row r="123381" spans="8:8">
      <c r="H123381" s="12"/>
    </row>
    <row r="123382" spans="8:8">
      <c r="H123382" s="12"/>
    </row>
    <row r="123383" spans="8:8">
      <c r="H123383" s="12"/>
    </row>
    <row r="123384" spans="8:8">
      <c r="H123384" s="12"/>
    </row>
    <row r="123385" spans="8:8">
      <c r="H123385" s="12"/>
    </row>
    <row r="123386" spans="8:8">
      <c r="H123386" s="12"/>
    </row>
    <row r="123387" spans="8:8">
      <c r="H123387" s="12"/>
    </row>
    <row r="123388" spans="8:8">
      <c r="H123388" s="12"/>
    </row>
    <row r="123389" spans="8:8">
      <c r="H123389" s="12"/>
    </row>
    <row r="123390" spans="8:8">
      <c r="H123390" s="12"/>
    </row>
    <row r="123391" spans="8:8">
      <c r="H123391" s="12"/>
    </row>
    <row r="123392" spans="8:8">
      <c r="H123392" s="12"/>
    </row>
    <row r="123393" spans="8:8">
      <c r="H123393" s="12"/>
    </row>
    <row r="123394" spans="8:8">
      <c r="H123394" s="12"/>
    </row>
    <row r="123395" spans="8:8">
      <c r="H123395" s="12"/>
    </row>
    <row r="123396" spans="8:8">
      <c r="H123396" s="12"/>
    </row>
    <row r="123397" spans="8:8">
      <c r="H123397" s="12"/>
    </row>
    <row r="123398" spans="8:8">
      <c r="H123398" s="12"/>
    </row>
    <row r="123399" spans="8:8">
      <c r="H123399" s="12"/>
    </row>
    <row r="123400" spans="8:8">
      <c r="H123400" s="12"/>
    </row>
    <row r="123401" spans="8:8">
      <c r="H123401" s="12"/>
    </row>
    <row r="123402" spans="8:8">
      <c r="H123402" s="12"/>
    </row>
    <row r="123403" spans="8:8">
      <c r="H123403" s="12"/>
    </row>
    <row r="123404" spans="8:8">
      <c r="H123404" s="12"/>
    </row>
    <row r="123405" spans="8:8">
      <c r="H123405" s="12"/>
    </row>
    <row r="123406" spans="8:8">
      <c r="H123406" s="12"/>
    </row>
    <row r="123407" spans="8:8">
      <c r="H123407" s="12"/>
    </row>
    <row r="123408" spans="8:8">
      <c r="H123408" s="12"/>
    </row>
    <row r="123409" spans="8:8">
      <c r="H123409" s="12"/>
    </row>
    <row r="123410" spans="8:8">
      <c r="H123410" s="12"/>
    </row>
    <row r="123411" spans="8:8">
      <c r="H123411" s="12"/>
    </row>
    <row r="123412" spans="8:8">
      <c r="H123412" s="12"/>
    </row>
    <row r="123413" spans="8:8">
      <c r="H123413" s="12"/>
    </row>
    <row r="123414" spans="8:8">
      <c r="H123414" s="12"/>
    </row>
    <row r="123415" spans="8:8">
      <c r="H123415" s="12"/>
    </row>
    <row r="123416" spans="8:8">
      <c r="H123416" s="12"/>
    </row>
    <row r="123417" spans="8:8">
      <c r="H123417" s="12"/>
    </row>
    <row r="123418" spans="8:8">
      <c r="H123418" s="12"/>
    </row>
    <row r="123419" spans="8:8">
      <c r="H123419" s="12"/>
    </row>
    <row r="123420" spans="8:8">
      <c r="H123420" s="12"/>
    </row>
    <row r="123421" spans="8:8">
      <c r="H123421" s="12"/>
    </row>
    <row r="123422" spans="8:8">
      <c r="H123422" s="12"/>
    </row>
    <row r="123423" spans="8:8">
      <c r="H123423" s="12"/>
    </row>
    <row r="123424" spans="8:8">
      <c r="H123424" s="12"/>
    </row>
    <row r="123425" spans="8:8">
      <c r="H123425" s="12"/>
    </row>
    <row r="123426" spans="8:8">
      <c r="H123426" s="12"/>
    </row>
    <row r="123427" spans="8:8">
      <c r="H123427" s="12"/>
    </row>
    <row r="123428" spans="8:8">
      <c r="H123428" s="12"/>
    </row>
    <row r="123429" spans="8:8">
      <c r="H123429" s="12"/>
    </row>
    <row r="123430" spans="8:8">
      <c r="H123430" s="12"/>
    </row>
    <row r="123431" spans="8:8">
      <c r="H123431" s="12"/>
    </row>
    <row r="123432" spans="8:8">
      <c r="H123432" s="12"/>
    </row>
    <row r="123433" spans="8:8">
      <c r="H123433" s="12"/>
    </row>
    <row r="123434" spans="8:8">
      <c r="H123434" s="12"/>
    </row>
    <row r="123435" spans="8:8">
      <c r="H123435" s="12"/>
    </row>
    <row r="123436" spans="8:8">
      <c r="H123436" s="12"/>
    </row>
    <row r="123437" spans="8:8">
      <c r="H123437" s="12"/>
    </row>
    <row r="123438" spans="8:8">
      <c r="H123438" s="12"/>
    </row>
    <row r="123439" spans="8:8">
      <c r="H123439" s="12"/>
    </row>
    <row r="123440" spans="8:8">
      <c r="H123440" s="12"/>
    </row>
    <row r="123441" spans="8:8">
      <c r="H123441" s="12"/>
    </row>
    <row r="123442" spans="8:8">
      <c r="H123442" s="12"/>
    </row>
    <row r="123443" spans="8:8">
      <c r="H123443" s="12"/>
    </row>
    <row r="123444" spans="8:8">
      <c r="H123444" s="12"/>
    </row>
    <row r="123445" spans="8:8">
      <c r="H123445" s="12"/>
    </row>
    <row r="123446" spans="8:8">
      <c r="H123446" s="12"/>
    </row>
    <row r="123447" spans="8:8">
      <c r="H123447" s="12"/>
    </row>
    <row r="123448" spans="8:8">
      <c r="H123448" s="12"/>
    </row>
    <row r="123449" spans="8:8">
      <c r="H123449" s="12"/>
    </row>
    <row r="123450" spans="8:8">
      <c r="H123450" s="12"/>
    </row>
    <row r="123451" spans="8:8">
      <c r="H123451" s="12"/>
    </row>
    <row r="123452" spans="8:8">
      <c r="H123452" s="12"/>
    </row>
    <row r="123453" spans="8:8">
      <c r="H123453" s="12"/>
    </row>
    <row r="123454" spans="8:8">
      <c r="H123454" s="12"/>
    </row>
    <row r="123455" spans="8:8">
      <c r="H123455" s="12"/>
    </row>
    <row r="123456" spans="8:8">
      <c r="H123456" s="12"/>
    </row>
    <row r="123457" spans="8:8">
      <c r="H123457" s="12"/>
    </row>
    <row r="123458" spans="8:8">
      <c r="H123458" s="12"/>
    </row>
    <row r="123459" spans="8:8">
      <c r="H123459" s="12"/>
    </row>
    <row r="123460" spans="8:8">
      <c r="H123460" s="12"/>
    </row>
    <row r="123461" spans="8:8">
      <c r="H123461" s="12"/>
    </row>
    <row r="123462" spans="8:8">
      <c r="H123462" s="12"/>
    </row>
    <row r="123463" spans="8:8">
      <c r="H123463" s="12"/>
    </row>
    <row r="123464" spans="8:8">
      <c r="H123464" s="12"/>
    </row>
    <row r="123465" spans="8:8">
      <c r="H123465" s="12"/>
    </row>
    <row r="123466" spans="8:8">
      <c r="H123466" s="12"/>
    </row>
    <row r="123467" spans="8:8">
      <c r="H123467" s="12"/>
    </row>
    <row r="123468" spans="8:8">
      <c r="H123468" s="12"/>
    </row>
    <row r="123469" spans="8:8">
      <c r="H123469" s="12"/>
    </row>
    <row r="123470" spans="8:8">
      <c r="H123470" s="12"/>
    </row>
    <row r="123471" spans="8:8">
      <c r="H123471" s="12"/>
    </row>
    <row r="123472" spans="8:8">
      <c r="H123472" s="12"/>
    </row>
    <row r="123473" spans="8:8">
      <c r="H123473" s="12"/>
    </row>
    <row r="123474" spans="8:8">
      <c r="H123474" s="12"/>
    </row>
    <row r="123475" spans="8:8">
      <c r="H123475" s="12"/>
    </row>
    <row r="123476" spans="8:8">
      <c r="H123476" s="12"/>
    </row>
    <row r="123477" spans="8:8">
      <c r="H123477" s="12"/>
    </row>
    <row r="123478" spans="8:8">
      <c r="H123478" s="12"/>
    </row>
    <row r="123479" spans="8:8">
      <c r="H123479" s="12"/>
    </row>
    <row r="123480" spans="8:8">
      <c r="H123480" s="12"/>
    </row>
    <row r="123481" spans="8:8">
      <c r="H123481" s="12"/>
    </row>
    <row r="123482" spans="8:8">
      <c r="H123482" s="12"/>
    </row>
    <row r="123483" spans="8:8">
      <c r="H123483" s="12"/>
    </row>
    <row r="123484" spans="8:8">
      <c r="H123484" s="12"/>
    </row>
    <row r="123485" spans="8:8">
      <c r="H123485" s="12"/>
    </row>
    <row r="123486" spans="8:8">
      <c r="H123486" s="12"/>
    </row>
    <row r="123487" spans="8:8">
      <c r="H123487" s="12"/>
    </row>
    <row r="123488" spans="8:8">
      <c r="H123488" s="12"/>
    </row>
    <row r="123489" spans="8:8">
      <c r="H123489" s="12"/>
    </row>
    <row r="123490" spans="8:8">
      <c r="H123490" s="12"/>
    </row>
    <row r="123491" spans="8:8">
      <c r="H123491" s="12"/>
    </row>
    <row r="123492" spans="8:8">
      <c r="H123492" s="12"/>
    </row>
    <row r="123493" spans="8:8">
      <c r="H123493" s="12"/>
    </row>
    <row r="123494" spans="8:8">
      <c r="H123494" s="12"/>
    </row>
    <row r="123495" spans="8:8">
      <c r="H123495" s="12"/>
    </row>
    <row r="123496" spans="8:8">
      <c r="H123496" s="12"/>
    </row>
    <row r="123497" spans="8:8">
      <c r="H123497" s="12"/>
    </row>
    <row r="123498" spans="8:8">
      <c r="H123498" s="12"/>
    </row>
    <row r="123499" spans="8:8">
      <c r="H123499" s="12"/>
    </row>
    <row r="123500" spans="8:8">
      <c r="H123500" s="12"/>
    </row>
    <row r="123501" spans="8:8">
      <c r="H123501" s="12"/>
    </row>
    <row r="123502" spans="8:8">
      <c r="H123502" s="12"/>
    </row>
    <row r="123503" spans="8:8">
      <c r="H123503" s="12"/>
    </row>
    <row r="123504" spans="8:8">
      <c r="H123504" s="12"/>
    </row>
    <row r="123505" spans="8:8">
      <c r="H123505" s="12"/>
    </row>
    <row r="123506" spans="8:8">
      <c r="H123506" s="12"/>
    </row>
    <row r="123507" spans="8:8">
      <c r="H123507" s="12"/>
    </row>
    <row r="123508" spans="8:8">
      <c r="H123508" s="12"/>
    </row>
    <row r="123509" spans="8:8">
      <c r="H123509" s="12"/>
    </row>
    <row r="123510" spans="8:8">
      <c r="H123510" s="12"/>
    </row>
    <row r="123511" spans="8:8">
      <c r="H123511" s="12"/>
    </row>
    <row r="123512" spans="8:8">
      <c r="H123512" s="12"/>
    </row>
    <row r="123513" spans="8:8">
      <c r="H123513" s="12"/>
    </row>
    <row r="123514" spans="8:8">
      <c r="H123514" s="12"/>
    </row>
    <row r="123515" spans="8:8">
      <c r="H123515" s="12"/>
    </row>
    <row r="123516" spans="8:8">
      <c r="H123516" s="12"/>
    </row>
    <row r="123517" spans="8:8">
      <c r="H123517" s="12"/>
    </row>
    <row r="123518" spans="8:8">
      <c r="H123518" s="12"/>
    </row>
    <row r="123519" spans="8:8">
      <c r="H123519" s="12"/>
    </row>
    <row r="123520" spans="8:8">
      <c r="H123520" s="12"/>
    </row>
    <row r="123521" spans="8:8">
      <c r="H123521" s="12"/>
    </row>
    <row r="123522" spans="8:8">
      <c r="H123522" s="12"/>
    </row>
    <row r="123523" spans="8:8">
      <c r="H123523" s="12"/>
    </row>
    <row r="123524" spans="8:8">
      <c r="H123524" s="12"/>
    </row>
    <row r="123525" spans="8:8">
      <c r="H123525" s="12"/>
    </row>
    <row r="123526" spans="8:8">
      <c r="H123526" s="12"/>
    </row>
    <row r="123527" spans="8:8">
      <c r="H123527" s="12"/>
    </row>
    <row r="123528" spans="8:8">
      <c r="H123528" s="12"/>
    </row>
    <row r="123529" spans="8:8">
      <c r="H123529" s="12"/>
    </row>
    <row r="123530" spans="8:8">
      <c r="H123530" s="12"/>
    </row>
    <row r="123531" spans="8:8">
      <c r="H123531" s="12"/>
    </row>
    <row r="123532" spans="8:8">
      <c r="H123532" s="12"/>
    </row>
    <row r="123533" spans="8:8">
      <c r="H123533" s="12"/>
    </row>
    <row r="123534" spans="8:8">
      <c r="H123534" s="12"/>
    </row>
    <row r="123535" spans="8:8">
      <c r="H123535" s="12"/>
    </row>
    <row r="123536" spans="8:8">
      <c r="H123536" s="12"/>
    </row>
    <row r="123537" spans="8:8">
      <c r="H123537" s="12"/>
    </row>
    <row r="123538" spans="8:8">
      <c r="H123538" s="12"/>
    </row>
    <row r="123539" spans="8:8">
      <c r="H123539" s="12"/>
    </row>
    <row r="123540" spans="8:8">
      <c r="H123540" s="12"/>
    </row>
    <row r="123541" spans="8:8">
      <c r="H123541" s="12"/>
    </row>
    <row r="123542" spans="8:8">
      <c r="H123542" s="12"/>
    </row>
    <row r="123543" spans="8:8">
      <c r="H123543" s="12"/>
    </row>
    <row r="123544" spans="8:8">
      <c r="H123544" s="12"/>
    </row>
    <row r="123545" spans="8:8">
      <c r="H123545" s="12"/>
    </row>
    <row r="123546" spans="8:8">
      <c r="H123546" s="12"/>
    </row>
    <row r="123547" spans="8:8">
      <c r="H123547" s="12"/>
    </row>
    <row r="123548" spans="8:8">
      <c r="H123548" s="12"/>
    </row>
    <row r="123549" spans="8:8">
      <c r="H123549" s="12"/>
    </row>
    <row r="123550" spans="8:8">
      <c r="H123550" s="12"/>
    </row>
    <row r="123551" spans="8:8">
      <c r="H123551" s="12"/>
    </row>
    <row r="123552" spans="8:8">
      <c r="H123552" s="12"/>
    </row>
    <row r="123553" spans="8:8">
      <c r="H123553" s="12"/>
    </row>
    <row r="123554" spans="8:8">
      <c r="H123554" s="12"/>
    </row>
    <row r="123555" spans="8:8">
      <c r="H123555" s="12"/>
    </row>
    <row r="123556" spans="8:8">
      <c r="H123556" s="12"/>
    </row>
    <row r="123557" spans="8:8">
      <c r="H123557" s="12"/>
    </row>
    <row r="123558" spans="8:8">
      <c r="H123558" s="12"/>
    </row>
    <row r="123559" spans="8:8">
      <c r="H123559" s="12"/>
    </row>
    <row r="123560" spans="8:8">
      <c r="H123560" s="12"/>
    </row>
    <row r="123561" spans="8:8">
      <c r="H123561" s="12"/>
    </row>
    <row r="123562" spans="8:8">
      <c r="H123562" s="12"/>
    </row>
    <row r="123563" spans="8:8">
      <c r="H123563" s="12"/>
    </row>
    <row r="123564" spans="8:8">
      <c r="H123564" s="12"/>
    </row>
    <row r="123565" spans="8:8">
      <c r="H123565" s="12"/>
    </row>
    <row r="123566" spans="8:8">
      <c r="H123566" s="12"/>
    </row>
    <row r="123567" spans="8:8">
      <c r="H123567" s="12"/>
    </row>
    <row r="123568" spans="8:8">
      <c r="H123568" s="12"/>
    </row>
    <row r="123569" spans="8:8">
      <c r="H123569" s="12"/>
    </row>
    <row r="123570" spans="8:8">
      <c r="H123570" s="12"/>
    </row>
    <row r="123571" spans="8:8">
      <c r="H123571" s="12"/>
    </row>
    <row r="123572" spans="8:8">
      <c r="H123572" s="12"/>
    </row>
    <row r="123573" spans="8:8">
      <c r="H123573" s="12"/>
    </row>
    <row r="123574" spans="8:8">
      <c r="H123574" s="12"/>
    </row>
    <row r="123575" spans="8:8">
      <c r="H123575" s="12"/>
    </row>
    <row r="123576" spans="8:8">
      <c r="H123576" s="12"/>
    </row>
    <row r="123577" spans="8:8">
      <c r="H123577" s="12"/>
    </row>
    <row r="123578" spans="8:8">
      <c r="H123578" s="12"/>
    </row>
    <row r="123579" spans="8:8">
      <c r="H123579" s="12"/>
    </row>
    <row r="123580" spans="8:8">
      <c r="H123580" s="12"/>
    </row>
    <row r="123581" spans="8:8">
      <c r="H123581" s="12"/>
    </row>
    <row r="123582" spans="8:8">
      <c r="H123582" s="12"/>
    </row>
    <row r="123583" spans="8:8">
      <c r="H123583" s="12"/>
    </row>
    <row r="123584" spans="8:8">
      <c r="H123584" s="12"/>
    </row>
    <row r="123585" spans="8:8">
      <c r="H123585" s="12"/>
    </row>
    <row r="123586" spans="8:8">
      <c r="H123586" s="12"/>
    </row>
    <row r="123587" spans="8:8">
      <c r="H123587" s="12"/>
    </row>
    <row r="123588" spans="8:8">
      <c r="H123588" s="12"/>
    </row>
    <row r="123589" spans="8:8">
      <c r="H123589" s="12"/>
    </row>
    <row r="123590" spans="8:8">
      <c r="H123590" s="12"/>
    </row>
    <row r="123591" spans="8:8">
      <c r="H123591" s="12"/>
    </row>
    <row r="123592" spans="8:8">
      <c r="H123592" s="12"/>
    </row>
    <row r="123593" spans="8:8">
      <c r="H123593" s="12"/>
    </row>
    <row r="123594" spans="8:8">
      <c r="H123594" s="12"/>
    </row>
    <row r="123595" spans="8:8">
      <c r="H123595" s="12"/>
    </row>
    <row r="123596" spans="8:8">
      <c r="H123596" s="12"/>
    </row>
    <row r="123597" spans="8:8">
      <c r="H123597" s="12"/>
    </row>
    <row r="123598" spans="8:8">
      <c r="H123598" s="12"/>
    </row>
    <row r="123599" spans="8:8">
      <c r="H123599" s="12"/>
    </row>
    <row r="123600" spans="8:8">
      <c r="H123600" s="12"/>
    </row>
    <row r="123601" spans="8:8">
      <c r="H123601" s="12"/>
    </row>
    <row r="123602" spans="8:8">
      <c r="H123602" s="12"/>
    </row>
    <row r="123603" spans="8:8">
      <c r="H123603" s="12"/>
    </row>
    <row r="123604" spans="8:8">
      <c r="H123604" s="12"/>
    </row>
    <row r="123605" spans="8:8">
      <c r="H123605" s="12"/>
    </row>
    <row r="123606" spans="8:8">
      <c r="H123606" s="12"/>
    </row>
    <row r="123607" spans="8:8">
      <c r="H123607" s="12"/>
    </row>
    <row r="123608" spans="8:8">
      <c r="H123608" s="12"/>
    </row>
    <row r="123609" spans="8:8">
      <c r="H123609" s="12"/>
    </row>
    <row r="123610" spans="8:8">
      <c r="H123610" s="12"/>
    </row>
    <row r="123611" spans="8:8">
      <c r="H123611" s="12"/>
    </row>
    <row r="123612" spans="8:8">
      <c r="H123612" s="12"/>
    </row>
    <row r="123613" spans="8:8">
      <c r="H123613" s="12"/>
    </row>
    <row r="123614" spans="8:8">
      <c r="H123614" s="12"/>
    </row>
    <row r="123615" spans="8:8">
      <c r="H123615" s="12"/>
    </row>
    <row r="123616" spans="8:8">
      <c r="H123616" s="12"/>
    </row>
    <row r="123617" spans="8:8">
      <c r="H123617" s="12"/>
    </row>
    <row r="123618" spans="8:8">
      <c r="H123618" s="12"/>
    </row>
    <row r="123619" spans="8:8">
      <c r="H123619" s="12"/>
    </row>
    <row r="123620" spans="8:8">
      <c r="H123620" s="12"/>
    </row>
    <row r="123621" spans="8:8">
      <c r="H123621" s="12"/>
    </row>
    <row r="123622" spans="8:8">
      <c r="H123622" s="12"/>
    </row>
    <row r="123623" spans="8:8">
      <c r="H123623" s="12"/>
    </row>
    <row r="123624" spans="8:8">
      <c r="H123624" s="12"/>
    </row>
    <row r="123625" spans="8:8">
      <c r="H123625" s="12"/>
    </row>
    <row r="123626" spans="8:8">
      <c r="H123626" s="12"/>
    </row>
    <row r="123627" spans="8:8">
      <c r="H123627" s="12"/>
    </row>
    <row r="123628" spans="8:8">
      <c r="H123628" s="12"/>
    </row>
    <row r="123629" spans="8:8">
      <c r="H123629" s="12"/>
    </row>
    <row r="123630" spans="8:8">
      <c r="H123630" s="12"/>
    </row>
    <row r="123631" spans="8:8">
      <c r="H123631" s="12"/>
    </row>
    <row r="123632" spans="8:8">
      <c r="H123632" s="12"/>
    </row>
    <row r="123633" spans="8:8">
      <c r="H123633" s="12"/>
    </row>
    <row r="123634" spans="8:8">
      <c r="H123634" s="12"/>
    </row>
    <row r="123635" spans="8:8">
      <c r="H123635" s="12"/>
    </row>
    <row r="123636" spans="8:8">
      <c r="H123636" s="12"/>
    </row>
    <row r="123637" spans="8:8">
      <c r="H123637" s="12"/>
    </row>
    <row r="123638" spans="8:8">
      <c r="H123638" s="12"/>
    </row>
    <row r="123639" spans="8:8">
      <c r="H123639" s="12"/>
    </row>
    <row r="123640" spans="8:8">
      <c r="H123640" s="12"/>
    </row>
    <row r="123641" spans="8:8">
      <c r="H123641" s="12"/>
    </row>
    <row r="123642" spans="8:8">
      <c r="H123642" s="12"/>
    </row>
    <row r="123643" spans="8:8">
      <c r="H123643" s="12"/>
    </row>
    <row r="123644" spans="8:8">
      <c r="H123644" s="12"/>
    </row>
    <row r="123645" spans="8:8">
      <c r="H123645" s="12"/>
    </row>
    <row r="123646" spans="8:8">
      <c r="H123646" s="12"/>
    </row>
    <row r="123647" spans="8:8">
      <c r="H123647" s="12"/>
    </row>
    <row r="123648" spans="8:8">
      <c r="H123648" s="12"/>
    </row>
    <row r="123649" spans="8:8">
      <c r="H123649" s="12"/>
    </row>
    <row r="123650" spans="8:8">
      <c r="H123650" s="12"/>
    </row>
    <row r="123651" spans="8:8">
      <c r="H123651" s="12"/>
    </row>
    <row r="123652" spans="8:8">
      <c r="H123652" s="12"/>
    </row>
    <row r="123653" spans="8:8">
      <c r="H123653" s="12"/>
    </row>
    <row r="123654" spans="8:8">
      <c r="H123654" s="12"/>
    </row>
    <row r="123655" spans="8:8">
      <c r="H123655" s="12"/>
    </row>
    <row r="123656" spans="8:8">
      <c r="H123656" s="12"/>
    </row>
    <row r="123657" spans="8:8">
      <c r="H123657" s="12"/>
    </row>
    <row r="123658" spans="8:8">
      <c r="H123658" s="12"/>
    </row>
    <row r="123659" spans="8:8">
      <c r="H123659" s="12"/>
    </row>
    <row r="123660" spans="8:8">
      <c r="H123660" s="12"/>
    </row>
    <row r="123661" spans="8:8">
      <c r="H123661" s="12"/>
    </row>
    <row r="123662" spans="8:8">
      <c r="H123662" s="12"/>
    </row>
    <row r="123663" spans="8:8">
      <c r="H123663" s="12"/>
    </row>
    <row r="123664" spans="8:8">
      <c r="H123664" s="12"/>
    </row>
    <row r="123665" spans="8:8">
      <c r="H123665" s="12"/>
    </row>
    <row r="123666" spans="8:8">
      <c r="H123666" s="12"/>
    </row>
    <row r="123667" spans="8:8">
      <c r="H123667" s="12"/>
    </row>
    <row r="123668" spans="8:8">
      <c r="H123668" s="12"/>
    </row>
    <row r="123669" spans="8:8">
      <c r="H123669" s="12"/>
    </row>
    <row r="123670" spans="8:8">
      <c r="H123670" s="12"/>
    </row>
    <row r="123671" spans="8:8">
      <c r="H123671" s="12"/>
    </row>
    <row r="123672" spans="8:8">
      <c r="H123672" s="12"/>
    </row>
    <row r="123673" spans="8:8">
      <c r="H123673" s="12"/>
    </row>
    <row r="123674" spans="8:8">
      <c r="H123674" s="12"/>
    </row>
    <row r="123675" spans="8:8">
      <c r="H123675" s="12"/>
    </row>
    <row r="123676" spans="8:8">
      <c r="H123676" s="12"/>
    </row>
    <row r="123677" spans="8:8">
      <c r="H123677" s="12"/>
    </row>
    <row r="123678" spans="8:8">
      <c r="H123678" s="12"/>
    </row>
    <row r="123679" spans="8:8">
      <c r="H123679" s="12"/>
    </row>
    <row r="123680" spans="8:8">
      <c r="H123680" s="12"/>
    </row>
    <row r="123681" spans="8:8">
      <c r="H123681" s="12"/>
    </row>
    <row r="123682" spans="8:8">
      <c r="H123682" s="12"/>
    </row>
    <row r="123683" spans="8:8">
      <c r="H123683" s="12"/>
    </row>
    <row r="123684" spans="8:8">
      <c r="H123684" s="12"/>
    </row>
    <row r="123685" spans="8:8">
      <c r="H123685" s="12"/>
    </row>
    <row r="123686" spans="8:8">
      <c r="H123686" s="12"/>
    </row>
    <row r="123687" spans="8:8">
      <c r="H123687" s="12"/>
    </row>
    <row r="123688" spans="8:8">
      <c r="H123688" s="12"/>
    </row>
    <row r="123689" spans="8:8">
      <c r="H123689" s="12"/>
    </row>
    <row r="123690" spans="8:8">
      <c r="H123690" s="12"/>
    </row>
    <row r="123691" spans="8:8">
      <c r="H123691" s="12"/>
    </row>
    <row r="123692" spans="8:8">
      <c r="H123692" s="12"/>
    </row>
    <row r="123693" spans="8:8">
      <c r="H123693" s="12"/>
    </row>
    <row r="123694" spans="8:8">
      <c r="H123694" s="12"/>
    </row>
    <row r="123695" spans="8:8">
      <c r="H123695" s="12"/>
    </row>
    <row r="123696" spans="8:8">
      <c r="H123696" s="12"/>
    </row>
    <row r="123697" spans="8:8">
      <c r="H123697" s="12"/>
    </row>
    <row r="123698" spans="8:8">
      <c r="H123698" s="12"/>
    </row>
    <row r="123699" spans="8:8">
      <c r="H123699" s="12"/>
    </row>
    <row r="123700" spans="8:8">
      <c r="H123700" s="12"/>
    </row>
    <row r="123701" spans="8:8">
      <c r="H123701" s="12"/>
    </row>
    <row r="123702" spans="8:8">
      <c r="H123702" s="12"/>
    </row>
    <row r="123703" spans="8:8">
      <c r="H123703" s="12"/>
    </row>
    <row r="123704" spans="8:8">
      <c r="H123704" s="12"/>
    </row>
    <row r="123705" spans="8:8">
      <c r="H123705" s="12"/>
    </row>
    <row r="123706" spans="8:8">
      <c r="H123706" s="12"/>
    </row>
    <row r="123707" spans="8:8">
      <c r="H123707" s="12"/>
    </row>
    <row r="123708" spans="8:8">
      <c r="H123708" s="12"/>
    </row>
    <row r="123709" spans="8:8">
      <c r="H123709" s="12"/>
    </row>
    <row r="123710" spans="8:8">
      <c r="H123710" s="12"/>
    </row>
    <row r="123711" spans="8:8">
      <c r="H123711" s="12"/>
    </row>
    <row r="123712" spans="8:8">
      <c r="H123712" s="12"/>
    </row>
    <row r="123713" spans="8:8">
      <c r="H123713" s="12"/>
    </row>
    <row r="123714" spans="8:8">
      <c r="H123714" s="12"/>
    </row>
    <row r="123715" spans="8:8">
      <c r="H123715" s="12"/>
    </row>
    <row r="123716" spans="8:8">
      <c r="H123716" s="12"/>
    </row>
    <row r="123717" spans="8:8">
      <c r="H123717" s="12"/>
    </row>
    <row r="123718" spans="8:8">
      <c r="H123718" s="12"/>
    </row>
    <row r="123719" spans="8:8">
      <c r="H123719" s="12"/>
    </row>
    <row r="123720" spans="8:8">
      <c r="H123720" s="12"/>
    </row>
    <row r="123721" spans="8:8">
      <c r="H123721" s="12"/>
    </row>
    <row r="123722" spans="8:8">
      <c r="H123722" s="12"/>
    </row>
    <row r="123723" spans="8:8">
      <c r="H123723" s="12"/>
    </row>
    <row r="123724" spans="8:8">
      <c r="H123724" s="12"/>
    </row>
    <row r="123725" spans="8:8">
      <c r="H123725" s="12"/>
    </row>
    <row r="123726" spans="8:8">
      <c r="H123726" s="12"/>
    </row>
    <row r="123727" spans="8:8">
      <c r="H123727" s="12"/>
    </row>
    <row r="123728" spans="8:8">
      <c r="H123728" s="12"/>
    </row>
    <row r="123729" spans="8:8">
      <c r="H123729" s="12"/>
    </row>
    <row r="123730" spans="8:8">
      <c r="H123730" s="12"/>
    </row>
    <row r="123731" spans="8:8">
      <c r="H123731" s="12"/>
    </row>
    <row r="123732" spans="8:8">
      <c r="H123732" s="12"/>
    </row>
    <row r="123733" spans="8:8">
      <c r="H123733" s="12"/>
    </row>
    <row r="123734" spans="8:8">
      <c r="H123734" s="12"/>
    </row>
    <row r="123735" spans="8:8">
      <c r="H123735" s="12"/>
    </row>
    <row r="123736" spans="8:8">
      <c r="H123736" s="12"/>
    </row>
    <row r="123737" spans="8:8">
      <c r="H123737" s="12"/>
    </row>
    <row r="123738" spans="8:8">
      <c r="H123738" s="12"/>
    </row>
    <row r="123739" spans="8:8">
      <c r="H123739" s="12"/>
    </row>
    <row r="123740" spans="8:8">
      <c r="H123740" s="12"/>
    </row>
    <row r="123741" spans="8:8">
      <c r="H123741" s="12"/>
    </row>
    <row r="123742" spans="8:8">
      <c r="H123742" s="12"/>
    </row>
    <row r="123743" spans="8:8">
      <c r="H123743" s="12"/>
    </row>
    <row r="123744" spans="8:8">
      <c r="H123744" s="12"/>
    </row>
    <row r="123745" spans="8:8">
      <c r="H123745" s="12"/>
    </row>
    <row r="123746" spans="8:8">
      <c r="H123746" s="12"/>
    </row>
    <row r="123747" spans="8:8">
      <c r="H123747" s="12"/>
    </row>
    <row r="123748" spans="8:8">
      <c r="H123748" s="12"/>
    </row>
    <row r="123749" spans="8:8">
      <c r="H123749" s="12"/>
    </row>
    <row r="123750" spans="8:8">
      <c r="H123750" s="12"/>
    </row>
    <row r="123751" spans="8:8">
      <c r="H123751" s="12"/>
    </row>
    <row r="123752" spans="8:8">
      <c r="H123752" s="12"/>
    </row>
    <row r="123753" spans="8:8">
      <c r="H123753" s="12"/>
    </row>
    <row r="123754" spans="8:8">
      <c r="H123754" s="12"/>
    </row>
    <row r="123755" spans="8:8">
      <c r="H123755" s="12"/>
    </row>
    <row r="123756" spans="8:8">
      <c r="H123756" s="12"/>
    </row>
    <row r="123757" spans="8:8">
      <c r="H123757" s="12"/>
    </row>
    <row r="123758" spans="8:8">
      <c r="H123758" s="12"/>
    </row>
    <row r="123759" spans="8:8">
      <c r="H123759" s="12"/>
    </row>
    <row r="123760" spans="8:8">
      <c r="H123760" s="12"/>
    </row>
    <row r="123761" spans="8:8">
      <c r="H123761" s="12"/>
    </row>
    <row r="123762" spans="8:8">
      <c r="H123762" s="12"/>
    </row>
    <row r="123763" spans="8:8">
      <c r="H123763" s="12"/>
    </row>
    <row r="123764" spans="8:8">
      <c r="H123764" s="12"/>
    </row>
    <row r="123765" spans="8:8">
      <c r="H123765" s="12"/>
    </row>
    <row r="123766" spans="8:8">
      <c r="H123766" s="12"/>
    </row>
    <row r="123767" spans="8:8">
      <c r="H123767" s="12"/>
    </row>
    <row r="123768" spans="8:8">
      <c r="H123768" s="12"/>
    </row>
    <row r="123769" spans="8:8">
      <c r="H123769" s="12"/>
    </row>
    <row r="123770" spans="8:8">
      <c r="H123770" s="12"/>
    </row>
    <row r="123771" spans="8:8">
      <c r="H123771" s="12"/>
    </row>
    <row r="123772" spans="8:8">
      <c r="H123772" s="12"/>
    </row>
    <row r="123773" spans="8:8">
      <c r="H123773" s="12"/>
    </row>
    <row r="123774" spans="8:8">
      <c r="H123774" s="12"/>
    </row>
    <row r="123775" spans="8:8">
      <c r="H123775" s="12"/>
    </row>
    <row r="123776" spans="8:8">
      <c r="H123776" s="12"/>
    </row>
    <row r="123777" spans="8:8">
      <c r="H123777" s="12"/>
    </row>
    <row r="123778" spans="8:8">
      <c r="H123778" s="12"/>
    </row>
    <row r="123779" spans="8:8">
      <c r="H123779" s="12"/>
    </row>
    <row r="123780" spans="8:8">
      <c r="H123780" s="12"/>
    </row>
    <row r="123781" spans="8:8">
      <c r="H123781" s="12"/>
    </row>
    <row r="123782" spans="8:8">
      <c r="H123782" s="12"/>
    </row>
    <row r="123783" spans="8:8">
      <c r="H123783" s="12"/>
    </row>
    <row r="123784" spans="8:8">
      <c r="H123784" s="12"/>
    </row>
    <row r="123785" spans="8:8">
      <c r="H123785" s="12"/>
    </row>
    <row r="123786" spans="8:8">
      <c r="H123786" s="12"/>
    </row>
    <row r="123787" spans="8:8">
      <c r="H123787" s="12"/>
    </row>
    <row r="123788" spans="8:8">
      <c r="H123788" s="12"/>
    </row>
    <row r="123789" spans="8:8">
      <c r="H123789" s="12"/>
    </row>
    <row r="123790" spans="8:8">
      <c r="H123790" s="12"/>
    </row>
    <row r="123791" spans="8:8">
      <c r="H123791" s="12"/>
    </row>
    <row r="123792" spans="8:8">
      <c r="H123792" s="12"/>
    </row>
    <row r="123793" spans="8:8">
      <c r="H123793" s="12"/>
    </row>
    <row r="123794" spans="8:8">
      <c r="H123794" s="12"/>
    </row>
    <row r="123795" spans="8:8">
      <c r="H123795" s="12"/>
    </row>
    <row r="123796" spans="8:8">
      <c r="H123796" s="12"/>
    </row>
    <row r="123797" spans="8:8">
      <c r="H123797" s="12"/>
    </row>
    <row r="123798" spans="8:8">
      <c r="H123798" s="12"/>
    </row>
    <row r="123799" spans="8:8">
      <c r="H123799" s="12"/>
    </row>
    <row r="123800" spans="8:8">
      <c r="H123800" s="12"/>
    </row>
    <row r="123801" spans="8:8">
      <c r="H123801" s="12"/>
    </row>
    <row r="123802" spans="8:8">
      <c r="H123802" s="12"/>
    </row>
    <row r="123803" spans="8:8">
      <c r="H123803" s="12"/>
    </row>
    <row r="123804" spans="8:8">
      <c r="H123804" s="12"/>
    </row>
    <row r="123805" spans="8:8">
      <c r="H123805" s="12"/>
    </row>
    <row r="123806" spans="8:8">
      <c r="H123806" s="12"/>
    </row>
    <row r="123807" spans="8:8">
      <c r="H123807" s="12"/>
    </row>
    <row r="123808" spans="8:8">
      <c r="H123808" s="12"/>
    </row>
    <row r="123809" spans="8:8">
      <c r="H123809" s="12"/>
    </row>
    <row r="123810" spans="8:8">
      <c r="H123810" s="12"/>
    </row>
    <row r="123811" spans="8:8">
      <c r="H123811" s="12"/>
    </row>
    <row r="123812" spans="8:8">
      <c r="H123812" s="12"/>
    </row>
    <row r="123813" spans="8:8">
      <c r="H123813" s="12"/>
    </row>
    <row r="123814" spans="8:8">
      <c r="H123814" s="12"/>
    </row>
    <row r="123815" spans="8:8">
      <c r="H123815" s="12"/>
    </row>
    <row r="123816" spans="8:8">
      <c r="H123816" s="12"/>
    </row>
    <row r="123817" spans="8:8">
      <c r="H123817" s="12"/>
    </row>
    <row r="123818" spans="8:8">
      <c r="H123818" s="12"/>
    </row>
    <row r="123819" spans="8:8">
      <c r="H123819" s="12"/>
    </row>
    <row r="123820" spans="8:8">
      <c r="H123820" s="12"/>
    </row>
    <row r="123821" spans="8:8">
      <c r="H123821" s="12"/>
    </row>
    <row r="123822" spans="8:8">
      <c r="H123822" s="12"/>
    </row>
    <row r="123823" spans="8:8">
      <c r="H123823" s="12"/>
    </row>
    <row r="123824" spans="8:8">
      <c r="H123824" s="12"/>
    </row>
    <row r="123825" spans="8:8">
      <c r="H123825" s="12"/>
    </row>
    <row r="123826" spans="8:8">
      <c r="H123826" s="12"/>
    </row>
    <row r="123827" spans="8:8">
      <c r="H123827" s="12"/>
    </row>
    <row r="123828" spans="8:8">
      <c r="H123828" s="12"/>
    </row>
    <row r="123829" spans="8:8">
      <c r="H123829" s="12"/>
    </row>
    <row r="123830" spans="8:8">
      <c r="H123830" s="12"/>
    </row>
    <row r="123831" spans="8:8">
      <c r="H123831" s="12"/>
    </row>
    <row r="123832" spans="8:8">
      <c r="H123832" s="12"/>
    </row>
    <row r="123833" spans="8:8">
      <c r="H123833" s="12"/>
    </row>
    <row r="123834" spans="8:8">
      <c r="H123834" s="12"/>
    </row>
    <row r="123835" spans="8:8">
      <c r="H123835" s="12"/>
    </row>
    <row r="123836" spans="8:8">
      <c r="H123836" s="12"/>
    </row>
    <row r="123837" spans="8:8">
      <c r="H123837" s="12"/>
    </row>
    <row r="123838" spans="8:8">
      <c r="H123838" s="12"/>
    </row>
    <row r="123839" spans="8:8">
      <c r="H123839" s="12"/>
    </row>
    <row r="123840" spans="8:8">
      <c r="H123840" s="12"/>
    </row>
    <row r="123841" spans="8:8">
      <c r="H123841" s="12"/>
    </row>
    <row r="123842" spans="8:8">
      <c r="H123842" s="12"/>
    </row>
    <row r="123843" spans="8:8">
      <c r="H123843" s="12"/>
    </row>
    <row r="123844" spans="8:8">
      <c r="H123844" s="12"/>
    </row>
    <row r="123845" spans="8:8">
      <c r="H123845" s="12"/>
    </row>
    <row r="123846" spans="8:8">
      <c r="H123846" s="12"/>
    </row>
    <row r="123847" spans="8:8">
      <c r="H123847" s="12"/>
    </row>
    <row r="123848" spans="8:8">
      <c r="H123848" s="12"/>
    </row>
    <row r="123849" spans="8:8">
      <c r="H123849" s="12"/>
    </row>
    <row r="123850" spans="8:8">
      <c r="H123850" s="12"/>
    </row>
    <row r="123851" spans="8:8">
      <c r="H123851" s="12"/>
    </row>
    <row r="123852" spans="8:8">
      <c r="H123852" s="12"/>
    </row>
    <row r="123853" spans="8:8">
      <c r="H123853" s="12"/>
    </row>
    <row r="123854" spans="8:8">
      <c r="H123854" s="12"/>
    </row>
    <row r="123855" spans="8:8">
      <c r="H123855" s="12"/>
    </row>
    <row r="123856" spans="8:8">
      <c r="H123856" s="12"/>
    </row>
    <row r="123857" spans="8:8">
      <c r="H123857" s="12"/>
    </row>
    <row r="123858" spans="8:8">
      <c r="H123858" s="12"/>
    </row>
    <row r="123859" spans="8:8">
      <c r="H123859" s="12"/>
    </row>
    <row r="123860" spans="8:8">
      <c r="H123860" s="12"/>
    </row>
    <row r="123861" spans="8:8">
      <c r="H123861" s="12"/>
    </row>
    <row r="123862" spans="8:8">
      <c r="H123862" s="12"/>
    </row>
    <row r="123863" spans="8:8">
      <c r="H123863" s="12"/>
    </row>
    <row r="123864" spans="8:8">
      <c r="H123864" s="12"/>
    </row>
    <row r="123865" spans="8:8">
      <c r="H123865" s="12"/>
    </row>
    <row r="123866" spans="8:8">
      <c r="H123866" s="12"/>
    </row>
    <row r="123867" spans="8:8">
      <c r="H123867" s="12"/>
    </row>
    <row r="123868" spans="8:8">
      <c r="H123868" s="12"/>
    </row>
    <row r="123869" spans="8:8">
      <c r="H123869" s="12"/>
    </row>
    <row r="123870" spans="8:8">
      <c r="H123870" s="12"/>
    </row>
    <row r="123871" spans="8:8">
      <c r="H123871" s="12"/>
    </row>
    <row r="123872" spans="8:8">
      <c r="H123872" s="12"/>
    </row>
    <row r="123873" spans="8:8">
      <c r="H123873" s="12"/>
    </row>
    <row r="123874" spans="8:8">
      <c r="H123874" s="12"/>
    </row>
    <row r="123875" spans="8:8">
      <c r="H123875" s="12"/>
    </row>
    <row r="123876" spans="8:8">
      <c r="H123876" s="12"/>
    </row>
    <row r="123877" spans="8:8">
      <c r="H123877" s="12"/>
    </row>
    <row r="123878" spans="8:8">
      <c r="H123878" s="12"/>
    </row>
    <row r="123879" spans="8:8">
      <c r="H123879" s="12"/>
    </row>
    <row r="123880" spans="8:8">
      <c r="H123880" s="12"/>
    </row>
    <row r="123881" spans="8:8">
      <c r="H123881" s="12"/>
    </row>
    <row r="123882" spans="8:8">
      <c r="H123882" s="12"/>
    </row>
    <row r="123883" spans="8:8">
      <c r="H123883" s="12"/>
    </row>
    <row r="123884" spans="8:8">
      <c r="H123884" s="12"/>
    </row>
    <row r="123885" spans="8:8">
      <c r="H123885" s="12"/>
    </row>
    <row r="123886" spans="8:8">
      <c r="H123886" s="12"/>
    </row>
    <row r="123887" spans="8:8">
      <c r="H123887" s="12"/>
    </row>
    <row r="123888" spans="8:8">
      <c r="H123888" s="12"/>
    </row>
    <row r="123889" spans="8:8">
      <c r="H123889" s="12"/>
    </row>
    <row r="123890" spans="8:8">
      <c r="H123890" s="12"/>
    </row>
    <row r="123891" spans="8:8">
      <c r="H123891" s="12"/>
    </row>
    <row r="123892" spans="8:8">
      <c r="H123892" s="12"/>
    </row>
    <row r="123893" spans="8:8">
      <c r="H123893" s="12"/>
    </row>
    <row r="123894" spans="8:8">
      <c r="H123894" s="12"/>
    </row>
    <row r="123895" spans="8:8">
      <c r="H123895" s="12"/>
    </row>
    <row r="123896" spans="8:8">
      <c r="H123896" s="12"/>
    </row>
    <row r="123897" spans="8:8">
      <c r="H123897" s="12"/>
    </row>
    <row r="123898" spans="8:8">
      <c r="H123898" s="12"/>
    </row>
    <row r="123899" spans="8:8">
      <c r="H123899" s="12"/>
    </row>
    <row r="123900" spans="8:8">
      <c r="H123900" s="12"/>
    </row>
    <row r="123901" spans="8:8">
      <c r="H123901" s="12"/>
    </row>
    <row r="123902" spans="8:8">
      <c r="H123902" s="12"/>
    </row>
    <row r="123903" spans="8:8">
      <c r="H123903" s="12"/>
    </row>
    <row r="123904" spans="8:8">
      <c r="H123904" s="12"/>
    </row>
    <row r="123905" spans="8:8">
      <c r="H123905" s="12"/>
    </row>
    <row r="123906" spans="8:8">
      <c r="H123906" s="12"/>
    </row>
    <row r="123907" spans="8:8">
      <c r="H123907" s="12"/>
    </row>
    <row r="123908" spans="8:8">
      <c r="H123908" s="12"/>
    </row>
    <row r="123909" spans="8:8">
      <c r="H123909" s="12"/>
    </row>
    <row r="123910" spans="8:8">
      <c r="H123910" s="12"/>
    </row>
    <row r="123911" spans="8:8">
      <c r="H123911" s="12"/>
    </row>
    <row r="123912" spans="8:8">
      <c r="H123912" s="12"/>
    </row>
    <row r="123913" spans="8:8">
      <c r="H123913" s="12"/>
    </row>
    <row r="123914" spans="8:8">
      <c r="H123914" s="12"/>
    </row>
    <row r="123915" spans="8:8">
      <c r="H123915" s="12"/>
    </row>
    <row r="123916" spans="8:8">
      <c r="H123916" s="12"/>
    </row>
    <row r="123917" spans="8:8">
      <c r="H123917" s="12"/>
    </row>
    <row r="123918" spans="8:8">
      <c r="H123918" s="12"/>
    </row>
    <row r="123919" spans="8:8">
      <c r="H123919" s="12"/>
    </row>
    <row r="123920" spans="8:8">
      <c r="H123920" s="12"/>
    </row>
    <row r="123921" spans="8:8">
      <c r="H123921" s="12"/>
    </row>
    <row r="123922" spans="8:8">
      <c r="H123922" s="12"/>
    </row>
    <row r="123923" spans="8:8">
      <c r="H123923" s="12"/>
    </row>
    <row r="123924" spans="8:8">
      <c r="H123924" s="12"/>
    </row>
    <row r="123925" spans="8:8">
      <c r="H123925" s="12"/>
    </row>
    <row r="123926" spans="8:8">
      <c r="H123926" s="12"/>
    </row>
    <row r="123927" spans="8:8">
      <c r="H123927" s="12"/>
    </row>
    <row r="123928" spans="8:8">
      <c r="H123928" s="12"/>
    </row>
    <row r="123929" spans="8:8">
      <c r="H123929" s="12"/>
    </row>
    <row r="123930" spans="8:8">
      <c r="H123930" s="12"/>
    </row>
    <row r="123931" spans="8:8">
      <c r="H123931" s="12"/>
    </row>
    <row r="123932" spans="8:8">
      <c r="H123932" s="12"/>
    </row>
    <row r="123933" spans="8:8">
      <c r="H123933" s="12"/>
    </row>
    <row r="123934" spans="8:8">
      <c r="H123934" s="12"/>
    </row>
    <row r="123935" spans="8:8">
      <c r="H123935" s="12"/>
    </row>
    <row r="123936" spans="8:8">
      <c r="H123936" s="12"/>
    </row>
    <row r="123937" spans="8:8">
      <c r="H123937" s="12"/>
    </row>
    <row r="123938" spans="8:8">
      <c r="H123938" s="12"/>
    </row>
    <row r="123939" spans="8:8">
      <c r="H123939" s="12"/>
    </row>
    <row r="123940" spans="8:8">
      <c r="H123940" s="12"/>
    </row>
    <row r="123941" spans="8:8">
      <c r="H123941" s="12"/>
    </row>
    <row r="123942" spans="8:8">
      <c r="H123942" s="12"/>
    </row>
    <row r="123943" spans="8:8">
      <c r="H123943" s="12"/>
    </row>
    <row r="123944" spans="8:8">
      <c r="H123944" s="12"/>
    </row>
    <row r="123945" spans="8:8">
      <c r="H123945" s="12"/>
    </row>
    <row r="123946" spans="8:8">
      <c r="H123946" s="12"/>
    </row>
    <row r="123947" spans="8:8">
      <c r="H123947" s="12"/>
    </row>
    <row r="123948" spans="8:8">
      <c r="H123948" s="12"/>
    </row>
    <row r="123949" spans="8:8">
      <c r="H123949" s="12"/>
    </row>
    <row r="123950" spans="8:8">
      <c r="H123950" s="12"/>
    </row>
    <row r="123951" spans="8:8">
      <c r="H123951" s="12"/>
    </row>
    <row r="123952" spans="8:8">
      <c r="H123952" s="12"/>
    </row>
    <row r="123953" spans="8:8">
      <c r="H123953" s="12"/>
    </row>
    <row r="123954" spans="8:8">
      <c r="H123954" s="12"/>
    </row>
    <row r="123955" spans="8:8">
      <c r="H123955" s="12"/>
    </row>
    <row r="123956" spans="8:8">
      <c r="H123956" s="12"/>
    </row>
    <row r="123957" spans="8:8">
      <c r="H123957" s="12"/>
    </row>
    <row r="123958" spans="8:8">
      <c r="H123958" s="12"/>
    </row>
    <row r="123959" spans="8:8">
      <c r="H123959" s="12"/>
    </row>
    <row r="123960" spans="8:8">
      <c r="H123960" s="12"/>
    </row>
    <row r="123961" spans="8:8">
      <c r="H123961" s="12"/>
    </row>
    <row r="123962" spans="8:8">
      <c r="H123962" s="12"/>
    </row>
    <row r="123963" spans="8:8">
      <c r="H123963" s="12"/>
    </row>
    <row r="123964" spans="8:8">
      <c r="H123964" s="12"/>
    </row>
    <row r="123965" spans="8:8">
      <c r="H123965" s="12"/>
    </row>
    <row r="123966" spans="8:8">
      <c r="H123966" s="12"/>
    </row>
    <row r="123967" spans="8:8">
      <c r="H123967" s="12"/>
    </row>
    <row r="123968" spans="8:8">
      <c r="H123968" s="12"/>
    </row>
    <row r="123969" spans="8:8">
      <c r="H123969" s="12"/>
    </row>
    <row r="123970" spans="8:8">
      <c r="H123970" s="12"/>
    </row>
    <row r="123971" spans="8:8">
      <c r="H123971" s="12"/>
    </row>
    <row r="123972" spans="8:8">
      <c r="H123972" s="12"/>
    </row>
    <row r="123973" spans="8:8">
      <c r="H123973" s="12"/>
    </row>
    <row r="123974" spans="8:8">
      <c r="H123974" s="12"/>
    </row>
    <row r="123975" spans="8:8">
      <c r="H123975" s="12"/>
    </row>
    <row r="123976" spans="8:8">
      <c r="H123976" s="12"/>
    </row>
    <row r="123977" spans="8:8">
      <c r="H123977" s="12"/>
    </row>
    <row r="123978" spans="8:8">
      <c r="H123978" s="12"/>
    </row>
    <row r="123979" spans="8:8">
      <c r="H123979" s="12"/>
    </row>
    <row r="123980" spans="8:8">
      <c r="H123980" s="12"/>
    </row>
    <row r="123981" spans="8:8">
      <c r="H123981" s="12"/>
    </row>
    <row r="123982" spans="8:8">
      <c r="H123982" s="12"/>
    </row>
    <row r="123983" spans="8:8">
      <c r="H123983" s="12"/>
    </row>
    <row r="123984" spans="8:8">
      <c r="H123984" s="12"/>
    </row>
    <row r="123985" spans="8:8">
      <c r="H123985" s="12"/>
    </row>
    <row r="123986" spans="8:8">
      <c r="H123986" s="12"/>
    </row>
    <row r="123987" spans="8:8">
      <c r="H123987" s="12"/>
    </row>
    <row r="123988" spans="8:8">
      <c r="H123988" s="12"/>
    </row>
    <row r="123989" spans="8:8">
      <c r="H123989" s="12"/>
    </row>
    <row r="123990" spans="8:8">
      <c r="H123990" s="12"/>
    </row>
    <row r="123991" spans="8:8">
      <c r="H123991" s="12"/>
    </row>
    <row r="123992" spans="8:8">
      <c r="H123992" s="12"/>
    </row>
    <row r="123993" spans="8:8">
      <c r="H123993" s="12"/>
    </row>
    <row r="123994" spans="8:8">
      <c r="H123994" s="12"/>
    </row>
    <row r="123995" spans="8:8">
      <c r="H123995" s="12"/>
    </row>
    <row r="123996" spans="8:8">
      <c r="H123996" s="12"/>
    </row>
    <row r="123997" spans="8:8">
      <c r="H123997" s="12"/>
    </row>
    <row r="123998" spans="8:8">
      <c r="H123998" s="12"/>
    </row>
    <row r="123999" spans="8:8">
      <c r="H123999" s="12"/>
    </row>
    <row r="124000" spans="8:8">
      <c r="H124000" s="12"/>
    </row>
    <row r="124001" spans="8:8">
      <c r="H124001" s="12"/>
    </row>
    <row r="124002" spans="8:8">
      <c r="H124002" s="12"/>
    </row>
    <row r="124003" spans="8:8">
      <c r="H124003" s="12"/>
    </row>
    <row r="124004" spans="8:8">
      <c r="H124004" s="12"/>
    </row>
    <row r="124005" spans="8:8">
      <c r="H124005" s="12"/>
    </row>
    <row r="124006" spans="8:8">
      <c r="H124006" s="12"/>
    </row>
    <row r="124007" spans="8:8">
      <c r="H124007" s="12"/>
    </row>
    <row r="124008" spans="8:8">
      <c r="H124008" s="12"/>
    </row>
    <row r="124009" spans="8:8">
      <c r="H124009" s="12"/>
    </row>
    <row r="124010" spans="8:8">
      <c r="H124010" s="12"/>
    </row>
    <row r="124011" spans="8:8">
      <c r="H124011" s="12"/>
    </row>
    <row r="124012" spans="8:8">
      <c r="H124012" s="12"/>
    </row>
    <row r="124013" spans="8:8">
      <c r="H124013" s="12"/>
    </row>
    <row r="124014" spans="8:8">
      <c r="H124014" s="12"/>
    </row>
    <row r="124015" spans="8:8">
      <c r="H124015" s="12"/>
    </row>
    <row r="124016" spans="8:8">
      <c r="H124016" s="12"/>
    </row>
    <row r="124017" spans="8:8">
      <c r="H124017" s="12"/>
    </row>
    <row r="124018" spans="8:8">
      <c r="H124018" s="12"/>
    </row>
    <row r="124019" spans="8:8">
      <c r="H124019" s="12"/>
    </row>
    <row r="124020" spans="8:8">
      <c r="H124020" s="12"/>
    </row>
    <row r="124021" spans="8:8">
      <c r="H124021" s="12"/>
    </row>
    <row r="124022" spans="8:8">
      <c r="H124022" s="12"/>
    </row>
    <row r="124023" spans="8:8">
      <c r="H124023" s="12"/>
    </row>
    <row r="124024" spans="8:8">
      <c r="H124024" s="12"/>
    </row>
    <row r="124025" spans="8:8">
      <c r="H124025" s="12"/>
    </row>
    <row r="124026" spans="8:8">
      <c r="H124026" s="12"/>
    </row>
    <row r="124027" spans="8:8">
      <c r="H124027" s="12"/>
    </row>
    <row r="124028" spans="8:8">
      <c r="H124028" s="12"/>
    </row>
    <row r="124029" spans="8:8">
      <c r="H124029" s="12"/>
    </row>
    <row r="124030" spans="8:8">
      <c r="H124030" s="12"/>
    </row>
    <row r="124031" spans="8:8">
      <c r="H124031" s="12"/>
    </row>
    <row r="124032" spans="8:8">
      <c r="H124032" s="12"/>
    </row>
    <row r="124033" spans="8:8">
      <c r="H124033" s="12"/>
    </row>
    <row r="124034" spans="8:8">
      <c r="H124034" s="12"/>
    </row>
    <row r="124035" spans="8:8">
      <c r="H124035" s="12"/>
    </row>
    <row r="124036" spans="8:8">
      <c r="H124036" s="12"/>
    </row>
    <row r="124037" spans="8:8">
      <c r="H124037" s="12"/>
    </row>
    <row r="124038" spans="8:8">
      <c r="H124038" s="12"/>
    </row>
    <row r="124039" spans="8:8">
      <c r="H124039" s="12"/>
    </row>
    <row r="124040" spans="8:8">
      <c r="H124040" s="12"/>
    </row>
    <row r="124041" spans="8:8">
      <c r="H124041" s="12"/>
    </row>
    <row r="124042" spans="8:8">
      <c r="H124042" s="12"/>
    </row>
    <row r="124043" spans="8:8">
      <c r="H124043" s="12"/>
    </row>
    <row r="124044" spans="8:8">
      <c r="H124044" s="12"/>
    </row>
    <row r="124045" spans="8:8">
      <c r="H124045" s="12"/>
    </row>
    <row r="124046" spans="8:8">
      <c r="H124046" s="12"/>
    </row>
    <row r="124047" spans="8:8">
      <c r="H124047" s="12"/>
    </row>
    <row r="124048" spans="8:8">
      <c r="H124048" s="12"/>
    </row>
    <row r="124049" spans="8:8">
      <c r="H124049" s="12"/>
    </row>
    <row r="124050" spans="8:8">
      <c r="H124050" s="12"/>
    </row>
    <row r="124051" spans="8:8">
      <c r="H124051" s="12"/>
    </row>
    <row r="124052" spans="8:8">
      <c r="H124052" s="12"/>
    </row>
    <row r="124053" spans="8:8">
      <c r="H124053" s="12"/>
    </row>
    <row r="124054" spans="8:8">
      <c r="H124054" s="12"/>
    </row>
    <row r="124055" spans="8:8">
      <c r="H124055" s="12"/>
    </row>
    <row r="124056" spans="8:8">
      <c r="H124056" s="12"/>
    </row>
    <row r="124057" spans="8:8">
      <c r="H124057" s="12"/>
    </row>
    <row r="124058" spans="8:8">
      <c r="H124058" s="12"/>
    </row>
    <row r="124059" spans="8:8">
      <c r="H124059" s="12"/>
    </row>
    <row r="124060" spans="8:8">
      <c r="H124060" s="12"/>
    </row>
    <row r="124061" spans="8:8">
      <c r="H124061" s="12"/>
    </row>
    <row r="124062" spans="8:8">
      <c r="H124062" s="12"/>
    </row>
    <row r="124063" spans="8:8">
      <c r="H124063" s="12"/>
    </row>
    <row r="124064" spans="8:8">
      <c r="H124064" s="12"/>
    </row>
    <row r="124065" spans="8:8">
      <c r="H124065" s="12"/>
    </row>
    <row r="124066" spans="8:8">
      <c r="H124066" s="12"/>
    </row>
    <row r="124067" spans="8:8">
      <c r="H124067" s="12"/>
    </row>
    <row r="124068" spans="8:8">
      <c r="H124068" s="12"/>
    </row>
    <row r="124069" spans="8:8">
      <c r="H124069" s="12"/>
    </row>
    <row r="124070" spans="8:8">
      <c r="H124070" s="12"/>
    </row>
    <row r="124071" spans="8:8">
      <c r="H124071" s="12"/>
    </row>
    <row r="124072" spans="8:8">
      <c r="H124072" s="12"/>
    </row>
    <row r="124073" spans="8:8">
      <c r="H124073" s="12"/>
    </row>
    <row r="124074" spans="8:8">
      <c r="H124074" s="12"/>
    </row>
    <row r="124075" spans="8:8">
      <c r="H124075" s="12"/>
    </row>
    <row r="124076" spans="8:8">
      <c r="H124076" s="12"/>
    </row>
    <row r="124077" spans="8:8">
      <c r="H124077" s="12"/>
    </row>
    <row r="124078" spans="8:8">
      <c r="H124078" s="12"/>
    </row>
    <row r="124079" spans="8:8">
      <c r="H124079" s="12"/>
    </row>
    <row r="124080" spans="8:8">
      <c r="H124080" s="12"/>
    </row>
    <row r="124081" spans="8:8">
      <c r="H124081" s="12"/>
    </row>
    <row r="124082" spans="8:8">
      <c r="H124082" s="12"/>
    </row>
    <row r="124083" spans="8:8">
      <c r="H124083" s="12"/>
    </row>
    <row r="124084" spans="8:8">
      <c r="H124084" s="12"/>
    </row>
    <row r="124085" spans="8:8">
      <c r="H124085" s="12"/>
    </row>
    <row r="124086" spans="8:8">
      <c r="H124086" s="12"/>
    </row>
    <row r="124087" spans="8:8">
      <c r="H124087" s="12"/>
    </row>
    <row r="124088" spans="8:8">
      <c r="H124088" s="12"/>
    </row>
    <row r="124089" spans="8:8">
      <c r="H124089" s="12"/>
    </row>
    <row r="124090" spans="8:8">
      <c r="H124090" s="12"/>
    </row>
    <row r="124091" spans="8:8">
      <c r="H124091" s="12"/>
    </row>
    <row r="124092" spans="8:8">
      <c r="H124092" s="12"/>
    </row>
    <row r="124093" spans="8:8">
      <c r="H124093" s="12"/>
    </row>
    <row r="124094" spans="8:8">
      <c r="H124094" s="12"/>
    </row>
    <row r="124095" spans="8:8">
      <c r="H124095" s="12"/>
    </row>
    <row r="124096" spans="8:8">
      <c r="H124096" s="12"/>
    </row>
    <row r="124097" spans="8:8">
      <c r="H124097" s="12"/>
    </row>
    <row r="124098" spans="8:8">
      <c r="H124098" s="12"/>
    </row>
    <row r="124099" spans="8:8">
      <c r="H124099" s="12"/>
    </row>
    <row r="124100" spans="8:8">
      <c r="H124100" s="12"/>
    </row>
    <row r="124101" spans="8:8">
      <c r="H124101" s="12"/>
    </row>
    <row r="124102" spans="8:8">
      <c r="H124102" s="12"/>
    </row>
    <row r="124103" spans="8:8">
      <c r="H124103" s="12"/>
    </row>
    <row r="124104" spans="8:8">
      <c r="H124104" s="12"/>
    </row>
    <row r="124105" spans="8:8">
      <c r="H124105" s="12"/>
    </row>
    <row r="124106" spans="8:8">
      <c r="H124106" s="12"/>
    </row>
    <row r="124107" spans="8:8">
      <c r="H124107" s="12"/>
    </row>
    <row r="124108" spans="8:8">
      <c r="H124108" s="12"/>
    </row>
    <row r="124109" spans="8:8">
      <c r="H124109" s="12"/>
    </row>
    <row r="124110" spans="8:8">
      <c r="H124110" s="12"/>
    </row>
    <row r="124111" spans="8:8">
      <c r="H124111" s="12"/>
    </row>
    <row r="124112" spans="8:8">
      <c r="H124112" s="12"/>
    </row>
    <row r="124113" spans="8:8">
      <c r="H124113" s="12"/>
    </row>
    <row r="124114" spans="8:8">
      <c r="H124114" s="12"/>
    </row>
    <row r="124115" spans="8:8">
      <c r="H124115" s="12"/>
    </row>
    <row r="124116" spans="8:8">
      <c r="H124116" s="12"/>
    </row>
    <row r="124117" spans="8:8">
      <c r="H124117" s="12"/>
    </row>
    <row r="124118" spans="8:8">
      <c r="H124118" s="12"/>
    </row>
    <row r="124119" spans="8:8">
      <c r="H124119" s="12"/>
    </row>
    <row r="124120" spans="8:8">
      <c r="H124120" s="12"/>
    </row>
    <row r="124121" spans="8:8">
      <c r="H124121" s="12"/>
    </row>
    <row r="124122" spans="8:8">
      <c r="H124122" s="12"/>
    </row>
    <row r="124123" spans="8:8">
      <c r="H124123" s="12"/>
    </row>
    <row r="124124" spans="8:8">
      <c r="H124124" s="12"/>
    </row>
    <row r="124125" spans="8:8">
      <c r="H124125" s="12"/>
    </row>
    <row r="124126" spans="8:8">
      <c r="H124126" s="12"/>
    </row>
    <row r="124127" spans="8:8">
      <c r="H124127" s="12"/>
    </row>
    <row r="124128" spans="8:8">
      <c r="H124128" s="12"/>
    </row>
    <row r="124129" spans="8:8">
      <c r="H124129" s="12"/>
    </row>
    <row r="124130" spans="8:8">
      <c r="H124130" s="12"/>
    </row>
    <row r="124131" spans="8:8">
      <c r="H124131" s="12"/>
    </row>
    <row r="124132" spans="8:8">
      <c r="H124132" s="12"/>
    </row>
    <row r="124133" spans="8:8">
      <c r="H124133" s="12"/>
    </row>
    <row r="124134" spans="8:8">
      <c r="H124134" s="12"/>
    </row>
    <row r="124135" spans="8:8">
      <c r="H124135" s="12"/>
    </row>
    <row r="124136" spans="8:8">
      <c r="H124136" s="12"/>
    </row>
    <row r="124137" spans="8:8">
      <c r="H124137" s="12"/>
    </row>
    <row r="124138" spans="8:8">
      <c r="H124138" s="12"/>
    </row>
    <row r="124139" spans="8:8">
      <c r="H124139" s="12"/>
    </row>
    <row r="124140" spans="8:8">
      <c r="H124140" s="12"/>
    </row>
    <row r="124141" spans="8:8">
      <c r="H124141" s="12"/>
    </row>
    <row r="124142" spans="8:8">
      <c r="H124142" s="12"/>
    </row>
    <row r="124143" spans="8:8">
      <c r="H124143" s="12"/>
    </row>
    <row r="124144" spans="8:8">
      <c r="H124144" s="12"/>
    </row>
    <row r="124145" spans="8:8">
      <c r="H124145" s="12"/>
    </row>
    <row r="124146" spans="8:8">
      <c r="H124146" s="12"/>
    </row>
    <row r="124147" spans="8:8">
      <c r="H124147" s="12"/>
    </row>
    <row r="124148" spans="8:8">
      <c r="H124148" s="12"/>
    </row>
    <row r="124149" spans="8:8">
      <c r="H124149" s="12"/>
    </row>
    <row r="124150" spans="8:8">
      <c r="H124150" s="12"/>
    </row>
    <row r="124151" spans="8:8">
      <c r="H124151" s="12"/>
    </row>
    <row r="124152" spans="8:8">
      <c r="H124152" s="12"/>
    </row>
    <row r="124153" spans="8:8">
      <c r="H124153" s="12"/>
    </row>
    <row r="124154" spans="8:8">
      <c r="H124154" s="12"/>
    </row>
    <row r="124155" spans="8:8">
      <c r="H124155" s="12"/>
    </row>
    <row r="124156" spans="8:8">
      <c r="H124156" s="12"/>
    </row>
    <row r="124157" spans="8:8">
      <c r="H124157" s="12"/>
    </row>
    <row r="124158" spans="8:8">
      <c r="H124158" s="12"/>
    </row>
    <row r="124159" spans="8:8">
      <c r="H124159" s="12"/>
    </row>
    <row r="124160" spans="8:8">
      <c r="H124160" s="12"/>
    </row>
    <row r="124161" spans="8:8">
      <c r="H124161" s="12"/>
    </row>
    <row r="124162" spans="8:8">
      <c r="H124162" s="12"/>
    </row>
    <row r="124163" spans="8:8">
      <c r="H124163" s="12"/>
    </row>
    <row r="124164" spans="8:8">
      <c r="H124164" s="12"/>
    </row>
    <row r="124165" spans="8:8">
      <c r="H124165" s="12"/>
    </row>
    <row r="124166" spans="8:8">
      <c r="H124166" s="12"/>
    </row>
    <row r="124167" spans="8:8">
      <c r="H124167" s="12"/>
    </row>
    <row r="124168" spans="8:8">
      <c r="H124168" s="12"/>
    </row>
    <row r="124169" spans="8:8">
      <c r="H124169" s="12"/>
    </row>
    <row r="124170" spans="8:8">
      <c r="H124170" s="12"/>
    </row>
    <row r="124171" spans="8:8">
      <c r="H124171" s="12"/>
    </row>
    <row r="124172" spans="8:8">
      <c r="H124172" s="12"/>
    </row>
    <row r="124173" spans="8:8">
      <c r="H124173" s="12"/>
    </row>
    <row r="124174" spans="8:8">
      <c r="H124174" s="12"/>
    </row>
    <row r="124175" spans="8:8">
      <c r="H124175" s="12"/>
    </row>
    <row r="124176" spans="8:8">
      <c r="H124176" s="12"/>
    </row>
    <row r="124177" spans="8:8">
      <c r="H124177" s="12"/>
    </row>
    <row r="124178" spans="8:8">
      <c r="H124178" s="12"/>
    </row>
    <row r="124179" spans="8:8">
      <c r="H124179" s="12"/>
    </row>
    <row r="124180" spans="8:8">
      <c r="H124180" s="12"/>
    </row>
    <row r="124181" spans="8:8">
      <c r="H124181" s="12"/>
    </row>
    <row r="124182" spans="8:8">
      <c r="H124182" s="12"/>
    </row>
    <row r="124183" spans="8:8">
      <c r="H124183" s="12"/>
    </row>
    <row r="124184" spans="8:8">
      <c r="H124184" s="12"/>
    </row>
    <row r="124185" spans="8:8">
      <c r="H124185" s="12"/>
    </row>
    <row r="124186" spans="8:8">
      <c r="H124186" s="12"/>
    </row>
    <row r="124187" spans="8:8">
      <c r="H124187" s="12"/>
    </row>
    <row r="124188" spans="8:8">
      <c r="H124188" s="12"/>
    </row>
    <row r="124189" spans="8:8">
      <c r="H124189" s="12"/>
    </row>
    <row r="124190" spans="8:8">
      <c r="H124190" s="12"/>
    </row>
    <row r="124191" spans="8:8">
      <c r="H124191" s="12"/>
    </row>
    <row r="124192" spans="8:8">
      <c r="H124192" s="12"/>
    </row>
    <row r="124193" spans="8:8">
      <c r="H124193" s="12"/>
    </row>
    <row r="124194" spans="8:8">
      <c r="H124194" s="12"/>
    </row>
    <row r="124195" spans="8:8">
      <c r="H124195" s="12"/>
    </row>
    <row r="124196" spans="8:8">
      <c r="H124196" s="12"/>
    </row>
    <row r="124197" spans="8:8">
      <c r="H124197" s="12"/>
    </row>
    <row r="124198" spans="8:8">
      <c r="H124198" s="12"/>
    </row>
    <row r="124199" spans="8:8">
      <c r="H124199" s="12"/>
    </row>
    <row r="124200" spans="8:8">
      <c r="H124200" s="12"/>
    </row>
    <row r="124201" spans="8:8">
      <c r="H124201" s="12"/>
    </row>
    <row r="124202" spans="8:8">
      <c r="H124202" s="12"/>
    </row>
    <row r="124203" spans="8:8">
      <c r="H124203" s="12"/>
    </row>
    <row r="124204" spans="8:8">
      <c r="H124204" s="12"/>
    </row>
    <row r="124205" spans="8:8">
      <c r="H124205" s="12"/>
    </row>
    <row r="124206" spans="8:8">
      <c r="H124206" s="12"/>
    </row>
    <row r="124207" spans="8:8">
      <c r="H124207" s="12"/>
    </row>
    <row r="124208" spans="8:8">
      <c r="H124208" s="12"/>
    </row>
    <row r="124209" spans="8:8">
      <c r="H124209" s="12"/>
    </row>
    <row r="124210" spans="8:8">
      <c r="H124210" s="12"/>
    </row>
    <row r="124211" spans="8:8">
      <c r="H124211" s="12"/>
    </row>
    <row r="124212" spans="8:8">
      <c r="H124212" s="12"/>
    </row>
    <row r="124213" spans="8:8">
      <c r="H124213" s="12"/>
    </row>
    <row r="124214" spans="8:8">
      <c r="H124214" s="12"/>
    </row>
    <row r="124215" spans="8:8">
      <c r="H124215" s="12"/>
    </row>
    <row r="124216" spans="8:8">
      <c r="H124216" s="12"/>
    </row>
    <row r="124217" spans="8:8">
      <c r="H124217" s="12"/>
    </row>
    <row r="124218" spans="8:8">
      <c r="H124218" s="12"/>
    </row>
    <row r="124219" spans="8:8">
      <c r="H124219" s="12"/>
    </row>
    <row r="124220" spans="8:8">
      <c r="H124220" s="12"/>
    </row>
    <row r="124221" spans="8:8">
      <c r="H124221" s="12"/>
    </row>
    <row r="124222" spans="8:8">
      <c r="H124222" s="12"/>
    </row>
    <row r="124223" spans="8:8">
      <c r="H124223" s="12"/>
    </row>
    <row r="124224" spans="8:8">
      <c r="H124224" s="12"/>
    </row>
    <row r="124225" spans="8:8">
      <c r="H124225" s="12"/>
    </row>
    <row r="124226" spans="8:8">
      <c r="H124226" s="12"/>
    </row>
    <row r="124227" spans="8:8">
      <c r="H124227" s="12"/>
    </row>
    <row r="124228" spans="8:8">
      <c r="H124228" s="12"/>
    </row>
    <row r="124229" spans="8:8">
      <c r="H124229" s="12"/>
    </row>
    <row r="124230" spans="8:8">
      <c r="H124230" s="12"/>
    </row>
    <row r="124231" spans="8:8">
      <c r="H124231" s="12"/>
    </row>
    <row r="124232" spans="8:8">
      <c r="H124232" s="12"/>
    </row>
    <row r="124233" spans="8:8">
      <c r="H124233" s="12"/>
    </row>
    <row r="124234" spans="8:8">
      <c r="H124234" s="12"/>
    </row>
    <row r="124235" spans="8:8">
      <c r="H124235" s="12"/>
    </row>
    <row r="124236" spans="8:8">
      <c r="H124236" s="12"/>
    </row>
    <row r="124237" spans="8:8">
      <c r="H124237" s="12"/>
    </row>
    <row r="124238" spans="8:8">
      <c r="H124238" s="12"/>
    </row>
    <row r="124239" spans="8:8">
      <c r="H124239" s="12"/>
    </row>
    <row r="124240" spans="8:8">
      <c r="H124240" s="12"/>
    </row>
    <row r="124241" spans="8:8">
      <c r="H124241" s="12"/>
    </row>
    <row r="124242" spans="8:8">
      <c r="H124242" s="12"/>
    </row>
    <row r="124243" spans="8:8">
      <c r="H124243" s="12"/>
    </row>
    <row r="124244" spans="8:8">
      <c r="H124244" s="12"/>
    </row>
    <row r="124245" spans="8:8">
      <c r="H124245" s="12"/>
    </row>
    <row r="124246" spans="8:8">
      <c r="H124246" s="12"/>
    </row>
    <row r="124247" spans="8:8">
      <c r="H124247" s="12"/>
    </row>
    <row r="124248" spans="8:8">
      <c r="H124248" s="12"/>
    </row>
    <row r="124249" spans="8:8">
      <c r="H124249" s="12"/>
    </row>
    <row r="124250" spans="8:8">
      <c r="H124250" s="12"/>
    </row>
    <row r="124251" spans="8:8">
      <c r="H124251" s="12"/>
    </row>
    <row r="124252" spans="8:8">
      <c r="H124252" s="12"/>
    </row>
    <row r="124253" spans="8:8">
      <c r="H124253" s="12"/>
    </row>
    <row r="124254" spans="8:8">
      <c r="H124254" s="12"/>
    </row>
    <row r="124255" spans="8:8">
      <c r="H124255" s="12"/>
    </row>
    <row r="124256" spans="8:8">
      <c r="H124256" s="12"/>
    </row>
    <row r="124257" spans="8:8">
      <c r="H124257" s="12"/>
    </row>
    <row r="124258" spans="8:8">
      <c r="H124258" s="12"/>
    </row>
    <row r="124259" spans="8:8">
      <c r="H124259" s="12"/>
    </row>
    <row r="124260" spans="8:8">
      <c r="H124260" s="12"/>
    </row>
    <row r="124261" spans="8:8">
      <c r="H124261" s="12"/>
    </row>
    <row r="124262" spans="8:8">
      <c r="H124262" s="12"/>
    </row>
    <row r="124263" spans="8:8">
      <c r="H124263" s="12"/>
    </row>
    <row r="124264" spans="8:8">
      <c r="H124264" s="12"/>
    </row>
    <row r="124265" spans="8:8">
      <c r="H124265" s="12"/>
    </row>
    <row r="124266" spans="8:8">
      <c r="H124266" s="12"/>
    </row>
    <row r="124267" spans="8:8">
      <c r="H124267" s="12"/>
    </row>
    <row r="124268" spans="8:8">
      <c r="H124268" s="12"/>
    </row>
    <row r="124269" spans="8:8">
      <c r="H124269" s="12"/>
    </row>
    <row r="124270" spans="8:8">
      <c r="H124270" s="12"/>
    </row>
    <row r="124271" spans="8:8">
      <c r="H124271" s="12"/>
    </row>
    <row r="124272" spans="8:8">
      <c r="H124272" s="12"/>
    </row>
    <row r="124273" spans="8:8">
      <c r="H124273" s="12"/>
    </row>
    <row r="124274" spans="8:8">
      <c r="H124274" s="12"/>
    </row>
    <row r="124275" spans="8:8">
      <c r="H124275" s="12"/>
    </row>
    <row r="124276" spans="8:8">
      <c r="H124276" s="12"/>
    </row>
    <row r="124277" spans="8:8">
      <c r="H124277" s="12"/>
    </row>
    <row r="124278" spans="8:8">
      <c r="H124278" s="12"/>
    </row>
    <row r="124279" spans="8:8">
      <c r="H124279" s="12"/>
    </row>
    <row r="124280" spans="8:8">
      <c r="H124280" s="12"/>
    </row>
    <row r="124281" spans="8:8">
      <c r="H124281" s="12"/>
    </row>
    <row r="124282" spans="8:8">
      <c r="H124282" s="12"/>
    </row>
    <row r="124283" spans="8:8">
      <c r="H124283" s="12"/>
    </row>
    <row r="124284" spans="8:8">
      <c r="H124284" s="12"/>
    </row>
    <row r="124285" spans="8:8">
      <c r="H124285" s="12"/>
    </row>
    <row r="124286" spans="8:8">
      <c r="H124286" s="12"/>
    </row>
    <row r="124287" spans="8:8">
      <c r="H124287" s="12"/>
    </row>
    <row r="124288" spans="8:8">
      <c r="H124288" s="12"/>
    </row>
    <row r="124289" spans="8:8">
      <c r="H124289" s="12"/>
    </row>
    <row r="124290" spans="8:8">
      <c r="H124290" s="12"/>
    </row>
    <row r="124291" spans="8:8">
      <c r="H124291" s="12"/>
    </row>
    <row r="124292" spans="8:8">
      <c r="H124292" s="12"/>
    </row>
    <row r="124293" spans="8:8">
      <c r="H124293" s="12"/>
    </row>
    <row r="124294" spans="8:8">
      <c r="H124294" s="12"/>
    </row>
    <row r="124295" spans="8:8">
      <c r="H124295" s="12"/>
    </row>
    <row r="124296" spans="8:8">
      <c r="H124296" s="12"/>
    </row>
    <row r="124297" spans="8:8">
      <c r="H124297" s="12"/>
    </row>
    <row r="124298" spans="8:8">
      <c r="H124298" s="12"/>
    </row>
    <row r="124299" spans="8:8">
      <c r="H124299" s="12"/>
    </row>
    <row r="124300" spans="8:8">
      <c r="H124300" s="12"/>
    </row>
    <row r="124301" spans="8:8">
      <c r="H124301" s="12"/>
    </row>
    <row r="124302" spans="8:8">
      <c r="H124302" s="12"/>
    </row>
    <row r="124303" spans="8:8">
      <c r="H124303" s="12"/>
    </row>
    <row r="124304" spans="8:8">
      <c r="H124304" s="12"/>
    </row>
    <row r="124305" spans="8:8">
      <c r="H124305" s="12"/>
    </row>
    <row r="124306" spans="8:8">
      <c r="H124306" s="12"/>
    </row>
    <row r="124307" spans="8:8">
      <c r="H124307" s="12"/>
    </row>
    <row r="124308" spans="8:8">
      <c r="H124308" s="12"/>
    </row>
    <row r="124309" spans="8:8">
      <c r="H124309" s="12"/>
    </row>
    <row r="124310" spans="8:8">
      <c r="H124310" s="12"/>
    </row>
    <row r="124311" spans="8:8">
      <c r="H124311" s="12"/>
    </row>
    <row r="124312" spans="8:8">
      <c r="H124312" s="12"/>
    </row>
    <row r="124313" spans="8:8">
      <c r="H124313" s="12"/>
    </row>
    <row r="124314" spans="8:8">
      <c r="H124314" s="12"/>
    </row>
    <row r="124315" spans="8:8">
      <c r="H124315" s="12"/>
    </row>
    <row r="124316" spans="8:8">
      <c r="H124316" s="12"/>
    </row>
    <row r="124317" spans="8:8">
      <c r="H124317" s="12"/>
    </row>
    <row r="124318" spans="8:8">
      <c r="H124318" s="12"/>
    </row>
    <row r="124319" spans="8:8">
      <c r="H124319" s="12"/>
    </row>
    <row r="124320" spans="8:8">
      <c r="H124320" s="12"/>
    </row>
    <row r="124321" spans="8:8">
      <c r="H124321" s="12"/>
    </row>
    <row r="124322" spans="8:8">
      <c r="H124322" s="12"/>
    </row>
    <row r="124323" spans="8:8">
      <c r="H124323" s="12"/>
    </row>
    <row r="124324" spans="8:8">
      <c r="H124324" s="12"/>
    </row>
    <row r="124325" spans="8:8">
      <c r="H124325" s="12"/>
    </row>
    <row r="124326" spans="8:8">
      <c r="H124326" s="12"/>
    </row>
    <row r="124327" spans="8:8">
      <c r="H124327" s="12"/>
    </row>
    <row r="124328" spans="8:8">
      <c r="H124328" s="12"/>
    </row>
    <row r="124329" spans="8:8">
      <c r="H124329" s="12"/>
    </row>
    <row r="124330" spans="8:8">
      <c r="H124330" s="12"/>
    </row>
    <row r="124331" spans="8:8">
      <c r="H124331" s="12"/>
    </row>
    <row r="124332" spans="8:8">
      <c r="H124332" s="12"/>
    </row>
    <row r="124333" spans="8:8">
      <c r="H124333" s="12"/>
    </row>
    <row r="124334" spans="8:8">
      <c r="H124334" s="12"/>
    </row>
    <row r="124335" spans="8:8">
      <c r="H124335" s="12"/>
    </row>
    <row r="124336" spans="8:8">
      <c r="H124336" s="12"/>
    </row>
    <row r="124337" spans="8:8">
      <c r="H124337" s="12"/>
    </row>
    <row r="124338" spans="8:8">
      <c r="H124338" s="12"/>
    </row>
    <row r="124339" spans="8:8">
      <c r="H124339" s="12"/>
    </row>
    <row r="124340" spans="8:8">
      <c r="H124340" s="12"/>
    </row>
    <row r="124341" spans="8:8">
      <c r="H124341" s="12"/>
    </row>
    <row r="124342" spans="8:8">
      <c r="H124342" s="12"/>
    </row>
    <row r="124343" spans="8:8">
      <c r="H124343" s="12"/>
    </row>
    <row r="124344" spans="8:8">
      <c r="H124344" s="12"/>
    </row>
    <row r="124345" spans="8:8">
      <c r="H124345" s="12"/>
    </row>
    <row r="124346" spans="8:8">
      <c r="H124346" s="12"/>
    </row>
    <row r="124347" spans="8:8">
      <c r="H124347" s="12"/>
    </row>
    <row r="124348" spans="8:8">
      <c r="H124348" s="12"/>
    </row>
    <row r="124349" spans="8:8">
      <c r="H124349" s="12"/>
    </row>
    <row r="124350" spans="8:8">
      <c r="H124350" s="12"/>
    </row>
    <row r="124351" spans="8:8">
      <c r="H124351" s="12"/>
    </row>
    <row r="124352" spans="8:8">
      <c r="H124352" s="12"/>
    </row>
    <row r="124353" spans="8:8">
      <c r="H124353" s="12"/>
    </row>
    <row r="124354" spans="8:8">
      <c r="H124354" s="12"/>
    </row>
    <row r="124355" spans="8:8">
      <c r="H124355" s="12"/>
    </row>
    <row r="124356" spans="8:8">
      <c r="H124356" s="12"/>
    </row>
    <row r="124357" spans="8:8">
      <c r="H124357" s="12"/>
    </row>
    <row r="124358" spans="8:8">
      <c r="H124358" s="12"/>
    </row>
    <row r="124359" spans="8:8">
      <c r="H124359" s="12"/>
    </row>
    <row r="124360" spans="8:8">
      <c r="H124360" s="12"/>
    </row>
    <row r="124361" spans="8:8">
      <c r="H124361" s="12"/>
    </row>
    <row r="124362" spans="8:8">
      <c r="H124362" s="12"/>
    </row>
    <row r="124363" spans="8:8">
      <c r="H124363" s="12"/>
    </row>
    <row r="124364" spans="8:8">
      <c r="H124364" s="12"/>
    </row>
    <row r="124365" spans="8:8">
      <c r="H124365" s="12"/>
    </row>
    <row r="124366" spans="8:8">
      <c r="H124366" s="12"/>
    </row>
    <row r="124367" spans="8:8">
      <c r="H124367" s="12"/>
    </row>
    <row r="124368" spans="8:8">
      <c r="H124368" s="12"/>
    </row>
    <row r="124369" spans="8:8">
      <c r="H124369" s="12"/>
    </row>
    <row r="124370" spans="8:8">
      <c r="H124370" s="12"/>
    </row>
    <row r="124371" spans="8:8">
      <c r="H124371" s="12"/>
    </row>
    <row r="124372" spans="8:8">
      <c r="H124372" s="12"/>
    </row>
    <row r="124373" spans="8:8">
      <c r="H124373" s="12"/>
    </row>
    <row r="124374" spans="8:8">
      <c r="H124374" s="12"/>
    </row>
    <row r="124375" spans="8:8">
      <c r="H124375" s="12"/>
    </row>
    <row r="124376" spans="8:8">
      <c r="H124376" s="12"/>
    </row>
    <row r="124377" spans="8:8">
      <c r="H124377" s="12"/>
    </row>
    <row r="124378" spans="8:8">
      <c r="H124378" s="12"/>
    </row>
    <row r="124379" spans="8:8">
      <c r="H124379" s="12"/>
    </row>
    <row r="124380" spans="8:8">
      <c r="H124380" s="12"/>
    </row>
    <row r="124381" spans="8:8">
      <c r="H124381" s="12"/>
    </row>
    <row r="124382" spans="8:8">
      <c r="H124382" s="12"/>
    </row>
    <row r="124383" spans="8:8">
      <c r="H124383" s="12"/>
    </row>
    <row r="124384" spans="8:8">
      <c r="H124384" s="12"/>
    </row>
    <row r="124385" spans="8:8">
      <c r="H124385" s="12"/>
    </row>
    <row r="124386" spans="8:8">
      <c r="H124386" s="12"/>
    </row>
    <row r="124387" spans="8:8">
      <c r="H124387" s="12"/>
    </row>
    <row r="124388" spans="8:8">
      <c r="H124388" s="12"/>
    </row>
    <row r="124389" spans="8:8">
      <c r="H124389" s="12"/>
    </row>
    <row r="124390" spans="8:8">
      <c r="H124390" s="12"/>
    </row>
    <row r="124391" spans="8:8">
      <c r="H124391" s="12"/>
    </row>
    <row r="124392" spans="8:8">
      <c r="H124392" s="12"/>
    </row>
    <row r="124393" spans="8:8">
      <c r="H124393" s="12"/>
    </row>
    <row r="124394" spans="8:8">
      <c r="H124394" s="12"/>
    </row>
    <row r="124395" spans="8:8">
      <c r="H124395" s="12"/>
    </row>
    <row r="124396" spans="8:8">
      <c r="H124396" s="12"/>
    </row>
    <row r="124397" spans="8:8">
      <c r="H124397" s="12"/>
    </row>
    <row r="124398" spans="8:8">
      <c r="H124398" s="12"/>
    </row>
    <row r="124399" spans="8:8">
      <c r="H124399" s="12"/>
    </row>
    <row r="124400" spans="8:8">
      <c r="H124400" s="12"/>
    </row>
    <row r="124401" spans="8:8">
      <c r="H124401" s="12"/>
    </row>
    <row r="124402" spans="8:8">
      <c r="H124402" s="12"/>
    </row>
    <row r="124403" spans="8:8">
      <c r="H124403" s="12"/>
    </row>
    <row r="124404" spans="8:8">
      <c r="H124404" s="12"/>
    </row>
    <row r="124405" spans="8:8">
      <c r="H124405" s="12"/>
    </row>
    <row r="124406" spans="8:8">
      <c r="H124406" s="12"/>
    </row>
    <row r="124407" spans="8:8">
      <c r="H124407" s="12"/>
    </row>
    <row r="124408" spans="8:8">
      <c r="H124408" s="12"/>
    </row>
    <row r="124409" spans="8:8">
      <c r="H124409" s="12"/>
    </row>
    <row r="124410" spans="8:8">
      <c r="H124410" s="12"/>
    </row>
    <row r="124411" spans="8:8">
      <c r="H124411" s="12"/>
    </row>
    <row r="124412" spans="8:8">
      <c r="H124412" s="12"/>
    </row>
    <row r="124413" spans="8:8">
      <c r="H124413" s="12"/>
    </row>
    <row r="124414" spans="8:8">
      <c r="H124414" s="12"/>
    </row>
    <row r="124415" spans="8:8">
      <c r="H124415" s="12"/>
    </row>
    <row r="124416" spans="8:8">
      <c r="H124416" s="12"/>
    </row>
    <row r="124417" spans="8:8">
      <c r="H124417" s="12"/>
    </row>
    <row r="124418" spans="8:8">
      <c r="H124418" s="12"/>
    </row>
    <row r="124419" spans="8:8">
      <c r="H124419" s="12"/>
    </row>
    <row r="124420" spans="8:8">
      <c r="H124420" s="12"/>
    </row>
    <row r="124421" spans="8:8">
      <c r="H124421" s="12"/>
    </row>
    <row r="124422" spans="8:8">
      <c r="H124422" s="12"/>
    </row>
    <row r="124423" spans="8:8">
      <c r="H124423" s="12"/>
    </row>
    <row r="124424" spans="8:8">
      <c r="H124424" s="12"/>
    </row>
    <row r="124425" spans="8:8">
      <c r="H124425" s="12"/>
    </row>
    <row r="124426" spans="8:8">
      <c r="H124426" s="12"/>
    </row>
    <row r="124427" spans="8:8">
      <c r="H124427" s="12"/>
    </row>
    <row r="124428" spans="8:8">
      <c r="H124428" s="12"/>
    </row>
    <row r="124429" spans="8:8">
      <c r="H124429" s="12"/>
    </row>
    <row r="124430" spans="8:8">
      <c r="H124430" s="12"/>
    </row>
    <row r="124431" spans="8:8">
      <c r="H124431" s="12"/>
    </row>
    <row r="124432" spans="8:8">
      <c r="H124432" s="12"/>
    </row>
    <row r="124433" spans="8:8">
      <c r="H124433" s="12"/>
    </row>
    <row r="124434" spans="8:8">
      <c r="H124434" s="12"/>
    </row>
    <row r="124435" spans="8:8">
      <c r="H124435" s="12"/>
    </row>
    <row r="124436" spans="8:8">
      <c r="H124436" s="12"/>
    </row>
    <row r="124437" spans="8:8">
      <c r="H124437" s="12"/>
    </row>
    <row r="124438" spans="8:8">
      <c r="H124438" s="12"/>
    </row>
    <row r="124439" spans="8:8">
      <c r="H124439" s="12"/>
    </row>
    <row r="124440" spans="8:8">
      <c r="H124440" s="12"/>
    </row>
    <row r="124441" spans="8:8">
      <c r="H124441" s="12"/>
    </row>
    <row r="124442" spans="8:8">
      <c r="H124442" s="12"/>
    </row>
    <row r="124443" spans="8:8">
      <c r="H124443" s="12"/>
    </row>
    <row r="124444" spans="8:8">
      <c r="H124444" s="12"/>
    </row>
    <row r="124445" spans="8:8">
      <c r="H124445" s="12"/>
    </row>
    <row r="124446" spans="8:8">
      <c r="H124446" s="12"/>
    </row>
    <row r="124447" spans="8:8">
      <c r="H124447" s="12"/>
    </row>
    <row r="124448" spans="8:8">
      <c r="H124448" s="12"/>
    </row>
    <row r="124449" spans="8:8">
      <c r="H124449" s="12"/>
    </row>
    <row r="124450" spans="8:8">
      <c r="H124450" s="12"/>
    </row>
    <row r="124451" spans="8:8">
      <c r="H124451" s="12"/>
    </row>
    <row r="124452" spans="8:8">
      <c r="H124452" s="12"/>
    </row>
    <row r="124453" spans="8:8">
      <c r="H124453" s="12"/>
    </row>
    <row r="124454" spans="8:8">
      <c r="H124454" s="12"/>
    </row>
    <row r="124455" spans="8:8">
      <c r="H124455" s="12"/>
    </row>
    <row r="124456" spans="8:8">
      <c r="H124456" s="12"/>
    </row>
    <row r="124457" spans="8:8">
      <c r="H124457" s="12"/>
    </row>
    <row r="124458" spans="8:8">
      <c r="H124458" s="12"/>
    </row>
    <row r="124459" spans="8:8">
      <c r="H124459" s="12"/>
    </row>
    <row r="124460" spans="8:8">
      <c r="H124460" s="12"/>
    </row>
    <row r="124461" spans="8:8">
      <c r="H124461" s="12"/>
    </row>
    <row r="124462" spans="8:8">
      <c r="H124462" s="12"/>
    </row>
    <row r="124463" spans="8:8">
      <c r="H124463" s="12"/>
    </row>
    <row r="124464" spans="8:8">
      <c r="H124464" s="12"/>
    </row>
    <row r="124465" spans="8:8">
      <c r="H124465" s="12"/>
    </row>
    <row r="124466" spans="8:8">
      <c r="H124466" s="12"/>
    </row>
    <row r="124467" spans="8:8">
      <c r="H124467" s="12"/>
    </row>
    <row r="124468" spans="8:8">
      <c r="H124468" s="12"/>
    </row>
    <row r="124469" spans="8:8">
      <c r="H124469" s="12"/>
    </row>
    <row r="124470" spans="8:8">
      <c r="H124470" s="12"/>
    </row>
    <row r="124471" spans="8:8">
      <c r="H124471" s="12"/>
    </row>
    <row r="124472" spans="8:8">
      <c r="H124472" s="12"/>
    </row>
    <row r="124473" spans="8:8">
      <c r="H124473" s="12"/>
    </row>
    <row r="124474" spans="8:8">
      <c r="H124474" s="12"/>
    </row>
    <row r="124475" spans="8:8">
      <c r="H124475" s="12"/>
    </row>
    <row r="124476" spans="8:8">
      <c r="H124476" s="12"/>
    </row>
    <row r="124477" spans="8:8">
      <c r="H124477" s="12"/>
    </row>
    <row r="124478" spans="8:8">
      <c r="H124478" s="12"/>
    </row>
    <row r="124479" spans="8:8">
      <c r="H124479" s="12"/>
    </row>
    <row r="124480" spans="8:8">
      <c r="H124480" s="12"/>
    </row>
    <row r="124481" spans="8:8">
      <c r="H124481" s="12"/>
    </row>
    <row r="124482" spans="8:8">
      <c r="H124482" s="12"/>
    </row>
    <row r="124483" spans="8:8">
      <c r="H124483" s="12"/>
    </row>
    <row r="124484" spans="8:8">
      <c r="H124484" s="12"/>
    </row>
    <row r="124485" spans="8:8">
      <c r="H124485" s="12"/>
    </row>
    <row r="124486" spans="8:8">
      <c r="H124486" s="12"/>
    </row>
    <row r="124487" spans="8:8">
      <c r="H124487" s="12"/>
    </row>
    <row r="124488" spans="8:8">
      <c r="H124488" s="12"/>
    </row>
    <row r="124489" spans="8:8">
      <c r="H124489" s="12"/>
    </row>
    <row r="124490" spans="8:8">
      <c r="H124490" s="12"/>
    </row>
    <row r="124491" spans="8:8">
      <c r="H124491" s="12"/>
    </row>
    <row r="124492" spans="8:8">
      <c r="H124492" s="12"/>
    </row>
    <row r="124493" spans="8:8">
      <c r="H124493" s="12"/>
    </row>
    <row r="124494" spans="8:8">
      <c r="H124494" s="12"/>
    </row>
    <row r="124495" spans="8:8">
      <c r="H124495" s="12"/>
    </row>
    <row r="124496" spans="8:8">
      <c r="H124496" s="12"/>
    </row>
    <row r="124497" spans="8:8">
      <c r="H124497" s="12"/>
    </row>
    <row r="124498" spans="8:8">
      <c r="H124498" s="12"/>
    </row>
    <row r="124499" spans="8:8">
      <c r="H124499" s="12"/>
    </row>
    <row r="124500" spans="8:8">
      <c r="H124500" s="12"/>
    </row>
    <row r="124501" spans="8:8">
      <c r="H124501" s="12"/>
    </row>
    <row r="124502" spans="8:8">
      <c r="H124502" s="12"/>
    </row>
    <row r="124503" spans="8:8">
      <c r="H124503" s="12"/>
    </row>
    <row r="124504" spans="8:8">
      <c r="H124504" s="12"/>
    </row>
    <row r="124505" spans="8:8">
      <c r="H124505" s="12"/>
    </row>
    <row r="124506" spans="8:8">
      <c r="H124506" s="12"/>
    </row>
    <row r="124507" spans="8:8">
      <c r="H124507" s="12"/>
    </row>
    <row r="124508" spans="8:8">
      <c r="H124508" s="12"/>
    </row>
    <row r="124509" spans="8:8">
      <c r="H124509" s="12"/>
    </row>
    <row r="124510" spans="8:8">
      <c r="H124510" s="12"/>
    </row>
    <row r="124511" spans="8:8">
      <c r="H124511" s="12"/>
    </row>
    <row r="124512" spans="8:8">
      <c r="H124512" s="12"/>
    </row>
    <row r="124513" spans="8:8">
      <c r="H124513" s="12"/>
    </row>
    <row r="124514" spans="8:8">
      <c r="H124514" s="12"/>
    </row>
    <row r="124515" spans="8:8">
      <c r="H124515" s="12"/>
    </row>
    <row r="124516" spans="8:8">
      <c r="H124516" s="12"/>
    </row>
    <row r="124517" spans="8:8">
      <c r="H124517" s="12"/>
    </row>
    <row r="124518" spans="8:8">
      <c r="H124518" s="12"/>
    </row>
    <row r="124519" spans="8:8">
      <c r="H124519" s="12"/>
    </row>
    <row r="124520" spans="8:8">
      <c r="H124520" s="12"/>
    </row>
    <row r="124521" spans="8:8">
      <c r="H124521" s="12"/>
    </row>
    <row r="124522" spans="8:8">
      <c r="H124522" s="12"/>
    </row>
    <row r="124523" spans="8:8">
      <c r="H124523" s="12"/>
    </row>
    <row r="124524" spans="8:8">
      <c r="H124524" s="12"/>
    </row>
    <row r="124525" spans="8:8">
      <c r="H124525" s="12"/>
    </row>
    <row r="124526" spans="8:8">
      <c r="H124526" s="12"/>
    </row>
    <row r="124527" spans="8:8">
      <c r="H124527" s="12"/>
    </row>
    <row r="124528" spans="8:8">
      <c r="H124528" s="12"/>
    </row>
    <row r="124529" spans="8:8">
      <c r="H124529" s="12"/>
    </row>
    <row r="124530" spans="8:8">
      <c r="H124530" s="12"/>
    </row>
    <row r="124531" spans="8:8">
      <c r="H124531" s="12"/>
    </row>
    <row r="124532" spans="8:8">
      <c r="H124532" s="12"/>
    </row>
    <row r="124533" spans="8:8">
      <c r="H124533" s="12"/>
    </row>
    <row r="124534" spans="8:8">
      <c r="H124534" s="12"/>
    </row>
    <row r="124535" spans="8:8">
      <c r="H124535" s="12"/>
    </row>
    <row r="124536" spans="8:8">
      <c r="H124536" s="12"/>
    </row>
    <row r="124537" spans="8:8">
      <c r="H124537" s="12"/>
    </row>
    <row r="124538" spans="8:8">
      <c r="H124538" s="12"/>
    </row>
    <row r="124539" spans="8:8">
      <c r="H124539" s="12"/>
    </row>
    <row r="124540" spans="8:8">
      <c r="H124540" s="12"/>
    </row>
    <row r="124541" spans="8:8">
      <c r="H124541" s="12"/>
    </row>
    <row r="124542" spans="8:8">
      <c r="H124542" s="12"/>
    </row>
    <row r="124543" spans="8:8">
      <c r="H124543" s="12"/>
    </row>
    <row r="124544" spans="8:8">
      <c r="H124544" s="12"/>
    </row>
    <row r="124545" spans="8:8">
      <c r="H124545" s="12"/>
    </row>
    <row r="124546" spans="8:8">
      <c r="H124546" s="12"/>
    </row>
    <row r="124547" spans="8:8">
      <c r="H124547" s="12"/>
    </row>
    <row r="124548" spans="8:8">
      <c r="H124548" s="12"/>
    </row>
    <row r="124549" spans="8:8">
      <c r="H124549" s="12"/>
    </row>
    <row r="124550" spans="8:8">
      <c r="H124550" s="12"/>
    </row>
    <row r="124551" spans="8:8">
      <c r="H124551" s="12"/>
    </row>
    <row r="124552" spans="8:8">
      <c r="H124552" s="12"/>
    </row>
    <row r="124553" spans="8:8">
      <c r="H124553" s="12"/>
    </row>
    <row r="124554" spans="8:8">
      <c r="H124554" s="12"/>
    </row>
    <row r="124555" spans="8:8">
      <c r="H124555" s="12"/>
    </row>
    <row r="124556" spans="8:8">
      <c r="H124556" s="12"/>
    </row>
    <row r="124557" spans="8:8">
      <c r="H124557" s="12"/>
    </row>
    <row r="124558" spans="8:8">
      <c r="H124558" s="12"/>
    </row>
    <row r="124559" spans="8:8">
      <c r="H124559" s="12"/>
    </row>
    <row r="124560" spans="8:8">
      <c r="H124560" s="12"/>
    </row>
    <row r="124561" spans="8:8">
      <c r="H124561" s="12"/>
    </row>
    <row r="124562" spans="8:8">
      <c r="H124562" s="12"/>
    </row>
    <row r="124563" spans="8:8">
      <c r="H124563" s="12"/>
    </row>
    <row r="124564" spans="8:8">
      <c r="H124564" s="12"/>
    </row>
    <row r="124565" spans="8:8">
      <c r="H124565" s="12"/>
    </row>
    <row r="124566" spans="8:8">
      <c r="H124566" s="12"/>
    </row>
    <row r="124567" spans="8:8">
      <c r="H124567" s="12"/>
    </row>
    <row r="124568" spans="8:8">
      <c r="H124568" s="12"/>
    </row>
    <row r="124569" spans="8:8">
      <c r="H124569" s="12"/>
    </row>
    <row r="124570" spans="8:8">
      <c r="H124570" s="12"/>
    </row>
    <row r="124571" spans="8:8">
      <c r="H124571" s="12"/>
    </row>
    <row r="124572" spans="8:8">
      <c r="H124572" s="12"/>
    </row>
    <row r="124573" spans="8:8">
      <c r="H124573" s="12"/>
    </row>
    <row r="124574" spans="8:8">
      <c r="H124574" s="12"/>
    </row>
    <row r="124575" spans="8:8">
      <c r="H124575" s="12"/>
    </row>
    <row r="124576" spans="8:8">
      <c r="H124576" s="12"/>
    </row>
    <row r="124577" spans="8:8">
      <c r="H124577" s="12"/>
    </row>
    <row r="124578" spans="8:8">
      <c r="H124578" s="12"/>
    </row>
    <row r="124579" spans="8:8">
      <c r="H124579" s="12"/>
    </row>
    <row r="124580" spans="8:8">
      <c r="H124580" s="12"/>
    </row>
    <row r="124581" spans="8:8">
      <c r="H124581" s="12"/>
    </row>
    <row r="124582" spans="8:8">
      <c r="H124582" s="12"/>
    </row>
    <row r="124583" spans="8:8">
      <c r="H124583" s="12"/>
    </row>
    <row r="124584" spans="8:8">
      <c r="H124584" s="12"/>
    </row>
    <row r="124585" spans="8:8">
      <c r="H124585" s="12"/>
    </row>
    <row r="124586" spans="8:8">
      <c r="H124586" s="12"/>
    </row>
    <row r="124587" spans="8:8">
      <c r="H124587" s="12"/>
    </row>
    <row r="124588" spans="8:8">
      <c r="H124588" s="12"/>
    </row>
    <row r="124589" spans="8:8">
      <c r="H124589" s="12"/>
    </row>
    <row r="124590" spans="8:8">
      <c r="H124590" s="12"/>
    </row>
    <row r="124591" spans="8:8">
      <c r="H124591" s="12"/>
    </row>
    <row r="124592" spans="8:8">
      <c r="H124592" s="12"/>
    </row>
    <row r="124593" spans="8:8">
      <c r="H124593" s="12"/>
    </row>
    <row r="124594" spans="8:8">
      <c r="H124594" s="12"/>
    </row>
    <row r="124595" spans="8:8">
      <c r="H124595" s="12"/>
    </row>
    <row r="124596" spans="8:8">
      <c r="H124596" s="12"/>
    </row>
    <row r="124597" spans="8:8">
      <c r="H124597" s="12"/>
    </row>
    <row r="124598" spans="8:8">
      <c r="H124598" s="12"/>
    </row>
    <row r="124599" spans="8:8">
      <c r="H124599" s="12"/>
    </row>
    <row r="124600" spans="8:8">
      <c r="H124600" s="12"/>
    </row>
    <row r="124601" spans="8:8">
      <c r="H124601" s="12"/>
    </row>
    <row r="124602" spans="8:8">
      <c r="H124602" s="12"/>
    </row>
    <row r="124603" spans="8:8">
      <c r="H124603" s="12"/>
    </row>
    <row r="124604" spans="8:8">
      <c r="H124604" s="12"/>
    </row>
    <row r="124605" spans="8:8">
      <c r="H124605" s="12"/>
    </row>
    <row r="124606" spans="8:8">
      <c r="H124606" s="12"/>
    </row>
    <row r="124607" spans="8:8">
      <c r="H124607" s="12"/>
    </row>
    <row r="124608" spans="8:8">
      <c r="H124608" s="12"/>
    </row>
    <row r="124609" spans="8:8">
      <c r="H124609" s="12"/>
    </row>
    <row r="124610" spans="8:8">
      <c r="H124610" s="12"/>
    </row>
    <row r="124611" spans="8:8">
      <c r="H124611" s="12"/>
    </row>
    <row r="124612" spans="8:8">
      <c r="H124612" s="12"/>
    </row>
    <row r="124613" spans="8:8">
      <c r="H124613" s="12"/>
    </row>
    <row r="124614" spans="8:8">
      <c r="H124614" s="12"/>
    </row>
    <row r="124615" spans="8:8">
      <c r="H124615" s="12"/>
    </row>
    <row r="124616" spans="8:8">
      <c r="H124616" s="12"/>
    </row>
    <row r="124617" spans="8:8">
      <c r="H124617" s="12"/>
    </row>
    <row r="124618" spans="8:8">
      <c r="H124618" s="12"/>
    </row>
    <row r="124619" spans="8:8">
      <c r="H124619" s="12"/>
    </row>
    <row r="124620" spans="8:8">
      <c r="H124620" s="12"/>
    </row>
    <row r="124621" spans="8:8">
      <c r="H124621" s="12"/>
    </row>
    <row r="124622" spans="8:8">
      <c r="H124622" s="12"/>
    </row>
    <row r="124623" spans="8:8">
      <c r="H124623" s="12"/>
    </row>
    <row r="124624" spans="8:8">
      <c r="H124624" s="12"/>
    </row>
    <row r="124625" spans="8:8">
      <c r="H124625" s="12"/>
    </row>
    <row r="124626" spans="8:8">
      <c r="H124626" s="12"/>
    </row>
    <row r="124627" spans="8:8">
      <c r="H124627" s="12"/>
    </row>
    <row r="124628" spans="8:8">
      <c r="H124628" s="12"/>
    </row>
    <row r="124629" spans="8:8">
      <c r="H124629" s="12"/>
    </row>
    <row r="124630" spans="8:8">
      <c r="H124630" s="12"/>
    </row>
    <row r="124631" spans="8:8">
      <c r="H124631" s="12"/>
    </row>
    <row r="124632" spans="8:8">
      <c r="H124632" s="12"/>
    </row>
    <row r="124633" spans="8:8">
      <c r="H124633" s="12"/>
    </row>
    <row r="124634" spans="8:8">
      <c r="H124634" s="12"/>
    </row>
    <row r="124635" spans="8:8">
      <c r="H124635" s="12"/>
    </row>
    <row r="124636" spans="8:8">
      <c r="H124636" s="12"/>
    </row>
    <row r="124637" spans="8:8">
      <c r="H124637" s="12"/>
    </row>
    <row r="124638" spans="8:8">
      <c r="H124638" s="12"/>
    </row>
    <row r="124639" spans="8:8">
      <c r="H124639" s="12"/>
    </row>
    <row r="124640" spans="8:8">
      <c r="H124640" s="12"/>
    </row>
    <row r="124641" spans="8:8">
      <c r="H124641" s="12"/>
    </row>
    <row r="124642" spans="8:8">
      <c r="H124642" s="12"/>
    </row>
    <row r="124643" spans="8:8">
      <c r="H124643" s="12"/>
    </row>
    <row r="124644" spans="8:8">
      <c r="H124644" s="12"/>
    </row>
    <row r="124645" spans="8:8">
      <c r="H124645" s="12"/>
    </row>
    <row r="124646" spans="8:8">
      <c r="H124646" s="12"/>
    </row>
    <row r="124647" spans="8:8">
      <c r="H124647" s="12"/>
    </row>
    <row r="124648" spans="8:8">
      <c r="H124648" s="12"/>
    </row>
    <row r="124649" spans="8:8">
      <c r="H124649" s="12"/>
    </row>
    <row r="124650" spans="8:8">
      <c r="H124650" s="12"/>
    </row>
    <row r="124651" spans="8:8">
      <c r="H124651" s="12"/>
    </row>
    <row r="124652" spans="8:8">
      <c r="H124652" s="12"/>
    </row>
    <row r="124653" spans="8:8">
      <c r="H124653" s="12"/>
    </row>
    <row r="124654" spans="8:8">
      <c r="H124654" s="12"/>
    </row>
    <row r="124655" spans="8:8">
      <c r="H124655" s="12"/>
    </row>
    <row r="124656" spans="8:8">
      <c r="H124656" s="12"/>
    </row>
    <row r="124657" spans="8:8">
      <c r="H124657" s="12"/>
    </row>
    <row r="124658" spans="8:8">
      <c r="H124658" s="12"/>
    </row>
    <row r="124659" spans="8:8">
      <c r="H124659" s="12"/>
    </row>
    <row r="124660" spans="8:8">
      <c r="H124660" s="12"/>
    </row>
    <row r="124661" spans="8:8">
      <c r="H124661" s="12"/>
    </row>
    <row r="124662" spans="8:8">
      <c r="H124662" s="12"/>
    </row>
    <row r="124663" spans="8:8">
      <c r="H124663" s="12"/>
    </row>
    <row r="124664" spans="8:8">
      <c r="H124664" s="12"/>
    </row>
    <row r="124665" spans="8:8">
      <c r="H124665" s="12"/>
    </row>
    <row r="124666" spans="8:8">
      <c r="H124666" s="12"/>
    </row>
    <row r="124667" spans="8:8">
      <c r="H124667" s="12"/>
    </row>
    <row r="124668" spans="8:8">
      <c r="H124668" s="12"/>
    </row>
    <row r="124669" spans="8:8">
      <c r="H124669" s="12"/>
    </row>
    <row r="124670" spans="8:8">
      <c r="H124670" s="12"/>
    </row>
    <row r="124671" spans="8:8">
      <c r="H124671" s="12"/>
    </row>
    <row r="124672" spans="8:8">
      <c r="H124672" s="12"/>
    </row>
    <row r="124673" spans="8:8">
      <c r="H124673" s="12"/>
    </row>
    <row r="124674" spans="8:8">
      <c r="H124674" s="12"/>
    </row>
    <row r="124675" spans="8:8">
      <c r="H124675" s="12"/>
    </row>
    <row r="124676" spans="8:8">
      <c r="H124676" s="12"/>
    </row>
    <row r="124677" spans="8:8">
      <c r="H124677" s="12"/>
    </row>
    <row r="124678" spans="8:8">
      <c r="H124678" s="12"/>
    </row>
    <row r="124679" spans="8:8">
      <c r="H124679" s="12"/>
    </row>
    <row r="124680" spans="8:8">
      <c r="H124680" s="12"/>
    </row>
    <row r="124681" spans="8:8">
      <c r="H124681" s="12"/>
    </row>
    <row r="124682" spans="8:8">
      <c r="H124682" s="12"/>
    </row>
    <row r="124683" spans="8:8">
      <c r="H124683" s="12"/>
    </row>
    <row r="124684" spans="8:8">
      <c r="H124684" s="12"/>
    </row>
    <row r="124685" spans="8:8">
      <c r="H124685" s="12"/>
    </row>
    <row r="124686" spans="8:8">
      <c r="H124686" s="12"/>
    </row>
    <row r="124687" spans="8:8">
      <c r="H124687" s="12"/>
    </row>
    <row r="124688" spans="8:8">
      <c r="H124688" s="12"/>
    </row>
    <row r="124689" spans="8:8">
      <c r="H124689" s="12"/>
    </row>
    <row r="124690" spans="8:8">
      <c r="H124690" s="12"/>
    </row>
    <row r="124691" spans="8:8">
      <c r="H124691" s="12"/>
    </row>
    <row r="124692" spans="8:8">
      <c r="H124692" s="12"/>
    </row>
    <row r="124693" spans="8:8">
      <c r="H124693" s="12"/>
    </row>
    <row r="124694" spans="8:8">
      <c r="H124694" s="12"/>
    </row>
    <row r="124695" spans="8:8">
      <c r="H124695" s="12"/>
    </row>
    <row r="124696" spans="8:8">
      <c r="H124696" s="12"/>
    </row>
    <row r="124697" spans="8:8">
      <c r="H124697" s="12"/>
    </row>
    <row r="124698" spans="8:8">
      <c r="H124698" s="12"/>
    </row>
    <row r="124699" spans="8:8">
      <c r="H124699" s="12"/>
    </row>
    <row r="124700" spans="8:8">
      <c r="H124700" s="12"/>
    </row>
    <row r="124701" spans="8:8">
      <c r="H124701" s="12"/>
    </row>
    <row r="124702" spans="8:8">
      <c r="H124702" s="12"/>
    </row>
    <row r="124703" spans="8:8">
      <c r="H124703" s="12"/>
    </row>
    <row r="124704" spans="8:8">
      <c r="H124704" s="12"/>
    </row>
    <row r="124705" spans="8:8">
      <c r="H124705" s="12"/>
    </row>
    <row r="124706" spans="8:8">
      <c r="H124706" s="12"/>
    </row>
    <row r="124707" spans="8:8">
      <c r="H124707" s="12"/>
    </row>
    <row r="124708" spans="8:8">
      <c r="H124708" s="12"/>
    </row>
    <row r="124709" spans="8:8">
      <c r="H124709" s="12"/>
    </row>
    <row r="124710" spans="8:8">
      <c r="H124710" s="12"/>
    </row>
    <row r="124711" spans="8:8">
      <c r="H124711" s="12"/>
    </row>
    <row r="124712" spans="8:8">
      <c r="H124712" s="12"/>
    </row>
    <row r="124713" spans="8:8">
      <c r="H124713" s="12"/>
    </row>
    <row r="124714" spans="8:8">
      <c r="H124714" s="12"/>
    </row>
    <row r="124715" spans="8:8">
      <c r="H124715" s="12"/>
    </row>
    <row r="124716" spans="8:8">
      <c r="H124716" s="12"/>
    </row>
    <row r="124717" spans="8:8">
      <c r="H124717" s="12"/>
    </row>
    <row r="124718" spans="8:8">
      <c r="H124718" s="12"/>
    </row>
    <row r="124719" spans="8:8">
      <c r="H124719" s="12"/>
    </row>
    <row r="124720" spans="8:8">
      <c r="H124720" s="12"/>
    </row>
    <row r="124721" spans="8:8">
      <c r="H124721" s="12"/>
    </row>
    <row r="124722" spans="8:8">
      <c r="H124722" s="12"/>
    </row>
    <row r="124723" spans="8:8">
      <c r="H124723" s="12"/>
    </row>
    <row r="124724" spans="8:8">
      <c r="H124724" s="12"/>
    </row>
    <row r="124725" spans="8:8">
      <c r="H124725" s="12"/>
    </row>
    <row r="124726" spans="8:8">
      <c r="H124726" s="12"/>
    </row>
    <row r="124727" spans="8:8">
      <c r="H124727" s="12"/>
    </row>
    <row r="124728" spans="8:8">
      <c r="H124728" s="12"/>
    </row>
    <row r="124729" spans="8:8">
      <c r="H124729" s="12"/>
    </row>
    <row r="124730" spans="8:8">
      <c r="H124730" s="12"/>
    </row>
    <row r="124731" spans="8:8">
      <c r="H124731" s="12"/>
    </row>
    <row r="124732" spans="8:8">
      <c r="H124732" s="12"/>
    </row>
    <row r="124733" spans="8:8">
      <c r="H124733" s="12"/>
    </row>
    <row r="124734" spans="8:8">
      <c r="H124734" s="12"/>
    </row>
    <row r="124735" spans="8:8">
      <c r="H124735" s="12"/>
    </row>
    <row r="124736" spans="8:8">
      <c r="H124736" s="12"/>
    </row>
    <row r="124737" spans="8:8">
      <c r="H124737" s="12"/>
    </row>
    <row r="124738" spans="8:8">
      <c r="H124738" s="12"/>
    </row>
    <row r="124739" spans="8:8">
      <c r="H124739" s="12"/>
    </row>
    <row r="124740" spans="8:8">
      <c r="H124740" s="12"/>
    </row>
    <row r="124741" spans="8:8">
      <c r="H124741" s="12"/>
    </row>
    <row r="124742" spans="8:8">
      <c r="H124742" s="12"/>
    </row>
    <row r="124743" spans="8:8">
      <c r="H124743" s="12"/>
    </row>
    <row r="124744" spans="8:8">
      <c r="H124744" s="12"/>
    </row>
    <row r="124745" spans="8:8">
      <c r="H124745" s="12"/>
    </row>
    <row r="124746" spans="8:8">
      <c r="H124746" s="12"/>
    </row>
    <row r="124747" spans="8:8">
      <c r="H124747" s="12"/>
    </row>
    <row r="124748" spans="8:8">
      <c r="H124748" s="12"/>
    </row>
    <row r="124749" spans="8:8">
      <c r="H124749" s="12"/>
    </row>
    <row r="124750" spans="8:8">
      <c r="H124750" s="12"/>
    </row>
    <row r="124751" spans="8:8">
      <c r="H124751" s="12"/>
    </row>
    <row r="124752" spans="8:8">
      <c r="H124752" s="12"/>
    </row>
    <row r="124753" spans="8:8">
      <c r="H124753" s="12"/>
    </row>
    <row r="124754" spans="8:8">
      <c r="H124754" s="12"/>
    </row>
    <row r="124755" spans="8:8">
      <c r="H124755" s="12"/>
    </row>
    <row r="124756" spans="8:8">
      <c r="H124756" s="12"/>
    </row>
    <row r="124757" spans="8:8">
      <c r="H124757" s="12"/>
    </row>
    <row r="124758" spans="8:8">
      <c r="H124758" s="12"/>
    </row>
    <row r="124759" spans="8:8">
      <c r="H124759" s="12"/>
    </row>
    <row r="124760" spans="8:8">
      <c r="H124760" s="12"/>
    </row>
    <row r="124761" spans="8:8">
      <c r="H124761" s="12"/>
    </row>
    <row r="124762" spans="8:8">
      <c r="H124762" s="12"/>
    </row>
    <row r="124763" spans="8:8">
      <c r="H124763" s="12"/>
    </row>
    <row r="124764" spans="8:8">
      <c r="H124764" s="12"/>
    </row>
    <row r="124765" spans="8:8">
      <c r="H124765" s="12"/>
    </row>
    <row r="124766" spans="8:8">
      <c r="H124766" s="12"/>
    </row>
    <row r="124767" spans="8:8">
      <c r="H124767" s="12"/>
    </row>
    <row r="124768" spans="8:8">
      <c r="H124768" s="12"/>
    </row>
    <row r="124769" spans="8:8">
      <c r="H124769" s="12"/>
    </row>
    <row r="124770" spans="8:8">
      <c r="H124770" s="12"/>
    </row>
    <row r="124771" spans="8:8">
      <c r="H124771" s="12"/>
    </row>
    <row r="124772" spans="8:8">
      <c r="H124772" s="12"/>
    </row>
    <row r="124773" spans="8:8">
      <c r="H124773" s="12"/>
    </row>
    <row r="124774" spans="8:8">
      <c r="H124774" s="12"/>
    </row>
    <row r="124775" spans="8:8">
      <c r="H124775" s="12"/>
    </row>
    <row r="124776" spans="8:8">
      <c r="H124776" s="12"/>
    </row>
    <row r="124777" spans="8:8">
      <c r="H124777" s="12"/>
    </row>
    <row r="124778" spans="8:8">
      <c r="H124778" s="12"/>
    </row>
    <row r="124779" spans="8:8">
      <c r="H124779" s="12"/>
    </row>
    <row r="124780" spans="8:8">
      <c r="H124780" s="12"/>
    </row>
    <row r="124781" spans="8:8">
      <c r="H124781" s="12"/>
    </row>
    <row r="124782" spans="8:8">
      <c r="H124782" s="12"/>
    </row>
    <row r="124783" spans="8:8">
      <c r="H124783" s="12"/>
    </row>
    <row r="124784" spans="8:8">
      <c r="H124784" s="12"/>
    </row>
    <row r="124785" spans="8:8">
      <c r="H124785" s="12"/>
    </row>
    <row r="124786" spans="8:8">
      <c r="H124786" s="12"/>
    </row>
    <row r="124787" spans="8:8">
      <c r="H124787" s="12"/>
    </row>
    <row r="124788" spans="8:8">
      <c r="H124788" s="12"/>
    </row>
    <row r="124789" spans="8:8">
      <c r="H124789" s="12"/>
    </row>
    <row r="124790" spans="8:8">
      <c r="H124790" s="12"/>
    </row>
    <row r="124791" spans="8:8">
      <c r="H124791" s="12"/>
    </row>
    <row r="124792" spans="8:8">
      <c r="H124792" s="12"/>
    </row>
    <row r="124793" spans="8:8">
      <c r="H124793" s="12"/>
    </row>
    <row r="124794" spans="8:8">
      <c r="H124794" s="12"/>
    </row>
    <row r="124795" spans="8:8">
      <c r="H124795" s="12"/>
    </row>
    <row r="124796" spans="8:8">
      <c r="H124796" s="12"/>
    </row>
    <row r="124797" spans="8:8">
      <c r="H124797" s="12"/>
    </row>
    <row r="124798" spans="8:8">
      <c r="H124798" s="12"/>
    </row>
    <row r="124799" spans="8:8">
      <c r="H124799" s="12"/>
    </row>
    <row r="124800" spans="8:8">
      <c r="H124800" s="12"/>
    </row>
    <row r="124801" spans="8:8">
      <c r="H124801" s="12"/>
    </row>
    <row r="124802" spans="8:8">
      <c r="H124802" s="12"/>
    </row>
    <row r="124803" spans="8:8">
      <c r="H124803" s="12"/>
    </row>
    <row r="124804" spans="8:8">
      <c r="H124804" s="12"/>
    </row>
    <row r="124805" spans="8:8">
      <c r="H124805" s="12"/>
    </row>
    <row r="124806" spans="8:8">
      <c r="H124806" s="12"/>
    </row>
    <row r="124807" spans="8:8">
      <c r="H124807" s="12"/>
    </row>
    <row r="124808" spans="8:8">
      <c r="H124808" s="12"/>
    </row>
    <row r="124809" spans="8:8">
      <c r="H124809" s="12"/>
    </row>
    <row r="124810" spans="8:8">
      <c r="H124810" s="12"/>
    </row>
    <row r="124811" spans="8:8">
      <c r="H124811" s="12"/>
    </row>
    <row r="124812" spans="8:8">
      <c r="H124812" s="12"/>
    </row>
    <row r="124813" spans="8:8">
      <c r="H124813" s="12"/>
    </row>
    <row r="124814" spans="8:8">
      <c r="H124814" s="12"/>
    </row>
    <row r="124815" spans="8:8">
      <c r="H124815" s="12"/>
    </row>
    <row r="124816" spans="8:8">
      <c r="H124816" s="12"/>
    </row>
    <row r="124817" spans="8:8">
      <c r="H124817" s="12"/>
    </row>
    <row r="124818" spans="8:8">
      <c r="H124818" s="12"/>
    </row>
    <row r="124819" spans="8:8">
      <c r="H124819" s="12"/>
    </row>
    <row r="124820" spans="8:8">
      <c r="H124820" s="12"/>
    </row>
    <row r="124821" spans="8:8">
      <c r="H124821" s="12"/>
    </row>
    <row r="124822" spans="8:8">
      <c r="H124822" s="12"/>
    </row>
    <row r="124823" spans="8:8">
      <c r="H124823" s="12"/>
    </row>
    <row r="124824" spans="8:8">
      <c r="H124824" s="12"/>
    </row>
    <row r="124825" spans="8:8">
      <c r="H124825" s="12"/>
    </row>
    <row r="124826" spans="8:8">
      <c r="H124826" s="12"/>
    </row>
    <row r="124827" spans="8:8">
      <c r="H124827" s="12"/>
    </row>
    <row r="124828" spans="8:8">
      <c r="H124828" s="12"/>
    </row>
    <row r="124829" spans="8:8">
      <c r="H124829" s="12"/>
    </row>
    <row r="124830" spans="8:8">
      <c r="H124830" s="12"/>
    </row>
    <row r="124831" spans="8:8">
      <c r="H124831" s="12"/>
    </row>
    <row r="124832" spans="8:8">
      <c r="H124832" s="12"/>
    </row>
    <row r="124833" spans="8:8">
      <c r="H124833" s="12"/>
    </row>
    <row r="124834" spans="8:8">
      <c r="H124834" s="12"/>
    </row>
    <row r="124835" spans="8:8">
      <c r="H124835" s="12"/>
    </row>
    <row r="124836" spans="8:8">
      <c r="H124836" s="12"/>
    </row>
    <row r="124837" spans="8:8">
      <c r="H124837" s="12"/>
    </row>
    <row r="124838" spans="8:8">
      <c r="H124838" s="12"/>
    </row>
    <row r="124839" spans="8:8">
      <c r="H124839" s="12"/>
    </row>
    <row r="124840" spans="8:8">
      <c r="H124840" s="12"/>
    </row>
    <row r="124841" spans="8:8">
      <c r="H124841" s="12"/>
    </row>
    <row r="124842" spans="8:8">
      <c r="H124842" s="12"/>
    </row>
    <row r="124843" spans="8:8">
      <c r="H124843" s="12"/>
    </row>
    <row r="124844" spans="8:8">
      <c r="H124844" s="12"/>
    </row>
    <row r="124845" spans="8:8">
      <c r="H124845" s="12"/>
    </row>
    <row r="124846" spans="8:8">
      <c r="H124846" s="12"/>
    </row>
    <row r="124847" spans="8:8">
      <c r="H124847" s="12"/>
    </row>
    <row r="124848" spans="8:8">
      <c r="H124848" s="12"/>
    </row>
    <row r="124849" spans="8:8">
      <c r="H124849" s="12"/>
    </row>
    <row r="124850" spans="8:8">
      <c r="H124850" s="12"/>
    </row>
    <row r="124851" spans="8:8">
      <c r="H124851" s="12"/>
    </row>
    <row r="124852" spans="8:8">
      <c r="H124852" s="12"/>
    </row>
    <row r="124853" spans="8:8">
      <c r="H124853" s="12"/>
    </row>
    <row r="124854" spans="8:8">
      <c r="H124854" s="12"/>
    </row>
    <row r="124855" spans="8:8">
      <c r="H124855" s="12"/>
    </row>
    <row r="124856" spans="8:8">
      <c r="H124856" s="12"/>
    </row>
    <row r="124857" spans="8:8">
      <c r="H124857" s="12"/>
    </row>
    <row r="124858" spans="8:8">
      <c r="H124858" s="12"/>
    </row>
    <row r="124859" spans="8:8">
      <c r="H124859" s="12"/>
    </row>
    <row r="124860" spans="8:8">
      <c r="H124860" s="12"/>
    </row>
    <row r="124861" spans="8:8">
      <c r="H124861" s="12"/>
    </row>
    <row r="124862" spans="8:8">
      <c r="H124862" s="12"/>
    </row>
    <row r="124863" spans="8:8">
      <c r="H124863" s="12"/>
    </row>
    <row r="124864" spans="8:8">
      <c r="H124864" s="12"/>
    </row>
    <row r="124865" spans="8:8">
      <c r="H124865" s="12"/>
    </row>
    <row r="124866" spans="8:8">
      <c r="H124866" s="12"/>
    </row>
    <row r="124867" spans="8:8">
      <c r="H124867" s="12"/>
    </row>
    <row r="124868" spans="8:8">
      <c r="H124868" s="12"/>
    </row>
    <row r="124869" spans="8:8">
      <c r="H124869" s="12"/>
    </row>
    <row r="124870" spans="8:8">
      <c r="H124870" s="12"/>
    </row>
    <row r="124871" spans="8:8">
      <c r="H124871" s="12"/>
    </row>
    <row r="124872" spans="8:8">
      <c r="H124872" s="12"/>
    </row>
    <row r="124873" spans="8:8">
      <c r="H124873" s="12"/>
    </row>
    <row r="124874" spans="8:8">
      <c r="H124874" s="12"/>
    </row>
    <row r="124875" spans="8:8">
      <c r="H124875" s="12"/>
    </row>
    <row r="124876" spans="8:8">
      <c r="H124876" s="12"/>
    </row>
    <row r="124877" spans="8:8">
      <c r="H124877" s="12"/>
    </row>
    <row r="124878" spans="8:8">
      <c r="H124878" s="12"/>
    </row>
    <row r="124879" spans="8:8">
      <c r="H124879" s="12"/>
    </row>
    <row r="124880" spans="8:8">
      <c r="H124880" s="12"/>
    </row>
    <row r="124881" spans="8:8">
      <c r="H124881" s="12"/>
    </row>
    <row r="124882" spans="8:8">
      <c r="H124882" s="12"/>
    </row>
    <row r="124883" spans="8:8">
      <c r="H124883" s="12"/>
    </row>
    <row r="124884" spans="8:8">
      <c r="H124884" s="12"/>
    </row>
    <row r="124885" spans="8:8">
      <c r="H124885" s="12"/>
    </row>
    <row r="124886" spans="8:8">
      <c r="H124886" s="12"/>
    </row>
    <row r="124887" spans="8:8">
      <c r="H124887" s="12"/>
    </row>
    <row r="124888" spans="8:8">
      <c r="H124888" s="12"/>
    </row>
    <row r="124889" spans="8:8">
      <c r="H124889" s="12"/>
    </row>
    <row r="124890" spans="8:8">
      <c r="H124890" s="12"/>
    </row>
    <row r="124891" spans="8:8">
      <c r="H124891" s="12"/>
    </row>
    <row r="124892" spans="8:8">
      <c r="H124892" s="12"/>
    </row>
    <row r="124893" spans="8:8">
      <c r="H124893" s="12"/>
    </row>
    <row r="124894" spans="8:8">
      <c r="H124894" s="12"/>
    </row>
    <row r="124895" spans="8:8">
      <c r="H124895" s="12"/>
    </row>
    <row r="124896" spans="8:8">
      <c r="H124896" s="12"/>
    </row>
    <row r="124897" spans="8:8">
      <c r="H124897" s="12"/>
    </row>
    <row r="124898" spans="8:8">
      <c r="H124898" s="12"/>
    </row>
    <row r="124899" spans="8:8">
      <c r="H124899" s="12"/>
    </row>
    <row r="124900" spans="8:8">
      <c r="H124900" s="12"/>
    </row>
    <row r="124901" spans="8:8">
      <c r="H124901" s="12"/>
    </row>
    <row r="124902" spans="8:8">
      <c r="H124902" s="12"/>
    </row>
    <row r="124903" spans="8:8">
      <c r="H124903" s="12"/>
    </row>
    <row r="124904" spans="8:8">
      <c r="H124904" s="12"/>
    </row>
    <row r="124905" spans="8:8">
      <c r="H124905" s="12"/>
    </row>
    <row r="124906" spans="8:8">
      <c r="H124906" s="12"/>
    </row>
    <row r="124907" spans="8:8">
      <c r="H124907" s="12"/>
    </row>
    <row r="124908" spans="8:8">
      <c r="H124908" s="12"/>
    </row>
    <row r="124909" spans="8:8">
      <c r="H124909" s="12"/>
    </row>
    <row r="124910" spans="8:8">
      <c r="H124910" s="12"/>
    </row>
    <row r="124911" spans="8:8">
      <c r="H124911" s="12"/>
    </row>
    <row r="124912" spans="8:8">
      <c r="H124912" s="12"/>
    </row>
    <row r="124913" spans="8:8">
      <c r="H124913" s="12"/>
    </row>
    <row r="124914" spans="8:8">
      <c r="H124914" s="12"/>
    </row>
    <row r="124915" spans="8:8">
      <c r="H124915" s="12"/>
    </row>
    <row r="124916" spans="8:8">
      <c r="H124916" s="12"/>
    </row>
    <row r="124917" spans="8:8">
      <c r="H124917" s="12"/>
    </row>
    <row r="124918" spans="8:8">
      <c r="H124918" s="12"/>
    </row>
    <row r="124919" spans="8:8">
      <c r="H124919" s="12"/>
    </row>
    <row r="124920" spans="8:8">
      <c r="H124920" s="12"/>
    </row>
    <row r="124921" spans="8:8">
      <c r="H124921" s="12"/>
    </row>
    <row r="124922" spans="8:8">
      <c r="H124922" s="12"/>
    </row>
    <row r="124923" spans="8:8">
      <c r="H124923" s="12"/>
    </row>
    <row r="124924" spans="8:8">
      <c r="H124924" s="12"/>
    </row>
    <row r="124925" spans="8:8">
      <c r="H124925" s="12"/>
    </row>
    <row r="124926" spans="8:8">
      <c r="H124926" s="12"/>
    </row>
    <row r="124927" spans="8:8">
      <c r="H124927" s="12"/>
    </row>
    <row r="124928" spans="8:8">
      <c r="H124928" s="12"/>
    </row>
    <row r="124929" spans="8:8">
      <c r="H124929" s="12"/>
    </row>
    <row r="124930" spans="8:8">
      <c r="H124930" s="12"/>
    </row>
    <row r="124931" spans="8:8">
      <c r="H124931" s="12"/>
    </row>
    <row r="124932" spans="8:8">
      <c r="H124932" s="12"/>
    </row>
    <row r="124933" spans="8:8">
      <c r="H124933" s="12"/>
    </row>
    <row r="124934" spans="8:8">
      <c r="H124934" s="12"/>
    </row>
    <row r="124935" spans="8:8">
      <c r="H124935" s="12"/>
    </row>
    <row r="124936" spans="8:8">
      <c r="H124936" s="12"/>
    </row>
    <row r="124937" spans="8:8">
      <c r="H124937" s="12"/>
    </row>
    <row r="124938" spans="8:8">
      <c r="H124938" s="12"/>
    </row>
    <row r="124939" spans="8:8">
      <c r="H124939" s="12"/>
    </row>
    <row r="124940" spans="8:8">
      <c r="H124940" s="12"/>
    </row>
    <row r="124941" spans="8:8">
      <c r="H124941" s="12"/>
    </row>
    <row r="124942" spans="8:8">
      <c r="H124942" s="12"/>
    </row>
    <row r="124943" spans="8:8">
      <c r="H124943" s="12"/>
    </row>
    <row r="124944" spans="8:8">
      <c r="H124944" s="12"/>
    </row>
    <row r="124945" spans="8:8">
      <c r="H124945" s="12"/>
    </row>
    <row r="124946" spans="8:8">
      <c r="H124946" s="12"/>
    </row>
    <row r="124947" spans="8:8">
      <c r="H124947" s="12"/>
    </row>
    <row r="124948" spans="8:8">
      <c r="H124948" s="12"/>
    </row>
    <row r="124949" spans="8:8">
      <c r="H124949" s="12"/>
    </row>
    <row r="124950" spans="8:8">
      <c r="H124950" s="12"/>
    </row>
    <row r="124951" spans="8:8">
      <c r="H124951" s="12"/>
    </row>
    <row r="124952" spans="8:8">
      <c r="H124952" s="12"/>
    </row>
    <row r="124953" spans="8:8">
      <c r="H124953" s="12"/>
    </row>
    <row r="124954" spans="8:8">
      <c r="H124954" s="12"/>
    </row>
    <row r="124955" spans="8:8">
      <c r="H124955" s="12"/>
    </row>
    <row r="124956" spans="8:8">
      <c r="H124956" s="12"/>
    </row>
    <row r="124957" spans="8:8">
      <c r="H124957" s="12"/>
    </row>
    <row r="124958" spans="8:8">
      <c r="H124958" s="12"/>
    </row>
    <row r="124959" spans="8:8">
      <c r="H124959" s="12"/>
    </row>
    <row r="124960" spans="8:8">
      <c r="H124960" s="12"/>
    </row>
    <row r="124961" spans="8:8">
      <c r="H124961" s="12"/>
    </row>
    <row r="124962" spans="8:8">
      <c r="H124962" s="12"/>
    </row>
    <row r="124963" spans="8:8">
      <c r="H124963" s="12"/>
    </row>
    <row r="124964" spans="8:8">
      <c r="H124964" s="12"/>
    </row>
    <row r="124965" spans="8:8">
      <c r="H124965" s="12"/>
    </row>
    <row r="124966" spans="8:8">
      <c r="H124966" s="12"/>
    </row>
    <row r="124967" spans="8:8">
      <c r="H124967" s="12"/>
    </row>
    <row r="124968" spans="8:8">
      <c r="H124968" s="12"/>
    </row>
    <row r="124969" spans="8:8">
      <c r="H124969" s="12"/>
    </row>
    <row r="124970" spans="8:8">
      <c r="H124970" s="12"/>
    </row>
    <row r="124971" spans="8:8">
      <c r="H124971" s="12"/>
    </row>
    <row r="124972" spans="8:8">
      <c r="H124972" s="12"/>
    </row>
    <row r="124973" spans="8:8">
      <c r="H124973" s="12"/>
    </row>
    <row r="124974" spans="8:8">
      <c r="H124974" s="12"/>
    </row>
    <row r="124975" spans="8:8">
      <c r="H124975" s="12"/>
    </row>
    <row r="124976" spans="8:8">
      <c r="H124976" s="12"/>
    </row>
    <row r="124977" spans="8:8">
      <c r="H124977" s="12"/>
    </row>
    <row r="124978" spans="8:8">
      <c r="H124978" s="12"/>
    </row>
    <row r="124979" spans="8:8">
      <c r="H124979" s="12"/>
    </row>
    <row r="124980" spans="8:8">
      <c r="H124980" s="12"/>
    </row>
    <row r="124981" spans="8:8">
      <c r="H124981" s="12"/>
    </row>
    <row r="124982" spans="8:8">
      <c r="H124982" s="12"/>
    </row>
    <row r="124983" spans="8:8">
      <c r="H124983" s="12"/>
    </row>
    <row r="124984" spans="8:8">
      <c r="H124984" s="12"/>
    </row>
    <row r="124985" spans="8:8">
      <c r="H124985" s="12"/>
    </row>
    <row r="124986" spans="8:8">
      <c r="H124986" s="12"/>
    </row>
    <row r="124987" spans="8:8">
      <c r="H124987" s="12"/>
    </row>
    <row r="124988" spans="8:8">
      <c r="H124988" s="12"/>
    </row>
    <row r="124989" spans="8:8">
      <c r="H124989" s="12"/>
    </row>
    <row r="124990" spans="8:8">
      <c r="H124990" s="12"/>
    </row>
    <row r="124991" spans="8:8">
      <c r="H124991" s="12"/>
    </row>
    <row r="124992" spans="8:8">
      <c r="H124992" s="12"/>
    </row>
    <row r="124993" spans="8:8">
      <c r="H124993" s="12"/>
    </row>
    <row r="124994" spans="8:8">
      <c r="H124994" s="12"/>
    </row>
    <row r="124995" spans="8:8">
      <c r="H124995" s="12"/>
    </row>
    <row r="124996" spans="8:8">
      <c r="H124996" s="12"/>
    </row>
    <row r="124997" spans="8:8">
      <c r="H124997" s="12"/>
    </row>
    <row r="124998" spans="8:8">
      <c r="H124998" s="12"/>
    </row>
    <row r="124999" spans="8:8">
      <c r="H124999" s="12"/>
    </row>
    <row r="125000" spans="8:8">
      <c r="H125000" s="12"/>
    </row>
    <row r="125001" spans="8:8">
      <c r="H125001" s="12"/>
    </row>
    <row r="125002" spans="8:8">
      <c r="H125002" s="12"/>
    </row>
    <row r="125003" spans="8:8">
      <c r="H125003" s="12"/>
    </row>
    <row r="125004" spans="8:8">
      <c r="H125004" s="12"/>
    </row>
    <row r="125005" spans="8:8">
      <c r="H125005" s="12"/>
    </row>
    <row r="125006" spans="8:8">
      <c r="H125006" s="12"/>
    </row>
    <row r="125007" spans="8:8">
      <c r="H125007" s="12"/>
    </row>
    <row r="125008" spans="8:8">
      <c r="H125008" s="12"/>
    </row>
    <row r="125009" spans="8:8">
      <c r="H125009" s="12"/>
    </row>
    <row r="125010" spans="8:8">
      <c r="H125010" s="12"/>
    </row>
    <row r="125011" spans="8:8">
      <c r="H125011" s="12"/>
    </row>
    <row r="125012" spans="8:8">
      <c r="H125012" s="12"/>
    </row>
    <row r="125013" spans="8:8">
      <c r="H125013" s="12"/>
    </row>
    <row r="125014" spans="8:8">
      <c r="H125014" s="12"/>
    </row>
    <row r="125015" spans="8:8">
      <c r="H125015" s="12"/>
    </row>
    <row r="125016" spans="8:8">
      <c r="H125016" s="12"/>
    </row>
    <row r="125017" spans="8:8">
      <c r="H125017" s="12"/>
    </row>
    <row r="125018" spans="8:8">
      <c r="H125018" s="12"/>
    </row>
    <row r="125019" spans="8:8">
      <c r="H125019" s="12"/>
    </row>
    <row r="125020" spans="8:8">
      <c r="H125020" s="12"/>
    </row>
    <row r="125021" spans="8:8">
      <c r="H125021" s="12"/>
    </row>
    <row r="125022" spans="8:8">
      <c r="H125022" s="12"/>
    </row>
    <row r="125023" spans="8:8">
      <c r="H125023" s="12"/>
    </row>
    <row r="125024" spans="8:8">
      <c r="H125024" s="12"/>
    </row>
    <row r="125025" spans="8:8">
      <c r="H125025" s="12"/>
    </row>
    <row r="125026" spans="8:8">
      <c r="H125026" s="12"/>
    </row>
    <row r="125027" spans="8:8">
      <c r="H125027" s="12"/>
    </row>
    <row r="125028" spans="8:8">
      <c r="H125028" s="12"/>
    </row>
    <row r="125029" spans="8:8">
      <c r="H125029" s="12"/>
    </row>
    <row r="125030" spans="8:8">
      <c r="H125030" s="12"/>
    </row>
    <row r="125031" spans="8:8">
      <c r="H125031" s="12"/>
    </row>
    <row r="125032" spans="8:8">
      <c r="H125032" s="12"/>
    </row>
    <row r="125033" spans="8:8">
      <c r="H125033" s="12"/>
    </row>
    <row r="125034" spans="8:8">
      <c r="H125034" s="12"/>
    </row>
    <row r="125035" spans="8:8">
      <c r="H125035" s="12"/>
    </row>
    <row r="125036" spans="8:8">
      <c r="H125036" s="12"/>
    </row>
    <row r="125037" spans="8:8">
      <c r="H125037" s="12"/>
    </row>
    <row r="125038" spans="8:8">
      <c r="H125038" s="12"/>
    </row>
    <row r="125039" spans="8:8">
      <c r="H125039" s="12"/>
    </row>
    <row r="125040" spans="8:8">
      <c r="H125040" s="12"/>
    </row>
    <row r="125041" spans="8:8">
      <c r="H125041" s="12"/>
    </row>
    <row r="125042" spans="8:8">
      <c r="H125042" s="12"/>
    </row>
    <row r="125043" spans="8:8">
      <c r="H125043" s="12"/>
    </row>
    <row r="125044" spans="8:8">
      <c r="H125044" s="12"/>
    </row>
    <row r="125045" spans="8:8">
      <c r="H125045" s="12"/>
    </row>
    <row r="125046" spans="8:8">
      <c r="H125046" s="12"/>
    </row>
    <row r="125047" spans="8:8">
      <c r="H125047" s="12"/>
    </row>
    <row r="125048" spans="8:8">
      <c r="H125048" s="12"/>
    </row>
    <row r="125049" spans="8:8">
      <c r="H125049" s="12"/>
    </row>
    <row r="125050" spans="8:8">
      <c r="H125050" s="12"/>
    </row>
    <row r="125051" spans="8:8">
      <c r="H125051" s="12"/>
    </row>
    <row r="125052" spans="8:8">
      <c r="H125052" s="12"/>
    </row>
    <row r="125053" spans="8:8">
      <c r="H125053" s="12"/>
    </row>
    <row r="125054" spans="8:8">
      <c r="H125054" s="12"/>
    </row>
    <row r="125055" spans="8:8">
      <c r="H125055" s="12"/>
    </row>
    <row r="125056" spans="8:8">
      <c r="H125056" s="12"/>
    </row>
    <row r="125057" spans="8:8">
      <c r="H125057" s="12"/>
    </row>
    <row r="125058" spans="8:8">
      <c r="H125058" s="12"/>
    </row>
    <row r="125059" spans="8:8">
      <c r="H125059" s="12"/>
    </row>
    <row r="125060" spans="8:8">
      <c r="H125060" s="12"/>
    </row>
    <row r="125061" spans="8:8">
      <c r="H125061" s="12"/>
    </row>
    <row r="125062" spans="8:8">
      <c r="H125062" s="12"/>
    </row>
    <row r="125063" spans="8:8">
      <c r="H125063" s="12"/>
    </row>
    <row r="125064" spans="8:8">
      <c r="H125064" s="12"/>
    </row>
    <row r="125065" spans="8:8">
      <c r="H125065" s="12"/>
    </row>
    <row r="125066" spans="8:8">
      <c r="H125066" s="12"/>
    </row>
    <row r="125067" spans="8:8">
      <c r="H125067" s="12"/>
    </row>
    <row r="125068" spans="8:8">
      <c r="H125068" s="12"/>
    </row>
    <row r="125069" spans="8:8">
      <c r="H125069" s="12"/>
    </row>
    <row r="125070" spans="8:8">
      <c r="H125070" s="12"/>
    </row>
    <row r="125071" spans="8:8">
      <c r="H125071" s="12"/>
    </row>
    <row r="125072" spans="8:8">
      <c r="H125072" s="12"/>
    </row>
    <row r="125073" spans="8:8">
      <c r="H125073" s="12"/>
    </row>
    <row r="125074" spans="8:8">
      <c r="H125074" s="12"/>
    </row>
    <row r="125075" spans="8:8">
      <c r="H125075" s="12"/>
    </row>
    <row r="125076" spans="8:8">
      <c r="H125076" s="12"/>
    </row>
    <row r="125077" spans="8:8">
      <c r="H125077" s="12"/>
    </row>
    <row r="125078" spans="8:8">
      <c r="H125078" s="12"/>
    </row>
    <row r="125079" spans="8:8">
      <c r="H125079" s="12"/>
    </row>
    <row r="125080" spans="8:8">
      <c r="H125080" s="12"/>
    </row>
    <row r="125081" spans="8:8">
      <c r="H125081" s="12"/>
    </row>
    <row r="125082" spans="8:8">
      <c r="H125082" s="12"/>
    </row>
    <row r="125083" spans="8:8">
      <c r="H125083" s="12"/>
    </row>
    <row r="125084" spans="8:8">
      <c r="H125084" s="12"/>
    </row>
    <row r="125085" spans="8:8">
      <c r="H125085" s="12"/>
    </row>
    <row r="125086" spans="8:8">
      <c r="H125086" s="12"/>
    </row>
    <row r="125087" spans="8:8">
      <c r="H125087" s="12"/>
    </row>
    <row r="125088" spans="8:8">
      <c r="H125088" s="12"/>
    </row>
    <row r="125089" spans="8:8">
      <c r="H125089" s="12"/>
    </row>
    <row r="125090" spans="8:8">
      <c r="H125090" s="12"/>
    </row>
    <row r="125091" spans="8:8">
      <c r="H125091" s="12"/>
    </row>
    <row r="125092" spans="8:8">
      <c r="H125092" s="12"/>
    </row>
    <row r="125093" spans="8:8">
      <c r="H125093" s="12"/>
    </row>
    <row r="125094" spans="8:8">
      <c r="H125094" s="12"/>
    </row>
    <row r="125095" spans="8:8">
      <c r="H125095" s="12"/>
    </row>
    <row r="125096" spans="8:8">
      <c r="H125096" s="12"/>
    </row>
    <row r="125097" spans="8:8">
      <c r="H125097" s="12"/>
    </row>
    <row r="125098" spans="8:8">
      <c r="H125098" s="12"/>
    </row>
    <row r="125099" spans="8:8">
      <c r="H125099" s="12"/>
    </row>
    <row r="125100" spans="8:8">
      <c r="H125100" s="12"/>
    </row>
    <row r="125101" spans="8:8">
      <c r="H125101" s="12"/>
    </row>
    <row r="125102" spans="8:8">
      <c r="H125102" s="12"/>
    </row>
    <row r="125103" spans="8:8">
      <c r="H125103" s="12"/>
    </row>
    <row r="125104" spans="8:8">
      <c r="H125104" s="12"/>
    </row>
    <row r="125105" spans="8:8">
      <c r="H125105" s="12"/>
    </row>
    <row r="125106" spans="8:8">
      <c r="H125106" s="12"/>
    </row>
    <row r="125107" spans="8:8">
      <c r="H125107" s="12"/>
    </row>
    <row r="125108" spans="8:8">
      <c r="H125108" s="12"/>
    </row>
    <row r="125109" spans="8:8">
      <c r="H125109" s="12"/>
    </row>
    <row r="125110" spans="8:8">
      <c r="H125110" s="12"/>
    </row>
    <row r="125111" spans="8:8">
      <c r="H125111" s="12"/>
    </row>
    <row r="125112" spans="8:8">
      <c r="H125112" s="12"/>
    </row>
    <row r="125113" spans="8:8">
      <c r="H125113" s="12"/>
    </row>
    <row r="125114" spans="8:8">
      <c r="H125114" s="12"/>
    </row>
    <row r="125115" spans="8:8">
      <c r="H125115" s="12"/>
    </row>
    <row r="125116" spans="8:8">
      <c r="H125116" s="12"/>
    </row>
    <row r="125117" spans="8:8">
      <c r="H125117" s="12"/>
    </row>
    <row r="125118" spans="8:8">
      <c r="H125118" s="12"/>
    </row>
    <row r="125119" spans="8:8">
      <c r="H125119" s="12"/>
    </row>
    <row r="125120" spans="8:8">
      <c r="H125120" s="12"/>
    </row>
    <row r="125121" spans="8:8">
      <c r="H125121" s="12"/>
    </row>
    <row r="125122" spans="8:8">
      <c r="H125122" s="12"/>
    </row>
    <row r="125123" spans="8:8">
      <c r="H125123" s="12"/>
    </row>
    <row r="125124" spans="8:8">
      <c r="H125124" s="12"/>
    </row>
    <row r="125125" spans="8:8">
      <c r="H125125" s="12"/>
    </row>
    <row r="125126" spans="8:8">
      <c r="H125126" s="12"/>
    </row>
    <row r="125127" spans="8:8">
      <c r="H125127" s="12"/>
    </row>
    <row r="125128" spans="8:8">
      <c r="H125128" s="12"/>
    </row>
    <row r="125129" spans="8:8">
      <c r="H125129" s="12"/>
    </row>
    <row r="125130" spans="8:8">
      <c r="H125130" s="12"/>
    </row>
    <row r="125131" spans="8:8">
      <c r="H125131" s="12"/>
    </row>
    <row r="125132" spans="8:8">
      <c r="H125132" s="12"/>
    </row>
    <row r="125133" spans="8:8">
      <c r="H125133" s="12"/>
    </row>
    <row r="125134" spans="8:8">
      <c r="H125134" s="12"/>
    </row>
    <row r="125135" spans="8:8">
      <c r="H125135" s="12"/>
    </row>
    <row r="125136" spans="8:8">
      <c r="H125136" s="12"/>
    </row>
    <row r="125137" spans="8:8">
      <c r="H125137" s="12"/>
    </row>
    <row r="125138" spans="8:8">
      <c r="H125138" s="12"/>
    </row>
    <row r="125139" spans="8:8">
      <c r="H125139" s="12"/>
    </row>
    <row r="125140" spans="8:8">
      <c r="H125140" s="12"/>
    </row>
    <row r="125141" spans="8:8">
      <c r="H125141" s="12"/>
    </row>
    <row r="125142" spans="8:8">
      <c r="H125142" s="12"/>
    </row>
    <row r="125143" spans="8:8">
      <c r="H125143" s="12"/>
    </row>
    <row r="125144" spans="8:8">
      <c r="H125144" s="12"/>
    </row>
    <row r="125145" spans="8:8">
      <c r="H125145" s="12"/>
    </row>
    <row r="125146" spans="8:8">
      <c r="H125146" s="12"/>
    </row>
    <row r="125147" spans="8:8">
      <c r="H125147" s="12"/>
    </row>
    <row r="125148" spans="8:8">
      <c r="H125148" s="12"/>
    </row>
    <row r="125149" spans="8:8">
      <c r="H125149" s="12"/>
    </row>
    <row r="125150" spans="8:8">
      <c r="H125150" s="12"/>
    </row>
    <row r="125151" spans="8:8">
      <c r="H125151" s="12"/>
    </row>
    <row r="125152" spans="8:8">
      <c r="H125152" s="12"/>
    </row>
    <row r="125153" spans="8:8">
      <c r="H125153" s="12"/>
    </row>
    <row r="125154" spans="8:8">
      <c r="H125154" s="12"/>
    </row>
    <row r="125155" spans="8:8">
      <c r="H125155" s="12"/>
    </row>
    <row r="125156" spans="8:8">
      <c r="H125156" s="12"/>
    </row>
    <row r="125157" spans="8:8">
      <c r="H125157" s="12"/>
    </row>
    <row r="125158" spans="8:8">
      <c r="H125158" s="12"/>
    </row>
    <row r="125159" spans="8:8">
      <c r="H125159" s="12"/>
    </row>
    <row r="125160" spans="8:8">
      <c r="H125160" s="12"/>
    </row>
    <row r="125161" spans="8:8">
      <c r="H125161" s="12"/>
    </row>
    <row r="125162" spans="8:8">
      <c r="H125162" s="12"/>
    </row>
    <row r="125163" spans="8:8">
      <c r="H125163" s="12"/>
    </row>
    <row r="125164" spans="8:8">
      <c r="H125164" s="12"/>
    </row>
    <row r="125165" spans="8:8">
      <c r="H125165" s="12"/>
    </row>
    <row r="125166" spans="8:8">
      <c r="H125166" s="12"/>
    </row>
    <row r="125167" spans="8:8">
      <c r="H125167" s="12"/>
    </row>
    <row r="125168" spans="8:8">
      <c r="H125168" s="12"/>
    </row>
    <row r="125169" spans="8:8">
      <c r="H125169" s="12"/>
    </row>
    <row r="125170" spans="8:8">
      <c r="H125170" s="12"/>
    </row>
    <row r="125171" spans="8:8">
      <c r="H125171" s="12"/>
    </row>
    <row r="125172" spans="8:8">
      <c r="H125172" s="12"/>
    </row>
    <row r="125173" spans="8:8">
      <c r="H125173" s="12"/>
    </row>
    <row r="125174" spans="8:8">
      <c r="H125174" s="12"/>
    </row>
    <row r="125175" spans="8:8">
      <c r="H125175" s="12"/>
    </row>
    <row r="125176" spans="8:8">
      <c r="H125176" s="12"/>
    </row>
    <row r="125177" spans="8:8">
      <c r="H125177" s="12"/>
    </row>
    <row r="125178" spans="8:8">
      <c r="H125178" s="12"/>
    </row>
    <row r="125179" spans="8:8">
      <c r="H125179" s="12"/>
    </row>
    <row r="125180" spans="8:8">
      <c r="H125180" s="12"/>
    </row>
    <row r="125181" spans="8:8">
      <c r="H125181" s="12"/>
    </row>
    <row r="125182" spans="8:8">
      <c r="H125182" s="12"/>
    </row>
    <row r="125183" spans="8:8">
      <c r="H125183" s="12"/>
    </row>
    <row r="125184" spans="8:8">
      <c r="H125184" s="12"/>
    </row>
    <row r="125185" spans="8:8">
      <c r="H125185" s="12"/>
    </row>
    <row r="125186" spans="8:8">
      <c r="H125186" s="12"/>
    </row>
    <row r="125187" spans="8:8">
      <c r="H125187" s="12"/>
    </row>
    <row r="125188" spans="8:8">
      <c r="H125188" s="12"/>
    </row>
    <row r="125189" spans="8:8">
      <c r="H125189" s="12"/>
    </row>
    <row r="125190" spans="8:8">
      <c r="H125190" s="12"/>
    </row>
    <row r="125191" spans="8:8">
      <c r="H125191" s="12"/>
    </row>
    <row r="125192" spans="8:8">
      <c r="H125192" s="12"/>
    </row>
    <row r="125193" spans="8:8">
      <c r="H125193" s="12"/>
    </row>
    <row r="125194" spans="8:8">
      <c r="H125194" s="12"/>
    </row>
    <row r="125195" spans="8:8">
      <c r="H125195" s="12"/>
    </row>
    <row r="125196" spans="8:8">
      <c r="H125196" s="12"/>
    </row>
    <row r="125197" spans="8:8">
      <c r="H125197" s="12"/>
    </row>
    <row r="125198" spans="8:8">
      <c r="H125198" s="12"/>
    </row>
    <row r="125199" spans="8:8">
      <c r="H125199" s="12"/>
    </row>
    <row r="125200" spans="8:8">
      <c r="H125200" s="12"/>
    </row>
    <row r="125201" spans="8:8">
      <c r="H125201" s="12"/>
    </row>
    <row r="125202" spans="8:8">
      <c r="H125202" s="12"/>
    </row>
    <row r="125203" spans="8:8">
      <c r="H125203" s="12"/>
    </row>
    <row r="125204" spans="8:8">
      <c r="H125204" s="12"/>
    </row>
    <row r="125205" spans="8:8">
      <c r="H125205" s="12"/>
    </row>
    <row r="125206" spans="8:8">
      <c r="H125206" s="12"/>
    </row>
    <row r="125207" spans="8:8">
      <c r="H125207" s="12"/>
    </row>
    <row r="125208" spans="8:8">
      <c r="H125208" s="12"/>
    </row>
    <row r="125209" spans="8:8">
      <c r="H125209" s="12"/>
    </row>
    <row r="125210" spans="8:8">
      <c r="H125210" s="12"/>
    </row>
    <row r="125211" spans="8:8">
      <c r="H125211" s="12"/>
    </row>
    <row r="125212" spans="8:8">
      <c r="H125212" s="12"/>
    </row>
    <row r="125213" spans="8:8">
      <c r="H125213" s="12"/>
    </row>
    <row r="125214" spans="8:8">
      <c r="H125214" s="12"/>
    </row>
    <row r="125215" spans="8:8">
      <c r="H125215" s="12"/>
    </row>
    <row r="125216" spans="8:8">
      <c r="H125216" s="12"/>
    </row>
    <row r="125217" spans="8:8">
      <c r="H125217" s="12"/>
    </row>
    <row r="125218" spans="8:8">
      <c r="H125218" s="12"/>
    </row>
    <row r="125219" spans="8:8">
      <c r="H125219" s="12"/>
    </row>
    <row r="125220" spans="8:8">
      <c r="H125220" s="12"/>
    </row>
    <row r="125221" spans="8:8">
      <c r="H125221" s="12"/>
    </row>
    <row r="125222" spans="8:8">
      <c r="H125222" s="12"/>
    </row>
    <row r="125223" spans="8:8">
      <c r="H125223" s="12"/>
    </row>
    <row r="125224" spans="8:8">
      <c r="H125224" s="12"/>
    </row>
    <row r="125225" spans="8:8">
      <c r="H125225" s="12"/>
    </row>
    <row r="125226" spans="8:8">
      <c r="H125226" s="12"/>
    </row>
    <row r="125227" spans="8:8">
      <c r="H125227" s="12"/>
    </row>
    <row r="125228" spans="8:8">
      <c r="H125228" s="12"/>
    </row>
    <row r="125229" spans="8:8">
      <c r="H125229" s="12"/>
    </row>
    <row r="125230" spans="8:8">
      <c r="H125230" s="12"/>
    </row>
    <row r="125231" spans="8:8">
      <c r="H125231" s="12"/>
    </row>
    <row r="125232" spans="8:8">
      <c r="H125232" s="12"/>
    </row>
    <row r="125233" spans="8:8">
      <c r="H125233" s="12"/>
    </row>
    <row r="125234" spans="8:8">
      <c r="H125234" s="12"/>
    </row>
    <row r="125235" spans="8:8">
      <c r="H125235" s="12"/>
    </row>
    <row r="125236" spans="8:8">
      <c r="H125236" s="12"/>
    </row>
    <row r="125237" spans="8:8">
      <c r="H125237" s="12"/>
    </row>
    <row r="125238" spans="8:8">
      <c r="H125238" s="12"/>
    </row>
    <row r="125239" spans="8:8">
      <c r="H125239" s="12"/>
    </row>
    <row r="125240" spans="8:8">
      <c r="H125240" s="12"/>
    </row>
    <row r="125241" spans="8:8">
      <c r="H125241" s="12"/>
    </row>
    <row r="125242" spans="8:8">
      <c r="H125242" s="12"/>
    </row>
    <row r="125243" spans="8:8">
      <c r="H125243" s="12"/>
    </row>
    <row r="125244" spans="8:8">
      <c r="H125244" s="12"/>
    </row>
    <row r="125245" spans="8:8">
      <c r="H125245" s="12"/>
    </row>
    <row r="125246" spans="8:8">
      <c r="H125246" s="12"/>
    </row>
    <row r="125247" spans="8:8">
      <c r="H125247" s="12"/>
    </row>
    <row r="125248" spans="8:8">
      <c r="H125248" s="12"/>
    </row>
    <row r="125249" spans="8:8">
      <c r="H125249" s="12"/>
    </row>
    <row r="125250" spans="8:8">
      <c r="H125250" s="12"/>
    </row>
    <row r="125251" spans="8:8">
      <c r="H125251" s="12"/>
    </row>
    <row r="125252" spans="8:8">
      <c r="H125252" s="12"/>
    </row>
    <row r="125253" spans="8:8">
      <c r="H125253" s="12"/>
    </row>
    <row r="125254" spans="8:8">
      <c r="H125254" s="12"/>
    </row>
    <row r="125255" spans="8:8">
      <c r="H125255" s="12"/>
    </row>
    <row r="125256" spans="8:8">
      <c r="H125256" s="12"/>
    </row>
    <row r="125257" spans="8:8">
      <c r="H125257" s="12"/>
    </row>
    <row r="125258" spans="8:8">
      <c r="H125258" s="12"/>
    </row>
    <row r="125259" spans="8:8">
      <c r="H125259" s="12"/>
    </row>
    <row r="125260" spans="8:8">
      <c r="H125260" s="12"/>
    </row>
    <row r="125261" spans="8:8">
      <c r="H125261" s="12"/>
    </row>
    <row r="125262" spans="8:8">
      <c r="H125262" s="12"/>
    </row>
    <row r="125263" spans="8:8">
      <c r="H125263" s="12"/>
    </row>
    <row r="125264" spans="8:8">
      <c r="H125264" s="12"/>
    </row>
    <row r="125265" spans="8:8">
      <c r="H125265" s="12"/>
    </row>
    <row r="125266" spans="8:8">
      <c r="H125266" s="12"/>
    </row>
    <row r="125267" spans="8:8">
      <c r="H125267" s="12"/>
    </row>
    <row r="125268" spans="8:8">
      <c r="H125268" s="12"/>
    </row>
    <row r="125269" spans="8:8">
      <c r="H125269" s="12"/>
    </row>
    <row r="125270" spans="8:8">
      <c r="H125270" s="12"/>
    </row>
    <row r="125271" spans="8:8">
      <c r="H125271" s="12"/>
    </row>
    <row r="125272" spans="8:8">
      <c r="H125272" s="12"/>
    </row>
    <row r="125273" spans="8:8">
      <c r="H125273" s="12"/>
    </row>
    <row r="125274" spans="8:8">
      <c r="H125274" s="12"/>
    </row>
    <row r="125275" spans="8:8">
      <c r="H125275" s="12"/>
    </row>
    <row r="125276" spans="8:8">
      <c r="H125276" s="12"/>
    </row>
    <row r="125277" spans="8:8">
      <c r="H125277" s="12"/>
    </row>
    <row r="125278" spans="8:8">
      <c r="H125278" s="12"/>
    </row>
    <row r="125279" spans="8:8">
      <c r="H125279" s="12"/>
    </row>
    <row r="125280" spans="8:8">
      <c r="H125280" s="12"/>
    </row>
    <row r="125281" spans="8:8">
      <c r="H125281" s="12"/>
    </row>
    <row r="125282" spans="8:8">
      <c r="H125282" s="12"/>
    </row>
    <row r="125283" spans="8:8">
      <c r="H125283" s="12"/>
    </row>
    <row r="125284" spans="8:8">
      <c r="H125284" s="12"/>
    </row>
    <row r="125285" spans="8:8">
      <c r="H125285" s="12"/>
    </row>
    <row r="125286" spans="8:8">
      <c r="H125286" s="12"/>
    </row>
    <row r="125287" spans="8:8">
      <c r="H125287" s="12"/>
    </row>
    <row r="125288" spans="8:8">
      <c r="H125288" s="12"/>
    </row>
    <row r="125289" spans="8:8">
      <c r="H125289" s="12"/>
    </row>
    <row r="125290" spans="8:8">
      <c r="H125290" s="12"/>
    </row>
    <row r="125291" spans="8:8">
      <c r="H125291" s="12"/>
    </row>
    <row r="125292" spans="8:8">
      <c r="H125292" s="12"/>
    </row>
    <row r="125293" spans="8:8">
      <c r="H125293" s="12"/>
    </row>
    <row r="125294" spans="8:8">
      <c r="H125294" s="12"/>
    </row>
    <row r="125295" spans="8:8">
      <c r="H125295" s="12"/>
    </row>
    <row r="125296" spans="8:8">
      <c r="H125296" s="12"/>
    </row>
    <row r="125297" spans="8:8">
      <c r="H125297" s="12"/>
    </row>
    <row r="125298" spans="8:8">
      <c r="H125298" s="12"/>
    </row>
    <row r="125299" spans="8:8">
      <c r="H125299" s="12"/>
    </row>
    <row r="125300" spans="8:8">
      <c r="H125300" s="12"/>
    </row>
    <row r="125301" spans="8:8">
      <c r="H125301" s="12"/>
    </row>
    <row r="125302" spans="8:8">
      <c r="H125302" s="12"/>
    </row>
    <row r="125303" spans="8:8">
      <c r="H125303" s="12"/>
    </row>
    <row r="125304" spans="8:8">
      <c r="H125304" s="12"/>
    </row>
    <row r="125305" spans="8:8">
      <c r="H125305" s="12"/>
    </row>
    <row r="125306" spans="8:8">
      <c r="H125306" s="12"/>
    </row>
    <row r="125307" spans="8:8">
      <c r="H125307" s="12"/>
    </row>
    <row r="125308" spans="8:8">
      <c r="H125308" s="12"/>
    </row>
    <row r="125309" spans="8:8">
      <c r="H125309" s="12"/>
    </row>
    <row r="125310" spans="8:8">
      <c r="H125310" s="12"/>
    </row>
    <row r="125311" spans="8:8">
      <c r="H125311" s="12"/>
    </row>
    <row r="125312" spans="8:8">
      <c r="H125312" s="12"/>
    </row>
    <row r="125313" spans="8:8">
      <c r="H125313" s="12"/>
    </row>
    <row r="125314" spans="8:8">
      <c r="H125314" s="12"/>
    </row>
    <row r="125315" spans="8:8">
      <c r="H125315" s="12"/>
    </row>
    <row r="125316" spans="8:8">
      <c r="H125316" s="12"/>
    </row>
    <row r="125317" spans="8:8">
      <c r="H125317" s="12"/>
    </row>
    <row r="125318" spans="8:8">
      <c r="H125318" s="12"/>
    </row>
    <row r="125319" spans="8:8">
      <c r="H125319" s="12"/>
    </row>
    <row r="125320" spans="8:8">
      <c r="H125320" s="12"/>
    </row>
    <row r="125321" spans="8:8">
      <c r="H125321" s="12"/>
    </row>
    <row r="125322" spans="8:8">
      <c r="H125322" s="12"/>
    </row>
    <row r="125323" spans="8:8">
      <c r="H125323" s="12"/>
    </row>
    <row r="125324" spans="8:8">
      <c r="H125324" s="12"/>
    </row>
    <row r="125325" spans="8:8">
      <c r="H125325" s="12"/>
    </row>
    <row r="125326" spans="8:8">
      <c r="H125326" s="12"/>
    </row>
    <row r="125327" spans="8:8">
      <c r="H125327" s="12"/>
    </row>
    <row r="125328" spans="8:8">
      <c r="H125328" s="12"/>
    </row>
    <row r="125329" spans="8:8">
      <c r="H125329" s="12"/>
    </row>
    <row r="125330" spans="8:8">
      <c r="H125330" s="12"/>
    </row>
    <row r="125331" spans="8:8">
      <c r="H125331" s="12"/>
    </row>
    <row r="125332" spans="8:8">
      <c r="H125332" s="12"/>
    </row>
    <row r="125333" spans="8:8">
      <c r="H125333" s="12"/>
    </row>
    <row r="125334" spans="8:8">
      <c r="H125334" s="12"/>
    </row>
    <row r="125335" spans="8:8">
      <c r="H125335" s="12"/>
    </row>
    <row r="125336" spans="8:8">
      <c r="H125336" s="12"/>
    </row>
    <row r="125337" spans="8:8">
      <c r="H125337" s="12"/>
    </row>
    <row r="125338" spans="8:8">
      <c r="H125338" s="12"/>
    </row>
    <row r="125339" spans="8:8">
      <c r="H125339" s="12"/>
    </row>
    <row r="125340" spans="8:8">
      <c r="H125340" s="12"/>
    </row>
    <row r="125341" spans="8:8">
      <c r="H125341" s="12"/>
    </row>
    <row r="125342" spans="8:8">
      <c r="H125342" s="12"/>
    </row>
    <row r="125343" spans="8:8">
      <c r="H125343" s="12"/>
    </row>
    <row r="125344" spans="8:8">
      <c r="H125344" s="12"/>
    </row>
    <row r="125345" spans="8:8">
      <c r="H125345" s="12"/>
    </row>
    <row r="125346" spans="8:8">
      <c r="H125346" s="12"/>
    </row>
    <row r="125347" spans="8:8">
      <c r="H125347" s="12"/>
    </row>
    <row r="125348" spans="8:8">
      <c r="H125348" s="12"/>
    </row>
    <row r="125349" spans="8:8">
      <c r="H125349" s="12"/>
    </row>
    <row r="125350" spans="8:8">
      <c r="H125350" s="12"/>
    </row>
    <row r="125351" spans="8:8">
      <c r="H125351" s="12"/>
    </row>
    <row r="125352" spans="8:8">
      <c r="H125352" s="12"/>
    </row>
    <row r="125353" spans="8:8">
      <c r="H125353" s="12"/>
    </row>
    <row r="125354" spans="8:8">
      <c r="H125354" s="12"/>
    </row>
    <row r="125355" spans="8:8">
      <c r="H125355" s="12"/>
    </row>
    <row r="125356" spans="8:8">
      <c r="H125356" s="12"/>
    </row>
    <row r="125357" spans="8:8">
      <c r="H125357" s="12"/>
    </row>
    <row r="125358" spans="8:8">
      <c r="H125358" s="12"/>
    </row>
    <row r="125359" spans="8:8">
      <c r="H125359" s="12"/>
    </row>
    <row r="125360" spans="8:8">
      <c r="H125360" s="12"/>
    </row>
    <row r="125361" spans="8:8">
      <c r="H125361" s="12"/>
    </row>
    <row r="125362" spans="8:8">
      <c r="H125362" s="12"/>
    </row>
    <row r="125363" spans="8:8">
      <c r="H125363" s="12"/>
    </row>
    <row r="125364" spans="8:8">
      <c r="H125364" s="12"/>
    </row>
    <row r="125365" spans="8:8">
      <c r="H125365" s="12"/>
    </row>
    <row r="125366" spans="8:8">
      <c r="H125366" s="12"/>
    </row>
    <row r="125367" spans="8:8">
      <c r="H125367" s="12"/>
    </row>
    <row r="125368" spans="8:8">
      <c r="H125368" s="12"/>
    </row>
    <row r="125369" spans="8:8">
      <c r="H125369" s="12"/>
    </row>
    <row r="125370" spans="8:8">
      <c r="H125370" s="12"/>
    </row>
    <row r="125371" spans="8:8">
      <c r="H125371" s="12"/>
    </row>
    <row r="125372" spans="8:8">
      <c r="H125372" s="12"/>
    </row>
    <row r="125373" spans="8:8">
      <c r="H125373" s="12"/>
    </row>
    <row r="125374" spans="8:8">
      <c r="H125374" s="12"/>
    </row>
    <row r="125375" spans="8:8">
      <c r="H125375" s="12"/>
    </row>
    <row r="125376" spans="8:8">
      <c r="H125376" s="12"/>
    </row>
    <row r="125377" spans="8:8">
      <c r="H125377" s="12"/>
    </row>
    <row r="125378" spans="8:8">
      <c r="H125378" s="12"/>
    </row>
    <row r="125379" spans="8:8">
      <c r="H125379" s="12"/>
    </row>
    <row r="125380" spans="8:8">
      <c r="H125380" s="12"/>
    </row>
    <row r="125381" spans="8:8">
      <c r="H125381" s="12"/>
    </row>
    <row r="125382" spans="8:8">
      <c r="H125382" s="12"/>
    </row>
    <row r="125383" spans="8:8">
      <c r="H125383" s="12"/>
    </row>
    <row r="125384" spans="8:8">
      <c r="H125384" s="12"/>
    </row>
    <row r="125385" spans="8:8">
      <c r="H125385" s="12"/>
    </row>
    <row r="125386" spans="8:8">
      <c r="H125386" s="12"/>
    </row>
    <row r="125387" spans="8:8">
      <c r="H125387" s="12"/>
    </row>
    <row r="125388" spans="8:8">
      <c r="H125388" s="12"/>
    </row>
    <row r="125389" spans="8:8">
      <c r="H125389" s="12"/>
    </row>
    <row r="125390" spans="8:8">
      <c r="H125390" s="12"/>
    </row>
    <row r="125391" spans="8:8">
      <c r="H125391" s="12"/>
    </row>
    <row r="125392" spans="8:8">
      <c r="H125392" s="12"/>
    </row>
    <row r="125393" spans="8:8">
      <c r="H125393" s="12"/>
    </row>
    <row r="125394" spans="8:8">
      <c r="H125394" s="12"/>
    </row>
    <row r="125395" spans="8:8">
      <c r="H125395" s="12"/>
    </row>
    <row r="125396" spans="8:8">
      <c r="H125396" s="12"/>
    </row>
    <row r="125397" spans="8:8">
      <c r="H125397" s="12"/>
    </row>
    <row r="125398" spans="8:8">
      <c r="H125398" s="12"/>
    </row>
    <row r="125399" spans="8:8">
      <c r="H125399" s="12"/>
    </row>
    <row r="125400" spans="8:8">
      <c r="H125400" s="12"/>
    </row>
    <row r="125401" spans="8:8">
      <c r="H125401" s="12"/>
    </row>
    <row r="125402" spans="8:8">
      <c r="H125402" s="12"/>
    </row>
    <row r="125403" spans="8:8">
      <c r="H125403" s="12"/>
    </row>
    <row r="125404" spans="8:8">
      <c r="H125404" s="12"/>
    </row>
    <row r="125405" spans="8:8">
      <c r="H125405" s="12"/>
    </row>
    <row r="125406" spans="8:8">
      <c r="H125406" s="12"/>
    </row>
    <row r="125407" spans="8:8">
      <c r="H125407" s="12"/>
    </row>
    <row r="125408" spans="8:8">
      <c r="H125408" s="12"/>
    </row>
    <row r="125409" spans="8:8">
      <c r="H125409" s="12"/>
    </row>
    <row r="125410" spans="8:8">
      <c r="H125410" s="12"/>
    </row>
    <row r="125411" spans="8:8">
      <c r="H125411" s="12"/>
    </row>
    <row r="125412" spans="8:8">
      <c r="H125412" s="12"/>
    </row>
    <row r="125413" spans="8:8">
      <c r="H125413" s="12"/>
    </row>
    <row r="125414" spans="8:8">
      <c r="H125414" s="12"/>
    </row>
    <row r="125415" spans="8:8">
      <c r="H125415" s="12"/>
    </row>
    <row r="125416" spans="8:8">
      <c r="H125416" s="12"/>
    </row>
    <row r="125417" spans="8:8">
      <c r="H125417" s="12"/>
    </row>
    <row r="125418" spans="8:8">
      <c r="H125418" s="12"/>
    </row>
    <row r="125419" spans="8:8">
      <c r="H125419" s="12"/>
    </row>
    <row r="125420" spans="8:8">
      <c r="H125420" s="12"/>
    </row>
    <row r="125421" spans="8:8">
      <c r="H125421" s="12"/>
    </row>
    <row r="125422" spans="8:8">
      <c r="H125422" s="12"/>
    </row>
    <row r="125423" spans="8:8">
      <c r="H125423" s="12"/>
    </row>
    <row r="125424" spans="8:8">
      <c r="H125424" s="12"/>
    </row>
    <row r="125425" spans="8:8">
      <c r="H125425" s="12"/>
    </row>
    <row r="125426" spans="8:8">
      <c r="H125426" s="12"/>
    </row>
    <row r="125427" spans="8:8">
      <c r="H125427" s="12"/>
    </row>
    <row r="125428" spans="8:8">
      <c r="H125428" s="12"/>
    </row>
    <row r="125429" spans="8:8">
      <c r="H125429" s="12"/>
    </row>
    <row r="125430" spans="8:8">
      <c r="H125430" s="12"/>
    </row>
    <row r="125431" spans="8:8">
      <c r="H125431" s="12"/>
    </row>
    <row r="125432" spans="8:8">
      <c r="H125432" s="12"/>
    </row>
    <row r="125433" spans="8:8">
      <c r="H125433" s="12"/>
    </row>
    <row r="125434" spans="8:8">
      <c r="H125434" s="12"/>
    </row>
    <row r="125435" spans="8:8">
      <c r="H125435" s="12"/>
    </row>
    <row r="125436" spans="8:8">
      <c r="H125436" s="12"/>
    </row>
    <row r="125437" spans="8:8">
      <c r="H125437" s="12"/>
    </row>
    <row r="125438" spans="8:8">
      <c r="H125438" s="12"/>
    </row>
    <row r="125439" spans="8:8">
      <c r="H125439" s="12"/>
    </row>
    <row r="125440" spans="8:8">
      <c r="H125440" s="12"/>
    </row>
    <row r="125441" spans="8:8">
      <c r="H125441" s="12"/>
    </row>
    <row r="125442" spans="8:8">
      <c r="H125442" s="12"/>
    </row>
    <row r="125443" spans="8:8">
      <c r="H125443" s="12"/>
    </row>
    <row r="125444" spans="8:8">
      <c r="H125444" s="12"/>
    </row>
    <row r="125445" spans="8:8">
      <c r="H125445" s="12"/>
    </row>
    <row r="125446" spans="8:8">
      <c r="H125446" s="12"/>
    </row>
    <row r="125447" spans="8:8">
      <c r="H125447" s="12"/>
    </row>
    <row r="125448" spans="8:8">
      <c r="H125448" s="12"/>
    </row>
    <row r="125449" spans="8:8">
      <c r="H125449" s="12"/>
    </row>
    <row r="125450" spans="8:8">
      <c r="H125450" s="12"/>
    </row>
    <row r="125451" spans="8:8">
      <c r="H125451" s="12"/>
    </row>
    <row r="125452" spans="8:8">
      <c r="H125452" s="12"/>
    </row>
    <row r="125453" spans="8:8">
      <c r="H125453" s="12"/>
    </row>
    <row r="125454" spans="8:8">
      <c r="H125454" s="12"/>
    </row>
    <row r="125455" spans="8:8">
      <c r="H125455" s="12"/>
    </row>
    <row r="125456" spans="8:8">
      <c r="H125456" s="12"/>
    </row>
    <row r="125457" spans="8:8">
      <c r="H125457" s="12"/>
    </row>
    <row r="125458" spans="8:8">
      <c r="H125458" s="12"/>
    </row>
    <row r="125459" spans="8:8">
      <c r="H125459" s="12"/>
    </row>
    <row r="125460" spans="8:8">
      <c r="H125460" s="12"/>
    </row>
    <row r="125461" spans="8:8">
      <c r="H125461" s="12"/>
    </row>
    <row r="125462" spans="8:8">
      <c r="H125462" s="12"/>
    </row>
    <row r="125463" spans="8:8">
      <c r="H125463" s="12"/>
    </row>
    <row r="125464" spans="8:8">
      <c r="H125464" s="12"/>
    </row>
    <row r="125465" spans="8:8">
      <c r="H125465" s="12"/>
    </row>
    <row r="125466" spans="8:8">
      <c r="H125466" s="12"/>
    </row>
    <row r="125467" spans="8:8">
      <c r="H125467" s="12"/>
    </row>
    <row r="125468" spans="8:8">
      <c r="H125468" s="12"/>
    </row>
    <row r="125469" spans="8:8">
      <c r="H125469" s="12"/>
    </row>
    <row r="125470" spans="8:8">
      <c r="H125470" s="12"/>
    </row>
    <row r="125471" spans="8:8">
      <c r="H125471" s="12"/>
    </row>
    <row r="125472" spans="8:8">
      <c r="H125472" s="12"/>
    </row>
    <row r="125473" spans="8:8">
      <c r="H125473" s="12"/>
    </row>
    <row r="125474" spans="8:8">
      <c r="H125474" s="12"/>
    </row>
    <row r="125475" spans="8:8">
      <c r="H125475" s="12"/>
    </row>
    <row r="125476" spans="8:8">
      <c r="H125476" s="12"/>
    </row>
    <row r="125477" spans="8:8">
      <c r="H125477" s="12"/>
    </row>
    <row r="125478" spans="8:8">
      <c r="H125478" s="12"/>
    </row>
    <row r="125479" spans="8:8">
      <c r="H125479" s="12"/>
    </row>
    <row r="125480" spans="8:8">
      <c r="H125480" s="12"/>
    </row>
    <row r="125481" spans="8:8">
      <c r="H125481" s="12"/>
    </row>
    <row r="125482" spans="8:8">
      <c r="H125482" s="12"/>
    </row>
    <row r="125483" spans="8:8">
      <c r="H125483" s="12"/>
    </row>
    <row r="125484" spans="8:8">
      <c r="H125484" s="12"/>
    </row>
    <row r="125485" spans="8:8">
      <c r="H125485" s="12"/>
    </row>
    <row r="125486" spans="8:8">
      <c r="H125486" s="12"/>
    </row>
    <row r="125487" spans="8:8">
      <c r="H125487" s="12"/>
    </row>
    <row r="125488" spans="8:8">
      <c r="H125488" s="12"/>
    </row>
    <row r="125489" spans="8:8">
      <c r="H125489" s="12"/>
    </row>
    <row r="125490" spans="8:8">
      <c r="H125490" s="12"/>
    </row>
    <row r="125491" spans="8:8">
      <c r="H125491" s="12"/>
    </row>
    <row r="125492" spans="8:8">
      <c r="H125492" s="12"/>
    </row>
    <row r="125493" spans="8:8">
      <c r="H125493" s="12"/>
    </row>
    <row r="125494" spans="8:8">
      <c r="H125494" s="12"/>
    </row>
    <row r="125495" spans="8:8">
      <c r="H125495" s="12"/>
    </row>
    <row r="125496" spans="8:8">
      <c r="H125496" s="12"/>
    </row>
    <row r="125497" spans="8:8">
      <c r="H125497" s="12"/>
    </row>
    <row r="125498" spans="8:8">
      <c r="H125498" s="12"/>
    </row>
    <row r="125499" spans="8:8">
      <c r="H125499" s="12"/>
    </row>
    <row r="125500" spans="8:8">
      <c r="H125500" s="12"/>
    </row>
    <row r="125501" spans="8:8">
      <c r="H125501" s="12"/>
    </row>
    <row r="125502" spans="8:8">
      <c r="H125502" s="12"/>
    </row>
    <row r="125503" spans="8:8">
      <c r="H125503" s="12"/>
    </row>
    <row r="125504" spans="8:8">
      <c r="H125504" s="12"/>
    </row>
    <row r="125505" spans="8:8">
      <c r="H125505" s="12"/>
    </row>
    <row r="125506" spans="8:8">
      <c r="H125506" s="12"/>
    </row>
    <row r="125507" spans="8:8">
      <c r="H125507" s="12"/>
    </row>
    <row r="125508" spans="8:8">
      <c r="H125508" s="12"/>
    </row>
    <row r="125509" spans="8:8">
      <c r="H125509" s="12"/>
    </row>
    <row r="125510" spans="8:8">
      <c r="H125510" s="12"/>
    </row>
    <row r="125511" spans="8:8">
      <c r="H125511" s="12"/>
    </row>
    <row r="125512" spans="8:8">
      <c r="H125512" s="12"/>
    </row>
    <row r="125513" spans="8:8">
      <c r="H125513" s="12"/>
    </row>
    <row r="125514" spans="8:8">
      <c r="H125514" s="12"/>
    </row>
    <row r="125515" spans="8:8">
      <c r="H125515" s="12"/>
    </row>
    <row r="125516" spans="8:8">
      <c r="H125516" s="12"/>
    </row>
    <row r="125517" spans="8:8">
      <c r="H125517" s="12"/>
    </row>
    <row r="125518" spans="8:8">
      <c r="H125518" s="12"/>
    </row>
    <row r="125519" spans="8:8">
      <c r="H125519" s="12"/>
    </row>
    <row r="125520" spans="8:8">
      <c r="H125520" s="12"/>
    </row>
    <row r="125521" spans="8:8">
      <c r="H125521" s="12"/>
    </row>
    <row r="125522" spans="8:8">
      <c r="H125522" s="12"/>
    </row>
    <row r="125523" spans="8:8">
      <c r="H125523" s="12"/>
    </row>
    <row r="125524" spans="8:8">
      <c r="H125524" s="12"/>
    </row>
    <row r="125525" spans="8:8">
      <c r="H125525" s="12"/>
    </row>
    <row r="125526" spans="8:8">
      <c r="H125526" s="12"/>
    </row>
    <row r="125527" spans="8:8">
      <c r="H125527" s="12"/>
    </row>
    <row r="125528" spans="8:8">
      <c r="H125528" s="12"/>
    </row>
    <row r="125529" spans="8:8">
      <c r="H125529" s="12"/>
    </row>
    <row r="125530" spans="8:8">
      <c r="H125530" s="12"/>
    </row>
    <row r="125531" spans="8:8">
      <c r="H125531" s="12"/>
    </row>
    <row r="125532" spans="8:8">
      <c r="H125532" s="12"/>
    </row>
    <row r="125533" spans="8:8">
      <c r="H125533" s="12"/>
    </row>
    <row r="125534" spans="8:8">
      <c r="H125534" s="12"/>
    </row>
    <row r="125535" spans="8:8">
      <c r="H125535" s="12"/>
    </row>
    <row r="125536" spans="8:8">
      <c r="H125536" s="12"/>
    </row>
    <row r="125537" spans="8:8">
      <c r="H125537" s="12"/>
    </row>
    <row r="125538" spans="8:8">
      <c r="H125538" s="12"/>
    </row>
    <row r="125539" spans="8:8">
      <c r="H125539" s="12"/>
    </row>
    <row r="125540" spans="8:8">
      <c r="H125540" s="12"/>
    </row>
    <row r="125541" spans="8:8">
      <c r="H125541" s="12"/>
    </row>
    <row r="125542" spans="8:8">
      <c r="H125542" s="12"/>
    </row>
    <row r="125543" spans="8:8">
      <c r="H125543" s="12"/>
    </row>
    <row r="125544" spans="8:8">
      <c r="H125544" s="12"/>
    </row>
    <row r="125545" spans="8:8">
      <c r="H125545" s="12"/>
    </row>
    <row r="125546" spans="8:8">
      <c r="H125546" s="12"/>
    </row>
    <row r="125547" spans="8:8">
      <c r="H125547" s="12"/>
    </row>
    <row r="125548" spans="8:8">
      <c r="H125548" s="12"/>
    </row>
    <row r="125549" spans="8:8">
      <c r="H125549" s="12"/>
    </row>
    <row r="125550" spans="8:8">
      <c r="H125550" s="12"/>
    </row>
    <row r="125551" spans="8:8">
      <c r="H125551" s="12"/>
    </row>
    <row r="125552" spans="8:8">
      <c r="H125552" s="12"/>
    </row>
    <row r="125553" spans="8:8">
      <c r="H125553" s="12"/>
    </row>
    <row r="125554" spans="8:8">
      <c r="H125554" s="12"/>
    </row>
    <row r="125555" spans="8:8">
      <c r="H125555" s="12"/>
    </row>
    <row r="125556" spans="8:8">
      <c r="H125556" s="12"/>
    </row>
    <row r="125557" spans="8:8">
      <c r="H125557" s="12"/>
    </row>
    <row r="125558" spans="8:8">
      <c r="H125558" s="12"/>
    </row>
    <row r="125559" spans="8:8">
      <c r="H125559" s="12"/>
    </row>
    <row r="125560" spans="8:8">
      <c r="H125560" s="12"/>
    </row>
    <row r="125561" spans="8:8">
      <c r="H125561" s="12"/>
    </row>
    <row r="125562" spans="8:8">
      <c r="H125562" s="12"/>
    </row>
    <row r="125563" spans="8:8">
      <c r="H125563" s="12"/>
    </row>
    <row r="125564" spans="8:8">
      <c r="H125564" s="12"/>
    </row>
    <row r="125565" spans="8:8">
      <c r="H125565" s="12"/>
    </row>
    <row r="125566" spans="8:8">
      <c r="H125566" s="12"/>
    </row>
    <row r="125567" spans="8:8">
      <c r="H125567" s="12"/>
    </row>
    <row r="125568" spans="8:8">
      <c r="H125568" s="12"/>
    </row>
    <row r="125569" spans="8:8">
      <c r="H125569" s="12"/>
    </row>
    <row r="125570" spans="8:8">
      <c r="H125570" s="12"/>
    </row>
    <row r="125571" spans="8:8">
      <c r="H125571" s="12"/>
    </row>
    <row r="125572" spans="8:8">
      <c r="H125572" s="12"/>
    </row>
    <row r="125573" spans="8:8">
      <c r="H125573" s="12"/>
    </row>
    <row r="125574" spans="8:8">
      <c r="H125574" s="12"/>
    </row>
    <row r="125575" spans="8:8">
      <c r="H125575" s="12"/>
    </row>
    <row r="125576" spans="8:8">
      <c r="H125576" s="12"/>
    </row>
    <row r="125577" spans="8:8">
      <c r="H125577" s="12"/>
    </row>
    <row r="125578" spans="8:8">
      <c r="H125578" s="12"/>
    </row>
    <row r="125579" spans="8:8">
      <c r="H125579" s="12"/>
    </row>
    <row r="125580" spans="8:8">
      <c r="H125580" s="12"/>
    </row>
    <row r="125581" spans="8:8">
      <c r="H125581" s="12"/>
    </row>
    <row r="125582" spans="8:8">
      <c r="H125582" s="12"/>
    </row>
    <row r="125583" spans="8:8">
      <c r="H125583" s="12"/>
    </row>
    <row r="125584" spans="8:8">
      <c r="H125584" s="12"/>
    </row>
    <row r="125585" spans="8:8">
      <c r="H125585" s="12"/>
    </row>
    <row r="125586" spans="8:8">
      <c r="H125586" s="12"/>
    </row>
    <row r="125587" spans="8:8">
      <c r="H125587" s="12"/>
    </row>
    <row r="125588" spans="8:8">
      <c r="H125588" s="12"/>
    </row>
    <row r="125589" spans="8:8">
      <c r="H125589" s="12"/>
    </row>
    <row r="125590" spans="8:8">
      <c r="H125590" s="12"/>
    </row>
    <row r="125591" spans="8:8">
      <c r="H125591" s="12"/>
    </row>
    <row r="125592" spans="8:8">
      <c r="H125592" s="12"/>
    </row>
    <row r="125593" spans="8:8">
      <c r="H125593" s="12"/>
    </row>
    <row r="125594" spans="8:8">
      <c r="H125594" s="12"/>
    </row>
    <row r="125595" spans="8:8">
      <c r="H125595" s="12"/>
    </row>
    <row r="125596" spans="8:8">
      <c r="H125596" s="12"/>
    </row>
    <row r="125597" spans="8:8">
      <c r="H125597" s="12"/>
    </row>
    <row r="125598" spans="8:8">
      <c r="H125598" s="12"/>
    </row>
    <row r="125599" spans="8:8">
      <c r="H125599" s="12"/>
    </row>
    <row r="125600" spans="8:8">
      <c r="H125600" s="12"/>
    </row>
    <row r="125601" spans="8:8">
      <c r="H125601" s="12"/>
    </row>
    <row r="125602" spans="8:8">
      <c r="H125602" s="12"/>
    </row>
    <row r="125603" spans="8:8">
      <c r="H125603" s="12"/>
    </row>
    <row r="125604" spans="8:8">
      <c r="H125604" s="12"/>
    </row>
    <row r="125605" spans="8:8">
      <c r="H125605" s="12"/>
    </row>
    <row r="125606" spans="8:8">
      <c r="H125606" s="12"/>
    </row>
    <row r="125607" spans="8:8">
      <c r="H125607" s="12"/>
    </row>
    <row r="125608" spans="8:8">
      <c r="H125608" s="12"/>
    </row>
    <row r="125609" spans="8:8">
      <c r="H125609" s="12"/>
    </row>
    <row r="125610" spans="8:8">
      <c r="H125610" s="12"/>
    </row>
    <row r="125611" spans="8:8">
      <c r="H125611" s="12"/>
    </row>
    <row r="125612" spans="8:8">
      <c r="H125612" s="12"/>
    </row>
    <row r="125613" spans="8:8">
      <c r="H125613" s="12"/>
    </row>
    <row r="125614" spans="8:8">
      <c r="H125614" s="12"/>
    </row>
    <row r="125615" spans="8:8">
      <c r="H125615" s="12"/>
    </row>
    <row r="125616" spans="8:8">
      <c r="H125616" s="12"/>
    </row>
    <row r="125617" spans="8:8">
      <c r="H125617" s="12"/>
    </row>
    <row r="125618" spans="8:8">
      <c r="H125618" s="12"/>
    </row>
    <row r="125619" spans="8:8">
      <c r="H125619" s="12"/>
    </row>
    <row r="125620" spans="8:8">
      <c r="H125620" s="12"/>
    </row>
    <row r="125621" spans="8:8">
      <c r="H125621" s="12"/>
    </row>
    <row r="125622" spans="8:8">
      <c r="H125622" s="12"/>
    </row>
    <row r="125623" spans="8:8">
      <c r="H125623" s="12"/>
    </row>
    <row r="125624" spans="8:8">
      <c r="H125624" s="12"/>
    </row>
    <row r="125625" spans="8:8">
      <c r="H125625" s="12"/>
    </row>
    <row r="125626" spans="8:8">
      <c r="H125626" s="12"/>
    </row>
    <row r="125627" spans="8:8">
      <c r="H125627" s="12"/>
    </row>
    <row r="125628" spans="8:8">
      <c r="H125628" s="12"/>
    </row>
    <row r="125629" spans="8:8">
      <c r="H125629" s="12"/>
    </row>
    <row r="125630" spans="8:8">
      <c r="H125630" s="12"/>
    </row>
    <row r="125631" spans="8:8">
      <c r="H125631" s="12"/>
    </row>
    <row r="125632" spans="8:8">
      <c r="H125632" s="12"/>
    </row>
    <row r="125633" spans="8:8">
      <c r="H125633" s="12"/>
    </row>
    <row r="125634" spans="8:8">
      <c r="H125634" s="12"/>
    </row>
    <row r="125635" spans="8:8">
      <c r="H125635" s="12"/>
    </row>
    <row r="125636" spans="8:8">
      <c r="H125636" s="12"/>
    </row>
    <row r="125637" spans="8:8">
      <c r="H125637" s="12"/>
    </row>
    <row r="125638" spans="8:8">
      <c r="H125638" s="12"/>
    </row>
    <row r="125639" spans="8:8">
      <c r="H125639" s="12"/>
    </row>
    <row r="125640" spans="8:8">
      <c r="H125640" s="12"/>
    </row>
    <row r="125641" spans="8:8">
      <c r="H125641" s="12"/>
    </row>
    <row r="125642" spans="8:8">
      <c r="H125642" s="12"/>
    </row>
    <row r="125643" spans="8:8">
      <c r="H125643" s="12"/>
    </row>
    <row r="125644" spans="8:8">
      <c r="H125644" s="12"/>
    </row>
    <row r="125645" spans="8:8">
      <c r="H125645" s="12"/>
    </row>
    <row r="125646" spans="8:8">
      <c r="H125646" s="12"/>
    </row>
    <row r="125647" spans="8:8">
      <c r="H125647" s="12"/>
    </row>
    <row r="125648" spans="8:8">
      <c r="H125648" s="12"/>
    </row>
    <row r="125649" spans="8:8">
      <c r="H125649" s="12"/>
    </row>
    <row r="125650" spans="8:8">
      <c r="H125650" s="12"/>
    </row>
    <row r="125651" spans="8:8">
      <c r="H125651" s="12"/>
    </row>
    <row r="125652" spans="8:8">
      <c r="H125652" s="12"/>
    </row>
    <row r="125653" spans="8:8">
      <c r="H125653" s="12"/>
    </row>
    <row r="125654" spans="8:8">
      <c r="H125654" s="12"/>
    </row>
    <row r="125655" spans="8:8">
      <c r="H125655" s="12"/>
    </row>
    <row r="125656" spans="8:8">
      <c r="H125656" s="12"/>
    </row>
    <row r="125657" spans="8:8">
      <c r="H125657" s="12"/>
    </row>
    <row r="125658" spans="8:8">
      <c r="H125658" s="12"/>
    </row>
    <row r="125659" spans="8:8">
      <c r="H125659" s="12"/>
    </row>
    <row r="125660" spans="8:8">
      <c r="H125660" s="12"/>
    </row>
    <row r="125661" spans="8:8">
      <c r="H125661" s="12"/>
    </row>
    <row r="125662" spans="8:8">
      <c r="H125662" s="12"/>
    </row>
    <row r="125663" spans="8:8">
      <c r="H125663" s="12"/>
    </row>
    <row r="125664" spans="8:8">
      <c r="H125664" s="12"/>
    </row>
    <row r="125665" spans="8:8">
      <c r="H125665" s="12"/>
    </row>
    <row r="125666" spans="8:8">
      <c r="H125666" s="12"/>
    </row>
    <row r="125667" spans="8:8">
      <c r="H125667" s="12"/>
    </row>
    <row r="125668" spans="8:8">
      <c r="H125668" s="12"/>
    </row>
    <row r="125669" spans="8:8">
      <c r="H125669" s="12"/>
    </row>
    <row r="125670" spans="8:8">
      <c r="H125670" s="12"/>
    </row>
    <row r="125671" spans="8:8">
      <c r="H125671" s="12"/>
    </row>
    <row r="125672" spans="8:8">
      <c r="H125672" s="12"/>
    </row>
    <row r="125673" spans="8:8">
      <c r="H125673" s="12"/>
    </row>
    <row r="125674" spans="8:8">
      <c r="H125674" s="12"/>
    </row>
    <row r="125675" spans="8:8">
      <c r="H125675" s="12"/>
    </row>
    <row r="125676" spans="8:8">
      <c r="H125676" s="12"/>
    </row>
    <row r="125677" spans="8:8">
      <c r="H125677" s="12"/>
    </row>
    <row r="125678" spans="8:8">
      <c r="H125678" s="12"/>
    </row>
    <row r="125679" spans="8:8">
      <c r="H125679" s="12"/>
    </row>
    <row r="125680" spans="8:8">
      <c r="H125680" s="12"/>
    </row>
    <row r="125681" spans="8:8">
      <c r="H125681" s="12"/>
    </row>
    <row r="125682" spans="8:8">
      <c r="H125682" s="12"/>
    </row>
    <row r="125683" spans="8:8">
      <c r="H125683" s="12"/>
    </row>
    <row r="125684" spans="8:8">
      <c r="H125684" s="12"/>
    </row>
    <row r="125685" spans="8:8">
      <c r="H125685" s="12"/>
    </row>
    <row r="125686" spans="8:8">
      <c r="H125686" s="12"/>
    </row>
    <row r="125687" spans="8:8">
      <c r="H125687" s="12"/>
    </row>
    <row r="125688" spans="8:8">
      <c r="H125688" s="12"/>
    </row>
    <row r="125689" spans="8:8">
      <c r="H125689" s="12"/>
    </row>
    <row r="125690" spans="8:8">
      <c r="H125690" s="12"/>
    </row>
    <row r="125691" spans="8:8">
      <c r="H125691" s="12"/>
    </row>
    <row r="125692" spans="8:8">
      <c r="H125692" s="12"/>
    </row>
    <row r="125693" spans="8:8">
      <c r="H125693" s="12"/>
    </row>
    <row r="125694" spans="8:8">
      <c r="H125694" s="12"/>
    </row>
    <row r="125695" spans="8:8">
      <c r="H125695" s="12"/>
    </row>
    <row r="125696" spans="8:8">
      <c r="H125696" s="12"/>
    </row>
    <row r="125697" spans="8:8">
      <c r="H125697" s="12"/>
    </row>
    <row r="125698" spans="8:8">
      <c r="H125698" s="12"/>
    </row>
    <row r="125699" spans="8:8">
      <c r="H125699" s="12"/>
    </row>
    <row r="125700" spans="8:8">
      <c r="H125700" s="12"/>
    </row>
    <row r="125701" spans="8:8">
      <c r="H125701" s="12"/>
    </row>
    <row r="125702" spans="8:8">
      <c r="H125702" s="12"/>
    </row>
    <row r="125703" spans="8:8">
      <c r="H125703" s="12"/>
    </row>
    <row r="125704" spans="8:8">
      <c r="H125704" s="12"/>
    </row>
    <row r="125705" spans="8:8">
      <c r="H125705" s="12"/>
    </row>
    <row r="125706" spans="8:8">
      <c r="H125706" s="12"/>
    </row>
    <row r="125707" spans="8:8">
      <c r="H125707" s="12"/>
    </row>
    <row r="125708" spans="8:8">
      <c r="H125708" s="12"/>
    </row>
    <row r="125709" spans="8:8">
      <c r="H125709" s="12"/>
    </row>
    <row r="125710" spans="8:8">
      <c r="H125710" s="12"/>
    </row>
    <row r="125711" spans="8:8">
      <c r="H125711" s="12"/>
    </row>
    <row r="125712" spans="8:8">
      <c r="H125712" s="12"/>
    </row>
    <row r="125713" spans="8:8">
      <c r="H125713" s="12"/>
    </row>
    <row r="125714" spans="8:8">
      <c r="H125714" s="12"/>
    </row>
    <row r="125715" spans="8:8">
      <c r="H125715" s="12"/>
    </row>
    <row r="125716" spans="8:8">
      <c r="H125716" s="12"/>
    </row>
    <row r="125717" spans="8:8">
      <c r="H125717" s="12"/>
    </row>
    <row r="125718" spans="8:8">
      <c r="H125718" s="12"/>
    </row>
    <row r="125719" spans="8:8">
      <c r="H125719" s="12"/>
    </row>
    <row r="125720" spans="8:8">
      <c r="H125720" s="12"/>
    </row>
    <row r="125721" spans="8:8">
      <c r="H125721" s="12"/>
    </row>
    <row r="125722" spans="8:8">
      <c r="H125722" s="12"/>
    </row>
    <row r="125723" spans="8:8">
      <c r="H125723" s="12"/>
    </row>
    <row r="125724" spans="8:8">
      <c r="H125724" s="12"/>
    </row>
    <row r="125725" spans="8:8">
      <c r="H125725" s="12"/>
    </row>
    <row r="125726" spans="8:8">
      <c r="H125726" s="12"/>
    </row>
    <row r="125727" spans="8:8">
      <c r="H125727" s="12"/>
    </row>
    <row r="125728" spans="8:8">
      <c r="H125728" s="12"/>
    </row>
    <row r="125729" spans="8:8">
      <c r="H125729" s="12"/>
    </row>
    <row r="125730" spans="8:8">
      <c r="H125730" s="12"/>
    </row>
    <row r="125731" spans="8:8">
      <c r="H125731" s="12"/>
    </row>
    <row r="125732" spans="8:8">
      <c r="H125732" s="12"/>
    </row>
    <row r="125733" spans="8:8">
      <c r="H125733" s="12"/>
    </row>
    <row r="125734" spans="8:8">
      <c r="H125734" s="12"/>
    </row>
    <row r="125735" spans="8:8">
      <c r="H125735" s="12"/>
    </row>
    <row r="125736" spans="8:8">
      <c r="H125736" s="12"/>
    </row>
    <row r="125737" spans="8:8">
      <c r="H125737" s="12"/>
    </row>
    <row r="125738" spans="8:8">
      <c r="H125738" s="12"/>
    </row>
    <row r="125739" spans="8:8">
      <c r="H125739" s="12"/>
    </row>
    <row r="125740" spans="8:8">
      <c r="H125740" s="12"/>
    </row>
    <row r="125741" spans="8:8">
      <c r="H125741" s="12"/>
    </row>
    <row r="125742" spans="8:8">
      <c r="H125742" s="12"/>
    </row>
    <row r="125743" spans="8:8">
      <c r="H125743" s="12"/>
    </row>
    <row r="125744" spans="8:8">
      <c r="H125744" s="12"/>
    </row>
    <row r="125745" spans="8:8">
      <c r="H125745" s="12"/>
    </row>
    <row r="125746" spans="8:8">
      <c r="H125746" s="12"/>
    </row>
    <row r="125747" spans="8:8">
      <c r="H125747" s="12"/>
    </row>
    <row r="125748" spans="8:8">
      <c r="H125748" s="12"/>
    </row>
    <row r="125749" spans="8:8">
      <c r="H125749" s="12"/>
    </row>
    <row r="125750" spans="8:8">
      <c r="H125750" s="12"/>
    </row>
    <row r="125751" spans="8:8">
      <c r="H125751" s="12"/>
    </row>
    <row r="125752" spans="8:8">
      <c r="H125752" s="12"/>
    </row>
    <row r="125753" spans="8:8">
      <c r="H125753" s="12"/>
    </row>
    <row r="125754" spans="8:8">
      <c r="H125754" s="12"/>
    </row>
    <row r="125755" spans="8:8">
      <c r="H125755" s="12"/>
    </row>
    <row r="125756" spans="8:8">
      <c r="H125756" s="12"/>
    </row>
    <row r="125757" spans="8:8">
      <c r="H125757" s="12"/>
    </row>
    <row r="125758" spans="8:8">
      <c r="H125758" s="12"/>
    </row>
    <row r="125759" spans="8:8">
      <c r="H125759" s="12"/>
    </row>
    <row r="125760" spans="8:8">
      <c r="H125760" s="12"/>
    </row>
    <row r="125761" spans="8:8">
      <c r="H125761" s="12"/>
    </row>
    <row r="125762" spans="8:8">
      <c r="H125762" s="12"/>
    </row>
    <row r="125763" spans="8:8">
      <c r="H125763" s="12"/>
    </row>
    <row r="125764" spans="8:8">
      <c r="H125764" s="12"/>
    </row>
    <row r="125765" spans="8:8">
      <c r="H125765" s="12"/>
    </row>
    <row r="125766" spans="8:8">
      <c r="H125766" s="12"/>
    </row>
    <row r="125767" spans="8:8">
      <c r="H125767" s="12"/>
    </row>
    <row r="125768" spans="8:8">
      <c r="H125768" s="12"/>
    </row>
    <row r="125769" spans="8:8">
      <c r="H125769" s="12"/>
    </row>
    <row r="125770" spans="8:8">
      <c r="H125770" s="12"/>
    </row>
    <row r="125771" spans="8:8">
      <c r="H125771" s="12"/>
    </row>
    <row r="125772" spans="8:8">
      <c r="H125772" s="12"/>
    </row>
    <row r="125773" spans="8:8">
      <c r="H125773" s="12"/>
    </row>
    <row r="125774" spans="8:8">
      <c r="H125774" s="12"/>
    </row>
    <row r="125775" spans="8:8">
      <c r="H125775" s="12"/>
    </row>
    <row r="125776" spans="8:8">
      <c r="H125776" s="12"/>
    </row>
    <row r="125777" spans="8:8">
      <c r="H125777" s="12"/>
    </row>
    <row r="125778" spans="8:8">
      <c r="H125778" s="12"/>
    </row>
    <row r="125779" spans="8:8">
      <c r="H125779" s="12"/>
    </row>
    <row r="125780" spans="8:8">
      <c r="H125780" s="12"/>
    </row>
    <row r="125781" spans="8:8">
      <c r="H125781" s="12"/>
    </row>
    <row r="125782" spans="8:8">
      <c r="H125782" s="12"/>
    </row>
    <row r="125783" spans="8:8">
      <c r="H125783" s="12"/>
    </row>
    <row r="125784" spans="8:8">
      <c r="H125784" s="12"/>
    </row>
    <row r="125785" spans="8:8">
      <c r="H125785" s="12"/>
    </row>
    <row r="125786" spans="8:8">
      <c r="H125786" s="12"/>
    </row>
    <row r="125787" spans="8:8">
      <c r="H125787" s="12"/>
    </row>
    <row r="125788" spans="8:8">
      <c r="H125788" s="12"/>
    </row>
    <row r="125789" spans="8:8">
      <c r="H125789" s="12"/>
    </row>
    <row r="125790" spans="8:8">
      <c r="H125790" s="12"/>
    </row>
    <row r="125791" spans="8:8">
      <c r="H125791" s="12"/>
    </row>
    <row r="125792" spans="8:8">
      <c r="H125792" s="12"/>
    </row>
    <row r="125793" spans="8:8">
      <c r="H125793" s="12"/>
    </row>
    <row r="125794" spans="8:8">
      <c r="H125794" s="12"/>
    </row>
    <row r="125795" spans="8:8">
      <c r="H125795" s="12"/>
    </row>
    <row r="125796" spans="8:8">
      <c r="H125796" s="12"/>
    </row>
    <row r="125797" spans="8:8">
      <c r="H125797" s="12"/>
    </row>
    <row r="125798" spans="8:8">
      <c r="H125798" s="12"/>
    </row>
    <row r="125799" spans="8:8">
      <c r="H125799" s="12"/>
    </row>
    <row r="125800" spans="8:8">
      <c r="H125800" s="12"/>
    </row>
    <row r="125801" spans="8:8">
      <c r="H125801" s="12"/>
    </row>
    <row r="125802" spans="8:8">
      <c r="H125802" s="12"/>
    </row>
    <row r="125803" spans="8:8">
      <c r="H125803" s="12"/>
    </row>
    <row r="125804" spans="8:8">
      <c r="H125804" s="12"/>
    </row>
    <row r="125805" spans="8:8">
      <c r="H125805" s="12"/>
    </row>
    <row r="125806" spans="8:8">
      <c r="H125806" s="12"/>
    </row>
    <row r="125807" spans="8:8">
      <c r="H125807" s="12"/>
    </row>
    <row r="125808" spans="8:8">
      <c r="H125808" s="12"/>
    </row>
    <row r="125809" spans="8:8">
      <c r="H125809" s="12"/>
    </row>
    <row r="125810" spans="8:8">
      <c r="H125810" s="12"/>
    </row>
    <row r="125811" spans="8:8">
      <c r="H125811" s="12"/>
    </row>
    <row r="125812" spans="8:8">
      <c r="H125812" s="12"/>
    </row>
    <row r="125813" spans="8:8">
      <c r="H125813" s="12"/>
    </row>
    <row r="125814" spans="8:8">
      <c r="H125814" s="12"/>
    </row>
    <row r="125815" spans="8:8">
      <c r="H125815" s="12"/>
    </row>
    <row r="125816" spans="8:8">
      <c r="H125816" s="12"/>
    </row>
    <row r="125817" spans="8:8">
      <c r="H125817" s="12"/>
    </row>
    <row r="125818" spans="8:8">
      <c r="H125818" s="12"/>
    </row>
    <row r="125819" spans="8:8">
      <c r="H125819" s="12"/>
    </row>
    <row r="125820" spans="8:8">
      <c r="H125820" s="12"/>
    </row>
    <row r="125821" spans="8:8">
      <c r="H125821" s="12"/>
    </row>
    <row r="125822" spans="8:8">
      <c r="H125822" s="12"/>
    </row>
    <row r="125823" spans="8:8">
      <c r="H125823" s="12"/>
    </row>
    <row r="125824" spans="8:8">
      <c r="H125824" s="12"/>
    </row>
    <row r="125825" spans="8:8">
      <c r="H125825" s="12"/>
    </row>
    <row r="125826" spans="8:8">
      <c r="H125826" s="12"/>
    </row>
    <row r="125827" spans="8:8">
      <c r="H125827" s="12"/>
    </row>
    <row r="125828" spans="8:8">
      <c r="H125828" s="12"/>
    </row>
    <row r="125829" spans="8:8">
      <c r="H125829" s="12"/>
    </row>
    <row r="125830" spans="8:8">
      <c r="H125830" s="12"/>
    </row>
    <row r="125831" spans="8:8">
      <c r="H125831" s="12"/>
    </row>
    <row r="125832" spans="8:8">
      <c r="H125832" s="12"/>
    </row>
    <row r="125833" spans="8:8">
      <c r="H125833" s="12"/>
    </row>
    <row r="125834" spans="8:8">
      <c r="H125834" s="12"/>
    </row>
    <row r="125835" spans="8:8">
      <c r="H125835" s="12"/>
    </row>
    <row r="125836" spans="8:8">
      <c r="H125836" s="12"/>
    </row>
    <row r="125837" spans="8:8">
      <c r="H125837" s="12"/>
    </row>
    <row r="125838" spans="8:8">
      <c r="H125838" s="12"/>
    </row>
    <row r="125839" spans="8:8">
      <c r="H125839" s="12"/>
    </row>
    <row r="125840" spans="8:8">
      <c r="H125840" s="12"/>
    </row>
    <row r="125841" spans="8:8">
      <c r="H125841" s="12"/>
    </row>
    <row r="125842" spans="8:8">
      <c r="H125842" s="12"/>
    </row>
    <row r="125843" spans="8:8">
      <c r="H125843" s="12"/>
    </row>
    <row r="125844" spans="8:8">
      <c r="H125844" s="12"/>
    </row>
    <row r="125845" spans="8:8">
      <c r="H125845" s="12"/>
    </row>
    <row r="125846" spans="8:8">
      <c r="H125846" s="12"/>
    </row>
    <row r="125847" spans="8:8">
      <c r="H125847" s="12"/>
    </row>
    <row r="125848" spans="8:8">
      <c r="H125848" s="12"/>
    </row>
    <row r="125849" spans="8:8">
      <c r="H125849" s="12"/>
    </row>
    <row r="125850" spans="8:8">
      <c r="H125850" s="12"/>
    </row>
    <row r="125851" spans="8:8">
      <c r="H125851" s="12"/>
    </row>
    <row r="125852" spans="8:8">
      <c r="H125852" s="12"/>
    </row>
    <row r="125853" spans="8:8">
      <c r="H125853" s="12"/>
    </row>
    <row r="125854" spans="8:8">
      <c r="H125854" s="12"/>
    </row>
    <row r="125855" spans="8:8">
      <c r="H125855" s="12"/>
    </row>
    <row r="125856" spans="8:8">
      <c r="H125856" s="12"/>
    </row>
    <row r="125857" spans="8:8">
      <c r="H125857" s="12"/>
    </row>
    <row r="125858" spans="8:8">
      <c r="H125858" s="12"/>
    </row>
    <row r="125859" spans="8:8">
      <c r="H125859" s="12"/>
    </row>
    <row r="125860" spans="8:8">
      <c r="H125860" s="12"/>
    </row>
    <row r="125861" spans="8:8">
      <c r="H125861" s="12"/>
    </row>
    <row r="125862" spans="8:8">
      <c r="H125862" s="12"/>
    </row>
    <row r="125863" spans="8:8">
      <c r="H125863" s="12"/>
    </row>
    <row r="125864" spans="8:8">
      <c r="H125864" s="12"/>
    </row>
    <row r="125865" spans="8:8">
      <c r="H125865" s="12"/>
    </row>
    <row r="125866" spans="8:8">
      <c r="H125866" s="12"/>
    </row>
    <row r="125867" spans="8:8">
      <c r="H125867" s="12"/>
    </row>
    <row r="125868" spans="8:8">
      <c r="H125868" s="12"/>
    </row>
    <row r="125869" spans="8:8">
      <c r="H125869" s="12"/>
    </row>
    <row r="125870" spans="8:8">
      <c r="H125870" s="12"/>
    </row>
    <row r="125871" spans="8:8">
      <c r="H125871" s="12"/>
    </row>
    <row r="125872" spans="8:8">
      <c r="H125872" s="12"/>
    </row>
    <row r="125873" spans="8:8">
      <c r="H125873" s="12"/>
    </row>
    <row r="125874" spans="8:8">
      <c r="H125874" s="12"/>
    </row>
    <row r="125875" spans="8:8">
      <c r="H125875" s="12"/>
    </row>
    <row r="125876" spans="8:8">
      <c r="H125876" s="12"/>
    </row>
    <row r="125877" spans="8:8">
      <c r="H125877" s="12"/>
    </row>
    <row r="125878" spans="8:8">
      <c r="H125878" s="12"/>
    </row>
    <row r="125879" spans="8:8">
      <c r="H125879" s="12"/>
    </row>
    <row r="125880" spans="8:8">
      <c r="H125880" s="12"/>
    </row>
    <row r="125881" spans="8:8">
      <c r="H125881" s="12"/>
    </row>
    <row r="125882" spans="8:8">
      <c r="H125882" s="12"/>
    </row>
    <row r="125883" spans="8:8">
      <c r="H125883" s="12"/>
    </row>
    <row r="125884" spans="8:8">
      <c r="H125884" s="12"/>
    </row>
    <row r="125885" spans="8:8">
      <c r="H125885" s="12"/>
    </row>
    <row r="125886" spans="8:8">
      <c r="H125886" s="12"/>
    </row>
    <row r="125887" spans="8:8">
      <c r="H125887" s="12"/>
    </row>
    <row r="125888" spans="8:8">
      <c r="H125888" s="12"/>
    </row>
    <row r="125889" spans="8:8">
      <c r="H125889" s="12"/>
    </row>
    <row r="125890" spans="8:8">
      <c r="H125890" s="12"/>
    </row>
    <row r="125891" spans="8:8">
      <c r="H125891" s="12"/>
    </row>
    <row r="125892" spans="8:8">
      <c r="H125892" s="12"/>
    </row>
    <row r="125893" spans="8:8">
      <c r="H125893" s="12"/>
    </row>
    <row r="125894" spans="8:8">
      <c r="H125894" s="12"/>
    </row>
    <row r="125895" spans="8:8">
      <c r="H125895" s="12"/>
    </row>
    <row r="125896" spans="8:8">
      <c r="H125896" s="12"/>
    </row>
    <row r="125897" spans="8:8">
      <c r="H125897" s="12"/>
    </row>
    <row r="125898" spans="8:8">
      <c r="H125898" s="12"/>
    </row>
    <row r="125899" spans="8:8">
      <c r="H125899" s="12"/>
    </row>
    <row r="125900" spans="8:8">
      <c r="H125900" s="12"/>
    </row>
    <row r="125901" spans="8:8">
      <c r="H125901" s="12"/>
    </row>
    <row r="125902" spans="8:8">
      <c r="H125902" s="12"/>
    </row>
    <row r="125903" spans="8:8">
      <c r="H125903" s="12"/>
    </row>
    <row r="125904" spans="8:8">
      <c r="H125904" s="12"/>
    </row>
    <row r="125905" spans="8:8">
      <c r="H125905" s="12"/>
    </row>
    <row r="125906" spans="8:8">
      <c r="H125906" s="12"/>
    </row>
    <row r="125907" spans="8:8">
      <c r="H125907" s="12"/>
    </row>
    <row r="125908" spans="8:8">
      <c r="H125908" s="12"/>
    </row>
    <row r="125909" spans="8:8">
      <c r="H125909" s="12"/>
    </row>
    <row r="125910" spans="8:8">
      <c r="H125910" s="12"/>
    </row>
    <row r="125911" spans="8:8">
      <c r="H125911" s="12"/>
    </row>
    <row r="125912" spans="8:8">
      <c r="H125912" s="12"/>
    </row>
    <row r="125913" spans="8:8">
      <c r="H125913" s="12"/>
    </row>
    <row r="125914" spans="8:8">
      <c r="H125914" s="12"/>
    </row>
    <row r="125915" spans="8:8">
      <c r="H125915" s="12"/>
    </row>
    <row r="125916" spans="8:8">
      <c r="H125916" s="12"/>
    </row>
    <row r="125917" spans="8:8">
      <c r="H125917" s="12"/>
    </row>
    <row r="125918" spans="8:8">
      <c r="H125918" s="12"/>
    </row>
    <row r="125919" spans="8:8">
      <c r="H125919" s="12"/>
    </row>
    <row r="125920" spans="8:8">
      <c r="H125920" s="12"/>
    </row>
    <row r="125921" spans="8:8">
      <c r="H125921" s="12"/>
    </row>
    <row r="125922" spans="8:8">
      <c r="H125922" s="12"/>
    </row>
    <row r="125923" spans="8:8">
      <c r="H125923" s="12"/>
    </row>
    <row r="125924" spans="8:8">
      <c r="H125924" s="12"/>
    </row>
    <row r="125925" spans="8:8">
      <c r="H125925" s="12"/>
    </row>
    <row r="125926" spans="8:8">
      <c r="H125926" s="12"/>
    </row>
    <row r="125927" spans="8:8">
      <c r="H125927" s="12"/>
    </row>
    <row r="125928" spans="8:8">
      <c r="H125928" s="12"/>
    </row>
    <row r="125929" spans="8:8">
      <c r="H125929" s="12"/>
    </row>
    <row r="125930" spans="8:8">
      <c r="H125930" s="12"/>
    </row>
    <row r="125931" spans="8:8">
      <c r="H125931" s="12"/>
    </row>
    <row r="125932" spans="8:8">
      <c r="H125932" s="12"/>
    </row>
    <row r="125933" spans="8:8">
      <c r="H125933" s="12"/>
    </row>
    <row r="125934" spans="8:8">
      <c r="H125934" s="12"/>
    </row>
    <row r="125935" spans="8:8">
      <c r="H125935" s="12"/>
    </row>
    <row r="125936" spans="8:8">
      <c r="H125936" s="12"/>
    </row>
    <row r="125937" spans="8:8">
      <c r="H125937" s="12"/>
    </row>
    <row r="125938" spans="8:8">
      <c r="H125938" s="12"/>
    </row>
    <row r="125939" spans="8:8">
      <c r="H125939" s="12"/>
    </row>
    <row r="125940" spans="8:8">
      <c r="H125940" s="12"/>
    </row>
    <row r="125941" spans="8:8">
      <c r="H125941" s="12"/>
    </row>
    <row r="125942" spans="8:8">
      <c r="H125942" s="12"/>
    </row>
    <row r="125943" spans="8:8">
      <c r="H125943" s="12"/>
    </row>
    <row r="125944" spans="8:8">
      <c r="H125944" s="12"/>
    </row>
    <row r="125945" spans="8:8">
      <c r="H125945" s="12"/>
    </row>
    <row r="125946" spans="8:8">
      <c r="H125946" s="12"/>
    </row>
    <row r="125947" spans="8:8">
      <c r="H125947" s="12"/>
    </row>
    <row r="125948" spans="8:8">
      <c r="H125948" s="12"/>
    </row>
    <row r="125949" spans="8:8">
      <c r="H125949" s="12"/>
    </row>
    <row r="125950" spans="8:8">
      <c r="H125950" s="12"/>
    </row>
    <row r="125951" spans="8:8">
      <c r="H125951" s="12"/>
    </row>
    <row r="125952" spans="8:8">
      <c r="H125952" s="12"/>
    </row>
    <row r="125953" spans="8:8">
      <c r="H125953" s="12"/>
    </row>
    <row r="125954" spans="8:8">
      <c r="H125954" s="12"/>
    </row>
    <row r="125955" spans="8:8">
      <c r="H125955" s="12"/>
    </row>
    <row r="125956" spans="8:8">
      <c r="H125956" s="12"/>
    </row>
    <row r="125957" spans="8:8">
      <c r="H125957" s="12"/>
    </row>
    <row r="125958" spans="8:8">
      <c r="H125958" s="12"/>
    </row>
    <row r="125959" spans="8:8">
      <c r="H125959" s="12"/>
    </row>
    <row r="125960" spans="8:8">
      <c r="H125960" s="12"/>
    </row>
    <row r="125961" spans="8:8">
      <c r="H125961" s="12"/>
    </row>
    <row r="125962" spans="8:8">
      <c r="H125962" s="12"/>
    </row>
    <row r="125963" spans="8:8">
      <c r="H125963" s="12"/>
    </row>
    <row r="125964" spans="8:8">
      <c r="H125964" s="12"/>
    </row>
    <row r="125965" spans="8:8">
      <c r="H125965" s="12"/>
    </row>
    <row r="125966" spans="8:8">
      <c r="H125966" s="12"/>
    </row>
    <row r="125967" spans="8:8">
      <c r="H125967" s="12"/>
    </row>
    <row r="125968" spans="8:8">
      <c r="H125968" s="12"/>
    </row>
    <row r="125969" spans="8:8">
      <c r="H125969" s="12"/>
    </row>
    <row r="125970" spans="8:8">
      <c r="H125970" s="12"/>
    </row>
    <row r="125971" spans="8:8">
      <c r="H125971" s="12"/>
    </row>
    <row r="125972" spans="8:8">
      <c r="H125972" s="12"/>
    </row>
    <row r="125973" spans="8:8">
      <c r="H125973" s="12"/>
    </row>
    <row r="125974" spans="8:8">
      <c r="H125974" s="12"/>
    </row>
    <row r="125975" spans="8:8">
      <c r="H125975" s="12"/>
    </row>
    <row r="125976" spans="8:8">
      <c r="H125976" s="12"/>
    </row>
    <row r="125977" spans="8:8">
      <c r="H125977" s="12"/>
    </row>
    <row r="125978" spans="8:8">
      <c r="H125978" s="12"/>
    </row>
    <row r="125979" spans="8:8">
      <c r="H125979" s="12"/>
    </row>
    <row r="125980" spans="8:8">
      <c r="H125980" s="12"/>
    </row>
    <row r="125981" spans="8:8">
      <c r="H125981" s="12"/>
    </row>
    <row r="125982" spans="8:8">
      <c r="H125982" s="12"/>
    </row>
    <row r="125983" spans="8:8">
      <c r="H125983" s="12"/>
    </row>
    <row r="125984" spans="8:8">
      <c r="H125984" s="12"/>
    </row>
    <row r="125985" spans="8:8">
      <c r="H125985" s="12"/>
    </row>
    <row r="125986" spans="8:8">
      <c r="H125986" s="12"/>
    </row>
    <row r="125987" spans="8:8">
      <c r="H125987" s="12"/>
    </row>
    <row r="125988" spans="8:8">
      <c r="H125988" s="12"/>
    </row>
    <row r="125989" spans="8:8">
      <c r="H125989" s="12"/>
    </row>
    <row r="125990" spans="8:8">
      <c r="H125990" s="12"/>
    </row>
    <row r="125991" spans="8:8">
      <c r="H125991" s="12"/>
    </row>
    <row r="125992" spans="8:8">
      <c r="H125992" s="12"/>
    </row>
    <row r="125993" spans="8:8">
      <c r="H125993" s="12"/>
    </row>
    <row r="125994" spans="8:8">
      <c r="H125994" s="12"/>
    </row>
    <row r="125995" spans="8:8">
      <c r="H125995" s="12"/>
    </row>
    <row r="125996" spans="8:8">
      <c r="H125996" s="12"/>
    </row>
    <row r="125997" spans="8:8">
      <c r="H125997" s="12"/>
    </row>
    <row r="125998" spans="8:8">
      <c r="H125998" s="12"/>
    </row>
    <row r="125999" spans="8:8">
      <c r="H125999" s="12"/>
    </row>
    <row r="126000" spans="8:8">
      <c r="H126000" s="12"/>
    </row>
    <row r="126001" spans="8:8">
      <c r="H126001" s="12"/>
    </row>
    <row r="126002" spans="8:8">
      <c r="H126002" s="12"/>
    </row>
    <row r="126003" spans="8:8">
      <c r="H126003" s="12"/>
    </row>
    <row r="126004" spans="8:8">
      <c r="H126004" s="12"/>
    </row>
    <row r="126005" spans="8:8">
      <c r="H126005" s="12"/>
    </row>
    <row r="126006" spans="8:8">
      <c r="H126006" s="12"/>
    </row>
    <row r="126007" spans="8:8">
      <c r="H126007" s="12"/>
    </row>
    <row r="126008" spans="8:8">
      <c r="H126008" s="12"/>
    </row>
    <row r="126009" spans="8:8">
      <c r="H126009" s="12"/>
    </row>
    <row r="126010" spans="8:8">
      <c r="H126010" s="12"/>
    </row>
    <row r="126011" spans="8:8">
      <c r="H126011" s="12"/>
    </row>
    <row r="126012" spans="8:8">
      <c r="H126012" s="12"/>
    </row>
    <row r="126013" spans="8:8">
      <c r="H126013" s="12"/>
    </row>
    <row r="126014" spans="8:8">
      <c r="H126014" s="12"/>
    </row>
    <row r="126015" spans="8:8">
      <c r="H126015" s="12"/>
    </row>
    <row r="126016" spans="8:8">
      <c r="H126016" s="12"/>
    </row>
    <row r="126017" spans="8:8">
      <c r="H126017" s="12"/>
    </row>
    <row r="126018" spans="8:8">
      <c r="H126018" s="12"/>
    </row>
    <row r="126019" spans="8:8">
      <c r="H126019" s="12"/>
    </row>
    <row r="126020" spans="8:8">
      <c r="H126020" s="12"/>
    </row>
    <row r="126021" spans="8:8">
      <c r="H126021" s="12"/>
    </row>
    <row r="126022" spans="8:8">
      <c r="H126022" s="12"/>
    </row>
    <row r="126023" spans="8:8">
      <c r="H126023" s="12"/>
    </row>
    <row r="126024" spans="8:8">
      <c r="H126024" s="12"/>
    </row>
    <row r="126025" spans="8:8">
      <c r="H126025" s="12"/>
    </row>
    <row r="126026" spans="8:8">
      <c r="H126026" s="12"/>
    </row>
    <row r="126027" spans="8:8">
      <c r="H126027" s="12"/>
    </row>
    <row r="126028" spans="8:8">
      <c r="H126028" s="12"/>
    </row>
    <row r="126029" spans="8:8">
      <c r="H126029" s="12"/>
    </row>
    <row r="126030" spans="8:8">
      <c r="H126030" s="12"/>
    </row>
    <row r="126031" spans="8:8">
      <c r="H126031" s="12"/>
    </row>
    <row r="126032" spans="8:8">
      <c r="H126032" s="12"/>
    </row>
    <row r="126033" spans="8:8">
      <c r="H126033" s="12"/>
    </row>
    <row r="126034" spans="8:8">
      <c r="H126034" s="12"/>
    </row>
    <row r="126035" spans="8:8">
      <c r="H126035" s="12"/>
    </row>
    <row r="126036" spans="8:8">
      <c r="H126036" s="12"/>
    </row>
    <row r="126037" spans="8:8">
      <c r="H126037" s="12"/>
    </row>
    <row r="126038" spans="8:8">
      <c r="H126038" s="12"/>
    </row>
    <row r="126039" spans="8:8">
      <c r="H126039" s="12"/>
    </row>
    <row r="126040" spans="8:8">
      <c r="H126040" s="12"/>
    </row>
    <row r="126041" spans="8:8">
      <c r="H126041" s="12"/>
    </row>
    <row r="126042" spans="8:8">
      <c r="H126042" s="12"/>
    </row>
    <row r="126043" spans="8:8">
      <c r="H126043" s="12"/>
    </row>
    <row r="126044" spans="8:8">
      <c r="H126044" s="12"/>
    </row>
    <row r="126045" spans="8:8">
      <c r="H126045" s="12"/>
    </row>
    <row r="126046" spans="8:8">
      <c r="H126046" s="12"/>
    </row>
    <row r="126047" spans="8:8">
      <c r="H126047" s="12"/>
    </row>
    <row r="126048" spans="8:8">
      <c r="H126048" s="12"/>
    </row>
    <row r="126049" spans="8:8">
      <c r="H126049" s="12"/>
    </row>
    <row r="126050" spans="8:8">
      <c r="H126050" s="12"/>
    </row>
    <row r="126051" spans="8:8">
      <c r="H126051" s="12"/>
    </row>
    <row r="126052" spans="8:8">
      <c r="H126052" s="12"/>
    </row>
    <row r="126053" spans="8:8">
      <c r="H126053" s="12"/>
    </row>
    <row r="126054" spans="8:8">
      <c r="H126054" s="12"/>
    </row>
    <row r="126055" spans="8:8">
      <c r="H126055" s="12"/>
    </row>
    <row r="126056" spans="8:8">
      <c r="H126056" s="12"/>
    </row>
    <row r="126057" spans="8:8">
      <c r="H126057" s="12"/>
    </row>
    <row r="126058" spans="8:8">
      <c r="H126058" s="12"/>
    </row>
    <row r="126059" spans="8:8">
      <c r="H126059" s="12"/>
    </row>
    <row r="126060" spans="8:8">
      <c r="H126060" s="12"/>
    </row>
    <row r="126061" spans="8:8">
      <c r="H126061" s="12"/>
    </row>
    <row r="126062" spans="8:8">
      <c r="H126062" s="12"/>
    </row>
    <row r="126063" spans="8:8">
      <c r="H126063" s="12"/>
    </row>
    <row r="126064" spans="8:8">
      <c r="H126064" s="12"/>
    </row>
    <row r="126065" spans="8:8">
      <c r="H126065" s="12"/>
    </row>
    <row r="126066" spans="8:8">
      <c r="H126066" s="12"/>
    </row>
    <row r="126067" spans="8:8">
      <c r="H126067" s="12"/>
    </row>
    <row r="126068" spans="8:8">
      <c r="H126068" s="12"/>
    </row>
    <row r="126069" spans="8:8">
      <c r="H126069" s="12"/>
    </row>
    <row r="126070" spans="8:8">
      <c r="H126070" s="12"/>
    </row>
    <row r="126071" spans="8:8">
      <c r="H126071" s="12"/>
    </row>
    <row r="126072" spans="8:8">
      <c r="H126072" s="12"/>
    </row>
    <row r="126073" spans="8:8">
      <c r="H126073" s="12"/>
    </row>
    <row r="126074" spans="8:8">
      <c r="H126074" s="12"/>
    </row>
    <row r="126075" spans="8:8">
      <c r="H126075" s="12"/>
    </row>
    <row r="126076" spans="8:8">
      <c r="H126076" s="12"/>
    </row>
    <row r="126077" spans="8:8">
      <c r="H126077" s="12"/>
    </row>
    <row r="126078" spans="8:8">
      <c r="H126078" s="12"/>
    </row>
    <row r="126079" spans="8:8">
      <c r="H126079" s="12"/>
    </row>
    <row r="126080" spans="8:8">
      <c r="H126080" s="12"/>
    </row>
    <row r="126081" spans="8:8">
      <c r="H126081" s="12"/>
    </row>
    <row r="126082" spans="8:8">
      <c r="H126082" s="12"/>
    </row>
    <row r="126083" spans="8:8">
      <c r="H126083" s="12"/>
    </row>
    <row r="126084" spans="8:8">
      <c r="H126084" s="12"/>
    </row>
    <row r="126085" spans="8:8">
      <c r="H126085" s="12"/>
    </row>
    <row r="126086" spans="8:8">
      <c r="H126086" s="12"/>
    </row>
    <row r="126087" spans="8:8">
      <c r="H126087" s="12"/>
    </row>
    <row r="126088" spans="8:8">
      <c r="H126088" s="12"/>
    </row>
    <row r="126089" spans="8:8">
      <c r="H126089" s="12"/>
    </row>
    <row r="126090" spans="8:8">
      <c r="H126090" s="12"/>
    </row>
    <row r="126091" spans="8:8">
      <c r="H126091" s="12"/>
    </row>
    <row r="126092" spans="8:8">
      <c r="H126092" s="12"/>
    </row>
    <row r="126093" spans="8:8">
      <c r="H126093" s="12"/>
    </row>
    <row r="126094" spans="8:8">
      <c r="H126094" s="12"/>
    </row>
    <row r="126095" spans="8:8">
      <c r="H126095" s="12"/>
    </row>
    <row r="126096" spans="8:8">
      <c r="H126096" s="12"/>
    </row>
    <row r="126097" spans="8:8">
      <c r="H126097" s="12"/>
    </row>
    <row r="126098" spans="8:8">
      <c r="H126098" s="12"/>
    </row>
    <row r="126099" spans="8:8">
      <c r="H126099" s="12"/>
    </row>
    <row r="126100" spans="8:8">
      <c r="H126100" s="12"/>
    </row>
    <row r="126101" spans="8:8">
      <c r="H126101" s="12"/>
    </row>
    <row r="126102" spans="8:8">
      <c r="H126102" s="12"/>
    </row>
    <row r="126103" spans="8:8">
      <c r="H126103" s="12"/>
    </row>
    <row r="126104" spans="8:8">
      <c r="H126104" s="12"/>
    </row>
    <row r="126105" spans="8:8">
      <c r="H126105" s="12"/>
    </row>
    <row r="126106" spans="8:8">
      <c r="H126106" s="12"/>
    </row>
    <row r="126107" spans="8:8">
      <c r="H126107" s="12"/>
    </row>
    <row r="126108" spans="8:8">
      <c r="H126108" s="12"/>
    </row>
    <row r="126109" spans="8:8">
      <c r="H126109" s="12"/>
    </row>
    <row r="126110" spans="8:8">
      <c r="H126110" s="12"/>
    </row>
    <row r="126111" spans="8:8">
      <c r="H126111" s="12"/>
    </row>
    <row r="126112" spans="8:8">
      <c r="H126112" s="12"/>
    </row>
    <row r="126113" spans="8:8">
      <c r="H126113" s="12"/>
    </row>
    <row r="126114" spans="8:8">
      <c r="H126114" s="12"/>
    </row>
    <row r="126115" spans="8:8">
      <c r="H126115" s="12"/>
    </row>
    <row r="126116" spans="8:8">
      <c r="H126116" s="12"/>
    </row>
    <row r="126117" spans="8:8">
      <c r="H126117" s="12"/>
    </row>
    <row r="126118" spans="8:8">
      <c r="H126118" s="12"/>
    </row>
    <row r="126119" spans="8:8">
      <c r="H126119" s="12"/>
    </row>
    <row r="126120" spans="8:8">
      <c r="H126120" s="12"/>
    </row>
    <row r="126121" spans="8:8">
      <c r="H126121" s="12"/>
    </row>
    <row r="126122" spans="8:8">
      <c r="H126122" s="12"/>
    </row>
    <row r="126123" spans="8:8">
      <c r="H126123" s="12"/>
    </row>
    <row r="126124" spans="8:8">
      <c r="H126124" s="12"/>
    </row>
    <row r="126125" spans="8:8">
      <c r="H126125" s="12"/>
    </row>
    <row r="126126" spans="8:8">
      <c r="H126126" s="12"/>
    </row>
    <row r="126127" spans="8:8">
      <c r="H126127" s="12"/>
    </row>
    <row r="126128" spans="8:8">
      <c r="H126128" s="12"/>
    </row>
    <row r="126129" spans="8:8">
      <c r="H126129" s="12"/>
    </row>
    <row r="126130" spans="8:8">
      <c r="H126130" s="12"/>
    </row>
    <row r="126131" spans="8:8">
      <c r="H126131" s="12"/>
    </row>
    <row r="126132" spans="8:8">
      <c r="H126132" s="12"/>
    </row>
    <row r="126133" spans="8:8">
      <c r="H126133" s="12"/>
    </row>
    <row r="126134" spans="8:8">
      <c r="H126134" s="12"/>
    </row>
    <row r="126135" spans="8:8">
      <c r="H126135" s="12"/>
    </row>
    <row r="126136" spans="8:8">
      <c r="H126136" s="12"/>
    </row>
    <row r="126137" spans="8:8">
      <c r="H126137" s="12"/>
    </row>
    <row r="126138" spans="8:8">
      <c r="H126138" s="12"/>
    </row>
    <row r="126139" spans="8:8">
      <c r="H126139" s="12"/>
    </row>
    <row r="126140" spans="8:8">
      <c r="H126140" s="12"/>
    </row>
    <row r="126141" spans="8:8">
      <c r="H126141" s="12"/>
    </row>
    <row r="126142" spans="8:8">
      <c r="H126142" s="12"/>
    </row>
    <row r="126143" spans="8:8">
      <c r="H126143" s="12"/>
    </row>
    <row r="126144" spans="8:8">
      <c r="H126144" s="12"/>
    </row>
    <row r="126145" spans="8:8">
      <c r="H126145" s="12"/>
    </row>
    <row r="126146" spans="8:8">
      <c r="H126146" s="12"/>
    </row>
    <row r="126147" spans="8:8">
      <c r="H126147" s="12"/>
    </row>
    <row r="126148" spans="8:8">
      <c r="H126148" s="12"/>
    </row>
    <row r="126149" spans="8:8">
      <c r="H126149" s="12"/>
    </row>
    <row r="126150" spans="8:8">
      <c r="H126150" s="12"/>
    </row>
    <row r="126151" spans="8:8">
      <c r="H126151" s="12"/>
    </row>
    <row r="126152" spans="8:8">
      <c r="H126152" s="12"/>
    </row>
    <row r="126153" spans="8:8">
      <c r="H126153" s="12"/>
    </row>
    <row r="126154" spans="8:8">
      <c r="H126154" s="12"/>
    </row>
    <row r="126155" spans="8:8">
      <c r="H126155" s="12"/>
    </row>
    <row r="126156" spans="8:8">
      <c r="H126156" s="12"/>
    </row>
    <row r="126157" spans="8:8">
      <c r="H126157" s="12"/>
    </row>
    <row r="126158" spans="8:8">
      <c r="H126158" s="12"/>
    </row>
    <row r="126159" spans="8:8">
      <c r="H126159" s="12"/>
    </row>
    <row r="126160" spans="8:8">
      <c r="H126160" s="12"/>
    </row>
    <row r="126161" spans="8:8">
      <c r="H126161" s="12"/>
    </row>
    <row r="126162" spans="8:8">
      <c r="H126162" s="12"/>
    </row>
    <row r="126163" spans="8:8">
      <c r="H126163" s="12"/>
    </row>
    <row r="126164" spans="8:8">
      <c r="H126164" s="12"/>
    </row>
    <row r="126165" spans="8:8">
      <c r="H126165" s="12"/>
    </row>
    <row r="126166" spans="8:8">
      <c r="H126166" s="12"/>
    </row>
    <row r="126167" spans="8:8">
      <c r="H126167" s="12"/>
    </row>
    <row r="126168" spans="8:8">
      <c r="H126168" s="12"/>
    </row>
    <row r="126169" spans="8:8">
      <c r="H126169" s="12"/>
    </row>
    <row r="126170" spans="8:8">
      <c r="H126170" s="12"/>
    </row>
    <row r="126171" spans="8:8">
      <c r="H126171" s="12"/>
    </row>
    <row r="126172" spans="8:8">
      <c r="H126172" s="12"/>
    </row>
    <row r="126173" spans="8:8">
      <c r="H126173" s="12"/>
    </row>
    <row r="126174" spans="8:8">
      <c r="H126174" s="12"/>
    </row>
    <row r="126175" spans="8:8">
      <c r="H126175" s="12"/>
    </row>
    <row r="126176" spans="8:8">
      <c r="H126176" s="12"/>
    </row>
    <row r="126177" spans="8:8">
      <c r="H126177" s="12"/>
    </row>
    <row r="126178" spans="8:8">
      <c r="H126178" s="12"/>
    </row>
    <row r="126179" spans="8:8">
      <c r="H126179" s="12"/>
    </row>
    <row r="126180" spans="8:8">
      <c r="H126180" s="12"/>
    </row>
    <row r="126181" spans="8:8">
      <c r="H126181" s="12"/>
    </row>
    <row r="126182" spans="8:8">
      <c r="H126182" s="12"/>
    </row>
    <row r="126183" spans="8:8">
      <c r="H126183" s="12"/>
    </row>
    <row r="126184" spans="8:8">
      <c r="H126184" s="12"/>
    </row>
    <row r="126185" spans="8:8">
      <c r="H126185" s="12"/>
    </row>
    <row r="126186" spans="8:8">
      <c r="H126186" s="12"/>
    </row>
    <row r="126187" spans="8:8">
      <c r="H126187" s="12"/>
    </row>
    <row r="126188" spans="8:8">
      <c r="H126188" s="12"/>
    </row>
    <row r="126189" spans="8:8">
      <c r="H126189" s="12"/>
    </row>
    <row r="126190" spans="8:8">
      <c r="H126190" s="12"/>
    </row>
    <row r="126191" spans="8:8">
      <c r="H126191" s="12"/>
    </row>
    <row r="126192" spans="8:8">
      <c r="H126192" s="12"/>
    </row>
    <row r="126193" spans="8:8">
      <c r="H126193" s="12"/>
    </row>
    <row r="126194" spans="8:8">
      <c r="H126194" s="12"/>
    </row>
    <row r="126195" spans="8:8">
      <c r="H126195" s="12"/>
    </row>
    <row r="126196" spans="8:8">
      <c r="H126196" s="12"/>
    </row>
    <row r="126197" spans="8:8">
      <c r="H126197" s="12"/>
    </row>
    <row r="126198" spans="8:8">
      <c r="H126198" s="12"/>
    </row>
    <row r="126199" spans="8:8">
      <c r="H126199" s="12"/>
    </row>
    <row r="126200" spans="8:8">
      <c r="H126200" s="12"/>
    </row>
    <row r="126201" spans="8:8">
      <c r="H126201" s="12"/>
    </row>
    <row r="126202" spans="8:8">
      <c r="H126202" s="12"/>
    </row>
    <row r="126203" spans="8:8">
      <c r="H126203" s="12"/>
    </row>
    <row r="126204" spans="8:8">
      <c r="H126204" s="12"/>
    </row>
    <row r="126205" spans="8:8">
      <c r="H126205" s="12"/>
    </row>
    <row r="126206" spans="8:8">
      <c r="H126206" s="12"/>
    </row>
    <row r="126207" spans="8:8">
      <c r="H126207" s="12"/>
    </row>
    <row r="126208" spans="8:8">
      <c r="H126208" s="12"/>
    </row>
    <row r="126209" spans="8:8">
      <c r="H126209" s="12"/>
    </row>
    <row r="126210" spans="8:8">
      <c r="H126210" s="12"/>
    </row>
    <row r="126211" spans="8:8">
      <c r="H126211" s="12"/>
    </row>
    <row r="126212" spans="8:8">
      <c r="H126212" s="12"/>
    </row>
    <row r="126213" spans="8:8">
      <c r="H126213" s="12"/>
    </row>
    <row r="126214" spans="8:8">
      <c r="H126214" s="12"/>
    </row>
    <row r="126215" spans="8:8">
      <c r="H126215" s="12"/>
    </row>
    <row r="126216" spans="8:8">
      <c r="H126216" s="12"/>
    </row>
    <row r="126217" spans="8:8">
      <c r="H126217" s="12"/>
    </row>
    <row r="126218" spans="8:8">
      <c r="H126218" s="12"/>
    </row>
    <row r="126219" spans="8:8">
      <c r="H126219" s="12"/>
    </row>
    <row r="126220" spans="8:8">
      <c r="H126220" s="12"/>
    </row>
    <row r="126221" spans="8:8">
      <c r="H126221" s="12"/>
    </row>
    <row r="126222" spans="8:8">
      <c r="H126222" s="12"/>
    </row>
    <row r="126223" spans="8:8">
      <c r="H126223" s="12"/>
    </row>
    <row r="126224" spans="8:8">
      <c r="H126224" s="12"/>
    </row>
    <row r="126225" spans="8:8">
      <c r="H126225" s="12"/>
    </row>
    <row r="126226" spans="8:8">
      <c r="H126226" s="12"/>
    </row>
    <row r="126227" spans="8:8">
      <c r="H126227" s="12"/>
    </row>
    <row r="126228" spans="8:8">
      <c r="H126228" s="12"/>
    </row>
    <row r="126229" spans="8:8">
      <c r="H126229" s="12"/>
    </row>
    <row r="126230" spans="8:8">
      <c r="H126230" s="12"/>
    </row>
    <row r="126231" spans="8:8">
      <c r="H126231" s="12"/>
    </row>
    <row r="126232" spans="8:8">
      <c r="H126232" s="12"/>
    </row>
    <row r="126233" spans="8:8">
      <c r="H126233" s="12"/>
    </row>
    <row r="126234" spans="8:8">
      <c r="H126234" s="12"/>
    </row>
    <row r="126235" spans="8:8">
      <c r="H126235" s="12"/>
    </row>
    <row r="126236" spans="8:8">
      <c r="H126236" s="12"/>
    </row>
    <row r="126237" spans="8:8">
      <c r="H126237" s="12"/>
    </row>
    <row r="126238" spans="8:8">
      <c r="H126238" s="12"/>
    </row>
    <row r="126239" spans="8:8">
      <c r="H126239" s="12"/>
    </row>
    <row r="126240" spans="8:8">
      <c r="H126240" s="12"/>
    </row>
    <row r="126241" spans="8:8">
      <c r="H126241" s="12"/>
    </row>
    <row r="126242" spans="8:8">
      <c r="H126242" s="12"/>
    </row>
    <row r="126243" spans="8:8">
      <c r="H126243" s="12"/>
    </row>
    <row r="126244" spans="8:8">
      <c r="H126244" s="12"/>
    </row>
    <row r="126245" spans="8:8">
      <c r="H126245" s="12"/>
    </row>
    <row r="126246" spans="8:8">
      <c r="H126246" s="12"/>
    </row>
    <row r="126247" spans="8:8">
      <c r="H126247" s="12"/>
    </row>
    <row r="126248" spans="8:8">
      <c r="H126248" s="12"/>
    </row>
    <row r="126249" spans="8:8">
      <c r="H126249" s="12"/>
    </row>
    <row r="126250" spans="8:8">
      <c r="H126250" s="12"/>
    </row>
    <row r="126251" spans="8:8">
      <c r="H126251" s="12"/>
    </row>
    <row r="126252" spans="8:8">
      <c r="H126252" s="12"/>
    </row>
    <row r="126253" spans="8:8">
      <c r="H126253" s="12"/>
    </row>
    <row r="126254" spans="8:8">
      <c r="H126254" s="12"/>
    </row>
    <row r="126255" spans="8:8">
      <c r="H126255" s="12"/>
    </row>
    <row r="126256" spans="8:8">
      <c r="H126256" s="12"/>
    </row>
    <row r="126257" spans="8:8">
      <c r="H126257" s="12"/>
    </row>
    <row r="126258" spans="8:8">
      <c r="H126258" s="12"/>
    </row>
    <row r="126259" spans="8:8">
      <c r="H126259" s="12"/>
    </row>
    <row r="126260" spans="8:8">
      <c r="H126260" s="12"/>
    </row>
    <row r="126261" spans="8:8">
      <c r="H126261" s="12"/>
    </row>
    <row r="126262" spans="8:8">
      <c r="H126262" s="12"/>
    </row>
    <row r="126263" spans="8:8">
      <c r="H126263" s="12"/>
    </row>
    <row r="126264" spans="8:8">
      <c r="H126264" s="12"/>
    </row>
    <row r="126265" spans="8:8">
      <c r="H126265" s="12"/>
    </row>
    <row r="126266" spans="8:8">
      <c r="H126266" s="12"/>
    </row>
    <row r="126267" spans="8:8">
      <c r="H126267" s="12"/>
    </row>
    <row r="126268" spans="8:8">
      <c r="H126268" s="12"/>
    </row>
    <row r="126269" spans="8:8">
      <c r="H126269" s="12"/>
    </row>
    <row r="126270" spans="8:8">
      <c r="H126270" s="12"/>
    </row>
    <row r="126271" spans="8:8">
      <c r="H126271" s="12"/>
    </row>
    <row r="126272" spans="8:8">
      <c r="H126272" s="12"/>
    </row>
    <row r="126273" spans="8:8">
      <c r="H126273" s="12"/>
    </row>
    <row r="126274" spans="8:8">
      <c r="H126274" s="12"/>
    </row>
    <row r="126275" spans="8:8">
      <c r="H126275" s="12"/>
    </row>
    <row r="126276" spans="8:8">
      <c r="H126276" s="12"/>
    </row>
    <row r="126277" spans="8:8">
      <c r="H126277" s="12"/>
    </row>
    <row r="126278" spans="8:8">
      <c r="H126278" s="12"/>
    </row>
    <row r="126279" spans="8:8">
      <c r="H126279" s="12"/>
    </row>
    <row r="126280" spans="8:8">
      <c r="H126280" s="12"/>
    </row>
    <row r="126281" spans="8:8">
      <c r="H126281" s="12"/>
    </row>
    <row r="126282" spans="8:8">
      <c r="H126282" s="12"/>
    </row>
    <row r="126283" spans="8:8">
      <c r="H126283" s="12"/>
    </row>
    <row r="126284" spans="8:8">
      <c r="H126284" s="12"/>
    </row>
    <row r="126285" spans="8:8">
      <c r="H126285" s="12"/>
    </row>
    <row r="126286" spans="8:8">
      <c r="H126286" s="12"/>
    </row>
    <row r="126287" spans="8:8">
      <c r="H126287" s="12"/>
    </row>
    <row r="126288" spans="8:8">
      <c r="H126288" s="12"/>
    </row>
    <row r="126289" spans="8:8">
      <c r="H126289" s="12"/>
    </row>
    <row r="126290" spans="8:8">
      <c r="H126290" s="12"/>
    </row>
    <row r="126291" spans="8:8">
      <c r="H126291" s="12"/>
    </row>
    <row r="126292" spans="8:8">
      <c r="H126292" s="12"/>
    </row>
    <row r="126293" spans="8:8">
      <c r="H126293" s="12"/>
    </row>
    <row r="126294" spans="8:8">
      <c r="H126294" s="12"/>
    </row>
    <row r="126295" spans="8:8">
      <c r="H126295" s="12"/>
    </row>
    <row r="126296" spans="8:8">
      <c r="H126296" s="12"/>
    </row>
    <row r="126297" spans="8:8">
      <c r="H126297" s="12"/>
    </row>
    <row r="126298" spans="8:8">
      <c r="H126298" s="12"/>
    </row>
    <row r="126299" spans="8:8">
      <c r="H126299" s="12"/>
    </row>
    <row r="126300" spans="8:8">
      <c r="H126300" s="12"/>
    </row>
    <row r="126301" spans="8:8">
      <c r="H126301" s="12"/>
    </row>
    <row r="126302" spans="8:8">
      <c r="H126302" s="12"/>
    </row>
    <row r="126303" spans="8:8">
      <c r="H126303" s="12"/>
    </row>
    <row r="126304" spans="8:8">
      <c r="H126304" s="12"/>
    </row>
    <row r="126305" spans="8:8">
      <c r="H126305" s="12"/>
    </row>
    <row r="126306" spans="8:8">
      <c r="H126306" s="12"/>
    </row>
    <row r="126307" spans="8:8">
      <c r="H126307" s="12"/>
    </row>
    <row r="126308" spans="8:8">
      <c r="H126308" s="12"/>
    </row>
    <row r="126309" spans="8:8">
      <c r="H126309" s="12"/>
    </row>
    <row r="126310" spans="8:8">
      <c r="H126310" s="12"/>
    </row>
    <row r="126311" spans="8:8">
      <c r="H126311" s="12"/>
    </row>
    <row r="126312" spans="8:8">
      <c r="H126312" s="12"/>
    </row>
    <row r="126313" spans="8:8">
      <c r="H126313" s="12"/>
    </row>
    <row r="126314" spans="8:8">
      <c r="H126314" s="12"/>
    </row>
    <row r="126315" spans="8:8">
      <c r="H126315" s="12"/>
    </row>
    <row r="126316" spans="8:8">
      <c r="H126316" s="12"/>
    </row>
    <row r="126317" spans="8:8">
      <c r="H126317" s="12"/>
    </row>
    <row r="126318" spans="8:8">
      <c r="H126318" s="12"/>
    </row>
    <row r="126319" spans="8:8">
      <c r="H126319" s="12"/>
    </row>
    <row r="126320" spans="8:8">
      <c r="H126320" s="12"/>
    </row>
    <row r="126321" spans="8:8">
      <c r="H126321" s="12"/>
    </row>
    <row r="126322" spans="8:8">
      <c r="H126322" s="12"/>
    </row>
    <row r="126323" spans="8:8">
      <c r="H126323" s="12"/>
    </row>
    <row r="126324" spans="8:8">
      <c r="H126324" s="12"/>
    </row>
    <row r="126325" spans="8:8">
      <c r="H126325" s="12"/>
    </row>
    <row r="126326" spans="8:8">
      <c r="H126326" s="12"/>
    </row>
    <row r="126327" spans="8:8">
      <c r="H126327" s="12"/>
    </row>
    <row r="126328" spans="8:8">
      <c r="H126328" s="12"/>
    </row>
    <row r="126329" spans="8:8">
      <c r="H126329" s="12"/>
    </row>
    <row r="126330" spans="8:8">
      <c r="H126330" s="12"/>
    </row>
    <row r="126331" spans="8:8">
      <c r="H126331" s="12"/>
    </row>
    <row r="126332" spans="8:8">
      <c r="H126332" s="12"/>
    </row>
    <row r="126333" spans="8:8">
      <c r="H126333" s="12"/>
    </row>
    <row r="126334" spans="8:8">
      <c r="H126334" s="12"/>
    </row>
    <row r="126335" spans="8:8">
      <c r="H126335" s="12"/>
    </row>
    <row r="126336" spans="8:8">
      <c r="H126336" s="12"/>
    </row>
    <row r="126337" spans="8:8">
      <c r="H126337" s="12"/>
    </row>
    <row r="126338" spans="8:8">
      <c r="H126338" s="12"/>
    </row>
    <row r="126339" spans="8:8">
      <c r="H126339" s="12"/>
    </row>
    <row r="126340" spans="8:8">
      <c r="H126340" s="12"/>
    </row>
    <row r="126341" spans="8:8">
      <c r="H126341" s="12"/>
    </row>
    <row r="126342" spans="8:8">
      <c r="H126342" s="12"/>
    </row>
    <row r="126343" spans="8:8">
      <c r="H126343" s="12"/>
    </row>
    <row r="126344" spans="8:8">
      <c r="H126344" s="12"/>
    </row>
    <row r="126345" spans="8:8">
      <c r="H126345" s="12"/>
    </row>
    <row r="126346" spans="8:8">
      <c r="H126346" s="12"/>
    </row>
    <row r="126347" spans="8:8">
      <c r="H126347" s="12"/>
    </row>
    <row r="126348" spans="8:8">
      <c r="H126348" s="12"/>
    </row>
    <row r="126349" spans="8:8">
      <c r="H126349" s="12"/>
    </row>
    <row r="126350" spans="8:8">
      <c r="H126350" s="12"/>
    </row>
    <row r="126351" spans="8:8">
      <c r="H126351" s="12"/>
    </row>
    <row r="126352" spans="8:8">
      <c r="H126352" s="12"/>
    </row>
    <row r="126353" spans="8:8">
      <c r="H126353" s="12"/>
    </row>
    <row r="126354" spans="8:8">
      <c r="H126354" s="12"/>
    </row>
    <row r="126355" spans="8:8">
      <c r="H126355" s="12"/>
    </row>
    <row r="126356" spans="8:8">
      <c r="H126356" s="12"/>
    </row>
    <row r="126357" spans="8:8">
      <c r="H126357" s="12"/>
    </row>
    <row r="126358" spans="8:8">
      <c r="H126358" s="12"/>
    </row>
    <row r="126359" spans="8:8">
      <c r="H126359" s="12"/>
    </row>
    <row r="126360" spans="8:8">
      <c r="H126360" s="12"/>
    </row>
    <row r="126361" spans="8:8">
      <c r="H126361" s="12"/>
    </row>
    <row r="126362" spans="8:8">
      <c r="H126362" s="12"/>
    </row>
    <row r="126363" spans="8:8">
      <c r="H126363" s="12"/>
    </row>
    <row r="126364" spans="8:8">
      <c r="H126364" s="12"/>
    </row>
    <row r="126365" spans="8:8">
      <c r="H126365" s="12"/>
    </row>
    <row r="126366" spans="8:8">
      <c r="H126366" s="12"/>
    </row>
    <row r="126367" spans="8:8">
      <c r="H126367" s="12"/>
    </row>
    <row r="126368" spans="8:8">
      <c r="H126368" s="12"/>
    </row>
    <row r="126369" spans="8:8">
      <c r="H126369" s="12"/>
    </row>
    <row r="126370" spans="8:8">
      <c r="H126370" s="12"/>
    </row>
    <row r="126371" spans="8:8">
      <c r="H126371" s="12"/>
    </row>
    <row r="126372" spans="8:8">
      <c r="H126372" s="12"/>
    </row>
    <row r="126373" spans="8:8">
      <c r="H126373" s="12"/>
    </row>
    <row r="126374" spans="8:8">
      <c r="H126374" s="12"/>
    </row>
    <row r="126375" spans="8:8">
      <c r="H126375" s="12"/>
    </row>
    <row r="126376" spans="8:8">
      <c r="H126376" s="12"/>
    </row>
    <row r="126377" spans="8:8">
      <c r="H126377" s="12"/>
    </row>
    <row r="126378" spans="8:8">
      <c r="H126378" s="12"/>
    </row>
    <row r="126379" spans="8:8">
      <c r="H126379" s="12"/>
    </row>
    <row r="126380" spans="8:8">
      <c r="H126380" s="12"/>
    </row>
    <row r="126381" spans="8:8">
      <c r="H126381" s="12"/>
    </row>
    <row r="126382" spans="8:8">
      <c r="H126382" s="12"/>
    </row>
    <row r="126383" spans="8:8">
      <c r="H126383" s="12"/>
    </row>
    <row r="126384" spans="8:8">
      <c r="H126384" s="12"/>
    </row>
    <row r="126385" spans="8:8">
      <c r="H126385" s="12"/>
    </row>
    <row r="126386" spans="8:8">
      <c r="H126386" s="12"/>
    </row>
    <row r="126387" spans="8:8">
      <c r="H126387" s="12"/>
    </row>
    <row r="126388" spans="8:8">
      <c r="H126388" s="12"/>
    </row>
    <row r="126389" spans="8:8">
      <c r="H126389" s="12"/>
    </row>
    <row r="126390" spans="8:8">
      <c r="H126390" s="12"/>
    </row>
    <row r="126391" spans="8:8">
      <c r="H126391" s="12"/>
    </row>
    <row r="126392" spans="8:8">
      <c r="H126392" s="12"/>
    </row>
    <row r="126393" spans="8:8">
      <c r="H126393" s="12"/>
    </row>
    <row r="126394" spans="8:8">
      <c r="H126394" s="12"/>
    </row>
    <row r="126395" spans="8:8">
      <c r="H126395" s="12"/>
    </row>
    <row r="126396" spans="8:8">
      <c r="H126396" s="12"/>
    </row>
    <row r="126397" spans="8:8">
      <c r="H126397" s="12"/>
    </row>
    <row r="126398" spans="8:8">
      <c r="H126398" s="12"/>
    </row>
    <row r="126399" spans="8:8">
      <c r="H126399" s="12"/>
    </row>
    <row r="126400" spans="8:8">
      <c r="H126400" s="12"/>
    </row>
    <row r="126401" spans="8:8">
      <c r="H126401" s="12"/>
    </row>
    <row r="126402" spans="8:8">
      <c r="H126402" s="12"/>
    </row>
    <row r="126403" spans="8:8">
      <c r="H126403" s="12"/>
    </row>
    <row r="126404" spans="8:8">
      <c r="H126404" s="12"/>
    </row>
    <row r="126405" spans="8:8">
      <c r="H126405" s="12"/>
    </row>
    <row r="126406" spans="8:8">
      <c r="H126406" s="12"/>
    </row>
    <row r="126407" spans="8:8">
      <c r="H126407" s="12"/>
    </row>
    <row r="126408" spans="8:8">
      <c r="H126408" s="12"/>
    </row>
    <row r="126409" spans="8:8">
      <c r="H126409" s="12"/>
    </row>
    <row r="126410" spans="8:8">
      <c r="H126410" s="12"/>
    </row>
    <row r="126411" spans="8:8">
      <c r="H126411" s="12"/>
    </row>
    <row r="126412" spans="8:8">
      <c r="H126412" s="12"/>
    </row>
    <row r="126413" spans="8:8">
      <c r="H126413" s="12"/>
    </row>
    <row r="126414" spans="8:8">
      <c r="H126414" s="12"/>
    </row>
    <row r="126415" spans="8:8">
      <c r="H126415" s="12"/>
    </row>
    <row r="126416" spans="8:8">
      <c r="H126416" s="12"/>
    </row>
    <row r="126417" spans="8:8">
      <c r="H126417" s="12"/>
    </row>
    <row r="126418" spans="8:8">
      <c r="H126418" s="12"/>
    </row>
    <row r="126419" spans="8:8">
      <c r="H126419" s="12"/>
    </row>
    <row r="126420" spans="8:8">
      <c r="H126420" s="12"/>
    </row>
    <row r="126421" spans="8:8">
      <c r="H126421" s="12"/>
    </row>
    <row r="126422" spans="8:8">
      <c r="H126422" s="12"/>
    </row>
    <row r="126423" spans="8:8">
      <c r="H126423" s="12"/>
    </row>
    <row r="126424" spans="8:8">
      <c r="H126424" s="12"/>
    </row>
    <row r="126425" spans="8:8">
      <c r="H126425" s="12"/>
    </row>
    <row r="126426" spans="8:8">
      <c r="H126426" s="12"/>
    </row>
    <row r="126427" spans="8:8">
      <c r="H126427" s="12"/>
    </row>
    <row r="126428" spans="8:8">
      <c r="H126428" s="12"/>
    </row>
    <row r="126429" spans="8:8">
      <c r="H126429" s="12"/>
    </row>
    <row r="126430" spans="8:8">
      <c r="H126430" s="12"/>
    </row>
    <row r="126431" spans="8:8">
      <c r="H126431" s="12"/>
    </row>
    <row r="126432" spans="8:8">
      <c r="H126432" s="12"/>
    </row>
    <row r="126433" spans="8:8">
      <c r="H126433" s="12"/>
    </row>
    <row r="126434" spans="8:8">
      <c r="H126434" s="12"/>
    </row>
    <row r="126435" spans="8:8">
      <c r="H126435" s="12"/>
    </row>
    <row r="126436" spans="8:8">
      <c r="H126436" s="12"/>
    </row>
    <row r="126437" spans="8:8">
      <c r="H126437" s="12"/>
    </row>
    <row r="126438" spans="8:8">
      <c r="H126438" s="12"/>
    </row>
    <row r="126439" spans="8:8">
      <c r="H126439" s="12"/>
    </row>
    <row r="126440" spans="8:8">
      <c r="H126440" s="12"/>
    </row>
    <row r="126441" spans="8:8">
      <c r="H126441" s="12"/>
    </row>
    <row r="126442" spans="8:8">
      <c r="H126442" s="12"/>
    </row>
    <row r="126443" spans="8:8">
      <c r="H126443" s="12"/>
    </row>
    <row r="126444" spans="8:8">
      <c r="H126444" s="12"/>
    </row>
    <row r="126445" spans="8:8">
      <c r="H126445" s="12"/>
    </row>
    <row r="126446" spans="8:8">
      <c r="H126446" s="12"/>
    </row>
    <row r="126447" spans="8:8">
      <c r="H126447" s="12"/>
    </row>
    <row r="126448" spans="8:8">
      <c r="H126448" s="12"/>
    </row>
    <row r="126449" spans="8:8">
      <c r="H126449" s="12"/>
    </row>
    <row r="126450" spans="8:8">
      <c r="H126450" s="12"/>
    </row>
    <row r="126451" spans="8:8">
      <c r="H126451" s="12"/>
    </row>
    <row r="126452" spans="8:8">
      <c r="H126452" s="12"/>
    </row>
    <row r="126453" spans="8:8">
      <c r="H126453" s="12"/>
    </row>
    <row r="126454" spans="8:8">
      <c r="H126454" s="12"/>
    </row>
    <row r="126455" spans="8:8">
      <c r="H126455" s="12"/>
    </row>
    <row r="126456" spans="8:8">
      <c r="H126456" s="12"/>
    </row>
    <row r="126457" spans="8:8">
      <c r="H126457" s="12"/>
    </row>
    <row r="126458" spans="8:8">
      <c r="H126458" s="12"/>
    </row>
    <row r="126459" spans="8:8">
      <c r="H126459" s="12"/>
    </row>
    <row r="126460" spans="8:8">
      <c r="H126460" s="12"/>
    </row>
    <row r="126461" spans="8:8">
      <c r="H126461" s="12"/>
    </row>
    <row r="126462" spans="8:8">
      <c r="H126462" s="12"/>
    </row>
    <row r="126463" spans="8:8">
      <c r="H126463" s="12"/>
    </row>
    <row r="126464" spans="8:8">
      <c r="H126464" s="12"/>
    </row>
    <row r="126465" spans="8:8">
      <c r="H126465" s="12"/>
    </row>
    <row r="126466" spans="8:8">
      <c r="H126466" s="12"/>
    </row>
    <row r="126467" spans="8:8">
      <c r="H126467" s="12"/>
    </row>
    <row r="126468" spans="8:8">
      <c r="H126468" s="12"/>
    </row>
    <row r="126469" spans="8:8">
      <c r="H126469" s="12"/>
    </row>
    <row r="126470" spans="8:8">
      <c r="H126470" s="12"/>
    </row>
    <row r="126471" spans="8:8">
      <c r="H126471" s="12"/>
    </row>
    <row r="126472" spans="8:8">
      <c r="H126472" s="12"/>
    </row>
    <row r="126473" spans="8:8">
      <c r="H126473" s="12"/>
    </row>
    <row r="126474" spans="8:8">
      <c r="H126474" s="12"/>
    </row>
    <row r="126475" spans="8:8">
      <c r="H126475" s="12"/>
    </row>
    <row r="126476" spans="8:8">
      <c r="H126476" s="12"/>
    </row>
    <row r="126477" spans="8:8">
      <c r="H126477" s="12"/>
    </row>
    <row r="126478" spans="8:8">
      <c r="H126478" s="12"/>
    </row>
    <row r="126479" spans="8:8">
      <c r="H126479" s="12"/>
    </row>
    <row r="126480" spans="8:8">
      <c r="H126480" s="12"/>
    </row>
    <row r="126481" spans="8:8">
      <c r="H126481" s="12"/>
    </row>
    <row r="126482" spans="8:8">
      <c r="H126482" s="12"/>
    </row>
    <row r="126483" spans="8:8">
      <c r="H126483" s="12"/>
    </row>
    <row r="126484" spans="8:8">
      <c r="H126484" s="12"/>
    </row>
    <row r="126485" spans="8:8">
      <c r="H126485" s="12"/>
    </row>
    <row r="126486" spans="8:8">
      <c r="H126486" s="12"/>
    </row>
    <row r="126487" spans="8:8">
      <c r="H126487" s="12"/>
    </row>
    <row r="126488" spans="8:8">
      <c r="H126488" s="12"/>
    </row>
    <row r="126489" spans="8:8">
      <c r="H126489" s="12"/>
    </row>
    <row r="126490" spans="8:8">
      <c r="H126490" s="12"/>
    </row>
    <row r="126491" spans="8:8">
      <c r="H126491" s="12"/>
    </row>
    <row r="126492" spans="8:8">
      <c r="H126492" s="12"/>
    </row>
    <row r="126493" spans="8:8">
      <c r="H126493" s="12"/>
    </row>
    <row r="126494" spans="8:8">
      <c r="H126494" s="12"/>
    </row>
    <row r="126495" spans="8:8">
      <c r="H126495" s="12"/>
    </row>
    <row r="126496" spans="8:8">
      <c r="H126496" s="12"/>
    </row>
    <row r="126497" spans="8:8">
      <c r="H126497" s="12"/>
    </row>
    <row r="126498" spans="8:8">
      <c r="H126498" s="12"/>
    </row>
    <row r="126499" spans="8:8">
      <c r="H126499" s="12"/>
    </row>
    <row r="126500" spans="8:8">
      <c r="H126500" s="12"/>
    </row>
    <row r="126501" spans="8:8">
      <c r="H126501" s="12"/>
    </row>
    <row r="126502" spans="8:8">
      <c r="H126502" s="12"/>
    </row>
    <row r="126503" spans="8:8">
      <c r="H126503" s="12"/>
    </row>
    <row r="126504" spans="8:8">
      <c r="H126504" s="12"/>
    </row>
    <row r="126505" spans="8:8">
      <c r="H126505" s="12"/>
    </row>
    <row r="126506" spans="8:8">
      <c r="H126506" s="12"/>
    </row>
    <row r="126507" spans="8:8">
      <c r="H126507" s="12"/>
    </row>
    <row r="126508" spans="8:8">
      <c r="H126508" s="12"/>
    </row>
    <row r="126509" spans="8:8">
      <c r="H126509" s="12"/>
    </row>
    <row r="126510" spans="8:8">
      <c r="H126510" s="12"/>
    </row>
    <row r="126511" spans="8:8">
      <c r="H126511" s="12"/>
    </row>
    <row r="126512" spans="8:8">
      <c r="H126512" s="12"/>
    </row>
    <row r="126513" spans="8:8">
      <c r="H126513" s="12"/>
    </row>
    <row r="126514" spans="8:8">
      <c r="H126514" s="12"/>
    </row>
    <row r="126515" spans="8:8">
      <c r="H126515" s="12"/>
    </row>
    <row r="126516" spans="8:8">
      <c r="H126516" s="12"/>
    </row>
    <row r="126517" spans="8:8">
      <c r="H126517" s="12"/>
    </row>
    <row r="126518" spans="8:8">
      <c r="H126518" s="12"/>
    </row>
    <row r="126519" spans="8:8">
      <c r="H126519" s="12"/>
    </row>
    <row r="126520" spans="8:8">
      <c r="H126520" s="12"/>
    </row>
    <row r="126521" spans="8:8">
      <c r="H126521" s="12"/>
    </row>
    <row r="126522" spans="8:8">
      <c r="H126522" s="12"/>
    </row>
    <row r="126523" spans="8:8">
      <c r="H126523" s="12"/>
    </row>
    <row r="126524" spans="8:8">
      <c r="H126524" s="12"/>
    </row>
    <row r="126525" spans="8:8">
      <c r="H126525" s="12"/>
    </row>
    <row r="126526" spans="8:8">
      <c r="H126526" s="12"/>
    </row>
    <row r="126527" spans="8:8">
      <c r="H126527" s="12"/>
    </row>
    <row r="126528" spans="8:8">
      <c r="H126528" s="12"/>
    </row>
    <row r="126529" spans="8:8">
      <c r="H126529" s="12"/>
    </row>
    <row r="126530" spans="8:8">
      <c r="H126530" s="12"/>
    </row>
    <row r="126531" spans="8:8">
      <c r="H126531" s="12"/>
    </row>
    <row r="126532" spans="8:8">
      <c r="H126532" s="12"/>
    </row>
    <row r="126533" spans="8:8">
      <c r="H126533" s="12"/>
    </row>
    <row r="126534" spans="8:8">
      <c r="H126534" s="12"/>
    </row>
    <row r="126535" spans="8:8">
      <c r="H126535" s="12"/>
    </row>
    <row r="126536" spans="8:8">
      <c r="H126536" s="12"/>
    </row>
    <row r="126537" spans="8:8">
      <c r="H126537" s="12"/>
    </row>
    <row r="126538" spans="8:8">
      <c r="H126538" s="12"/>
    </row>
    <row r="126539" spans="8:8">
      <c r="H126539" s="12"/>
    </row>
    <row r="126540" spans="8:8">
      <c r="H126540" s="12"/>
    </row>
    <row r="126541" spans="8:8">
      <c r="H126541" s="12"/>
    </row>
    <row r="126542" spans="8:8">
      <c r="H126542" s="12"/>
    </row>
    <row r="126543" spans="8:8">
      <c r="H126543" s="12"/>
    </row>
    <row r="126544" spans="8:8">
      <c r="H126544" s="12"/>
    </row>
    <row r="126545" spans="8:8">
      <c r="H126545" s="12"/>
    </row>
    <row r="126546" spans="8:8">
      <c r="H126546" s="12"/>
    </row>
    <row r="126547" spans="8:8">
      <c r="H126547" s="12"/>
    </row>
    <row r="126548" spans="8:8">
      <c r="H126548" s="12"/>
    </row>
    <row r="126549" spans="8:8">
      <c r="H126549" s="12"/>
    </row>
    <row r="126550" spans="8:8">
      <c r="H126550" s="12"/>
    </row>
    <row r="126551" spans="8:8">
      <c r="H126551" s="12"/>
    </row>
    <row r="126552" spans="8:8">
      <c r="H126552" s="12"/>
    </row>
    <row r="126553" spans="8:8">
      <c r="H126553" s="12"/>
    </row>
    <row r="126554" spans="8:8">
      <c r="H126554" s="12"/>
    </row>
    <row r="126555" spans="8:8">
      <c r="H126555" s="12"/>
    </row>
    <row r="126556" spans="8:8">
      <c r="H126556" s="12"/>
    </row>
    <row r="126557" spans="8:8">
      <c r="H126557" s="12"/>
    </row>
    <row r="126558" spans="8:8">
      <c r="H126558" s="12"/>
    </row>
    <row r="126559" spans="8:8">
      <c r="H126559" s="12"/>
    </row>
    <row r="126560" spans="8:8">
      <c r="H126560" s="12"/>
    </row>
    <row r="126561" spans="8:8">
      <c r="H126561" s="12"/>
    </row>
    <row r="126562" spans="8:8">
      <c r="H126562" s="12"/>
    </row>
    <row r="126563" spans="8:8">
      <c r="H126563" s="12"/>
    </row>
    <row r="126564" spans="8:8">
      <c r="H126564" s="12"/>
    </row>
    <row r="126565" spans="8:8">
      <c r="H126565" s="12"/>
    </row>
    <row r="126566" spans="8:8">
      <c r="H126566" s="12"/>
    </row>
    <row r="126567" spans="8:8">
      <c r="H126567" s="12"/>
    </row>
    <row r="126568" spans="8:8">
      <c r="H126568" s="12"/>
    </row>
    <row r="126569" spans="8:8">
      <c r="H126569" s="12"/>
    </row>
    <row r="126570" spans="8:8">
      <c r="H126570" s="12"/>
    </row>
    <row r="126571" spans="8:8">
      <c r="H126571" s="12"/>
    </row>
    <row r="126572" spans="8:8">
      <c r="H126572" s="12"/>
    </row>
    <row r="126573" spans="8:8">
      <c r="H126573" s="12"/>
    </row>
    <row r="126574" spans="8:8">
      <c r="H126574" s="12"/>
    </row>
    <row r="126575" spans="8:8">
      <c r="H126575" s="12"/>
    </row>
    <row r="126576" spans="8:8">
      <c r="H126576" s="12"/>
    </row>
    <row r="126577" spans="8:8">
      <c r="H126577" s="12"/>
    </row>
    <row r="126578" spans="8:8">
      <c r="H126578" s="12"/>
    </row>
    <row r="126579" spans="8:8">
      <c r="H126579" s="12"/>
    </row>
    <row r="126580" spans="8:8">
      <c r="H126580" s="12"/>
    </row>
    <row r="126581" spans="8:8">
      <c r="H126581" s="12"/>
    </row>
    <row r="126582" spans="8:8">
      <c r="H126582" s="12"/>
    </row>
    <row r="126583" spans="8:8">
      <c r="H126583" s="12"/>
    </row>
    <row r="126584" spans="8:8">
      <c r="H126584" s="12"/>
    </row>
    <row r="126585" spans="8:8">
      <c r="H126585" s="12"/>
    </row>
    <row r="126586" spans="8:8">
      <c r="H126586" s="12"/>
    </row>
    <row r="126587" spans="8:8">
      <c r="H126587" s="12"/>
    </row>
    <row r="126588" spans="8:8">
      <c r="H126588" s="12"/>
    </row>
    <row r="126589" spans="8:8">
      <c r="H126589" s="12"/>
    </row>
    <row r="126590" spans="8:8">
      <c r="H126590" s="12"/>
    </row>
    <row r="126591" spans="8:8">
      <c r="H126591" s="12"/>
    </row>
    <row r="126592" spans="8:8">
      <c r="H126592" s="12"/>
    </row>
    <row r="126593" spans="8:8">
      <c r="H126593" s="12"/>
    </row>
    <row r="126594" spans="8:8">
      <c r="H126594" s="12"/>
    </row>
    <row r="126595" spans="8:8">
      <c r="H126595" s="12"/>
    </row>
    <row r="126596" spans="8:8">
      <c r="H126596" s="12"/>
    </row>
    <row r="126597" spans="8:8">
      <c r="H126597" s="12"/>
    </row>
    <row r="126598" spans="8:8">
      <c r="H126598" s="12"/>
    </row>
    <row r="126599" spans="8:8">
      <c r="H126599" s="12"/>
    </row>
    <row r="126600" spans="8:8">
      <c r="H126600" s="12"/>
    </row>
    <row r="126601" spans="8:8">
      <c r="H126601" s="12"/>
    </row>
    <row r="126602" spans="8:8">
      <c r="H126602" s="12"/>
    </row>
    <row r="126603" spans="8:8">
      <c r="H126603" s="12"/>
    </row>
    <row r="126604" spans="8:8">
      <c r="H126604" s="12"/>
    </row>
    <row r="126605" spans="8:8">
      <c r="H126605" s="12"/>
    </row>
    <row r="126606" spans="8:8">
      <c r="H126606" s="12"/>
    </row>
    <row r="126607" spans="8:8">
      <c r="H126607" s="12"/>
    </row>
    <row r="126608" spans="8:8">
      <c r="H126608" s="12"/>
    </row>
    <row r="126609" spans="8:8">
      <c r="H126609" s="12"/>
    </row>
    <row r="126610" spans="8:8">
      <c r="H126610" s="12"/>
    </row>
    <row r="126611" spans="8:8">
      <c r="H126611" s="12"/>
    </row>
    <row r="126612" spans="8:8">
      <c r="H126612" s="12"/>
    </row>
    <row r="126613" spans="8:8">
      <c r="H126613" s="12"/>
    </row>
    <row r="126614" spans="8:8">
      <c r="H126614" s="12"/>
    </row>
    <row r="126615" spans="8:8">
      <c r="H126615" s="12"/>
    </row>
    <row r="126616" spans="8:8">
      <c r="H126616" s="12"/>
    </row>
    <row r="126617" spans="8:8">
      <c r="H126617" s="12"/>
    </row>
    <row r="126618" spans="8:8">
      <c r="H126618" s="12"/>
    </row>
    <row r="126619" spans="8:8">
      <c r="H126619" s="12"/>
    </row>
    <row r="126620" spans="8:8">
      <c r="H126620" s="12"/>
    </row>
    <row r="126621" spans="8:8">
      <c r="H126621" s="12"/>
    </row>
    <row r="126622" spans="8:8">
      <c r="H126622" s="12"/>
    </row>
    <row r="126623" spans="8:8">
      <c r="H126623" s="12"/>
    </row>
    <row r="126624" spans="8:8">
      <c r="H126624" s="12"/>
    </row>
    <row r="126625" spans="8:8">
      <c r="H126625" s="12"/>
    </row>
    <row r="126626" spans="8:8">
      <c r="H126626" s="12"/>
    </row>
    <row r="126627" spans="8:8">
      <c r="H126627" s="12"/>
    </row>
    <row r="126628" spans="8:8">
      <c r="H126628" s="12"/>
    </row>
    <row r="126629" spans="8:8">
      <c r="H126629" s="12"/>
    </row>
    <row r="126630" spans="8:8">
      <c r="H126630" s="12"/>
    </row>
    <row r="126631" spans="8:8">
      <c r="H126631" s="12"/>
    </row>
    <row r="126632" spans="8:8">
      <c r="H126632" s="12"/>
    </row>
    <row r="126633" spans="8:8">
      <c r="H126633" s="12"/>
    </row>
    <row r="126634" spans="8:8">
      <c r="H126634" s="12"/>
    </row>
    <row r="126635" spans="8:8">
      <c r="H126635" s="12"/>
    </row>
    <row r="126636" spans="8:8">
      <c r="H126636" s="12"/>
    </row>
    <row r="126637" spans="8:8">
      <c r="H126637" s="12"/>
    </row>
    <row r="126638" spans="8:8">
      <c r="H126638" s="12"/>
    </row>
    <row r="126639" spans="8:8">
      <c r="H126639" s="12"/>
    </row>
    <row r="126640" spans="8:8">
      <c r="H126640" s="12"/>
    </row>
    <row r="126641" spans="8:8">
      <c r="H126641" s="12"/>
    </row>
    <row r="126642" spans="8:8">
      <c r="H126642" s="12"/>
    </row>
    <row r="126643" spans="8:8">
      <c r="H126643" s="12"/>
    </row>
    <row r="126644" spans="8:8">
      <c r="H126644" s="12"/>
    </row>
    <row r="126645" spans="8:8">
      <c r="H126645" s="12"/>
    </row>
    <row r="126646" spans="8:8">
      <c r="H126646" s="12"/>
    </row>
    <row r="126647" spans="8:8">
      <c r="H126647" s="12"/>
    </row>
    <row r="126648" spans="8:8">
      <c r="H126648" s="12"/>
    </row>
    <row r="126649" spans="8:8">
      <c r="H126649" s="12"/>
    </row>
    <row r="126650" spans="8:8">
      <c r="H126650" s="12"/>
    </row>
    <row r="126651" spans="8:8">
      <c r="H126651" s="12"/>
    </row>
    <row r="126652" spans="8:8">
      <c r="H126652" s="12"/>
    </row>
    <row r="126653" spans="8:8">
      <c r="H126653" s="12"/>
    </row>
    <row r="126654" spans="8:8">
      <c r="H126654" s="12"/>
    </row>
    <row r="126655" spans="8:8">
      <c r="H126655" s="12"/>
    </row>
    <row r="126656" spans="8:8">
      <c r="H126656" s="12"/>
    </row>
    <row r="126657" spans="8:8">
      <c r="H126657" s="12"/>
    </row>
    <row r="126658" spans="8:8">
      <c r="H126658" s="12"/>
    </row>
    <row r="126659" spans="8:8">
      <c r="H126659" s="12"/>
    </row>
    <row r="126660" spans="8:8">
      <c r="H126660" s="12"/>
    </row>
    <row r="126661" spans="8:8">
      <c r="H126661" s="12"/>
    </row>
    <row r="126662" spans="8:8">
      <c r="H126662" s="12"/>
    </row>
    <row r="126663" spans="8:8">
      <c r="H126663" s="12"/>
    </row>
    <row r="126664" spans="8:8">
      <c r="H126664" s="12"/>
    </row>
    <row r="126665" spans="8:8">
      <c r="H126665" s="12"/>
    </row>
    <row r="126666" spans="8:8">
      <c r="H126666" s="12"/>
    </row>
    <row r="126667" spans="8:8">
      <c r="H126667" s="12"/>
    </row>
    <row r="126668" spans="8:8">
      <c r="H126668" s="12"/>
    </row>
    <row r="126669" spans="8:8">
      <c r="H126669" s="12"/>
    </row>
    <row r="126670" spans="8:8">
      <c r="H126670" s="12"/>
    </row>
    <row r="126671" spans="8:8">
      <c r="H126671" s="12"/>
    </row>
    <row r="126672" spans="8:8">
      <c r="H126672" s="12"/>
    </row>
    <row r="126673" spans="8:8">
      <c r="H126673" s="12"/>
    </row>
    <row r="126674" spans="8:8">
      <c r="H126674" s="12"/>
    </row>
    <row r="126675" spans="8:8">
      <c r="H126675" s="12"/>
    </row>
    <row r="126676" spans="8:8">
      <c r="H126676" s="12"/>
    </row>
    <row r="126677" spans="8:8">
      <c r="H126677" s="12"/>
    </row>
    <row r="126678" spans="8:8">
      <c r="H126678" s="12"/>
    </row>
    <row r="126679" spans="8:8">
      <c r="H126679" s="12"/>
    </row>
    <row r="126680" spans="8:8">
      <c r="H126680" s="12"/>
    </row>
    <row r="126681" spans="8:8">
      <c r="H126681" s="12"/>
    </row>
    <row r="126682" spans="8:8">
      <c r="H126682" s="12"/>
    </row>
    <row r="126683" spans="8:8">
      <c r="H126683" s="12"/>
    </row>
    <row r="126684" spans="8:8">
      <c r="H126684" s="12"/>
    </row>
    <row r="126685" spans="8:8">
      <c r="H126685" s="12"/>
    </row>
    <row r="126686" spans="8:8">
      <c r="H126686" s="12"/>
    </row>
    <row r="126687" spans="8:8">
      <c r="H126687" s="12"/>
    </row>
    <row r="126688" spans="8:8">
      <c r="H126688" s="12"/>
    </row>
    <row r="126689" spans="8:8">
      <c r="H126689" s="12"/>
    </row>
    <row r="126690" spans="8:8">
      <c r="H126690" s="12"/>
    </row>
    <row r="126691" spans="8:8">
      <c r="H126691" s="12"/>
    </row>
    <row r="126692" spans="8:8">
      <c r="H126692" s="12"/>
    </row>
    <row r="126693" spans="8:8">
      <c r="H126693" s="12"/>
    </row>
    <row r="126694" spans="8:8">
      <c r="H126694" s="12"/>
    </row>
    <row r="126695" spans="8:8">
      <c r="H126695" s="12"/>
    </row>
    <row r="126696" spans="8:8">
      <c r="H126696" s="12"/>
    </row>
    <row r="126697" spans="8:8">
      <c r="H126697" s="12"/>
    </row>
    <row r="126698" spans="8:8">
      <c r="H126698" s="12"/>
    </row>
    <row r="126699" spans="8:8">
      <c r="H126699" s="12"/>
    </row>
    <row r="126700" spans="8:8">
      <c r="H126700" s="12"/>
    </row>
    <row r="126701" spans="8:8">
      <c r="H126701" s="12"/>
    </row>
    <row r="126702" spans="8:8">
      <c r="H126702" s="12"/>
    </row>
    <row r="126703" spans="8:8">
      <c r="H126703" s="12"/>
    </row>
    <row r="126704" spans="8:8">
      <c r="H126704" s="12"/>
    </row>
    <row r="126705" spans="8:8">
      <c r="H126705" s="12"/>
    </row>
    <row r="126706" spans="8:8">
      <c r="H126706" s="12"/>
    </row>
    <row r="126707" spans="8:8">
      <c r="H126707" s="12"/>
    </row>
    <row r="126708" spans="8:8">
      <c r="H126708" s="12"/>
    </row>
    <row r="126709" spans="8:8">
      <c r="H126709" s="12"/>
    </row>
    <row r="126710" spans="8:8">
      <c r="H126710" s="12"/>
    </row>
    <row r="126711" spans="8:8">
      <c r="H126711" s="12"/>
    </row>
    <row r="126712" spans="8:8">
      <c r="H126712" s="12"/>
    </row>
    <row r="126713" spans="8:8">
      <c r="H126713" s="12"/>
    </row>
    <row r="126714" spans="8:8">
      <c r="H126714" s="12"/>
    </row>
    <row r="126715" spans="8:8">
      <c r="H126715" s="12"/>
    </row>
    <row r="126716" spans="8:8">
      <c r="H126716" s="12"/>
    </row>
    <row r="126717" spans="8:8">
      <c r="H126717" s="12"/>
    </row>
    <row r="126718" spans="8:8">
      <c r="H126718" s="12"/>
    </row>
    <row r="126719" spans="8:8">
      <c r="H126719" s="12"/>
    </row>
    <row r="126720" spans="8:8">
      <c r="H126720" s="12"/>
    </row>
    <row r="126721" spans="8:8">
      <c r="H126721" s="12"/>
    </row>
    <row r="126722" spans="8:8">
      <c r="H126722" s="12"/>
    </row>
    <row r="126723" spans="8:8">
      <c r="H126723" s="12"/>
    </row>
    <row r="126724" spans="8:8">
      <c r="H126724" s="12"/>
    </row>
    <row r="126725" spans="8:8">
      <c r="H126725" s="12"/>
    </row>
    <row r="126726" spans="8:8">
      <c r="H126726" s="12"/>
    </row>
    <row r="126727" spans="8:8">
      <c r="H126727" s="12"/>
    </row>
    <row r="126728" spans="8:8">
      <c r="H126728" s="12"/>
    </row>
    <row r="126729" spans="8:8">
      <c r="H126729" s="12"/>
    </row>
    <row r="126730" spans="8:8">
      <c r="H126730" s="12"/>
    </row>
    <row r="126731" spans="8:8">
      <c r="H126731" s="12"/>
    </row>
    <row r="126732" spans="8:8">
      <c r="H126732" s="12"/>
    </row>
    <row r="126733" spans="8:8">
      <c r="H126733" s="12"/>
    </row>
    <row r="126734" spans="8:8">
      <c r="H126734" s="12"/>
    </row>
    <row r="126735" spans="8:8">
      <c r="H126735" s="12"/>
    </row>
    <row r="126736" spans="8:8">
      <c r="H126736" s="12"/>
    </row>
    <row r="126737" spans="8:8">
      <c r="H126737" s="12"/>
    </row>
    <row r="126738" spans="8:8">
      <c r="H126738" s="12"/>
    </row>
    <row r="126739" spans="8:8">
      <c r="H126739" s="12"/>
    </row>
    <row r="126740" spans="8:8">
      <c r="H126740" s="12"/>
    </row>
    <row r="126741" spans="8:8">
      <c r="H126741" s="12"/>
    </row>
    <row r="126742" spans="8:8">
      <c r="H126742" s="12"/>
    </row>
    <row r="126743" spans="8:8">
      <c r="H126743" s="12"/>
    </row>
    <row r="126744" spans="8:8">
      <c r="H126744" s="12"/>
    </row>
    <row r="126745" spans="8:8">
      <c r="H126745" s="12"/>
    </row>
    <row r="126746" spans="8:8">
      <c r="H126746" s="12"/>
    </row>
    <row r="126747" spans="8:8">
      <c r="H126747" s="12"/>
    </row>
    <row r="126748" spans="8:8">
      <c r="H126748" s="12"/>
    </row>
    <row r="126749" spans="8:8">
      <c r="H126749" s="12"/>
    </row>
    <row r="126750" spans="8:8">
      <c r="H126750" s="12"/>
    </row>
    <row r="126751" spans="8:8">
      <c r="H126751" s="12"/>
    </row>
    <row r="126752" spans="8:8">
      <c r="H126752" s="12"/>
    </row>
    <row r="126753" spans="8:8">
      <c r="H126753" s="12"/>
    </row>
    <row r="126754" spans="8:8">
      <c r="H126754" s="12"/>
    </row>
    <row r="126755" spans="8:8">
      <c r="H126755" s="12"/>
    </row>
    <row r="126756" spans="8:8">
      <c r="H126756" s="12"/>
    </row>
    <row r="126757" spans="8:8">
      <c r="H126757" s="12"/>
    </row>
    <row r="126758" spans="8:8">
      <c r="H126758" s="12"/>
    </row>
    <row r="126759" spans="8:8">
      <c r="H126759" s="12"/>
    </row>
    <row r="126760" spans="8:8">
      <c r="H126760" s="12"/>
    </row>
    <row r="126761" spans="8:8">
      <c r="H126761" s="12"/>
    </row>
    <row r="126762" spans="8:8">
      <c r="H126762" s="12"/>
    </row>
    <row r="126763" spans="8:8">
      <c r="H126763" s="12"/>
    </row>
    <row r="126764" spans="8:8">
      <c r="H126764" s="12"/>
    </row>
    <row r="126765" spans="8:8">
      <c r="H126765" s="12"/>
    </row>
    <row r="126766" spans="8:8">
      <c r="H126766" s="12"/>
    </row>
    <row r="126767" spans="8:8">
      <c r="H126767" s="12"/>
    </row>
    <row r="126768" spans="8:8">
      <c r="H126768" s="12"/>
    </row>
    <row r="126769" spans="8:8">
      <c r="H126769" s="12"/>
    </row>
    <row r="126770" spans="8:8">
      <c r="H126770" s="12"/>
    </row>
    <row r="126771" spans="8:8">
      <c r="H126771" s="12"/>
    </row>
    <row r="126772" spans="8:8">
      <c r="H126772" s="12"/>
    </row>
    <row r="126773" spans="8:8">
      <c r="H126773" s="12"/>
    </row>
    <row r="126774" spans="8:8">
      <c r="H126774" s="12"/>
    </row>
    <row r="126775" spans="8:8">
      <c r="H126775" s="12"/>
    </row>
    <row r="126776" spans="8:8">
      <c r="H126776" s="12"/>
    </row>
    <row r="126777" spans="8:8">
      <c r="H126777" s="12"/>
    </row>
    <row r="126778" spans="8:8">
      <c r="H126778" s="12"/>
    </row>
    <row r="126779" spans="8:8">
      <c r="H126779" s="12"/>
    </row>
    <row r="126780" spans="8:8">
      <c r="H126780" s="12"/>
    </row>
    <row r="126781" spans="8:8">
      <c r="H126781" s="12"/>
    </row>
    <row r="126782" spans="8:8">
      <c r="H126782" s="12"/>
    </row>
    <row r="126783" spans="8:8">
      <c r="H126783" s="12"/>
    </row>
    <row r="126784" spans="8:8">
      <c r="H126784" s="12"/>
    </row>
    <row r="126785" spans="8:8">
      <c r="H126785" s="12"/>
    </row>
    <row r="126786" spans="8:8">
      <c r="H126786" s="12"/>
    </row>
    <row r="126787" spans="8:8">
      <c r="H126787" s="12"/>
    </row>
    <row r="126788" spans="8:8">
      <c r="H126788" s="12"/>
    </row>
    <row r="126789" spans="8:8">
      <c r="H126789" s="12"/>
    </row>
    <row r="126790" spans="8:8">
      <c r="H126790" s="12"/>
    </row>
    <row r="126791" spans="8:8">
      <c r="H126791" s="12"/>
    </row>
    <row r="126792" spans="8:8">
      <c r="H126792" s="12"/>
    </row>
    <row r="126793" spans="8:8">
      <c r="H126793" s="12"/>
    </row>
    <row r="126794" spans="8:8">
      <c r="H126794" s="12"/>
    </row>
    <row r="126795" spans="8:8">
      <c r="H126795" s="12"/>
    </row>
    <row r="126796" spans="8:8">
      <c r="H126796" s="12"/>
    </row>
    <row r="126797" spans="8:8">
      <c r="H126797" s="12"/>
    </row>
    <row r="126798" spans="8:8">
      <c r="H126798" s="12"/>
    </row>
    <row r="126799" spans="8:8">
      <c r="H126799" s="12"/>
    </row>
    <row r="126800" spans="8:8">
      <c r="H126800" s="12"/>
    </row>
    <row r="126801" spans="8:8">
      <c r="H126801" s="12"/>
    </row>
    <row r="126802" spans="8:8">
      <c r="H126802" s="12"/>
    </row>
    <row r="126803" spans="8:8">
      <c r="H126803" s="12"/>
    </row>
    <row r="126804" spans="8:8">
      <c r="H126804" s="12"/>
    </row>
    <row r="126805" spans="8:8">
      <c r="H126805" s="12"/>
    </row>
    <row r="126806" spans="8:8">
      <c r="H126806" s="12"/>
    </row>
    <row r="126807" spans="8:8">
      <c r="H126807" s="12"/>
    </row>
    <row r="126808" spans="8:8">
      <c r="H126808" s="12"/>
    </row>
    <row r="126809" spans="8:8">
      <c r="H126809" s="12"/>
    </row>
    <row r="126810" spans="8:8">
      <c r="H126810" s="12"/>
    </row>
    <row r="126811" spans="8:8">
      <c r="H126811" s="12"/>
    </row>
    <row r="126812" spans="8:8">
      <c r="H126812" s="12"/>
    </row>
    <row r="126813" spans="8:8">
      <c r="H126813" s="12"/>
    </row>
    <row r="126814" spans="8:8">
      <c r="H126814" s="12"/>
    </row>
    <row r="126815" spans="8:8">
      <c r="H126815" s="12"/>
    </row>
    <row r="126816" spans="8:8">
      <c r="H126816" s="12"/>
    </row>
    <row r="126817" spans="8:8">
      <c r="H126817" s="12"/>
    </row>
    <row r="126818" spans="8:8">
      <c r="H126818" s="12"/>
    </row>
    <row r="126819" spans="8:8">
      <c r="H126819" s="12"/>
    </row>
    <row r="126820" spans="8:8">
      <c r="H126820" s="12"/>
    </row>
    <row r="126821" spans="8:8">
      <c r="H126821" s="12"/>
    </row>
    <row r="126822" spans="8:8">
      <c r="H126822" s="12"/>
    </row>
    <row r="126823" spans="8:8">
      <c r="H126823" s="12"/>
    </row>
    <row r="126824" spans="8:8">
      <c r="H126824" s="12"/>
    </row>
    <row r="126825" spans="8:8">
      <c r="H126825" s="12"/>
    </row>
    <row r="126826" spans="8:8">
      <c r="H126826" s="12"/>
    </row>
    <row r="126827" spans="8:8">
      <c r="H126827" s="12"/>
    </row>
    <row r="126828" spans="8:8">
      <c r="H126828" s="12"/>
    </row>
    <row r="126829" spans="8:8">
      <c r="H126829" s="12"/>
    </row>
    <row r="126830" spans="8:8">
      <c r="H126830" s="12"/>
    </row>
    <row r="126831" spans="8:8">
      <c r="H126831" s="12"/>
    </row>
    <row r="126832" spans="8:8">
      <c r="H126832" s="12"/>
    </row>
    <row r="126833" spans="8:8">
      <c r="H126833" s="12"/>
    </row>
    <row r="126834" spans="8:8">
      <c r="H126834" s="12"/>
    </row>
    <row r="126835" spans="8:8">
      <c r="H126835" s="12"/>
    </row>
    <row r="126836" spans="8:8">
      <c r="H126836" s="12"/>
    </row>
    <row r="126837" spans="8:8">
      <c r="H126837" s="12"/>
    </row>
    <row r="126838" spans="8:8">
      <c r="H126838" s="12"/>
    </row>
    <row r="126839" spans="8:8">
      <c r="H126839" s="12"/>
    </row>
    <row r="126840" spans="8:8">
      <c r="H126840" s="12"/>
    </row>
    <row r="126841" spans="8:8">
      <c r="H126841" s="12"/>
    </row>
    <row r="126842" spans="8:8">
      <c r="H126842" s="12"/>
    </row>
    <row r="126843" spans="8:8">
      <c r="H126843" s="12"/>
    </row>
    <row r="126844" spans="8:8">
      <c r="H126844" s="12"/>
    </row>
    <row r="126845" spans="8:8">
      <c r="H126845" s="12"/>
    </row>
    <row r="126846" spans="8:8">
      <c r="H126846" s="12"/>
    </row>
    <row r="126847" spans="8:8">
      <c r="H126847" s="12"/>
    </row>
    <row r="126848" spans="8:8">
      <c r="H126848" s="12"/>
    </row>
    <row r="126849" spans="8:8">
      <c r="H126849" s="12"/>
    </row>
    <row r="126850" spans="8:8">
      <c r="H126850" s="12"/>
    </row>
    <row r="126851" spans="8:8">
      <c r="H126851" s="12"/>
    </row>
    <row r="126852" spans="8:8">
      <c r="H126852" s="12"/>
    </row>
    <row r="126853" spans="8:8">
      <c r="H126853" s="12"/>
    </row>
    <row r="126854" spans="8:8">
      <c r="H126854" s="12"/>
    </row>
    <row r="126855" spans="8:8">
      <c r="H126855" s="12"/>
    </row>
    <row r="126856" spans="8:8">
      <c r="H126856" s="12"/>
    </row>
    <row r="126857" spans="8:8">
      <c r="H126857" s="12"/>
    </row>
    <row r="126858" spans="8:8">
      <c r="H126858" s="12"/>
    </row>
    <row r="126859" spans="8:8">
      <c r="H126859" s="12"/>
    </row>
    <row r="126860" spans="8:8">
      <c r="H126860" s="12"/>
    </row>
    <row r="126861" spans="8:8">
      <c r="H126861" s="12"/>
    </row>
    <row r="126862" spans="8:8">
      <c r="H126862" s="12"/>
    </row>
    <row r="126863" spans="8:8">
      <c r="H126863" s="12"/>
    </row>
    <row r="126864" spans="8:8">
      <c r="H126864" s="12"/>
    </row>
    <row r="126865" spans="8:8">
      <c r="H126865" s="12"/>
    </row>
    <row r="126866" spans="8:8">
      <c r="H126866" s="12"/>
    </row>
    <row r="126867" spans="8:8">
      <c r="H126867" s="12"/>
    </row>
    <row r="126868" spans="8:8">
      <c r="H126868" s="12"/>
    </row>
    <row r="126869" spans="8:8">
      <c r="H126869" s="12"/>
    </row>
    <row r="126870" spans="8:8">
      <c r="H126870" s="12"/>
    </row>
    <row r="126871" spans="8:8">
      <c r="H126871" s="12"/>
    </row>
    <row r="126872" spans="8:8">
      <c r="H126872" s="12"/>
    </row>
    <row r="126873" spans="8:8">
      <c r="H126873" s="12"/>
    </row>
    <row r="126874" spans="8:8">
      <c r="H126874" s="12"/>
    </row>
    <row r="126875" spans="8:8">
      <c r="H126875" s="12"/>
    </row>
    <row r="126876" spans="8:8">
      <c r="H126876" s="12"/>
    </row>
    <row r="126877" spans="8:8">
      <c r="H126877" s="12"/>
    </row>
    <row r="126878" spans="8:8">
      <c r="H126878" s="12"/>
    </row>
    <row r="126879" spans="8:8">
      <c r="H126879" s="12"/>
    </row>
    <row r="126880" spans="8:8">
      <c r="H126880" s="12"/>
    </row>
    <row r="126881" spans="8:8">
      <c r="H126881" s="12"/>
    </row>
    <row r="126882" spans="8:8">
      <c r="H126882" s="12"/>
    </row>
    <row r="126883" spans="8:8">
      <c r="H126883" s="12"/>
    </row>
    <row r="126884" spans="8:8">
      <c r="H126884" s="12"/>
    </row>
    <row r="126885" spans="8:8">
      <c r="H126885" s="12"/>
    </row>
    <row r="126886" spans="8:8">
      <c r="H126886" s="12"/>
    </row>
    <row r="126887" spans="8:8">
      <c r="H126887" s="12"/>
    </row>
    <row r="126888" spans="8:8">
      <c r="H126888" s="12"/>
    </row>
    <row r="126889" spans="8:8">
      <c r="H126889" s="12"/>
    </row>
    <row r="126890" spans="8:8">
      <c r="H126890" s="12"/>
    </row>
    <row r="126891" spans="8:8">
      <c r="H126891" s="12"/>
    </row>
    <row r="126892" spans="8:8">
      <c r="H126892" s="12"/>
    </row>
    <row r="126893" spans="8:8">
      <c r="H126893" s="12"/>
    </row>
    <row r="126894" spans="8:8">
      <c r="H126894" s="12"/>
    </row>
    <row r="126895" spans="8:8">
      <c r="H126895" s="12"/>
    </row>
    <row r="126896" spans="8:8">
      <c r="H126896" s="12"/>
    </row>
    <row r="126897" spans="8:8">
      <c r="H126897" s="12"/>
    </row>
    <row r="126898" spans="8:8">
      <c r="H126898" s="12"/>
    </row>
    <row r="126899" spans="8:8">
      <c r="H126899" s="12"/>
    </row>
    <row r="126900" spans="8:8">
      <c r="H126900" s="12"/>
    </row>
    <row r="126901" spans="8:8">
      <c r="H126901" s="12"/>
    </row>
    <row r="126902" spans="8:8">
      <c r="H126902" s="12"/>
    </row>
    <row r="126903" spans="8:8">
      <c r="H126903" s="12"/>
    </row>
    <row r="126904" spans="8:8">
      <c r="H126904" s="12"/>
    </row>
    <row r="126905" spans="8:8">
      <c r="H126905" s="12"/>
    </row>
    <row r="126906" spans="8:8">
      <c r="H126906" s="12"/>
    </row>
    <row r="126907" spans="8:8">
      <c r="H126907" s="12"/>
    </row>
    <row r="126908" spans="8:8">
      <c r="H126908" s="12"/>
    </row>
    <row r="126909" spans="8:8">
      <c r="H126909" s="12"/>
    </row>
    <row r="126910" spans="8:8">
      <c r="H126910" s="12"/>
    </row>
    <row r="126911" spans="8:8">
      <c r="H126911" s="12"/>
    </row>
    <row r="126912" spans="8:8">
      <c r="H126912" s="12"/>
    </row>
    <row r="126913" spans="8:8">
      <c r="H126913" s="12"/>
    </row>
    <row r="126914" spans="8:8">
      <c r="H126914" s="12"/>
    </row>
    <row r="126915" spans="8:8">
      <c r="H126915" s="12"/>
    </row>
    <row r="126916" spans="8:8">
      <c r="H126916" s="12"/>
    </row>
    <row r="126917" spans="8:8">
      <c r="H126917" s="12"/>
    </row>
    <row r="126918" spans="8:8">
      <c r="H126918" s="12"/>
    </row>
    <row r="126919" spans="8:8">
      <c r="H126919" s="12"/>
    </row>
    <row r="126920" spans="8:8">
      <c r="H126920" s="12"/>
    </row>
    <row r="126921" spans="8:8">
      <c r="H126921" s="12"/>
    </row>
    <row r="126922" spans="8:8">
      <c r="H126922" s="12"/>
    </row>
    <row r="126923" spans="8:8">
      <c r="H126923" s="12"/>
    </row>
    <row r="126924" spans="8:8">
      <c r="H126924" s="12"/>
    </row>
    <row r="126925" spans="8:8">
      <c r="H126925" s="12"/>
    </row>
    <row r="126926" spans="8:8">
      <c r="H126926" s="12"/>
    </row>
    <row r="126927" spans="8:8">
      <c r="H126927" s="12"/>
    </row>
    <row r="126928" spans="8:8">
      <c r="H126928" s="12"/>
    </row>
    <row r="126929" spans="8:8">
      <c r="H126929" s="12"/>
    </row>
    <row r="126930" spans="8:8">
      <c r="H126930" s="12"/>
    </row>
    <row r="126931" spans="8:8">
      <c r="H126931" s="12"/>
    </row>
    <row r="126932" spans="8:8">
      <c r="H126932" s="12"/>
    </row>
    <row r="126933" spans="8:8">
      <c r="H126933" s="12"/>
    </row>
    <row r="126934" spans="8:8">
      <c r="H126934" s="12"/>
    </row>
    <row r="126935" spans="8:8">
      <c r="H126935" s="12"/>
    </row>
    <row r="126936" spans="8:8">
      <c r="H126936" s="12"/>
    </row>
    <row r="126937" spans="8:8">
      <c r="H126937" s="12"/>
    </row>
    <row r="126938" spans="8:8">
      <c r="H126938" s="12"/>
    </row>
    <row r="126939" spans="8:8">
      <c r="H126939" s="12"/>
    </row>
    <row r="126940" spans="8:8">
      <c r="H126940" s="12"/>
    </row>
    <row r="126941" spans="8:8">
      <c r="H126941" s="12"/>
    </row>
    <row r="126942" spans="8:8">
      <c r="H126942" s="12"/>
    </row>
    <row r="126943" spans="8:8">
      <c r="H126943" s="12"/>
    </row>
    <row r="126944" spans="8:8">
      <c r="H126944" s="12"/>
    </row>
    <row r="126945" spans="8:8">
      <c r="H126945" s="12"/>
    </row>
    <row r="126946" spans="8:8">
      <c r="H126946" s="12"/>
    </row>
    <row r="126947" spans="8:8">
      <c r="H126947" s="12"/>
    </row>
    <row r="126948" spans="8:8">
      <c r="H126948" s="12"/>
    </row>
    <row r="126949" spans="8:8">
      <c r="H126949" s="12"/>
    </row>
    <row r="126950" spans="8:8">
      <c r="H126950" s="12"/>
    </row>
    <row r="126951" spans="8:8">
      <c r="H126951" s="12"/>
    </row>
    <row r="126952" spans="8:8">
      <c r="H126952" s="12"/>
    </row>
    <row r="126953" spans="8:8">
      <c r="H126953" s="12"/>
    </row>
    <row r="126954" spans="8:8">
      <c r="H126954" s="12"/>
    </row>
    <row r="126955" spans="8:8">
      <c r="H126955" s="12"/>
    </row>
    <row r="126956" spans="8:8">
      <c r="H126956" s="12"/>
    </row>
    <row r="126957" spans="8:8">
      <c r="H126957" s="12"/>
    </row>
    <row r="126958" spans="8:8">
      <c r="H126958" s="12"/>
    </row>
    <row r="126959" spans="8:8">
      <c r="H126959" s="12"/>
    </row>
    <row r="126960" spans="8:8">
      <c r="H126960" s="12"/>
    </row>
    <row r="126961" spans="8:8">
      <c r="H126961" s="12"/>
    </row>
    <row r="126962" spans="8:8">
      <c r="H126962" s="12"/>
    </row>
    <row r="126963" spans="8:8">
      <c r="H126963" s="12"/>
    </row>
    <row r="126964" spans="8:8">
      <c r="H126964" s="12"/>
    </row>
    <row r="126965" spans="8:8">
      <c r="H126965" s="12"/>
    </row>
    <row r="126966" spans="8:8">
      <c r="H126966" s="12"/>
    </row>
    <row r="126967" spans="8:8">
      <c r="H126967" s="12"/>
    </row>
    <row r="126968" spans="8:8">
      <c r="H126968" s="12"/>
    </row>
    <row r="126969" spans="8:8">
      <c r="H126969" s="12"/>
    </row>
    <row r="126970" spans="8:8">
      <c r="H126970" s="12"/>
    </row>
    <row r="126971" spans="8:8">
      <c r="H126971" s="12"/>
    </row>
    <row r="126972" spans="8:8">
      <c r="H126972" s="12"/>
    </row>
    <row r="126973" spans="8:8">
      <c r="H126973" s="12"/>
    </row>
    <row r="126974" spans="8:8">
      <c r="H126974" s="12"/>
    </row>
    <row r="126975" spans="8:8">
      <c r="H126975" s="12"/>
    </row>
    <row r="126976" spans="8:8">
      <c r="H126976" s="12"/>
    </row>
    <row r="126977" spans="8:8">
      <c r="H126977" s="12"/>
    </row>
    <row r="126978" spans="8:8">
      <c r="H126978" s="12"/>
    </row>
    <row r="126979" spans="8:8">
      <c r="H126979" s="12"/>
    </row>
    <row r="126980" spans="8:8">
      <c r="H126980" s="12"/>
    </row>
    <row r="126981" spans="8:8">
      <c r="H126981" s="12"/>
    </row>
    <row r="126982" spans="8:8">
      <c r="H126982" s="12"/>
    </row>
    <row r="126983" spans="8:8">
      <c r="H126983" s="12"/>
    </row>
    <row r="126984" spans="8:8">
      <c r="H126984" s="12"/>
    </row>
    <row r="126985" spans="8:8">
      <c r="H126985" s="12"/>
    </row>
    <row r="126986" spans="8:8">
      <c r="H126986" s="12"/>
    </row>
    <row r="126987" spans="8:8">
      <c r="H126987" s="12"/>
    </row>
    <row r="126988" spans="8:8">
      <c r="H126988" s="12"/>
    </row>
    <row r="126989" spans="8:8">
      <c r="H126989" s="12"/>
    </row>
    <row r="126990" spans="8:8">
      <c r="H126990" s="12"/>
    </row>
    <row r="126991" spans="8:8">
      <c r="H126991" s="12"/>
    </row>
    <row r="126992" spans="8:8">
      <c r="H126992" s="12"/>
    </row>
    <row r="126993" spans="8:8">
      <c r="H126993" s="12"/>
    </row>
    <row r="126994" spans="8:8">
      <c r="H126994" s="12"/>
    </row>
    <row r="126995" spans="8:8">
      <c r="H126995" s="12"/>
    </row>
    <row r="126996" spans="8:8">
      <c r="H126996" s="12"/>
    </row>
    <row r="126997" spans="8:8">
      <c r="H126997" s="12"/>
    </row>
    <row r="126998" spans="8:8">
      <c r="H126998" s="12"/>
    </row>
    <row r="126999" spans="8:8">
      <c r="H126999" s="12"/>
    </row>
    <row r="127000" spans="8:8">
      <c r="H127000" s="12"/>
    </row>
    <row r="127001" spans="8:8">
      <c r="H127001" s="12"/>
    </row>
    <row r="127002" spans="8:8">
      <c r="H127002" s="12"/>
    </row>
    <row r="127003" spans="8:8">
      <c r="H127003" s="12"/>
    </row>
    <row r="127004" spans="8:8">
      <c r="H127004" s="12"/>
    </row>
    <row r="127005" spans="8:8">
      <c r="H127005" s="12"/>
    </row>
    <row r="127006" spans="8:8">
      <c r="H127006" s="12"/>
    </row>
    <row r="127007" spans="8:8">
      <c r="H127007" s="12"/>
    </row>
    <row r="127008" spans="8:8">
      <c r="H127008" s="12"/>
    </row>
    <row r="127009" spans="8:8">
      <c r="H127009" s="12"/>
    </row>
    <row r="127010" spans="8:8">
      <c r="H127010" s="12"/>
    </row>
    <row r="127011" spans="8:8">
      <c r="H127011" s="12"/>
    </row>
    <row r="127012" spans="8:8">
      <c r="H127012" s="12"/>
    </row>
    <row r="127013" spans="8:8">
      <c r="H127013" s="12"/>
    </row>
    <row r="127014" spans="8:8">
      <c r="H127014" s="12"/>
    </row>
    <row r="127015" spans="8:8">
      <c r="H127015" s="12"/>
    </row>
    <row r="127016" spans="8:8">
      <c r="H127016" s="12"/>
    </row>
    <row r="127017" spans="8:8">
      <c r="H127017" s="12"/>
    </row>
    <row r="127018" spans="8:8">
      <c r="H127018" s="12"/>
    </row>
    <row r="127019" spans="8:8">
      <c r="H127019" s="12"/>
    </row>
    <row r="127020" spans="8:8">
      <c r="H127020" s="12"/>
    </row>
    <row r="127021" spans="8:8">
      <c r="H127021" s="12"/>
    </row>
    <row r="127022" spans="8:8">
      <c r="H127022" s="12"/>
    </row>
    <row r="127023" spans="8:8">
      <c r="H127023" s="12"/>
    </row>
    <row r="127024" spans="8:8">
      <c r="H127024" s="12"/>
    </row>
    <row r="127025" spans="8:8">
      <c r="H127025" s="12"/>
    </row>
    <row r="127026" spans="8:8">
      <c r="H127026" s="12"/>
    </row>
    <row r="127027" spans="8:8">
      <c r="H127027" s="12"/>
    </row>
    <row r="127028" spans="8:8">
      <c r="H127028" s="12"/>
    </row>
    <row r="127029" spans="8:8">
      <c r="H127029" s="12"/>
    </row>
    <row r="127030" spans="8:8">
      <c r="H127030" s="12"/>
    </row>
    <row r="127031" spans="8:8">
      <c r="H127031" s="12"/>
    </row>
    <row r="127032" spans="8:8">
      <c r="H127032" s="12"/>
    </row>
    <row r="127033" spans="8:8">
      <c r="H127033" s="12"/>
    </row>
    <row r="127034" spans="8:8">
      <c r="H127034" s="12"/>
    </row>
    <row r="127035" spans="8:8">
      <c r="H127035" s="12"/>
    </row>
    <row r="127036" spans="8:8">
      <c r="H127036" s="12"/>
    </row>
    <row r="127037" spans="8:8">
      <c r="H127037" s="12"/>
    </row>
    <row r="127038" spans="8:8">
      <c r="H127038" s="12"/>
    </row>
    <row r="127039" spans="8:8">
      <c r="H127039" s="12"/>
    </row>
    <row r="127040" spans="8:8">
      <c r="H127040" s="12"/>
    </row>
    <row r="127041" spans="8:8">
      <c r="H127041" s="12"/>
    </row>
    <row r="127042" spans="8:8">
      <c r="H127042" s="12"/>
    </row>
    <row r="127043" spans="8:8">
      <c r="H127043" s="12"/>
    </row>
    <row r="127044" spans="8:8">
      <c r="H127044" s="12"/>
    </row>
    <row r="127045" spans="8:8">
      <c r="H127045" s="12"/>
    </row>
    <row r="127046" spans="8:8">
      <c r="H127046" s="12"/>
    </row>
    <row r="127047" spans="8:8">
      <c r="H127047" s="12"/>
    </row>
    <row r="127048" spans="8:8">
      <c r="H127048" s="12"/>
    </row>
    <row r="127049" spans="8:8">
      <c r="H127049" s="12"/>
    </row>
    <row r="127050" spans="8:8">
      <c r="H127050" s="12"/>
    </row>
    <row r="127051" spans="8:8">
      <c r="H127051" s="12"/>
    </row>
    <row r="127052" spans="8:8">
      <c r="H127052" s="12"/>
    </row>
    <row r="127053" spans="8:8">
      <c r="H127053" s="12"/>
    </row>
    <row r="127054" spans="8:8">
      <c r="H127054" s="12"/>
    </row>
    <row r="127055" spans="8:8">
      <c r="H127055" s="12"/>
    </row>
    <row r="127056" spans="8:8">
      <c r="H127056" s="12"/>
    </row>
    <row r="127057" spans="8:8">
      <c r="H127057" s="12"/>
    </row>
    <row r="127058" spans="8:8">
      <c r="H127058" s="12"/>
    </row>
    <row r="127059" spans="8:8">
      <c r="H127059" s="12"/>
    </row>
    <row r="127060" spans="8:8">
      <c r="H127060" s="12"/>
    </row>
    <row r="127061" spans="8:8">
      <c r="H127061" s="12"/>
    </row>
    <row r="127062" spans="8:8">
      <c r="H127062" s="12"/>
    </row>
    <row r="127063" spans="8:8">
      <c r="H127063" s="12"/>
    </row>
    <row r="127064" spans="8:8">
      <c r="H127064" s="12"/>
    </row>
    <row r="127065" spans="8:8">
      <c r="H127065" s="12"/>
    </row>
    <row r="127066" spans="8:8">
      <c r="H127066" s="12"/>
    </row>
    <row r="127067" spans="8:8">
      <c r="H127067" s="12"/>
    </row>
    <row r="127068" spans="8:8">
      <c r="H127068" s="12"/>
    </row>
    <row r="127069" spans="8:8">
      <c r="H127069" s="12"/>
    </row>
    <row r="127070" spans="8:8">
      <c r="H127070" s="12"/>
    </row>
    <row r="127071" spans="8:8">
      <c r="H127071" s="12"/>
    </row>
    <row r="127072" spans="8:8">
      <c r="H127072" s="12"/>
    </row>
    <row r="127073" spans="8:8">
      <c r="H127073" s="12"/>
    </row>
    <row r="127074" spans="8:8">
      <c r="H127074" s="12"/>
    </row>
    <row r="127075" spans="8:8">
      <c r="H127075" s="12"/>
    </row>
    <row r="127076" spans="8:8">
      <c r="H127076" s="12"/>
    </row>
    <row r="127077" spans="8:8">
      <c r="H127077" s="12"/>
    </row>
    <row r="127078" spans="8:8">
      <c r="H127078" s="12"/>
    </row>
    <row r="127079" spans="8:8">
      <c r="H127079" s="12"/>
    </row>
    <row r="127080" spans="8:8">
      <c r="H127080" s="12"/>
    </row>
    <row r="127081" spans="8:8">
      <c r="H127081" s="12"/>
    </row>
    <row r="127082" spans="8:8">
      <c r="H127082" s="12"/>
    </row>
    <row r="127083" spans="8:8">
      <c r="H127083" s="12"/>
    </row>
    <row r="127084" spans="8:8">
      <c r="H127084" s="12"/>
    </row>
    <row r="127085" spans="8:8">
      <c r="H127085" s="12"/>
    </row>
    <row r="127086" spans="8:8">
      <c r="H127086" s="12"/>
    </row>
    <row r="127087" spans="8:8">
      <c r="H127087" s="12"/>
    </row>
    <row r="127088" spans="8:8">
      <c r="H127088" s="12"/>
    </row>
    <row r="127089" spans="8:8">
      <c r="H127089" s="12"/>
    </row>
    <row r="127090" spans="8:8">
      <c r="H127090" s="12"/>
    </row>
    <row r="127091" spans="8:8">
      <c r="H127091" s="12"/>
    </row>
    <row r="127092" spans="8:8">
      <c r="H127092" s="12"/>
    </row>
    <row r="127093" spans="8:8">
      <c r="H127093" s="12"/>
    </row>
    <row r="127094" spans="8:8">
      <c r="H127094" s="12"/>
    </row>
    <row r="127095" spans="8:8">
      <c r="H127095" s="12"/>
    </row>
    <row r="127096" spans="8:8">
      <c r="H127096" s="12"/>
    </row>
    <row r="127097" spans="8:8">
      <c r="H127097" s="12"/>
    </row>
    <row r="127098" spans="8:8">
      <c r="H127098" s="12"/>
    </row>
    <row r="127099" spans="8:8">
      <c r="H127099" s="12"/>
    </row>
    <row r="127100" spans="8:8">
      <c r="H127100" s="12"/>
    </row>
    <row r="127101" spans="8:8">
      <c r="H127101" s="12"/>
    </row>
    <row r="127102" spans="8:8">
      <c r="H127102" s="12"/>
    </row>
    <row r="127103" spans="8:8">
      <c r="H127103" s="12"/>
    </row>
    <row r="127104" spans="8:8">
      <c r="H127104" s="12"/>
    </row>
    <row r="127105" spans="8:8">
      <c r="H127105" s="12"/>
    </row>
    <row r="127106" spans="8:8">
      <c r="H127106" s="12"/>
    </row>
    <row r="127107" spans="8:8">
      <c r="H127107" s="12"/>
    </row>
    <row r="127108" spans="8:8">
      <c r="H127108" s="12"/>
    </row>
    <row r="127109" spans="8:8">
      <c r="H127109" s="12"/>
    </row>
    <row r="127110" spans="8:8">
      <c r="H127110" s="12"/>
    </row>
    <row r="127111" spans="8:8">
      <c r="H127111" s="12"/>
    </row>
    <row r="127112" spans="8:8">
      <c r="H127112" s="12"/>
    </row>
    <row r="127113" spans="8:8">
      <c r="H127113" s="12"/>
    </row>
    <row r="127114" spans="8:8">
      <c r="H127114" s="12"/>
    </row>
    <row r="127115" spans="8:8">
      <c r="H127115" s="12"/>
    </row>
    <row r="127116" spans="8:8">
      <c r="H127116" s="12"/>
    </row>
    <row r="127117" spans="8:8">
      <c r="H127117" s="12"/>
    </row>
    <row r="127118" spans="8:8">
      <c r="H127118" s="12"/>
    </row>
    <row r="127119" spans="8:8">
      <c r="H127119" s="12"/>
    </row>
    <row r="127120" spans="8:8">
      <c r="H127120" s="12"/>
    </row>
    <row r="127121" spans="8:8">
      <c r="H127121" s="12"/>
    </row>
    <row r="127122" spans="8:8">
      <c r="H127122" s="12"/>
    </row>
    <row r="127123" spans="8:8">
      <c r="H127123" s="12"/>
    </row>
    <row r="127124" spans="8:8">
      <c r="H127124" s="12"/>
    </row>
    <row r="127125" spans="8:8">
      <c r="H127125" s="12"/>
    </row>
    <row r="127126" spans="8:8">
      <c r="H127126" s="12"/>
    </row>
    <row r="127127" spans="8:8">
      <c r="H127127" s="12"/>
    </row>
    <row r="127128" spans="8:8">
      <c r="H127128" s="12"/>
    </row>
    <row r="127129" spans="8:8">
      <c r="H127129" s="12"/>
    </row>
    <row r="127130" spans="8:8">
      <c r="H127130" s="12"/>
    </row>
    <row r="127131" spans="8:8">
      <c r="H127131" s="12"/>
    </row>
    <row r="127132" spans="8:8">
      <c r="H127132" s="12"/>
    </row>
    <row r="127133" spans="8:8">
      <c r="H127133" s="12"/>
    </row>
    <row r="127134" spans="8:8">
      <c r="H127134" s="12"/>
    </row>
    <row r="127135" spans="8:8">
      <c r="H127135" s="12"/>
    </row>
    <row r="127136" spans="8:8">
      <c r="H127136" s="12"/>
    </row>
    <row r="127137" spans="8:8">
      <c r="H127137" s="12"/>
    </row>
    <row r="127138" spans="8:8">
      <c r="H127138" s="12"/>
    </row>
    <row r="127139" spans="8:8">
      <c r="H127139" s="12"/>
    </row>
    <row r="127140" spans="8:8">
      <c r="H127140" s="12"/>
    </row>
    <row r="127141" spans="8:8">
      <c r="H127141" s="12"/>
    </row>
    <row r="127142" spans="8:8">
      <c r="H127142" s="12"/>
    </row>
    <row r="127143" spans="8:8">
      <c r="H127143" s="12"/>
    </row>
    <row r="127144" spans="8:8">
      <c r="H127144" s="12"/>
    </row>
    <row r="127145" spans="8:8">
      <c r="H127145" s="12"/>
    </row>
    <row r="127146" spans="8:8">
      <c r="H127146" s="12"/>
    </row>
    <row r="127147" spans="8:8">
      <c r="H127147" s="12"/>
    </row>
    <row r="127148" spans="8:8">
      <c r="H127148" s="12"/>
    </row>
    <row r="127149" spans="8:8">
      <c r="H127149" s="12"/>
    </row>
    <row r="127150" spans="8:8">
      <c r="H127150" s="12"/>
    </row>
    <row r="127151" spans="8:8">
      <c r="H127151" s="12"/>
    </row>
    <row r="127152" spans="8:8">
      <c r="H127152" s="12"/>
    </row>
    <row r="127153" spans="8:8">
      <c r="H127153" s="12"/>
    </row>
    <row r="127154" spans="8:8">
      <c r="H127154" s="12"/>
    </row>
    <row r="127155" spans="8:8">
      <c r="H127155" s="12"/>
    </row>
    <row r="127156" spans="8:8">
      <c r="H127156" s="12"/>
    </row>
    <row r="127157" spans="8:8">
      <c r="H127157" s="12"/>
    </row>
    <row r="127158" spans="8:8">
      <c r="H127158" s="12"/>
    </row>
    <row r="127159" spans="8:8">
      <c r="H127159" s="12"/>
    </row>
    <row r="127160" spans="8:8">
      <c r="H127160" s="12"/>
    </row>
    <row r="127161" spans="8:8">
      <c r="H127161" s="12"/>
    </row>
    <row r="127162" spans="8:8">
      <c r="H127162" s="12"/>
    </row>
    <row r="127163" spans="8:8">
      <c r="H127163" s="12"/>
    </row>
    <row r="127164" spans="8:8">
      <c r="H127164" s="12"/>
    </row>
    <row r="127165" spans="8:8">
      <c r="H127165" s="12"/>
    </row>
    <row r="127166" spans="8:8">
      <c r="H127166" s="12"/>
    </row>
    <row r="127167" spans="8:8">
      <c r="H127167" s="12"/>
    </row>
    <row r="127168" spans="8:8">
      <c r="H127168" s="12"/>
    </row>
    <row r="127169" spans="8:8">
      <c r="H127169" s="12"/>
    </row>
    <row r="127170" spans="8:8">
      <c r="H127170" s="12"/>
    </row>
    <row r="127171" spans="8:8">
      <c r="H127171" s="12"/>
    </row>
    <row r="127172" spans="8:8">
      <c r="H127172" s="12"/>
    </row>
    <row r="127173" spans="8:8">
      <c r="H127173" s="12"/>
    </row>
    <row r="127174" spans="8:8">
      <c r="H127174" s="12"/>
    </row>
    <row r="127175" spans="8:8">
      <c r="H127175" s="12"/>
    </row>
    <row r="127176" spans="8:8">
      <c r="H127176" s="12"/>
    </row>
    <row r="127177" spans="8:8">
      <c r="H127177" s="12"/>
    </row>
    <row r="127178" spans="8:8">
      <c r="H127178" s="12"/>
    </row>
    <row r="127179" spans="8:8">
      <c r="H127179" s="12"/>
    </row>
    <row r="127180" spans="8:8">
      <c r="H127180" s="12"/>
    </row>
    <row r="127181" spans="8:8">
      <c r="H127181" s="12"/>
    </row>
    <row r="127182" spans="8:8">
      <c r="H127182" s="12"/>
    </row>
    <row r="127183" spans="8:8">
      <c r="H127183" s="12"/>
    </row>
    <row r="127184" spans="8:8">
      <c r="H127184" s="12"/>
    </row>
    <row r="127185" spans="8:8">
      <c r="H127185" s="12"/>
    </row>
    <row r="127186" spans="8:8">
      <c r="H127186" s="12"/>
    </row>
    <row r="127187" spans="8:8">
      <c r="H127187" s="12"/>
    </row>
    <row r="127188" spans="8:8">
      <c r="H127188" s="12"/>
    </row>
    <row r="127189" spans="8:8">
      <c r="H127189" s="12"/>
    </row>
    <row r="127190" spans="8:8">
      <c r="H127190" s="12"/>
    </row>
    <row r="127191" spans="8:8">
      <c r="H127191" s="12"/>
    </row>
    <row r="127192" spans="8:8">
      <c r="H127192" s="12"/>
    </row>
    <row r="127193" spans="8:8">
      <c r="H127193" s="12"/>
    </row>
    <row r="127194" spans="8:8">
      <c r="H127194" s="12"/>
    </row>
    <row r="127195" spans="8:8">
      <c r="H127195" s="12"/>
    </row>
    <row r="127196" spans="8:8">
      <c r="H127196" s="12"/>
    </row>
    <row r="127197" spans="8:8">
      <c r="H127197" s="12"/>
    </row>
    <row r="127198" spans="8:8">
      <c r="H127198" s="12"/>
    </row>
    <row r="127199" spans="8:8">
      <c r="H127199" s="12"/>
    </row>
    <row r="127200" spans="8:8">
      <c r="H127200" s="12"/>
    </row>
    <row r="127201" spans="8:8">
      <c r="H127201" s="12"/>
    </row>
    <row r="127202" spans="8:8">
      <c r="H127202" s="12"/>
    </row>
    <row r="127203" spans="8:8">
      <c r="H127203" s="12"/>
    </row>
    <row r="127204" spans="8:8">
      <c r="H127204" s="12"/>
    </row>
    <row r="127205" spans="8:8">
      <c r="H127205" s="12"/>
    </row>
    <row r="127206" spans="8:8">
      <c r="H127206" s="12"/>
    </row>
    <row r="127207" spans="8:8">
      <c r="H127207" s="12"/>
    </row>
    <row r="127208" spans="8:8">
      <c r="H127208" s="12"/>
    </row>
    <row r="127209" spans="8:8">
      <c r="H127209" s="12"/>
    </row>
    <row r="127210" spans="8:8">
      <c r="H127210" s="12"/>
    </row>
    <row r="127211" spans="8:8">
      <c r="H127211" s="12"/>
    </row>
    <row r="127212" spans="8:8">
      <c r="H127212" s="12"/>
    </row>
    <row r="127213" spans="8:8">
      <c r="H127213" s="12"/>
    </row>
    <row r="127214" spans="8:8">
      <c r="H127214" s="12"/>
    </row>
    <row r="127215" spans="8:8">
      <c r="H127215" s="12"/>
    </row>
    <row r="127216" spans="8:8">
      <c r="H127216" s="12"/>
    </row>
    <row r="127217" spans="8:8">
      <c r="H127217" s="12"/>
    </row>
    <row r="127218" spans="8:8">
      <c r="H127218" s="12"/>
    </row>
    <row r="127219" spans="8:8">
      <c r="H127219" s="12"/>
    </row>
    <row r="127220" spans="8:8">
      <c r="H127220" s="12"/>
    </row>
    <row r="127221" spans="8:8">
      <c r="H127221" s="12"/>
    </row>
    <row r="127222" spans="8:8">
      <c r="H127222" s="12"/>
    </row>
    <row r="127223" spans="8:8">
      <c r="H127223" s="12"/>
    </row>
    <row r="127224" spans="8:8">
      <c r="H127224" s="12"/>
    </row>
    <row r="127225" spans="8:8">
      <c r="H127225" s="12"/>
    </row>
    <row r="127226" spans="8:8">
      <c r="H127226" s="12"/>
    </row>
    <row r="127227" spans="8:8">
      <c r="H127227" s="12"/>
    </row>
    <row r="127228" spans="8:8">
      <c r="H127228" s="12"/>
    </row>
    <row r="127229" spans="8:8">
      <c r="H127229" s="12"/>
    </row>
    <row r="127230" spans="8:8">
      <c r="H127230" s="12"/>
    </row>
    <row r="127231" spans="8:8">
      <c r="H127231" s="12"/>
    </row>
    <row r="127232" spans="8:8">
      <c r="H127232" s="12"/>
    </row>
    <row r="127233" spans="8:8">
      <c r="H127233" s="12"/>
    </row>
    <row r="127234" spans="8:8">
      <c r="H127234" s="12"/>
    </row>
    <row r="127235" spans="8:8">
      <c r="H127235" s="12"/>
    </row>
    <row r="127236" spans="8:8">
      <c r="H127236" s="12"/>
    </row>
    <row r="127237" spans="8:8">
      <c r="H127237" s="12"/>
    </row>
    <row r="127238" spans="8:8">
      <c r="H127238" s="12"/>
    </row>
    <row r="127239" spans="8:8">
      <c r="H127239" s="12"/>
    </row>
    <row r="127240" spans="8:8">
      <c r="H127240" s="12"/>
    </row>
    <row r="127241" spans="8:8">
      <c r="H127241" s="12"/>
    </row>
    <row r="127242" spans="8:8">
      <c r="H127242" s="12"/>
    </row>
    <row r="127243" spans="8:8">
      <c r="H127243" s="12"/>
    </row>
    <row r="127244" spans="8:8">
      <c r="H127244" s="12"/>
    </row>
    <row r="127245" spans="8:8">
      <c r="H127245" s="12"/>
    </row>
    <row r="127246" spans="8:8">
      <c r="H127246" s="12"/>
    </row>
    <row r="127247" spans="8:8">
      <c r="H127247" s="12"/>
    </row>
    <row r="127248" spans="8:8">
      <c r="H127248" s="12"/>
    </row>
    <row r="127249" spans="8:8">
      <c r="H127249" s="12"/>
    </row>
    <row r="127250" spans="8:8">
      <c r="H127250" s="12"/>
    </row>
    <row r="127251" spans="8:8">
      <c r="H127251" s="12"/>
    </row>
    <row r="127252" spans="8:8">
      <c r="H127252" s="12"/>
    </row>
    <row r="127253" spans="8:8">
      <c r="H127253" s="12"/>
    </row>
    <row r="127254" spans="8:8">
      <c r="H127254" s="12"/>
    </row>
    <row r="127255" spans="8:8">
      <c r="H127255" s="12"/>
    </row>
    <row r="127256" spans="8:8">
      <c r="H127256" s="12"/>
    </row>
    <row r="127257" spans="8:8">
      <c r="H127257" s="12"/>
    </row>
    <row r="127258" spans="8:8">
      <c r="H127258" s="12"/>
    </row>
    <row r="127259" spans="8:8">
      <c r="H127259" s="12"/>
    </row>
    <row r="127260" spans="8:8">
      <c r="H127260" s="12"/>
    </row>
    <row r="127261" spans="8:8">
      <c r="H127261" s="12"/>
    </row>
    <row r="127262" spans="8:8">
      <c r="H127262" s="12"/>
    </row>
    <row r="127263" spans="8:8">
      <c r="H127263" s="12"/>
    </row>
    <row r="127264" spans="8:8">
      <c r="H127264" s="12"/>
    </row>
    <row r="127265" spans="8:8">
      <c r="H127265" s="12"/>
    </row>
    <row r="127266" spans="8:8">
      <c r="H127266" s="12"/>
    </row>
    <row r="127267" spans="8:8">
      <c r="H127267" s="12"/>
    </row>
    <row r="127268" spans="8:8">
      <c r="H127268" s="12"/>
    </row>
    <row r="127269" spans="8:8">
      <c r="H127269" s="12"/>
    </row>
    <row r="127270" spans="8:8">
      <c r="H127270" s="12"/>
    </row>
    <row r="127271" spans="8:8">
      <c r="H127271" s="12"/>
    </row>
    <row r="127272" spans="8:8">
      <c r="H127272" s="12"/>
    </row>
    <row r="127273" spans="8:8">
      <c r="H127273" s="12"/>
    </row>
    <row r="127274" spans="8:8">
      <c r="H127274" s="12"/>
    </row>
    <row r="127275" spans="8:8">
      <c r="H127275" s="12"/>
    </row>
    <row r="127276" spans="8:8">
      <c r="H127276" s="12"/>
    </row>
    <row r="127277" spans="8:8">
      <c r="H127277" s="12"/>
    </row>
    <row r="127278" spans="8:8">
      <c r="H127278" s="12"/>
    </row>
    <row r="127279" spans="8:8">
      <c r="H127279" s="12"/>
    </row>
    <row r="127280" spans="8:8">
      <c r="H127280" s="12"/>
    </row>
    <row r="127281" spans="8:8">
      <c r="H127281" s="12"/>
    </row>
    <row r="127282" spans="8:8">
      <c r="H127282" s="12"/>
    </row>
    <row r="127283" spans="8:8">
      <c r="H127283" s="12"/>
    </row>
    <row r="127284" spans="8:8">
      <c r="H127284" s="12"/>
    </row>
    <row r="127285" spans="8:8">
      <c r="H127285" s="12"/>
    </row>
    <row r="127286" spans="8:8">
      <c r="H127286" s="12"/>
    </row>
    <row r="127287" spans="8:8">
      <c r="H127287" s="12"/>
    </row>
    <row r="127288" spans="8:8">
      <c r="H127288" s="12"/>
    </row>
    <row r="127289" spans="8:8">
      <c r="H127289" s="12"/>
    </row>
    <row r="127290" spans="8:8">
      <c r="H127290" s="12"/>
    </row>
    <row r="127291" spans="8:8">
      <c r="H127291" s="12"/>
    </row>
    <row r="127292" spans="8:8">
      <c r="H127292" s="12"/>
    </row>
    <row r="127293" spans="8:8">
      <c r="H127293" s="12"/>
    </row>
    <row r="127294" spans="8:8">
      <c r="H127294" s="12"/>
    </row>
    <row r="127295" spans="8:8">
      <c r="H127295" s="12"/>
    </row>
    <row r="127296" spans="8:8">
      <c r="H127296" s="12"/>
    </row>
    <row r="127297" spans="8:8">
      <c r="H127297" s="12"/>
    </row>
    <row r="127298" spans="8:8">
      <c r="H127298" s="12"/>
    </row>
    <row r="127299" spans="8:8">
      <c r="H127299" s="12"/>
    </row>
    <row r="127300" spans="8:8">
      <c r="H127300" s="12"/>
    </row>
    <row r="127301" spans="8:8">
      <c r="H127301" s="12"/>
    </row>
    <row r="127302" spans="8:8">
      <c r="H127302" s="12"/>
    </row>
    <row r="127303" spans="8:8">
      <c r="H127303" s="12"/>
    </row>
    <row r="127304" spans="8:8">
      <c r="H127304" s="12"/>
    </row>
    <row r="127305" spans="8:8">
      <c r="H127305" s="12"/>
    </row>
    <row r="127306" spans="8:8">
      <c r="H127306" s="12"/>
    </row>
    <row r="127307" spans="8:8">
      <c r="H127307" s="12"/>
    </row>
    <row r="127308" spans="8:8">
      <c r="H127308" s="12"/>
    </row>
    <row r="127309" spans="8:8">
      <c r="H127309" s="12"/>
    </row>
    <row r="127310" spans="8:8">
      <c r="H127310" s="12"/>
    </row>
    <row r="127311" spans="8:8">
      <c r="H127311" s="12"/>
    </row>
    <row r="127312" spans="8:8">
      <c r="H127312" s="12"/>
    </row>
    <row r="127313" spans="8:8">
      <c r="H127313" s="12"/>
    </row>
    <row r="127314" spans="8:8">
      <c r="H127314" s="12"/>
    </row>
    <row r="127315" spans="8:8">
      <c r="H127315" s="12"/>
    </row>
    <row r="127316" spans="8:8">
      <c r="H127316" s="12"/>
    </row>
    <row r="127317" spans="8:8">
      <c r="H127317" s="12"/>
    </row>
    <row r="127318" spans="8:8">
      <c r="H127318" s="12"/>
    </row>
    <row r="127319" spans="8:8">
      <c r="H127319" s="12"/>
    </row>
    <row r="127320" spans="8:8">
      <c r="H127320" s="12"/>
    </row>
    <row r="127321" spans="8:8">
      <c r="H127321" s="12"/>
    </row>
    <row r="127322" spans="8:8">
      <c r="H127322" s="12"/>
    </row>
    <row r="127323" spans="8:8">
      <c r="H127323" s="12"/>
    </row>
    <row r="127324" spans="8:8">
      <c r="H127324" s="12"/>
    </row>
    <row r="127325" spans="8:8">
      <c r="H127325" s="12"/>
    </row>
    <row r="127326" spans="8:8">
      <c r="H127326" s="12"/>
    </row>
    <row r="127327" spans="8:8">
      <c r="H127327" s="12"/>
    </row>
    <row r="127328" spans="8:8">
      <c r="H127328" s="12"/>
    </row>
    <row r="127329" spans="8:8">
      <c r="H127329" s="12"/>
    </row>
    <row r="127330" spans="8:8">
      <c r="H127330" s="12"/>
    </row>
    <row r="127331" spans="8:8">
      <c r="H127331" s="12"/>
    </row>
    <row r="127332" spans="8:8">
      <c r="H127332" s="12"/>
    </row>
    <row r="127333" spans="8:8">
      <c r="H127333" s="12"/>
    </row>
    <row r="127334" spans="8:8">
      <c r="H127334" s="12"/>
    </row>
    <row r="127335" spans="8:8">
      <c r="H127335" s="12"/>
    </row>
    <row r="127336" spans="8:8">
      <c r="H127336" s="12"/>
    </row>
    <row r="127337" spans="8:8">
      <c r="H127337" s="12"/>
    </row>
    <row r="127338" spans="8:8">
      <c r="H127338" s="12"/>
    </row>
    <row r="127339" spans="8:8">
      <c r="H127339" s="12"/>
    </row>
    <row r="127340" spans="8:8">
      <c r="H127340" s="12"/>
    </row>
    <row r="127341" spans="8:8">
      <c r="H127341" s="12"/>
    </row>
    <row r="127342" spans="8:8">
      <c r="H127342" s="12"/>
    </row>
    <row r="127343" spans="8:8">
      <c r="H127343" s="12"/>
    </row>
    <row r="127344" spans="8:8">
      <c r="H127344" s="12"/>
    </row>
    <row r="127345" spans="8:8">
      <c r="H127345" s="12"/>
    </row>
    <row r="127346" spans="8:8">
      <c r="H127346" s="12"/>
    </row>
    <row r="127347" spans="8:8">
      <c r="H127347" s="12"/>
    </row>
    <row r="127348" spans="8:8">
      <c r="H127348" s="12"/>
    </row>
    <row r="127349" spans="8:8">
      <c r="H127349" s="12"/>
    </row>
    <row r="127350" spans="8:8">
      <c r="H127350" s="12"/>
    </row>
    <row r="127351" spans="8:8">
      <c r="H127351" s="12"/>
    </row>
    <row r="127352" spans="8:8">
      <c r="H127352" s="12"/>
    </row>
    <row r="127353" spans="8:8">
      <c r="H127353" s="12"/>
    </row>
    <row r="127354" spans="8:8">
      <c r="H127354" s="12"/>
    </row>
    <row r="127355" spans="8:8">
      <c r="H127355" s="12"/>
    </row>
    <row r="127356" spans="8:8">
      <c r="H127356" s="12"/>
    </row>
    <row r="127357" spans="8:8">
      <c r="H127357" s="12"/>
    </row>
    <row r="127358" spans="8:8">
      <c r="H127358" s="12"/>
    </row>
    <row r="127359" spans="8:8">
      <c r="H127359" s="12"/>
    </row>
    <row r="127360" spans="8:8">
      <c r="H127360" s="12"/>
    </row>
    <row r="127361" spans="8:8">
      <c r="H127361" s="12"/>
    </row>
    <row r="127362" spans="8:8">
      <c r="H127362" s="12"/>
    </row>
    <row r="127363" spans="8:8">
      <c r="H127363" s="12"/>
    </row>
    <row r="127364" spans="8:8">
      <c r="H127364" s="12"/>
    </row>
    <row r="127365" spans="8:8">
      <c r="H127365" s="12"/>
    </row>
    <row r="127366" spans="8:8">
      <c r="H127366" s="12"/>
    </row>
    <row r="127367" spans="8:8">
      <c r="H127367" s="12"/>
    </row>
    <row r="127368" spans="8:8">
      <c r="H127368" s="12"/>
    </row>
    <row r="127369" spans="8:8">
      <c r="H127369" s="12"/>
    </row>
    <row r="127370" spans="8:8">
      <c r="H127370" s="12"/>
    </row>
    <row r="127371" spans="8:8">
      <c r="H127371" s="12"/>
    </row>
    <row r="127372" spans="8:8">
      <c r="H127372" s="12"/>
    </row>
    <row r="127373" spans="8:8">
      <c r="H127373" s="12"/>
    </row>
    <row r="127374" spans="8:8">
      <c r="H127374" s="12"/>
    </row>
    <row r="127375" spans="8:8">
      <c r="H127375" s="12"/>
    </row>
    <row r="127376" spans="8:8">
      <c r="H127376" s="12"/>
    </row>
    <row r="127377" spans="8:8">
      <c r="H127377" s="12"/>
    </row>
    <row r="127378" spans="8:8">
      <c r="H127378" s="12"/>
    </row>
    <row r="127379" spans="8:8">
      <c r="H127379" s="12"/>
    </row>
    <row r="127380" spans="8:8">
      <c r="H127380" s="12"/>
    </row>
    <row r="127381" spans="8:8">
      <c r="H127381" s="12"/>
    </row>
    <row r="127382" spans="8:8">
      <c r="H127382" s="12"/>
    </row>
    <row r="127383" spans="8:8">
      <c r="H127383" s="12"/>
    </row>
    <row r="127384" spans="8:8">
      <c r="H127384" s="12"/>
    </row>
    <row r="127385" spans="8:8">
      <c r="H127385" s="12"/>
    </row>
    <row r="127386" spans="8:8">
      <c r="H127386" s="12"/>
    </row>
    <row r="127387" spans="8:8">
      <c r="H127387" s="12"/>
    </row>
    <row r="127388" spans="8:8">
      <c r="H127388" s="12"/>
    </row>
    <row r="127389" spans="8:8">
      <c r="H127389" s="12"/>
    </row>
    <row r="127390" spans="8:8">
      <c r="H127390" s="12"/>
    </row>
    <row r="127391" spans="8:8">
      <c r="H127391" s="12"/>
    </row>
    <row r="127392" spans="8:8">
      <c r="H127392" s="12"/>
    </row>
    <row r="127393" spans="8:8">
      <c r="H127393" s="12"/>
    </row>
    <row r="127394" spans="8:8">
      <c r="H127394" s="12"/>
    </row>
    <row r="127395" spans="8:8">
      <c r="H127395" s="12"/>
    </row>
    <row r="127396" spans="8:8">
      <c r="H127396" s="12"/>
    </row>
    <row r="127397" spans="8:8">
      <c r="H127397" s="12"/>
    </row>
    <row r="127398" spans="8:8">
      <c r="H127398" s="12"/>
    </row>
    <row r="127399" spans="8:8">
      <c r="H127399" s="12"/>
    </row>
    <row r="127400" spans="8:8">
      <c r="H127400" s="12"/>
    </row>
    <row r="127401" spans="8:8">
      <c r="H127401" s="12"/>
    </row>
    <row r="127402" spans="8:8">
      <c r="H127402" s="12"/>
    </row>
    <row r="127403" spans="8:8">
      <c r="H127403" s="12"/>
    </row>
    <row r="127404" spans="8:8">
      <c r="H127404" s="12"/>
    </row>
    <row r="127405" spans="8:8">
      <c r="H127405" s="12"/>
    </row>
    <row r="127406" spans="8:8">
      <c r="H127406" s="12"/>
    </row>
    <row r="127407" spans="8:8">
      <c r="H127407" s="12"/>
    </row>
    <row r="127408" spans="8:8">
      <c r="H127408" s="12"/>
    </row>
    <row r="127409" spans="8:8">
      <c r="H127409" s="12"/>
    </row>
    <row r="127410" spans="8:8">
      <c r="H127410" s="12"/>
    </row>
    <row r="127411" spans="8:8">
      <c r="H127411" s="12"/>
    </row>
    <row r="127412" spans="8:8">
      <c r="H127412" s="12"/>
    </row>
    <row r="127413" spans="8:8">
      <c r="H127413" s="12"/>
    </row>
    <row r="127414" spans="8:8">
      <c r="H127414" s="12"/>
    </row>
    <row r="127415" spans="8:8">
      <c r="H127415" s="12"/>
    </row>
    <row r="127416" spans="8:8">
      <c r="H127416" s="12"/>
    </row>
    <row r="127417" spans="8:8">
      <c r="H127417" s="12"/>
    </row>
    <row r="127418" spans="8:8">
      <c r="H127418" s="12"/>
    </row>
    <row r="127419" spans="8:8">
      <c r="H127419" s="12"/>
    </row>
    <row r="127420" spans="8:8">
      <c r="H127420" s="12"/>
    </row>
    <row r="127421" spans="8:8">
      <c r="H127421" s="12"/>
    </row>
    <row r="127422" spans="8:8">
      <c r="H127422" s="12"/>
    </row>
    <row r="127423" spans="8:8">
      <c r="H127423" s="12"/>
    </row>
    <row r="127424" spans="8:8">
      <c r="H127424" s="12"/>
    </row>
    <row r="127425" spans="8:8">
      <c r="H127425" s="12"/>
    </row>
    <row r="127426" spans="8:8">
      <c r="H127426" s="12"/>
    </row>
    <row r="127427" spans="8:8">
      <c r="H127427" s="12"/>
    </row>
    <row r="127428" spans="8:8">
      <c r="H127428" s="12"/>
    </row>
    <row r="127429" spans="8:8">
      <c r="H127429" s="12"/>
    </row>
    <row r="127430" spans="8:8">
      <c r="H127430" s="12"/>
    </row>
    <row r="127431" spans="8:8">
      <c r="H127431" s="12"/>
    </row>
    <row r="127432" spans="8:8">
      <c r="H127432" s="12"/>
    </row>
    <row r="127433" spans="8:8">
      <c r="H127433" s="12"/>
    </row>
    <row r="127434" spans="8:8">
      <c r="H127434" s="12"/>
    </row>
    <row r="127435" spans="8:8">
      <c r="H127435" s="12"/>
    </row>
    <row r="127436" spans="8:8">
      <c r="H127436" s="12"/>
    </row>
    <row r="127437" spans="8:8">
      <c r="H127437" s="12"/>
    </row>
    <row r="127438" spans="8:8">
      <c r="H127438" s="12"/>
    </row>
    <row r="127439" spans="8:8">
      <c r="H127439" s="12"/>
    </row>
    <row r="127440" spans="8:8">
      <c r="H127440" s="12"/>
    </row>
    <row r="127441" spans="8:8">
      <c r="H127441" s="12"/>
    </row>
    <row r="127442" spans="8:8">
      <c r="H127442" s="12"/>
    </row>
    <row r="127443" spans="8:8">
      <c r="H127443" s="12"/>
    </row>
    <row r="127444" spans="8:8">
      <c r="H127444" s="12"/>
    </row>
    <row r="127445" spans="8:8">
      <c r="H127445" s="12"/>
    </row>
    <row r="127446" spans="8:8">
      <c r="H127446" s="12"/>
    </row>
    <row r="127447" spans="8:8">
      <c r="H127447" s="12"/>
    </row>
    <row r="127448" spans="8:8">
      <c r="H127448" s="12"/>
    </row>
    <row r="127449" spans="8:8">
      <c r="H127449" s="12"/>
    </row>
    <row r="127450" spans="8:8">
      <c r="H127450" s="12"/>
    </row>
    <row r="127451" spans="8:8">
      <c r="H127451" s="12"/>
    </row>
    <row r="127452" spans="8:8">
      <c r="H127452" s="12"/>
    </row>
    <row r="127453" spans="8:8">
      <c r="H127453" s="12"/>
    </row>
    <row r="127454" spans="8:8">
      <c r="H127454" s="12"/>
    </row>
    <row r="127455" spans="8:8">
      <c r="H127455" s="12"/>
    </row>
    <row r="127456" spans="8:8">
      <c r="H127456" s="12"/>
    </row>
    <row r="127457" spans="8:8">
      <c r="H127457" s="12"/>
    </row>
    <row r="127458" spans="8:8">
      <c r="H127458" s="12"/>
    </row>
    <row r="127459" spans="8:8">
      <c r="H127459" s="12"/>
    </row>
    <row r="127460" spans="8:8">
      <c r="H127460" s="12"/>
    </row>
    <row r="127461" spans="8:8">
      <c r="H127461" s="12"/>
    </row>
    <row r="127462" spans="8:8">
      <c r="H127462" s="12"/>
    </row>
    <row r="127463" spans="8:8">
      <c r="H127463" s="12"/>
    </row>
    <row r="127464" spans="8:8">
      <c r="H127464" s="12"/>
    </row>
    <row r="127465" spans="8:8">
      <c r="H127465" s="12"/>
    </row>
    <row r="127466" spans="8:8">
      <c r="H127466" s="12"/>
    </row>
    <row r="127467" spans="8:8">
      <c r="H127467" s="12"/>
    </row>
    <row r="127468" spans="8:8">
      <c r="H127468" s="12"/>
    </row>
    <row r="127469" spans="8:8">
      <c r="H127469" s="12"/>
    </row>
    <row r="127470" spans="8:8">
      <c r="H127470" s="12"/>
    </row>
    <row r="127471" spans="8:8">
      <c r="H127471" s="12"/>
    </row>
    <row r="127472" spans="8:8">
      <c r="H127472" s="12"/>
    </row>
    <row r="127473" spans="8:8">
      <c r="H127473" s="12"/>
    </row>
    <row r="127474" spans="8:8">
      <c r="H127474" s="12"/>
    </row>
    <row r="127475" spans="8:8">
      <c r="H127475" s="12"/>
    </row>
    <row r="127476" spans="8:8">
      <c r="H127476" s="12"/>
    </row>
    <row r="127477" spans="8:8">
      <c r="H127477" s="12"/>
    </row>
    <row r="127478" spans="8:8">
      <c r="H127478" s="12"/>
    </row>
    <row r="127479" spans="8:8">
      <c r="H127479" s="12"/>
    </row>
    <row r="127480" spans="8:8">
      <c r="H127480" s="12"/>
    </row>
    <row r="127481" spans="8:8">
      <c r="H127481" s="12"/>
    </row>
    <row r="127482" spans="8:8">
      <c r="H127482" s="12"/>
    </row>
    <row r="127483" spans="8:8">
      <c r="H127483" s="12"/>
    </row>
    <row r="127484" spans="8:8">
      <c r="H127484" s="12"/>
    </row>
    <row r="127485" spans="8:8">
      <c r="H127485" s="12"/>
    </row>
    <row r="127486" spans="8:8">
      <c r="H127486" s="12"/>
    </row>
    <row r="127487" spans="8:8">
      <c r="H127487" s="12"/>
    </row>
    <row r="127488" spans="8:8">
      <c r="H127488" s="12"/>
    </row>
    <row r="127489" spans="8:8">
      <c r="H127489" s="12"/>
    </row>
    <row r="127490" spans="8:8">
      <c r="H127490" s="12"/>
    </row>
    <row r="127491" spans="8:8">
      <c r="H127491" s="12"/>
    </row>
    <row r="127492" spans="8:8">
      <c r="H127492" s="12"/>
    </row>
    <row r="127493" spans="8:8">
      <c r="H127493" s="12"/>
    </row>
    <row r="127494" spans="8:8">
      <c r="H127494" s="12"/>
    </row>
    <row r="127495" spans="8:8">
      <c r="H127495" s="12"/>
    </row>
    <row r="127496" spans="8:8">
      <c r="H127496" s="12"/>
    </row>
    <row r="127497" spans="8:8">
      <c r="H127497" s="12"/>
    </row>
    <row r="127498" spans="8:8">
      <c r="H127498" s="12"/>
    </row>
    <row r="127499" spans="8:8">
      <c r="H127499" s="12"/>
    </row>
    <row r="127500" spans="8:8">
      <c r="H127500" s="12"/>
    </row>
    <row r="127501" spans="8:8">
      <c r="H127501" s="12"/>
    </row>
    <row r="127502" spans="8:8">
      <c r="H127502" s="12"/>
    </row>
    <row r="127503" spans="8:8">
      <c r="H127503" s="12"/>
    </row>
    <row r="127504" spans="8:8">
      <c r="H127504" s="12"/>
    </row>
    <row r="127505" spans="8:8">
      <c r="H127505" s="12"/>
    </row>
    <row r="127506" spans="8:8">
      <c r="H127506" s="12"/>
    </row>
    <row r="127507" spans="8:8">
      <c r="H127507" s="12"/>
    </row>
    <row r="127508" spans="8:8">
      <c r="H127508" s="12"/>
    </row>
    <row r="127509" spans="8:8">
      <c r="H127509" s="12"/>
    </row>
    <row r="127510" spans="8:8">
      <c r="H127510" s="12"/>
    </row>
    <row r="127511" spans="8:8">
      <c r="H127511" s="12"/>
    </row>
    <row r="127512" spans="8:8">
      <c r="H127512" s="12"/>
    </row>
    <row r="127513" spans="8:8">
      <c r="H127513" s="12"/>
    </row>
    <row r="127514" spans="8:8">
      <c r="H127514" s="12"/>
    </row>
    <row r="127515" spans="8:8">
      <c r="H127515" s="12"/>
    </row>
    <row r="127516" spans="8:8">
      <c r="H127516" s="12"/>
    </row>
    <row r="127517" spans="8:8">
      <c r="H127517" s="12"/>
    </row>
    <row r="127518" spans="8:8">
      <c r="H127518" s="12"/>
    </row>
    <row r="127519" spans="8:8">
      <c r="H127519" s="12"/>
    </row>
    <row r="127520" spans="8:8">
      <c r="H127520" s="12"/>
    </row>
    <row r="127521" spans="8:8">
      <c r="H127521" s="12"/>
    </row>
    <row r="127522" spans="8:8">
      <c r="H127522" s="12"/>
    </row>
    <row r="127523" spans="8:8">
      <c r="H127523" s="12"/>
    </row>
    <row r="127524" spans="8:8">
      <c r="H127524" s="12"/>
    </row>
    <row r="127525" spans="8:8">
      <c r="H127525" s="12"/>
    </row>
    <row r="127526" spans="8:8">
      <c r="H127526" s="12"/>
    </row>
    <row r="127527" spans="8:8">
      <c r="H127527" s="12"/>
    </row>
    <row r="127528" spans="8:8">
      <c r="H127528" s="12"/>
    </row>
    <row r="127529" spans="8:8">
      <c r="H127529" s="12"/>
    </row>
    <row r="127530" spans="8:8">
      <c r="H127530" s="12"/>
    </row>
    <row r="127531" spans="8:8">
      <c r="H127531" s="12"/>
    </row>
    <row r="127532" spans="8:8">
      <c r="H127532" s="12"/>
    </row>
    <row r="127533" spans="8:8">
      <c r="H127533" s="12"/>
    </row>
    <row r="127534" spans="8:8">
      <c r="H127534" s="12"/>
    </row>
    <row r="127535" spans="8:8">
      <c r="H127535" s="12"/>
    </row>
    <row r="127536" spans="8:8">
      <c r="H127536" s="12"/>
    </row>
    <row r="127537" spans="8:8">
      <c r="H127537" s="12"/>
    </row>
    <row r="127538" spans="8:8">
      <c r="H127538" s="12"/>
    </row>
    <row r="127539" spans="8:8">
      <c r="H127539" s="12"/>
    </row>
    <row r="127540" spans="8:8">
      <c r="H127540" s="12"/>
    </row>
    <row r="127541" spans="8:8">
      <c r="H127541" s="12"/>
    </row>
    <row r="127542" spans="8:8">
      <c r="H127542" s="12"/>
    </row>
    <row r="127543" spans="8:8">
      <c r="H127543" s="12"/>
    </row>
    <row r="127544" spans="8:8">
      <c r="H127544" s="12"/>
    </row>
    <row r="127545" spans="8:8">
      <c r="H127545" s="12"/>
    </row>
    <row r="127546" spans="8:8">
      <c r="H127546" s="12"/>
    </row>
    <row r="127547" spans="8:8">
      <c r="H127547" s="12"/>
    </row>
    <row r="127548" spans="8:8">
      <c r="H127548" s="12"/>
    </row>
    <row r="127549" spans="8:8">
      <c r="H127549" s="12"/>
    </row>
    <row r="127550" spans="8:8">
      <c r="H127550" s="12"/>
    </row>
    <row r="127551" spans="8:8">
      <c r="H127551" s="12"/>
    </row>
    <row r="127552" spans="8:8">
      <c r="H127552" s="12"/>
    </row>
    <row r="127553" spans="8:8">
      <c r="H127553" s="12"/>
    </row>
    <row r="127554" spans="8:8">
      <c r="H127554" s="12"/>
    </row>
    <row r="127555" spans="8:8">
      <c r="H127555" s="12"/>
    </row>
    <row r="127556" spans="8:8">
      <c r="H127556" s="12"/>
    </row>
    <row r="127557" spans="8:8">
      <c r="H127557" s="12"/>
    </row>
    <row r="127558" spans="8:8">
      <c r="H127558" s="12"/>
    </row>
    <row r="127559" spans="8:8">
      <c r="H127559" s="12"/>
    </row>
    <row r="127560" spans="8:8">
      <c r="H127560" s="12"/>
    </row>
    <row r="127561" spans="8:8">
      <c r="H127561" s="12"/>
    </row>
    <row r="127562" spans="8:8">
      <c r="H127562" s="12"/>
    </row>
    <row r="127563" spans="8:8">
      <c r="H127563" s="12"/>
    </row>
    <row r="127564" spans="8:8">
      <c r="H127564" s="12"/>
    </row>
    <row r="127565" spans="8:8">
      <c r="H127565" s="12"/>
    </row>
    <row r="127566" spans="8:8">
      <c r="H127566" s="12"/>
    </row>
    <row r="127567" spans="8:8">
      <c r="H127567" s="12"/>
    </row>
    <row r="127568" spans="8:8">
      <c r="H127568" s="12"/>
    </row>
    <row r="127569" spans="8:8">
      <c r="H127569" s="12"/>
    </row>
    <row r="127570" spans="8:8">
      <c r="H127570" s="12"/>
    </row>
    <row r="127571" spans="8:8">
      <c r="H127571" s="12"/>
    </row>
    <row r="127572" spans="8:8">
      <c r="H127572" s="12"/>
    </row>
    <row r="127573" spans="8:8">
      <c r="H127573" s="12"/>
    </row>
    <row r="127574" spans="8:8">
      <c r="H127574" s="12"/>
    </row>
    <row r="127575" spans="8:8">
      <c r="H127575" s="12"/>
    </row>
    <row r="127576" spans="8:8">
      <c r="H127576" s="12"/>
    </row>
    <row r="127577" spans="8:8">
      <c r="H127577" s="12"/>
    </row>
    <row r="127578" spans="8:8">
      <c r="H127578" s="12"/>
    </row>
    <row r="127579" spans="8:8">
      <c r="H127579" s="12"/>
    </row>
    <row r="127580" spans="8:8">
      <c r="H127580" s="12"/>
    </row>
    <row r="127581" spans="8:8">
      <c r="H127581" s="12"/>
    </row>
    <row r="127582" spans="8:8">
      <c r="H127582" s="12"/>
    </row>
    <row r="127583" spans="8:8">
      <c r="H127583" s="12"/>
    </row>
    <row r="127584" spans="8:8">
      <c r="H127584" s="12"/>
    </row>
    <row r="127585" spans="8:8">
      <c r="H127585" s="12"/>
    </row>
    <row r="127586" spans="8:8">
      <c r="H127586" s="12"/>
    </row>
    <row r="127587" spans="8:8">
      <c r="H127587" s="12"/>
    </row>
    <row r="127588" spans="8:8">
      <c r="H127588" s="12"/>
    </row>
    <row r="127589" spans="8:8">
      <c r="H127589" s="12"/>
    </row>
    <row r="127590" spans="8:8">
      <c r="H127590" s="12"/>
    </row>
    <row r="127591" spans="8:8">
      <c r="H127591" s="12"/>
    </row>
    <row r="127592" spans="8:8">
      <c r="H127592" s="12"/>
    </row>
    <row r="127593" spans="8:8">
      <c r="H127593" s="12"/>
    </row>
    <row r="127594" spans="8:8">
      <c r="H127594" s="12"/>
    </row>
    <row r="127595" spans="8:8">
      <c r="H127595" s="12"/>
    </row>
    <row r="127596" spans="8:8">
      <c r="H127596" s="12"/>
    </row>
    <row r="127597" spans="8:8">
      <c r="H127597" s="12"/>
    </row>
    <row r="127598" spans="8:8">
      <c r="H127598" s="12"/>
    </row>
    <row r="127599" spans="8:8">
      <c r="H127599" s="12"/>
    </row>
    <row r="127600" spans="8:8">
      <c r="H127600" s="12"/>
    </row>
    <row r="127601" spans="8:8">
      <c r="H127601" s="12"/>
    </row>
    <row r="127602" spans="8:8">
      <c r="H127602" s="12"/>
    </row>
    <row r="127603" spans="8:8">
      <c r="H127603" s="12"/>
    </row>
    <row r="127604" spans="8:8">
      <c r="H127604" s="12"/>
    </row>
    <row r="127605" spans="8:8">
      <c r="H127605" s="12"/>
    </row>
    <row r="127606" spans="8:8">
      <c r="H127606" s="12"/>
    </row>
    <row r="127607" spans="8:8">
      <c r="H127607" s="12"/>
    </row>
    <row r="127608" spans="8:8">
      <c r="H127608" s="12"/>
    </row>
    <row r="127609" spans="8:8">
      <c r="H127609" s="12"/>
    </row>
    <row r="127610" spans="8:8">
      <c r="H127610" s="12"/>
    </row>
    <row r="127611" spans="8:8">
      <c r="H127611" s="12"/>
    </row>
    <row r="127612" spans="8:8">
      <c r="H127612" s="12"/>
    </row>
    <row r="127613" spans="8:8">
      <c r="H127613" s="12"/>
    </row>
    <row r="127614" spans="8:8">
      <c r="H127614" s="12"/>
    </row>
    <row r="127615" spans="8:8">
      <c r="H127615" s="12"/>
    </row>
    <row r="127616" spans="8:8">
      <c r="H127616" s="12"/>
    </row>
    <row r="127617" spans="8:8">
      <c r="H127617" s="12"/>
    </row>
    <row r="127618" spans="8:8">
      <c r="H127618" s="12"/>
    </row>
    <row r="127619" spans="8:8">
      <c r="H127619" s="12"/>
    </row>
    <row r="127620" spans="8:8">
      <c r="H127620" s="12"/>
    </row>
    <row r="127621" spans="8:8">
      <c r="H127621" s="12"/>
    </row>
    <row r="127622" spans="8:8">
      <c r="H127622" s="12"/>
    </row>
    <row r="127623" spans="8:8">
      <c r="H127623" s="12"/>
    </row>
    <row r="127624" spans="8:8">
      <c r="H127624" s="12"/>
    </row>
    <row r="127625" spans="8:8">
      <c r="H127625" s="12"/>
    </row>
    <row r="127626" spans="8:8">
      <c r="H127626" s="12"/>
    </row>
    <row r="127627" spans="8:8">
      <c r="H127627" s="12"/>
    </row>
    <row r="127628" spans="8:8">
      <c r="H127628" s="12"/>
    </row>
    <row r="127629" spans="8:8">
      <c r="H127629" s="12"/>
    </row>
    <row r="127630" spans="8:8">
      <c r="H127630" s="12"/>
    </row>
    <row r="127631" spans="8:8">
      <c r="H127631" s="12"/>
    </row>
    <row r="127632" spans="8:8">
      <c r="H127632" s="12"/>
    </row>
    <row r="127633" spans="8:8">
      <c r="H127633" s="12"/>
    </row>
    <row r="127634" spans="8:8">
      <c r="H127634" s="12"/>
    </row>
    <row r="127635" spans="8:8">
      <c r="H127635" s="12"/>
    </row>
    <row r="127636" spans="8:8">
      <c r="H127636" s="12"/>
    </row>
    <row r="127637" spans="8:8">
      <c r="H127637" s="12"/>
    </row>
    <row r="127638" spans="8:8">
      <c r="H127638" s="12"/>
    </row>
    <row r="127639" spans="8:8">
      <c r="H127639" s="12"/>
    </row>
    <row r="127640" spans="8:8">
      <c r="H127640" s="12"/>
    </row>
    <row r="127641" spans="8:8">
      <c r="H127641" s="12"/>
    </row>
    <row r="127642" spans="8:8">
      <c r="H127642" s="12"/>
    </row>
    <row r="127643" spans="8:8">
      <c r="H127643" s="12"/>
    </row>
    <row r="127644" spans="8:8">
      <c r="H127644" s="12"/>
    </row>
    <row r="127645" spans="8:8">
      <c r="H127645" s="12"/>
    </row>
    <row r="127646" spans="8:8">
      <c r="H127646" s="12"/>
    </row>
    <row r="127647" spans="8:8">
      <c r="H127647" s="12"/>
    </row>
    <row r="127648" spans="8:8">
      <c r="H127648" s="12"/>
    </row>
    <row r="127649" spans="8:8">
      <c r="H127649" s="12"/>
    </row>
    <row r="127650" spans="8:8">
      <c r="H127650" s="12"/>
    </row>
    <row r="127651" spans="8:8">
      <c r="H127651" s="12"/>
    </row>
    <row r="127652" spans="8:8">
      <c r="H127652" s="12"/>
    </row>
    <row r="127653" spans="8:8">
      <c r="H127653" s="12"/>
    </row>
    <row r="127654" spans="8:8">
      <c r="H127654" s="12"/>
    </row>
    <row r="127655" spans="8:8">
      <c r="H127655" s="12"/>
    </row>
    <row r="127656" spans="8:8">
      <c r="H127656" s="12"/>
    </row>
    <row r="127657" spans="8:8">
      <c r="H127657" s="12"/>
    </row>
    <row r="127658" spans="8:8">
      <c r="H127658" s="12"/>
    </row>
    <row r="127659" spans="8:8">
      <c r="H127659" s="12"/>
    </row>
    <row r="127660" spans="8:8">
      <c r="H127660" s="12"/>
    </row>
    <row r="127661" spans="8:8">
      <c r="H127661" s="12"/>
    </row>
    <row r="127662" spans="8:8">
      <c r="H127662" s="12"/>
    </row>
    <row r="127663" spans="8:8">
      <c r="H127663" s="12"/>
    </row>
    <row r="127664" spans="8:8">
      <c r="H127664" s="12"/>
    </row>
    <row r="127665" spans="8:8">
      <c r="H127665" s="12"/>
    </row>
    <row r="127666" spans="8:8">
      <c r="H127666" s="12"/>
    </row>
    <row r="127667" spans="8:8">
      <c r="H127667" s="12"/>
    </row>
    <row r="127668" spans="8:8">
      <c r="H127668" s="12"/>
    </row>
    <row r="127669" spans="8:8">
      <c r="H127669" s="12"/>
    </row>
    <row r="127670" spans="8:8">
      <c r="H127670" s="12"/>
    </row>
    <row r="127671" spans="8:8">
      <c r="H127671" s="12"/>
    </row>
    <row r="127672" spans="8:8">
      <c r="H127672" s="12"/>
    </row>
    <row r="127673" spans="8:8">
      <c r="H127673" s="12"/>
    </row>
    <row r="127674" spans="8:8">
      <c r="H127674" s="12"/>
    </row>
    <row r="127675" spans="8:8">
      <c r="H127675" s="12"/>
    </row>
    <row r="127676" spans="8:8">
      <c r="H127676" s="12"/>
    </row>
    <row r="127677" spans="8:8">
      <c r="H127677" s="12"/>
    </row>
    <row r="127678" spans="8:8">
      <c r="H127678" s="12"/>
    </row>
    <row r="127679" spans="8:8">
      <c r="H127679" s="12"/>
    </row>
    <row r="127680" spans="8:8">
      <c r="H127680" s="12"/>
    </row>
    <row r="127681" spans="8:8">
      <c r="H127681" s="12"/>
    </row>
    <row r="127682" spans="8:8">
      <c r="H127682" s="12"/>
    </row>
    <row r="127683" spans="8:8">
      <c r="H127683" s="12"/>
    </row>
    <row r="127684" spans="8:8">
      <c r="H127684" s="12"/>
    </row>
    <row r="127685" spans="8:8">
      <c r="H127685" s="12"/>
    </row>
    <row r="127686" spans="8:8">
      <c r="H127686" s="12"/>
    </row>
    <row r="127687" spans="8:8">
      <c r="H127687" s="12"/>
    </row>
    <row r="127688" spans="8:8">
      <c r="H127688" s="12"/>
    </row>
    <row r="127689" spans="8:8">
      <c r="H127689" s="12"/>
    </row>
    <row r="127690" spans="8:8">
      <c r="H127690" s="12"/>
    </row>
    <row r="127691" spans="8:8">
      <c r="H127691" s="12"/>
    </row>
    <row r="127692" spans="8:8">
      <c r="H127692" s="12"/>
    </row>
    <row r="127693" spans="8:8">
      <c r="H127693" s="12"/>
    </row>
    <row r="127694" spans="8:8">
      <c r="H127694" s="12"/>
    </row>
    <row r="127695" spans="8:8">
      <c r="H127695" s="12"/>
    </row>
    <row r="127696" spans="8:8">
      <c r="H127696" s="12"/>
    </row>
    <row r="127697" spans="8:8">
      <c r="H127697" s="12"/>
    </row>
    <row r="127698" spans="8:8">
      <c r="H127698" s="12"/>
    </row>
    <row r="127699" spans="8:8">
      <c r="H127699" s="12"/>
    </row>
    <row r="127700" spans="8:8">
      <c r="H127700" s="12"/>
    </row>
    <row r="127701" spans="8:8">
      <c r="H127701" s="12"/>
    </row>
    <row r="127702" spans="8:8">
      <c r="H127702" s="12"/>
    </row>
    <row r="127703" spans="8:8">
      <c r="H127703" s="12"/>
    </row>
    <row r="127704" spans="8:8">
      <c r="H127704" s="12"/>
    </row>
    <row r="127705" spans="8:8">
      <c r="H127705" s="12"/>
    </row>
    <row r="127706" spans="8:8">
      <c r="H127706" s="12"/>
    </row>
    <row r="127707" spans="8:8">
      <c r="H127707" s="12"/>
    </row>
    <row r="127708" spans="8:8">
      <c r="H127708" s="12"/>
    </row>
    <row r="127709" spans="8:8">
      <c r="H127709" s="12"/>
    </row>
    <row r="127710" spans="8:8">
      <c r="H127710" s="12"/>
    </row>
    <row r="127711" spans="8:8">
      <c r="H127711" s="12"/>
    </row>
    <row r="127712" spans="8:8">
      <c r="H127712" s="12"/>
    </row>
    <row r="127713" spans="8:8">
      <c r="H127713" s="12"/>
    </row>
    <row r="127714" spans="8:8">
      <c r="H127714" s="12"/>
    </row>
    <row r="127715" spans="8:8">
      <c r="H127715" s="12"/>
    </row>
    <row r="127716" spans="8:8">
      <c r="H127716" s="12"/>
    </row>
    <row r="127717" spans="8:8">
      <c r="H127717" s="12"/>
    </row>
    <row r="127718" spans="8:8">
      <c r="H127718" s="12"/>
    </row>
    <row r="127719" spans="8:8">
      <c r="H127719" s="12"/>
    </row>
    <row r="127720" spans="8:8">
      <c r="H127720" s="12"/>
    </row>
    <row r="127721" spans="8:8">
      <c r="H127721" s="12"/>
    </row>
    <row r="127722" spans="8:8">
      <c r="H127722" s="12"/>
    </row>
    <row r="127723" spans="8:8">
      <c r="H127723" s="12"/>
    </row>
    <row r="127724" spans="8:8">
      <c r="H127724" s="12"/>
    </row>
    <row r="127725" spans="8:8">
      <c r="H127725" s="12"/>
    </row>
    <row r="127726" spans="8:8">
      <c r="H127726" s="12"/>
    </row>
    <row r="127727" spans="8:8">
      <c r="H127727" s="12"/>
    </row>
    <row r="127728" spans="8:8">
      <c r="H127728" s="12"/>
    </row>
    <row r="127729" spans="8:8">
      <c r="H127729" s="12"/>
    </row>
    <row r="127730" spans="8:8">
      <c r="H127730" s="12"/>
    </row>
    <row r="127731" spans="8:8">
      <c r="H127731" s="12"/>
    </row>
    <row r="127732" spans="8:8">
      <c r="H127732" s="12"/>
    </row>
    <row r="127733" spans="8:8">
      <c r="H127733" s="12"/>
    </row>
    <row r="127734" spans="8:8">
      <c r="H127734" s="12"/>
    </row>
    <row r="127735" spans="8:8">
      <c r="H127735" s="12"/>
    </row>
    <row r="127736" spans="8:8">
      <c r="H127736" s="12"/>
    </row>
    <row r="127737" spans="8:8">
      <c r="H127737" s="12"/>
    </row>
    <row r="127738" spans="8:8">
      <c r="H127738" s="12"/>
    </row>
    <row r="127739" spans="8:8">
      <c r="H127739" s="12"/>
    </row>
    <row r="127740" spans="8:8">
      <c r="H127740" s="12"/>
    </row>
    <row r="127741" spans="8:8">
      <c r="H127741" s="12"/>
    </row>
    <row r="127742" spans="8:8">
      <c r="H127742" s="12"/>
    </row>
    <row r="127743" spans="8:8">
      <c r="H127743" s="12"/>
    </row>
    <row r="127744" spans="8:8">
      <c r="H127744" s="12"/>
    </row>
    <row r="127745" spans="8:8">
      <c r="H127745" s="12"/>
    </row>
    <row r="127746" spans="8:8">
      <c r="H127746" s="12"/>
    </row>
    <row r="127747" spans="8:8">
      <c r="H127747" s="12"/>
    </row>
    <row r="127748" spans="8:8">
      <c r="H127748" s="12"/>
    </row>
    <row r="127749" spans="8:8">
      <c r="H127749" s="12"/>
    </row>
    <row r="127750" spans="8:8">
      <c r="H127750" s="12"/>
    </row>
    <row r="127751" spans="8:8">
      <c r="H127751" s="12"/>
    </row>
    <row r="127752" spans="8:8">
      <c r="H127752" s="12"/>
    </row>
    <row r="127753" spans="8:8">
      <c r="H127753" s="12"/>
    </row>
    <row r="127754" spans="8:8">
      <c r="H127754" s="12"/>
    </row>
    <row r="127755" spans="8:8">
      <c r="H127755" s="12"/>
    </row>
    <row r="127756" spans="8:8">
      <c r="H127756" s="12"/>
    </row>
    <row r="127757" spans="8:8">
      <c r="H127757" s="12"/>
    </row>
    <row r="127758" spans="8:8">
      <c r="H127758" s="12"/>
    </row>
    <row r="127759" spans="8:8">
      <c r="H127759" s="12"/>
    </row>
    <row r="127760" spans="8:8">
      <c r="H127760" s="12"/>
    </row>
    <row r="127761" spans="8:8">
      <c r="H127761" s="12"/>
    </row>
    <row r="127762" spans="8:8">
      <c r="H127762" s="12"/>
    </row>
    <row r="127763" spans="8:8">
      <c r="H127763" s="12"/>
    </row>
    <row r="127764" spans="8:8">
      <c r="H127764" s="12"/>
    </row>
    <row r="127765" spans="8:8">
      <c r="H127765" s="12"/>
    </row>
    <row r="127766" spans="8:8">
      <c r="H127766" s="12"/>
    </row>
    <row r="127767" spans="8:8">
      <c r="H127767" s="12"/>
    </row>
    <row r="127768" spans="8:8">
      <c r="H127768" s="12"/>
    </row>
    <row r="127769" spans="8:8">
      <c r="H127769" s="12"/>
    </row>
    <row r="127770" spans="8:8">
      <c r="H127770" s="12"/>
    </row>
    <row r="127771" spans="8:8">
      <c r="H127771" s="12"/>
    </row>
    <row r="127772" spans="8:8">
      <c r="H127772" s="12"/>
    </row>
    <row r="127773" spans="8:8">
      <c r="H127773" s="12"/>
    </row>
    <row r="127774" spans="8:8">
      <c r="H127774" s="12"/>
    </row>
    <row r="127775" spans="8:8">
      <c r="H127775" s="12"/>
    </row>
    <row r="127776" spans="8:8">
      <c r="H127776" s="12"/>
    </row>
    <row r="127777" spans="8:8">
      <c r="H127777" s="12"/>
    </row>
    <row r="127778" spans="8:8">
      <c r="H127778" s="12"/>
    </row>
    <row r="127779" spans="8:8">
      <c r="H127779" s="12"/>
    </row>
    <row r="127780" spans="8:8">
      <c r="H127780" s="12"/>
    </row>
    <row r="127781" spans="8:8">
      <c r="H127781" s="12"/>
    </row>
    <row r="127782" spans="8:8">
      <c r="H127782" s="12"/>
    </row>
    <row r="127783" spans="8:8">
      <c r="H127783" s="12"/>
    </row>
    <row r="127784" spans="8:8">
      <c r="H127784" s="12"/>
    </row>
    <row r="127785" spans="8:8">
      <c r="H127785" s="12"/>
    </row>
    <row r="127786" spans="8:8">
      <c r="H127786" s="12"/>
    </row>
    <row r="127787" spans="8:8">
      <c r="H127787" s="12"/>
    </row>
    <row r="127788" spans="8:8">
      <c r="H127788" s="12"/>
    </row>
    <row r="127789" spans="8:8">
      <c r="H127789" s="12"/>
    </row>
    <row r="127790" spans="8:8">
      <c r="H127790" s="12"/>
    </row>
    <row r="127791" spans="8:8">
      <c r="H127791" s="12"/>
    </row>
    <row r="127792" spans="8:8">
      <c r="H127792" s="12"/>
    </row>
    <row r="127793" spans="8:8">
      <c r="H127793" s="12"/>
    </row>
    <row r="127794" spans="8:8">
      <c r="H127794" s="12"/>
    </row>
    <row r="127795" spans="8:8">
      <c r="H127795" s="12"/>
    </row>
    <row r="127796" spans="8:8">
      <c r="H127796" s="12"/>
    </row>
    <row r="127797" spans="8:8">
      <c r="H127797" s="12"/>
    </row>
    <row r="127798" spans="8:8">
      <c r="H127798" s="12"/>
    </row>
    <row r="127799" spans="8:8">
      <c r="H127799" s="12"/>
    </row>
    <row r="127800" spans="8:8">
      <c r="H127800" s="12"/>
    </row>
    <row r="127801" spans="8:8">
      <c r="H127801" s="12"/>
    </row>
    <row r="127802" spans="8:8">
      <c r="H127802" s="12"/>
    </row>
    <row r="127803" spans="8:8">
      <c r="H127803" s="12"/>
    </row>
    <row r="127804" spans="8:8">
      <c r="H127804" s="12"/>
    </row>
    <row r="127805" spans="8:8">
      <c r="H127805" s="12"/>
    </row>
    <row r="127806" spans="8:8">
      <c r="H127806" s="12"/>
    </row>
    <row r="127807" spans="8:8">
      <c r="H127807" s="12"/>
    </row>
    <row r="127808" spans="8:8">
      <c r="H127808" s="12"/>
    </row>
    <row r="127809" spans="8:8">
      <c r="H127809" s="12"/>
    </row>
    <row r="127810" spans="8:8">
      <c r="H127810" s="12"/>
    </row>
    <row r="127811" spans="8:8">
      <c r="H127811" s="12"/>
    </row>
    <row r="127812" spans="8:8">
      <c r="H127812" s="12"/>
    </row>
    <row r="127813" spans="8:8">
      <c r="H127813" s="12"/>
    </row>
    <row r="127814" spans="8:8">
      <c r="H127814" s="12"/>
    </row>
    <row r="127815" spans="8:8">
      <c r="H127815" s="12"/>
    </row>
    <row r="127816" spans="8:8">
      <c r="H127816" s="12"/>
    </row>
    <row r="127817" spans="8:8">
      <c r="H127817" s="12"/>
    </row>
    <row r="127818" spans="8:8">
      <c r="H127818" s="12"/>
    </row>
    <row r="127819" spans="8:8">
      <c r="H127819" s="12"/>
    </row>
    <row r="127820" spans="8:8">
      <c r="H127820" s="12"/>
    </row>
    <row r="127821" spans="8:8">
      <c r="H127821" s="12"/>
    </row>
    <row r="127822" spans="8:8">
      <c r="H127822" s="12"/>
    </row>
    <row r="127823" spans="8:8">
      <c r="H127823" s="12"/>
    </row>
    <row r="127824" spans="8:8">
      <c r="H127824" s="12"/>
    </row>
    <row r="127825" spans="8:8">
      <c r="H127825" s="12"/>
    </row>
    <row r="127826" spans="8:8">
      <c r="H127826" s="12"/>
    </row>
    <row r="127827" spans="8:8">
      <c r="H127827" s="12"/>
    </row>
    <row r="127828" spans="8:8">
      <c r="H127828" s="12"/>
    </row>
    <row r="127829" spans="8:8">
      <c r="H127829" s="12"/>
    </row>
    <row r="127830" spans="8:8">
      <c r="H127830" s="12"/>
    </row>
    <row r="127831" spans="8:8">
      <c r="H127831" s="12"/>
    </row>
    <row r="127832" spans="8:8">
      <c r="H127832" s="12"/>
    </row>
    <row r="127833" spans="8:8">
      <c r="H127833" s="12"/>
    </row>
    <row r="127834" spans="8:8">
      <c r="H127834" s="12"/>
    </row>
    <row r="127835" spans="8:8">
      <c r="H127835" s="12"/>
    </row>
    <row r="127836" spans="8:8">
      <c r="H127836" s="12"/>
    </row>
    <row r="127837" spans="8:8">
      <c r="H127837" s="12"/>
    </row>
    <row r="127838" spans="8:8">
      <c r="H127838" s="12"/>
    </row>
    <row r="127839" spans="8:8">
      <c r="H127839" s="12"/>
    </row>
    <row r="127840" spans="8:8">
      <c r="H127840" s="12"/>
    </row>
    <row r="127841" spans="8:8">
      <c r="H127841" s="12"/>
    </row>
    <row r="127842" spans="8:8">
      <c r="H127842" s="12"/>
    </row>
    <row r="127843" spans="8:8">
      <c r="H127843" s="12"/>
    </row>
    <row r="127844" spans="8:8">
      <c r="H127844" s="12"/>
    </row>
    <row r="127845" spans="8:8">
      <c r="H127845" s="12"/>
    </row>
    <row r="127846" spans="8:8">
      <c r="H127846" s="12"/>
    </row>
    <row r="127847" spans="8:8">
      <c r="H127847" s="12"/>
    </row>
    <row r="127848" spans="8:8">
      <c r="H127848" s="12"/>
    </row>
    <row r="127849" spans="8:8">
      <c r="H127849" s="12"/>
    </row>
    <row r="127850" spans="8:8">
      <c r="H127850" s="12"/>
    </row>
    <row r="127851" spans="8:8">
      <c r="H127851" s="12"/>
    </row>
    <row r="127852" spans="8:8">
      <c r="H127852" s="12"/>
    </row>
    <row r="127853" spans="8:8">
      <c r="H127853" s="12"/>
    </row>
    <row r="127854" spans="8:8">
      <c r="H127854" s="12"/>
    </row>
    <row r="127855" spans="8:8">
      <c r="H127855" s="12"/>
    </row>
    <row r="127856" spans="8:8">
      <c r="H127856" s="12"/>
    </row>
    <row r="127857" spans="8:8">
      <c r="H127857" s="12"/>
    </row>
    <row r="127858" spans="8:8">
      <c r="H127858" s="12"/>
    </row>
    <row r="127859" spans="8:8">
      <c r="H127859" s="12"/>
    </row>
    <row r="127860" spans="8:8">
      <c r="H127860" s="12"/>
    </row>
    <row r="127861" spans="8:8">
      <c r="H127861" s="12"/>
    </row>
    <row r="127862" spans="8:8">
      <c r="H127862" s="12"/>
    </row>
    <row r="127863" spans="8:8">
      <c r="H127863" s="12"/>
    </row>
    <row r="127864" spans="8:8">
      <c r="H127864" s="12"/>
    </row>
    <row r="127865" spans="8:8">
      <c r="H127865" s="12"/>
    </row>
    <row r="127866" spans="8:8">
      <c r="H127866" s="12"/>
    </row>
    <row r="127867" spans="8:8">
      <c r="H127867" s="12"/>
    </row>
    <row r="127868" spans="8:8">
      <c r="H127868" s="12"/>
    </row>
    <row r="127869" spans="8:8">
      <c r="H127869" s="12"/>
    </row>
    <row r="127870" spans="8:8">
      <c r="H127870" s="12"/>
    </row>
    <row r="127871" spans="8:8">
      <c r="H127871" s="12"/>
    </row>
    <row r="127872" spans="8:8">
      <c r="H127872" s="12"/>
    </row>
    <row r="127873" spans="8:8">
      <c r="H127873" s="12"/>
    </row>
    <row r="127874" spans="8:8">
      <c r="H127874" s="12"/>
    </row>
    <row r="127875" spans="8:8">
      <c r="H127875" s="12"/>
    </row>
    <row r="127876" spans="8:8">
      <c r="H127876" s="12"/>
    </row>
    <row r="127877" spans="8:8">
      <c r="H127877" s="12"/>
    </row>
    <row r="127878" spans="8:8">
      <c r="H127878" s="12"/>
    </row>
    <row r="127879" spans="8:8">
      <c r="H127879" s="12"/>
    </row>
    <row r="127880" spans="8:8">
      <c r="H127880" s="12"/>
    </row>
    <row r="127881" spans="8:8">
      <c r="H127881" s="12"/>
    </row>
    <row r="127882" spans="8:8">
      <c r="H127882" s="12"/>
    </row>
    <row r="127883" spans="8:8">
      <c r="H127883" s="12"/>
    </row>
    <row r="127884" spans="8:8">
      <c r="H127884" s="12"/>
    </row>
    <row r="127885" spans="8:8">
      <c r="H127885" s="12"/>
    </row>
    <row r="127886" spans="8:8">
      <c r="H127886" s="12"/>
    </row>
    <row r="127887" spans="8:8">
      <c r="H127887" s="12"/>
    </row>
    <row r="127888" spans="8:8">
      <c r="H127888" s="12"/>
    </row>
    <row r="127889" spans="8:8">
      <c r="H127889" s="12"/>
    </row>
    <row r="127890" spans="8:8">
      <c r="H127890" s="12"/>
    </row>
    <row r="127891" spans="8:8">
      <c r="H127891" s="12"/>
    </row>
    <row r="127892" spans="8:8">
      <c r="H127892" s="12"/>
    </row>
    <row r="127893" spans="8:8">
      <c r="H127893" s="12"/>
    </row>
    <row r="127894" spans="8:8">
      <c r="H127894" s="12"/>
    </row>
    <row r="127895" spans="8:8">
      <c r="H127895" s="12"/>
    </row>
    <row r="127896" spans="8:8">
      <c r="H127896" s="12"/>
    </row>
    <row r="127897" spans="8:8">
      <c r="H127897" s="12"/>
    </row>
    <row r="127898" spans="8:8">
      <c r="H127898" s="12"/>
    </row>
    <row r="127899" spans="8:8">
      <c r="H127899" s="12"/>
    </row>
    <row r="127900" spans="8:8">
      <c r="H127900" s="12"/>
    </row>
    <row r="127901" spans="8:8">
      <c r="H127901" s="12"/>
    </row>
    <row r="127902" spans="8:8">
      <c r="H127902" s="12"/>
    </row>
    <row r="127903" spans="8:8">
      <c r="H127903" s="12"/>
    </row>
    <row r="127904" spans="8:8">
      <c r="H127904" s="12"/>
    </row>
    <row r="127905" spans="8:8">
      <c r="H127905" s="12"/>
    </row>
    <row r="127906" spans="8:8">
      <c r="H127906" s="12"/>
    </row>
    <row r="127907" spans="8:8">
      <c r="H127907" s="12"/>
    </row>
    <row r="127908" spans="8:8">
      <c r="H127908" s="12"/>
    </row>
    <row r="127909" spans="8:8">
      <c r="H127909" s="12"/>
    </row>
    <row r="127910" spans="8:8">
      <c r="H127910" s="12"/>
    </row>
    <row r="127911" spans="8:8">
      <c r="H127911" s="12"/>
    </row>
    <row r="127912" spans="8:8">
      <c r="H127912" s="12"/>
    </row>
    <row r="127913" spans="8:8">
      <c r="H127913" s="12"/>
    </row>
    <row r="127914" spans="8:8">
      <c r="H127914" s="12"/>
    </row>
    <row r="127915" spans="8:8">
      <c r="H127915" s="12"/>
    </row>
    <row r="127916" spans="8:8">
      <c r="H127916" s="12"/>
    </row>
    <row r="127917" spans="8:8">
      <c r="H127917" s="12"/>
    </row>
    <row r="127918" spans="8:8">
      <c r="H127918" s="12"/>
    </row>
    <row r="127919" spans="8:8">
      <c r="H127919" s="12"/>
    </row>
    <row r="127920" spans="8:8">
      <c r="H127920" s="12"/>
    </row>
    <row r="127921" spans="8:8">
      <c r="H127921" s="12"/>
    </row>
    <row r="127922" spans="8:8">
      <c r="H127922" s="12"/>
    </row>
    <row r="127923" spans="8:8">
      <c r="H127923" s="12"/>
    </row>
    <row r="127924" spans="8:8">
      <c r="H127924" s="12"/>
    </row>
    <row r="127925" spans="8:8">
      <c r="H127925" s="12"/>
    </row>
    <row r="127926" spans="8:8">
      <c r="H127926" s="12"/>
    </row>
    <row r="127927" spans="8:8">
      <c r="H127927" s="12"/>
    </row>
    <row r="127928" spans="8:8">
      <c r="H127928" s="12"/>
    </row>
    <row r="127929" spans="8:8">
      <c r="H127929" s="12"/>
    </row>
    <row r="127930" spans="8:8">
      <c r="H127930" s="12"/>
    </row>
    <row r="127931" spans="8:8">
      <c r="H127931" s="12"/>
    </row>
    <row r="127932" spans="8:8">
      <c r="H127932" s="12"/>
    </row>
    <row r="127933" spans="8:8">
      <c r="H127933" s="12"/>
    </row>
    <row r="127934" spans="8:8">
      <c r="H127934" s="12"/>
    </row>
    <row r="127935" spans="8:8">
      <c r="H127935" s="12"/>
    </row>
    <row r="127936" spans="8:8">
      <c r="H127936" s="12"/>
    </row>
    <row r="127937" spans="8:8">
      <c r="H127937" s="12"/>
    </row>
    <row r="127938" spans="8:8">
      <c r="H127938" s="12"/>
    </row>
    <row r="127939" spans="8:8">
      <c r="H127939" s="12"/>
    </row>
    <row r="127940" spans="8:8">
      <c r="H127940" s="12"/>
    </row>
    <row r="127941" spans="8:8">
      <c r="H127941" s="12"/>
    </row>
    <row r="127942" spans="8:8">
      <c r="H127942" s="12"/>
    </row>
    <row r="127943" spans="8:8">
      <c r="H127943" s="12"/>
    </row>
    <row r="127944" spans="8:8">
      <c r="H127944" s="12"/>
    </row>
    <row r="127945" spans="8:8">
      <c r="H127945" s="12"/>
    </row>
    <row r="127946" spans="8:8">
      <c r="H127946" s="12"/>
    </row>
    <row r="127947" spans="8:8">
      <c r="H127947" s="12"/>
    </row>
    <row r="127948" spans="8:8">
      <c r="H127948" s="12"/>
    </row>
    <row r="127949" spans="8:8">
      <c r="H127949" s="12"/>
    </row>
    <row r="127950" spans="8:8">
      <c r="H127950" s="12"/>
    </row>
    <row r="127951" spans="8:8">
      <c r="H127951" s="12"/>
    </row>
    <row r="127952" spans="8:8">
      <c r="H127952" s="12"/>
    </row>
    <row r="127953" spans="8:8">
      <c r="H127953" s="12"/>
    </row>
    <row r="127954" spans="8:8">
      <c r="H127954" s="12"/>
    </row>
    <row r="127955" spans="8:8">
      <c r="H127955" s="12"/>
    </row>
    <row r="127956" spans="8:8">
      <c r="H127956" s="12"/>
    </row>
    <row r="127957" spans="8:8">
      <c r="H127957" s="12"/>
    </row>
    <row r="127958" spans="8:8">
      <c r="H127958" s="12"/>
    </row>
    <row r="127959" spans="8:8">
      <c r="H127959" s="12"/>
    </row>
    <row r="127960" spans="8:8">
      <c r="H127960" s="12"/>
    </row>
    <row r="127961" spans="8:8">
      <c r="H127961" s="12"/>
    </row>
    <row r="127962" spans="8:8">
      <c r="H127962" s="12"/>
    </row>
    <row r="127963" spans="8:8">
      <c r="H127963" s="12"/>
    </row>
    <row r="127964" spans="8:8">
      <c r="H127964" s="12"/>
    </row>
    <row r="127965" spans="8:8">
      <c r="H127965" s="12"/>
    </row>
    <row r="127966" spans="8:8">
      <c r="H127966" s="12"/>
    </row>
    <row r="127967" spans="8:8">
      <c r="H127967" s="12"/>
    </row>
    <row r="127968" spans="8:8">
      <c r="H127968" s="12"/>
    </row>
    <row r="127969" spans="8:8">
      <c r="H127969" s="12"/>
    </row>
    <row r="127970" spans="8:8">
      <c r="H127970" s="12"/>
    </row>
    <row r="127971" spans="8:8">
      <c r="H127971" s="12"/>
    </row>
    <row r="127972" spans="8:8">
      <c r="H127972" s="12"/>
    </row>
    <row r="127973" spans="8:8">
      <c r="H127973" s="12"/>
    </row>
    <row r="127974" spans="8:8">
      <c r="H127974" s="12"/>
    </row>
    <row r="127975" spans="8:8">
      <c r="H127975" s="12"/>
    </row>
    <row r="127976" spans="8:8">
      <c r="H127976" s="12"/>
    </row>
    <row r="127977" spans="8:8">
      <c r="H127977" s="12"/>
    </row>
    <row r="127978" spans="8:8">
      <c r="H127978" s="12"/>
    </row>
    <row r="127979" spans="8:8">
      <c r="H127979" s="12"/>
    </row>
    <row r="127980" spans="8:8">
      <c r="H127980" s="12"/>
    </row>
    <row r="127981" spans="8:8">
      <c r="H127981" s="12"/>
    </row>
    <row r="127982" spans="8:8">
      <c r="H127982" s="12"/>
    </row>
    <row r="127983" spans="8:8">
      <c r="H127983" s="12"/>
    </row>
    <row r="127984" spans="8:8">
      <c r="H127984" s="12"/>
    </row>
    <row r="127985" spans="8:8">
      <c r="H127985" s="12"/>
    </row>
    <row r="127986" spans="8:8">
      <c r="H127986" s="12"/>
    </row>
    <row r="127987" spans="8:8">
      <c r="H127987" s="12"/>
    </row>
    <row r="127988" spans="8:8">
      <c r="H127988" s="12"/>
    </row>
    <row r="127989" spans="8:8">
      <c r="H127989" s="12"/>
    </row>
    <row r="127990" spans="8:8">
      <c r="H127990" s="12"/>
    </row>
    <row r="127991" spans="8:8">
      <c r="H127991" s="12"/>
    </row>
    <row r="127992" spans="8:8">
      <c r="H127992" s="12"/>
    </row>
    <row r="127993" spans="8:8">
      <c r="H127993" s="12"/>
    </row>
    <row r="127994" spans="8:8">
      <c r="H127994" s="12"/>
    </row>
    <row r="127995" spans="8:8">
      <c r="H127995" s="12"/>
    </row>
    <row r="127996" spans="8:8">
      <c r="H127996" s="12"/>
    </row>
    <row r="127997" spans="8:8">
      <c r="H127997" s="12"/>
    </row>
    <row r="127998" spans="8:8">
      <c r="H127998" s="12"/>
    </row>
    <row r="127999" spans="8:8">
      <c r="H127999" s="12"/>
    </row>
    <row r="128000" spans="8:8">
      <c r="H128000" s="12"/>
    </row>
    <row r="128001" spans="8:8">
      <c r="H128001" s="12"/>
    </row>
    <row r="128002" spans="8:8">
      <c r="H128002" s="12"/>
    </row>
    <row r="128003" spans="8:8">
      <c r="H128003" s="12"/>
    </row>
    <row r="128004" spans="8:8">
      <c r="H128004" s="12"/>
    </row>
    <row r="128005" spans="8:8">
      <c r="H128005" s="12"/>
    </row>
    <row r="128006" spans="8:8">
      <c r="H128006" s="12"/>
    </row>
    <row r="128007" spans="8:8">
      <c r="H128007" s="12"/>
    </row>
    <row r="128008" spans="8:8">
      <c r="H128008" s="12"/>
    </row>
    <row r="128009" spans="8:8">
      <c r="H128009" s="12"/>
    </row>
    <row r="128010" spans="8:8">
      <c r="H128010" s="12"/>
    </row>
    <row r="128011" spans="8:8">
      <c r="H128011" s="12"/>
    </row>
    <row r="128012" spans="8:8">
      <c r="H128012" s="12"/>
    </row>
    <row r="128013" spans="8:8">
      <c r="H128013" s="12"/>
    </row>
    <row r="128014" spans="8:8">
      <c r="H128014" s="12"/>
    </row>
    <row r="128015" spans="8:8">
      <c r="H128015" s="12"/>
    </row>
    <row r="128016" spans="8:8">
      <c r="H128016" s="12"/>
    </row>
    <row r="128017" spans="8:8">
      <c r="H128017" s="12"/>
    </row>
    <row r="128018" spans="8:8">
      <c r="H128018" s="12"/>
    </row>
    <row r="128019" spans="8:8">
      <c r="H128019" s="12"/>
    </row>
    <row r="128020" spans="8:8">
      <c r="H128020" s="12"/>
    </row>
    <row r="128021" spans="8:8">
      <c r="H128021" s="12"/>
    </row>
    <row r="128022" spans="8:8">
      <c r="H128022" s="12"/>
    </row>
    <row r="128023" spans="8:8">
      <c r="H128023" s="12"/>
    </row>
    <row r="128024" spans="8:8">
      <c r="H128024" s="12"/>
    </row>
    <row r="128025" spans="8:8">
      <c r="H128025" s="12"/>
    </row>
    <row r="128026" spans="8:8">
      <c r="H128026" s="12"/>
    </row>
    <row r="128027" spans="8:8">
      <c r="H128027" s="12"/>
    </row>
    <row r="128028" spans="8:8">
      <c r="H128028" s="12"/>
    </row>
    <row r="128029" spans="8:8">
      <c r="H128029" s="12"/>
    </row>
    <row r="128030" spans="8:8">
      <c r="H128030" s="12"/>
    </row>
    <row r="128031" spans="8:8">
      <c r="H128031" s="12"/>
    </row>
    <row r="128032" spans="8:8">
      <c r="H128032" s="12"/>
    </row>
    <row r="128033" spans="8:8">
      <c r="H128033" s="12"/>
    </row>
    <row r="128034" spans="8:8">
      <c r="H128034" s="12"/>
    </row>
    <row r="128035" spans="8:8">
      <c r="H128035" s="12"/>
    </row>
    <row r="128036" spans="8:8">
      <c r="H128036" s="12"/>
    </row>
    <row r="128037" spans="8:8">
      <c r="H128037" s="12"/>
    </row>
    <row r="128038" spans="8:8">
      <c r="H128038" s="12"/>
    </row>
    <row r="128039" spans="8:8">
      <c r="H128039" s="12"/>
    </row>
    <row r="128040" spans="8:8">
      <c r="H128040" s="12"/>
    </row>
    <row r="128041" spans="8:8">
      <c r="H128041" s="12"/>
    </row>
    <row r="128042" spans="8:8">
      <c r="H128042" s="12"/>
    </row>
    <row r="128043" spans="8:8">
      <c r="H128043" s="12"/>
    </row>
    <row r="128044" spans="8:8">
      <c r="H128044" s="12"/>
    </row>
    <row r="128045" spans="8:8">
      <c r="H128045" s="12"/>
    </row>
    <row r="128046" spans="8:8">
      <c r="H128046" s="12"/>
    </row>
    <row r="128047" spans="8:8">
      <c r="H128047" s="12"/>
    </row>
    <row r="128048" spans="8:8">
      <c r="H128048" s="12"/>
    </row>
    <row r="128049" spans="8:8">
      <c r="H128049" s="12"/>
    </row>
    <row r="128050" spans="8:8">
      <c r="H128050" s="12"/>
    </row>
    <row r="128051" spans="8:8">
      <c r="H128051" s="12"/>
    </row>
    <row r="128052" spans="8:8">
      <c r="H128052" s="12"/>
    </row>
    <row r="128053" spans="8:8">
      <c r="H128053" s="12"/>
    </row>
    <row r="128054" spans="8:8">
      <c r="H128054" s="12"/>
    </row>
    <row r="128055" spans="8:8">
      <c r="H128055" s="12"/>
    </row>
    <row r="128056" spans="8:8">
      <c r="H128056" s="12"/>
    </row>
    <row r="128057" spans="8:8">
      <c r="H128057" s="12"/>
    </row>
    <row r="128058" spans="8:8">
      <c r="H128058" s="12"/>
    </row>
    <row r="128059" spans="8:8">
      <c r="H128059" s="12"/>
    </row>
    <row r="128060" spans="8:8">
      <c r="H128060" s="12"/>
    </row>
    <row r="128061" spans="8:8">
      <c r="H128061" s="12"/>
    </row>
    <row r="128062" spans="8:8">
      <c r="H128062" s="12"/>
    </row>
    <row r="128063" spans="8:8">
      <c r="H128063" s="12"/>
    </row>
    <row r="128064" spans="8:8">
      <c r="H128064" s="12"/>
    </row>
    <row r="128065" spans="8:8">
      <c r="H128065" s="12"/>
    </row>
    <row r="128066" spans="8:8">
      <c r="H128066" s="12"/>
    </row>
    <row r="128067" spans="8:8">
      <c r="H128067" s="12"/>
    </row>
    <row r="128068" spans="8:8">
      <c r="H128068" s="12"/>
    </row>
    <row r="128069" spans="8:8">
      <c r="H128069" s="12"/>
    </row>
    <row r="128070" spans="8:8">
      <c r="H128070" s="12"/>
    </row>
    <row r="128071" spans="8:8">
      <c r="H128071" s="12"/>
    </row>
    <row r="128072" spans="8:8">
      <c r="H128072" s="12"/>
    </row>
    <row r="128073" spans="8:8">
      <c r="H128073" s="12"/>
    </row>
    <row r="128074" spans="8:8">
      <c r="H128074" s="12"/>
    </row>
    <row r="128075" spans="8:8">
      <c r="H128075" s="12"/>
    </row>
    <row r="128076" spans="8:8">
      <c r="H128076" s="12"/>
    </row>
    <row r="128077" spans="8:8">
      <c r="H128077" s="12"/>
    </row>
    <row r="128078" spans="8:8">
      <c r="H128078" s="12"/>
    </row>
    <row r="128079" spans="8:8">
      <c r="H128079" s="12"/>
    </row>
    <row r="128080" spans="8:8">
      <c r="H128080" s="12"/>
    </row>
    <row r="128081" spans="8:8">
      <c r="H128081" s="12"/>
    </row>
    <row r="128082" spans="8:8">
      <c r="H128082" s="12"/>
    </row>
    <row r="128083" spans="8:8">
      <c r="H128083" s="12"/>
    </row>
    <row r="128084" spans="8:8">
      <c r="H128084" s="12"/>
    </row>
    <row r="128085" spans="8:8">
      <c r="H128085" s="12"/>
    </row>
    <row r="128086" spans="8:8">
      <c r="H128086" s="12"/>
    </row>
    <row r="128087" spans="8:8">
      <c r="H128087" s="12"/>
    </row>
    <row r="128088" spans="8:8">
      <c r="H128088" s="12"/>
    </row>
    <row r="128089" spans="8:8">
      <c r="H128089" s="12"/>
    </row>
    <row r="128090" spans="8:8">
      <c r="H128090" s="12"/>
    </row>
    <row r="128091" spans="8:8">
      <c r="H128091" s="12"/>
    </row>
    <row r="128092" spans="8:8">
      <c r="H128092" s="12"/>
    </row>
    <row r="128093" spans="8:8">
      <c r="H128093" s="12"/>
    </row>
    <row r="128094" spans="8:8">
      <c r="H128094" s="12"/>
    </row>
    <row r="128095" spans="8:8">
      <c r="H128095" s="12"/>
    </row>
    <row r="128096" spans="8:8">
      <c r="H128096" s="12"/>
    </row>
    <row r="128097" spans="8:8">
      <c r="H128097" s="12"/>
    </row>
    <row r="128098" spans="8:8">
      <c r="H128098" s="12"/>
    </row>
    <row r="128099" spans="8:8">
      <c r="H128099" s="12"/>
    </row>
    <row r="128100" spans="8:8">
      <c r="H128100" s="12"/>
    </row>
    <row r="128101" spans="8:8">
      <c r="H128101" s="12"/>
    </row>
    <row r="128102" spans="8:8">
      <c r="H128102" s="12"/>
    </row>
    <row r="128103" spans="8:8">
      <c r="H128103" s="12"/>
    </row>
    <row r="128104" spans="8:8">
      <c r="H128104" s="12"/>
    </row>
    <row r="128105" spans="8:8">
      <c r="H128105" s="12"/>
    </row>
    <row r="128106" spans="8:8">
      <c r="H128106" s="12"/>
    </row>
    <row r="128107" spans="8:8">
      <c r="H128107" s="12"/>
    </row>
    <row r="128108" spans="8:8">
      <c r="H128108" s="12"/>
    </row>
    <row r="128109" spans="8:8">
      <c r="H128109" s="12"/>
    </row>
    <row r="128110" spans="8:8">
      <c r="H128110" s="12"/>
    </row>
    <row r="128111" spans="8:8">
      <c r="H128111" s="12"/>
    </row>
    <row r="128112" spans="8:8">
      <c r="H128112" s="12"/>
    </row>
    <row r="128113" spans="8:8">
      <c r="H128113" s="12"/>
    </row>
    <row r="128114" spans="8:8">
      <c r="H128114" s="12"/>
    </row>
    <row r="128115" spans="8:8">
      <c r="H128115" s="12"/>
    </row>
    <row r="128116" spans="8:8">
      <c r="H128116" s="12"/>
    </row>
    <row r="128117" spans="8:8">
      <c r="H128117" s="12"/>
    </row>
    <row r="128118" spans="8:8">
      <c r="H128118" s="12"/>
    </row>
    <row r="128119" spans="8:8">
      <c r="H128119" s="12"/>
    </row>
    <row r="128120" spans="8:8">
      <c r="H128120" s="12"/>
    </row>
    <row r="128121" spans="8:8">
      <c r="H128121" s="12"/>
    </row>
    <row r="128122" spans="8:8">
      <c r="H128122" s="12"/>
    </row>
    <row r="128123" spans="8:8">
      <c r="H128123" s="12"/>
    </row>
    <row r="128124" spans="8:8">
      <c r="H128124" s="12"/>
    </row>
    <row r="128125" spans="8:8">
      <c r="H128125" s="12"/>
    </row>
    <row r="128126" spans="8:8">
      <c r="H128126" s="12"/>
    </row>
    <row r="128127" spans="8:8">
      <c r="H128127" s="12"/>
    </row>
    <row r="128128" spans="8:8">
      <c r="H128128" s="12"/>
    </row>
    <row r="128129" spans="8:8">
      <c r="H128129" s="12"/>
    </row>
    <row r="128130" spans="8:8">
      <c r="H128130" s="12"/>
    </row>
    <row r="128131" spans="8:8">
      <c r="H128131" s="12"/>
    </row>
    <row r="128132" spans="8:8">
      <c r="H128132" s="12"/>
    </row>
    <row r="128133" spans="8:8">
      <c r="H128133" s="12"/>
    </row>
    <row r="128134" spans="8:8">
      <c r="H128134" s="12"/>
    </row>
    <row r="128135" spans="8:8">
      <c r="H128135" s="12"/>
    </row>
    <row r="128136" spans="8:8">
      <c r="H128136" s="12"/>
    </row>
    <row r="128137" spans="8:8">
      <c r="H128137" s="12"/>
    </row>
    <row r="128138" spans="8:8">
      <c r="H128138" s="12"/>
    </row>
    <row r="128139" spans="8:8">
      <c r="H128139" s="12"/>
    </row>
    <row r="128140" spans="8:8">
      <c r="H128140" s="12"/>
    </row>
    <row r="128141" spans="8:8">
      <c r="H128141" s="12"/>
    </row>
    <row r="128142" spans="8:8">
      <c r="H128142" s="12"/>
    </row>
    <row r="128143" spans="8:8">
      <c r="H128143" s="12"/>
    </row>
    <row r="128144" spans="8:8">
      <c r="H128144" s="12"/>
    </row>
    <row r="128145" spans="8:8">
      <c r="H128145" s="12"/>
    </row>
    <row r="128146" spans="8:8">
      <c r="H128146" s="12"/>
    </row>
    <row r="128147" spans="8:8">
      <c r="H128147" s="12"/>
    </row>
    <row r="128148" spans="8:8">
      <c r="H128148" s="12"/>
    </row>
    <row r="128149" spans="8:8">
      <c r="H128149" s="12"/>
    </row>
    <row r="128150" spans="8:8">
      <c r="H128150" s="12"/>
    </row>
    <row r="128151" spans="8:8">
      <c r="H128151" s="12"/>
    </row>
    <row r="128152" spans="8:8">
      <c r="H128152" s="12"/>
    </row>
    <row r="128153" spans="8:8">
      <c r="H128153" s="12"/>
    </row>
    <row r="128154" spans="8:8">
      <c r="H128154" s="12"/>
    </row>
    <row r="128155" spans="8:8">
      <c r="H128155" s="12"/>
    </row>
    <row r="128156" spans="8:8">
      <c r="H128156" s="12"/>
    </row>
    <row r="128157" spans="8:8">
      <c r="H128157" s="12"/>
    </row>
    <row r="128158" spans="8:8">
      <c r="H128158" s="12"/>
    </row>
    <row r="128159" spans="8:8">
      <c r="H128159" s="12"/>
    </row>
    <row r="128160" spans="8:8">
      <c r="H128160" s="12"/>
    </row>
    <row r="128161" spans="8:8">
      <c r="H128161" s="12"/>
    </row>
    <row r="128162" spans="8:8">
      <c r="H128162" s="12"/>
    </row>
    <row r="128163" spans="8:8">
      <c r="H128163" s="12"/>
    </row>
    <row r="128164" spans="8:8">
      <c r="H128164" s="12"/>
    </row>
    <row r="128165" spans="8:8">
      <c r="H128165" s="12"/>
    </row>
    <row r="128166" spans="8:8">
      <c r="H128166" s="12"/>
    </row>
    <row r="128167" spans="8:8">
      <c r="H128167" s="12"/>
    </row>
    <row r="128168" spans="8:8">
      <c r="H128168" s="12"/>
    </row>
    <row r="128169" spans="8:8">
      <c r="H128169" s="12"/>
    </row>
    <row r="128170" spans="8:8">
      <c r="H128170" s="12"/>
    </row>
    <row r="128171" spans="8:8">
      <c r="H128171" s="12"/>
    </row>
    <row r="128172" spans="8:8">
      <c r="H128172" s="12"/>
    </row>
    <row r="128173" spans="8:8">
      <c r="H128173" s="12"/>
    </row>
    <row r="128174" spans="8:8">
      <c r="H128174" s="12"/>
    </row>
    <row r="128175" spans="8:8">
      <c r="H128175" s="12"/>
    </row>
    <row r="128176" spans="8:8">
      <c r="H128176" s="12"/>
    </row>
    <row r="128177" spans="8:8">
      <c r="H128177" s="12"/>
    </row>
    <row r="128178" spans="8:8">
      <c r="H128178" s="12"/>
    </row>
    <row r="128179" spans="8:8">
      <c r="H128179" s="12"/>
    </row>
    <row r="128180" spans="8:8">
      <c r="H128180" s="12"/>
    </row>
    <row r="128181" spans="8:8">
      <c r="H128181" s="12"/>
    </row>
    <row r="128182" spans="8:8">
      <c r="H128182" s="12"/>
    </row>
    <row r="128183" spans="8:8">
      <c r="H128183" s="12"/>
    </row>
    <row r="128184" spans="8:8">
      <c r="H128184" s="12"/>
    </row>
    <row r="128185" spans="8:8">
      <c r="H128185" s="12"/>
    </row>
    <row r="128186" spans="8:8">
      <c r="H128186" s="12"/>
    </row>
    <row r="128187" spans="8:8">
      <c r="H128187" s="12"/>
    </row>
    <row r="128188" spans="8:8">
      <c r="H128188" s="12"/>
    </row>
    <row r="128189" spans="8:8">
      <c r="H128189" s="12"/>
    </row>
    <row r="128190" spans="8:8">
      <c r="H128190" s="12"/>
    </row>
    <row r="128191" spans="8:8">
      <c r="H128191" s="12"/>
    </row>
    <row r="128192" spans="8:8">
      <c r="H128192" s="12"/>
    </row>
    <row r="128193" spans="8:8">
      <c r="H128193" s="12"/>
    </row>
    <row r="128194" spans="8:8">
      <c r="H128194" s="12"/>
    </row>
    <row r="128195" spans="8:8">
      <c r="H128195" s="12"/>
    </row>
    <row r="128196" spans="8:8">
      <c r="H128196" s="12"/>
    </row>
    <row r="128197" spans="8:8">
      <c r="H128197" s="12"/>
    </row>
    <row r="128198" spans="8:8">
      <c r="H128198" s="12"/>
    </row>
    <row r="128199" spans="8:8">
      <c r="H128199" s="12"/>
    </row>
    <row r="128200" spans="8:8">
      <c r="H128200" s="12"/>
    </row>
    <row r="128201" spans="8:8">
      <c r="H128201" s="12"/>
    </row>
    <row r="128202" spans="8:8">
      <c r="H128202" s="12"/>
    </row>
    <row r="128203" spans="8:8">
      <c r="H128203" s="12"/>
    </row>
    <row r="128204" spans="8:8">
      <c r="H128204" s="12"/>
    </row>
    <row r="128205" spans="8:8">
      <c r="H128205" s="12"/>
    </row>
    <row r="128206" spans="8:8">
      <c r="H128206" s="12"/>
    </row>
    <row r="128207" spans="8:8">
      <c r="H128207" s="12"/>
    </row>
    <row r="128208" spans="8:8">
      <c r="H128208" s="12"/>
    </row>
    <row r="128209" spans="8:8">
      <c r="H128209" s="12"/>
    </row>
    <row r="128210" spans="8:8">
      <c r="H128210" s="12"/>
    </row>
    <row r="128211" spans="8:8">
      <c r="H128211" s="12"/>
    </row>
    <row r="128212" spans="8:8">
      <c r="H128212" s="12"/>
    </row>
    <row r="128213" spans="8:8">
      <c r="H128213" s="12"/>
    </row>
    <row r="128214" spans="8:8">
      <c r="H128214" s="12"/>
    </row>
    <row r="128215" spans="8:8">
      <c r="H128215" s="12"/>
    </row>
    <row r="128216" spans="8:8">
      <c r="H128216" s="12"/>
    </row>
    <row r="128217" spans="8:8">
      <c r="H128217" s="12"/>
    </row>
    <row r="128218" spans="8:8">
      <c r="H128218" s="12"/>
    </row>
    <row r="128219" spans="8:8">
      <c r="H128219" s="12"/>
    </row>
    <row r="128220" spans="8:8">
      <c r="H128220" s="12"/>
    </row>
    <row r="128221" spans="8:8">
      <c r="H128221" s="12"/>
    </row>
    <row r="128222" spans="8:8">
      <c r="H128222" s="12"/>
    </row>
    <row r="128223" spans="8:8">
      <c r="H128223" s="12"/>
    </row>
    <row r="128224" spans="8:8">
      <c r="H128224" s="12"/>
    </row>
    <row r="128225" spans="8:8">
      <c r="H128225" s="12"/>
    </row>
    <row r="128226" spans="8:8">
      <c r="H128226" s="12"/>
    </row>
    <row r="128227" spans="8:8">
      <c r="H128227" s="12"/>
    </row>
    <row r="128228" spans="8:8">
      <c r="H128228" s="12"/>
    </row>
    <row r="128229" spans="8:8">
      <c r="H128229" s="12"/>
    </row>
    <row r="128230" spans="8:8">
      <c r="H128230" s="12"/>
    </row>
    <row r="128231" spans="8:8">
      <c r="H128231" s="12"/>
    </row>
    <row r="128232" spans="8:8">
      <c r="H128232" s="12"/>
    </row>
    <row r="128233" spans="8:8">
      <c r="H128233" s="12"/>
    </row>
    <row r="128234" spans="8:8">
      <c r="H128234" s="12"/>
    </row>
    <row r="128235" spans="8:8">
      <c r="H128235" s="12"/>
    </row>
    <row r="128236" spans="8:8">
      <c r="H128236" s="12"/>
    </row>
    <row r="128237" spans="8:8">
      <c r="H128237" s="12"/>
    </row>
    <row r="128238" spans="8:8">
      <c r="H128238" s="12"/>
    </row>
    <row r="128239" spans="8:8">
      <c r="H128239" s="12"/>
    </row>
    <row r="128240" spans="8:8">
      <c r="H128240" s="12"/>
    </row>
    <row r="128241" spans="8:8">
      <c r="H128241" s="12"/>
    </row>
    <row r="128242" spans="8:8">
      <c r="H128242" s="12"/>
    </row>
    <row r="128243" spans="8:8">
      <c r="H128243" s="12"/>
    </row>
    <row r="128244" spans="8:8">
      <c r="H128244" s="12"/>
    </row>
    <row r="128245" spans="8:8">
      <c r="H128245" s="12"/>
    </row>
    <row r="128246" spans="8:8">
      <c r="H128246" s="12"/>
    </row>
    <row r="128247" spans="8:8">
      <c r="H128247" s="12"/>
    </row>
    <row r="128248" spans="8:8">
      <c r="H128248" s="12"/>
    </row>
    <row r="128249" spans="8:8">
      <c r="H128249" s="12"/>
    </row>
    <row r="128250" spans="8:8">
      <c r="H128250" s="12"/>
    </row>
    <row r="128251" spans="8:8">
      <c r="H128251" s="12"/>
    </row>
    <row r="128252" spans="8:8">
      <c r="H128252" s="12"/>
    </row>
    <row r="128253" spans="8:8">
      <c r="H128253" s="12"/>
    </row>
    <row r="128254" spans="8:8">
      <c r="H128254" s="12"/>
    </row>
    <row r="128255" spans="8:8">
      <c r="H128255" s="12"/>
    </row>
    <row r="128256" spans="8:8">
      <c r="H128256" s="12"/>
    </row>
    <row r="128257" spans="8:8">
      <c r="H128257" s="12"/>
    </row>
    <row r="128258" spans="8:8">
      <c r="H128258" s="12"/>
    </row>
    <row r="128259" spans="8:8">
      <c r="H128259" s="12"/>
    </row>
    <row r="128260" spans="8:8">
      <c r="H128260" s="12"/>
    </row>
    <row r="128261" spans="8:8">
      <c r="H128261" s="12"/>
    </row>
    <row r="128262" spans="8:8">
      <c r="H128262" s="12"/>
    </row>
    <row r="128263" spans="8:8">
      <c r="H128263" s="12"/>
    </row>
    <row r="128264" spans="8:8">
      <c r="H128264" s="12"/>
    </row>
    <row r="128265" spans="8:8">
      <c r="H128265" s="12"/>
    </row>
    <row r="128266" spans="8:8">
      <c r="H128266" s="12"/>
    </row>
    <row r="128267" spans="8:8">
      <c r="H128267" s="12"/>
    </row>
    <row r="128268" spans="8:8">
      <c r="H128268" s="12"/>
    </row>
    <row r="128269" spans="8:8">
      <c r="H128269" s="12"/>
    </row>
    <row r="128270" spans="8:8">
      <c r="H128270" s="12"/>
    </row>
    <row r="128271" spans="8:8">
      <c r="H128271" s="12"/>
    </row>
    <row r="128272" spans="8:8">
      <c r="H128272" s="12"/>
    </row>
    <row r="128273" spans="8:8">
      <c r="H128273" s="12"/>
    </row>
    <row r="128274" spans="8:8">
      <c r="H128274" s="12"/>
    </row>
    <row r="128275" spans="8:8">
      <c r="H128275" s="12"/>
    </row>
    <row r="128276" spans="8:8">
      <c r="H128276" s="12"/>
    </row>
    <row r="128277" spans="8:8">
      <c r="H128277" s="12"/>
    </row>
    <row r="128278" spans="8:8">
      <c r="H128278" s="12"/>
    </row>
    <row r="128279" spans="8:8">
      <c r="H128279" s="12"/>
    </row>
    <row r="128280" spans="8:8">
      <c r="H128280" s="12"/>
    </row>
    <row r="128281" spans="8:8">
      <c r="H128281" s="12"/>
    </row>
    <row r="128282" spans="8:8">
      <c r="H128282" s="12"/>
    </row>
    <row r="128283" spans="8:8">
      <c r="H128283" s="12"/>
    </row>
    <row r="128284" spans="8:8">
      <c r="H128284" s="12"/>
    </row>
    <row r="128285" spans="8:8">
      <c r="H128285" s="12"/>
    </row>
    <row r="128286" spans="8:8">
      <c r="H128286" s="12"/>
    </row>
    <row r="128287" spans="8:8">
      <c r="H128287" s="12"/>
    </row>
    <row r="128288" spans="8:8">
      <c r="H128288" s="12"/>
    </row>
    <row r="128289" spans="8:8">
      <c r="H128289" s="12"/>
    </row>
    <row r="128290" spans="8:8">
      <c r="H128290" s="12"/>
    </row>
    <row r="128291" spans="8:8">
      <c r="H128291" s="12"/>
    </row>
    <row r="128292" spans="8:8">
      <c r="H128292" s="12"/>
    </row>
    <row r="128293" spans="8:8">
      <c r="H128293" s="12"/>
    </row>
    <row r="128294" spans="8:8">
      <c r="H128294" s="12"/>
    </row>
    <row r="128295" spans="8:8">
      <c r="H128295" s="12"/>
    </row>
    <row r="128296" spans="8:8">
      <c r="H128296" s="12"/>
    </row>
    <row r="128297" spans="8:8">
      <c r="H128297" s="12"/>
    </row>
    <row r="128298" spans="8:8">
      <c r="H128298" s="12"/>
    </row>
    <row r="128299" spans="8:8">
      <c r="H128299" s="12"/>
    </row>
    <row r="128300" spans="8:8">
      <c r="H128300" s="12"/>
    </row>
    <row r="128301" spans="8:8">
      <c r="H128301" s="12"/>
    </row>
    <row r="128302" spans="8:8">
      <c r="H128302" s="12"/>
    </row>
    <row r="128303" spans="8:8">
      <c r="H128303" s="12"/>
    </row>
    <row r="128304" spans="8:8">
      <c r="H128304" s="12"/>
    </row>
    <row r="128305" spans="8:8">
      <c r="H128305" s="12"/>
    </row>
    <row r="128306" spans="8:8">
      <c r="H128306" s="12"/>
    </row>
    <row r="128307" spans="8:8">
      <c r="H128307" s="12"/>
    </row>
    <row r="128308" spans="8:8">
      <c r="H128308" s="12"/>
    </row>
    <row r="128309" spans="8:8">
      <c r="H128309" s="12"/>
    </row>
    <row r="128310" spans="8:8">
      <c r="H128310" s="12"/>
    </row>
    <row r="128311" spans="8:8">
      <c r="H128311" s="12"/>
    </row>
    <row r="128312" spans="8:8">
      <c r="H128312" s="12"/>
    </row>
    <row r="128313" spans="8:8">
      <c r="H128313" s="12"/>
    </row>
    <row r="128314" spans="8:8">
      <c r="H128314" s="12"/>
    </row>
    <row r="128315" spans="8:8">
      <c r="H128315" s="12"/>
    </row>
    <row r="128316" spans="8:8">
      <c r="H128316" s="12"/>
    </row>
    <row r="128317" spans="8:8">
      <c r="H128317" s="12"/>
    </row>
    <row r="128318" spans="8:8">
      <c r="H128318" s="12"/>
    </row>
    <row r="128319" spans="8:8">
      <c r="H128319" s="12"/>
    </row>
    <row r="128320" spans="8:8">
      <c r="H128320" s="12"/>
    </row>
    <row r="128321" spans="8:8">
      <c r="H128321" s="12"/>
    </row>
    <row r="128322" spans="8:8">
      <c r="H128322" s="12"/>
    </row>
    <row r="128323" spans="8:8">
      <c r="H128323" s="12"/>
    </row>
    <row r="128324" spans="8:8">
      <c r="H128324" s="12"/>
    </row>
    <row r="128325" spans="8:8">
      <c r="H128325" s="12"/>
    </row>
    <row r="128326" spans="8:8">
      <c r="H128326" s="12"/>
    </row>
    <row r="128327" spans="8:8">
      <c r="H128327" s="12"/>
    </row>
    <row r="128328" spans="8:8">
      <c r="H128328" s="12"/>
    </row>
    <row r="128329" spans="8:8">
      <c r="H128329" s="12"/>
    </row>
    <row r="128330" spans="8:8">
      <c r="H128330" s="12"/>
    </row>
    <row r="128331" spans="8:8">
      <c r="H128331" s="12"/>
    </row>
    <row r="128332" spans="8:8">
      <c r="H128332" s="12"/>
    </row>
    <row r="128333" spans="8:8">
      <c r="H128333" s="12"/>
    </row>
    <row r="128334" spans="8:8">
      <c r="H128334" s="12"/>
    </row>
    <row r="128335" spans="8:8">
      <c r="H128335" s="12"/>
    </row>
    <row r="128336" spans="8:8">
      <c r="H128336" s="12"/>
    </row>
    <row r="128337" spans="8:8">
      <c r="H128337" s="12"/>
    </row>
    <row r="128338" spans="8:8">
      <c r="H128338" s="12"/>
    </row>
    <row r="128339" spans="8:8">
      <c r="H128339" s="12"/>
    </row>
    <row r="128340" spans="8:8">
      <c r="H128340" s="12"/>
    </row>
    <row r="128341" spans="8:8">
      <c r="H128341" s="12"/>
    </row>
    <row r="128342" spans="8:8">
      <c r="H128342" s="12"/>
    </row>
    <row r="128343" spans="8:8">
      <c r="H128343" s="12"/>
    </row>
    <row r="128344" spans="8:8">
      <c r="H128344" s="12"/>
    </row>
    <row r="128345" spans="8:8">
      <c r="H128345" s="12"/>
    </row>
    <row r="128346" spans="8:8">
      <c r="H128346" s="12"/>
    </row>
    <row r="128347" spans="8:8">
      <c r="H128347" s="12"/>
    </row>
    <row r="128348" spans="8:8">
      <c r="H128348" s="12"/>
    </row>
    <row r="128349" spans="8:8">
      <c r="H128349" s="12"/>
    </row>
    <row r="128350" spans="8:8">
      <c r="H128350" s="12"/>
    </row>
    <row r="128351" spans="8:8">
      <c r="H128351" s="12"/>
    </row>
    <row r="128352" spans="8:8">
      <c r="H128352" s="12"/>
    </row>
    <row r="128353" spans="8:8">
      <c r="H128353" s="12"/>
    </row>
    <row r="128354" spans="8:8">
      <c r="H128354" s="12"/>
    </row>
    <row r="128355" spans="8:8">
      <c r="H128355" s="12"/>
    </row>
    <row r="128356" spans="8:8">
      <c r="H128356" s="12"/>
    </row>
    <row r="128357" spans="8:8">
      <c r="H128357" s="12"/>
    </row>
    <row r="128358" spans="8:8">
      <c r="H128358" s="12"/>
    </row>
    <row r="128359" spans="8:8">
      <c r="H128359" s="12"/>
    </row>
    <row r="128360" spans="8:8">
      <c r="H128360" s="12"/>
    </row>
    <row r="128361" spans="8:8">
      <c r="H128361" s="12"/>
    </row>
    <row r="128362" spans="8:8">
      <c r="H128362" s="12"/>
    </row>
    <row r="128363" spans="8:8">
      <c r="H128363" s="12"/>
    </row>
    <row r="128364" spans="8:8">
      <c r="H128364" s="12"/>
    </row>
    <row r="128365" spans="8:8">
      <c r="H128365" s="12"/>
    </row>
    <row r="128366" spans="8:8">
      <c r="H128366" s="12"/>
    </row>
    <row r="128367" spans="8:8">
      <c r="H128367" s="12"/>
    </row>
    <row r="128368" spans="8:8">
      <c r="H128368" s="12"/>
    </row>
    <row r="128369" spans="8:8">
      <c r="H128369" s="12"/>
    </row>
    <row r="128370" spans="8:8">
      <c r="H128370" s="12"/>
    </row>
    <row r="128371" spans="8:8">
      <c r="H128371" s="12"/>
    </row>
    <row r="128372" spans="8:8">
      <c r="H128372" s="12"/>
    </row>
    <row r="128373" spans="8:8">
      <c r="H128373" s="12"/>
    </row>
    <row r="128374" spans="8:8">
      <c r="H128374" s="12"/>
    </row>
    <row r="128375" spans="8:8">
      <c r="H128375" s="12"/>
    </row>
    <row r="128376" spans="8:8">
      <c r="H128376" s="12"/>
    </row>
    <row r="128377" spans="8:8">
      <c r="H128377" s="12"/>
    </row>
    <row r="128378" spans="8:8">
      <c r="H128378" s="12"/>
    </row>
    <row r="128379" spans="8:8">
      <c r="H128379" s="12"/>
    </row>
    <row r="128380" spans="8:8">
      <c r="H128380" s="12"/>
    </row>
    <row r="128381" spans="8:8">
      <c r="H128381" s="12"/>
    </row>
    <row r="128382" spans="8:8">
      <c r="H128382" s="12"/>
    </row>
    <row r="128383" spans="8:8">
      <c r="H128383" s="12"/>
    </row>
    <row r="128384" spans="8:8">
      <c r="H128384" s="12"/>
    </row>
    <row r="128385" spans="8:8">
      <c r="H128385" s="12"/>
    </row>
    <row r="128386" spans="8:8">
      <c r="H128386" s="12"/>
    </row>
    <row r="128387" spans="8:8">
      <c r="H128387" s="12"/>
    </row>
    <row r="128388" spans="8:8">
      <c r="H128388" s="12"/>
    </row>
    <row r="128389" spans="8:8">
      <c r="H128389" s="12"/>
    </row>
    <row r="128390" spans="8:8">
      <c r="H128390" s="12"/>
    </row>
    <row r="128391" spans="8:8">
      <c r="H128391" s="12"/>
    </row>
    <row r="128392" spans="8:8">
      <c r="H128392" s="12"/>
    </row>
    <row r="128393" spans="8:8">
      <c r="H128393" s="12"/>
    </row>
    <row r="128394" spans="8:8">
      <c r="H128394" s="12"/>
    </row>
    <row r="128395" spans="8:8">
      <c r="H128395" s="12"/>
    </row>
    <row r="128396" spans="8:8">
      <c r="H128396" s="12"/>
    </row>
    <row r="128397" spans="8:8">
      <c r="H128397" s="12"/>
    </row>
    <row r="128398" spans="8:8">
      <c r="H128398" s="12"/>
    </row>
    <row r="128399" spans="8:8">
      <c r="H128399" s="12"/>
    </row>
    <row r="128400" spans="8:8">
      <c r="H128400" s="12"/>
    </row>
    <row r="128401" spans="8:8">
      <c r="H128401" s="12"/>
    </row>
    <row r="128402" spans="8:8">
      <c r="H128402" s="12"/>
    </row>
    <row r="128403" spans="8:8">
      <c r="H128403" s="12"/>
    </row>
    <row r="128404" spans="8:8">
      <c r="H128404" s="12"/>
    </row>
    <row r="128405" spans="8:8">
      <c r="H128405" s="12"/>
    </row>
    <row r="128406" spans="8:8">
      <c r="H128406" s="12"/>
    </row>
    <row r="128407" spans="8:8">
      <c r="H128407" s="12"/>
    </row>
    <row r="128408" spans="8:8">
      <c r="H128408" s="12"/>
    </row>
    <row r="128409" spans="8:8">
      <c r="H128409" s="12"/>
    </row>
    <row r="128410" spans="8:8">
      <c r="H128410" s="12"/>
    </row>
    <row r="128411" spans="8:8">
      <c r="H128411" s="12"/>
    </row>
    <row r="128412" spans="8:8">
      <c r="H128412" s="12"/>
    </row>
    <row r="128413" spans="8:8">
      <c r="H128413" s="12"/>
    </row>
    <row r="128414" spans="8:8">
      <c r="H128414" s="12"/>
    </row>
    <row r="128415" spans="8:8">
      <c r="H128415" s="12"/>
    </row>
    <row r="128416" spans="8:8">
      <c r="H128416" s="12"/>
    </row>
    <row r="128417" spans="8:8">
      <c r="H128417" s="12"/>
    </row>
    <row r="128418" spans="8:8">
      <c r="H128418" s="12"/>
    </row>
    <row r="128419" spans="8:8">
      <c r="H128419" s="12"/>
    </row>
    <row r="128420" spans="8:8">
      <c r="H128420" s="12"/>
    </row>
    <row r="128421" spans="8:8">
      <c r="H128421" s="12"/>
    </row>
    <row r="128422" spans="8:8">
      <c r="H128422" s="12"/>
    </row>
    <row r="128423" spans="8:8">
      <c r="H128423" s="12"/>
    </row>
    <row r="128424" spans="8:8">
      <c r="H128424" s="12"/>
    </row>
    <row r="128425" spans="8:8">
      <c r="H128425" s="12"/>
    </row>
    <row r="128426" spans="8:8">
      <c r="H128426" s="12"/>
    </row>
    <row r="128427" spans="8:8">
      <c r="H128427" s="12"/>
    </row>
    <row r="128428" spans="8:8">
      <c r="H128428" s="12"/>
    </row>
    <row r="128429" spans="8:8">
      <c r="H128429" s="12"/>
    </row>
    <row r="128430" spans="8:8">
      <c r="H128430" s="12"/>
    </row>
    <row r="128431" spans="8:8">
      <c r="H128431" s="12"/>
    </row>
    <row r="128432" spans="8:8">
      <c r="H128432" s="12"/>
    </row>
    <row r="128433" spans="8:8">
      <c r="H128433" s="12"/>
    </row>
    <row r="128434" spans="8:8">
      <c r="H128434" s="12"/>
    </row>
    <row r="128435" spans="8:8">
      <c r="H128435" s="12"/>
    </row>
    <row r="128436" spans="8:8">
      <c r="H128436" s="12"/>
    </row>
    <row r="128437" spans="8:8">
      <c r="H128437" s="12"/>
    </row>
    <row r="128438" spans="8:8">
      <c r="H128438" s="12"/>
    </row>
    <row r="128439" spans="8:8">
      <c r="H128439" s="12"/>
    </row>
    <row r="128440" spans="8:8">
      <c r="H128440" s="12"/>
    </row>
    <row r="128441" spans="8:8">
      <c r="H128441" s="12"/>
    </row>
    <row r="128442" spans="8:8">
      <c r="H128442" s="12"/>
    </row>
    <row r="128443" spans="8:8">
      <c r="H128443" s="12"/>
    </row>
    <row r="128444" spans="8:8">
      <c r="H128444" s="12"/>
    </row>
    <row r="128445" spans="8:8">
      <c r="H128445" s="12"/>
    </row>
    <row r="128446" spans="8:8">
      <c r="H128446" s="12"/>
    </row>
    <row r="128447" spans="8:8">
      <c r="H128447" s="12"/>
    </row>
    <row r="128448" spans="8:8">
      <c r="H128448" s="12"/>
    </row>
    <row r="128449" spans="8:8">
      <c r="H128449" s="12"/>
    </row>
    <row r="128450" spans="8:8">
      <c r="H128450" s="12"/>
    </row>
    <row r="128451" spans="8:8">
      <c r="H128451" s="12"/>
    </row>
    <row r="128452" spans="8:8">
      <c r="H128452" s="12"/>
    </row>
    <row r="128453" spans="8:8">
      <c r="H128453" s="12"/>
    </row>
    <row r="128454" spans="8:8">
      <c r="H128454" s="12"/>
    </row>
    <row r="128455" spans="8:8">
      <c r="H128455" s="12"/>
    </row>
    <row r="128456" spans="8:8">
      <c r="H128456" s="12"/>
    </row>
    <row r="128457" spans="8:8">
      <c r="H128457" s="12"/>
    </row>
    <row r="128458" spans="8:8">
      <c r="H128458" s="12"/>
    </row>
    <row r="128459" spans="8:8">
      <c r="H128459" s="12"/>
    </row>
    <row r="128460" spans="8:8">
      <c r="H128460" s="12"/>
    </row>
    <row r="128461" spans="8:8">
      <c r="H128461" s="12"/>
    </row>
    <row r="128462" spans="8:8">
      <c r="H128462" s="12"/>
    </row>
    <row r="128463" spans="8:8">
      <c r="H128463" s="12"/>
    </row>
    <row r="128464" spans="8:8">
      <c r="H128464" s="12"/>
    </row>
    <row r="128465" spans="8:8">
      <c r="H128465" s="12"/>
    </row>
    <row r="128466" spans="8:8">
      <c r="H128466" s="12"/>
    </row>
    <row r="128467" spans="8:8">
      <c r="H128467" s="12"/>
    </row>
    <row r="128468" spans="8:8">
      <c r="H128468" s="12"/>
    </row>
    <row r="128469" spans="8:8">
      <c r="H128469" s="12"/>
    </row>
    <row r="128470" spans="8:8">
      <c r="H128470" s="12"/>
    </row>
    <row r="128471" spans="8:8">
      <c r="H128471" s="12"/>
    </row>
    <row r="128472" spans="8:8">
      <c r="H128472" s="12"/>
    </row>
    <row r="128473" spans="8:8">
      <c r="H128473" s="12"/>
    </row>
    <row r="128474" spans="8:8">
      <c r="H128474" s="12"/>
    </row>
    <row r="128475" spans="8:8">
      <c r="H128475" s="12"/>
    </row>
    <row r="128476" spans="8:8">
      <c r="H128476" s="12"/>
    </row>
    <row r="128477" spans="8:8">
      <c r="H128477" s="12"/>
    </row>
    <row r="128478" spans="8:8">
      <c r="H128478" s="12"/>
    </row>
    <row r="128479" spans="8:8">
      <c r="H128479" s="12"/>
    </row>
    <row r="128480" spans="8:8">
      <c r="H128480" s="12"/>
    </row>
    <row r="128481" spans="8:8">
      <c r="H128481" s="12"/>
    </row>
    <row r="128482" spans="8:8">
      <c r="H128482" s="12"/>
    </row>
    <row r="128483" spans="8:8">
      <c r="H128483" s="12"/>
    </row>
    <row r="128484" spans="8:8">
      <c r="H128484" s="12"/>
    </row>
    <row r="128485" spans="8:8">
      <c r="H128485" s="12"/>
    </row>
    <row r="128486" spans="8:8">
      <c r="H128486" s="12"/>
    </row>
    <row r="128487" spans="8:8">
      <c r="H128487" s="12"/>
    </row>
    <row r="128488" spans="8:8">
      <c r="H128488" s="12"/>
    </row>
    <row r="128489" spans="8:8">
      <c r="H128489" s="12"/>
    </row>
    <row r="128490" spans="8:8">
      <c r="H128490" s="12"/>
    </row>
    <row r="128491" spans="8:8">
      <c r="H128491" s="12"/>
    </row>
    <row r="128492" spans="8:8">
      <c r="H128492" s="12"/>
    </row>
    <row r="128493" spans="8:8">
      <c r="H128493" s="12"/>
    </row>
    <row r="128494" spans="8:8">
      <c r="H128494" s="12"/>
    </row>
    <row r="128495" spans="8:8">
      <c r="H128495" s="12"/>
    </row>
    <row r="128496" spans="8:8">
      <c r="H128496" s="12"/>
    </row>
    <row r="128497" spans="8:8">
      <c r="H128497" s="12"/>
    </row>
    <row r="128498" spans="8:8">
      <c r="H128498" s="12"/>
    </row>
    <row r="128499" spans="8:8">
      <c r="H128499" s="12"/>
    </row>
    <row r="128500" spans="8:8">
      <c r="H128500" s="12"/>
    </row>
    <row r="128501" spans="8:8">
      <c r="H128501" s="12"/>
    </row>
    <row r="128502" spans="8:8">
      <c r="H128502" s="12"/>
    </row>
    <row r="128503" spans="8:8">
      <c r="H128503" s="12"/>
    </row>
    <row r="128504" spans="8:8">
      <c r="H128504" s="12"/>
    </row>
    <row r="128505" spans="8:8">
      <c r="H128505" s="12"/>
    </row>
    <row r="128506" spans="8:8">
      <c r="H128506" s="12"/>
    </row>
    <row r="128507" spans="8:8">
      <c r="H128507" s="12"/>
    </row>
    <row r="128508" spans="8:8">
      <c r="H128508" s="12"/>
    </row>
    <row r="128509" spans="8:8">
      <c r="H128509" s="12"/>
    </row>
    <row r="128510" spans="8:8">
      <c r="H128510" s="12"/>
    </row>
    <row r="128511" spans="8:8">
      <c r="H128511" s="12"/>
    </row>
    <row r="128512" spans="8:8">
      <c r="H128512" s="12"/>
    </row>
    <row r="128513" spans="8:8">
      <c r="H128513" s="12"/>
    </row>
    <row r="128514" spans="8:8">
      <c r="H128514" s="12"/>
    </row>
    <row r="128515" spans="8:8">
      <c r="H128515" s="12"/>
    </row>
    <row r="128516" spans="8:8">
      <c r="H128516" s="12"/>
    </row>
    <row r="128517" spans="8:8">
      <c r="H128517" s="12"/>
    </row>
    <row r="128518" spans="8:8">
      <c r="H128518" s="12"/>
    </row>
    <row r="128519" spans="8:8">
      <c r="H128519" s="12"/>
    </row>
    <row r="128520" spans="8:8">
      <c r="H128520" s="12"/>
    </row>
    <row r="128521" spans="8:8">
      <c r="H128521" s="12"/>
    </row>
    <row r="128522" spans="8:8">
      <c r="H128522" s="12"/>
    </row>
    <row r="128523" spans="8:8">
      <c r="H128523" s="12"/>
    </row>
    <row r="128524" spans="8:8">
      <c r="H128524" s="12"/>
    </row>
    <row r="128525" spans="8:8">
      <c r="H128525" s="12"/>
    </row>
    <row r="128526" spans="8:8">
      <c r="H128526" s="12"/>
    </row>
    <row r="128527" spans="8:8">
      <c r="H128527" s="12"/>
    </row>
    <row r="128528" spans="8:8">
      <c r="H128528" s="12"/>
    </row>
    <row r="128529" spans="8:8">
      <c r="H128529" s="12"/>
    </row>
    <row r="128530" spans="8:8">
      <c r="H128530" s="12"/>
    </row>
    <row r="128531" spans="8:8">
      <c r="H128531" s="12"/>
    </row>
    <row r="128532" spans="8:8">
      <c r="H128532" s="12"/>
    </row>
    <row r="128533" spans="8:8">
      <c r="H128533" s="12"/>
    </row>
    <row r="128534" spans="8:8">
      <c r="H128534" s="12"/>
    </row>
    <row r="128535" spans="8:8">
      <c r="H128535" s="12"/>
    </row>
    <row r="128536" spans="8:8">
      <c r="H128536" s="12"/>
    </row>
    <row r="128537" spans="8:8">
      <c r="H128537" s="12"/>
    </row>
    <row r="128538" spans="8:8">
      <c r="H128538" s="12"/>
    </row>
    <row r="128539" spans="8:8">
      <c r="H128539" s="12"/>
    </row>
    <row r="128540" spans="8:8">
      <c r="H128540" s="12"/>
    </row>
    <row r="128541" spans="8:8">
      <c r="H128541" s="12"/>
    </row>
    <row r="128542" spans="8:8">
      <c r="H128542" s="12"/>
    </row>
    <row r="128543" spans="8:8">
      <c r="H128543" s="12"/>
    </row>
    <row r="128544" spans="8:8">
      <c r="H128544" s="12"/>
    </row>
    <row r="128545" spans="8:8">
      <c r="H128545" s="12"/>
    </row>
    <row r="128546" spans="8:8">
      <c r="H128546" s="12"/>
    </row>
    <row r="128547" spans="8:8">
      <c r="H128547" s="12"/>
    </row>
    <row r="128548" spans="8:8">
      <c r="H128548" s="12"/>
    </row>
    <row r="128549" spans="8:8">
      <c r="H128549" s="12"/>
    </row>
    <row r="128550" spans="8:8">
      <c r="H128550" s="12"/>
    </row>
    <row r="128551" spans="8:8">
      <c r="H128551" s="12"/>
    </row>
    <row r="128552" spans="8:8">
      <c r="H128552" s="12"/>
    </row>
    <row r="128553" spans="8:8">
      <c r="H128553" s="12"/>
    </row>
    <row r="128554" spans="8:8">
      <c r="H128554" s="12"/>
    </row>
    <row r="128555" spans="8:8">
      <c r="H128555" s="12"/>
    </row>
    <row r="128556" spans="8:8">
      <c r="H128556" s="12"/>
    </row>
    <row r="128557" spans="8:8">
      <c r="H128557" s="12"/>
    </row>
    <row r="128558" spans="8:8">
      <c r="H128558" s="12"/>
    </row>
    <row r="128559" spans="8:8">
      <c r="H128559" s="12"/>
    </row>
    <row r="128560" spans="8:8">
      <c r="H128560" s="12"/>
    </row>
    <row r="128561" spans="8:8">
      <c r="H128561" s="12"/>
    </row>
    <row r="128562" spans="8:8">
      <c r="H128562" s="12"/>
    </row>
    <row r="128563" spans="8:8">
      <c r="H128563" s="12"/>
    </row>
    <row r="128564" spans="8:8">
      <c r="H128564" s="12"/>
    </row>
    <row r="128565" spans="8:8">
      <c r="H128565" s="12"/>
    </row>
    <row r="128566" spans="8:8">
      <c r="H128566" s="12"/>
    </row>
    <row r="128567" spans="8:8">
      <c r="H128567" s="12"/>
    </row>
    <row r="128568" spans="8:8">
      <c r="H128568" s="12"/>
    </row>
    <row r="128569" spans="8:8">
      <c r="H128569" s="12"/>
    </row>
    <row r="128570" spans="8:8">
      <c r="H128570" s="12"/>
    </row>
    <row r="128571" spans="8:8">
      <c r="H128571" s="12"/>
    </row>
    <row r="128572" spans="8:8">
      <c r="H128572" s="12"/>
    </row>
    <row r="128573" spans="8:8">
      <c r="H128573" s="12"/>
    </row>
    <row r="128574" spans="8:8">
      <c r="H128574" s="12"/>
    </row>
    <row r="128575" spans="8:8">
      <c r="H128575" s="12"/>
    </row>
    <row r="128576" spans="8:8">
      <c r="H128576" s="12"/>
    </row>
    <row r="128577" spans="8:8">
      <c r="H128577" s="12"/>
    </row>
    <row r="128578" spans="8:8">
      <c r="H128578" s="12"/>
    </row>
    <row r="128579" spans="8:8">
      <c r="H128579" s="12"/>
    </row>
    <row r="128580" spans="8:8">
      <c r="H128580" s="12"/>
    </row>
    <row r="128581" spans="8:8">
      <c r="H128581" s="12"/>
    </row>
    <row r="128582" spans="8:8">
      <c r="H128582" s="12"/>
    </row>
    <row r="128583" spans="8:8">
      <c r="H128583" s="12"/>
    </row>
    <row r="128584" spans="8:8">
      <c r="H128584" s="12"/>
    </row>
    <row r="128585" spans="8:8">
      <c r="H128585" s="12"/>
    </row>
    <row r="128586" spans="8:8">
      <c r="H128586" s="12"/>
    </row>
    <row r="128587" spans="8:8">
      <c r="H128587" s="12"/>
    </row>
    <row r="128588" spans="8:8">
      <c r="H128588" s="12"/>
    </row>
    <row r="128589" spans="8:8">
      <c r="H128589" s="12"/>
    </row>
    <row r="128590" spans="8:8">
      <c r="H128590" s="12"/>
    </row>
    <row r="128591" spans="8:8">
      <c r="H128591" s="12"/>
    </row>
    <row r="128592" spans="8:8">
      <c r="H128592" s="12"/>
    </row>
    <row r="128593" spans="8:8">
      <c r="H128593" s="12"/>
    </row>
    <row r="128594" spans="8:8">
      <c r="H128594" s="12"/>
    </row>
    <row r="128595" spans="8:8">
      <c r="H128595" s="12"/>
    </row>
    <row r="128596" spans="8:8">
      <c r="H128596" s="12"/>
    </row>
    <row r="128597" spans="8:8">
      <c r="H128597" s="12"/>
    </row>
    <row r="128598" spans="8:8">
      <c r="H128598" s="12"/>
    </row>
    <row r="128599" spans="8:8">
      <c r="H128599" s="12"/>
    </row>
    <row r="128600" spans="8:8">
      <c r="H128600" s="12"/>
    </row>
    <row r="128601" spans="8:8">
      <c r="H128601" s="12"/>
    </row>
    <row r="128602" spans="8:8">
      <c r="H128602" s="12"/>
    </row>
    <row r="128603" spans="8:8">
      <c r="H128603" s="12"/>
    </row>
    <row r="128604" spans="8:8">
      <c r="H128604" s="12"/>
    </row>
    <row r="128605" spans="8:8">
      <c r="H128605" s="12"/>
    </row>
    <row r="128606" spans="8:8">
      <c r="H128606" s="12"/>
    </row>
    <row r="128607" spans="8:8">
      <c r="H128607" s="12"/>
    </row>
    <row r="128608" spans="8:8">
      <c r="H128608" s="12"/>
    </row>
    <row r="128609" spans="8:8">
      <c r="H128609" s="12"/>
    </row>
    <row r="128610" spans="8:8">
      <c r="H128610" s="12"/>
    </row>
    <row r="128611" spans="8:8">
      <c r="H128611" s="12"/>
    </row>
    <row r="128612" spans="8:8">
      <c r="H128612" s="12"/>
    </row>
    <row r="128613" spans="8:8">
      <c r="H128613" s="12"/>
    </row>
    <row r="128614" spans="8:8">
      <c r="H128614" s="12"/>
    </row>
    <row r="128615" spans="8:8">
      <c r="H128615" s="12"/>
    </row>
    <row r="128616" spans="8:8">
      <c r="H128616" s="12"/>
    </row>
    <row r="128617" spans="8:8">
      <c r="H128617" s="12"/>
    </row>
    <row r="128618" spans="8:8">
      <c r="H128618" s="12"/>
    </row>
    <row r="128619" spans="8:8">
      <c r="H128619" s="12"/>
    </row>
    <row r="128620" spans="8:8">
      <c r="H128620" s="12"/>
    </row>
    <row r="128621" spans="8:8">
      <c r="H128621" s="12"/>
    </row>
    <row r="128622" spans="8:8">
      <c r="H128622" s="12"/>
    </row>
    <row r="128623" spans="8:8">
      <c r="H128623" s="12"/>
    </row>
    <row r="128624" spans="8:8">
      <c r="H128624" s="12"/>
    </row>
    <row r="128625" spans="8:8">
      <c r="H128625" s="12"/>
    </row>
    <row r="128626" spans="8:8">
      <c r="H128626" s="12"/>
    </row>
    <row r="128627" spans="8:8">
      <c r="H128627" s="12"/>
    </row>
    <row r="128628" spans="8:8">
      <c r="H128628" s="12"/>
    </row>
    <row r="128629" spans="8:8">
      <c r="H128629" s="12"/>
    </row>
    <row r="128630" spans="8:8">
      <c r="H128630" s="12"/>
    </row>
    <row r="128631" spans="8:8">
      <c r="H128631" s="12"/>
    </row>
    <row r="128632" spans="8:8">
      <c r="H128632" s="12"/>
    </row>
    <row r="128633" spans="8:8">
      <c r="H128633" s="12"/>
    </row>
    <row r="128634" spans="8:8">
      <c r="H128634" s="12"/>
    </row>
    <row r="128635" spans="8:8">
      <c r="H128635" s="12"/>
    </row>
    <row r="128636" spans="8:8">
      <c r="H128636" s="12"/>
    </row>
    <row r="128637" spans="8:8">
      <c r="H128637" s="12"/>
    </row>
    <row r="128638" spans="8:8">
      <c r="H128638" s="12"/>
    </row>
    <row r="128639" spans="8:8">
      <c r="H128639" s="12"/>
    </row>
    <row r="128640" spans="8:8">
      <c r="H128640" s="12"/>
    </row>
    <row r="128641" spans="8:8">
      <c r="H128641" s="12"/>
    </row>
    <row r="128642" spans="8:8">
      <c r="H128642" s="12"/>
    </row>
    <row r="128643" spans="8:8">
      <c r="H128643" s="12"/>
    </row>
    <row r="128644" spans="8:8">
      <c r="H128644" s="12"/>
    </row>
    <row r="128645" spans="8:8">
      <c r="H128645" s="12"/>
    </row>
    <row r="128646" spans="8:8">
      <c r="H128646" s="12"/>
    </row>
    <row r="128647" spans="8:8">
      <c r="H128647" s="12"/>
    </row>
    <row r="128648" spans="8:8">
      <c r="H128648" s="12"/>
    </row>
    <row r="128649" spans="8:8">
      <c r="H128649" s="12"/>
    </row>
    <row r="128650" spans="8:8">
      <c r="H128650" s="12"/>
    </row>
    <row r="128651" spans="8:8">
      <c r="H128651" s="12"/>
    </row>
    <row r="128652" spans="8:8">
      <c r="H128652" s="12"/>
    </row>
    <row r="128653" spans="8:8">
      <c r="H128653" s="12"/>
    </row>
    <row r="128654" spans="8:8">
      <c r="H128654" s="12"/>
    </row>
    <row r="128655" spans="8:8">
      <c r="H128655" s="12"/>
    </row>
    <row r="128656" spans="8:8">
      <c r="H128656" s="12"/>
    </row>
    <row r="128657" spans="8:8">
      <c r="H128657" s="12"/>
    </row>
    <row r="128658" spans="8:8">
      <c r="H128658" s="12"/>
    </row>
    <row r="128659" spans="8:8">
      <c r="H128659" s="12"/>
    </row>
    <row r="128660" spans="8:8">
      <c r="H128660" s="12"/>
    </row>
    <row r="128661" spans="8:8">
      <c r="H128661" s="12"/>
    </row>
    <row r="128662" spans="8:8">
      <c r="H128662" s="12"/>
    </row>
    <row r="128663" spans="8:8">
      <c r="H128663" s="12"/>
    </row>
    <row r="128664" spans="8:8">
      <c r="H128664" s="12"/>
    </row>
    <row r="128665" spans="8:8">
      <c r="H128665" s="12"/>
    </row>
    <row r="128666" spans="8:8">
      <c r="H128666" s="12"/>
    </row>
    <row r="128667" spans="8:8">
      <c r="H128667" s="12"/>
    </row>
    <row r="128668" spans="8:8">
      <c r="H128668" s="12"/>
    </row>
    <row r="128669" spans="8:8">
      <c r="H128669" s="12"/>
    </row>
    <row r="128670" spans="8:8">
      <c r="H128670" s="12"/>
    </row>
    <row r="128671" spans="8:8">
      <c r="H128671" s="12"/>
    </row>
    <row r="128672" spans="8:8">
      <c r="H128672" s="12"/>
    </row>
    <row r="128673" spans="8:8">
      <c r="H128673" s="12"/>
    </row>
    <row r="128674" spans="8:8">
      <c r="H128674" s="12"/>
    </row>
    <row r="128675" spans="8:8">
      <c r="H128675" s="12"/>
    </row>
    <row r="128676" spans="8:8">
      <c r="H128676" s="12"/>
    </row>
    <row r="128677" spans="8:8">
      <c r="H128677" s="12"/>
    </row>
    <row r="128678" spans="8:8">
      <c r="H128678" s="12"/>
    </row>
    <row r="128679" spans="8:8">
      <c r="H128679" s="12"/>
    </row>
    <row r="128680" spans="8:8">
      <c r="H128680" s="12"/>
    </row>
    <row r="128681" spans="8:8">
      <c r="H128681" s="12"/>
    </row>
    <row r="128682" spans="8:8">
      <c r="H128682" s="12"/>
    </row>
    <row r="128683" spans="8:8">
      <c r="H128683" s="12"/>
    </row>
    <row r="128684" spans="8:8">
      <c r="H128684" s="12"/>
    </row>
    <row r="128685" spans="8:8">
      <c r="H128685" s="12"/>
    </row>
    <row r="128686" spans="8:8">
      <c r="H128686" s="12"/>
    </row>
    <row r="128687" spans="8:8">
      <c r="H128687" s="12"/>
    </row>
    <row r="128688" spans="8:8">
      <c r="H128688" s="12"/>
    </row>
    <row r="128689" spans="8:8">
      <c r="H128689" s="12"/>
    </row>
    <row r="128690" spans="8:8">
      <c r="H128690" s="12"/>
    </row>
    <row r="128691" spans="8:8">
      <c r="H128691" s="12"/>
    </row>
    <row r="128692" spans="8:8">
      <c r="H128692" s="12"/>
    </row>
    <row r="128693" spans="8:8">
      <c r="H128693" s="12"/>
    </row>
    <row r="128694" spans="8:8">
      <c r="H128694" s="12"/>
    </row>
    <row r="128695" spans="8:8">
      <c r="H128695" s="12"/>
    </row>
    <row r="128696" spans="8:8">
      <c r="H128696" s="12"/>
    </row>
    <row r="128697" spans="8:8">
      <c r="H128697" s="12"/>
    </row>
    <row r="128698" spans="8:8">
      <c r="H128698" s="12"/>
    </row>
    <row r="128699" spans="8:8">
      <c r="H128699" s="12"/>
    </row>
    <row r="128700" spans="8:8">
      <c r="H128700" s="12"/>
    </row>
    <row r="128701" spans="8:8">
      <c r="H128701" s="12"/>
    </row>
    <row r="128702" spans="8:8">
      <c r="H128702" s="12"/>
    </row>
    <row r="128703" spans="8:8">
      <c r="H128703" s="12"/>
    </row>
    <row r="128704" spans="8:8">
      <c r="H128704" s="12"/>
    </row>
    <row r="128705" spans="8:8">
      <c r="H128705" s="12"/>
    </row>
    <row r="128706" spans="8:8">
      <c r="H128706" s="12"/>
    </row>
    <row r="128707" spans="8:8">
      <c r="H128707" s="12"/>
    </row>
    <row r="128708" spans="8:8">
      <c r="H128708" s="12"/>
    </row>
    <row r="128709" spans="8:8">
      <c r="H128709" s="12"/>
    </row>
    <row r="128710" spans="8:8">
      <c r="H128710" s="12"/>
    </row>
    <row r="128711" spans="8:8">
      <c r="H128711" s="12"/>
    </row>
    <row r="128712" spans="8:8">
      <c r="H128712" s="12"/>
    </row>
    <row r="128713" spans="8:8">
      <c r="H128713" s="12"/>
    </row>
    <row r="128714" spans="8:8">
      <c r="H128714" s="12"/>
    </row>
    <row r="128715" spans="8:8">
      <c r="H128715" s="12"/>
    </row>
    <row r="128716" spans="8:8">
      <c r="H128716" s="12"/>
    </row>
    <row r="128717" spans="8:8">
      <c r="H128717" s="12"/>
    </row>
    <row r="128718" spans="8:8">
      <c r="H128718" s="12"/>
    </row>
    <row r="128719" spans="8:8">
      <c r="H128719" s="12"/>
    </row>
    <row r="128720" spans="8:8">
      <c r="H128720" s="12"/>
    </row>
    <row r="128721" spans="8:8">
      <c r="H128721" s="12"/>
    </row>
    <row r="128722" spans="8:8">
      <c r="H128722" s="12"/>
    </row>
    <row r="128723" spans="8:8">
      <c r="H128723" s="12"/>
    </row>
    <row r="128724" spans="8:8">
      <c r="H128724" s="12"/>
    </row>
    <row r="128725" spans="8:8">
      <c r="H128725" s="12"/>
    </row>
    <row r="128726" spans="8:8">
      <c r="H128726" s="12"/>
    </row>
    <row r="128727" spans="8:8">
      <c r="H128727" s="12"/>
    </row>
    <row r="128728" spans="8:8">
      <c r="H128728" s="12"/>
    </row>
    <row r="128729" spans="8:8">
      <c r="H128729" s="12"/>
    </row>
    <row r="128730" spans="8:8">
      <c r="H128730" s="12"/>
    </row>
    <row r="128731" spans="8:8">
      <c r="H128731" s="12"/>
    </row>
    <row r="128732" spans="8:8">
      <c r="H128732" s="12"/>
    </row>
    <row r="128733" spans="8:8">
      <c r="H128733" s="12"/>
    </row>
    <row r="128734" spans="8:8">
      <c r="H128734" s="12"/>
    </row>
    <row r="128735" spans="8:8">
      <c r="H128735" s="12"/>
    </row>
    <row r="128736" spans="8:8">
      <c r="H128736" s="12"/>
    </row>
    <row r="128737" spans="8:8">
      <c r="H128737" s="12"/>
    </row>
    <row r="128738" spans="8:8">
      <c r="H128738" s="12"/>
    </row>
    <row r="128739" spans="8:8">
      <c r="H128739" s="12"/>
    </row>
    <row r="128740" spans="8:8">
      <c r="H128740" s="12"/>
    </row>
    <row r="128741" spans="8:8">
      <c r="H128741" s="12"/>
    </row>
    <row r="128742" spans="8:8">
      <c r="H128742" s="12"/>
    </row>
    <row r="128743" spans="8:8">
      <c r="H128743" s="12"/>
    </row>
    <row r="128744" spans="8:8">
      <c r="H128744" s="12"/>
    </row>
    <row r="128745" spans="8:8">
      <c r="H128745" s="12"/>
    </row>
    <row r="128746" spans="8:8">
      <c r="H128746" s="12"/>
    </row>
    <row r="128747" spans="8:8">
      <c r="H128747" s="12"/>
    </row>
    <row r="128748" spans="8:8">
      <c r="H128748" s="12"/>
    </row>
    <row r="128749" spans="8:8">
      <c r="H128749" s="12"/>
    </row>
    <row r="128750" spans="8:8">
      <c r="H128750" s="12"/>
    </row>
    <row r="128751" spans="8:8">
      <c r="H128751" s="12"/>
    </row>
    <row r="128752" spans="8:8">
      <c r="H128752" s="12"/>
    </row>
    <row r="128753" spans="8:8">
      <c r="H128753" s="12"/>
    </row>
    <row r="128754" spans="8:8">
      <c r="H128754" s="12"/>
    </row>
    <row r="128755" spans="8:8">
      <c r="H128755" s="12"/>
    </row>
    <row r="128756" spans="8:8">
      <c r="H128756" s="12"/>
    </row>
    <row r="128757" spans="8:8">
      <c r="H128757" s="12"/>
    </row>
    <row r="128758" spans="8:8">
      <c r="H128758" s="12"/>
    </row>
    <row r="128759" spans="8:8">
      <c r="H128759" s="12"/>
    </row>
    <row r="128760" spans="8:8">
      <c r="H128760" s="12"/>
    </row>
    <row r="128761" spans="8:8">
      <c r="H128761" s="12"/>
    </row>
    <row r="128762" spans="8:8">
      <c r="H128762" s="12"/>
    </row>
    <row r="128763" spans="8:8">
      <c r="H128763" s="12"/>
    </row>
    <row r="128764" spans="8:8">
      <c r="H128764" s="12"/>
    </row>
    <row r="128765" spans="8:8">
      <c r="H128765" s="12"/>
    </row>
    <row r="128766" spans="8:8">
      <c r="H128766" s="12"/>
    </row>
    <row r="128767" spans="8:8">
      <c r="H128767" s="12"/>
    </row>
    <row r="128768" spans="8:8">
      <c r="H128768" s="12"/>
    </row>
    <row r="128769" spans="8:8">
      <c r="H128769" s="12"/>
    </row>
    <row r="128770" spans="8:8">
      <c r="H128770" s="12"/>
    </row>
    <row r="128771" spans="8:8">
      <c r="H128771" s="12"/>
    </row>
    <row r="128772" spans="8:8">
      <c r="H128772" s="12"/>
    </row>
    <row r="128773" spans="8:8">
      <c r="H128773" s="12"/>
    </row>
    <row r="128774" spans="8:8">
      <c r="H128774" s="12"/>
    </row>
    <row r="128775" spans="8:8">
      <c r="H128775" s="12"/>
    </row>
    <row r="128776" spans="8:8">
      <c r="H128776" s="12"/>
    </row>
    <row r="128777" spans="8:8">
      <c r="H128777" s="12"/>
    </row>
    <row r="128778" spans="8:8">
      <c r="H128778" s="12"/>
    </row>
    <row r="128779" spans="8:8">
      <c r="H128779" s="12"/>
    </row>
    <row r="128780" spans="8:8">
      <c r="H128780" s="12"/>
    </row>
    <row r="128781" spans="8:8">
      <c r="H128781" s="12"/>
    </row>
    <row r="128782" spans="8:8">
      <c r="H128782" s="12"/>
    </row>
    <row r="128783" spans="8:8">
      <c r="H128783" s="12"/>
    </row>
    <row r="128784" spans="8:8">
      <c r="H128784" s="12"/>
    </row>
    <row r="128785" spans="8:8">
      <c r="H128785" s="12"/>
    </row>
    <row r="128786" spans="8:8">
      <c r="H128786" s="12"/>
    </row>
    <row r="128787" spans="8:8">
      <c r="H128787" s="12"/>
    </row>
    <row r="128788" spans="8:8">
      <c r="H128788" s="12"/>
    </row>
    <row r="128789" spans="8:8">
      <c r="H128789" s="12"/>
    </row>
    <row r="128790" spans="8:8">
      <c r="H128790" s="12"/>
    </row>
    <row r="128791" spans="8:8">
      <c r="H128791" s="12"/>
    </row>
    <row r="128792" spans="8:8">
      <c r="H128792" s="12"/>
    </row>
    <row r="128793" spans="8:8">
      <c r="H128793" s="12"/>
    </row>
    <row r="128794" spans="8:8">
      <c r="H128794" s="12"/>
    </row>
    <row r="128795" spans="8:8">
      <c r="H128795" s="12"/>
    </row>
    <row r="128796" spans="8:8">
      <c r="H128796" s="12"/>
    </row>
    <row r="128797" spans="8:8">
      <c r="H128797" s="12"/>
    </row>
    <row r="128798" spans="8:8">
      <c r="H128798" s="12"/>
    </row>
    <row r="128799" spans="8:8">
      <c r="H128799" s="12"/>
    </row>
    <row r="128800" spans="8:8">
      <c r="H128800" s="12"/>
    </row>
    <row r="128801" spans="8:8">
      <c r="H128801" s="12"/>
    </row>
    <row r="128802" spans="8:8">
      <c r="H128802" s="12"/>
    </row>
    <row r="128803" spans="8:8">
      <c r="H128803" s="12"/>
    </row>
    <row r="128804" spans="8:8">
      <c r="H128804" s="12"/>
    </row>
    <row r="128805" spans="8:8">
      <c r="H128805" s="12"/>
    </row>
    <row r="128806" spans="8:8">
      <c r="H128806" s="12"/>
    </row>
    <row r="128807" spans="8:8">
      <c r="H128807" s="12"/>
    </row>
    <row r="128808" spans="8:8">
      <c r="H128808" s="12"/>
    </row>
    <row r="128809" spans="8:8">
      <c r="H128809" s="12"/>
    </row>
    <row r="128810" spans="8:8">
      <c r="H128810" s="12"/>
    </row>
    <row r="128811" spans="8:8">
      <c r="H128811" s="12"/>
    </row>
    <row r="128812" spans="8:8">
      <c r="H128812" s="12"/>
    </row>
    <row r="128813" spans="8:8">
      <c r="H128813" s="12"/>
    </row>
    <row r="128814" spans="8:8">
      <c r="H128814" s="12"/>
    </row>
    <row r="128815" spans="8:8">
      <c r="H128815" s="12"/>
    </row>
    <row r="128816" spans="8:8">
      <c r="H128816" s="12"/>
    </row>
    <row r="128817" spans="8:8">
      <c r="H128817" s="12"/>
    </row>
    <row r="128818" spans="8:8">
      <c r="H128818" s="12"/>
    </row>
    <row r="128819" spans="8:8">
      <c r="H128819" s="12"/>
    </row>
    <row r="128820" spans="8:8">
      <c r="H128820" s="12"/>
    </row>
    <row r="128821" spans="8:8">
      <c r="H128821" s="12"/>
    </row>
    <row r="128822" spans="8:8">
      <c r="H128822" s="12"/>
    </row>
    <row r="128823" spans="8:8">
      <c r="H128823" s="12"/>
    </row>
    <row r="128824" spans="8:8">
      <c r="H128824" s="12"/>
    </row>
    <row r="128825" spans="8:8">
      <c r="H128825" s="12"/>
    </row>
    <row r="128826" spans="8:8">
      <c r="H128826" s="12"/>
    </row>
    <row r="128827" spans="8:8">
      <c r="H128827" s="12"/>
    </row>
    <row r="128828" spans="8:8">
      <c r="H128828" s="12"/>
    </row>
    <row r="128829" spans="8:8">
      <c r="H128829" s="12"/>
    </row>
    <row r="128830" spans="8:8">
      <c r="H128830" s="12"/>
    </row>
    <row r="128831" spans="8:8">
      <c r="H128831" s="12"/>
    </row>
    <row r="128832" spans="8:8">
      <c r="H128832" s="12"/>
    </row>
    <row r="128833" spans="8:8">
      <c r="H128833" s="12"/>
    </row>
    <row r="128834" spans="8:8">
      <c r="H128834" s="12"/>
    </row>
    <row r="128835" spans="8:8">
      <c r="H128835" s="12"/>
    </row>
    <row r="128836" spans="8:8">
      <c r="H128836" s="12"/>
    </row>
    <row r="128837" spans="8:8">
      <c r="H128837" s="12"/>
    </row>
    <row r="128838" spans="8:8">
      <c r="H128838" s="12"/>
    </row>
    <row r="128839" spans="8:8">
      <c r="H128839" s="12"/>
    </row>
    <row r="128840" spans="8:8">
      <c r="H128840" s="12"/>
    </row>
    <row r="128841" spans="8:8">
      <c r="H128841" s="12"/>
    </row>
    <row r="128842" spans="8:8">
      <c r="H128842" s="12"/>
    </row>
    <row r="128843" spans="8:8">
      <c r="H128843" s="12"/>
    </row>
    <row r="128844" spans="8:8">
      <c r="H128844" s="12"/>
    </row>
    <row r="128845" spans="8:8">
      <c r="H128845" s="12"/>
    </row>
    <row r="128846" spans="8:8">
      <c r="H128846" s="12"/>
    </row>
    <row r="128847" spans="8:8">
      <c r="H128847" s="12"/>
    </row>
    <row r="128848" spans="8:8">
      <c r="H128848" s="12"/>
    </row>
    <row r="128849" spans="8:8">
      <c r="H128849" s="12"/>
    </row>
    <row r="128850" spans="8:8">
      <c r="H128850" s="12"/>
    </row>
    <row r="128851" spans="8:8">
      <c r="H128851" s="12"/>
    </row>
    <row r="128852" spans="8:8">
      <c r="H128852" s="12"/>
    </row>
    <row r="128853" spans="8:8">
      <c r="H128853" s="12"/>
    </row>
    <row r="128854" spans="8:8">
      <c r="H128854" s="12"/>
    </row>
    <row r="128855" spans="8:8">
      <c r="H128855" s="12"/>
    </row>
    <row r="128856" spans="8:8">
      <c r="H128856" s="12"/>
    </row>
    <row r="128857" spans="8:8">
      <c r="H128857" s="12"/>
    </row>
    <row r="128858" spans="8:8">
      <c r="H128858" s="12"/>
    </row>
    <row r="128859" spans="8:8">
      <c r="H128859" s="12"/>
    </row>
    <row r="128860" spans="8:8">
      <c r="H128860" s="12"/>
    </row>
    <row r="128861" spans="8:8">
      <c r="H128861" s="12"/>
    </row>
    <row r="128862" spans="8:8">
      <c r="H128862" s="12"/>
    </row>
    <row r="128863" spans="8:8">
      <c r="H128863" s="12"/>
    </row>
    <row r="128864" spans="8:8">
      <c r="H128864" s="12"/>
    </row>
    <row r="128865" spans="8:8">
      <c r="H128865" s="12"/>
    </row>
    <row r="128866" spans="8:8">
      <c r="H128866" s="12"/>
    </row>
    <row r="128867" spans="8:8">
      <c r="H128867" s="12"/>
    </row>
    <row r="128868" spans="8:8">
      <c r="H128868" s="12"/>
    </row>
    <row r="128869" spans="8:8">
      <c r="H128869" s="12"/>
    </row>
    <row r="128870" spans="8:8">
      <c r="H128870" s="12"/>
    </row>
    <row r="128871" spans="8:8">
      <c r="H128871" s="12"/>
    </row>
    <row r="128872" spans="8:8">
      <c r="H128872" s="12"/>
    </row>
    <row r="128873" spans="8:8">
      <c r="H128873" s="12"/>
    </row>
    <row r="128874" spans="8:8">
      <c r="H128874" s="12"/>
    </row>
    <row r="128875" spans="8:8">
      <c r="H128875" s="12"/>
    </row>
    <row r="128876" spans="8:8">
      <c r="H128876" s="12"/>
    </row>
    <row r="128877" spans="8:8">
      <c r="H128877" s="12"/>
    </row>
    <row r="128878" spans="8:8">
      <c r="H128878" s="12"/>
    </row>
    <row r="128879" spans="8:8">
      <c r="H128879" s="12"/>
    </row>
    <row r="128880" spans="8:8">
      <c r="H128880" s="12"/>
    </row>
    <row r="128881" spans="8:8">
      <c r="H128881" s="12"/>
    </row>
    <row r="128882" spans="8:8">
      <c r="H128882" s="12"/>
    </row>
    <row r="128883" spans="8:8">
      <c r="H128883" s="12"/>
    </row>
    <row r="128884" spans="8:8">
      <c r="H128884" s="12"/>
    </row>
    <row r="128885" spans="8:8">
      <c r="H128885" s="12"/>
    </row>
    <row r="128886" spans="8:8">
      <c r="H128886" s="12"/>
    </row>
    <row r="128887" spans="8:8">
      <c r="H128887" s="12"/>
    </row>
    <row r="128888" spans="8:8">
      <c r="H128888" s="12"/>
    </row>
    <row r="128889" spans="8:8">
      <c r="H128889" s="12"/>
    </row>
    <row r="128890" spans="8:8">
      <c r="H128890" s="12"/>
    </row>
    <row r="128891" spans="8:8">
      <c r="H128891" s="12"/>
    </row>
    <row r="128892" spans="8:8">
      <c r="H128892" s="12"/>
    </row>
    <row r="128893" spans="8:8">
      <c r="H128893" s="12"/>
    </row>
    <row r="128894" spans="8:8">
      <c r="H128894" s="12"/>
    </row>
    <row r="128895" spans="8:8">
      <c r="H128895" s="12"/>
    </row>
    <row r="128896" spans="8:8">
      <c r="H128896" s="12"/>
    </row>
    <row r="128897" spans="8:8">
      <c r="H128897" s="12"/>
    </row>
    <row r="128898" spans="8:8">
      <c r="H128898" s="12"/>
    </row>
    <row r="128899" spans="8:8">
      <c r="H128899" s="12"/>
    </row>
    <row r="128900" spans="8:8">
      <c r="H128900" s="12"/>
    </row>
    <row r="128901" spans="8:8">
      <c r="H128901" s="12"/>
    </row>
    <row r="128902" spans="8:8">
      <c r="H128902" s="12"/>
    </row>
    <row r="128903" spans="8:8">
      <c r="H128903" s="12"/>
    </row>
    <row r="128904" spans="8:8">
      <c r="H128904" s="12"/>
    </row>
    <row r="128905" spans="8:8">
      <c r="H128905" s="12"/>
    </row>
    <row r="128906" spans="8:8">
      <c r="H128906" s="12"/>
    </row>
    <row r="128907" spans="8:8">
      <c r="H128907" s="12"/>
    </row>
    <row r="128908" spans="8:8">
      <c r="H128908" s="12"/>
    </row>
    <row r="128909" spans="8:8">
      <c r="H128909" s="12"/>
    </row>
    <row r="128910" spans="8:8">
      <c r="H128910" s="12"/>
    </row>
    <row r="128911" spans="8:8">
      <c r="H128911" s="12"/>
    </row>
    <row r="128912" spans="8:8">
      <c r="H128912" s="12"/>
    </row>
    <row r="128913" spans="8:8">
      <c r="H128913" s="12"/>
    </row>
    <row r="128914" spans="8:8">
      <c r="H128914" s="12"/>
    </row>
    <row r="128915" spans="8:8">
      <c r="H128915" s="12"/>
    </row>
    <row r="128916" spans="8:8">
      <c r="H128916" s="12"/>
    </row>
    <row r="128917" spans="8:8">
      <c r="H128917" s="12"/>
    </row>
    <row r="128918" spans="8:8">
      <c r="H128918" s="12"/>
    </row>
    <row r="128919" spans="8:8">
      <c r="H128919" s="12"/>
    </row>
    <row r="128920" spans="8:8">
      <c r="H128920" s="12"/>
    </row>
    <row r="128921" spans="8:8">
      <c r="H128921" s="12"/>
    </row>
    <row r="128922" spans="8:8">
      <c r="H128922" s="12"/>
    </row>
    <row r="128923" spans="8:8">
      <c r="H128923" s="12"/>
    </row>
    <row r="128924" spans="8:8">
      <c r="H128924" s="12"/>
    </row>
    <row r="128925" spans="8:8">
      <c r="H128925" s="12"/>
    </row>
    <row r="128926" spans="8:8">
      <c r="H128926" s="12"/>
    </row>
    <row r="128927" spans="8:8">
      <c r="H128927" s="12"/>
    </row>
    <row r="128928" spans="8:8">
      <c r="H128928" s="12"/>
    </row>
    <row r="128929" spans="8:8">
      <c r="H128929" s="12"/>
    </row>
    <row r="128930" spans="8:8">
      <c r="H128930" s="12"/>
    </row>
    <row r="128931" spans="8:8">
      <c r="H128931" s="12"/>
    </row>
    <row r="128932" spans="8:8">
      <c r="H128932" s="12"/>
    </row>
    <row r="128933" spans="8:8">
      <c r="H128933" s="12"/>
    </row>
    <row r="128934" spans="8:8">
      <c r="H128934" s="12"/>
    </row>
    <row r="128935" spans="8:8">
      <c r="H128935" s="12"/>
    </row>
    <row r="128936" spans="8:8">
      <c r="H128936" s="12"/>
    </row>
    <row r="128937" spans="8:8">
      <c r="H128937" s="12"/>
    </row>
    <row r="128938" spans="8:8">
      <c r="H128938" s="12"/>
    </row>
    <row r="128939" spans="8:8">
      <c r="H128939" s="12"/>
    </row>
    <row r="128940" spans="8:8">
      <c r="H128940" s="12"/>
    </row>
    <row r="128941" spans="8:8">
      <c r="H128941" s="12"/>
    </row>
    <row r="128942" spans="8:8">
      <c r="H128942" s="12"/>
    </row>
    <row r="128943" spans="8:8">
      <c r="H128943" s="12"/>
    </row>
    <row r="128944" spans="8:8">
      <c r="H128944" s="12"/>
    </row>
    <row r="128945" spans="8:8">
      <c r="H128945" s="12"/>
    </row>
    <row r="128946" spans="8:8">
      <c r="H128946" s="12"/>
    </row>
    <row r="128947" spans="8:8">
      <c r="H128947" s="12"/>
    </row>
    <row r="128948" spans="8:8">
      <c r="H128948" s="12"/>
    </row>
    <row r="128949" spans="8:8">
      <c r="H128949" s="12"/>
    </row>
    <row r="128950" spans="8:8">
      <c r="H128950" s="12"/>
    </row>
    <row r="128951" spans="8:8">
      <c r="H128951" s="12"/>
    </row>
    <row r="128952" spans="8:8">
      <c r="H128952" s="12"/>
    </row>
    <row r="128953" spans="8:8">
      <c r="H128953" s="12"/>
    </row>
    <row r="128954" spans="8:8">
      <c r="H128954" s="12"/>
    </row>
    <row r="128955" spans="8:8">
      <c r="H128955" s="12"/>
    </row>
    <row r="128956" spans="8:8">
      <c r="H128956" s="12"/>
    </row>
    <row r="128957" spans="8:8">
      <c r="H128957" s="12"/>
    </row>
    <row r="128958" spans="8:8">
      <c r="H128958" s="12"/>
    </row>
    <row r="128959" spans="8:8">
      <c r="H128959" s="12"/>
    </row>
    <row r="128960" spans="8:8">
      <c r="H128960" s="12"/>
    </row>
    <row r="128961" spans="8:8">
      <c r="H128961" s="12"/>
    </row>
    <row r="128962" spans="8:8">
      <c r="H128962" s="12"/>
    </row>
    <row r="128963" spans="8:8">
      <c r="H128963" s="12"/>
    </row>
    <row r="128964" spans="8:8">
      <c r="H128964" s="12"/>
    </row>
    <row r="128965" spans="8:8">
      <c r="H128965" s="12"/>
    </row>
    <row r="128966" spans="8:8">
      <c r="H128966" s="12"/>
    </row>
    <row r="128967" spans="8:8">
      <c r="H128967" s="12"/>
    </row>
    <row r="128968" spans="8:8">
      <c r="H128968" s="12"/>
    </row>
    <row r="128969" spans="8:8">
      <c r="H128969" s="12"/>
    </row>
    <row r="128970" spans="8:8">
      <c r="H128970" s="12"/>
    </row>
    <row r="128971" spans="8:8">
      <c r="H128971" s="12"/>
    </row>
    <row r="128972" spans="8:8">
      <c r="H128972" s="12"/>
    </row>
    <row r="128973" spans="8:8">
      <c r="H128973" s="12"/>
    </row>
    <row r="128974" spans="8:8">
      <c r="H128974" s="12"/>
    </row>
    <row r="128975" spans="8:8">
      <c r="H128975" s="12"/>
    </row>
    <row r="128976" spans="8:8">
      <c r="H128976" s="12"/>
    </row>
    <row r="128977" spans="8:8">
      <c r="H128977" s="12"/>
    </row>
    <row r="128978" spans="8:8">
      <c r="H128978" s="12"/>
    </row>
    <row r="128979" spans="8:8">
      <c r="H128979" s="12"/>
    </row>
    <row r="128980" spans="8:8">
      <c r="H128980" s="12"/>
    </row>
    <row r="128981" spans="8:8">
      <c r="H128981" s="12"/>
    </row>
    <row r="128982" spans="8:8">
      <c r="H128982" s="12"/>
    </row>
    <row r="128983" spans="8:8">
      <c r="H128983" s="12"/>
    </row>
    <row r="128984" spans="8:8">
      <c r="H128984" s="12"/>
    </row>
    <row r="128985" spans="8:8">
      <c r="H128985" s="12"/>
    </row>
    <row r="128986" spans="8:8">
      <c r="H128986" s="12"/>
    </row>
    <row r="128987" spans="8:8">
      <c r="H128987" s="12"/>
    </row>
    <row r="128988" spans="8:8">
      <c r="H128988" s="12"/>
    </row>
    <row r="128989" spans="8:8">
      <c r="H128989" s="12"/>
    </row>
    <row r="128990" spans="8:8">
      <c r="H128990" s="12"/>
    </row>
    <row r="128991" spans="8:8">
      <c r="H128991" s="12"/>
    </row>
    <row r="128992" spans="8:8">
      <c r="H128992" s="12"/>
    </row>
    <row r="128993" spans="8:8">
      <c r="H128993" s="12"/>
    </row>
    <row r="128994" spans="8:8">
      <c r="H128994" s="12"/>
    </row>
    <row r="128995" spans="8:8">
      <c r="H128995" s="12"/>
    </row>
    <row r="128996" spans="8:8">
      <c r="H128996" s="12"/>
    </row>
    <row r="128997" spans="8:8">
      <c r="H128997" s="12"/>
    </row>
    <row r="128998" spans="8:8">
      <c r="H128998" s="12"/>
    </row>
    <row r="128999" spans="8:8">
      <c r="H128999" s="12"/>
    </row>
    <row r="129000" spans="8:8">
      <c r="H129000" s="12"/>
    </row>
    <row r="129001" spans="8:8">
      <c r="H129001" s="12"/>
    </row>
    <row r="129002" spans="8:8">
      <c r="H129002" s="12"/>
    </row>
    <row r="129003" spans="8:8">
      <c r="H129003" s="12"/>
    </row>
    <row r="129004" spans="8:8">
      <c r="H129004" s="12"/>
    </row>
    <row r="129005" spans="8:8">
      <c r="H129005" s="12"/>
    </row>
    <row r="129006" spans="8:8">
      <c r="H129006" s="12"/>
    </row>
    <row r="129007" spans="8:8">
      <c r="H129007" s="12"/>
    </row>
    <row r="129008" spans="8:8">
      <c r="H129008" s="12"/>
    </row>
    <row r="129009" spans="8:8">
      <c r="H129009" s="12"/>
    </row>
    <row r="129010" spans="8:8">
      <c r="H129010" s="12"/>
    </row>
    <row r="129011" spans="8:8">
      <c r="H129011" s="12"/>
    </row>
    <row r="129012" spans="8:8">
      <c r="H129012" s="12"/>
    </row>
    <row r="129013" spans="8:8">
      <c r="H129013" s="12"/>
    </row>
    <row r="129014" spans="8:8">
      <c r="H129014" s="12"/>
    </row>
    <row r="129015" spans="8:8">
      <c r="H129015" s="12"/>
    </row>
    <row r="129016" spans="8:8">
      <c r="H129016" s="12"/>
    </row>
    <row r="129017" spans="8:8">
      <c r="H129017" s="12"/>
    </row>
    <row r="129018" spans="8:8">
      <c r="H129018" s="12"/>
    </row>
    <row r="129019" spans="8:8">
      <c r="H129019" s="12"/>
    </row>
    <row r="129020" spans="8:8">
      <c r="H129020" s="12"/>
    </row>
    <row r="129021" spans="8:8">
      <c r="H129021" s="12"/>
    </row>
    <row r="129022" spans="8:8">
      <c r="H129022" s="12"/>
    </row>
    <row r="129023" spans="8:8">
      <c r="H129023" s="12"/>
    </row>
    <row r="129024" spans="8:8">
      <c r="H129024" s="12"/>
    </row>
    <row r="129025" spans="8:8">
      <c r="H129025" s="12"/>
    </row>
    <row r="129026" spans="8:8">
      <c r="H129026" s="12"/>
    </row>
    <row r="129027" spans="8:8">
      <c r="H129027" s="12"/>
    </row>
    <row r="129028" spans="8:8">
      <c r="H129028" s="12"/>
    </row>
    <row r="129029" spans="8:8">
      <c r="H129029" s="12"/>
    </row>
    <row r="129030" spans="8:8">
      <c r="H129030" s="12"/>
    </row>
    <row r="129031" spans="8:8">
      <c r="H129031" s="12"/>
    </row>
    <row r="129032" spans="8:8">
      <c r="H129032" s="12"/>
    </row>
    <row r="129033" spans="8:8">
      <c r="H129033" s="12"/>
    </row>
    <row r="129034" spans="8:8">
      <c r="H129034" s="12"/>
    </row>
    <row r="129035" spans="8:8">
      <c r="H129035" s="12"/>
    </row>
    <row r="129036" spans="8:8">
      <c r="H129036" s="12"/>
    </row>
    <row r="129037" spans="8:8">
      <c r="H129037" s="12"/>
    </row>
    <row r="129038" spans="8:8">
      <c r="H129038" s="12"/>
    </row>
    <row r="129039" spans="8:8">
      <c r="H129039" s="12"/>
    </row>
    <row r="129040" spans="8:8">
      <c r="H129040" s="12"/>
    </row>
    <row r="129041" spans="8:8">
      <c r="H129041" s="12"/>
    </row>
    <row r="129042" spans="8:8">
      <c r="H129042" s="12"/>
    </row>
    <row r="129043" spans="8:8">
      <c r="H129043" s="12"/>
    </row>
    <row r="129044" spans="8:8">
      <c r="H129044" s="12"/>
    </row>
    <row r="129045" spans="8:8">
      <c r="H129045" s="12"/>
    </row>
    <row r="129046" spans="8:8">
      <c r="H129046" s="12"/>
    </row>
    <row r="129047" spans="8:8">
      <c r="H129047" s="12"/>
    </row>
    <row r="129048" spans="8:8">
      <c r="H129048" s="12"/>
    </row>
    <row r="129049" spans="8:8">
      <c r="H129049" s="12"/>
    </row>
    <row r="129050" spans="8:8">
      <c r="H129050" s="12"/>
    </row>
    <row r="129051" spans="8:8">
      <c r="H129051" s="12"/>
    </row>
    <row r="129052" spans="8:8">
      <c r="H129052" s="12"/>
    </row>
    <row r="129053" spans="8:8">
      <c r="H129053" s="12"/>
    </row>
    <row r="129054" spans="8:8">
      <c r="H129054" s="12"/>
    </row>
    <row r="129055" spans="8:8">
      <c r="H129055" s="12"/>
    </row>
    <row r="129056" spans="8:8">
      <c r="H129056" s="12"/>
    </row>
    <row r="129057" spans="8:8">
      <c r="H129057" s="12"/>
    </row>
    <row r="129058" spans="8:8">
      <c r="H129058" s="12"/>
    </row>
    <row r="129059" spans="8:8">
      <c r="H129059" s="12"/>
    </row>
    <row r="129060" spans="8:8">
      <c r="H129060" s="12"/>
    </row>
    <row r="129061" spans="8:8">
      <c r="H129061" s="12"/>
    </row>
    <row r="129062" spans="8:8">
      <c r="H129062" s="12"/>
    </row>
    <row r="129063" spans="8:8">
      <c r="H129063" s="12"/>
    </row>
    <row r="129064" spans="8:8">
      <c r="H129064" s="12"/>
    </row>
    <row r="129065" spans="8:8">
      <c r="H129065" s="12"/>
    </row>
    <row r="129066" spans="8:8">
      <c r="H129066" s="12"/>
    </row>
    <row r="129067" spans="8:8">
      <c r="H129067" s="12"/>
    </row>
    <row r="129068" spans="8:8">
      <c r="H129068" s="12"/>
    </row>
    <row r="129069" spans="8:8">
      <c r="H129069" s="12"/>
    </row>
    <row r="129070" spans="8:8">
      <c r="H129070" s="12"/>
    </row>
    <row r="129071" spans="8:8">
      <c r="H129071" s="12"/>
    </row>
    <row r="129072" spans="8:8">
      <c r="H129072" s="12"/>
    </row>
    <row r="129073" spans="8:8">
      <c r="H129073" s="12"/>
    </row>
    <row r="129074" spans="8:8">
      <c r="H129074" s="12"/>
    </row>
    <row r="129075" spans="8:8">
      <c r="H129075" s="12"/>
    </row>
    <row r="129076" spans="8:8">
      <c r="H129076" s="12"/>
    </row>
    <row r="129077" spans="8:8">
      <c r="H129077" s="12"/>
    </row>
    <row r="129078" spans="8:8">
      <c r="H129078" s="12"/>
    </row>
    <row r="129079" spans="8:8">
      <c r="H129079" s="12"/>
    </row>
    <row r="129080" spans="8:8">
      <c r="H129080" s="12"/>
    </row>
    <row r="129081" spans="8:8">
      <c r="H129081" s="12"/>
    </row>
    <row r="129082" spans="8:8">
      <c r="H129082" s="12"/>
    </row>
    <row r="129083" spans="8:8">
      <c r="H129083" s="12"/>
    </row>
    <row r="129084" spans="8:8">
      <c r="H129084" s="12"/>
    </row>
    <row r="129085" spans="8:8">
      <c r="H129085" s="12"/>
    </row>
    <row r="129086" spans="8:8">
      <c r="H129086" s="12"/>
    </row>
    <row r="129087" spans="8:8">
      <c r="H129087" s="12"/>
    </row>
    <row r="129088" spans="8:8">
      <c r="H129088" s="12"/>
    </row>
    <row r="129089" spans="8:8">
      <c r="H129089" s="12"/>
    </row>
    <row r="129090" spans="8:8">
      <c r="H129090" s="12"/>
    </row>
    <row r="129091" spans="8:8">
      <c r="H129091" s="12"/>
    </row>
    <row r="129092" spans="8:8">
      <c r="H129092" s="12"/>
    </row>
    <row r="129093" spans="8:8">
      <c r="H129093" s="12"/>
    </row>
    <row r="129094" spans="8:8">
      <c r="H129094" s="12"/>
    </row>
    <row r="129095" spans="8:8">
      <c r="H129095" s="12"/>
    </row>
    <row r="129096" spans="8:8">
      <c r="H129096" s="12"/>
    </row>
    <row r="129097" spans="8:8">
      <c r="H129097" s="12"/>
    </row>
    <row r="129098" spans="8:8">
      <c r="H129098" s="12"/>
    </row>
    <row r="129099" spans="8:8">
      <c r="H129099" s="12"/>
    </row>
    <row r="129100" spans="8:8">
      <c r="H129100" s="12"/>
    </row>
    <row r="129101" spans="8:8">
      <c r="H129101" s="12"/>
    </row>
    <row r="129102" spans="8:8">
      <c r="H129102" s="12"/>
    </row>
    <row r="129103" spans="8:8">
      <c r="H129103" s="12"/>
    </row>
    <row r="129104" spans="8:8">
      <c r="H129104" s="12"/>
    </row>
    <row r="129105" spans="8:8">
      <c r="H129105" s="12"/>
    </row>
    <row r="129106" spans="8:8">
      <c r="H129106" s="12"/>
    </row>
    <row r="129107" spans="8:8">
      <c r="H129107" s="12"/>
    </row>
    <row r="129108" spans="8:8">
      <c r="H129108" s="12"/>
    </row>
    <row r="129109" spans="8:8">
      <c r="H129109" s="12"/>
    </row>
    <row r="129110" spans="8:8">
      <c r="H129110" s="12"/>
    </row>
    <row r="129111" spans="8:8">
      <c r="H129111" s="12"/>
    </row>
    <row r="129112" spans="8:8">
      <c r="H129112" s="12"/>
    </row>
    <row r="129113" spans="8:8">
      <c r="H129113" s="12"/>
    </row>
    <row r="129114" spans="8:8">
      <c r="H129114" s="12"/>
    </row>
    <row r="129115" spans="8:8">
      <c r="H129115" s="12"/>
    </row>
    <row r="129116" spans="8:8">
      <c r="H129116" s="12"/>
    </row>
    <row r="129117" spans="8:8">
      <c r="H129117" s="12"/>
    </row>
    <row r="129118" spans="8:8">
      <c r="H129118" s="12"/>
    </row>
    <row r="129119" spans="8:8">
      <c r="H129119" s="12"/>
    </row>
    <row r="129120" spans="8:8">
      <c r="H129120" s="12"/>
    </row>
    <row r="129121" spans="8:8">
      <c r="H129121" s="12"/>
    </row>
    <row r="129122" spans="8:8">
      <c r="H129122" s="12"/>
    </row>
    <row r="129123" spans="8:8">
      <c r="H129123" s="12"/>
    </row>
    <row r="129124" spans="8:8">
      <c r="H129124" s="12"/>
    </row>
    <row r="129125" spans="8:8">
      <c r="H129125" s="12"/>
    </row>
    <row r="129126" spans="8:8">
      <c r="H129126" s="12"/>
    </row>
    <row r="129127" spans="8:8">
      <c r="H129127" s="12"/>
    </row>
    <row r="129128" spans="8:8">
      <c r="H129128" s="12"/>
    </row>
    <row r="129129" spans="8:8">
      <c r="H129129" s="12"/>
    </row>
    <row r="129130" spans="8:8">
      <c r="H129130" s="12"/>
    </row>
    <row r="129131" spans="8:8">
      <c r="H129131" s="12"/>
    </row>
    <row r="129132" spans="8:8">
      <c r="H129132" s="12"/>
    </row>
    <row r="129133" spans="8:8">
      <c r="H129133" s="12"/>
    </row>
    <row r="129134" spans="8:8">
      <c r="H129134" s="12"/>
    </row>
    <row r="129135" spans="8:8">
      <c r="H129135" s="12"/>
    </row>
    <row r="129136" spans="8:8">
      <c r="H129136" s="12"/>
    </row>
    <row r="129137" spans="8:8">
      <c r="H129137" s="12"/>
    </row>
    <row r="129138" spans="8:8">
      <c r="H129138" s="12"/>
    </row>
    <row r="129139" spans="8:8">
      <c r="H129139" s="12"/>
    </row>
    <row r="129140" spans="8:8">
      <c r="H129140" s="12"/>
    </row>
    <row r="129141" spans="8:8">
      <c r="H129141" s="12"/>
    </row>
    <row r="129142" spans="8:8">
      <c r="H129142" s="12"/>
    </row>
    <row r="129143" spans="8:8">
      <c r="H129143" s="12"/>
    </row>
    <row r="129144" spans="8:8">
      <c r="H129144" s="12"/>
    </row>
    <row r="129145" spans="8:8">
      <c r="H129145" s="12"/>
    </row>
    <row r="129146" spans="8:8">
      <c r="H129146" s="12"/>
    </row>
    <row r="129147" spans="8:8">
      <c r="H129147" s="12"/>
    </row>
    <row r="129148" spans="8:8">
      <c r="H129148" s="12"/>
    </row>
    <row r="129149" spans="8:8">
      <c r="H129149" s="12"/>
    </row>
    <row r="129150" spans="8:8">
      <c r="H129150" s="12"/>
    </row>
    <row r="129151" spans="8:8">
      <c r="H129151" s="12"/>
    </row>
    <row r="129152" spans="8:8">
      <c r="H129152" s="12"/>
    </row>
    <row r="129153" spans="8:8">
      <c r="H129153" s="12"/>
    </row>
    <row r="129154" spans="8:8">
      <c r="H129154" s="12"/>
    </row>
    <row r="129155" spans="8:8">
      <c r="H129155" s="12"/>
    </row>
    <row r="129156" spans="8:8">
      <c r="H129156" s="12"/>
    </row>
    <row r="129157" spans="8:8">
      <c r="H129157" s="12"/>
    </row>
    <row r="129158" spans="8:8">
      <c r="H129158" s="12"/>
    </row>
    <row r="129159" spans="8:8">
      <c r="H129159" s="12"/>
    </row>
    <row r="129160" spans="8:8">
      <c r="H129160" s="12"/>
    </row>
    <row r="129161" spans="8:8">
      <c r="H129161" s="12"/>
    </row>
    <row r="129162" spans="8:8">
      <c r="H129162" s="12"/>
    </row>
    <row r="129163" spans="8:8">
      <c r="H129163" s="12"/>
    </row>
    <row r="129164" spans="8:8">
      <c r="H129164" s="12"/>
    </row>
    <row r="129165" spans="8:8">
      <c r="H129165" s="12"/>
    </row>
    <row r="129166" spans="8:8">
      <c r="H129166" s="12"/>
    </row>
    <row r="129167" spans="8:8">
      <c r="H129167" s="12"/>
    </row>
    <row r="129168" spans="8:8">
      <c r="H129168" s="12"/>
    </row>
    <row r="129169" spans="8:8">
      <c r="H129169" s="12"/>
    </row>
    <row r="129170" spans="8:8">
      <c r="H129170" s="12"/>
    </row>
    <row r="129171" spans="8:8">
      <c r="H129171" s="12"/>
    </row>
    <row r="129172" spans="8:8">
      <c r="H129172" s="12"/>
    </row>
    <row r="129173" spans="8:8">
      <c r="H129173" s="12"/>
    </row>
    <row r="129174" spans="8:8">
      <c r="H129174" s="12"/>
    </row>
    <row r="129175" spans="8:8">
      <c r="H129175" s="12"/>
    </row>
    <row r="129176" spans="8:8">
      <c r="H129176" s="12"/>
    </row>
    <row r="129177" spans="8:8">
      <c r="H129177" s="12"/>
    </row>
    <row r="129178" spans="8:8">
      <c r="H129178" s="12"/>
    </row>
    <row r="129179" spans="8:8">
      <c r="H129179" s="12"/>
    </row>
    <row r="129180" spans="8:8">
      <c r="H129180" s="12"/>
    </row>
    <row r="129181" spans="8:8">
      <c r="H129181" s="12"/>
    </row>
    <row r="129182" spans="8:8">
      <c r="H129182" s="12"/>
    </row>
    <row r="129183" spans="8:8">
      <c r="H129183" s="12"/>
    </row>
    <row r="129184" spans="8:8">
      <c r="H129184" s="12"/>
    </row>
    <row r="129185" spans="8:8">
      <c r="H129185" s="12"/>
    </row>
    <row r="129186" spans="8:8">
      <c r="H129186" s="12"/>
    </row>
    <row r="129187" spans="8:8">
      <c r="H129187" s="12"/>
    </row>
    <row r="129188" spans="8:8">
      <c r="H129188" s="12"/>
    </row>
    <row r="129189" spans="8:8">
      <c r="H129189" s="12"/>
    </row>
    <row r="129190" spans="8:8">
      <c r="H129190" s="12"/>
    </row>
    <row r="129191" spans="8:8">
      <c r="H129191" s="12"/>
    </row>
    <row r="129192" spans="8:8">
      <c r="H129192" s="12"/>
    </row>
    <row r="129193" spans="8:8">
      <c r="H129193" s="12"/>
    </row>
    <row r="129194" spans="8:8">
      <c r="H129194" s="12"/>
    </row>
    <row r="129195" spans="8:8">
      <c r="H129195" s="12"/>
    </row>
    <row r="129196" spans="8:8">
      <c r="H129196" s="12"/>
    </row>
    <row r="129197" spans="8:8">
      <c r="H129197" s="12"/>
    </row>
    <row r="129198" spans="8:8">
      <c r="H129198" s="12"/>
    </row>
    <row r="129199" spans="8:8">
      <c r="H129199" s="12"/>
    </row>
    <row r="129200" spans="8:8">
      <c r="H129200" s="12"/>
    </row>
    <row r="129201" spans="8:8">
      <c r="H129201" s="12"/>
    </row>
    <row r="129202" spans="8:8">
      <c r="H129202" s="12"/>
    </row>
    <row r="129203" spans="8:8">
      <c r="H129203" s="12"/>
    </row>
    <row r="129204" spans="8:8">
      <c r="H129204" s="12"/>
    </row>
    <row r="129205" spans="8:8">
      <c r="H129205" s="12"/>
    </row>
    <row r="129206" spans="8:8">
      <c r="H129206" s="12"/>
    </row>
    <row r="129207" spans="8:8">
      <c r="H129207" s="12"/>
    </row>
    <row r="129208" spans="8:8">
      <c r="H129208" s="12"/>
    </row>
    <row r="129209" spans="8:8">
      <c r="H129209" s="12"/>
    </row>
    <row r="129210" spans="8:8">
      <c r="H129210" s="12"/>
    </row>
    <row r="129211" spans="8:8">
      <c r="H129211" s="12"/>
    </row>
    <row r="129212" spans="8:8">
      <c r="H129212" s="12"/>
    </row>
    <row r="129213" spans="8:8">
      <c r="H129213" s="12"/>
    </row>
    <row r="129214" spans="8:8">
      <c r="H129214" s="12"/>
    </row>
    <row r="129215" spans="8:8">
      <c r="H129215" s="12"/>
    </row>
    <row r="129216" spans="8:8">
      <c r="H129216" s="12"/>
    </row>
    <row r="129217" spans="8:8">
      <c r="H129217" s="12"/>
    </row>
    <row r="129218" spans="8:8">
      <c r="H129218" s="12"/>
    </row>
    <row r="129219" spans="8:8">
      <c r="H129219" s="12"/>
    </row>
    <row r="129220" spans="8:8">
      <c r="H129220" s="12"/>
    </row>
    <row r="129221" spans="8:8">
      <c r="H129221" s="12"/>
    </row>
    <row r="129222" spans="8:8">
      <c r="H129222" s="12"/>
    </row>
    <row r="129223" spans="8:8">
      <c r="H129223" s="12"/>
    </row>
    <row r="129224" spans="8:8">
      <c r="H129224" s="12"/>
    </row>
    <row r="129225" spans="8:8">
      <c r="H129225" s="12"/>
    </row>
    <row r="129226" spans="8:8">
      <c r="H129226" s="12"/>
    </row>
    <row r="129227" spans="8:8">
      <c r="H129227" s="12"/>
    </row>
    <row r="129228" spans="8:8">
      <c r="H129228" s="12"/>
    </row>
    <row r="129229" spans="8:8">
      <c r="H129229" s="12"/>
    </row>
    <row r="129230" spans="8:8">
      <c r="H129230" s="12"/>
    </row>
    <row r="129231" spans="8:8">
      <c r="H129231" s="12"/>
    </row>
    <row r="129232" spans="8:8">
      <c r="H129232" s="12"/>
    </row>
    <row r="129233" spans="8:8">
      <c r="H129233" s="12"/>
    </row>
    <row r="129234" spans="8:8">
      <c r="H129234" s="12"/>
    </row>
    <row r="129235" spans="8:8">
      <c r="H129235" s="12"/>
    </row>
    <row r="129236" spans="8:8">
      <c r="H129236" s="12"/>
    </row>
    <row r="129237" spans="8:8">
      <c r="H129237" s="12"/>
    </row>
    <row r="129238" spans="8:8">
      <c r="H129238" s="12"/>
    </row>
    <row r="129239" spans="8:8">
      <c r="H129239" s="12"/>
    </row>
    <row r="129240" spans="8:8">
      <c r="H129240" s="12"/>
    </row>
    <row r="129241" spans="8:8">
      <c r="H129241" s="12"/>
    </row>
    <row r="129242" spans="8:8">
      <c r="H129242" s="12"/>
    </row>
    <row r="129243" spans="8:8">
      <c r="H129243" s="12"/>
    </row>
    <row r="129244" spans="8:8">
      <c r="H129244" s="12"/>
    </row>
    <row r="129245" spans="8:8">
      <c r="H129245" s="12"/>
    </row>
    <row r="129246" spans="8:8">
      <c r="H129246" s="12"/>
    </row>
    <row r="129247" spans="8:8">
      <c r="H129247" s="12"/>
    </row>
    <row r="129248" spans="8:8">
      <c r="H129248" s="12"/>
    </row>
    <row r="129249" spans="8:8">
      <c r="H129249" s="12"/>
    </row>
    <row r="129250" spans="8:8">
      <c r="H129250" s="12"/>
    </row>
    <row r="129251" spans="8:8">
      <c r="H129251" s="12"/>
    </row>
    <row r="129252" spans="8:8">
      <c r="H129252" s="12"/>
    </row>
    <row r="129253" spans="8:8">
      <c r="H129253" s="12"/>
    </row>
    <row r="129254" spans="8:8">
      <c r="H129254" s="12"/>
    </row>
    <row r="129255" spans="8:8">
      <c r="H129255" s="12"/>
    </row>
    <row r="129256" spans="8:8">
      <c r="H129256" s="12"/>
    </row>
    <row r="129257" spans="8:8">
      <c r="H129257" s="12"/>
    </row>
    <row r="129258" spans="8:8">
      <c r="H129258" s="12"/>
    </row>
    <row r="129259" spans="8:8">
      <c r="H129259" s="12"/>
    </row>
    <row r="129260" spans="8:8">
      <c r="H129260" s="12"/>
    </row>
    <row r="129261" spans="8:8">
      <c r="H129261" s="12"/>
    </row>
    <row r="129262" spans="8:8">
      <c r="H129262" s="12"/>
    </row>
    <row r="129263" spans="8:8">
      <c r="H129263" s="12"/>
    </row>
    <row r="129264" spans="8:8">
      <c r="H129264" s="12"/>
    </row>
    <row r="129265" spans="8:8">
      <c r="H129265" s="12"/>
    </row>
    <row r="129266" spans="8:8">
      <c r="H129266" s="12"/>
    </row>
    <row r="129267" spans="8:8">
      <c r="H129267" s="12"/>
    </row>
    <row r="129268" spans="8:8">
      <c r="H129268" s="12"/>
    </row>
    <row r="129269" spans="8:8">
      <c r="H129269" s="12"/>
    </row>
    <row r="129270" spans="8:8">
      <c r="H129270" s="12"/>
    </row>
    <row r="129271" spans="8:8">
      <c r="H129271" s="12"/>
    </row>
    <row r="129272" spans="8:8">
      <c r="H129272" s="12"/>
    </row>
    <row r="129273" spans="8:8">
      <c r="H129273" s="12"/>
    </row>
    <row r="129274" spans="8:8">
      <c r="H129274" s="12"/>
    </row>
    <row r="129275" spans="8:8">
      <c r="H129275" s="12"/>
    </row>
    <row r="129276" spans="8:8">
      <c r="H129276" s="12"/>
    </row>
    <row r="129277" spans="8:8">
      <c r="H129277" s="12"/>
    </row>
    <row r="129278" spans="8:8">
      <c r="H129278" s="12"/>
    </row>
    <row r="129279" spans="8:8">
      <c r="H129279" s="12"/>
    </row>
    <row r="129280" spans="8:8">
      <c r="H129280" s="12"/>
    </row>
    <row r="129281" spans="8:8">
      <c r="H129281" s="12"/>
    </row>
    <row r="129282" spans="8:8">
      <c r="H129282" s="12"/>
    </row>
    <row r="129283" spans="8:8">
      <c r="H129283" s="12"/>
    </row>
    <row r="129284" spans="8:8">
      <c r="H129284" s="12"/>
    </row>
    <row r="129285" spans="8:8">
      <c r="H129285" s="12"/>
    </row>
    <row r="129286" spans="8:8">
      <c r="H129286" s="12"/>
    </row>
    <row r="129287" spans="8:8">
      <c r="H129287" s="12"/>
    </row>
    <row r="129288" spans="8:8">
      <c r="H129288" s="12"/>
    </row>
    <row r="129289" spans="8:8">
      <c r="H129289" s="12"/>
    </row>
    <row r="129290" spans="8:8">
      <c r="H129290" s="12"/>
    </row>
    <row r="129291" spans="8:8">
      <c r="H129291" s="12"/>
    </row>
    <row r="129292" spans="8:8">
      <c r="H129292" s="12"/>
    </row>
    <row r="129293" spans="8:8">
      <c r="H129293" s="12"/>
    </row>
    <row r="129294" spans="8:8">
      <c r="H129294" s="12"/>
    </row>
    <row r="129295" spans="8:8">
      <c r="H129295" s="12"/>
    </row>
    <row r="129296" spans="8:8">
      <c r="H129296" s="12"/>
    </row>
    <row r="129297" spans="8:8">
      <c r="H129297" s="12"/>
    </row>
    <row r="129298" spans="8:8">
      <c r="H129298" s="12"/>
    </row>
    <row r="129299" spans="8:8">
      <c r="H129299" s="12"/>
    </row>
    <row r="129300" spans="8:8">
      <c r="H129300" s="12"/>
    </row>
    <row r="129301" spans="8:8">
      <c r="H129301" s="12"/>
    </row>
    <row r="129302" spans="8:8">
      <c r="H129302" s="12"/>
    </row>
    <row r="129303" spans="8:8">
      <c r="H129303" s="12"/>
    </row>
    <row r="129304" spans="8:8">
      <c r="H129304" s="12"/>
    </row>
    <row r="129305" spans="8:8">
      <c r="H129305" s="12"/>
    </row>
    <row r="129306" spans="8:8">
      <c r="H129306" s="12"/>
    </row>
    <row r="129307" spans="8:8">
      <c r="H129307" s="12"/>
    </row>
    <row r="129308" spans="8:8">
      <c r="H129308" s="12"/>
    </row>
    <row r="129309" spans="8:8">
      <c r="H129309" s="12"/>
    </row>
    <row r="129310" spans="8:8">
      <c r="H129310" s="12"/>
    </row>
    <row r="129311" spans="8:8">
      <c r="H129311" s="12"/>
    </row>
    <row r="129312" spans="8:8">
      <c r="H129312" s="12"/>
    </row>
    <row r="129313" spans="8:8">
      <c r="H129313" s="12"/>
    </row>
    <row r="129314" spans="8:8">
      <c r="H129314" s="12"/>
    </row>
    <row r="129315" spans="8:8">
      <c r="H129315" s="12"/>
    </row>
    <row r="129316" spans="8:8">
      <c r="H129316" s="12"/>
    </row>
    <row r="129317" spans="8:8">
      <c r="H129317" s="12"/>
    </row>
    <row r="129318" spans="8:8">
      <c r="H129318" s="12"/>
    </row>
    <row r="129319" spans="8:8">
      <c r="H129319" s="12"/>
    </row>
    <row r="129320" spans="8:8">
      <c r="H129320" s="12"/>
    </row>
    <row r="129321" spans="8:8">
      <c r="H129321" s="12"/>
    </row>
    <row r="129322" spans="8:8">
      <c r="H129322" s="12"/>
    </row>
    <row r="129323" spans="8:8">
      <c r="H129323" s="12"/>
    </row>
    <row r="129324" spans="8:8">
      <c r="H129324" s="12"/>
    </row>
    <row r="129325" spans="8:8">
      <c r="H129325" s="12"/>
    </row>
    <row r="129326" spans="8:8">
      <c r="H129326" s="12"/>
    </row>
    <row r="129327" spans="8:8">
      <c r="H129327" s="12"/>
    </row>
    <row r="129328" spans="8:8">
      <c r="H129328" s="12"/>
    </row>
    <row r="129329" spans="8:8">
      <c r="H129329" s="12"/>
    </row>
    <row r="129330" spans="8:8">
      <c r="H129330" s="12"/>
    </row>
    <row r="129331" spans="8:8">
      <c r="H129331" s="12"/>
    </row>
    <row r="129332" spans="8:8">
      <c r="H129332" s="12"/>
    </row>
    <row r="129333" spans="8:8">
      <c r="H129333" s="12"/>
    </row>
    <row r="129334" spans="8:8">
      <c r="H129334" s="12"/>
    </row>
    <row r="129335" spans="8:8">
      <c r="H129335" s="12"/>
    </row>
    <row r="129336" spans="8:8">
      <c r="H129336" s="12"/>
    </row>
    <row r="129337" spans="8:8">
      <c r="H129337" s="12"/>
    </row>
    <row r="129338" spans="8:8">
      <c r="H129338" s="12"/>
    </row>
    <row r="129339" spans="8:8">
      <c r="H129339" s="12"/>
    </row>
    <row r="129340" spans="8:8">
      <c r="H129340" s="12"/>
    </row>
    <row r="129341" spans="8:8">
      <c r="H129341" s="12"/>
    </row>
    <row r="129342" spans="8:8">
      <c r="H129342" s="12"/>
    </row>
    <row r="129343" spans="8:8">
      <c r="H129343" s="12"/>
    </row>
    <row r="129344" spans="8:8">
      <c r="H129344" s="12"/>
    </row>
    <row r="129345" spans="8:8">
      <c r="H129345" s="12"/>
    </row>
    <row r="129346" spans="8:8">
      <c r="H129346" s="12"/>
    </row>
    <row r="129347" spans="8:8">
      <c r="H129347" s="12"/>
    </row>
    <row r="129348" spans="8:8">
      <c r="H129348" s="12"/>
    </row>
    <row r="129349" spans="8:8">
      <c r="H129349" s="12"/>
    </row>
    <row r="129350" spans="8:8">
      <c r="H129350" s="12"/>
    </row>
    <row r="129351" spans="8:8">
      <c r="H129351" s="12"/>
    </row>
    <row r="129352" spans="8:8">
      <c r="H129352" s="12"/>
    </row>
    <row r="129353" spans="8:8">
      <c r="H129353" s="12"/>
    </row>
    <row r="129354" spans="8:8">
      <c r="H129354" s="12"/>
    </row>
    <row r="129355" spans="8:8">
      <c r="H129355" s="12"/>
    </row>
    <row r="129356" spans="8:8">
      <c r="H129356" s="12"/>
    </row>
    <row r="129357" spans="8:8">
      <c r="H129357" s="12"/>
    </row>
    <row r="129358" spans="8:8">
      <c r="H129358" s="12"/>
    </row>
    <row r="129359" spans="8:8">
      <c r="H129359" s="12"/>
    </row>
    <row r="129360" spans="8:8">
      <c r="H129360" s="12"/>
    </row>
    <row r="129361" spans="8:8">
      <c r="H129361" s="12"/>
    </row>
    <row r="129362" spans="8:8">
      <c r="H129362" s="12"/>
    </row>
    <row r="129363" spans="8:8">
      <c r="H129363" s="12"/>
    </row>
    <row r="129364" spans="8:8">
      <c r="H129364" s="12"/>
    </row>
    <row r="129365" spans="8:8">
      <c r="H129365" s="12"/>
    </row>
    <row r="129366" spans="8:8">
      <c r="H129366" s="12"/>
    </row>
    <row r="129367" spans="8:8">
      <c r="H129367" s="12"/>
    </row>
    <row r="129368" spans="8:8">
      <c r="H129368" s="12"/>
    </row>
    <row r="129369" spans="8:8">
      <c r="H129369" s="12"/>
    </row>
    <row r="129370" spans="8:8">
      <c r="H129370" s="12"/>
    </row>
    <row r="129371" spans="8:8">
      <c r="H129371" s="12"/>
    </row>
    <row r="129372" spans="8:8">
      <c r="H129372" s="12"/>
    </row>
    <row r="129373" spans="8:8">
      <c r="H129373" s="12"/>
    </row>
    <row r="129374" spans="8:8">
      <c r="H129374" s="12"/>
    </row>
    <row r="129375" spans="8:8">
      <c r="H129375" s="12"/>
    </row>
    <row r="129376" spans="8:8">
      <c r="H129376" s="12"/>
    </row>
    <row r="129377" spans="8:8">
      <c r="H129377" s="12"/>
    </row>
    <row r="129378" spans="8:8">
      <c r="H129378" s="12"/>
    </row>
    <row r="129379" spans="8:8">
      <c r="H129379" s="12"/>
    </row>
    <row r="129380" spans="8:8">
      <c r="H129380" s="12"/>
    </row>
    <row r="129381" spans="8:8">
      <c r="H129381" s="12"/>
    </row>
    <row r="129382" spans="8:8">
      <c r="H129382" s="12"/>
    </row>
    <row r="129383" spans="8:8">
      <c r="H129383" s="12"/>
    </row>
    <row r="129384" spans="8:8">
      <c r="H129384" s="12"/>
    </row>
    <row r="129385" spans="8:8">
      <c r="H129385" s="12"/>
    </row>
    <row r="129386" spans="8:8">
      <c r="H129386" s="12"/>
    </row>
    <row r="129387" spans="8:8">
      <c r="H129387" s="12"/>
    </row>
    <row r="129388" spans="8:8">
      <c r="H129388" s="12"/>
    </row>
    <row r="129389" spans="8:8">
      <c r="H129389" s="12"/>
    </row>
    <row r="129390" spans="8:8">
      <c r="H129390" s="12"/>
    </row>
    <row r="129391" spans="8:8">
      <c r="H129391" s="12"/>
    </row>
    <row r="129392" spans="8:8">
      <c r="H129392" s="12"/>
    </row>
    <row r="129393" spans="8:8">
      <c r="H129393" s="12"/>
    </row>
    <row r="129394" spans="8:8">
      <c r="H129394" s="12"/>
    </row>
    <row r="129395" spans="8:8">
      <c r="H129395" s="12"/>
    </row>
    <row r="129396" spans="8:8">
      <c r="H129396" s="12"/>
    </row>
    <row r="129397" spans="8:8">
      <c r="H129397" s="12"/>
    </row>
    <row r="129398" spans="8:8">
      <c r="H129398" s="12"/>
    </row>
    <row r="129399" spans="8:8">
      <c r="H129399" s="12"/>
    </row>
    <row r="129400" spans="8:8">
      <c r="H129400" s="12"/>
    </row>
    <row r="129401" spans="8:8">
      <c r="H129401" s="12"/>
    </row>
    <row r="129402" spans="8:8">
      <c r="H129402" s="12"/>
    </row>
    <row r="129403" spans="8:8">
      <c r="H129403" s="12"/>
    </row>
    <row r="129404" spans="8:8">
      <c r="H129404" s="12"/>
    </row>
    <row r="129405" spans="8:8">
      <c r="H129405" s="12"/>
    </row>
    <row r="129406" spans="8:8">
      <c r="H129406" s="12"/>
    </row>
    <row r="129407" spans="8:8">
      <c r="H129407" s="12"/>
    </row>
    <row r="129408" spans="8:8">
      <c r="H129408" s="12"/>
    </row>
    <row r="129409" spans="8:8">
      <c r="H129409" s="12"/>
    </row>
    <row r="129410" spans="8:8">
      <c r="H129410" s="12"/>
    </row>
    <row r="129411" spans="8:8">
      <c r="H129411" s="12"/>
    </row>
    <row r="129412" spans="8:8">
      <c r="H129412" s="12"/>
    </row>
    <row r="129413" spans="8:8">
      <c r="H129413" s="12"/>
    </row>
    <row r="129414" spans="8:8">
      <c r="H129414" s="12"/>
    </row>
    <row r="129415" spans="8:8">
      <c r="H129415" s="12"/>
    </row>
    <row r="129416" spans="8:8">
      <c r="H129416" s="12"/>
    </row>
    <row r="129417" spans="8:8">
      <c r="H129417" s="12"/>
    </row>
    <row r="129418" spans="8:8">
      <c r="H129418" s="12"/>
    </row>
    <row r="129419" spans="8:8">
      <c r="H129419" s="12"/>
    </row>
    <row r="129420" spans="8:8">
      <c r="H129420" s="12"/>
    </row>
    <row r="129421" spans="8:8">
      <c r="H129421" s="12"/>
    </row>
    <row r="129422" spans="8:8">
      <c r="H129422" s="12"/>
    </row>
    <row r="129423" spans="8:8">
      <c r="H129423" s="12"/>
    </row>
    <row r="129424" spans="8:8">
      <c r="H129424" s="12"/>
    </row>
    <row r="129425" spans="8:8">
      <c r="H129425" s="12"/>
    </row>
    <row r="129426" spans="8:8">
      <c r="H129426" s="12"/>
    </row>
    <row r="129427" spans="8:8">
      <c r="H129427" s="12"/>
    </row>
    <row r="129428" spans="8:8">
      <c r="H129428" s="12"/>
    </row>
    <row r="129429" spans="8:8">
      <c r="H129429" s="12"/>
    </row>
    <row r="129430" spans="8:8">
      <c r="H129430" s="12"/>
    </row>
    <row r="129431" spans="8:8">
      <c r="H129431" s="12"/>
    </row>
    <row r="129432" spans="8:8">
      <c r="H129432" s="12"/>
    </row>
    <row r="129433" spans="8:8">
      <c r="H129433" s="12"/>
    </row>
    <row r="129434" spans="8:8">
      <c r="H129434" s="12"/>
    </row>
    <row r="129435" spans="8:8">
      <c r="H129435" s="12"/>
    </row>
    <row r="129436" spans="8:8">
      <c r="H129436" s="12"/>
    </row>
    <row r="129437" spans="8:8">
      <c r="H129437" s="12"/>
    </row>
    <row r="129438" spans="8:8">
      <c r="H129438" s="12"/>
    </row>
    <row r="129439" spans="8:8">
      <c r="H129439" s="12"/>
    </row>
    <row r="129440" spans="8:8">
      <c r="H129440" s="12"/>
    </row>
    <row r="129441" spans="8:8">
      <c r="H129441" s="12"/>
    </row>
    <row r="129442" spans="8:8">
      <c r="H129442" s="12"/>
    </row>
    <row r="129443" spans="8:8">
      <c r="H129443" s="12"/>
    </row>
    <row r="129444" spans="8:8">
      <c r="H129444" s="12"/>
    </row>
    <row r="129445" spans="8:8">
      <c r="H129445" s="12"/>
    </row>
    <row r="129446" spans="8:8">
      <c r="H129446" s="12"/>
    </row>
    <row r="129447" spans="8:8">
      <c r="H129447" s="12"/>
    </row>
    <row r="129448" spans="8:8">
      <c r="H129448" s="12"/>
    </row>
    <row r="129449" spans="8:8">
      <c r="H129449" s="12"/>
    </row>
    <row r="129450" spans="8:8">
      <c r="H129450" s="12"/>
    </row>
    <row r="129451" spans="8:8">
      <c r="H129451" s="12"/>
    </row>
    <row r="129452" spans="8:8">
      <c r="H129452" s="12"/>
    </row>
    <row r="129453" spans="8:8">
      <c r="H129453" s="12"/>
    </row>
    <row r="129454" spans="8:8">
      <c r="H129454" s="12"/>
    </row>
    <row r="129455" spans="8:8">
      <c r="H129455" s="12"/>
    </row>
    <row r="129456" spans="8:8">
      <c r="H129456" s="12"/>
    </row>
    <row r="129457" spans="8:8">
      <c r="H129457" s="12"/>
    </row>
    <row r="129458" spans="8:8">
      <c r="H129458" s="12"/>
    </row>
    <row r="129459" spans="8:8">
      <c r="H129459" s="12"/>
    </row>
    <row r="129460" spans="8:8">
      <c r="H129460" s="12"/>
    </row>
    <row r="129461" spans="8:8">
      <c r="H129461" s="12"/>
    </row>
    <row r="129462" spans="8:8">
      <c r="H129462" s="12"/>
    </row>
    <row r="129463" spans="8:8">
      <c r="H129463" s="12"/>
    </row>
    <row r="129464" spans="8:8">
      <c r="H129464" s="12"/>
    </row>
    <row r="129465" spans="8:8">
      <c r="H129465" s="12"/>
    </row>
    <row r="129466" spans="8:8">
      <c r="H129466" s="12"/>
    </row>
    <row r="129467" spans="8:8">
      <c r="H129467" s="12"/>
    </row>
    <row r="129468" spans="8:8">
      <c r="H129468" s="12"/>
    </row>
    <row r="129469" spans="8:8">
      <c r="H129469" s="12"/>
    </row>
    <row r="129470" spans="8:8">
      <c r="H129470" s="12"/>
    </row>
    <row r="129471" spans="8:8">
      <c r="H129471" s="12"/>
    </row>
    <row r="129472" spans="8:8">
      <c r="H129472" s="12"/>
    </row>
    <row r="129473" spans="8:8">
      <c r="H129473" s="12"/>
    </row>
    <row r="129474" spans="8:8">
      <c r="H129474" s="12"/>
    </row>
    <row r="129475" spans="8:8">
      <c r="H129475" s="12"/>
    </row>
    <row r="129476" spans="8:8">
      <c r="H129476" s="12"/>
    </row>
    <row r="129477" spans="8:8">
      <c r="H129477" s="12"/>
    </row>
    <row r="129478" spans="8:8">
      <c r="H129478" s="12"/>
    </row>
    <row r="129479" spans="8:8">
      <c r="H129479" s="12"/>
    </row>
    <row r="129480" spans="8:8">
      <c r="H129480" s="12"/>
    </row>
    <row r="129481" spans="8:8">
      <c r="H129481" s="12"/>
    </row>
    <row r="129482" spans="8:8">
      <c r="H129482" s="12"/>
    </row>
    <row r="129483" spans="8:8">
      <c r="H129483" s="12"/>
    </row>
    <row r="129484" spans="8:8">
      <c r="H129484" s="12"/>
    </row>
    <row r="129485" spans="8:8">
      <c r="H129485" s="12"/>
    </row>
    <row r="129486" spans="8:8">
      <c r="H129486" s="12"/>
    </row>
    <row r="129487" spans="8:8">
      <c r="H129487" s="12"/>
    </row>
    <row r="129488" spans="8:8">
      <c r="H129488" s="12"/>
    </row>
    <row r="129489" spans="8:8">
      <c r="H129489" s="12"/>
    </row>
    <row r="129490" spans="8:8">
      <c r="H129490" s="12"/>
    </row>
    <row r="129491" spans="8:8">
      <c r="H129491" s="12"/>
    </row>
    <row r="129492" spans="8:8">
      <c r="H129492" s="12"/>
    </row>
    <row r="129493" spans="8:8">
      <c r="H129493" s="12"/>
    </row>
    <row r="129494" spans="8:8">
      <c r="H129494" s="12"/>
    </row>
    <row r="129495" spans="8:8">
      <c r="H129495" s="12"/>
    </row>
    <row r="129496" spans="8:8">
      <c r="H129496" s="12"/>
    </row>
    <row r="129497" spans="8:8">
      <c r="H129497" s="12"/>
    </row>
    <row r="129498" spans="8:8">
      <c r="H129498" s="12"/>
    </row>
    <row r="129499" spans="8:8">
      <c r="H129499" s="12"/>
    </row>
    <row r="129500" spans="8:8">
      <c r="H129500" s="12"/>
    </row>
    <row r="129501" spans="8:8">
      <c r="H129501" s="12"/>
    </row>
    <row r="129502" spans="8:8">
      <c r="H129502" s="12"/>
    </row>
    <row r="129503" spans="8:8">
      <c r="H129503" s="12"/>
    </row>
    <row r="129504" spans="8:8">
      <c r="H129504" s="12"/>
    </row>
    <row r="129505" spans="8:8">
      <c r="H129505" s="12"/>
    </row>
    <row r="129506" spans="8:8">
      <c r="H129506" s="12"/>
    </row>
    <row r="129507" spans="8:8">
      <c r="H129507" s="12"/>
    </row>
    <row r="129508" spans="8:8">
      <c r="H129508" s="12"/>
    </row>
    <row r="129509" spans="8:8">
      <c r="H129509" s="12"/>
    </row>
    <row r="129510" spans="8:8">
      <c r="H129510" s="12"/>
    </row>
    <row r="129511" spans="8:8">
      <c r="H129511" s="12"/>
    </row>
    <row r="129512" spans="8:8">
      <c r="H129512" s="12"/>
    </row>
    <row r="129513" spans="8:8">
      <c r="H129513" s="12"/>
    </row>
    <row r="129514" spans="8:8">
      <c r="H129514" s="12"/>
    </row>
    <row r="129515" spans="8:8">
      <c r="H129515" s="12"/>
    </row>
    <row r="129516" spans="8:8">
      <c r="H129516" s="12"/>
    </row>
    <row r="129517" spans="8:8">
      <c r="H129517" s="12"/>
    </row>
    <row r="129518" spans="8:8">
      <c r="H129518" s="12"/>
    </row>
    <row r="129519" spans="8:8">
      <c r="H129519" s="12"/>
    </row>
    <row r="129520" spans="8:8">
      <c r="H129520" s="12"/>
    </row>
    <row r="129521" spans="8:8">
      <c r="H129521" s="12"/>
    </row>
    <row r="129522" spans="8:8">
      <c r="H129522" s="12"/>
    </row>
    <row r="129523" spans="8:8">
      <c r="H129523" s="12"/>
    </row>
    <row r="129524" spans="8:8">
      <c r="H129524" s="12"/>
    </row>
    <row r="129525" spans="8:8">
      <c r="H129525" s="12"/>
    </row>
    <row r="129526" spans="8:8">
      <c r="H129526" s="12"/>
    </row>
    <row r="129527" spans="8:8">
      <c r="H129527" s="12"/>
    </row>
    <row r="129528" spans="8:8">
      <c r="H129528" s="12"/>
    </row>
    <row r="129529" spans="8:8">
      <c r="H129529" s="12"/>
    </row>
    <row r="129530" spans="8:8">
      <c r="H129530" s="12"/>
    </row>
    <row r="129531" spans="8:8">
      <c r="H129531" s="12"/>
    </row>
    <row r="129532" spans="8:8">
      <c r="H129532" s="12"/>
    </row>
    <row r="129533" spans="8:8">
      <c r="H129533" s="12"/>
    </row>
    <row r="129534" spans="8:8">
      <c r="H129534" s="12"/>
    </row>
    <row r="129535" spans="8:8">
      <c r="H129535" s="12"/>
    </row>
    <row r="129536" spans="8:8">
      <c r="H129536" s="12"/>
    </row>
    <row r="129537" spans="8:8">
      <c r="H129537" s="12"/>
    </row>
    <row r="129538" spans="8:8">
      <c r="H129538" s="12"/>
    </row>
    <row r="129539" spans="8:8">
      <c r="H129539" s="12"/>
    </row>
    <row r="129540" spans="8:8">
      <c r="H129540" s="12"/>
    </row>
    <row r="129541" spans="8:8">
      <c r="H129541" s="12"/>
    </row>
    <row r="129542" spans="8:8">
      <c r="H129542" s="12"/>
    </row>
    <row r="129543" spans="8:8">
      <c r="H129543" s="12"/>
    </row>
    <row r="129544" spans="8:8">
      <c r="H129544" s="12"/>
    </row>
    <row r="129545" spans="8:8">
      <c r="H129545" s="12"/>
    </row>
    <row r="129546" spans="8:8">
      <c r="H129546" s="12"/>
    </row>
    <row r="129547" spans="8:8">
      <c r="H129547" s="12"/>
    </row>
    <row r="129548" spans="8:8">
      <c r="H129548" s="12"/>
    </row>
    <row r="129549" spans="8:8">
      <c r="H129549" s="12"/>
    </row>
    <row r="129550" spans="8:8">
      <c r="H129550" s="12"/>
    </row>
    <row r="129551" spans="8:8">
      <c r="H129551" s="12"/>
    </row>
    <row r="129552" spans="8:8">
      <c r="H129552" s="12"/>
    </row>
    <row r="129553" spans="8:8">
      <c r="H129553" s="12"/>
    </row>
    <row r="129554" spans="8:8">
      <c r="H129554" s="12"/>
    </row>
    <row r="129555" spans="8:8">
      <c r="H129555" s="12"/>
    </row>
    <row r="129556" spans="8:8">
      <c r="H129556" s="12"/>
    </row>
    <row r="129557" spans="8:8">
      <c r="H129557" s="12"/>
    </row>
    <row r="129558" spans="8:8">
      <c r="H129558" s="12"/>
    </row>
    <row r="129559" spans="8:8">
      <c r="H129559" s="12"/>
    </row>
    <row r="129560" spans="8:8">
      <c r="H129560" s="12"/>
    </row>
    <row r="129561" spans="8:8">
      <c r="H129561" s="12"/>
    </row>
    <row r="129562" spans="8:8">
      <c r="H129562" s="12"/>
    </row>
    <row r="129563" spans="8:8">
      <c r="H129563" s="12"/>
    </row>
    <row r="129564" spans="8:8">
      <c r="H129564" s="12"/>
    </row>
    <row r="129565" spans="8:8">
      <c r="H129565" s="12"/>
    </row>
    <row r="129566" spans="8:8">
      <c r="H129566" s="12"/>
    </row>
    <row r="129567" spans="8:8">
      <c r="H129567" s="12"/>
    </row>
    <row r="129568" spans="8:8">
      <c r="H129568" s="12"/>
    </row>
    <row r="129569" spans="8:8">
      <c r="H129569" s="12"/>
    </row>
    <row r="129570" spans="8:8">
      <c r="H129570" s="12"/>
    </row>
    <row r="129571" spans="8:8">
      <c r="H129571" s="12"/>
    </row>
    <row r="129572" spans="8:8">
      <c r="H129572" s="12"/>
    </row>
    <row r="129573" spans="8:8">
      <c r="H129573" s="12"/>
    </row>
    <row r="129574" spans="8:8">
      <c r="H129574" s="12"/>
    </row>
    <row r="129575" spans="8:8">
      <c r="H129575" s="12"/>
    </row>
    <row r="129576" spans="8:8">
      <c r="H129576" s="12"/>
    </row>
    <row r="129577" spans="8:8">
      <c r="H129577" s="12"/>
    </row>
    <row r="129578" spans="8:8">
      <c r="H129578" s="12"/>
    </row>
    <row r="129579" spans="8:8">
      <c r="H129579" s="12"/>
    </row>
    <row r="129580" spans="8:8">
      <c r="H129580" s="12"/>
    </row>
    <row r="129581" spans="8:8">
      <c r="H129581" s="12"/>
    </row>
    <row r="129582" spans="8:8">
      <c r="H129582" s="12"/>
    </row>
    <row r="129583" spans="8:8">
      <c r="H129583" s="12"/>
    </row>
    <row r="129584" spans="8:8">
      <c r="H129584" s="12"/>
    </row>
    <row r="129585" spans="8:8">
      <c r="H129585" s="12"/>
    </row>
    <row r="129586" spans="8:8">
      <c r="H129586" s="12"/>
    </row>
    <row r="129587" spans="8:8">
      <c r="H129587" s="12"/>
    </row>
    <row r="129588" spans="8:8">
      <c r="H129588" s="12"/>
    </row>
    <row r="129589" spans="8:8">
      <c r="H129589" s="12"/>
    </row>
    <row r="129590" spans="8:8">
      <c r="H129590" s="12"/>
    </row>
    <row r="129591" spans="8:8">
      <c r="H129591" s="12"/>
    </row>
    <row r="129592" spans="8:8">
      <c r="H129592" s="12"/>
    </row>
    <row r="129593" spans="8:8">
      <c r="H129593" s="12"/>
    </row>
    <row r="129594" spans="8:8">
      <c r="H129594" s="12"/>
    </row>
    <row r="129595" spans="8:8">
      <c r="H129595" s="12"/>
    </row>
    <row r="129596" spans="8:8">
      <c r="H129596" s="12"/>
    </row>
    <row r="129597" spans="8:8">
      <c r="H129597" s="12"/>
    </row>
    <row r="129598" spans="8:8">
      <c r="H129598" s="12"/>
    </row>
    <row r="129599" spans="8:8">
      <c r="H129599" s="12"/>
    </row>
    <row r="129600" spans="8:8">
      <c r="H129600" s="12"/>
    </row>
    <row r="129601" spans="8:8">
      <c r="H129601" s="12"/>
    </row>
    <row r="129602" spans="8:8">
      <c r="H129602" s="12"/>
    </row>
    <row r="129603" spans="8:8">
      <c r="H129603" s="12"/>
    </row>
    <row r="129604" spans="8:8">
      <c r="H129604" s="12"/>
    </row>
    <row r="129605" spans="8:8">
      <c r="H129605" s="12"/>
    </row>
    <row r="129606" spans="8:8">
      <c r="H129606" s="12"/>
    </row>
    <row r="129607" spans="8:8">
      <c r="H129607" s="12"/>
    </row>
    <row r="129608" spans="8:8">
      <c r="H129608" s="12"/>
    </row>
    <row r="129609" spans="8:8">
      <c r="H129609" s="12"/>
    </row>
    <row r="129610" spans="8:8">
      <c r="H129610" s="12"/>
    </row>
    <row r="129611" spans="8:8">
      <c r="H129611" s="12"/>
    </row>
    <row r="129612" spans="8:8">
      <c r="H129612" s="12"/>
    </row>
    <row r="129613" spans="8:8">
      <c r="H129613" s="12"/>
    </row>
    <row r="129614" spans="8:8">
      <c r="H129614" s="12"/>
    </row>
    <row r="129615" spans="8:8">
      <c r="H129615" s="12"/>
    </row>
    <row r="129616" spans="8:8">
      <c r="H129616" s="12"/>
    </row>
    <row r="129617" spans="8:8">
      <c r="H129617" s="12"/>
    </row>
    <row r="129618" spans="8:8">
      <c r="H129618" s="12"/>
    </row>
    <row r="129619" spans="8:8">
      <c r="H129619" s="12"/>
    </row>
    <row r="129620" spans="8:8">
      <c r="H129620" s="12"/>
    </row>
    <row r="129621" spans="8:8">
      <c r="H129621" s="12"/>
    </row>
    <row r="129622" spans="8:8">
      <c r="H129622" s="12"/>
    </row>
    <row r="129623" spans="8:8">
      <c r="H129623" s="12"/>
    </row>
    <row r="129624" spans="8:8">
      <c r="H129624" s="12"/>
    </row>
    <row r="129625" spans="8:8">
      <c r="H129625" s="12"/>
    </row>
    <row r="129626" spans="8:8">
      <c r="H129626" s="12"/>
    </row>
    <row r="129627" spans="8:8">
      <c r="H129627" s="12"/>
    </row>
    <row r="129628" spans="8:8">
      <c r="H129628" s="12"/>
    </row>
    <row r="129629" spans="8:8">
      <c r="H129629" s="12"/>
    </row>
    <row r="129630" spans="8:8">
      <c r="H129630" s="12"/>
    </row>
    <row r="129631" spans="8:8">
      <c r="H129631" s="12"/>
    </row>
    <row r="129632" spans="8:8">
      <c r="H129632" s="12"/>
    </row>
    <row r="129633" spans="8:8">
      <c r="H129633" s="12"/>
    </row>
    <row r="129634" spans="8:8">
      <c r="H129634" s="12"/>
    </row>
    <row r="129635" spans="8:8">
      <c r="H129635" s="12"/>
    </row>
    <row r="129636" spans="8:8">
      <c r="H129636" s="12"/>
    </row>
    <row r="129637" spans="8:8">
      <c r="H129637" s="12"/>
    </row>
    <row r="129638" spans="8:8">
      <c r="H129638" s="12"/>
    </row>
    <row r="129639" spans="8:8">
      <c r="H129639" s="12"/>
    </row>
    <row r="129640" spans="8:8">
      <c r="H129640" s="12"/>
    </row>
    <row r="129641" spans="8:8">
      <c r="H129641" s="12"/>
    </row>
    <row r="129642" spans="8:8">
      <c r="H129642" s="12"/>
    </row>
    <row r="129643" spans="8:8">
      <c r="H129643" s="12"/>
    </row>
    <row r="129644" spans="8:8">
      <c r="H129644" s="12"/>
    </row>
    <row r="129645" spans="8:8">
      <c r="H129645" s="12"/>
    </row>
    <row r="129646" spans="8:8">
      <c r="H129646" s="12"/>
    </row>
    <row r="129647" spans="8:8">
      <c r="H129647" s="12"/>
    </row>
    <row r="129648" spans="8:8">
      <c r="H129648" s="12"/>
    </row>
    <row r="129649" spans="8:8">
      <c r="H129649" s="12"/>
    </row>
    <row r="129650" spans="8:8">
      <c r="H129650" s="12"/>
    </row>
    <row r="129651" spans="8:8">
      <c r="H129651" s="12"/>
    </row>
    <row r="129652" spans="8:8">
      <c r="H129652" s="12"/>
    </row>
    <row r="129653" spans="8:8">
      <c r="H129653" s="12"/>
    </row>
    <row r="129654" spans="8:8">
      <c r="H129654" s="12"/>
    </row>
    <row r="129655" spans="8:8">
      <c r="H129655" s="12"/>
    </row>
    <row r="129656" spans="8:8">
      <c r="H129656" s="12"/>
    </row>
    <row r="129657" spans="8:8">
      <c r="H129657" s="12"/>
    </row>
    <row r="129658" spans="8:8">
      <c r="H129658" s="12"/>
    </row>
    <row r="129659" spans="8:8">
      <c r="H129659" s="12"/>
    </row>
    <row r="129660" spans="8:8">
      <c r="H129660" s="12"/>
    </row>
    <row r="129661" spans="8:8">
      <c r="H129661" s="12"/>
    </row>
    <row r="129662" spans="8:8">
      <c r="H129662" s="12"/>
    </row>
    <row r="129663" spans="8:8">
      <c r="H129663" s="12"/>
    </row>
    <row r="129664" spans="8:8">
      <c r="H129664" s="12"/>
    </row>
    <row r="129665" spans="8:8">
      <c r="H129665" s="12"/>
    </row>
    <row r="129666" spans="8:8">
      <c r="H129666" s="12"/>
    </row>
    <row r="129667" spans="8:8">
      <c r="H129667" s="12"/>
    </row>
    <row r="129668" spans="8:8">
      <c r="H129668" s="12"/>
    </row>
    <row r="129669" spans="8:8">
      <c r="H129669" s="12"/>
    </row>
    <row r="129670" spans="8:8">
      <c r="H129670" s="12"/>
    </row>
    <row r="129671" spans="8:8">
      <c r="H129671" s="12"/>
    </row>
    <row r="129672" spans="8:8">
      <c r="H129672" s="12"/>
    </row>
    <row r="129673" spans="8:8">
      <c r="H129673" s="12"/>
    </row>
    <row r="129674" spans="8:8">
      <c r="H129674" s="12"/>
    </row>
    <row r="129675" spans="8:8">
      <c r="H129675" s="12"/>
    </row>
    <row r="129676" spans="8:8">
      <c r="H129676" s="12"/>
    </row>
    <row r="129677" spans="8:8">
      <c r="H129677" s="12"/>
    </row>
    <row r="129678" spans="8:8">
      <c r="H129678" s="12"/>
    </row>
    <row r="129679" spans="8:8">
      <c r="H129679" s="12"/>
    </row>
    <row r="129680" spans="8:8">
      <c r="H129680" s="12"/>
    </row>
    <row r="129681" spans="8:8">
      <c r="H129681" s="12"/>
    </row>
    <row r="129682" spans="8:8">
      <c r="H129682" s="12"/>
    </row>
    <row r="129683" spans="8:8">
      <c r="H129683" s="12"/>
    </row>
    <row r="129684" spans="8:8">
      <c r="H129684" s="12"/>
    </row>
    <row r="129685" spans="8:8">
      <c r="H129685" s="12"/>
    </row>
    <row r="129686" spans="8:8">
      <c r="H129686" s="12"/>
    </row>
    <row r="129687" spans="8:8">
      <c r="H129687" s="12"/>
    </row>
    <row r="129688" spans="8:8">
      <c r="H129688" s="12"/>
    </row>
    <row r="129689" spans="8:8">
      <c r="H129689" s="12"/>
    </row>
    <row r="129690" spans="8:8">
      <c r="H129690" s="12"/>
    </row>
    <row r="129691" spans="8:8">
      <c r="H129691" s="12"/>
    </row>
    <row r="129692" spans="8:8">
      <c r="H129692" s="12"/>
    </row>
    <row r="129693" spans="8:8">
      <c r="H129693" s="12"/>
    </row>
    <row r="129694" spans="8:8">
      <c r="H129694" s="12"/>
    </row>
    <row r="129695" spans="8:8">
      <c r="H129695" s="12"/>
    </row>
    <row r="129696" spans="8:8">
      <c r="H129696" s="12"/>
    </row>
    <row r="129697" spans="8:8">
      <c r="H129697" s="12"/>
    </row>
    <row r="129698" spans="8:8">
      <c r="H129698" s="12"/>
    </row>
    <row r="129699" spans="8:8">
      <c r="H129699" s="12"/>
    </row>
    <row r="129700" spans="8:8">
      <c r="H129700" s="12"/>
    </row>
    <row r="129701" spans="8:8">
      <c r="H129701" s="12"/>
    </row>
    <row r="129702" spans="8:8">
      <c r="H129702" s="12"/>
    </row>
    <row r="129703" spans="8:8">
      <c r="H129703" s="12"/>
    </row>
    <row r="129704" spans="8:8">
      <c r="H129704" s="12"/>
    </row>
    <row r="129705" spans="8:8">
      <c r="H129705" s="12"/>
    </row>
    <row r="129706" spans="8:8">
      <c r="H129706" s="12"/>
    </row>
    <row r="129707" spans="8:8">
      <c r="H129707" s="12"/>
    </row>
    <row r="129708" spans="8:8">
      <c r="H129708" s="12"/>
    </row>
    <row r="129709" spans="8:8">
      <c r="H129709" s="12"/>
    </row>
    <row r="129710" spans="8:8">
      <c r="H129710" s="12"/>
    </row>
    <row r="129711" spans="8:8">
      <c r="H129711" s="12"/>
    </row>
    <row r="129712" spans="8:8">
      <c r="H129712" s="12"/>
    </row>
    <row r="129713" spans="8:8">
      <c r="H129713" s="12"/>
    </row>
    <row r="129714" spans="8:8">
      <c r="H129714" s="12"/>
    </row>
    <row r="129715" spans="8:8">
      <c r="H129715" s="12"/>
    </row>
    <row r="129716" spans="8:8">
      <c r="H129716" s="12"/>
    </row>
    <row r="129717" spans="8:8">
      <c r="H129717" s="12"/>
    </row>
    <row r="129718" spans="8:8">
      <c r="H129718" s="12"/>
    </row>
    <row r="129719" spans="8:8">
      <c r="H129719" s="12"/>
    </row>
    <row r="129720" spans="8:8">
      <c r="H129720" s="12"/>
    </row>
    <row r="129721" spans="8:8">
      <c r="H129721" s="12"/>
    </row>
    <row r="129722" spans="8:8">
      <c r="H129722" s="12"/>
    </row>
    <row r="129723" spans="8:8">
      <c r="H129723" s="12"/>
    </row>
    <row r="129724" spans="8:8">
      <c r="H129724" s="12"/>
    </row>
    <row r="129725" spans="8:8">
      <c r="H129725" s="12"/>
    </row>
    <row r="129726" spans="8:8">
      <c r="H129726" s="12"/>
    </row>
    <row r="129727" spans="8:8">
      <c r="H129727" s="12"/>
    </row>
    <row r="129728" spans="8:8">
      <c r="H129728" s="12"/>
    </row>
    <row r="129729" spans="8:8">
      <c r="H129729" s="12"/>
    </row>
    <row r="129730" spans="8:8">
      <c r="H129730" s="12"/>
    </row>
    <row r="129731" spans="8:8">
      <c r="H129731" s="12"/>
    </row>
    <row r="129732" spans="8:8">
      <c r="H129732" s="12"/>
    </row>
    <row r="129733" spans="8:8">
      <c r="H129733" s="12"/>
    </row>
    <row r="129734" spans="8:8">
      <c r="H129734" s="12"/>
    </row>
    <row r="129735" spans="8:8">
      <c r="H129735" s="12"/>
    </row>
    <row r="129736" spans="8:8">
      <c r="H129736" s="12"/>
    </row>
    <row r="129737" spans="8:8">
      <c r="H129737" s="12"/>
    </row>
    <row r="129738" spans="8:8">
      <c r="H129738" s="12"/>
    </row>
    <row r="129739" spans="8:8">
      <c r="H129739" s="12"/>
    </row>
    <row r="129740" spans="8:8">
      <c r="H129740" s="12"/>
    </row>
    <row r="129741" spans="8:8">
      <c r="H129741" s="12"/>
    </row>
    <row r="129742" spans="8:8">
      <c r="H129742" s="12"/>
    </row>
    <row r="129743" spans="8:8">
      <c r="H129743" s="12"/>
    </row>
    <row r="129744" spans="8:8">
      <c r="H129744" s="12"/>
    </row>
    <row r="129745" spans="8:8">
      <c r="H129745" s="12"/>
    </row>
    <row r="129746" spans="8:8">
      <c r="H129746" s="12"/>
    </row>
    <row r="129747" spans="8:8">
      <c r="H129747" s="12"/>
    </row>
    <row r="129748" spans="8:8">
      <c r="H129748" s="12"/>
    </row>
    <row r="129749" spans="8:8">
      <c r="H129749" s="12"/>
    </row>
    <row r="129750" spans="8:8">
      <c r="H129750" s="12"/>
    </row>
    <row r="129751" spans="8:8">
      <c r="H129751" s="12"/>
    </row>
    <row r="129752" spans="8:8">
      <c r="H129752" s="12"/>
    </row>
    <row r="129753" spans="8:8">
      <c r="H129753" s="12"/>
    </row>
    <row r="129754" spans="8:8">
      <c r="H129754" s="12"/>
    </row>
    <row r="129755" spans="8:8">
      <c r="H129755" s="12"/>
    </row>
    <row r="129756" spans="8:8">
      <c r="H129756" s="12"/>
    </row>
    <row r="129757" spans="8:8">
      <c r="H129757" s="12"/>
    </row>
    <row r="129758" spans="8:8">
      <c r="H129758" s="12"/>
    </row>
    <row r="129759" spans="8:8">
      <c r="H129759" s="12"/>
    </row>
    <row r="129760" spans="8:8">
      <c r="H129760" s="12"/>
    </row>
    <row r="129761" spans="8:8">
      <c r="H129761" s="12"/>
    </row>
    <row r="129762" spans="8:8">
      <c r="H129762" s="12"/>
    </row>
    <row r="129763" spans="8:8">
      <c r="H129763" s="12"/>
    </row>
    <row r="129764" spans="8:8">
      <c r="H129764" s="12"/>
    </row>
    <row r="129765" spans="8:8">
      <c r="H129765" s="12"/>
    </row>
    <row r="129766" spans="8:8">
      <c r="H129766" s="12"/>
    </row>
    <row r="129767" spans="8:8">
      <c r="H129767" s="12"/>
    </row>
    <row r="129768" spans="8:8">
      <c r="H129768" s="12"/>
    </row>
    <row r="129769" spans="8:8">
      <c r="H129769" s="12"/>
    </row>
    <row r="129770" spans="8:8">
      <c r="H129770" s="12"/>
    </row>
    <row r="129771" spans="8:8">
      <c r="H129771" s="12"/>
    </row>
    <row r="129772" spans="8:8">
      <c r="H129772" s="12"/>
    </row>
    <row r="129773" spans="8:8">
      <c r="H129773" s="12"/>
    </row>
    <row r="129774" spans="8:8">
      <c r="H129774" s="12"/>
    </row>
    <row r="129775" spans="8:8">
      <c r="H129775" s="12"/>
    </row>
    <row r="129776" spans="8:8">
      <c r="H129776" s="12"/>
    </row>
    <row r="129777" spans="8:8">
      <c r="H129777" s="12"/>
    </row>
    <row r="129778" spans="8:8">
      <c r="H129778" s="12"/>
    </row>
    <row r="129779" spans="8:8">
      <c r="H129779" s="12"/>
    </row>
    <row r="129780" spans="8:8">
      <c r="H129780" s="12"/>
    </row>
    <row r="129781" spans="8:8">
      <c r="H129781" s="12"/>
    </row>
    <row r="129782" spans="8:8">
      <c r="H129782" s="12"/>
    </row>
    <row r="129783" spans="8:8">
      <c r="H129783" s="12"/>
    </row>
    <row r="129784" spans="8:8">
      <c r="H129784" s="12"/>
    </row>
    <row r="129785" spans="8:8">
      <c r="H129785" s="12"/>
    </row>
    <row r="129786" spans="8:8">
      <c r="H129786" s="12"/>
    </row>
    <row r="129787" spans="8:8">
      <c r="H129787" s="12"/>
    </row>
    <row r="129788" spans="8:8">
      <c r="H129788" s="12"/>
    </row>
    <row r="129789" spans="8:8">
      <c r="H129789" s="12"/>
    </row>
    <row r="129790" spans="8:8">
      <c r="H129790" s="12"/>
    </row>
    <row r="129791" spans="8:8">
      <c r="H129791" s="12"/>
    </row>
    <row r="129792" spans="8:8">
      <c r="H129792" s="12"/>
    </row>
    <row r="129793" spans="8:8">
      <c r="H129793" s="12"/>
    </row>
    <row r="129794" spans="8:8">
      <c r="H129794" s="12"/>
    </row>
    <row r="129795" spans="8:8">
      <c r="H129795" s="12"/>
    </row>
    <row r="129796" spans="8:8">
      <c r="H129796" s="12"/>
    </row>
    <row r="129797" spans="8:8">
      <c r="H129797" s="12"/>
    </row>
    <row r="129798" spans="8:8">
      <c r="H129798" s="12"/>
    </row>
    <row r="129799" spans="8:8">
      <c r="H129799" s="12"/>
    </row>
    <row r="129800" spans="8:8">
      <c r="H129800" s="12"/>
    </row>
    <row r="129801" spans="8:8">
      <c r="H129801" s="12"/>
    </row>
    <row r="129802" spans="8:8">
      <c r="H129802" s="12"/>
    </row>
    <row r="129803" spans="8:8">
      <c r="H129803" s="12"/>
    </row>
    <row r="129804" spans="8:8">
      <c r="H129804" s="12"/>
    </row>
    <row r="129805" spans="8:8">
      <c r="H129805" s="12"/>
    </row>
    <row r="129806" spans="8:8">
      <c r="H129806" s="12"/>
    </row>
    <row r="129807" spans="8:8">
      <c r="H129807" s="12"/>
    </row>
    <row r="129808" spans="8:8">
      <c r="H129808" s="12"/>
    </row>
    <row r="129809" spans="8:8">
      <c r="H129809" s="12"/>
    </row>
    <row r="129810" spans="8:8">
      <c r="H129810" s="12"/>
    </row>
    <row r="129811" spans="8:8">
      <c r="H129811" s="12"/>
    </row>
    <row r="129812" spans="8:8">
      <c r="H129812" s="12"/>
    </row>
    <row r="129813" spans="8:8">
      <c r="H129813" s="12"/>
    </row>
    <row r="129814" spans="8:8">
      <c r="H129814" s="12"/>
    </row>
    <row r="129815" spans="8:8">
      <c r="H129815" s="12"/>
    </row>
    <row r="129816" spans="8:8">
      <c r="H129816" s="12"/>
    </row>
    <row r="129817" spans="8:8">
      <c r="H129817" s="12"/>
    </row>
    <row r="129818" spans="8:8">
      <c r="H129818" s="12"/>
    </row>
    <row r="129819" spans="8:8">
      <c r="H129819" s="12"/>
    </row>
    <row r="129820" spans="8:8">
      <c r="H129820" s="12"/>
    </row>
    <row r="129821" spans="8:8">
      <c r="H129821" s="12"/>
    </row>
    <row r="129822" spans="8:8">
      <c r="H129822" s="12"/>
    </row>
    <row r="129823" spans="8:8">
      <c r="H129823" s="12"/>
    </row>
    <row r="129824" spans="8:8">
      <c r="H129824" s="12"/>
    </row>
    <row r="129825" spans="8:8">
      <c r="H129825" s="12"/>
    </row>
    <row r="129826" spans="8:8">
      <c r="H129826" s="12"/>
    </row>
    <row r="129827" spans="8:8">
      <c r="H129827" s="12"/>
    </row>
    <row r="129828" spans="8:8">
      <c r="H129828" s="12"/>
    </row>
    <row r="129829" spans="8:8">
      <c r="H129829" s="12"/>
    </row>
    <row r="129830" spans="8:8">
      <c r="H129830" s="12"/>
    </row>
    <row r="129831" spans="8:8">
      <c r="H129831" s="12"/>
    </row>
    <row r="129832" spans="8:8">
      <c r="H129832" s="12"/>
    </row>
    <row r="129833" spans="8:8">
      <c r="H129833" s="12"/>
    </row>
    <row r="129834" spans="8:8">
      <c r="H129834" s="12"/>
    </row>
    <row r="129835" spans="8:8">
      <c r="H129835" s="12"/>
    </row>
    <row r="129836" spans="8:8">
      <c r="H129836" s="12"/>
    </row>
    <row r="129837" spans="8:8">
      <c r="H129837" s="12"/>
    </row>
    <row r="129838" spans="8:8">
      <c r="H129838" s="12"/>
    </row>
    <row r="129839" spans="8:8">
      <c r="H129839" s="12"/>
    </row>
    <row r="129840" spans="8:8">
      <c r="H129840" s="12"/>
    </row>
    <row r="129841" spans="8:8">
      <c r="H129841" s="12"/>
    </row>
    <row r="129842" spans="8:8">
      <c r="H129842" s="12"/>
    </row>
    <row r="129843" spans="8:8">
      <c r="H129843" s="12"/>
    </row>
    <row r="129844" spans="8:8">
      <c r="H129844" s="12"/>
    </row>
    <row r="129845" spans="8:8">
      <c r="H129845" s="12"/>
    </row>
    <row r="129846" spans="8:8">
      <c r="H129846" s="12"/>
    </row>
    <row r="129847" spans="8:8">
      <c r="H129847" s="12"/>
    </row>
    <row r="129848" spans="8:8">
      <c r="H129848" s="12"/>
    </row>
    <row r="129849" spans="8:8">
      <c r="H129849" s="12"/>
    </row>
    <row r="129850" spans="8:8">
      <c r="H129850" s="12"/>
    </row>
    <row r="129851" spans="8:8">
      <c r="H129851" s="12"/>
    </row>
    <row r="129852" spans="8:8">
      <c r="H129852" s="12"/>
    </row>
    <row r="129853" spans="8:8">
      <c r="H129853" s="12"/>
    </row>
    <row r="129854" spans="8:8">
      <c r="H129854" s="12"/>
    </row>
    <row r="129855" spans="8:8">
      <c r="H129855" s="12"/>
    </row>
    <row r="129856" spans="8:8">
      <c r="H129856" s="12"/>
    </row>
    <row r="129857" spans="8:8">
      <c r="H129857" s="12"/>
    </row>
    <row r="129858" spans="8:8">
      <c r="H129858" s="12"/>
    </row>
    <row r="129859" spans="8:8">
      <c r="H129859" s="12"/>
    </row>
    <row r="129860" spans="8:8">
      <c r="H129860" s="12"/>
    </row>
    <row r="129861" spans="8:8">
      <c r="H129861" s="12"/>
    </row>
    <row r="129862" spans="8:8">
      <c r="H129862" s="12"/>
    </row>
    <row r="129863" spans="8:8">
      <c r="H129863" s="12"/>
    </row>
    <row r="129864" spans="8:8">
      <c r="H129864" s="12"/>
    </row>
    <row r="129865" spans="8:8">
      <c r="H129865" s="12"/>
    </row>
    <row r="129866" spans="8:8">
      <c r="H129866" s="12"/>
    </row>
    <row r="129867" spans="8:8">
      <c r="H129867" s="12"/>
    </row>
    <row r="129868" spans="8:8">
      <c r="H129868" s="12"/>
    </row>
    <row r="129869" spans="8:8">
      <c r="H129869" s="12"/>
    </row>
    <row r="129870" spans="8:8">
      <c r="H129870" s="12"/>
    </row>
    <row r="129871" spans="8:8">
      <c r="H129871" s="12"/>
    </row>
    <row r="129872" spans="8:8">
      <c r="H129872" s="12"/>
    </row>
    <row r="129873" spans="8:8">
      <c r="H129873" s="12"/>
    </row>
    <row r="129874" spans="8:8">
      <c r="H129874" s="12"/>
    </row>
    <row r="129875" spans="8:8">
      <c r="H129875" s="12"/>
    </row>
    <row r="129876" spans="8:8">
      <c r="H129876" s="12"/>
    </row>
    <row r="129877" spans="8:8">
      <c r="H129877" s="12"/>
    </row>
    <row r="129878" spans="8:8">
      <c r="H129878" s="12"/>
    </row>
    <row r="129879" spans="8:8">
      <c r="H129879" s="12"/>
    </row>
    <row r="129880" spans="8:8">
      <c r="H129880" s="12"/>
    </row>
    <row r="129881" spans="8:8">
      <c r="H129881" s="12"/>
    </row>
    <row r="129882" spans="8:8">
      <c r="H129882" s="12"/>
    </row>
    <row r="129883" spans="8:8">
      <c r="H129883" s="12"/>
    </row>
    <row r="129884" spans="8:8">
      <c r="H129884" s="12"/>
    </row>
    <row r="129885" spans="8:8">
      <c r="H129885" s="12"/>
    </row>
    <row r="129886" spans="8:8">
      <c r="H129886" s="12"/>
    </row>
    <row r="129887" spans="8:8">
      <c r="H129887" s="12"/>
    </row>
    <row r="129888" spans="8:8">
      <c r="H129888" s="12"/>
    </row>
    <row r="129889" spans="8:8">
      <c r="H129889" s="12"/>
    </row>
    <row r="129890" spans="8:8">
      <c r="H129890" s="12"/>
    </row>
    <row r="129891" spans="8:8">
      <c r="H129891" s="12"/>
    </row>
    <row r="129892" spans="8:8">
      <c r="H129892" s="12"/>
    </row>
    <row r="129893" spans="8:8">
      <c r="H129893" s="12"/>
    </row>
    <row r="129894" spans="8:8">
      <c r="H129894" s="12"/>
    </row>
    <row r="129895" spans="8:8">
      <c r="H129895" s="12"/>
    </row>
    <row r="129896" spans="8:8">
      <c r="H129896" s="12"/>
    </row>
    <row r="129897" spans="8:8">
      <c r="H129897" s="12"/>
    </row>
    <row r="129898" spans="8:8">
      <c r="H129898" s="12"/>
    </row>
    <row r="129899" spans="8:8">
      <c r="H129899" s="12"/>
    </row>
    <row r="129900" spans="8:8">
      <c r="H129900" s="12"/>
    </row>
    <row r="129901" spans="8:8">
      <c r="H129901" s="12"/>
    </row>
    <row r="129902" spans="8:8">
      <c r="H129902" s="12"/>
    </row>
    <row r="129903" spans="8:8">
      <c r="H129903" s="12"/>
    </row>
    <row r="129904" spans="8:8">
      <c r="H129904" s="12"/>
    </row>
    <row r="129905" spans="8:8">
      <c r="H129905" s="12"/>
    </row>
    <row r="129906" spans="8:8">
      <c r="H129906" s="12"/>
    </row>
    <row r="129907" spans="8:8">
      <c r="H129907" s="12"/>
    </row>
    <row r="129908" spans="8:8">
      <c r="H129908" s="12"/>
    </row>
    <row r="129909" spans="8:8">
      <c r="H129909" s="12"/>
    </row>
    <row r="129910" spans="8:8">
      <c r="H129910" s="12"/>
    </row>
    <row r="129911" spans="8:8">
      <c r="H129911" s="12"/>
    </row>
    <row r="129912" spans="8:8">
      <c r="H129912" s="12"/>
    </row>
    <row r="129913" spans="8:8">
      <c r="H129913" s="12"/>
    </row>
    <row r="129914" spans="8:8">
      <c r="H129914" s="12"/>
    </row>
    <row r="129915" spans="8:8">
      <c r="H129915" s="12"/>
    </row>
    <row r="129916" spans="8:8">
      <c r="H129916" s="12"/>
    </row>
    <row r="129917" spans="8:8">
      <c r="H129917" s="12"/>
    </row>
    <row r="129918" spans="8:8">
      <c r="H129918" s="12"/>
    </row>
    <row r="129919" spans="8:8">
      <c r="H129919" s="12"/>
    </row>
    <row r="129920" spans="8:8">
      <c r="H129920" s="12"/>
    </row>
    <row r="129921" spans="8:8">
      <c r="H129921" s="12"/>
    </row>
    <row r="129922" spans="8:8">
      <c r="H129922" s="12"/>
    </row>
    <row r="129923" spans="8:8">
      <c r="H129923" s="12"/>
    </row>
    <row r="129924" spans="8:8">
      <c r="H129924" s="12"/>
    </row>
    <row r="129925" spans="8:8">
      <c r="H129925" s="12"/>
    </row>
    <row r="129926" spans="8:8">
      <c r="H129926" s="12"/>
    </row>
    <row r="129927" spans="8:8">
      <c r="H129927" s="12"/>
    </row>
    <row r="129928" spans="8:8">
      <c r="H129928" s="12"/>
    </row>
    <row r="129929" spans="8:8">
      <c r="H129929" s="12"/>
    </row>
    <row r="129930" spans="8:8">
      <c r="H129930" s="12"/>
    </row>
    <row r="129931" spans="8:8">
      <c r="H129931" s="12"/>
    </row>
    <row r="129932" spans="8:8">
      <c r="H129932" s="12"/>
    </row>
    <row r="129933" spans="8:8">
      <c r="H129933" s="12"/>
    </row>
    <row r="129934" spans="8:8">
      <c r="H129934" s="12"/>
    </row>
    <row r="129935" spans="8:8">
      <c r="H129935" s="12"/>
    </row>
    <row r="129936" spans="8:8">
      <c r="H129936" s="12"/>
    </row>
    <row r="129937" spans="8:8">
      <c r="H129937" s="12"/>
    </row>
    <row r="129938" spans="8:8">
      <c r="H129938" s="12"/>
    </row>
    <row r="129939" spans="8:8">
      <c r="H129939" s="12"/>
    </row>
    <row r="129940" spans="8:8">
      <c r="H129940" s="12"/>
    </row>
    <row r="129941" spans="8:8">
      <c r="H129941" s="12"/>
    </row>
    <row r="129942" spans="8:8">
      <c r="H129942" s="12"/>
    </row>
    <row r="129943" spans="8:8">
      <c r="H129943" s="12"/>
    </row>
    <row r="129944" spans="8:8">
      <c r="H129944" s="12"/>
    </row>
    <row r="129945" spans="8:8">
      <c r="H129945" s="12"/>
    </row>
    <row r="129946" spans="8:8">
      <c r="H129946" s="12"/>
    </row>
    <row r="129947" spans="8:8">
      <c r="H129947" s="12"/>
    </row>
    <row r="129948" spans="8:8">
      <c r="H129948" s="12"/>
    </row>
    <row r="129949" spans="8:8">
      <c r="H129949" s="12"/>
    </row>
    <row r="129950" spans="8:8">
      <c r="H129950" s="12"/>
    </row>
    <row r="129951" spans="8:8">
      <c r="H129951" s="12"/>
    </row>
    <row r="129952" spans="8:8">
      <c r="H129952" s="12"/>
    </row>
    <row r="129953" spans="8:8">
      <c r="H129953" s="12"/>
    </row>
    <row r="129954" spans="8:8">
      <c r="H129954" s="12"/>
    </row>
    <row r="129955" spans="8:8">
      <c r="H129955" s="12"/>
    </row>
    <row r="129956" spans="8:8">
      <c r="H129956" s="12"/>
    </row>
    <row r="129957" spans="8:8">
      <c r="H129957" s="12"/>
    </row>
    <row r="129958" spans="8:8">
      <c r="H129958" s="12"/>
    </row>
    <row r="129959" spans="8:8">
      <c r="H129959" s="12"/>
    </row>
    <row r="129960" spans="8:8">
      <c r="H129960" s="12"/>
    </row>
    <row r="129961" spans="8:8">
      <c r="H129961" s="12"/>
    </row>
    <row r="129962" spans="8:8">
      <c r="H129962" s="12"/>
    </row>
    <row r="129963" spans="8:8">
      <c r="H129963" s="12"/>
    </row>
    <row r="129964" spans="8:8">
      <c r="H129964" s="12"/>
    </row>
    <row r="129965" spans="8:8">
      <c r="H129965" s="12"/>
    </row>
    <row r="129966" spans="8:8">
      <c r="H129966" s="12"/>
    </row>
    <row r="129967" spans="8:8">
      <c r="H129967" s="12"/>
    </row>
    <row r="129968" spans="8:8">
      <c r="H129968" s="12"/>
    </row>
    <row r="129969" spans="8:8">
      <c r="H129969" s="12"/>
    </row>
    <row r="129970" spans="8:8">
      <c r="H129970" s="12"/>
    </row>
    <row r="129971" spans="8:8">
      <c r="H129971" s="12"/>
    </row>
    <row r="129972" spans="8:8">
      <c r="H129972" s="12"/>
    </row>
    <row r="129973" spans="8:8">
      <c r="H129973" s="12"/>
    </row>
    <row r="129974" spans="8:8">
      <c r="H129974" s="12"/>
    </row>
    <row r="129975" spans="8:8">
      <c r="H129975" s="12"/>
    </row>
    <row r="129976" spans="8:8">
      <c r="H129976" s="12"/>
    </row>
    <row r="129977" spans="8:8">
      <c r="H129977" s="12"/>
    </row>
    <row r="129978" spans="8:8">
      <c r="H129978" s="12"/>
    </row>
    <row r="129979" spans="8:8">
      <c r="H129979" s="12"/>
    </row>
    <row r="129980" spans="8:8">
      <c r="H129980" s="12"/>
    </row>
    <row r="129981" spans="8:8">
      <c r="H129981" s="12"/>
    </row>
    <row r="129982" spans="8:8">
      <c r="H129982" s="12"/>
    </row>
    <row r="129983" spans="8:8">
      <c r="H129983" s="12"/>
    </row>
    <row r="129984" spans="8:8">
      <c r="H129984" s="12"/>
    </row>
    <row r="129985" spans="8:8">
      <c r="H129985" s="12"/>
    </row>
    <row r="129986" spans="8:8">
      <c r="H129986" s="12"/>
    </row>
    <row r="129987" spans="8:8">
      <c r="H129987" s="12"/>
    </row>
    <row r="129988" spans="8:8">
      <c r="H129988" s="12"/>
    </row>
    <row r="129989" spans="8:8">
      <c r="H129989" s="12"/>
    </row>
    <row r="129990" spans="8:8">
      <c r="H129990" s="12"/>
    </row>
    <row r="129991" spans="8:8">
      <c r="H129991" s="12"/>
    </row>
    <row r="129992" spans="8:8">
      <c r="H129992" s="12"/>
    </row>
    <row r="129993" spans="8:8">
      <c r="H129993" s="12"/>
    </row>
    <row r="129994" spans="8:8">
      <c r="H129994" s="12"/>
    </row>
    <row r="129995" spans="8:8">
      <c r="H129995" s="12"/>
    </row>
    <row r="129996" spans="8:8">
      <c r="H129996" s="12"/>
    </row>
    <row r="129997" spans="8:8">
      <c r="H129997" s="12"/>
    </row>
    <row r="129998" spans="8:8">
      <c r="H129998" s="12"/>
    </row>
    <row r="129999" spans="8:8">
      <c r="H129999" s="12"/>
    </row>
    <row r="130000" spans="8:8">
      <c r="H130000" s="12"/>
    </row>
    <row r="130001" spans="8:8">
      <c r="H130001" s="12"/>
    </row>
    <row r="130002" spans="8:8">
      <c r="H130002" s="12"/>
    </row>
    <row r="130003" spans="8:8">
      <c r="H130003" s="12"/>
    </row>
    <row r="130004" spans="8:8">
      <c r="H130004" s="12"/>
    </row>
    <row r="130005" spans="8:8">
      <c r="H130005" s="12"/>
    </row>
    <row r="130006" spans="8:8">
      <c r="H130006" s="12"/>
    </row>
    <row r="130007" spans="8:8">
      <c r="H130007" s="12"/>
    </row>
    <row r="130008" spans="8:8">
      <c r="H130008" s="12"/>
    </row>
    <row r="130009" spans="8:8">
      <c r="H130009" s="12"/>
    </row>
    <row r="130010" spans="8:8">
      <c r="H130010" s="12"/>
    </row>
    <row r="130011" spans="8:8">
      <c r="H130011" s="12"/>
    </row>
    <row r="130012" spans="8:8">
      <c r="H130012" s="12"/>
    </row>
    <row r="130013" spans="8:8">
      <c r="H130013" s="12"/>
    </row>
    <row r="130014" spans="8:8">
      <c r="H130014" s="12"/>
    </row>
    <row r="130015" spans="8:8">
      <c r="H130015" s="12"/>
    </row>
    <row r="130016" spans="8:8">
      <c r="H130016" s="12"/>
    </row>
    <row r="130017" spans="8:8">
      <c r="H130017" s="12"/>
    </row>
    <row r="130018" spans="8:8">
      <c r="H130018" s="12"/>
    </row>
    <row r="130019" spans="8:8">
      <c r="H130019" s="12"/>
    </row>
    <row r="130020" spans="8:8">
      <c r="H130020" s="12"/>
    </row>
    <row r="130021" spans="8:8">
      <c r="H130021" s="12"/>
    </row>
    <row r="130022" spans="8:8">
      <c r="H130022" s="12"/>
    </row>
    <row r="130023" spans="8:8">
      <c r="H130023" s="12"/>
    </row>
    <row r="130024" spans="8:8">
      <c r="H130024" s="12"/>
    </row>
    <row r="130025" spans="8:8">
      <c r="H130025" s="12"/>
    </row>
    <row r="130026" spans="8:8">
      <c r="H130026" s="12"/>
    </row>
    <row r="130027" spans="8:8">
      <c r="H130027" s="12"/>
    </row>
    <row r="130028" spans="8:8">
      <c r="H130028" s="12"/>
    </row>
    <row r="130029" spans="8:8">
      <c r="H130029" s="12"/>
    </row>
    <row r="130030" spans="8:8">
      <c r="H130030" s="12"/>
    </row>
    <row r="130031" spans="8:8">
      <c r="H130031" s="12"/>
    </row>
    <row r="130032" spans="8:8">
      <c r="H130032" s="12"/>
    </row>
    <row r="130033" spans="8:8">
      <c r="H130033" s="12"/>
    </row>
    <row r="130034" spans="8:8">
      <c r="H130034" s="12"/>
    </row>
    <row r="130035" spans="8:8">
      <c r="H130035" s="12"/>
    </row>
    <row r="130036" spans="8:8">
      <c r="H130036" s="12"/>
    </row>
    <row r="130037" spans="8:8">
      <c r="H130037" s="12"/>
    </row>
    <row r="130038" spans="8:8">
      <c r="H130038" s="12"/>
    </row>
    <row r="130039" spans="8:8">
      <c r="H130039" s="12"/>
    </row>
    <row r="130040" spans="8:8">
      <c r="H130040" s="12"/>
    </row>
    <row r="130041" spans="8:8">
      <c r="H130041" s="12"/>
    </row>
    <row r="130042" spans="8:8">
      <c r="H130042" s="12"/>
    </row>
    <row r="130043" spans="8:8">
      <c r="H130043" s="12"/>
    </row>
    <row r="130044" spans="8:8">
      <c r="H130044" s="12"/>
    </row>
    <row r="130045" spans="8:8">
      <c r="H130045" s="12"/>
    </row>
    <row r="130046" spans="8:8">
      <c r="H130046" s="12"/>
    </row>
    <row r="130047" spans="8:8">
      <c r="H130047" s="12"/>
    </row>
    <row r="130048" spans="8:8">
      <c r="H130048" s="12"/>
    </row>
    <row r="130049" spans="8:8">
      <c r="H130049" s="12"/>
    </row>
    <row r="130050" spans="8:8">
      <c r="H130050" s="12"/>
    </row>
    <row r="130051" spans="8:8">
      <c r="H130051" s="12"/>
    </row>
    <row r="130052" spans="8:8">
      <c r="H130052" s="12"/>
    </row>
    <row r="130053" spans="8:8">
      <c r="H130053" s="12"/>
    </row>
    <row r="130054" spans="8:8">
      <c r="H130054" s="12"/>
    </row>
    <row r="130055" spans="8:8">
      <c r="H130055" s="12"/>
    </row>
    <row r="130056" spans="8:8">
      <c r="H130056" s="12"/>
    </row>
    <row r="130057" spans="8:8">
      <c r="H130057" s="12"/>
    </row>
    <row r="130058" spans="8:8">
      <c r="H130058" s="12"/>
    </row>
    <row r="130059" spans="8:8">
      <c r="H130059" s="12"/>
    </row>
    <row r="130060" spans="8:8">
      <c r="H130060" s="12"/>
    </row>
    <row r="130061" spans="8:8">
      <c r="H130061" s="12"/>
    </row>
    <row r="130062" spans="8:8">
      <c r="H130062" s="12"/>
    </row>
    <row r="130063" spans="8:8">
      <c r="H130063" s="12"/>
    </row>
    <row r="130064" spans="8:8">
      <c r="H130064" s="12"/>
    </row>
    <row r="130065" spans="8:8">
      <c r="H130065" s="12"/>
    </row>
    <row r="130066" spans="8:8">
      <c r="H130066" s="12"/>
    </row>
    <row r="130067" spans="8:8">
      <c r="H130067" s="12"/>
    </row>
    <row r="130068" spans="8:8">
      <c r="H130068" s="12"/>
    </row>
    <row r="130069" spans="8:8">
      <c r="H130069" s="12"/>
    </row>
    <row r="130070" spans="8:8">
      <c r="H130070" s="12"/>
    </row>
    <row r="130071" spans="8:8">
      <c r="H130071" s="12"/>
    </row>
    <row r="130072" spans="8:8">
      <c r="H130072" s="12"/>
    </row>
    <row r="130073" spans="8:8">
      <c r="H130073" s="12"/>
    </row>
    <row r="130074" spans="8:8">
      <c r="H130074" s="12"/>
    </row>
    <row r="130075" spans="8:8">
      <c r="H130075" s="12"/>
    </row>
    <row r="130076" spans="8:8">
      <c r="H130076" s="12"/>
    </row>
    <row r="130077" spans="8:8">
      <c r="H130077" s="12"/>
    </row>
    <row r="130078" spans="8:8">
      <c r="H130078" s="12"/>
    </row>
    <row r="130079" spans="8:8">
      <c r="H130079" s="12"/>
    </row>
    <row r="130080" spans="8:8">
      <c r="H130080" s="12"/>
    </row>
    <row r="130081" spans="8:8">
      <c r="H130081" s="12"/>
    </row>
    <row r="130082" spans="8:8">
      <c r="H130082" s="12"/>
    </row>
    <row r="130083" spans="8:8">
      <c r="H130083" s="12"/>
    </row>
    <row r="130084" spans="8:8">
      <c r="H130084" s="12"/>
    </row>
    <row r="130085" spans="8:8">
      <c r="H130085" s="12"/>
    </row>
    <row r="130086" spans="8:8">
      <c r="H130086" s="12"/>
    </row>
    <row r="130087" spans="8:8">
      <c r="H130087" s="12"/>
    </row>
    <row r="130088" spans="8:8">
      <c r="H130088" s="12"/>
    </row>
    <row r="130089" spans="8:8">
      <c r="H130089" s="12"/>
    </row>
    <row r="130090" spans="8:8">
      <c r="H130090" s="12"/>
    </row>
    <row r="130091" spans="8:8">
      <c r="H130091" s="12"/>
    </row>
    <row r="130092" spans="8:8">
      <c r="H130092" s="12"/>
    </row>
    <row r="130093" spans="8:8">
      <c r="H130093" s="12"/>
    </row>
    <row r="130094" spans="8:8">
      <c r="H130094" s="12"/>
    </row>
    <row r="130095" spans="8:8">
      <c r="H130095" s="12"/>
    </row>
    <row r="130096" spans="8:8">
      <c r="H130096" s="12"/>
    </row>
    <row r="130097" spans="8:8">
      <c r="H130097" s="12"/>
    </row>
    <row r="130098" spans="8:8">
      <c r="H130098" s="12"/>
    </row>
    <row r="130099" spans="8:8">
      <c r="H130099" s="12"/>
    </row>
    <row r="130100" spans="8:8">
      <c r="H130100" s="12"/>
    </row>
    <row r="130101" spans="8:8">
      <c r="H130101" s="12"/>
    </row>
    <row r="130102" spans="8:8">
      <c r="H130102" s="12"/>
    </row>
    <row r="130103" spans="8:8">
      <c r="H130103" s="12"/>
    </row>
    <row r="130104" spans="8:8">
      <c r="H130104" s="12"/>
    </row>
    <row r="130105" spans="8:8">
      <c r="H130105" s="12"/>
    </row>
    <row r="130106" spans="8:8">
      <c r="H130106" s="12"/>
    </row>
    <row r="130107" spans="8:8">
      <c r="H130107" s="12"/>
    </row>
    <row r="130108" spans="8:8">
      <c r="H130108" s="12"/>
    </row>
    <row r="130109" spans="8:8">
      <c r="H130109" s="12"/>
    </row>
    <row r="130110" spans="8:8">
      <c r="H130110" s="12"/>
    </row>
    <row r="130111" spans="8:8">
      <c r="H130111" s="12"/>
    </row>
    <row r="130112" spans="8:8">
      <c r="H130112" s="12"/>
    </row>
    <row r="130113" spans="8:8">
      <c r="H130113" s="12"/>
    </row>
    <row r="130114" spans="8:8">
      <c r="H130114" s="12"/>
    </row>
    <row r="130115" spans="8:8">
      <c r="H130115" s="12"/>
    </row>
    <row r="130116" spans="8:8">
      <c r="H130116" s="12"/>
    </row>
    <row r="130117" spans="8:8">
      <c r="H130117" s="12"/>
    </row>
    <row r="130118" spans="8:8">
      <c r="H130118" s="12"/>
    </row>
    <row r="130119" spans="8:8">
      <c r="H130119" s="12"/>
    </row>
    <row r="130120" spans="8:8">
      <c r="H130120" s="12"/>
    </row>
    <row r="130121" spans="8:8">
      <c r="H130121" s="12"/>
    </row>
    <row r="130122" spans="8:8">
      <c r="H130122" s="12"/>
    </row>
    <row r="130123" spans="8:8">
      <c r="H130123" s="12"/>
    </row>
    <row r="130124" spans="8:8">
      <c r="H130124" s="12"/>
    </row>
    <row r="130125" spans="8:8">
      <c r="H130125" s="12"/>
    </row>
    <row r="130126" spans="8:8">
      <c r="H130126" s="12"/>
    </row>
    <row r="130127" spans="8:8">
      <c r="H130127" s="12"/>
    </row>
    <row r="130128" spans="8:8">
      <c r="H130128" s="12"/>
    </row>
    <row r="130129" spans="8:8">
      <c r="H130129" s="12"/>
    </row>
    <row r="130130" spans="8:8">
      <c r="H130130" s="12"/>
    </row>
    <row r="130131" spans="8:8">
      <c r="H130131" s="12"/>
    </row>
    <row r="130132" spans="8:8">
      <c r="H130132" s="12"/>
    </row>
    <row r="130133" spans="8:8">
      <c r="H130133" s="12"/>
    </row>
    <row r="130134" spans="8:8">
      <c r="H130134" s="12"/>
    </row>
    <row r="130135" spans="8:8">
      <c r="H130135" s="12"/>
    </row>
    <row r="130136" spans="8:8">
      <c r="H130136" s="12"/>
    </row>
    <row r="130137" spans="8:8">
      <c r="H130137" s="12"/>
    </row>
    <row r="130138" spans="8:8">
      <c r="H130138" s="12"/>
    </row>
    <row r="130139" spans="8:8">
      <c r="H130139" s="12"/>
    </row>
    <row r="130140" spans="8:8">
      <c r="H130140" s="12"/>
    </row>
    <row r="130141" spans="8:8">
      <c r="H130141" s="12"/>
    </row>
    <row r="130142" spans="8:8">
      <c r="H130142" s="12"/>
    </row>
    <row r="130143" spans="8:8">
      <c r="H130143" s="12"/>
    </row>
    <row r="130144" spans="8:8">
      <c r="H130144" s="12"/>
    </row>
    <row r="130145" spans="8:8">
      <c r="H130145" s="12"/>
    </row>
    <row r="130146" spans="8:8">
      <c r="H130146" s="12"/>
    </row>
    <row r="130147" spans="8:8">
      <c r="H130147" s="12"/>
    </row>
    <row r="130148" spans="8:8">
      <c r="H130148" s="12"/>
    </row>
    <row r="130149" spans="8:8">
      <c r="H130149" s="12"/>
    </row>
    <row r="130150" spans="8:8">
      <c r="H130150" s="12"/>
    </row>
    <row r="130151" spans="8:8">
      <c r="H130151" s="12"/>
    </row>
    <row r="130152" spans="8:8">
      <c r="H130152" s="12"/>
    </row>
    <row r="130153" spans="8:8">
      <c r="H130153" s="12"/>
    </row>
    <row r="130154" spans="8:8">
      <c r="H130154" s="12"/>
    </row>
    <row r="130155" spans="8:8">
      <c r="H130155" s="12"/>
    </row>
    <row r="130156" spans="8:8">
      <c r="H130156" s="12"/>
    </row>
    <row r="130157" spans="8:8">
      <c r="H130157" s="12"/>
    </row>
    <row r="130158" spans="8:8">
      <c r="H130158" s="12"/>
    </row>
    <row r="130159" spans="8:8">
      <c r="H130159" s="12"/>
    </row>
    <row r="130160" spans="8:8">
      <c r="H130160" s="12"/>
    </row>
    <row r="130161" spans="8:8">
      <c r="H130161" s="12"/>
    </row>
    <row r="130162" spans="8:8">
      <c r="H130162" s="12"/>
    </row>
    <row r="130163" spans="8:8">
      <c r="H130163" s="12"/>
    </row>
    <row r="130164" spans="8:8">
      <c r="H130164" s="12"/>
    </row>
    <row r="130165" spans="8:8">
      <c r="H130165" s="12"/>
    </row>
    <row r="130166" spans="8:8">
      <c r="H130166" s="12"/>
    </row>
    <row r="130167" spans="8:8">
      <c r="H130167" s="12"/>
    </row>
    <row r="130168" spans="8:8">
      <c r="H130168" s="12"/>
    </row>
    <row r="130169" spans="8:8">
      <c r="H130169" s="12"/>
    </row>
    <row r="130170" spans="8:8">
      <c r="H130170" s="12"/>
    </row>
    <row r="130171" spans="8:8">
      <c r="H130171" s="12"/>
    </row>
    <row r="130172" spans="8:8">
      <c r="H130172" s="12"/>
    </row>
    <row r="130173" spans="8:8">
      <c r="H130173" s="12"/>
    </row>
    <row r="130174" spans="8:8">
      <c r="H130174" s="12"/>
    </row>
    <row r="130175" spans="8:8">
      <c r="H130175" s="12"/>
    </row>
    <row r="130176" spans="8:8">
      <c r="H130176" s="12"/>
    </row>
    <row r="130177" spans="8:8">
      <c r="H130177" s="12"/>
    </row>
    <row r="130178" spans="8:8">
      <c r="H130178" s="12"/>
    </row>
    <row r="130179" spans="8:8">
      <c r="H130179" s="12"/>
    </row>
    <row r="130180" spans="8:8">
      <c r="H130180" s="12"/>
    </row>
    <row r="130181" spans="8:8">
      <c r="H130181" s="12"/>
    </row>
    <row r="130182" spans="8:8">
      <c r="H130182" s="12"/>
    </row>
    <row r="130183" spans="8:8">
      <c r="H130183" s="12"/>
    </row>
    <row r="130184" spans="8:8">
      <c r="H130184" s="12"/>
    </row>
    <row r="130185" spans="8:8">
      <c r="H130185" s="12"/>
    </row>
    <row r="130186" spans="8:8">
      <c r="H130186" s="12"/>
    </row>
    <row r="130187" spans="8:8">
      <c r="H130187" s="12"/>
    </row>
    <row r="130188" spans="8:8">
      <c r="H130188" s="12"/>
    </row>
    <row r="130189" spans="8:8">
      <c r="H130189" s="12"/>
    </row>
    <row r="130190" spans="8:8">
      <c r="H130190" s="12"/>
    </row>
    <row r="130191" spans="8:8">
      <c r="H130191" s="12"/>
    </row>
    <row r="130192" spans="8:8">
      <c r="H130192" s="12"/>
    </row>
    <row r="130193" spans="8:8">
      <c r="H130193" s="12"/>
    </row>
    <row r="130194" spans="8:8">
      <c r="H130194" s="12"/>
    </row>
    <row r="130195" spans="8:8">
      <c r="H130195" s="12"/>
    </row>
    <row r="130196" spans="8:8">
      <c r="H130196" s="12"/>
    </row>
    <row r="130197" spans="8:8">
      <c r="H130197" s="12"/>
    </row>
    <row r="130198" spans="8:8">
      <c r="H130198" s="12"/>
    </row>
    <row r="130199" spans="8:8">
      <c r="H130199" s="12"/>
    </row>
    <row r="130200" spans="8:8">
      <c r="H130200" s="12"/>
    </row>
    <row r="130201" spans="8:8">
      <c r="H130201" s="12"/>
    </row>
    <row r="130202" spans="8:8">
      <c r="H130202" s="12"/>
    </row>
    <row r="130203" spans="8:8">
      <c r="H130203" s="12"/>
    </row>
    <row r="130204" spans="8:8">
      <c r="H130204" s="12"/>
    </row>
    <row r="130205" spans="8:8">
      <c r="H130205" s="12"/>
    </row>
    <row r="130206" spans="8:8">
      <c r="H130206" s="12"/>
    </row>
    <row r="130207" spans="8:8">
      <c r="H130207" s="12"/>
    </row>
    <row r="130208" spans="8:8">
      <c r="H130208" s="12"/>
    </row>
    <row r="130209" spans="8:8">
      <c r="H130209" s="12"/>
    </row>
    <row r="130210" spans="8:8">
      <c r="H130210" s="12"/>
    </row>
    <row r="130211" spans="8:8">
      <c r="H130211" s="12"/>
    </row>
    <row r="130212" spans="8:8">
      <c r="H130212" s="12"/>
    </row>
    <row r="130213" spans="8:8">
      <c r="H130213" s="12"/>
    </row>
    <row r="130214" spans="8:8">
      <c r="H130214" s="12"/>
    </row>
    <row r="130215" spans="8:8">
      <c r="H130215" s="12"/>
    </row>
    <row r="130216" spans="8:8">
      <c r="H130216" s="12"/>
    </row>
    <row r="130217" spans="8:8">
      <c r="H130217" s="12"/>
    </row>
    <row r="130218" spans="8:8">
      <c r="H130218" s="12"/>
    </row>
    <row r="130219" spans="8:8">
      <c r="H130219" s="12"/>
    </row>
    <row r="130220" spans="8:8">
      <c r="H130220" s="12"/>
    </row>
    <row r="130221" spans="8:8">
      <c r="H130221" s="12"/>
    </row>
    <row r="130222" spans="8:8">
      <c r="H130222" s="12"/>
    </row>
    <row r="130223" spans="8:8">
      <c r="H130223" s="12"/>
    </row>
    <row r="130224" spans="8:8">
      <c r="H130224" s="12"/>
    </row>
    <row r="130225" spans="8:8">
      <c r="H130225" s="12"/>
    </row>
    <row r="130226" spans="8:8">
      <c r="H130226" s="12"/>
    </row>
    <row r="130227" spans="8:8">
      <c r="H130227" s="12"/>
    </row>
    <row r="130228" spans="8:8">
      <c r="H130228" s="12"/>
    </row>
    <row r="130229" spans="8:8">
      <c r="H130229" s="12"/>
    </row>
    <row r="130230" spans="8:8">
      <c r="H130230" s="12"/>
    </row>
    <row r="130231" spans="8:8">
      <c r="H130231" s="12"/>
    </row>
    <row r="130232" spans="8:8">
      <c r="H130232" s="12"/>
    </row>
    <row r="130233" spans="8:8">
      <c r="H130233" s="12"/>
    </row>
    <row r="130234" spans="8:8">
      <c r="H130234" s="12"/>
    </row>
    <row r="130235" spans="8:8">
      <c r="H130235" s="12"/>
    </row>
    <row r="130236" spans="8:8">
      <c r="H130236" s="12"/>
    </row>
    <row r="130237" spans="8:8">
      <c r="H130237" s="12"/>
    </row>
    <row r="130238" spans="8:8">
      <c r="H130238" s="12"/>
    </row>
    <row r="130239" spans="8:8">
      <c r="H130239" s="12"/>
    </row>
    <row r="130240" spans="8:8">
      <c r="H130240" s="12"/>
    </row>
    <row r="130241" spans="8:8">
      <c r="H130241" s="12"/>
    </row>
    <row r="130242" spans="8:8">
      <c r="H130242" s="12"/>
    </row>
    <row r="130243" spans="8:8">
      <c r="H130243" s="12"/>
    </row>
    <row r="130244" spans="8:8">
      <c r="H130244" s="12"/>
    </row>
    <row r="130245" spans="8:8">
      <c r="H130245" s="12"/>
    </row>
    <row r="130246" spans="8:8">
      <c r="H130246" s="12"/>
    </row>
    <row r="130247" spans="8:8">
      <c r="H130247" s="12"/>
    </row>
    <row r="130248" spans="8:8">
      <c r="H130248" s="12"/>
    </row>
    <row r="130249" spans="8:8">
      <c r="H130249" s="12"/>
    </row>
    <row r="130250" spans="8:8">
      <c r="H130250" s="12"/>
    </row>
    <row r="130251" spans="8:8">
      <c r="H130251" s="12"/>
    </row>
    <row r="130252" spans="8:8">
      <c r="H130252" s="12"/>
    </row>
    <row r="130253" spans="8:8">
      <c r="H130253" s="12"/>
    </row>
    <row r="130254" spans="8:8">
      <c r="H130254" s="12"/>
    </row>
    <row r="130255" spans="8:8">
      <c r="H130255" s="12"/>
    </row>
    <row r="130256" spans="8:8">
      <c r="H130256" s="12"/>
    </row>
    <row r="130257" spans="8:8">
      <c r="H130257" s="12"/>
    </row>
    <row r="130258" spans="8:8">
      <c r="H130258" s="12"/>
    </row>
    <row r="130259" spans="8:8">
      <c r="H130259" s="12"/>
    </row>
    <row r="130260" spans="8:8">
      <c r="H130260" s="12"/>
    </row>
    <row r="130261" spans="8:8">
      <c r="H130261" s="12"/>
    </row>
    <row r="130262" spans="8:8">
      <c r="H130262" s="12"/>
    </row>
    <row r="130263" spans="8:8">
      <c r="H130263" s="12"/>
    </row>
    <row r="130264" spans="8:8">
      <c r="H130264" s="12"/>
    </row>
    <row r="130265" spans="8:8">
      <c r="H130265" s="12"/>
    </row>
    <row r="130266" spans="8:8">
      <c r="H130266" s="12"/>
    </row>
    <row r="130267" spans="8:8">
      <c r="H130267" s="12"/>
    </row>
    <row r="130268" spans="8:8">
      <c r="H130268" s="12"/>
    </row>
    <row r="130269" spans="8:8">
      <c r="H130269" s="12"/>
    </row>
    <row r="130270" spans="8:8">
      <c r="H130270" s="12"/>
    </row>
    <row r="130271" spans="8:8">
      <c r="H130271" s="12"/>
    </row>
    <row r="130272" spans="8:8">
      <c r="H130272" s="12"/>
    </row>
    <row r="130273" spans="8:8">
      <c r="H130273" s="12"/>
    </row>
    <row r="130274" spans="8:8">
      <c r="H130274" s="12"/>
    </row>
    <row r="130275" spans="8:8">
      <c r="H130275" s="12"/>
    </row>
    <row r="130276" spans="8:8">
      <c r="H130276" s="12"/>
    </row>
    <row r="130277" spans="8:8">
      <c r="H130277" s="12"/>
    </row>
    <row r="130278" spans="8:8">
      <c r="H130278" s="12"/>
    </row>
    <row r="130279" spans="8:8">
      <c r="H130279" s="12"/>
    </row>
    <row r="130280" spans="8:8">
      <c r="H130280" s="12"/>
    </row>
    <row r="130281" spans="8:8">
      <c r="H130281" s="12"/>
    </row>
    <row r="130282" spans="8:8">
      <c r="H130282" s="12"/>
    </row>
    <row r="130283" spans="8:8">
      <c r="H130283" s="12"/>
    </row>
    <row r="130284" spans="8:8">
      <c r="H130284" s="12"/>
    </row>
    <row r="130285" spans="8:8">
      <c r="H130285" s="12"/>
    </row>
    <row r="130286" spans="8:8">
      <c r="H130286" s="12"/>
    </row>
    <row r="130287" spans="8:8">
      <c r="H130287" s="12"/>
    </row>
    <row r="130288" spans="8:8">
      <c r="H130288" s="12"/>
    </row>
    <row r="130289" spans="8:8">
      <c r="H130289" s="12"/>
    </row>
    <row r="130290" spans="8:8">
      <c r="H130290" s="12"/>
    </row>
    <row r="130291" spans="8:8">
      <c r="H130291" s="12"/>
    </row>
    <row r="130292" spans="8:8">
      <c r="H130292" s="12"/>
    </row>
    <row r="130293" spans="8:8">
      <c r="H130293" s="12"/>
    </row>
    <row r="130294" spans="8:8">
      <c r="H130294" s="12"/>
    </row>
    <row r="130295" spans="8:8">
      <c r="H130295" s="12"/>
    </row>
    <row r="130296" spans="8:8">
      <c r="H130296" s="12"/>
    </row>
    <row r="130297" spans="8:8">
      <c r="H130297" s="12"/>
    </row>
    <row r="130298" spans="8:8">
      <c r="H130298" s="12"/>
    </row>
    <row r="130299" spans="8:8">
      <c r="H130299" s="12"/>
    </row>
    <row r="130300" spans="8:8">
      <c r="H130300" s="12"/>
    </row>
    <row r="130301" spans="8:8">
      <c r="H130301" s="12"/>
    </row>
    <row r="130302" spans="8:8">
      <c r="H130302" s="12"/>
    </row>
    <row r="130303" spans="8:8">
      <c r="H130303" s="12"/>
    </row>
    <row r="130304" spans="8:8">
      <c r="H130304" s="12"/>
    </row>
    <row r="130305" spans="8:8">
      <c r="H130305" s="12"/>
    </row>
    <row r="130306" spans="8:8">
      <c r="H130306" s="12"/>
    </row>
    <row r="130307" spans="8:8">
      <c r="H130307" s="12"/>
    </row>
    <row r="130308" spans="8:8">
      <c r="H130308" s="12"/>
    </row>
    <row r="130309" spans="8:8">
      <c r="H130309" s="12"/>
    </row>
    <row r="130310" spans="8:8">
      <c r="H130310" s="12"/>
    </row>
    <row r="130311" spans="8:8">
      <c r="H130311" s="12"/>
    </row>
    <row r="130312" spans="8:8">
      <c r="H130312" s="12"/>
    </row>
    <row r="130313" spans="8:8">
      <c r="H130313" s="12"/>
    </row>
    <row r="130314" spans="8:8">
      <c r="H130314" s="12"/>
    </row>
    <row r="130315" spans="8:8">
      <c r="H130315" s="12"/>
    </row>
    <row r="130316" spans="8:8">
      <c r="H130316" s="12"/>
    </row>
    <row r="130317" spans="8:8">
      <c r="H130317" s="12"/>
    </row>
    <row r="130318" spans="8:8">
      <c r="H130318" s="12"/>
    </row>
    <row r="130319" spans="8:8">
      <c r="H130319" s="12"/>
    </row>
    <row r="130320" spans="8:8">
      <c r="H130320" s="12"/>
    </row>
    <row r="130321" spans="8:8">
      <c r="H130321" s="12"/>
    </row>
    <row r="130322" spans="8:8">
      <c r="H130322" s="12"/>
    </row>
    <row r="130323" spans="8:8">
      <c r="H130323" s="12"/>
    </row>
    <row r="130324" spans="8:8">
      <c r="H130324" s="12"/>
    </row>
    <row r="130325" spans="8:8">
      <c r="H130325" s="12"/>
    </row>
    <row r="130326" spans="8:8">
      <c r="H130326" s="12"/>
    </row>
    <row r="130327" spans="8:8">
      <c r="H130327" s="12"/>
    </row>
    <row r="130328" spans="8:8">
      <c r="H130328" s="12"/>
    </row>
    <row r="130329" spans="8:8">
      <c r="H130329" s="12"/>
    </row>
    <row r="130330" spans="8:8">
      <c r="H130330" s="12"/>
    </row>
    <row r="130331" spans="8:8">
      <c r="H130331" s="12"/>
    </row>
    <row r="130332" spans="8:8">
      <c r="H130332" s="12"/>
    </row>
    <row r="130333" spans="8:8">
      <c r="H130333" s="12"/>
    </row>
    <row r="130334" spans="8:8">
      <c r="H130334" s="12"/>
    </row>
    <row r="130335" spans="8:8">
      <c r="H130335" s="12"/>
    </row>
    <row r="130336" spans="8:8">
      <c r="H130336" s="12"/>
    </row>
    <row r="130337" spans="8:8">
      <c r="H130337" s="12"/>
    </row>
    <row r="130338" spans="8:8">
      <c r="H130338" s="12"/>
    </row>
    <row r="130339" spans="8:8">
      <c r="H130339" s="12"/>
    </row>
    <row r="130340" spans="8:8">
      <c r="H130340" s="12"/>
    </row>
    <row r="130341" spans="8:8">
      <c r="H130341" s="12"/>
    </row>
    <row r="130342" spans="8:8">
      <c r="H130342" s="12"/>
    </row>
    <row r="130343" spans="8:8">
      <c r="H130343" s="12"/>
    </row>
    <row r="130344" spans="8:8">
      <c r="H130344" s="12"/>
    </row>
    <row r="130345" spans="8:8">
      <c r="H130345" s="12"/>
    </row>
    <row r="130346" spans="8:8">
      <c r="H130346" s="12"/>
    </row>
    <row r="130347" spans="8:8">
      <c r="H130347" s="12"/>
    </row>
    <row r="130348" spans="8:8">
      <c r="H130348" s="12"/>
    </row>
    <row r="130349" spans="8:8">
      <c r="H130349" s="12"/>
    </row>
    <row r="130350" spans="8:8">
      <c r="H130350" s="12"/>
    </row>
    <row r="130351" spans="8:8">
      <c r="H130351" s="12"/>
    </row>
    <row r="130352" spans="8:8">
      <c r="H130352" s="12"/>
    </row>
    <row r="130353" spans="8:8">
      <c r="H130353" s="12"/>
    </row>
    <row r="130354" spans="8:8">
      <c r="H130354" s="12"/>
    </row>
    <row r="130355" spans="8:8">
      <c r="H130355" s="12"/>
    </row>
    <row r="130356" spans="8:8">
      <c r="H130356" s="12"/>
    </row>
    <row r="130357" spans="8:8">
      <c r="H130357" s="12"/>
    </row>
    <row r="130358" spans="8:8">
      <c r="H130358" s="12"/>
    </row>
    <row r="130359" spans="8:8">
      <c r="H130359" s="12"/>
    </row>
    <row r="130360" spans="8:8">
      <c r="H130360" s="12"/>
    </row>
    <row r="130361" spans="8:8">
      <c r="H130361" s="12"/>
    </row>
    <row r="130362" spans="8:8">
      <c r="H130362" s="12"/>
    </row>
    <row r="130363" spans="8:8">
      <c r="H130363" s="12"/>
    </row>
    <row r="130364" spans="8:8">
      <c r="H130364" s="12"/>
    </row>
    <row r="130365" spans="8:8">
      <c r="H130365" s="12"/>
    </row>
    <row r="130366" spans="8:8">
      <c r="H130366" s="12"/>
    </row>
    <row r="130367" spans="8:8">
      <c r="H130367" s="12"/>
    </row>
    <row r="130368" spans="8:8">
      <c r="H130368" s="12"/>
    </row>
    <row r="130369" spans="8:8">
      <c r="H130369" s="12"/>
    </row>
    <row r="130370" spans="8:8">
      <c r="H130370" s="12"/>
    </row>
    <row r="130371" spans="8:8">
      <c r="H130371" s="12"/>
    </row>
    <row r="130372" spans="8:8">
      <c r="H130372" s="12"/>
    </row>
    <row r="130373" spans="8:8">
      <c r="H130373" s="12"/>
    </row>
    <row r="130374" spans="8:8">
      <c r="H130374" s="12"/>
    </row>
    <row r="130375" spans="8:8">
      <c r="H130375" s="12"/>
    </row>
    <row r="130376" spans="8:8">
      <c r="H130376" s="12"/>
    </row>
    <row r="130377" spans="8:8">
      <c r="H130377" s="12"/>
    </row>
    <row r="130378" spans="8:8">
      <c r="H130378" s="12"/>
    </row>
    <row r="130379" spans="8:8">
      <c r="H130379" s="12"/>
    </row>
    <row r="130380" spans="8:8">
      <c r="H130380" s="12"/>
    </row>
    <row r="130381" spans="8:8">
      <c r="H130381" s="12"/>
    </row>
    <row r="130382" spans="8:8">
      <c r="H130382" s="12"/>
    </row>
    <row r="130383" spans="8:8">
      <c r="H130383" s="12"/>
    </row>
    <row r="130384" spans="8:8">
      <c r="H130384" s="12"/>
    </row>
    <row r="130385" spans="8:8">
      <c r="H130385" s="12"/>
    </row>
    <row r="130386" spans="8:8">
      <c r="H130386" s="12"/>
    </row>
    <row r="130387" spans="8:8">
      <c r="H130387" s="12"/>
    </row>
    <row r="130388" spans="8:8">
      <c r="H130388" s="12"/>
    </row>
    <row r="130389" spans="8:8">
      <c r="H130389" s="12"/>
    </row>
    <row r="130390" spans="8:8">
      <c r="H130390" s="12"/>
    </row>
    <row r="130391" spans="8:8">
      <c r="H130391" s="12"/>
    </row>
    <row r="130392" spans="8:8">
      <c r="H130392" s="12"/>
    </row>
    <row r="130393" spans="8:8">
      <c r="H130393" s="12"/>
    </row>
    <row r="130394" spans="8:8">
      <c r="H130394" s="12"/>
    </row>
    <row r="130395" spans="8:8">
      <c r="H130395" s="12"/>
    </row>
    <row r="130396" spans="8:8">
      <c r="H130396" s="12"/>
    </row>
    <row r="130397" spans="8:8">
      <c r="H130397" s="12"/>
    </row>
    <row r="130398" spans="8:8">
      <c r="H130398" s="12"/>
    </row>
    <row r="130399" spans="8:8">
      <c r="H130399" s="12"/>
    </row>
    <row r="130400" spans="8:8">
      <c r="H130400" s="12"/>
    </row>
    <row r="130401" spans="8:8">
      <c r="H130401" s="12"/>
    </row>
    <row r="130402" spans="8:8">
      <c r="H130402" s="12"/>
    </row>
    <row r="130403" spans="8:8">
      <c r="H130403" s="12"/>
    </row>
    <row r="130404" spans="8:8">
      <c r="H130404" s="12"/>
    </row>
    <row r="130405" spans="8:8">
      <c r="H130405" s="12"/>
    </row>
    <row r="130406" spans="8:8">
      <c r="H130406" s="12"/>
    </row>
    <row r="130407" spans="8:8">
      <c r="H130407" s="12"/>
    </row>
    <row r="130408" spans="8:8">
      <c r="H130408" s="12"/>
    </row>
    <row r="130409" spans="8:8">
      <c r="H130409" s="12"/>
    </row>
    <row r="130410" spans="8:8">
      <c r="H130410" s="12"/>
    </row>
    <row r="130411" spans="8:8">
      <c r="H130411" s="12"/>
    </row>
    <row r="130412" spans="8:8">
      <c r="H130412" s="12"/>
    </row>
    <row r="130413" spans="8:8">
      <c r="H130413" s="12"/>
    </row>
    <row r="130414" spans="8:8">
      <c r="H130414" s="12"/>
    </row>
    <row r="130415" spans="8:8">
      <c r="H130415" s="12"/>
    </row>
    <row r="130416" spans="8:8">
      <c r="H130416" s="12"/>
    </row>
    <row r="130417" spans="8:8">
      <c r="H130417" s="12"/>
    </row>
    <row r="130418" spans="8:8">
      <c r="H130418" s="12"/>
    </row>
    <row r="130419" spans="8:8">
      <c r="H130419" s="12"/>
    </row>
    <row r="130420" spans="8:8">
      <c r="H130420" s="12"/>
    </row>
    <row r="130421" spans="8:8">
      <c r="H130421" s="12"/>
    </row>
    <row r="130422" spans="8:8">
      <c r="H130422" s="12"/>
    </row>
    <row r="130423" spans="8:8">
      <c r="H130423" s="12"/>
    </row>
    <row r="130424" spans="8:8">
      <c r="H130424" s="12"/>
    </row>
    <row r="130425" spans="8:8">
      <c r="H130425" s="12"/>
    </row>
    <row r="130426" spans="8:8">
      <c r="H130426" s="12"/>
    </row>
    <row r="130427" spans="8:8">
      <c r="H130427" s="12"/>
    </row>
    <row r="130428" spans="8:8">
      <c r="H130428" s="12"/>
    </row>
    <row r="130429" spans="8:8">
      <c r="H130429" s="12"/>
    </row>
    <row r="130430" spans="8:8">
      <c r="H130430" s="12"/>
    </row>
    <row r="130431" spans="8:8">
      <c r="H130431" s="12"/>
    </row>
    <row r="130432" spans="8:8">
      <c r="H130432" s="12"/>
    </row>
    <row r="130433" spans="8:8">
      <c r="H130433" s="12"/>
    </row>
    <row r="130434" spans="8:8">
      <c r="H130434" s="12"/>
    </row>
    <row r="130435" spans="8:8">
      <c r="H130435" s="12"/>
    </row>
    <row r="130436" spans="8:8">
      <c r="H130436" s="12"/>
    </row>
    <row r="130437" spans="8:8">
      <c r="H130437" s="12"/>
    </row>
    <row r="130438" spans="8:8">
      <c r="H130438" s="12"/>
    </row>
    <row r="130439" spans="8:8">
      <c r="H130439" s="12"/>
    </row>
    <row r="130440" spans="8:8">
      <c r="H130440" s="12"/>
    </row>
    <row r="130441" spans="8:8">
      <c r="H130441" s="12"/>
    </row>
    <row r="130442" spans="8:8">
      <c r="H130442" s="12"/>
    </row>
    <row r="130443" spans="8:8">
      <c r="H130443" s="12"/>
    </row>
    <row r="130444" spans="8:8">
      <c r="H130444" s="12"/>
    </row>
    <row r="130445" spans="8:8">
      <c r="H130445" s="12"/>
    </row>
    <row r="130446" spans="8:8">
      <c r="H130446" s="12"/>
    </row>
    <row r="130447" spans="8:8">
      <c r="H130447" s="12"/>
    </row>
    <row r="130448" spans="8:8">
      <c r="H130448" s="12"/>
    </row>
    <row r="130449" spans="8:8">
      <c r="H130449" s="12"/>
    </row>
    <row r="130450" spans="8:8">
      <c r="H130450" s="12"/>
    </row>
    <row r="130451" spans="8:8">
      <c r="H130451" s="12"/>
    </row>
    <row r="130452" spans="8:8">
      <c r="H130452" s="12"/>
    </row>
    <row r="130453" spans="8:8">
      <c r="H130453" s="12"/>
    </row>
    <row r="130454" spans="8:8">
      <c r="H130454" s="12"/>
    </row>
    <row r="130455" spans="8:8">
      <c r="H130455" s="12"/>
    </row>
    <row r="130456" spans="8:8">
      <c r="H130456" s="12"/>
    </row>
    <row r="130457" spans="8:8">
      <c r="H130457" s="12"/>
    </row>
    <row r="130458" spans="8:8">
      <c r="H130458" s="12"/>
    </row>
    <row r="130459" spans="8:8">
      <c r="H130459" s="12"/>
    </row>
    <row r="130460" spans="8:8">
      <c r="H130460" s="12"/>
    </row>
    <row r="130461" spans="8:8">
      <c r="H130461" s="12"/>
    </row>
    <row r="130462" spans="8:8">
      <c r="H130462" s="12"/>
    </row>
    <row r="130463" spans="8:8">
      <c r="H130463" s="12"/>
    </row>
    <row r="130464" spans="8:8">
      <c r="H130464" s="12"/>
    </row>
    <row r="130465" spans="8:8">
      <c r="H130465" s="12"/>
    </row>
    <row r="130466" spans="8:8">
      <c r="H130466" s="12"/>
    </row>
    <row r="130467" spans="8:8">
      <c r="H130467" s="12"/>
    </row>
    <row r="130468" spans="8:8">
      <c r="H130468" s="12"/>
    </row>
    <row r="130469" spans="8:8">
      <c r="H130469" s="12"/>
    </row>
    <row r="130470" spans="8:8">
      <c r="H130470" s="12"/>
    </row>
    <row r="130471" spans="8:8">
      <c r="H130471" s="12"/>
    </row>
    <row r="130472" spans="8:8">
      <c r="H130472" s="12"/>
    </row>
    <row r="130473" spans="8:8">
      <c r="H130473" s="12"/>
    </row>
    <row r="130474" spans="8:8">
      <c r="H130474" s="12"/>
    </row>
    <row r="130475" spans="8:8">
      <c r="H130475" s="12"/>
    </row>
    <row r="130476" spans="8:8">
      <c r="H130476" s="12"/>
    </row>
    <row r="130477" spans="8:8">
      <c r="H130477" s="12"/>
    </row>
    <row r="130478" spans="8:8">
      <c r="H130478" s="12"/>
    </row>
    <row r="130479" spans="8:8">
      <c r="H130479" s="12"/>
    </row>
    <row r="130480" spans="8:8">
      <c r="H130480" s="12"/>
    </row>
    <row r="130481" spans="8:8">
      <c r="H130481" s="12"/>
    </row>
    <row r="130482" spans="8:8">
      <c r="H130482" s="12"/>
    </row>
    <row r="130483" spans="8:8">
      <c r="H130483" s="12"/>
    </row>
    <row r="130484" spans="8:8">
      <c r="H130484" s="12"/>
    </row>
    <row r="130485" spans="8:8">
      <c r="H130485" s="12"/>
    </row>
    <row r="130486" spans="8:8">
      <c r="H130486" s="12"/>
    </row>
    <row r="130487" spans="8:8">
      <c r="H130487" s="12"/>
    </row>
    <row r="130488" spans="8:8">
      <c r="H130488" s="12"/>
    </row>
    <row r="130489" spans="8:8">
      <c r="H130489" s="12"/>
    </row>
    <row r="130490" spans="8:8">
      <c r="H130490" s="12"/>
    </row>
    <row r="130491" spans="8:8">
      <c r="H130491" s="12"/>
    </row>
    <row r="130492" spans="8:8">
      <c r="H130492" s="12"/>
    </row>
    <row r="130493" spans="8:8">
      <c r="H130493" s="12"/>
    </row>
    <row r="130494" spans="8:8">
      <c r="H130494" s="12"/>
    </row>
    <row r="130495" spans="8:8">
      <c r="H130495" s="12"/>
    </row>
    <row r="130496" spans="8:8">
      <c r="H130496" s="12"/>
    </row>
    <row r="130497" spans="8:8">
      <c r="H130497" s="12"/>
    </row>
    <row r="130498" spans="8:8">
      <c r="H130498" s="12"/>
    </row>
    <row r="130499" spans="8:8">
      <c r="H130499" s="12"/>
    </row>
    <row r="130500" spans="8:8">
      <c r="H130500" s="12"/>
    </row>
    <row r="130501" spans="8:8">
      <c r="H130501" s="12"/>
    </row>
    <row r="130502" spans="8:8">
      <c r="H130502" s="12"/>
    </row>
    <row r="130503" spans="8:8">
      <c r="H130503" s="12"/>
    </row>
    <row r="130504" spans="8:8">
      <c r="H130504" s="12"/>
    </row>
    <row r="130505" spans="8:8">
      <c r="H130505" s="12"/>
    </row>
    <row r="130506" spans="8:8">
      <c r="H130506" s="12"/>
    </row>
    <row r="130507" spans="8:8">
      <c r="H130507" s="12"/>
    </row>
    <row r="130508" spans="8:8">
      <c r="H130508" s="12"/>
    </row>
    <row r="130509" spans="8:8">
      <c r="H130509" s="12"/>
    </row>
    <row r="130510" spans="8:8">
      <c r="H130510" s="12"/>
    </row>
    <row r="130511" spans="8:8">
      <c r="H130511" s="12"/>
    </row>
    <row r="130512" spans="8:8">
      <c r="H130512" s="12"/>
    </row>
    <row r="130513" spans="8:8">
      <c r="H130513" s="12"/>
    </row>
    <row r="130514" spans="8:8">
      <c r="H130514" s="12"/>
    </row>
    <row r="130515" spans="8:8">
      <c r="H130515" s="12"/>
    </row>
    <row r="130516" spans="8:8">
      <c r="H130516" s="12"/>
    </row>
    <row r="130517" spans="8:8">
      <c r="H130517" s="12"/>
    </row>
    <row r="130518" spans="8:8">
      <c r="H130518" s="12"/>
    </row>
    <row r="130519" spans="8:8">
      <c r="H130519" s="12"/>
    </row>
    <row r="130520" spans="8:8">
      <c r="H130520" s="12"/>
    </row>
    <row r="130521" spans="8:8">
      <c r="H130521" s="12"/>
    </row>
    <row r="130522" spans="8:8">
      <c r="H130522" s="12"/>
    </row>
    <row r="130523" spans="8:8">
      <c r="H130523" s="12"/>
    </row>
    <row r="130524" spans="8:8">
      <c r="H130524" s="12"/>
    </row>
    <row r="130525" spans="8:8">
      <c r="H130525" s="12"/>
    </row>
    <row r="130526" spans="8:8">
      <c r="H130526" s="12"/>
    </row>
    <row r="130527" spans="8:8">
      <c r="H130527" s="12"/>
    </row>
    <row r="130528" spans="8:8">
      <c r="H130528" s="12"/>
    </row>
    <row r="130529" spans="8:8">
      <c r="H130529" s="12"/>
    </row>
    <row r="130530" spans="8:8">
      <c r="H130530" s="12"/>
    </row>
    <row r="130531" spans="8:8">
      <c r="H130531" s="12"/>
    </row>
    <row r="130532" spans="8:8">
      <c r="H130532" s="12"/>
    </row>
    <row r="130533" spans="8:8">
      <c r="H130533" s="12"/>
    </row>
    <row r="130534" spans="8:8">
      <c r="H130534" s="12"/>
    </row>
    <row r="130535" spans="8:8">
      <c r="H130535" s="12"/>
    </row>
    <row r="130536" spans="8:8">
      <c r="H130536" s="12"/>
    </row>
    <row r="130537" spans="8:8">
      <c r="H130537" s="12"/>
    </row>
    <row r="130538" spans="8:8">
      <c r="H130538" s="12"/>
    </row>
    <row r="130539" spans="8:8">
      <c r="H130539" s="12"/>
    </row>
    <row r="130540" spans="8:8">
      <c r="H130540" s="12"/>
    </row>
    <row r="130541" spans="8:8">
      <c r="H130541" s="12"/>
    </row>
    <row r="130542" spans="8:8">
      <c r="H130542" s="12"/>
    </row>
    <row r="130543" spans="8:8">
      <c r="H130543" s="12"/>
    </row>
    <row r="130544" spans="8:8">
      <c r="H130544" s="12"/>
    </row>
    <row r="130545" spans="8:8">
      <c r="H130545" s="12"/>
    </row>
    <row r="130546" spans="8:8">
      <c r="H130546" s="12"/>
    </row>
    <row r="130547" spans="8:8">
      <c r="H130547" s="12"/>
    </row>
    <row r="130548" spans="8:8">
      <c r="H130548" s="12"/>
    </row>
    <row r="130549" spans="8:8">
      <c r="H130549" s="12"/>
    </row>
    <row r="130550" spans="8:8">
      <c r="H130550" s="12"/>
    </row>
    <row r="130551" spans="8:8">
      <c r="H130551" s="12"/>
    </row>
    <row r="130552" spans="8:8">
      <c r="H130552" s="12"/>
    </row>
    <row r="130553" spans="8:8">
      <c r="H130553" s="12"/>
    </row>
    <row r="130554" spans="8:8">
      <c r="H130554" s="12"/>
    </row>
    <row r="130555" spans="8:8">
      <c r="H130555" s="12"/>
    </row>
    <row r="130556" spans="8:8">
      <c r="H130556" s="12"/>
    </row>
    <row r="130557" spans="8:8">
      <c r="H130557" s="12"/>
    </row>
    <row r="130558" spans="8:8">
      <c r="H130558" s="12"/>
    </row>
    <row r="130559" spans="8:8">
      <c r="H130559" s="12"/>
    </row>
    <row r="130560" spans="8:8">
      <c r="H130560" s="12"/>
    </row>
    <row r="130561" spans="8:8">
      <c r="H130561" s="12"/>
    </row>
    <row r="130562" spans="8:8">
      <c r="H130562" s="12"/>
    </row>
    <row r="130563" spans="8:8">
      <c r="H130563" s="12"/>
    </row>
    <row r="130564" spans="8:8">
      <c r="H130564" s="12"/>
    </row>
    <row r="130565" spans="8:8">
      <c r="H130565" s="12"/>
    </row>
    <row r="130566" spans="8:8">
      <c r="H130566" s="12"/>
    </row>
    <row r="130567" spans="8:8">
      <c r="H130567" s="12"/>
    </row>
    <row r="130568" spans="8:8">
      <c r="H130568" s="12"/>
    </row>
    <row r="130569" spans="8:8">
      <c r="H130569" s="12"/>
    </row>
    <row r="130570" spans="8:8">
      <c r="H130570" s="12"/>
    </row>
    <row r="130571" spans="8:8">
      <c r="H130571" s="12"/>
    </row>
    <row r="130572" spans="8:8">
      <c r="H130572" s="12"/>
    </row>
    <row r="130573" spans="8:8">
      <c r="H130573" s="12"/>
    </row>
    <row r="130574" spans="8:8">
      <c r="H130574" s="12"/>
    </row>
    <row r="130575" spans="8:8">
      <c r="H130575" s="12"/>
    </row>
    <row r="130576" spans="8:8">
      <c r="H130576" s="12"/>
    </row>
    <row r="130577" spans="8:8">
      <c r="H130577" s="12"/>
    </row>
    <row r="130578" spans="8:8">
      <c r="H130578" s="12"/>
    </row>
    <row r="130579" spans="8:8">
      <c r="H130579" s="12"/>
    </row>
    <row r="130580" spans="8:8">
      <c r="H130580" s="12"/>
    </row>
    <row r="130581" spans="8:8">
      <c r="H130581" s="12"/>
    </row>
    <row r="130582" spans="8:8">
      <c r="H130582" s="12"/>
    </row>
    <row r="130583" spans="8:8">
      <c r="H130583" s="12"/>
    </row>
    <row r="130584" spans="8:8">
      <c r="H130584" s="12"/>
    </row>
    <row r="130585" spans="8:8">
      <c r="H130585" s="12"/>
    </row>
    <row r="130586" spans="8:8">
      <c r="H130586" s="12"/>
    </row>
    <row r="130587" spans="8:8">
      <c r="H130587" s="12"/>
    </row>
    <row r="130588" spans="8:8">
      <c r="H130588" s="12"/>
    </row>
    <row r="130589" spans="8:8">
      <c r="H130589" s="12"/>
    </row>
    <row r="130590" spans="8:8">
      <c r="H130590" s="12"/>
    </row>
    <row r="130591" spans="8:8">
      <c r="H130591" s="12"/>
    </row>
    <row r="130592" spans="8:8">
      <c r="H130592" s="12"/>
    </row>
    <row r="130593" spans="8:8">
      <c r="H130593" s="12"/>
    </row>
    <row r="130594" spans="8:8">
      <c r="H130594" s="12"/>
    </row>
    <row r="130595" spans="8:8">
      <c r="H130595" s="12"/>
    </row>
    <row r="130596" spans="8:8">
      <c r="H130596" s="12"/>
    </row>
    <row r="130597" spans="8:8">
      <c r="H130597" s="12"/>
    </row>
    <row r="130598" spans="8:8">
      <c r="H130598" s="12"/>
    </row>
    <row r="130599" spans="8:8">
      <c r="H130599" s="12"/>
    </row>
    <row r="130600" spans="8:8">
      <c r="H130600" s="12"/>
    </row>
    <row r="130601" spans="8:8">
      <c r="H130601" s="12"/>
    </row>
    <row r="130602" spans="8:8">
      <c r="H130602" s="12"/>
    </row>
    <row r="130603" spans="8:8">
      <c r="H130603" s="12"/>
    </row>
    <row r="130604" spans="8:8">
      <c r="H130604" s="12"/>
    </row>
    <row r="130605" spans="8:8">
      <c r="H130605" s="12"/>
    </row>
    <row r="130606" spans="8:8">
      <c r="H130606" s="12"/>
    </row>
    <row r="130607" spans="8:8">
      <c r="H130607" s="12"/>
    </row>
    <row r="130608" spans="8:8">
      <c r="H130608" s="12"/>
    </row>
    <row r="130609" spans="8:8">
      <c r="H130609" s="12"/>
    </row>
    <row r="130610" spans="8:8">
      <c r="H130610" s="12"/>
    </row>
    <row r="130611" spans="8:8">
      <c r="H130611" s="12"/>
    </row>
    <row r="130612" spans="8:8">
      <c r="H130612" s="12"/>
    </row>
    <row r="130613" spans="8:8">
      <c r="H130613" s="12"/>
    </row>
    <row r="130614" spans="8:8">
      <c r="H130614" s="12"/>
    </row>
    <row r="130615" spans="8:8">
      <c r="H130615" s="12"/>
    </row>
    <row r="130616" spans="8:8">
      <c r="H130616" s="12"/>
    </row>
    <row r="130617" spans="8:8">
      <c r="H130617" s="12"/>
    </row>
    <row r="130618" spans="8:8">
      <c r="H130618" s="12"/>
    </row>
    <row r="130619" spans="8:8">
      <c r="H130619" s="12"/>
    </row>
    <row r="130620" spans="8:8">
      <c r="H130620" s="12"/>
    </row>
    <row r="130621" spans="8:8">
      <c r="H130621" s="12"/>
    </row>
    <row r="130622" spans="8:8">
      <c r="H130622" s="12"/>
    </row>
    <row r="130623" spans="8:8">
      <c r="H130623" s="12"/>
    </row>
    <row r="130624" spans="8:8">
      <c r="H130624" s="12"/>
    </row>
    <row r="130625" spans="8:8">
      <c r="H130625" s="12"/>
    </row>
    <row r="130626" spans="8:8">
      <c r="H130626" s="12"/>
    </row>
    <row r="130627" spans="8:8">
      <c r="H130627" s="12"/>
    </row>
    <row r="130628" spans="8:8">
      <c r="H130628" s="12"/>
    </row>
    <row r="130629" spans="8:8">
      <c r="H130629" s="12"/>
    </row>
    <row r="130630" spans="8:8">
      <c r="H130630" s="12"/>
    </row>
    <row r="130631" spans="8:8">
      <c r="H130631" s="12"/>
    </row>
    <row r="130632" spans="8:8">
      <c r="H130632" s="12"/>
    </row>
    <row r="130633" spans="8:8">
      <c r="H130633" s="12"/>
    </row>
    <row r="130634" spans="8:8">
      <c r="H130634" s="12"/>
    </row>
    <row r="130635" spans="8:8">
      <c r="H130635" s="12"/>
    </row>
    <row r="130636" spans="8:8">
      <c r="H130636" s="12"/>
    </row>
    <row r="130637" spans="8:8">
      <c r="H130637" s="12"/>
    </row>
    <row r="130638" spans="8:8">
      <c r="H130638" s="12"/>
    </row>
    <row r="130639" spans="8:8">
      <c r="H130639" s="12"/>
    </row>
    <row r="130640" spans="8:8">
      <c r="H130640" s="12"/>
    </row>
    <row r="130641" spans="8:8">
      <c r="H130641" s="12"/>
    </row>
    <row r="130642" spans="8:8">
      <c r="H130642" s="12"/>
    </row>
    <row r="130643" spans="8:8">
      <c r="H130643" s="12"/>
    </row>
    <row r="130644" spans="8:8">
      <c r="H130644" s="12"/>
    </row>
    <row r="130645" spans="8:8">
      <c r="H130645" s="12"/>
    </row>
    <row r="130646" spans="8:8">
      <c r="H130646" s="12"/>
    </row>
    <row r="130647" spans="8:8">
      <c r="H130647" s="12"/>
    </row>
    <row r="130648" spans="8:8">
      <c r="H130648" s="12"/>
    </row>
    <row r="130649" spans="8:8">
      <c r="H130649" s="12"/>
    </row>
    <row r="130650" spans="8:8">
      <c r="H130650" s="12"/>
    </row>
    <row r="130651" spans="8:8">
      <c r="H130651" s="12"/>
    </row>
    <row r="130652" spans="8:8">
      <c r="H130652" s="12"/>
    </row>
    <row r="130653" spans="8:8">
      <c r="H130653" s="12"/>
    </row>
    <row r="130654" spans="8:8">
      <c r="H130654" s="12"/>
    </row>
    <row r="130655" spans="8:8">
      <c r="H130655" s="12"/>
    </row>
    <row r="130656" spans="8:8">
      <c r="H130656" s="12"/>
    </row>
    <row r="130657" spans="8:8">
      <c r="H130657" s="12"/>
    </row>
    <row r="130658" spans="8:8">
      <c r="H130658" s="12"/>
    </row>
    <row r="130659" spans="8:8">
      <c r="H130659" s="12"/>
    </row>
    <row r="130660" spans="8:8">
      <c r="H130660" s="12"/>
    </row>
    <row r="130661" spans="8:8">
      <c r="H130661" s="12"/>
    </row>
    <row r="130662" spans="8:8">
      <c r="H130662" s="12"/>
    </row>
    <row r="130663" spans="8:8">
      <c r="H130663" s="12"/>
    </row>
    <row r="130664" spans="8:8">
      <c r="H130664" s="12"/>
    </row>
    <row r="130665" spans="8:8">
      <c r="H130665" s="12"/>
    </row>
    <row r="130666" spans="8:8">
      <c r="H130666" s="12"/>
    </row>
    <row r="130667" spans="8:8">
      <c r="H130667" s="12"/>
    </row>
    <row r="130668" spans="8:8">
      <c r="H130668" s="12"/>
    </row>
    <row r="130669" spans="8:8">
      <c r="H130669" s="12"/>
    </row>
    <row r="130670" spans="8:8">
      <c r="H130670" s="12"/>
    </row>
    <row r="130671" spans="8:8">
      <c r="H130671" s="12"/>
    </row>
    <row r="130672" spans="8:8">
      <c r="H130672" s="12"/>
    </row>
    <row r="130673" spans="8:8">
      <c r="H130673" s="12"/>
    </row>
    <row r="130674" spans="8:8">
      <c r="H130674" s="12"/>
    </row>
    <row r="130675" spans="8:8">
      <c r="H130675" s="12"/>
    </row>
    <row r="130676" spans="8:8">
      <c r="H130676" s="12"/>
    </row>
    <row r="130677" spans="8:8">
      <c r="H130677" s="12"/>
    </row>
    <row r="130678" spans="8:8">
      <c r="H130678" s="12"/>
    </row>
    <row r="130679" spans="8:8">
      <c r="H130679" s="12"/>
    </row>
    <row r="130680" spans="8:8">
      <c r="H130680" s="12"/>
    </row>
    <row r="130681" spans="8:8">
      <c r="H130681" s="12"/>
    </row>
    <row r="130682" spans="8:8">
      <c r="H130682" s="12"/>
    </row>
    <row r="130683" spans="8:8">
      <c r="H130683" s="12"/>
    </row>
    <row r="130684" spans="8:8">
      <c r="H130684" s="12"/>
    </row>
    <row r="130685" spans="8:8">
      <c r="H130685" s="12"/>
    </row>
    <row r="130686" spans="8:8">
      <c r="H130686" s="12"/>
    </row>
    <row r="130687" spans="8:8">
      <c r="H130687" s="12"/>
    </row>
    <row r="130688" spans="8:8">
      <c r="H130688" s="12"/>
    </row>
    <row r="130689" spans="8:8">
      <c r="H130689" s="12"/>
    </row>
    <row r="130690" spans="8:8">
      <c r="H130690" s="12"/>
    </row>
    <row r="130691" spans="8:8">
      <c r="H130691" s="12"/>
    </row>
    <row r="130692" spans="8:8">
      <c r="H130692" s="12"/>
    </row>
    <row r="130693" spans="8:8">
      <c r="H130693" s="12"/>
    </row>
    <row r="130694" spans="8:8">
      <c r="H130694" s="12"/>
    </row>
    <row r="130695" spans="8:8">
      <c r="H130695" s="12"/>
    </row>
    <row r="130696" spans="8:8">
      <c r="H130696" s="12"/>
    </row>
    <row r="130697" spans="8:8">
      <c r="H130697" s="12"/>
    </row>
    <row r="130698" spans="8:8">
      <c r="H130698" s="12"/>
    </row>
    <row r="130699" spans="8:8">
      <c r="H130699" s="12"/>
    </row>
    <row r="130700" spans="8:8">
      <c r="H130700" s="12"/>
    </row>
    <row r="130701" spans="8:8">
      <c r="H130701" s="12"/>
    </row>
    <row r="130702" spans="8:8">
      <c r="H130702" s="12"/>
    </row>
    <row r="130703" spans="8:8">
      <c r="H130703" s="12"/>
    </row>
    <row r="130704" spans="8:8">
      <c r="H130704" s="12"/>
    </row>
    <row r="130705" spans="8:8">
      <c r="H130705" s="12"/>
    </row>
    <row r="130706" spans="8:8">
      <c r="H130706" s="12"/>
    </row>
    <row r="130707" spans="8:8">
      <c r="H130707" s="12"/>
    </row>
    <row r="130708" spans="8:8">
      <c r="H130708" s="12"/>
    </row>
    <row r="130709" spans="8:8">
      <c r="H130709" s="12"/>
    </row>
    <row r="130710" spans="8:8">
      <c r="H130710" s="12"/>
    </row>
    <row r="130711" spans="8:8">
      <c r="H130711" s="12"/>
    </row>
    <row r="130712" spans="8:8">
      <c r="H130712" s="12"/>
    </row>
    <row r="130713" spans="8:8">
      <c r="H130713" s="12"/>
    </row>
    <row r="130714" spans="8:8">
      <c r="H130714" s="12"/>
    </row>
    <row r="130715" spans="8:8">
      <c r="H130715" s="12"/>
    </row>
    <row r="130716" spans="8:8">
      <c r="H130716" s="12"/>
    </row>
    <row r="130717" spans="8:8">
      <c r="H130717" s="12"/>
    </row>
    <row r="130718" spans="8:8">
      <c r="H130718" s="12"/>
    </row>
    <row r="130719" spans="8:8">
      <c r="H130719" s="12"/>
    </row>
    <row r="130720" spans="8:8">
      <c r="H130720" s="12"/>
    </row>
    <row r="130721" spans="8:8">
      <c r="H130721" s="12"/>
    </row>
    <row r="130722" spans="8:8">
      <c r="H130722" s="12"/>
    </row>
    <row r="130723" spans="8:8">
      <c r="H130723" s="12"/>
    </row>
    <row r="130724" spans="8:8">
      <c r="H130724" s="12"/>
    </row>
    <row r="130725" spans="8:8">
      <c r="H130725" s="12"/>
    </row>
    <row r="130726" spans="8:8">
      <c r="H130726" s="12"/>
    </row>
    <row r="130727" spans="8:8">
      <c r="H130727" s="12"/>
    </row>
    <row r="130728" spans="8:8">
      <c r="H130728" s="12"/>
    </row>
    <row r="130729" spans="8:8">
      <c r="H130729" s="12"/>
    </row>
    <row r="130730" spans="8:8">
      <c r="H130730" s="12"/>
    </row>
    <row r="130731" spans="8:8">
      <c r="H130731" s="12"/>
    </row>
    <row r="130732" spans="8:8">
      <c r="H130732" s="12"/>
    </row>
    <row r="130733" spans="8:8">
      <c r="H130733" s="12"/>
    </row>
    <row r="130734" spans="8:8">
      <c r="H130734" s="12"/>
    </row>
    <row r="130735" spans="8:8">
      <c r="H130735" s="12"/>
    </row>
    <row r="130736" spans="8:8">
      <c r="H130736" s="12"/>
    </row>
    <row r="130737" spans="8:8">
      <c r="H130737" s="12"/>
    </row>
    <row r="130738" spans="8:8">
      <c r="H130738" s="12"/>
    </row>
    <row r="130739" spans="8:8">
      <c r="H130739" s="12"/>
    </row>
    <row r="130740" spans="8:8">
      <c r="H130740" s="12"/>
    </row>
    <row r="130741" spans="8:8">
      <c r="H130741" s="12"/>
    </row>
    <row r="130742" spans="8:8">
      <c r="H130742" s="12"/>
    </row>
    <row r="130743" spans="8:8">
      <c r="H130743" s="12"/>
    </row>
    <row r="130744" spans="8:8">
      <c r="H130744" s="12"/>
    </row>
    <row r="130745" spans="8:8">
      <c r="H130745" s="12"/>
    </row>
    <row r="130746" spans="8:8">
      <c r="H130746" s="12"/>
    </row>
    <row r="130747" spans="8:8">
      <c r="H130747" s="12"/>
    </row>
    <row r="130748" spans="8:8">
      <c r="H130748" s="12"/>
    </row>
    <row r="130749" spans="8:8">
      <c r="H130749" s="12"/>
    </row>
    <row r="130750" spans="8:8">
      <c r="H130750" s="12"/>
    </row>
    <row r="130751" spans="8:8">
      <c r="H130751" s="12"/>
    </row>
    <row r="130752" spans="8:8">
      <c r="H130752" s="12"/>
    </row>
    <row r="130753" spans="8:8">
      <c r="H130753" s="12"/>
    </row>
    <row r="130754" spans="8:8">
      <c r="H130754" s="12"/>
    </row>
    <row r="130755" spans="8:8">
      <c r="H130755" s="12"/>
    </row>
    <row r="130756" spans="8:8">
      <c r="H130756" s="12"/>
    </row>
    <row r="130757" spans="8:8">
      <c r="H130757" s="12"/>
    </row>
    <row r="130758" spans="8:8">
      <c r="H130758" s="12"/>
    </row>
    <row r="130759" spans="8:8">
      <c r="H130759" s="12"/>
    </row>
    <row r="130760" spans="8:8">
      <c r="H130760" s="12"/>
    </row>
    <row r="130761" spans="8:8">
      <c r="H130761" s="12"/>
    </row>
    <row r="130762" spans="8:8">
      <c r="H130762" s="12"/>
    </row>
    <row r="130763" spans="8:8">
      <c r="H130763" s="12"/>
    </row>
    <row r="130764" spans="8:8">
      <c r="H130764" s="12"/>
    </row>
    <row r="130765" spans="8:8">
      <c r="H130765" s="12"/>
    </row>
    <row r="130766" spans="8:8">
      <c r="H130766" s="12"/>
    </row>
    <row r="130767" spans="8:8">
      <c r="H130767" s="12"/>
    </row>
    <row r="130768" spans="8:8">
      <c r="H130768" s="12"/>
    </row>
    <row r="130769" spans="8:8">
      <c r="H130769" s="12"/>
    </row>
    <row r="130770" spans="8:8">
      <c r="H130770" s="12"/>
    </row>
    <row r="130771" spans="8:8">
      <c r="H130771" s="12"/>
    </row>
    <row r="130772" spans="8:8">
      <c r="H130772" s="12"/>
    </row>
    <row r="130773" spans="8:8">
      <c r="H130773" s="12"/>
    </row>
    <row r="130774" spans="8:8">
      <c r="H130774" s="12"/>
    </row>
    <row r="130775" spans="8:8">
      <c r="H130775" s="12"/>
    </row>
    <row r="130776" spans="8:8">
      <c r="H130776" s="12"/>
    </row>
    <row r="130777" spans="8:8">
      <c r="H130777" s="12"/>
    </row>
    <row r="130778" spans="8:8">
      <c r="H130778" s="12"/>
    </row>
    <row r="130779" spans="8:8">
      <c r="H130779" s="12"/>
    </row>
    <row r="130780" spans="8:8">
      <c r="H130780" s="12"/>
    </row>
    <row r="130781" spans="8:8">
      <c r="H130781" s="12"/>
    </row>
    <row r="130782" spans="8:8">
      <c r="H130782" s="12"/>
    </row>
    <row r="130783" spans="8:8">
      <c r="H130783" s="12"/>
    </row>
    <row r="130784" spans="8:8">
      <c r="H130784" s="12"/>
    </row>
    <row r="130785" spans="8:8">
      <c r="H130785" s="12"/>
    </row>
    <row r="130786" spans="8:8">
      <c r="H130786" s="12"/>
    </row>
    <row r="130787" spans="8:8">
      <c r="H130787" s="12"/>
    </row>
    <row r="130788" spans="8:8">
      <c r="H130788" s="12"/>
    </row>
    <row r="130789" spans="8:8">
      <c r="H130789" s="12"/>
    </row>
    <row r="130790" spans="8:8">
      <c r="H130790" s="12"/>
    </row>
    <row r="130791" spans="8:8">
      <c r="H130791" s="12"/>
    </row>
    <row r="130792" spans="8:8">
      <c r="H130792" s="12"/>
    </row>
    <row r="130793" spans="8:8">
      <c r="H130793" s="12"/>
    </row>
    <row r="130794" spans="8:8">
      <c r="H130794" s="12"/>
    </row>
    <row r="130795" spans="8:8">
      <c r="H130795" s="12"/>
    </row>
    <row r="130796" spans="8:8">
      <c r="H130796" s="12"/>
    </row>
    <row r="130797" spans="8:8">
      <c r="H130797" s="12"/>
    </row>
    <row r="130798" spans="8:8">
      <c r="H130798" s="12"/>
    </row>
    <row r="130799" spans="8:8">
      <c r="H130799" s="12"/>
    </row>
    <row r="130800" spans="8:8">
      <c r="H130800" s="12"/>
    </row>
    <row r="130801" spans="8:8">
      <c r="H130801" s="12"/>
    </row>
    <row r="130802" spans="8:8">
      <c r="H130802" s="12"/>
    </row>
    <row r="130803" spans="8:8">
      <c r="H130803" s="12"/>
    </row>
    <row r="130804" spans="8:8">
      <c r="H130804" s="12"/>
    </row>
    <row r="130805" spans="8:8">
      <c r="H130805" s="12"/>
    </row>
    <row r="130806" spans="8:8">
      <c r="H130806" s="12"/>
    </row>
    <row r="130807" spans="8:8">
      <c r="H130807" s="12"/>
    </row>
    <row r="130808" spans="8:8">
      <c r="H130808" s="12"/>
    </row>
    <row r="130809" spans="8:8">
      <c r="H130809" s="12"/>
    </row>
    <row r="130810" spans="8:8">
      <c r="H130810" s="12"/>
    </row>
    <row r="130811" spans="8:8">
      <c r="H130811" s="12"/>
    </row>
    <row r="130812" spans="8:8">
      <c r="H130812" s="12"/>
    </row>
    <row r="130813" spans="8:8">
      <c r="H130813" s="12"/>
    </row>
    <row r="130814" spans="8:8">
      <c r="H130814" s="12"/>
    </row>
    <row r="130815" spans="8:8">
      <c r="H130815" s="12"/>
    </row>
    <row r="130816" spans="8:8">
      <c r="H130816" s="12"/>
    </row>
    <row r="130817" spans="8:8">
      <c r="H130817" s="12"/>
    </row>
    <row r="130818" spans="8:8">
      <c r="H130818" s="12"/>
    </row>
    <row r="130819" spans="8:8">
      <c r="H130819" s="12"/>
    </row>
    <row r="130820" spans="8:8">
      <c r="H130820" s="12"/>
    </row>
    <row r="130821" spans="8:8">
      <c r="H130821" s="12"/>
    </row>
    <row r="130822" spans="8:8">
      <c r="H130822" s="12"/>
    </row>
    <row r="130823" spans="8:8">
      <c r="H130823" s="12"/>
    </row>
    <row r="130824" spans="8:8">
      <c r="H130824" s="12"/>
    </row>
    <row r="130825" spans="8:8">
      <c r="H130825" s="12"/>
    </row>
    <row r="130826" spans="8:8">
      <c r="H130826" s="12"/>
    </row>
    <row r="130827" spans="8:8">
      <c r="H130827" s="12"/>
    </row>
    <row r="130828" spans="8:8">
      <c r="H130828" s="12"/>
    </row>
    <row r="130829" spans="8:8">
      <c r="H130829" s="12"/>
    </row>
    <row r="130830" spans="8:8">
      <c r="H130830" s="12"/>
    </row>
    <row r="130831" spans="8:8">
      <c r="H130831" s="12"/>
    </row>
    <row r="130832" spans="8:8">
      <c r="H130832" s="12"/>
    </row>
    <row r="130833" spans="8:8">
      <c r="H130833" s="12"/>
    </row>
    <row r="130834" spans="8:8">
      <c r="H130834" s="12"/>
    </row>
    <row r="130835" spans="8:8">
      <c r="H130835" s="12"/>
    </row>
    <row r="130836" spans="8:8">
      <c r="H130836" s="12"/>
    </row>
    <row r="130837" spans="8:8">
      <c r="H130837" s="12"/>
    </row>
    <row r="130838" spans="8:8">
      <c r="H130838" s="12"/>
    </row>
    <row r="130839" spans="8:8">
      <c r="H130839" s="12"/>
    </row>
    <row r="130840" spans="8:8">
      <c r="H130840" s="12"/>
    </row>
    <row r="130841" spans="8:8">
      <c r="H130841" s="12"/>
    </row>
    <row r="130842" spans="8:8">
      <c r="H130842" s="12"/>
    </row>
    <row r="130843" spans="8:8">
      <c r="H130843" s="12"/>
    </row>
    <row r="130844" spans="8:8">
      <c r="H130844" s="12"/>
    </row>
    <row r="130845" spans="8:8">
      <c r="H130845" s="12"/>
    </row>
    <row r="130846" spans="8:8">
      <c r="H130846" s="12"/>
    </row>
    <row r="130847" spans="8:8">
      <c r="H130847" s="12"/>
    </row>
    <row r="130848" spans="8:8">
      <c r="H130848" s="12"/>
    </row>
    <row r="130849" spans="8:8">
      <c r="H130849" s="12"/>
    </row>
    <row r="130850" spans="8:8">
      <c r="H130850" s="12"/>
    </row>
    <row r="130851" spans="8:8">
      <c r="H130851" s="12"/>
    </row>
    <row r="130852" spans="8:8">
      <c r="H130852" s="12"/>
    </row>
    <row r="130853" spans="8:8">
      <c r="H130853" s="12"/>
    </row>
    <row r="130854" spans="8:8">
      <c r="H130854" s="12"/>
    </row>
    <row r="130855" spans="8:8">
      <c r="H130855" s="12"/>
    </row>
    <row r="130856" spans="8:8">
      <c r="H130856" s="12"/>
    </row>
    <row r="130857" spans="8:8">
      <c r="H130857" s="12"/>
    </row>
    <row r="130858" spans="8:8">
      <c r="H130858" s="12"/>
    </row>
    <row r="130859" spans="8:8">
      <c r="H130859" s="12"/>
    </row>
    <row r="130860" spans="8:8">
      <c r="H130860" s="12"/>
    </row>
    <row r="130861" spans="8:8">
      <c r="H130861" s="12"/>
    </row>
    <row r="130862" spans="8:8">
      <c r="H130862" s="12"/>
    </row>
    <row r="130863" spans="8:8">
      <c r="H130863" s="12"/>
    </row>
    <row r="130864" spans="8:8">
      <c r="H130864" s="12"/>
    </row>
    <row r="130865" spans="8:8">
      <c r="H130865" s="12"/>
    </row>
    <row r="130866" spans="8:8">
      <c r="H130866" s="12"/>
    </row>
    <row r="130867" spans="8:8">
      <c r="H130867" s="12"/>
    </row>
    <row r="130868" spans="8:8">
      <c r="H130868" s="12"/>
    </row>
    <row r="130869" spans="8:8">
      <c r="H130869" s="12"/>
    </row>
    <row r="130870" spans="8:8">
      <c r="H130870" s="12"/>
    </row>
    <row r="130871" spans="8:8">
      <c r="H130871" s="12"/>
    </row>
    <row r="130872" spans="8:8">
      <c r="H130872" s="12"/>
    </row>
    <row r="130873" spans="8:8">
      <c r="H130873" s="12"/>
    </row>
    <row r="130874" spans="8:8">
      <c r="H130874" s="12"/>
    </row>
    <row r="130875" spans="8:8">
      <c r="H130875" s="12"/>
    </row>
    <row r="130876" spans="8:8">
      <c r="H130876" s="12"/>
    </row>
    <row r="130877" spans="8:8">
      <c r="H130877" s="12"/>
    </row>
    <row r="130878" spans="8:8">
      <c r="H130878" s="12"/>
    </row>
    <row r="130879" spans="8:8">
      <c r="H130879" s="12"/>
    </row>
    <row r="130880" spans="8:8">
      <c r="H130880" s="12"/>
    </row>
    <row r="130881" spans="8:8">
      <c r="H130881" s="12"/>
    </row>
    <row r="130882" spans="8:8">
      <c r="H130882" s="12"/>
    </row>
    <row r="130883" spans="8:8">
      <c r="H130883" s="12"/>
    </row>
    <row r="130884" spans="8:8">
      <c r="H130884" s="12"/>
    </row>
    <row r="130885" spans="8:8">
      <c r="H130885" s="12"/>
    </row>
    <row r="130886" spans="8:8">
      <c r="H130886" s="12"/>
    </row>
    <row r="130887" spans="8:8">
      <c r="H130887" s="12"/>
    </row>
    <row r="130888" spans="8:8">
      <c r="H130888" s="12"/>
    </row>
    <row r="130889" spans="8:8">
      <c r="H130889" s="12"/>
    </row>
    <row r="130890" spans="8:8">
      <c r="H130890" s="12"/>
    </row>
    <row r="130891" spans="8:8">
      <c r="H130891" s="12"/>
    </row>
    <row r="130892" spans="8:8">
      <c r="H130892" s="12"/>
    </row>
    <row r="130893" spans="8:8">
      <c r="H130893" s="12"/>
    </row>
    <row r="130894" spans="8:8">
      <c r="H130894" s="12"/>
    </row>
    <row r="130895" spans="8:8">
      <c r="H130895" s="12"/>
    </row>
    <row r="130896" spans="8:8">
      <c r="H130896" s="12"/>
    </row>
    <row r="130897" spans="8:8">
      <c r="H130897" s="12"/>
    </row>
    <row r="130898" spans="8:8">
      <c r="H130898" s="12"/>
    </row>
    <row r="130899" spans="8:8">
      <c r="H130899" s="12"/>
    </row>
    <row r="130900" spans="8:8">
      <c r="H130900" s="12"/>
    </row>
    <row r="130901" spans="8:8">
      <c r="H130901" s="12"/>
    </row>
    <row r="130902" spans="8:8">
      <c r="H130902" s="12"/>
    </row>
    <row r="130903" spans="8:8">
      <c r="H130903" s="12"/>
    </row>
    <row r="130904" spans="8:8">
      <c r="H130904" s="12"/>
    </row>
    <row r="130905" spans="8:8">
      <c r="H130905" s="12"/>
    </row>
    <row r="130906" spans="8:8">
      <c r="H130906" s="12"/>
    </row>
    <row r="130907" spans="8:8">
      <c r="H130907" s="12"/>
    </row>
    <row r="130908" spans="8:8">
      <c r="H130908" s="12"/>
    </row>
    <row r="130909" spans="8:8">
      <c r="H130909" s="12"/>
    </row>
    <row r="130910" spans="8:8">
      <c r="H130910" s="12"/>
    </row>
    <row r="130911" spans="8:8">
      <c r="H130911" s="12"/>
    </row>
    <row r="130912" spans="8:8">
      <c r="H130912" s="12"/>
    </row>
    <row r="130913" spans="8:8">
      <c r="H130913" s="12"/>
    </row>
    <row r="130914" spans="8:8">
      <c r="H130914" s="12"/>
    </row>
    <row r="130915" spans="8:8">
      <c r="H130915" s="12"/>
    </row>
    <row r="130916" spans="8:8">
      <c r="H130916" s="12"/>
    </row>
    <row r="130917" spans="8:8">
      <c r="H130917" s="12"/>
    </row>
    <row r="130918" spans="8:8">
      <c r="H130918" s="12"/>
    </row>
    <row r="130919" spans="8:8">
      <c r="H130919" s="12"/>
    </row>
    <row r="130920" spans="8:8">
      <c r="H130920" s="12"/>
    </row>
    <row r="130921" spans="8:8">
      <c r="H130921" s="12"/>
    </row>
    <row r="130922" spans="8:8">
      <c r="H130922" s="12"/>
    </row>
    <row r="130923" spans="8:8">
      <c r="H130923" s="12"/>
    </row>
    <row r="130924" spans="8:8">
      <c r="H130924" s="12"/>
    </row>
    <row r="130925" spans="8:8">
      <c r="H130925" s="12"/>
    </row>
    <row r="130926" spans="8:8">
      <c r="H130926" s="12"/>
    </row>
    <row r="130927" spans="8:8">
      <c r="H130927" s="12"/>
    </row>
    <row r="130928" spans="8:8">
      <c r="H130928" s="12"/>
    </row>
    <row r="130929" spans="8:8">
      <c r="H130929" s="12"/>
    </row>
    <row r="130930" spans="8:8">
      <c r="H130930" s="12"/>
    </row>
    <row r="130931" spans="8:8">
      <c r="H130931" s="12"/>
    </row>
    <row r="130932" spans="8:8">
      <c r="H130932" s="12"/>
    </row>
    <row r="130933" spans="8:8">
      <c r="H130933" s="12"/>
    </row>
    <row r="130934" spans="8:8">
      <c r="H130934" s="12"/>
    </row>
    <row r="130935" spans="8:8">
      <c r="H130935" s="12"/>
    </row>
    <row r="130936" spans="8:8">
      <c r="H130936" s="12"/>
    </row>
    <row r="130937" spans="8:8">
      <c r="H130937" s="12"/>
    </row>
    <row r="130938" spans="8:8">
      <c r="H130938" s="12"/>
    </row>
    <row r="130939" spans="8:8">
      <c r="H130939" s="12"/>
    </row>
    <row r="130940" spans="8:8">
      <c r="H130940" s="12"/>
    </row>
    <row r="130941" spans="8:8">
      <c r="H130941" s="12"/>
    </row>
    <row r="130942" spans="8:8">
      <c r="H130942" s="12"/>
    </row>
    <row r="130943" spans="8:8">
      <c r="H130943" s="12"/>
    </row>
    <row r="130944" spans="8:8">
      <c r="H130944" s="12"/>
    </row>
    <row r="130945" spans="8:8">
      <c r="H130945" s="12"/>
    </row>
    <row r="130946" spans="8:8">
      <c r="H130946" s="12"/>
    </row>
    <row r="130947" spans="8:8">
      <c r="H130947" s="12"/>
    </row>
    <row r="130948" spans="8:8">
      <c r="H130948" s="12"/>
    </row>
    <row r="130949" spans="8:8">
      <c r="H130949" s="12"/>
    </row>
    <row r="130950" spans="8:8">
      <c r="H130950" s="12"/>
    </row>
    <row r="130951" spans="8:8">
      <c r="H130951" s="12"/>
    </row>
    <row r="130952" spans="8:8">
      <c r="H130952" s="12"/>
    </row>
    <row r="130953" spans="8:8">
      <c r="H130953" s="12"/>
    </row>
    <row r="130954" spans="8:8">
      <c r="H130954" s="12"/>
    </row>
    <row r="130955" spans="8:8">
      <c r="H130955" s="12"/>
    </row>
    <row r="130956" spans="8:8">
      <c r="H130956" s="12"/>
    </row>
    <row r="130957" spans="8:8">
      <c r="H130957" s="12"/>
    </row>
    <row r="130958" spans="8:8">
      <c r="H130958" s="12"/>
    </row>
    <row r="130959" spans="8:8">
      <c r="H130959" s="12"/>
    </row>
    <row r="130960" spans="8:8">
      <c r="H130960" s="12"/>
    </row>
    <row r="130961" spans="8:8">
      <c r="H130961" s="12"/>
    </row>
    <row r="130962" spans="8:8">
      <c r="H130962" s="12"/>
    </row>
    <row r="130963" spans="8:8">
      <c r="H130963" s="12"/>
    </row>
    <row r="130964" spans="8:8">
      <c r="H130964" s="12"/>
    </row>
    <row r="130965" spans="8:8">
      <c r="H130965" s="12"/>
    </row>
    <row r="130966" spans="8:8">
      <c r="H130966" s="12"/>
    </row>
    <row r="130967" spans="8:8">
      <c r="H130967" s="12"/>
    </row>
    <row r="130968" spans="8:8">
      <c r="H130968" s="12"/>
    </row>
    <row r="130969" spans="8:8">
      <c r="H130969" s="12"/>
    </row>
    <row r="130970" spans="8:8">
      <c r="H130970" s="12"/>
    </row>
    <row r="130971" spans="8:8">
      <c r="H130971" s="12"/>
    </row>
    <row r="130972" spans="8:8">
      <c r="H130972" s="12"/>
    </row>
    <row r="130973" spans="8:8">
      <c r="H130973" s="12"/>
    </row>
    <row r="130974" spans="8:8">
      <c r="H130974" s="12"/>
    </row>
    <row r="130975" spans="8:8">
      <c r="H130975" s="12"/>
    </row>
    <row r="130976" spans="8:8">
      <c r="H130976" s="12"/>
    </row>
    <row r="130977" spans="8:8">
      <c r="H130977" s="12"/>
    </row>
    <row r="130978" spans="8:8">
      <c r="H130978" s="12"/>
    </row>
    <row r="130979" spans="8:8">
      <c r="H130979" s="12"/>
    </row>
    <row r="130980" spans="8:8">
      <c r="H130980" s="12"/>
    </row>
    <row r="130981" spans="8:8">
      <c r="H130981" s="12"/>
    </row>
    <row r="130982" spans="8:8">
      <c r="H130982" s="12"/>
    </row>
    <row r="130983" spans="8:8">
      <c r="H130983" s="12"/>
    </row>
    <row r="130984" spans="8:8">
      <c r="H130984" s="12"/>
    </row>
    <row r="130985" spans="8:8">
      <c r="H130985" s="12"/>
    </row>
    <row r="130986" spans="8:8">
      <c r="H130986" s="12"/>
    </row>
    <row r="130987" spans="8:8">
      <c r="H130987" s="12"/>
    </row>
    <row r="130988" spans="8:8">
      <c r="H130988" s="12"/>
    </row>
    <row r="130989" spans="8:8">
      <c r="H130989" s="12"/>
    </row>
    <row r="130990" spans="8:8">
      <c r="H130990" s="12"/>
    </row>
    <row r="130991" spans="8:8">
      <c r="H130991" s="12"/>
    </row>
    <row r="130992" spans="8:8">
      <c r="H130992" s="12"/>
    </row>
    <row r="130993" spans="8:8">
      <c r="H130993" s="12"/>
    </row>
    <row r="130994" spans="8:8">
      <c r="H130994" s="12"/>
    </row>
    <row r="130995" spans="8:8">
      <c r="H130995" s="12"/>
    </row>
    <row r="130996" spans="8:8">
      <c r="H130996" s="12"/>
    </row>
    <row r="130997" spans="8:8">
      <c r="H130997" s="12"/>
    </row>
    <row r="130998" spans="8:8">
      <c r="H130998" s="12"/>
    </row>
    <row r="130999" spans="8:8">
      <c r="H130999" s="12"/>
    </row>
    <row r="131000" spans="8:8">
      <c r="H131000" s="12"/>
    </row>
    <row r="131001" spans="8:8">
      <c r="H131001" s="12"/>
    </row>
    <row r="131002" spans="8:8">
      <c r="H131002" s="12"/>
    </row>
    <row r="131003" spans="8:8">
      <c r="H131003" s="12"/>
    </row>
    <row r="131004" spans="8:8">
      <c r="H131004" s="12"/>
    </row>
    <row r="131005" spans="8:8">
      <c r="H131005" s="12"/>
    </row>
    <row r="131006" spans="8:8">
      <c r="H131006" s="12"/>
    </row>
    <row r="131007" spans="8:8">
      <c r="H131007" s="12"/>
    </row>
    <row r="131008" spans="8:8">
      <c r="H131008" s="12"/>
    </row>
    <row r="131009" spans="8:8">
      <c r="H131009" s="12"/>
    </row>
    <row r="131010" spans="8:8">
      <c r="H131010" s="12"/>
    </row>
    <row r="131011" spans="8:8">
      <c r="H131011" s="12"/>
    </row>
    <row r="131012" spans="8:8">
      <c r="H131012" s="12"/>
    </row>
    <row r="131013" spans="8:8">
      <c r="H131013" s="12"/>
    </row>
    <row r="131014" spans="8:8">
      <c r="H131014" s="12"/>
    </row>
    <row r="131015" spans="8:8">
      <c r="H131015" s="12"/>
    </row>
    <row r="131016" spans="8:8">
      <c r="H131016" s="12"/>
    </row>
    <row r="131017" spans="8:8">
      <c r="H131017" s="12"/>
    </row>
    <row r="131018" spans="8:8">
      <c r="H131018" s="12"/>
    </row>
    <row r="131019" spans="8:8">
      <c r="H131019" s="12"/>
    </row>
    <row r="131020" spans="8:8">
      <c r="H131020" s="12"/>
    </row>
    <row r="131021" spans="8:8">
      <c r="H131021" s="12"/>
    </row>
    <row r="131022" spans="8:8">
      <c r="H131022" s="12"/>
    </row>
    <row r="131023" spans="8:8">
      <c r="H131023" s="12"/>
    </row>
    <row r="131024" spans="8:8">
      <c r="H131024" s="12"/>
    </row>
    <row r="131025" spans="8:8">
      <c r="H131025" s="12"/>
    </row>
    <row r="131026" spans="8:8">
      <c r="H131026" s="12"/>
    </row>
    <row r="131027" spans="8:8">
      <c r="H131027" s="12"/>
    </row>
    <row r="131028" spans="8:8">
      <c r="H131028" s="12"/>
    </row>
    <row r="131029" spans="8:8">
      <c r="H131029" s="12"/>
    </row>
    <row r="131030" spans="8:8">
      <c r="H131030" s="12"/>
    </row>
    <row r="131031" spans="8:8">
      <c r="H131031" s="12"/>
    </row>
    <row r="131032" spans="8:8">
      <c r="H131032" s="12"/>
    </row>
    <row r="131033" spans="8:8">
      <c r="H131033" s="12"/>
    </row>
    <row r="131034" spans="8:8">
      <c r="H131034" s="12"/>
    </row>
    <row r="131035" spans="8:8">
      <c r="H131035" s="12"/>
    </row>
    <row r="131036" spans="8:8">
      <c r="H131036" s="12"/>
    </row>
    <row r="131037" spans="8:8">
      <c r="H131037" s="12"/>
    </row>
    <row r="131038" spans="8:8">
      <c r="H131038" s="12"/>
    </row>
    <row r="131039" spans="8:8">
      <c r="H131039" s="12"/>
    </row>
    <row r="131040" spans="8:8">
      <c r="H131040" s="12"/>
    </row>
    <row r="131041" spans="8:8">
      <c r="H131041" s="12"/>
    </row>
    <row r="131042" spans="8:8">
      <c r="H131042" s="12"/>
    </row>
    <row r="131043" spans="8:8">
      <c r="H131043" s="12"/>
    </row>
    <row r="131044" spans="8:8">
      <c r="H131044" s="12"/>
    </row>
    <row r="131045" spans="8:8">
      <c r="H131045" s="12"/>
    </row>
    <row r="131046" spans="8:8">
      <c r="H131046" s="12"/>
    </row>
    <row r="131047" spans="8:8">
      <c r="H131047" s="12"/>
    </row>
    <row r="131048" spans="8:8">
      <c r="H131048" s="12"/>
    </row>
    <row r="131049" spans="8:8">
      <c r="H131049" s="12"/>
    </row>
    <row r="131050" spans="8:8">
      <c r="H131050" s="12"/>
    </row>
    <row r="131051" spans="8:8">
      <c r="H131051" s="12"/>
    </row>
    <row r="131052" spans="8:8">
      <c r="H131052" s="12"/>
    </row>
    <row r="131053" spans="8:8">
      <c r="H131053" s="12"/>
    </row>
    <row r="131054" spans="8:8">
      <c r="H131054" s="12"/>
    </row>
    <row r="131055" spans="8:8">
      <c r="H131055" s="12"/>
    </row>
    <row r="131056" spans="8:8">
      <c r="H131056" s="12"/>
    </row>
    <row r="131057" spans="8:8">
      <c r="H131057" s="12"/>
    </row>
    <row r="131058" spans="8:8">
      <c r="H131058" s="12"/>
    </row>
    <row r="131059" spans="8:8">
      <c r="H131059" s="12"/>
    </row>
    <row r="131060" spans="8:8">
      <c r="H131060" s="12"/>
    </row>
    <row r="131061" spans="8:8">
      <c r="H131061" s="12"/>
    </row>
    <row r="131062" spans="8:8">
      <c r="H131062" s="12"/>
    </row>
    <row r="131063" spans="8:8">
      <c r="H131063" s="12"/>
    </row>
    <row r="131064" spans="8:8">
      <c r="H131064" s="12"/>
    </row>
    <row r="131065" spans="8:8">
      <c r="H131065" s="12"/>
    </row>
    <row r="131066" spans="8:8">
      <c r="H131066" s="12"/>
    </row>
    <row r="131067" spans="8:8">
      <c r="H131067" s="12"/>
    </row>
    <row r="131068" spans="8:8">
      <c r="H131068" s="12"/>
    </row>
    <row r="131069" spans="8:8">
      <c r="H131069" s="12"/>
    </row>
    <row r="131070" spans="8:8">
      <c r="H131070" s="12"/>
    </row>
    <row r="131071" spans="8:8">
      <c r="H131071" s="12"/>
    </row>
    <row r="131072" spans="8:8">
      <c r="H131072" s="12"/>
    </row>
    <row r="131073" spans="8:8">
      <c r="H131073" s="12"/>
    </row>
    <row r="131074" spans="8:8">
      <c r="H131074" s="12"/>
    </row>
    <row r="131075" spans="8:8">
      <c r="H131075" s="12"/>
    </row>
    <row r="131076" spans="8:8">
      <c r="H131076" s="12"/>
    </row>
    <row r="131077" spans="8:8">
      <c r="H131077" s="12"/>
    </row>
    <row r="131078" spans="8:8">
      <c r="H131078" s="12"/>
    </row>
    <row r="131079" spans="8:8">
      <c r="H131079" s="12"/>
    </row>
    <row r="131080" spans="8:8">
      <c r="H131080" s="12"/>
    </row>
    <row r="131081" spans="8:8">
      <c r="H131081" s="12"/>
    </row>
    <row r="131082" spans="8:8">
      <c r="H131082" s="12"/>
    </row>
    <row r="131083" spans="8:8">
      <c r="H131083" s="12"/>
    </row>
    <row r="131084" spans="8:8">
      <c r="H131084" s="12"/>
    </row>
    <row r="131085" spans="8:8">
      <c r="H131085" s="12"/>
    </row>
    <row r="131086" spans="8:8">
      <c r="H131086" s="12"/>
    </row>
    <row r="131087" spans="8:8">
      <c r="H131087" s="12"/>
    </row>
    <row r="131088" spans="8:8">
      <c r="H131088" s="12"/>
    </row>
    <row r="131089" spans="8:8">
      <c r="H131089" s="12"/>
    </row>
    <row r="131090" spans="8:8">
      <c r="H131090" s="12"/>
    </row>
    <row r="131091" spans="8:8">
      <c r="H131091" s="12"/>
    </row>
    <row r="131092" spans="8:8">
      <c r="H131092" s="12"/>
    </row>
    <row r="131093" spans="8:8">
      <c r="H131093" s="12"/>
    </row>
    <row r="131094" spans="8:8">
      <c r="H131094" s="12"/>
    </row>
    <row r="131095" spans="8:8">
      <c r="H131095" s="12"/>
    </row>
    <row r="131096" spans="8:8">
      <c r="H131096" s="12"/>
    </row>
    <row r="131097" spans="8:8">
      <c r="H131097" s="12"/>
    </row>
    <row r="131098" spans="8:8">
      <c r="H131098" s="12"/>
    </row>
    <row r="131099" spans="8:8">
      <c r="H131099" s="12"/>
    </row>
    <row r="131100" spans="8:8">
      <c r="H131100" s="12"/>
    </row>
    <row r="131101" spans="8:8">
      <c r="H131101" s="12"/>
    </row>
    <row r="131102" spans="8:8">
      <c r="H131102" s="12"/>
    </row>
    <row r="131103" spans="8:8">
      <c r="H131103" s="12"/>
    </row>
    <row r="131104" spans="8:8">
      <c r="H131104" s="12"/>
    </row>
    <row r="131105" spans="8:8">
      <c r="H131105" s="12"/>
    </row>
    <row r="131106" spans="8:8">
      <c r="H131106" s="12"/>
    </row>
    <row r="131107" spans="8:8">
      <c r="H131107" s="12"/>
    </row>
    <row r="131108" spans="8:8">
      <c r="H131108" s="12"/>
    </row>
    <row r="131109" spans="8:8">
      <c r="H131109" s="12"/>
    </row>
    <row r="131110" spans="8:8">
      <c r="H131110" s="12"/>
    </row>
    <row r="131111" spans="8:8">
      <c r="H131111" s="12"/>
    </row>
    <row r="131112" spans="8:8">
      <c r="H131112" s="12"/>
    </row>
    <row r="131113" spans="8:8">
      <c r="H131113" s="12"/>
    </row>
    <row r="131114" spans="8:8">
      <c r="H131114" s="12"/>
    </row>
    <row r="131115" spans="8:8">
      <c r="H131115" s="12"/>
    </row>
    <row r="131116" spans="8:8">
      <c r="H131116" s="12"/>
    </row>
    <row r="131117" spans="8:8">
      <c r="H131117" s="12"/>
    </row>
    <row r="131118" spans="8:8">
      <c r="H131118" s="12"/>
    </row>
    <row r="131119" spans="8:8">
      <c r="H131119" s="12"/>
    </row>
    <row r="131120" spans="8:8">
      <c r="H131120" s="12"/>
    </row>
    <row r="131121" spans="8:8">
      <c r="H131121" s="12"/>
    </row>
    <row r="131122" spans="8:8">
      <c r="H131122" s="12"/>
    </row>
    <row r="131123" spans="8:8">
      <c r="H131123" s="12"/>
    </row>
    <row r="131124" spans="8:8">
      <c r="H131124" s="12"/>
    </row>
    <row r="131125" spans="8:8">
      <c r="H131125" s="12"/>
    </row>
    <row r="131126" spans="8:8">
      <c r="H131126" s="12"/>
    </row>
    <row r="131127" spans="8:8">
      <c r="H131127" s="12"/>
    </row>
    <row r="131128" spans="8:8">
      <c r="H131128" s="12"/>
    </row>
    <row r="131129" spans="8:8">
      <c r="H131129" s="12"/>
    </row>
    <row r="131130" spans="8:8">
      <c r="H131130" s="12"/>
    </row>
    <row r="131131" spans="8:8">
      <c r="H131131" s="12"/>
    </row>
    <row r="131132" spans="8:8">
      <c r="H131132" s="12"/>
    </row>
    <row r="131133" spans="8:8">
      <c r="H131133" s="12"/>
    </row>
    <row r="131134" spans="8:8">
      <c r="H131134" s="12"/>
    </row>
    <row r="131135" spans="8:8">
      <c r="H131135" s="12"/>
    </row>
    <row r="131136" spans="8:8">
      <c r="H131136" s="12"/>
    </row>
    <row r="131137" spans="8:8">
      <c r="H131137" s="12"/>
    </row>
    <row r="131138" spans="8:8">
      <c r="H131138" s="12"/>
    </row>
    <row r="131139" spans="8:8">
      <c r="H131139" s="12"/>
    </row>
    <row r="131140" spans="8:8">
      <c r="H131140" s="12"/>
    </row>
    <row r="131141" spans="8:8">
      <c r="H131141" s="12"/>
    </row>
    <row r="131142" spans="8:8">
      <c r="H131142" s="12"/>
    </row>
    <row r="131143" spans="8:8">
      <c r="H131143" s="12"/>
    </row>
    <row r="131144" spans="8:8">
      <c r="H131144" s="12"/>
    </row>
    <row r="131145" spans="8:8">
      <c r="H131145" s="12"/>
    </row>
    <row r="131146" spans="8:8">
      <c r="H131146" s="12"/>
    </row>
    <row r="131147" spans="8:8">
      <c r="H131147" s="12"/>
    </row>
    <row r="131148" spans="8:8">
      <c r="H131148" s="12"/>
    </row>
    <row r="131149" spans="8:8">
      <c r="H131149" s="12"/>
    </row>
    <row r="131150" spans="8:8">
      <c r="H131150" s="12"/>
    </row>
    <row r="131151" spans="8:8">
      <c r="H131151" s="12"/>
    </row>
    <row r="131152" spans="8:8">
      <c r="H131152" s="12"/>
    </row>
    <row r="131153" spans="8:8">
      <c r="H131153" s="12"/>
    </row>
    <row r="131154" spans="8:8">
      <c r="H131154" s="12"/>
    </row>
    <row r="131155" spans="8:8">
      <c r="H131155" s="12"/>
    </row>
    <row r="131156" spans="8:8">
      <c r="H131156" s="12"/>
    </row>
    <row r="131157" spans="8:8">
      <c r="H131157" s="12"/>
    </row>
    <row r="131158" spans="8:8">
      <c r="H131158" s="12"/>
    </row>
    <row r="131159" spans="8:8">
      <c r="H131159" s="12"/>
    </row>
    <row r="131160" spans="8:8">
      <c r="H131160" s="12"/>
    </row>
    <row r="131161" spans="8:8">
      <c r="H131161" s="12"/>
    </row>
    <row r="131162" spans="8:8">
      <c r="H131162" s="12"/>
    </row>
    <row r="131163" spans="8:8">
      <c r="H131163" s="12"/>
    </row>
    <row r="131164" spans="8:8">
      <c r="H131164" s="12"/>
    </row>
    <row r="131165" spans="8:8">
      <c r="H131165" s="12"/>
    </row>
    <row r="131166" spans="8:8">
      <c r="H131166" s="12"/>
    </row>
    <row r="131167" spans="8:8">
      <c r="H131167" s="12"/>
    </row>
    <row r="131168" spans="8:8">
      <c r="H131168" s="12"/>
    </row>
    <row r="131169" spans="8:8">
      <c r="H131169" s="12"/>
    </row>
    <row r="131170" spans="8:8">
      <c r="H131170" s="12"/>
    </row>
    <row r="131171" spans="8:8">
      <c r="H131171" s="12"/>
    </row>
    <row r="131172" spans="8:8">
      <c r="H131172" s="12"/>
    </row>
    <row r="131173" spans="8:8">
      <c r="H131173" s="12"/>
    </row>
    <row r="131174" spans="8:8">
      <c r="H131174" s="12"/>
    </row>
    <row r="131175" spans="8:8">
      <c r="H131175" s="12"/>
    </row>
    <row r="131176" spans="8:8">
      <c r="H131176" s="12"/>
    </row>
    <row r="131177" spans="8:8">
      <c r="H131177" s="12"/>
    </row>
    <row r="131178" spans="8:8">
      <c r="H131178" s="12"/>
    </row>
    <row r="131179" spans="8:8">
      <c r="H131179" s="12"/>
    </row>
    <row r="131180" spans="8:8">
      <c r="H131180" s="12"/>
    </row>
    <row r="131181" spans="8:8">
      <c r="H131181" s="12"/>
    </row>
    <row r="131182" spans="8:8">
      <c r="H131182" s="12"/>
    </row>
    <row r="131183" spans="8:8">
      <c r="H131183" s="12"/>
    </row>
    <row r="131184" spans="8:8">
      <c r="H131184" s="12"/>
    </row>
    <row r="131185" spans="8:8">
      <c r="H131185" s="12"/>
    </row>
    <row r="131186" spans="8:8">
      <c r="H131186" s="12"/>
    </row>
    <row r="131187" spans="8:8">
      <c r="H131187" s="12"/>
    </row>
    <row r="131188" spans="8:8">
      <c r="H131188" s="12"/>
    </row>
    <row r="131189" spans="8:8">
      <c r="H131189" s="12"/>
    </row>
    <row r="131190" spans="8:8">
      <c r="H131190" s="12"/>
    </row>
    <row r="131191" spans="8:8">
      <c r="H131191" s="12"/>
    </row>
    <row r="131192" spans="8:8">
      <c r="H131192" s="12"/>
    </row>
    <row r="131193" spans="8:8">
      <c r="H131193" s="12"/>
    </row>
    <row r="131194" spans="8:8">
      <c r="H131194" s="12"/>
    </row>
    <row r="131195" spans="8:8">
      <c r="H131195" s="12"/>
    </row>
    <row r="131196" spans="8:8">
      <c r="H131196" s="12"/>
    </row>
    <row r="131197" spans="8:8">
      <c r="H131197" s="12"/>
    </row>
    <row r="131198" spans="8:8">
      <c r="H131198" s="12"/>
    </row>
    <row r="131199" spans="8:8">
      <c r="H131199" s="12"/>
    </row>
    <row r="131200" spans="8:8">
      <c r="H131200" s="12"/>
    </row>
    <row r="131201" spans="8:8">
      <c r="H131201" s="12"/>
    </row>
    <row r="131202" spans="8:8">
      <c r="H131202" s="12"/>
    </row>
    <row r="131203" spans="8:8">
      <c r="H131203" s="12"/>
    </row>
    <row r="131204" spans="8:8">
      <c r="H131204" s="12"/>
    </row>
    <row r="131205" spans="8:8">
      <c r="H131205" s="12"/>
    </row>
    <row r="131206" spans="8:8">
      <c r="H131206" s="12"/>
    </row>
    <row r="131207" spans="8:8">
      <c r="H131207" s="12"/>
    </row>
    <row r="131208" spans="8:8">
      <c r="H131208" s="12"/>
    </row>
    <row r="131209" spans="8:8">
      <c r="H131209" s="12"/>
    </row>
    <row r="131210" spans="8:8">
      <c r="H131210" s="12"/>
    </row>
    <row r="131211" spans="8:8">
      <c r="H131211" s="12"/>
    </row>
    <row r="131212" spans="8:8">
      <c r="H131212" s="12"/>
    </row>
    <row r="131213" spans="8:8">
      <c r="H131213" s="12"/>
    </row>
    <row r="131214" spans="8:8">
      <c r="H131214" s="12"/>
    </row>
    <row r="131215" spans="8:8">
      <c r="H131215" s="12"/>
    </row>
    <row r="131216" spans="8:8">
      <c r="H131216" s="12"/>
    </row>
    <row r="131217" spans="8:8">
      <c r="H131217" s="12"/>
    </row>
    <row r="131218" spans="8:8">
      <c r="H131218" s="12"/>
    </row>
    <row r="131219" spans="8:8">
      <c r="H131219" s="12"/>
    </row>
    <row r="131220" spans="8:8">
      <c r="H131220" s="12"/>
    </row>
    <row r="131221" spans="8:8">
      <c r="H131221" s="12"/>
    </row>
    <row r="131222" spans="8:8">
      <c r="H131222" s="12"/>
    </row>
    <row r="131223" spans="8:8">
      <c r="H131223" s="12"/>
    </row>
    <row r="131224" spans="8:8">
      <c r="H131224" s="12"/>
    </row>
    <row r="131225" spans="8:8">
      <c r="H131225" s="12"/>
    </row>
    <row r="131226" spans="8:8">
      <c r="H131226" s="12"/>
    </row>
    <row r="131227" spans="8:8">
      <c r="H131227" s="12"/>
    </row>
    <row r="131228" spans="8:8">
      <c r="H131228" s="12"/>
    </row>
    <row r="131229" spans="8:8">
      <c r="H131229" s="12"/>
    </row>
    <row r="131230" spans="8:8">
      <c r="H131230" s="12"/>
    </row>
    <row r="131231" spans="8:8">
      <c r="H131231" s="12"/>
    </row>
    <row r="131232" spans="8:8">
      <c r="H131232" s="12"/>
    </row>
    <row r="131233" spans="8:8">
      <c r="H131233" s="12"/>
    </row>
    <row r="131234" spans="8:8">
      <c r="H131234" s="12"/>
    </row>
    <row r="131235" spans="8:8">
      <c r="H131235" s="12"/>
    </row>
    <row r="131236" spans="8:8">
      <c r="H131236" s="12"/>
    </row>
    <row r="131237" spans="8:8">
      <c r="H131237" s="12"/>
    </row>
    <row r="131238" spans="8:8">
      <c r="H131238" s="12"/>
    </row>
    <row r="131239" spans="8:8">
      <c r="H131239" s="12"/>
    </row>
    <row r="131240" spans="8:8">
      <c r="H131240" s="12"/>
    </row>
    <row r="131241" spans="8:8">
      <c r="H131241" s="12"/>
    </row>
    <row r="131242" spans="8:8">
      <c r="H131242" s="12"/>
    </row>
    <row r="131243" spans="8:8">
      <c r="H131243" s="12"/>
    </row>
    <row r="131244" spans="8:8">
      <c r="H131244" s="12"/>
    </row>
    <row r="131245" spans="8:8">
      <c r="H131245" s="12"/>
    </row>
    <row r="131246" spans="8:8">
      <c r="H131246" s="12"/>
    </row>
    <row r="131247" spans="8:8">
      <c r="H131247" s="12"/>
    </row>
    <row r="131248" spans="8:8">
      <c r="H131248" s="12"/>
    </row>
    <row r="131249" spans="8:8">
      <c r="H131249" s="12"/>
    </row>
    <row r="131250" spans="8:8">
      <c r="H131250" s="12"/>
    </row>
    <row r="131251" spans="8:8">
      <c r="H131251" s="12"/>
    </row>
    <row r="131252" spans="8:8">
      <c r="H131252" s="12"/>
    </row>
    <row r="131253" spans="8:8">
      <c r="H131253" s="12"/>
    </row>
    <row r="131254" spans="8:8">
      <c r="H131254" s="12"/>
    </row>
    <row r="131255" spans="8:8">
      <c r="H131255" s="12"/>
    </row>
    <row r="131256" spans="8:8">
      <c r="H131256" s="12"/>
    </row>
    <row r="131257" spans="8:8">
      <c r="H131257" s="12"/>
    </row>
    <row r="131258" spans="8:8">
      <c r="H131258" s="12"/>
    </row>
    <row r="131259" spans="8:8">
      <c r="H131259" s="12"/>
    </row>
    <row r="131260" spans="8:8">
      <c r="H131260" s="12"/>
    </row>
    <row r="131261" spans="8:8">
      <c r="H131261" s="12"/>
    </row>
    <row r="131262" spans="8:8">
      <c r="H131262" s="12"/>
    </row>
    <row r="131263" spans="8:8">
      <c r="H131263" s="12"/>
    </row>
    <row r="131264" spans="8:8">
      <c r="H131264" s="12"/>
    </row>
    <row r="131265" spans="8:8">
      <c r="H131265" s="12"/>
    </row>
    <row r="131266" spans="8:8">
      <c r="H131266" s="12"/>
    </row>
    <row r="131267" spans="8:8">
      <c r="H131267" s="12"/>
    </row>
    <row r="131268" spans="8:8">
      <c r="H131268" s="12"/>
    </row>
    <row r="131269" spans="8:8">
      <c r="H131269" s="12"/>
    </row>
    <row r="131270" spans="8:8">
      <c r="H131270" s="12"/>
    </row>
    <row r="131271" spans="8:8">
      <c r="H131271" s="12"/>
    </row>
    <row r="131272" spans="8:8">
      <c r="H131272" s="12"/>
    </row>
    <row r="131273" spans="8:8">
      <c r="H131273" s="12"/>
    </row>
    <row r="131274" spans="8:8">
      <c r="H131274" s="12"/>
    </row>
    <row r="131275" spans="8:8">
      <c r="H131275" s="12"/>
    </row>
    <row r="131276" spans="8:8">
      <c r="H131276" s="12"/>
    </row>
    <row r="131277" spans="8:8">
      <c r="H131277" s="12"/>
    </row>
    <row r="131278" spans="8:8">
      <c r="H131278" s="12"/>
    </row>
    <row r="131279" spans="8:8">
      <c r="H131279" s="12"/>
    </row>
    <row r="131280" spans="8:8">
      <c r="H131280" s="12"/>
    </row>
    <row r="131281" spans="8:8">
      <c r="H131281" s="12"/>
    </row>
    <row r="131282" spans="8:8">
      <c r="H131282" s="12"/>
    </row>
    <row r="131283" spans="8:8">
      <c r="H131283" s="12"/>
    </row>
    <row r="131284" spans="8:8">
      <c r="H131284" s="12"/>
    </row>
    <row r="131285" spans="8:8">
      <c r="H131285" s="12"/>
    </row>
    <row r="131286" spans="8:8">
      <c r="H131286" s="12"/>
    </row>
    <row r="131287" spans="8:8">
      <c r="H131287" s="12"/>
    </row>
    <row r="131288" spans="8:8">
      <c r="H131288" s="12"/>
    </row>
    <row r="131289" spans="8:8">
      <c r="H131289" s="12"/>
    </row>
    <row r="131290" spans="8:8">
      <c r="H131290" s="12"/>
    </row>
    <row r="131291" spans="8:8">
      <c r="H131291" s="12"/>
    </row>
    <row r="131292" spans="8:8">
      <c r="H131292" s="12"/>
    </row>
    <row r="131293" spans="8:8">
      <c r="H131293" s="12"/>
    </row>
    <row r="131294" spans="8:8">
      <c r="H131294" s="12"/>
    </row>
    <row r="131295" spans="8:8">
      <c r="H131295" s="12"/>
    </row>
    <row r="131296" spans="8:8">
      <c r="H131296" s="12"/>
    </row>
    <row r="131297" spans="8:8">
      <c r="H131297" s="12"/>
    </row>
    <row r="131298" spans="8:8">
      <c r="H131298" s="12"/>
    </row>
    <row r="131299" spans="8:8">
      <c r="H131299" s="12"/>
    </row>
    <row r="131300" spans="8:8">
      <c r="H131300" s="12"/>
    </row>
    <row r="131301" spans="8:8">
      <c r="H131301" s="12"/>
    </row>
    <row r="131302" spans="8:8">
      <c r="H131302" s="12"/>
    </row>
    <row r="131303" spans="8:8">
      <c r="H131303" s="12"/>
    </row>
    <row r="131304" spans="8:8">
      <c r="H131304" s="12"/>
    </row>
    <row r="131305" spans="8:8">
      <c r="H131305" s="12"/>
    </row>
    <row r="131306" spans="8:8">
      <c r="H131306" s="12"/>
    </row>
    <row r="131307" spans="8:8">
      <c r="H131307" s="12"/>
    </row>
    <row r="131308" spans="8:8">
      <c r="H131308" s="12"/>
    </row>
    <row r="131309" spans="8:8">
      <c r="H131309" s="12"/>
    </row>
    <row r="131310" spans="8:8">
      <c r="H131310" s="12"/>
    </row>
    <row r="131311" spans="8:8">
      <c r="H131311" s="12"/>
    </row>
    <row r="131312" spans="8:8">
      <c r="H131312" s="12"/>
    </row>
    <row r="131313" spans="8:8">
      <c r="H131313" s="12"/>
    </row>
    <row r="131314" spans="8:8">
      <c r="H131314" s="12"/>
    </row>
    <row r="131315" spans="8:8">
      <c r="H131315" s="12"/>
    </row>
    <row r="131316" spans="8:8">
      <c r="H131316" s="12"/>
    </row>
    <row r="131317" spans="8:8">
      <c r="H131317" s="12"/>
    </row>
    <row r="131318" spans="8:8">
      <c r="H131318" s="12"/>
    </row>
    <row r="131319" spans="8:8">
      <c r="H131319" s="12"/>
    </row>
    <row r="131320" spans="8:8">
      <c r="H131320" s="12"/>
    </row>
    <row r="131321" spans="8:8">
      <c r="H131321" s="12"/>
    </row>
    <row r="131322" spans="8:8">
      <c r="H131322" s="12"/>
    </row>
    <row r="131323" spans="8:8">
      <c r="H131323" s="12"/>
    </row>
    <row r="131324" spans="8:8">
      <c r="H131324" s="12"/>
    </row>
    <row r="131325" spans="8:8">
      <c r="H131325" s="12"/>
    </row>
    <row r="131326" spans="8:8">
      <c r="H131326" s="12"/>
    </row>
    <row r="131327" spans="8:8">
      <c r="H131327" s="12"/>
    </row>
    <row r="131328" spans="8:8">
      <c r="H131328" s="12"/>
    </row>
    <row r="131329" spans="8:8">
      <c r="H131329" s="12"/>
    </row>
    <row r="131330" spans="8:8">
      <c r="H131330" s="12"/>
    </row>
    <row r="131331" spans="8:8">
      <c r="H131331" s="12"/>
    </row>
    <row r="131332" spans="8:8">
      <c r="H131332" s="12"/>
    </row>
    <row r="131333" spans="8:8">
      <c r="H131333" s="12"/>
    </row>
    <row r="131334" spans="8:8">
      <c r="H131334" s="12"/>
    </row>
    <row r="131335" spans="8:8">
      <c r="H131335" s="12"/>
    </row>
    <row r="131336" spans="8:8">
      <c r="H131336" s="12"/>
    </row>
    <row r="131337" spans="8:8">
      <c r="H131337" s="12"/>
    </row>
    <row r="131338" spans="8:8">
      <c r="H131338" s="12"/>
    </row>
    <row r="131339" spans="8:8">
      <c r="H131339" s="12"/>
    </row>
    <row r="131340" spans="8:8">
      <c r="H131340" s="12"/>
    </row>
    <row r="131341" spans="8:8">
      <c r="H131341" s="12"/>
    </row>
    <row r="131342" spans="8:8">
      <c r="H131342" s="12"/>
    </row>
    <row r="131343" spans="8:8">
      <c r="H131343" s="12"/>
    </row>
    <row r="131344" spans="8:8">
      <c r="H131344" s="12"/>
    </row>
    <row r="131345" spans="8:8">
      <c r="H131345" s="12"/>
    </row>
    <row r="131346" spans="8:8">
      <c r="H131346" s="12"/>
    </row>
    <row r="131347" spans="8:8">
      <c r="H131347" s="12"/>
    </row>
    <row r="131348" spans="8:8">
      <c r="H131348" s="12"/>
    </row>
    <row r="131349" spans="8:8">
      <c r="H131349" s="12"/>
    </row>
    <row r="131350" spans="8:8">
      <c r="H131350" s="12"/>
    </row>
    <row r="131351" spans="8:8">
      <c r="H131351" s="12"/>
    </row>
    <row r="131352" spans="8:8">
      <c r="H131352" s="12"/>
    </row>
    <row r="131353" spans="8:8">
      <c r="H131353" s="12"/>
    </row>
    <row r="131354" spans="8:8">
      <c r="H131354" s="12"/>
    </row>
    <row r="131355" spans="8:8">
      <c r="H131355" s="12"/>
    </row>
    <row r="131356" spans="8:8">
      <c r="H131356" s="12"/>
    </row>
    <row r="131357" spans="8:8">
      <c r="H131357" s="12"/>
    </row>
    <row r="131358" spans="8:8">
      <c r="H131358" s="12"/>
    </row>
    <row r="131359" spans="8:8">
      <c r="H131359" s="12"/>
    </row>
    <row r="131360" spans="8:8">
      <c r="H131360" s="12"/>
    </row>
    <row r="131361" spans="8:8">
      <c r="H131361" s="12"/>
    </row>
    <row r="131362" spans="8:8">
      <c r="H131362" s="12"/>
    </row>
    <row r="131363" spans="8:8">
      <c r="H131363" s="12"/>
    </row>
    <row r="131364" spans="8:8">
      <c r="H131364" s="12"/>
    </row>
    <row r="131365" spans="8:8">
      <c r="H131365" s="12"/>
    </row>
    <row r="131366" spans="8:8">
      <c r="H131366" s="12"/>
    </row>
    <row r="131367" spans="8:8">
      <c r="H131367" s="12"/>
    </row>
    <row r="131368" spans="8:8">
      <c r="H131368" s="12"/>
    </row>
    <row r="131369" spans="8:8">
      <c r="H131369" s="12"/>
    </row>
    <row r="131370" spans="8:8">
      <c r="H131370" s="12"/>
    </row>
    <row r="131371" spans="8:8">
      <c r="H131371" s="12"/>
    </row>
    <row r="131372" spans="8:8">
      <c r="H131372" s="12"/>
    </row>
    <row r="131373" spans="8:8">
      <c r="H131373" s="12"/>
    </row>
    <row r="131374" spans="8:8">
      <c r="H131374" s="12"/>
    </row>
    <row r="131375" spans="8:8">
      <c r="H131375" s="12"/>
    </row>
    <row r="131376" spans="8:8">
      <c r="H131376" s="12"/>
    </row>
    <row r="131377" spans="8:8">
      <c r="H131377" s="12"/>
    </row>
    <row r="131378" spans="8:8">
      <c r="H131378" s="12"/>
    </row>
    <row r="131379" spans="8:8">
      <c r="H131379" s="12"/>
    </row>
    <row r="131380" spans="8:8">
      <c r="H131380" s="12"/>
    </row>
    <row r="131381" spans="8:8">
      <c r="H131381" s="12"/>
    </row>
    <row r="131382" spans="8:8">
      <c r="H131382" s="12"/>
    </row>
    <row r="131383" spans="8:8">
      <c r="H131383" s="12"/>
    </row>
    <row r="131384" spans="8:8">
      <c r="H131384" s="12"/>
    </row>
    <row r="131385" spans="8:8">
      <c r="H131385" s="12"/>
    </row>
    <row r="131386" spans="8:8">
      <c r="H131386" s="12"/>
    </row>
    <row r="131387" spans="8:8">
      <c r="H131387" s="12"/>
    </row>
    <row r="131388" spans="8:8">
      <c r="H131388" s="12"/>
    </row>
    <row r="131389" spans="8:8">
      <c r="H131389" s="12"/>
    </row>
    <row r="131390" spans="8:8">
      <c r="H131390" s="12"/>
    </row>
    <row r="131391" spans="8:8">
      <c r="H131391" s="12"/>
    </row>
    <row r="131392" spans="8:8">
      <c r="H131392" s="12"/>
    </row>
    <row r="131393" spans="8:8">
      <c r="H131393" s="12"/>
    </row>
    <row r="131394" spans="8:8">
      <c r="H131394" s="12"/>
    </row>
    <row r="131395" spans="8:8">
      <c r="H131395" s="12"/>
    </row>
    <row r="131396" spans="8:8">
      <c r="H131396" s="12"/>
    </row>
    <row r="131397" spans="8:8">
      <c r="H131397" s="12"/>
    </row>
    <row r="131398" spans="8:8">
      <c r="H131398" s="12"/>
    </row>
    <row r="131399" spans="8:8">
      <c r="H131399" s="12"/>
    </row>
    <row r="131400" spans="8:8">
      <c r="H131400" s="12"/>
    </row>
    <row r="131401" spans="8:8">
      <c r="H131401" s="12"/>
    </row>
    <row r="131402" spans="8:8">
      <c r="H131402" s="12"/>
    </row>
    <row r="131403" spans="8:8">
      <c r="H131403" s="12"/>
    </row>
    <row r="131404" spans="8:8">
      <c r="H131404" s="12"/>
    </row>
    <row r="131405" spans="8:8">
      <c r="H131405" s="12"/>
    </row>
    <row r="131406" spans="8:8">
      <c r="H131406" s="12"/>
    </row>
    <row r="131407" spans="8:8">
      <c r="H131407" s="12"/>
    </row>
    <row r="131408" spans="8:8">
      <c r="H131408" s="12"/>
    </row>
    <row r="131409" spans="8:8">
      <c r="H131409" s="12"/>
    </row>
    <row r="131410" spans="8:8">
      <c r="H131410" s="12"/>
    </row>
    <row r="131411" spans="8:8">
      <c r="H131411" s="12"/>
    </row>
    <row r="131412" spans="8:8">
      <c r="H131412" s="12"/>
    </row>
    <row r="131413" spans="8:8">
      <c r="H131413" s="12"/>
    </row>
    <row r="131414" spans="8:8">
      <c r="H131414" s="12"/>
    </row>
    <row r="131415" spans="8:8">
      <c r="H131415" s="12"/>
    </row>
    <row r="131416" spans="8:8">
      <c r="H131416" s="12"/>
    </row>
    <row r="131417" spans="8:8">
      <c r="H131417" s="12"/>
    </row>
    <row r="131418" spans="8:8">
      <c r="H131418" s="12"/>
    </row>
    <row r="131419" spans="8:8">
      <c r="H131419" s="12"/>
    </row>
    <row r="131420" spans="8:8">
      <c r="H131420" s="12"/>
    </row>
    <row r="131421" spans="8:8">
      <c r="H131421" s="12"/>
    </row>
    <row r="131422" spans="8:8">
      <c r="H131422" s="12"/>
    </row>
    <row r="131423" spans="8:8">
      <c r="H131423" s="12"/>
    </row>
    <row r="131424" spans="8:8">
      <c r="H131424" s="12"/>
    </row>
    <row r="131425" spans="8:8">
      <c r="H131425" s="12"/>
    </row>
    <row r="131426" spans="8:8">
      <c r="H131426" s="12"/>
    </row>
    <row r="131427" spans="8:8">
      <c r="H131427" s="12"/>
    </row>
    <row r="131428" spans="8:8">
      <c r="H131428" s="12"/>
    </row>
    <row r="131429" spans="8:8">
      <c r="H131429" s="12"/>
    </row>
    <row r="131430" spans="8:8">
      <c r="H131430" s="12"/>
    </row>
    <row r="131431" spans="8:8">
      <c r="H131431" s="12"/>
    </row>
    <row r="131432" spans="8:8">
      <c r="H131432" s="12"/>
    </row>
    <row r="131433" spans="8:8">
      <c r="H131433" s="12"/>
    </row>
    <row r="131434" spans="8:8">
      <c r="H131434" s="12"/>
    </row>
    <row r="131435" spans="8:8">
      <c r="H131435" s="12"/>
    </row>
    <row r="131436" spans="8:8">
      <c r="H131436" s="12"/>
    </row>
    <row r="131437" spans="8:8">
      <c r="H131437" s="12"/>
    </row>
    <row r="131438" spans="8:8">
      <c r="H131438" s="12"/>
    </row>
    <row r="131439" spans="8:8">
      <c r="H131439" s="12"/>
    </row>
    <row r="131440" spans="8:8">
      <c r="H131440" s="12"/>
    </row>
    <row r="131441" spans="8:8">
      <c r="H131441" s="12"/>
    </row>
    <row r="131442" spans="8:8">
      <c r="H131442" s="12"/>
    </row>
    <row r="131443" spans="8:8">
      <c r="H131443" s="12"/>
    </row>
    <row r="131444" spans="8:8">
      <c r="H131444" s="12"/>
    </row>
    <row r="131445" spans="8:8">
      <c r="H131445" s="12"/>
    </row>
    <row r="131446" spans="8:8">
      <c r="H131446" s="12"/>
    </row>
    <row r="131447" spans="8:8">
      <c r="H131447" s="12"/>
    </row>
    <row r="131448" spans="8:8">
      <c r="H131448" s="12"/>
    </row>
    <row r="131449" spans="8:8">
      <c r="H131449" s="12"/>
    </row>
    <row r="131450" spans="8:8">
      <c r="H131450" s="12"/>
    </row>
    <row r="131451" spans="8:8">
      <c r="H131451" s="12"/>
    </row>
    <row r="131452" spans="8:8">
      <c r="H131452" s="12"/>
    </row>
    <row r="131453" spans="8:8">
      <c r="H131453" s="12"/>
    </row>
    <row r="131454" spans="8:8">
      <c r="H131454" s="12"/>
    </row>
    <row r="131455" spans="8:8">
      <c r="H131455" s="12"/>
    </row>
    <row r="131456" spans="8:8">
      <c r="H131456" s="12"/>
    </row>
    <row r="131457" spans="8:8">
      <c r="H131457" s="12"/>
    </row>
    <row r="131458" spans="8:8">
      <c r="H131458" s="12"/>
    </row>
    <row r="131459" spans="8:8">
      <c r="H131459" s="12"/>
    </row>
    <row r="131460" spans="8:8">
      <c r="H131460" s="12"/>
    </row>
    <row r="131461" spans="8:8">
      <c r="H131461" s="12"/>
    </row>
    <row r="131462" spans="8:8">
      <c r="H131462" s="12"/>
    </row>
    <row r="131463" spans="8:8">
      <c r="H131463" s="12"/>
    </row>
    <row r="131464" spans="8:8">
      <c r="H131464" s="12"/>
    </row>
    <row r="131465" spans="8:8">
      <c r="H131465" s="12"/>
    </row>
    <row r="131466" spans="8:8">
      <c r="H131466" s="12"/>
    </row>
    <row r="131467" spans="8:8">
      <c r="H131467" s="12"/>
    </row>
    <row r="131468" spans="8:8">
      <c r="H131468" s="12"/>
    </row>
    <row r="131469" spans="8:8">
      <c r="H131469" s="12"/>
    </row>
    <row r="131470" spans="8:8">
      <c r="H131470" s="12"/>
    </row>
    <row r="131471" spans="8:8">
      <c r="H131471" s="12"/>
    </row>
    <row r="131472" spans="8:8">
      <c r="H131472" s="12"/>
    </row>
    <row r="131473" spans="8:8">
      <c r="H131473" s="12"/>
    </row>
    <row r="131474" spans="8:8">
      <c r="H131474" s="12"/>
    </row>
    <row r="131475" spans="8:8">
      <c r="H131475" s="12"/>
    </row>
    <row r="131476" spans="8:8">
      <c r="H131476" s="12"/>
    </row>
    <row r="131477" spans="8:8">
      <c r="H131477" s="12"/>
    </row>
    <row r="131478" spans="8:8">
      <c r="H131478" s="12"/>
    </row>
    <row r="131479" spans="8:8">
      <c r="H131479" s="12"/>
    </row>
    <row r="131480" spans="8:8">
      <c r="H131480" s="12"/>
    </row>
    <row r="131481" spans="8:8">
      <c r="H131481" s="12"/>
    </row>
    <row r="131482" spans="8:8">
      <c r="H131482" s="12"/>
    </row>
    <row r="131483" spans="8:8">
      <c r="H131483" s="12"/>
    </row>
    <row r="131484" spans="8:8">
      <c r="H131484" s="12"/>
    </row>
    <row r="131485" spans="8:8">
      <c r="H131485" s="12"/>
    </row>
    <row r="131486" spans="8:8">
      <c r="H131486" s="12"/>
    </row>
    <row r="131487" spans="8:8">
      <c r="H131487" s="12"/>
    </row>
    <row r="131488" spans="8:8">
      <c r="H131488" s="12"/>
    </row>
    <row r="131489" spans="8:8">
      <c r="H131489" s="12"/>
    </row>
    <row r="131490" spans="8:8">
      <c r="H131490" s="12"/>
    </row>
    <row r="131491" spans="8:8">
      <c r="H131491" s="12"/>
    </row>
    <row r="131492" spans="8:8">
      <c r="H131492" s="12"/>
    </row>
    <row r="131493" spans="8:8">
      <c r="H131493" s="12"/>
    </row>
    <row r="131494" spans="8:8">
      <c r="H131494" s="12"/>
    </row>
    <row r="131495" spans="8:8">
      <c r="H131495" s="12"/>
    </row>
    <row r="131496" spans="8:8">
      <c r="H131496" s="12"/>
    </row>
    <row r="131497" spans="8:8">
      <c r="H131497" s="12"/>
    </row>
    <row r="131498" spans="8:8">
      <c r="H131498" s="12"/>
    </row>
    <row r="131499" spans="8:8">
      <c r="H131499" s="12"/>
    </row>
    <row r="131500" spans="8:8">
      <c r="H131500" s="12"/>
    </row>
    <row r="131501" spans="8:8">
      <c r="H131501" s="12"/>
    </row>
    <row r="131502" spans="8:8">
      <c r="H131502" s="12"/>
    </row>
    <row r="131503" spans="8:8">
      <c r="H131503" s="12"/>
    </row>
    <row r="131504" spans="8:8">
      <c r="H131504" s="12"/>
    </row>
    <row r="131505" spans="8:8">
      <c r="H131505" s="12"/>
    </row>
    <row r="131506" spans="8:8">
      <c r="H131506" s="12"/>
    </row>
    <row r="131507" spans="8:8">
      <c r="H131507" s="12"/>
    </row>
    <row r="131508" spans="8:8">
      <c r="H131508" s="12"/>
    </row>
    <row r="131509" spans="8:8">
      <c r="H131509" s="12"/>
    </row>
    <row r="131510" spans="8:8">
      <c r="H131510" s="12"/>
    </row>
    <row r="131511" spans="8:8">
      <c r="H131511" s="12"/>
    </row>
    <row r="131512" spans="8:8">
      <c r="H131512" s="12"/>
    </row>
    <row r="131513" spans="8:8">
      <c r="H131513" s="12"/>
    </row>
    <row r="131514" spans="8:8">
      <c r="H131514" s="12"/>
    </row>
    <row r="131515" spans="8:8">
      <c r="H131515" s="12"/>
    </row>
    <row r="131516" spans="8:8">
      <c r="H131516" s="12"/>
    </row>
    <row r="131517" spans="8:8">
      <c r="H131517" s="12"/>
    </row>
    <row r="131518" spans="8:8">
      <c r="H131518" s="12"/>
    </row>
    <row r="131519" spans="8:8">
      <c r="H131519" s="12"/>
    </row>
    <row r="131520" spans="8:8">
      <c r="H131520" s="12"/>
    </row>
    <row r="131521" spans="8:8">
      <c r="H131521" s="12"/>
    </row>
    <row r="131522" spans="8:8">
      <c r="H131522" s="12"/>
    </row>
    <row r="131523" spans="8:8">
      <c r="H131523" s="12"/>
    </row>
    <row r="131524" spans="8:8">
      <c r="H131524" s="12"/>
    </row>
    <row r="131525" spans="8:8">
      <c r="H131525" s="12"/>
    </row>
    <row r="131526" spans="8:8">
      <c r="H131526" s="12"/>
    </row>
    <row r="131527" spans="8:8">
      <c r="H131527" s="12"/>
    </row>
    <row r="131528" spans="8:8">
      <c r="H131528" s="12"/>
    </row>
    <row r="131529" spans="8:8">
      <c r="H131529" s="12"/>
    </row>
    <row r="131530" spans="8:8">
      <c r="H131530" s="12"/>
    </row>
    <row r="131531" spans="8:8">
      <c r="H131531" s="12"/>
    </row>
    <row r="131532" spans="8:8">
      <c r="H131532" s="12"/>
    </row>
    <row r="131533" spans="8:8">
      <c r="H131533" s="12"/>
    </row>
    <row r="131534" spans="8:8">
      <c r="H131534" s="12"/>
    </row>
    <row r="131535" spans="8:8">
      <c r="H131535" s="12"/>
    </row>
    <row r="131536" spans="8:8">
      <c r="H131536" s="12"/>
    </row>
    <row r="131537" spans="8:8">
      <c r="H131537" s="12"/>
    </row>
    <row r="131538" spans="8:8">
      <c r="H131538" s="12"/>
    </row>
    <row r="131539" spans="8:8">
      <c r="H131539" s="12"/>
    </row>
    <row r="131540" spans="8:8">
      <c r="H131540" s="12"/>
    </row>
    <row r="131541" spans="8:8">
      <c r="H131541" s="12"/>
    </row>
    <row r="131542" spans="8:8">
      <c r="H131542" s="12"/>
    </row>
    <row r="131543" spans="8:8">
      <c r="H131543" s="12"/>
    </row>
    <row r="131544" spans="8:8">
      <c r="H131544" s="12"/>
    </row>
    <row r="131545" spans="8:8">
      <c r="H131545" s="12"/>
    </row>
    <row r="131546" spans="8:8">
      <c r="H131546" s="12"/>
    </row>
    <row r="131547" spans="8:8">
      <c r="H131547" s="12"/>
    </row>
    <row r="131548" spans="8:8">
      <c r="H131548" s="12"/>
    </row>
    <row r="131549" spans="8:8">
      <c r="H131549" s="12"/>
    </row>
    <row r="131550" spans="8:8">
      <c r="H131550" s="12"/>
    </row>
    <row r="131551" spans="8:8">
      <c r="H131551" s="12"/>
    </row>
    <row r="131552" spans="8:8">
      <c r="H131552" s="12"/>
    </row>
    <row r="131553" spans="8:8">
      <c r="H131553" s="12"/>
    </row>
    <row r="131554" spans="8:8">
      <c r="H131554" s="12"/>
    </row>
    <row r="131555" spans="8:8">
      <c r="H131555" s="12"/>
    </row>
    <row r="131556" spans="8:8">
      <c r="H131556" s="12"/>
    </row>
    <row r="131557" spans="8:8">
      <c r="H131557" s="12"/>
    </row>
    <row r="131558" spans="8:8">
      <c r="H131558" s="12"/>
    </row>
    <row r="131559" spans="8:8">
      <c r="H131559" s="12"/>
    </row>
    <row r="131560" spans="8:8">
      <c r="H131560" s="12"/>
    </row>
    <row r="131561" spans="8:8">
      <c r="H131561" s="12"/>
    </row>
    <row r="131562" spans="8:8">
      <c r="H131562" s="12"/>
    </row>
    <row r="131563" spans="8:8">
      <c r="H131563" s="12"/>
    </row>
    <row r="131564" spans="8:8">
      <c r="H131564" s="12"/>
    </row>
    <row r="131565" spans="8:8">
      <c r="H131565" s="12"/>
    </row>
    <row r="131566" spans="8:8">
      <c r="H131566" s="12"/>
    </row>
    <row r="131567" spans="8:8">
      <c r="H131567" s="12"/>
    </row>
    <row r="131568" spans="8:8">
      <c r="H131568" s="12"/>
    </row>
    <row r="131569" spans="8:8">
      <c r="H131569" s="12"/>
    </row>
    <row r="131570" spans="8:8">
      <c r="H131570" s="12"/>
    </row>
    <row r="131571" spans="8:8">
      <c r="H131571" s="12"/>
    </row>
    <row r="131572" spans="8:8">
      <c r="H131572" s="12"/>
    </row>
    <row r="131573" spans="8:8">
      <c r="H131573" s="12"/>
    </row>
    <row r="131574" spans="8:8">
      <c r="H131574" s="12"/>
    </row>
    <row r="131575" spans="8:8">
      <c r="H131575" s="12"/>
    </row>
    <row r="131576" spans="8:8">
      <c r="H131576" s="12"/>
    </row>
    <row r="131577" spans="8:8">
      <c r="H131577" s="12"/>
    </row>
    <row r="131578" spans="8:8">
      <c r="H131578" s="12"/>
    </row>
    <row r="131579" spans="8:8">
      <c r="H131579" s="12"/>
    </row>
    <row r="131580" spans="8:8">
      <c r="H131580" s="12"/>
    </row>
    <row r="131581" spans="8:8">
      <c r="H131581" s="12"/>
    </row>
    <row r="131582" spans="8:8">
      <c r="H131582" s="12"/>
    </row>
    <row r="131583" spans="8:8">
      <c r="H131583" s="12"/>
    </row>
    <row r="131584" spans="8:8">
      <c r="H131584" s="12"/>
    </row>
    <row r="131585" spans="8:8">
      <c r="H131585" s="12"/>
    </row>
    <row r="131586" spans="8:8">
      <c r="H131586" s="12"/>
    </row>
    <row r="131587" spans="8:8">
      <c r="H131587" s="12"/>
    </row>
    <row r="131588" spans="8:8">
      <c r="H131588" s="12"/>
    </row>
    <row r="131589" spans="8:8">
      <c r="H131589" s="12"/>
    </row>
    <row r="131590" spans="8:8">
      <c r="H131590" s="12"/>
    </row>
    <row r="131591" spans="8:8">
      <c r="H131591" s="12"/>
    </row>
    <row r="131592" spans="8:8">
      <c r="H131592" s="12"/>
    </row>
    <row r="131593" spans="8:8">
      <c r="H131593" s="12"/>
    </row>
    <row r="131594" spans="8:8">
      <c r="H131594" s="12"/>
    </row>
    <row r="131595" spans="8:8">
      <c r="H131595" s="12"/>
    </row>
    <row r="131596" spans="8:8">
      <c r="H131596" s="12"/>
    </row>
    <row r="131597" spans="8:8">
      <c r="H131597" s="12"/>
    </row>
    <row r="131598" spans="8:8">
      <c r="H131598" s="12"/>
    </row>
    <row r="131599" spans="8:8">
      <c r="H131599" s="12"/>
    </row>
    <row r="131600" spans="8:8">
      <c r="H131600" s="12"/>
    </row>
    <row r="131601" spans="8:8">
      <c r="H131601" s="12"/>
    </row>
    <row r="131602" spans="8:8">
      <c r="H131602" s="12"/>
    </row>
    <row r="131603" spans="8:8">
      <c r="H131603" s="12"/>
    </row>
    <row r="131604" spans="8:8">
      <c r="H131604" s="12"/>
    </row>
    <row r="131605" spans="8:8">
      <c r="H131605" s="12"/>
    </row>
    <row r="131606" spans="8:8">
      <c r="H131606" s="12"/>
    </row>
    <row r="131607" spans="8:8">
      <c r="H131607" s="12"/>
    </row>
    <row r="131608" spans="8:8">
      <c r="H131608" s="12"/>
    </row>
    <row r="131609" spans="8:8">
      <c r="H131609" s="12"/>
    </row>
    <row r="131610" spans="8:8">
      <c r="H131610" s="12"/>
    </row>
    <row r="131611" spans="8:8">
      <c r="H131611" s="12"/>
    </row>
    <row r="131612" spans="8:8">
      <c r="H131612" s="12"/>
    </row>
    <row r="131613" spans="8:8">
      <c r="H131613" s="12"/>
    </row>
    <row r="131614" spans="8:8">
      <c r="H131614" s="12"/>
    </row>
    <row r="131615" spans="8:8">
      <c r="H131615" s="12"/>
    </row>
    <row r="131616" spans="8:8">
      <c r="H131616" s="12"/>
    </row>
    <row r="131617" spans="8:8">
      <c r="H131617" s="12"/>
    </row>
    <row r="131618" spans="8:8">
      <c r="H131618" s="12"/>
    </row>
    <row r="131619" spans="8:8">
      <c r="H131619" s="12"/>
    </row>
    <row r="131620" spans="8:8">
      <c r="H131620" s="12"/>
    </row>
    <row r="131621" spans="8:8">
      <c r="H131621" s="12"/>
    </row>
    <row r="131622" spans="8:8">
      <c r="H131622" s="12"/>
    </row>
    <row r="131623" spans="8:8">
      <c r="H131623" s="12"/>
    </row>
    <row r="131624" spans="8:8">
      <c r="H131624" s="12"/>
    </row>
    <row r="131625" spans="8:8">
      <c r="H131625" s="12"/>
    </row>
    <row r="131626" spans="8:8">
      <c r="H131626" s="12"/>
    </row>
    <row r="131627" spans="8:8">
      <c r="H131627" s="12"/>
    </row>
    <row r="131628" spans="8:8">
      <c r="H131628" s="12"/>
    </row>
    <row r="131629" spans="8:8">
      <c r="H131629" s="12"/>
    </row>
    <row r="131630" spans="8:8">
      <c r="H131630" s="12"/>
    </row>
    <row r="131631" spans="8:8">
      <c r="H131631" s="12"/>
    </row>
    <row r="131632" spans="8:8">
      <c r="H131632" s="12"/>
    </row>
    <row r="131633" spans="8:8">
      <c r="H131633" s="12"/>
    </row>
    <row r="131634" spans="8:8">
      <c r="H131634" s="12"/>
    </row>
    <row r="131635" spans="8:8">
      <c r="H131635" s="12"/>
    </row>
    <row r="131636" spans="8:8">
      <c r="H131636" s="12"/>
    </row>
    <row r="131637" spans="8:8">
      <c r="H131637" s="12"/>
    </row>
    <row r="131638" spans="8:8">
      <c r="H131638" s="12"/>
    </row>
    <row r="131639" spans="8:8">
      <c r="H131639" s="12"/>
    </row>
    <row r="131640" spans="8:8">
      <c r="H131640" s="12"/>
    </row>
    <row r="131641" spans="8:8">
      <c r="H131641" s="12"/>
    </row>
    <row r="131642" spans="8:8">
      <c r="H131642" s="12"/>
    </row>
    <row r="131643" spans="8:8">
      <c r="H131643" s="12"/>
    </row>
    <row r="131644" spans="8:8">
      <c r="H131644" s="12"/>
    </row>
    <row r="131645" spans="8:8">
      <c r="H131645" s="12"/>
    </row>
    <row r="131646" spans="8:8">
      <c r="H131646" s="12"/>
    </row>
    <row r="131647" spans="8:8">
      <c r="H131647" s="12"/>
    </row>
    <row r="131648" spans="8:8">
      <c r="H131648" s="12"/>
    </row>
    <row r="131649" spans="8:8">
      <c r="H131649" s="12"/>
    </row>
    <row r="131650" spans="8:8">
      <c r="H131650" s="12"/>
    </row>
    <row r="131651" spans="8:8">
      <c r="H131651" s="12"/>
    </row>
    <row r="131652" spans="8:8">
      <c r="H131652" s="12"/>
    </row>
    <row r="131653" spans="8:8">
      <c r="H131653" s="12"/>
    </row>
    <row r="131654" spans="8:8">
      <c r="H131654" s="12"/>
    </row>
    <row r="131655" spans="8:8">
      <c r="H131655" s="12"/>
    </row>
    <row r="131656" spans="8:8">
      <c r="H131656" s="12"/>
    </row>
    <row r="131657" spans="8:8">
      <c r="H131657" s="12"/>
    </row>
    <row r="131658" spans="8:8">
      <c r="H131658" s="12"/>
    </row>
    <row r="131659" spans="8:8">
      <c r="H131659" s="12"/>
    </row>
    <row r="131660" spans="8:8">
      <c r="H131660" s="12"/>
    </row>
    <row r="131661" spans="8:8">
      <c r="H131661" s="12"/>
    </row>
    <row r="131662" spans="8:8">
      <c r="H131662" s="12"/>
    </row>
    <row r="131663" spans="8:8">
      <c r="H131663" s="12"/>
    </row>
    <row r="131664" spans="8:8">
      <c r="H131664" s="12"/>
    </row>
    <row r="131665" spans="8:8">
      <c r="H131665" s="12"/>
    </row>
    <row r="131666" spans="8:8">
      <c r="H131666" s="12"/>
    </row>
    <row r="131667" spans="8:8">
      <c r="H131667" s="12"/>
    </row>
    <row r="131668" spans="8:8">
      <c r="H131668" s="12"/>
    </row>
    <row r="131669" spans="8:8">
      <c r="H131669" s="12"/>
    </row>
    <row r="131670" spans="8:8">
      <c r="H131670" s="12"/>
    </row>
    <row r="131671" spans="8:8">
      <c r="H131671" s="12"/>
    </row>
    <row r="131672" spans="8:8">
      <c r="H131672" s="12"/>
    </row>
    <row r="131673" spans="8:8">
      <c r="H131673" s="12"/>
    </row>
    <row r="131674" spans="8:8">
      <c r="H131674" s="12"/>
    </row>
    <row r="131675" spans="8:8">
      <c r="H131675" s="12"/>
    </row>
    <row r="131676" spans="8:8">
      <c r="H131676" s="12"/>
    </row>
    <row r="131677" spans="8:8">
      <c r="H131677" s="12"/>
    </row>
    <row r="131678" spans="8:8">
      <c r="H131678" s="12"/>
    </row>
    <row r="131679" spans="8:8">
      <c r="H131679" s="12"/>
    </row>
    <row r="131680" spans="8:8">
      <c r="H131680" s="12"/>
    </row>
    <row r="131681" spans="8:8">
      <c r="H131681" s="12"/>
    </row>
    <row r="131682" spans="8:8">
      <c r="H131682" s="12"/>
    </row>
    <row r="131683" spans="8:8">
      <c r="H131683" s="12"/>
    </row>
    <row r="131684" spans="8:8">
      <c r="H131684" s="12"/>
    </row>
    <row r="131685" spans="8:8">
      <c r="H131685" s="12"/>
    </row>
    <row r="131686" spans="8:8">
      <c r="H131686" s="12"/>
    </row>
    <row r="131687" spans="8:8">
      <c r="H131687" s="12"/>
    </row>
    <row r="131688" spans="8:8">
      <c r="H131688" s="12"/>
    </row>
    <row r="131689" spans="8:8">
      <c r="H131689" s="12"/>
    </row>
    <row r="131690" spans="8:8">
      <c r="H131690" s="12"/>
    </row>
    <row r="131691" spans="8:8">
      <c r="H131691" s="12"/>
    </row>
    <row r="131692" spans="8:8">
      <c r="H131692" s="12"/>
    </row>
    <row r="131693" spans="8:8">
      <c r="H131693" s="12"/>
    </row>
    <row r="131694" spans="8:8">
      <c r="H131694" s="12"/>
    </row>
    <row r="131695" spans="8:8">
      <c r="H131695" s="12"/>
    </row>
    <row r="131696" spans="8:8">
      <c r="H131696" s="12"/>
    </row>
    <row r="131697" spans="8:8">
      <c r="H131697" s="12"/>
    </row>
    <row r="131698" spans="8:8">
      <c r="H131698" s="12"/>
    </row>
    <row r="131699" spans="8:8">
      <c r="H131699" s="12"/>
    </row>
    <row r="131700" spans="8:8">
      <c r="H131700" s="12"/>
    </row>
    <row r="131701" spans="8:8">
      <c r="H131701" s="12"/>
    </row>
    <row r="131702" spans="8:8">
      <c r="H131702" s="12"/>
    </row>
    <row r="131703" spans="8:8">
      <c r="H131703" s="12"/>
    </row>
    <row r="131704" spans="8:8">
      <c r="H131704" s="12"/>
    </row>
    <row r="131705" spans="8:8">
      <c r="H131705" s="12"/>
    </row>
    <row r="131706" spans="8:8">
      <c r="H131706" s="12"/>
    </row>
    <row r="131707" spans="8:8">
      <c r="H131707" s="12"/>
    </row>
    <row r="131708" spans="8:8">
      <c r="H131708" s="12"/>
    </row>
    <row r="131709" spans="8:8">
      <c r="H131709" s="12"/>
    </row>
    <row r="131710" spans="8:8">
      <c r="H131710" s="12"/>
    </row>
    <row r="131711" spans="8:8">
      <c r="H131711" s="12"/>
    </row>
    <row r="131712" spans="8:8">
      <c r="H131712" s="12"/>
    </row>
    <row r="131713" spans="8:8">
      <c r="H131713" s="12"/>
    </row>
    <row r="131714" spans="8:8">
      <c r="H131714" s="12"/>
    </row>
    <row r="131715" spans="8:8">
      <c r="H131715" s="12"/>
    </row>
    <row r="131716" spans="8:8">
      <c r="H131716" s="12"/>
    </row>
    <row r="131717" spans="8:8">
      <c r="H131717" s="12"/>
    </row>
    <row r="131718" spans="8:8">
      <c r="H131718" s="12"/>
    </row>
    <row r="131719" spans="8:8">
      <c r="H131719" s="12"/>
    </row>
    <row r="131720" spans="8:8">
      <c r="H131720" s="12"/>
    </row>
    <row r="131721" spans="8:8">
      <c r="H131721" s="12"/>
    </row>
    <row r="131722" spans="8:8">
      <c r="H131722" s="12"/>
    </row>
    <row r="131723" spans="8:8">
      <c r="H131723" s="12"/>
    </row>
    <row r="131724" spans="8:8">
      <c r="H131724" s="12"/>
    </row>
    <row r="131725" spans="8:8">
      <c r="H131725" s="12"/>
    </row>
    <row r="131726" spans="8:8">
      <c r="H131726" s="12"/>
    </row>
    <row r="131727" spans="8:8">
      <c r="H131727" s="12"/>
    </row>
    <row r="131728" spans="8:8">
      <c r="H131728" s="12"/>
    </row>
    <row r="131729" spans="8:8">
      <c r="H131729" s="12"/>
    </row>
    <row r="131730" spans="8:8">
      <c r="H131730" s="12"/>
    </row>
    <row r="131731" spans="8:8">
      <c r="H131731" s="12"/>
    </row>
    <row r="131732" spans="8:8">
      <c r="H131732" s="12"/>
    </row>
    <row r="131733" spans="8:8">
      <c r="H131733" s="12"/>
    </row>
    <row r="131734" spans="8:8">
      <c r="H131734" s="12"/>
    </row>
    <row r="131735" spans="8:8">
      <c r="H131735" s="12"/>
    </row>
    <row r="131736" spans="8:8">
      <c r="H131736" s="12"/>
    </row>
    <row r="131737" spans="8:8">
      <c r="H131737" s="12"/>
    </row>
    <row r="131738" spans="8:8">
      <c r="H131738" s="12"/>
    </row>
    <row r="131739" spans="8:8">
      <c r="H131739" s="12"/>
    </row>
    <row r="131740" spans="8:8">
      <c r="H131740" s="12"/>
    </row>
    <row r="131741" spans="8:8">
      <c r="H131741" s="12"/>
    </row>
    <row r="131742" spans="8:8">
      <c r="H131742" s="12"/>
    </row>
    <row r="131743" spans="8:8">
      <c r="H131743" s="12"/>
    </row>
    <row r="131744" spans="8:8">
      <c r="H131744" s="12"/>
    </row>
    <row r="131745" spans="8:8">
      <c r="H131745" s="12"/>
    </row>
    <row r="131746" spans="8:8">
      <c r="H131746" s="12"/>
    </row>
    <row r="131747" spans="8:8">
      <c r="H131747" s="12"/>
    </row>
    <row r="131748" spans="8:8">
      <c r="H131748" s="12"/>
    </row>
    <row r="131749" spans="8:8">
      <c r="H131749" s="12"/>
    </row>
    <row r="131750" spans="8:8">
      <c r="H131750" s="12"/>
    </row>
    <row r="131751" spans="8:8">
      <c r="H131751" s="12"/>
    </row>
    <row r="131752" spans="8:8">
      <c r="H131752" s="12"/>
    </row>
    <row r="131753" spans="8:8">
      <c r="H131753" s="12"/>
    </row>
    <row r="131754" spans="8:8">
      <c r="H131754" s="12"/>
    </row>
    <row r="131755" spans="8:8">
      <c r="H131755" s="12"/>
    </row>
    <row r="131756" spans="8:8">
      <c r="H131756" s="12"/>
    </row>
    <row r="131757" spans="8:8">
      <c r="H131757" s="12"/>
    </row>
    <row r="131758" spans="8:8">
      <c r="H131758" s="12"/>
    </row>
    <row r="131759" spans="8:8">
      <c r="H131759" s="12"/>
    </row>
    <row r="131760" spans="8:8">
      <c r="H131760" s="12"/>
    </row>
    <row r="131761" spans="8:8">
      <c r="H131761" s="12"/>
    </row>
    <row r="131762" spans="8:8">
      <c r="H131762" s="12"/>
    </row>
    <row r="131763" spans="8:8">
      <c r="H131763" s="12"/>
    </row>
    <row r="131764" spans="8:8">
      <c r="H131764" s="12"/>
    </row>
    <row r="131765" spans="8:8">
      <c r="H131765" s="12"/>
    </row>
    <row r="131766" spans="8:8">
      <c r="H131766" s="12"/>
    </row>
    <row r="131767" spans="8:8">
      <c r="H131767" s="12"/>
    </row>
    <row r="131768" spans="8:8">
      <c r="H131768" s="12"/>
    </row>
    <row r="131769" spans="8:8">
      <c r="H131769" s="12"/>
    </row>
    <row r="131770" spans="8:8">
      <c r="H131770" s="12"/>
    </row>
    <row r="131771" spans="8:8">
      <c r="H131771" s="12"/>
    </row>
    <row r="131772" spans="8:8">
      <c r="H131772" s="12"/>
    </row>
    <row r="131773" spans="8:8">
      <c r="H131773" s="12"/>
    </row>
    <row r="131774" spans="8:8">
      <c r="H131774" s="12"/>
    </row>
    <row r="131775" spans="8:8">
      <c r="H131775" s="12"/>
    </row>
    <row r="131776" spans="8:8">
      <c r="H131776" s="12"/>
    </row>
    <row r="131777" spans="8:8">
      <c r="H131777" s="12"/>
    </row>
    <row r="131778" spans="8:8">
      <c r="H131778" s="12"/>
    </row>
    <row r="131779" spans="8:8">
      <c r="H131779" s="12"/>
    </row>
    <row r="131780" spans="8:8">
      <c r="H131780" s="12"/>
    </row>
    <row r="131781" spans="8:8">
      <c r="H131781" s="12"/>
    </row>
    <row r="131782" spans="8:8">
      <c r="H131782" s="12"/>
    </row>
    <row r="131783" spans="8:8">
      <c r="H131783" s="12"/>
    </row>
    <row r="131784" spans="8:8">
      <c r="H131784" s="12"/>
    </row>
    <row r="131785" spans="8:8">
      <c r="H131785" s="12"/>
    </row>
    <row r="131786" spans="8:8">
      <c r="H131786" s="12"/>
    </row>
    <row r="131787" spans="8:8">
      <c r="H131787" s="12"/>
    </row>
    <row r="131788" spans="8:8">
      <c r="H131788" s="12"/>
    </row>
    <row r="131789" spans="8:8">
      <c r="H131789" s="12"/>
    </row>
    <row r="131790" spans="8:8">
      <c r="H131790" s="12"/>
    </row>
    <row r="131791" spans="8:8">
      <c r="H131791" s="12"/>
    </row>
    <row r="131792" spans="8:8">
      <c r="H131792" s="12"/>
    </row>
    <row r="131793" spans="8:8">
      <c r="H131793" s="12"/>
    </row>
    <row r="131794" spans="8:8">
      <c r="H131794" s="12"/>
    </row>
    <row r="131795" spans="8:8">
      <c r="H131795" s="12"/>
    </row>
    <row r="131796" spans="8:8">
      <c r="H131796" s="12"/>
    </row>
    <row r="131797" spans="8:8">
      <c r="H131797" s="12"/>
    </row>
    <row r="131798" spans="8:8">
      <c r="H131798" s="12"/>
    </row>
    <row r="131799" spans="8:8">
      <c r="H131799" s="12"/>
    </row>
    <row r="131800" spans="8:8">
      <c r="H131800" s="12"/>
    </row>
    <row r="131801" spans="8:8">
      <c r="H131801" s="12"/>
    </row>
    <row r="131802" spans="8:8">
      <c r="H131802" s="12"/>
    </row>
    <row r="131803" spans="8:8">
      <c r="H131803" s="12"/>
    </row>
    <row r="131804" spans="8:8">
      <c r="H131804" s="12"/>
    </row>
    <row r="131805" spans="8:8">
      <c r="H131805" s="12"/>
    </row>
    <row r="131806" spans="8:8">
      <c r="H131806" s="12"/>
    </row>
    <row r="131807" spans="8:8">
      <c r="H131807" s="12"/>
    </row>
    <row r="131808" spans="8:8">
      <c r="H131808" s="12"/>
    </row>
    <row r="131809" spans="8:8">
      <c r="H131809" s="12"/>
    </row>
    <row r="131810" spans="8:8">
      <c r="H131810" s="12"/>
    </row>
    <row r="131811" spans="8:8">
      <c r="H131811" s="12"/>
    </row>
    <row r="131812" spans="8:8">
      <c r="H131812" s="12"/>
    </row>
    <row r="131813" spans="8:8">
      <c r="H131813" s="12"/>
    </row>
    <row r="131814" spans="8:8">
      <c r="H131814" s="12"/>
    </row>
    <row r="131815" spans="8:8">
      <c r="H131815" s="12"/>
    </row>
    <row r="131816" spans="8:8">
      <c r="H131816" s="12"/>
    </row>
    <row r="131817" spans="8:8">
      <c r="H131817" s="12"/>
    </row>
    <row r="131818" spans="8:8">
      <c r="H131818" s="12"/>
    </row>
    <row r="131819" spans="8:8">
      <c r="H131819" s="12"/>
    </row>
    <row r="131820" spans="8:8">
      <c r="H131820" s="12"/>
    </row>
    <row r="131821" spans="8:8">
      <c r="H131821" s="12"/>
    </row>
    <row r="131822" spans="8:8">
      <c r="H131822" s="12"/>
    </row>
    <row r="131823" spans="8:8">
      <c r="H131823" s="12"/>
    </row>
    <row r="131824" spans="8:8">
      <c r="H131824" s="12"/>
    </row>
    <row r="131825" spans="8:8">
      <c r="H131825" s="12"/>
    </row>
    <row r="131826" spans="8:8">
      <c r="H131826" s="12"/>
    </row>
    <row r="131827" spans="8:8">
      <c r="H131827" s="12"/>
    </row>
    <row r="131828" spans="8:8">
      <c r="H131828" s="12"/>
    </row>
    <row r="131829" spans="8:8">
      <c r="H131829" s="12"/>
    </row>
    <row r="131830" spans="8:8">
      <c r="H131830" s="12"/>
    </row>
    <row r="131831" spans="8:8">
      <c r="H131831" s="12"/>
    </row>
    <row r="131832" spans="8:8">
      <c r="H131832" s="12"/>
    </row>
    <row r="131833" spans="8:8">
      <c r="H131833" s="12"/>
    </row>
    <row r="131834" spans="8:8">
      <c r="H131834" s="12"/>
    </row>
    <row r="131835" spans="8:8">
      <c r="H131835" s="12"/>
    </row>
    <row r="131836" spans="8:8">
      <c r="H131836" s="12"/>
    </row>
    <row r="131837" spans="8:8">
      <c r="H131837" s="12"/>
    </row>
    <row r="131838" spans="8:8">
      <c r="H131838" s="12"/>
    </row>
    <row r="131839" spans="8:8">
      <c r="H131839" s="12"/>
    </row>
    <row r="131840" spans="8:8">
      <c r="H131840" s="12"/>
    </row>
    <row r="131841" spans="8:8">
      <c r="H131841" s="12"/>
    </row>
    <row r="131842" spans="8:8">
      <c r="H131842" s="12"/>
    </row>
    <row r="131843" spans="8:8">
      <c r="H131843" s="12"/>
    </row>
    <row r="131844" spans="8:8">
      <c r="H131844" s="12"/>
    </row>
    <row r="131845" spans="8:8">
      <c r="H131845" s="12"/>
    </row>
    <row r="131846" spans="8:8">
      <c r="H131846" s="12"/>
    </row>
    <row r="131847" spans="8:8">
      <c r="H131847" s="12"/>
    </row>
    <row r="131848" spans="8:8">
      <c r="H131848" s="12"/>
    </row>
    <row r="131849" spans="8:8">
      <c r="H131849" s="12"/>
    </row>
    <row r="131850" spans="8:8">
      <c r="H131850" s="12"/>
    </row>
    <row r="131851" spans="8:8">
      <c r="H131851" s="12"/>
    </row>
    <row r="131852" spans="8:8">
      <c r="H131852" s="12"/>
    </row>
    <row r="131853" spans="8:8">
      <c r="H131853" s="12"/>
    </row>
    <row r="131854" spans="8:8">
      <c r="H131854" s="12"/>
    </row>
    <row r="131855" spans="8:8">
      <c r="H131855" s="12"/>
    </row>
    <row r="131856" spans="8:8">
      <c r="H131856" s="12"/>
    </row>
    <row r="131857" spans="8:8">
      <c r="H131857" s="12"/>
    </row>
    <row r="131858" spans="8:8">
      <c r="H131858" s="12"/>
    </row>
    <row r="131859" spans="8:8">
      <c r="H131859" s="12"/>
    </row>
    <row r="131860" spans="8:8">
      <c r="H131860" s="12"/>
    </row>
    <row r="131861" spans="8:8">
      <c r="H131861" s="12"/>
    </row>
    <row r="131862" spans="8:8">
      <c r="H131862" s="12"/>
    </row>
    <row r="131863" spans="8:8">
      <c r="H131863" s="12"/>
    </row>
    <row r="131864" spans="8:8">
      <c r="H131864" s="12"/>
    </row>
    <row r="131865" spans="8:8">
      <c r="H131865" s="12"/>
    </row>
    <row r="131866" spans="8:8">
      <c r="H131866" s="12"/>
    </row>
    <row r="131867" spans="8:8">
      <c r="H131867" s="12"/>
    </row>
    <row r="131868" spans="8:8">
      <c r="H131868" s="12"/>
    </row>
    <row r="131869" spans="8:8">
      <c r="H131869" s="12"/>
    </row>
    <row r="131870" spans="8:8">
      <c r="H131870" s="12"/>
    </row>
    <row r="131871" spans="8:8">
      <c r="H131871" s="12"/>
    </row>
    <row r="131872" spans="8:8">
      <c r="H131872" s="12"/>
    </row>
    <row r="131873" spans="8:8">
      <c r="H131873" s="12"/>
    </row>
    <row r="131874" spans="8:8">
      <c r="H131874" s="12"/>
    </row>
    <row r="131875" spans="8:8">
      <c r="H131875" s="12"/>
    </row>
    <row r="131876" spans="8:8">
      <c r="H131876" s="12"/>
    </row>
    <row r="131877" spans="8:8">
      <c r="H131877" s="12"/>
    </row>
    <row r="131878" spans="8:8">
      <c r="H131878" s="12"/>
    </row>
    <row r="131879" spans="8:8">
      <c r="H131879" s="12"/>
    </row>
    <row r="131880" spans="8:8">
      <c r="H131880" s="12"/>
    </row>
    <row r="131881" spans="8:8">
      <c r="H131881" s="12"/>
    </row>
    <row r="131882" spans="8:8">
      <c r="H131882" s="12"/>
    </row>
    <row r="131883" spans="8:8">
      <c r="H131883" s="12"/>
    </row>
    <row r="131884" spans="8:8">
      <c r="H131884" s="12"/>
    </row>
    <row r="131885" spans="8:8">
      <c r="H131885" s="12"/>
    </row>
    <row r="131886" spans="8:8">
      <c r="H131886" s="12"/>
    </row>
    <row r="131887" spans="8:8">
      <c r="H131887" s="12"/>
    </row>
    <row r="131888" spans="8:8">
      <c r="H131888" s="12"/>
    </row>
    <row r="131889" spans="8:8">
      <c r="H131889" s="12"/>
    </row>
    <row r="131890" spans="8:8">
      <c r="H131890" s="12"/>
    </row>
    <row r="131891" spans="8:8">
      <c r="H131891" s="12"/>
    </row>
    <row r="131892" spans="8:8">
      <c r="H131892" s="12"/>
    </row>
    <row r="131893" spans="8:8">
      <c r="H131893" s="12"/>
    </row>
    <row r="131894" spans="8:8">
      <c r="H131894" s="12"/>
    </row>
    <row r="131895" spans="8:8">
      <c r="H131895" s="12"/>
    </row>
    <row r="131896" spans="8:8">
      <c r="H131896" s="12"/>
    </row>
    <row r="131897" spans="8:8">
      <c r="H131897" s="12"/>
    </row>
    <row r="131898" spans="8:8">
      <c r="H131898" s="12"/>
    </row>
    <row r="131899" spans="8:8">
      <c r="H131899" s="12"/>
    </row>
    <row r="131900" spans="8:8">
      <c r="H131900" s="12"/>
    </row>
    <row r="131901" spans="8:8">
      <c r="H131901" s="12"/>
    </row>
    <row r="131902" spans="8:8">
      <c r="H131902" s="12"/>
    </row>
    <row r="131903" spans="8:8">
      <c r="H131903" s="12"/>
    </row>
    <row r="131904" spans="8:8">
      <c r="H131904" s="12"/>
    </row>
    <row r="131905" spans="8:8">
      <c r="H131905" s="12"/>
    </row>
    <row r="131906" spans="8:8">
      <c r="H131906" s="12"/>
    </row>
    <row r="131907" spans="8:8">
      <c r="H131907" s="12"/>
    </row>
    <row r="131908" spans="8:8">
      <c r="H131908" s="12"/>
    </row>
    <row r="131909" spans="8:8">
      <c r="H131909" s="12"/>
    </row>
    <row r="131910" spans="8:8">
      <c r="H131910" s="12"/>
    </row>
    <row r="131911" spans="8:8">
      <c r="H131911" s="12"/>
    </row>
    <row r="131912" spans="8:8">
      <c r="H131912" s="12"/>
    </row>
    <row r="131913" spans="8:8">
      <c r="H131913" s="12"/>
    </row>
    <row r="131914" spans="8:8">
      <c r="H131914" s="12"/>
    </row>
    <row r="131915" spans="8:8">
      <c r="H131915" s="12"/>
    </row>
    <row r="131916" spans="8:8">
      <c r="H131916" s="12"/>
    </row>
    <row r="131917" spans="8:8">
      <c r="H131917" s="12"/>
    </row>
    <row r="131918" spans="8:8">
      <c r="H131918" s="12"/>
    </row>
    <row r="131919" spans="8:8">
      <c r="H131919" s="12"/>
    </row>
    <row r="131920" spans="8:8">
      <c r="H131920" s="12"/>
    </row>
    <row r="131921" spans="8:8">
      <c r="H131921" s="12"/>
    </row>
    <row r="131922" spans="8:8">
      <c r="H131922" s="12"/>
    </row>
    <row r="131923" spans="8:8">
      <c r="H131923" s="12"/>
    </row>
    <row r="131924" spans="8:8">
      <c r="H131924" s="12"/>
    </row>
    <row r="131925" spans="8:8">
      <c r="H131925" s="12"/>
    </row>
    <row r="131926" spans="8:8">
      <c r="H131926" s="12"/>
    </row>
    <row r="131927" spans="8:8">
      <c r="H131927" s="12"/>
    </row>
    <row r="131928" spans="8:8">
      <c r="H131928" s="12"/>
    </row>
    <row r="131929" spans="8:8">
      <c r="H131929" s="12"/>
    </row>
    <row r="131930" spans="8:8">
      <c r="H131930" s="12"/>
    </row>
    <row r="131931" spans="8:8">
      <c r="H131931" s="12"/>
    </row>
    <row r="131932" spans="8:8">
      <c r="H131932" s="12"/>
    </row>
    <row r="131933" spans="8:8">
      <c r="H131933" s="12"/>
    </row>
    <row r="131934" spans="8:8">
      <c r="H131934" s="12"/>
    </row>
    <row r="131935" spans="8:8">
      <c r="H131935" s="12"/>
    </row>
    <row r="131936" spans="8:8">
      <c r="H131936" s="12"/>
    </row>
    <row r="131937" spans="8:8">
      <c r="H131937" s="12"/>
    </row>
    <row r="131938" spans="8:8">
      <c r="H131938" s="12"/>
    </row>
    <row r="131939" spans="8:8">
      <c r="H131939" s="12"/>
    </row>
    <row r="131940" spans="8:8">
      <c r="H131940" s="12"/>
    </row>
    <row r="131941" spans="8:8">
      <c r="H131941" s="12"/>
    </row>
    <row r="131942" spans="8:8">
      <c r="H131942" s="12"/>
    </row>
    <row r="131943" spans="8:8">
      <c r="H131943" s="12"/>
    </row>
    <row r="131944" spans="8:8">
      <c r="H131944" s="12"/>
    </row>
    <row r="131945" spans="8:8">
      <c r="H131945" s="12"/>
    </row>
    <row r="131946" spans="8:8">
      <c r="H131946" s="12"/>
    </row>
    <row r="131947" spans="8:8">
      <c r="H131947" s="12"/>
    </row>
    <row r="131948" spans="8:8">
      <c r="H131948" s="12"/>
    </row>
    <row r="131949" spans="8:8">
      <c r="H131949" s="12"/>
    </row>
    <row r="131950" spans="8:8">
      <c r="H131950" s="12"/>
    </row>
    <row r="131951" spans="8:8">
      <c r="H131951" s="12"/>
    </row>
    <row r="131952" spans="8:8">
      <c r="H131952" s="12"/>
    </row>
    <row r="131953" spans="8:8">
      <c r="H131953" s="12"/>
    </row>
    <row r="131954" spans="8:8">
      <c r="H131954" s="12"/>
    </row>
    <row r="131955" spans="8:8">
      <c r="H131955" s="12"/>
    </row>
    <row r="131956" spans="8:8">
      <c r="H131956" s="12"/>
    </row>
    <row r="131957" spans="8:8">
      <c r="H131957" s="12"/>
    </row>
    <row r="131958" spans="8:8">
      <c r="H131958" s="12"/>
    </row>
    <row r="131959" spans="8:8">
      <c r="H131959" s="12"/>
    </row>
    <row r="131960" spans="8:8">
      <c r="H131960" s="12"/>
    </row>
    <row r="131961" spans="8:8">
      <c r="H131961" s="12"/>
    </row>
    <row r="131962" spans="8:8">
      <c r="H131962" s="12"/>
    </row>
    <row r="131963" spans="8:8">
      <c r="H131963" s="12"/>
    </row>
    <row r="131964" spans="8:8">
      <c r="H131964" s="12"/>
    </row>
    <row r="131965" spans="8:8">
      <c r="H131965" s="12"/>
    </row>
    <row r="131966" spans="8:8">
      <c r="H131966" s="12"/>
    </row>
    <row r="131967" spans="8:8">
      <c r="H131967" s="12"/>
    </row>
    <row r="131968" spans="8:8">
      <c r="H131968" s="12"/>
    </row>
    <row r="131969" spans="8:8">
      <c r="H131969" s="12"/>
    </row>
    <row r="131970" spans="8:8">
      <c r="H131970" s="12"/>
    </row>
    <row r="131971" spans="8:8">
      <c r="H131971" s="12"/>
    </row>
    <row r="131972" spans="8:8">
      <c r="H131972" s="12"/>
    </row>
    <row r="131973" spans="8:8">
      <c r="H131973" s="12"/>
    </row>
    <row r="131974" spans="8:8">
      <c r="H131974" s="12"/>
    </row>
    <row r="131975" spans="8:8">
      <c r="H131975" s="12"/>
    </row>
    <row r="131976" spans="8:8">
      <c r="H131976" s="12"/>
    </row>
    <row r="131977" spans="8:8">
      <c r="H131977" s="12"/>
    </row>
    <row r="131978" spans="8:8">
      <c r="H131978" s="12"/>
    </row>
    <row r="131979" spans="8:8">
      <c r="H131979" s="12"/>
    </row>
    <row r="131980" spans="8:8">
      <c r="H131980" s="12"/>
    </row>
    <row r="131981" spans="8:8">
      <c r="H131981" s="12"/>
    </row>
    <row r="131982" spans="8:8">
      <c r="H131982" s="12"/>
    </row>
    <row r="131983" spans="8:8">
      <c r="H131983" s="12"/>
    </row>
    <row r="131984" spans="8:8">
      <c r="H131984" s="12"/>
    </row>
    <row r="131985" spans="8:8">
      <c r="H131985" s="12"/>
    </row>
    <row r="131986" spans="8:8">
      <c r="H131986" s="12"/>
    </row>
    <row r="131987" spans="8:8">
      <c r="H131987" s="12"/>
    </row>
    <row r="131988" spans="8:8">
      <c r="H131988" s="12"/>
    </row>
    <row r="131989" spans="8:8">
      <c r="H131989" s="12"/>
    </row>
    <row r="131990" spans="8:8">
      <c r="H131990" s="12"/>
    </row>
    <row r="131991" spans="8:8">
      <c r="H131991" s="12"/>
    </row>
    <row r="131992" spans="8:8">
      <c r="H131992" s="12"/>
    </row>
    <row r="131993" spans="8:8">
      <c r="H131993" s="12"/>
    </row>
    <row r="131994" spans="8:8">
      <c r="H131994" s="12"/>
    </row>
    <row r="131995" spans="8:8">
      <c r="H131995" s="12"/>
    </row>
    <row r="131996" spans="8:8">
      <c r="H131996" s="12"/>
    </row>
    <row r="131997" spans="8:8">
      <c r="H131997" s="12"/>
    </row>
    <row r="131998" spans="8:8">
      <c r="H131998" s="12"/>
    </row>
    <row r="131999" spans="8:8">
      <c r="H131999" s="12"/>
    </row>
    <row r="132000" spans="8:8">
      <c r="H132000" s="12"/>
    </row>
    <row r="132001" spans="8:8">
      <c r="H132001" s="12"/>
    </row>
    <row r="132002" spans="8:8">
      <c r="H132002" s="12"/>
    </row>
    <row r="132003" spans="8:8">
      <c r="H132003" s="12"/>
    </row>
    <row r="132004" spans="8:8">
      <c r="H132004" s="12"/>
    </row>
    <row r="132005" spans="8:8">
      <c r="H132005" s="12"/>
    </row>
    <row r="132006" spans="8:8">
      <c r="H132006" s="12"/>
    </row>
    <row r="132007" spans="8:8">
      <c r="H132007" s="12"/>
    </row>
    <row r="132008" spans="8:8">
      <c r="H132008" s="12"/>
    </row>
    <row r="132009" spans="8:8">
      <c r="H132009" s="12"/>
    </row>
    <row r="132010" spans="8:8">
      <c r="H132010" s="12"/>
    </row>
    <row r="132011" spans="8:8">
      <c r="H132011" s="12"/>
    </row>
    <row r="132012" spans="8:8">
      <c r="H132012" s="12"/>
    </row>
    <row r="132013" spans="8:8">
      <c r="H132013" s="12"/>
    </row>
    <row r="132014" spans="8:8">
      <c r="H132014" s="12"/>
    </row>
    <row r="132015" spans="8:8">
      <c r="H132015" s="12"/>
    </row>
    <row r="132016" spans="8:8">
      <c r="H132016" s="12"/>
    </row>
    <row r="132017" spans="8:8">
      <c r="H132017" s="12"/>
    </row>
    <row r="132018" spans="8:8">
      <c r="H132018" s="12"/>
    </row>
    <row r="132019" spans="8:8">
      <c r="H132019" s="12"/>
    </row>
    <row r="132020" spans="8:8">
      <c r="H132020" s="12"/>
    </row>
    <row r="132021" spans="8:8">
      <c r="H132021" s="12"/>
    </row>
    <row r="132022" spans="8:8">
      <c r="H132022" s="12"/>
    </row>
    <row r="132023" spans="8:8">
      <c r="H132023" s="12"/>
    </row>
    <row r="132024" spans="8:8">
      <c r="H132024" s="12"/>
    </row>
    <row r="132025" spans="8:8">
      <c r="H132025" s="12"/>
    </row>
    <row r="132026" spans="8:8">
      <c r="H132026" s="12"/>
    </row>
    <row r="132027" spans="8:8">
      <c r="H132027" s="12"/>
    </row>
    <row r="132028" spans="8:8">
      <c r="H132028" s="12"/>
    </row>
    <row r="132029" spans="8:8">
      <c r="H132029" s="12"/>
    </row>
    <row r="132030" spans="8:8">
      <c r="H132030" s="12"/>
    </row>
    <row r="132031" spans="8:8">
      <c r="H132031" s="12"/>
    </row>
    <row r="132032" spans="8:8">
      <c r="H132032" s="12"/>
    </row>
    <row r="132033" spans="8:8">
      <c r="H132033" s="12"/>
    </row>
    <row r="132034" spans="8:8">
      <c r="H132034" s="12"/>
    </row>
    <row r="132035" spans="8:8">
      <c r="H132035" s="12"/>
    </row>
    <row r="132036" spans="8:8">
      <c r="H132036" s="12"/>
    </row>
    <row r="132037" spans="8:8">
      <c r="H132037" s="12"/>
    </row>
    <row r="132038" spans="8:8">
      <c r="H132038" s="12"/>
    </row>
    <row r="132039" spans="8:8">
      <c r="H132039" s="12"/>
    </row>
    <row r="132040" spans="8:8">
      <c r="H132040" s="12"/>
    </row>
    <row r="132041" spans="8:8">
      <c r="H132041" s="12"/>
    </row>
    <row r="132042" spans="8:8">
      <c r="H132042" s="12"/>
    </row>
    <row r="132043" spans="8:8">
      <c r="H132043" s="12"/>
    </row>
    <row r="132044" spans="8:8">
      <c r="H132044" s="12"/>
    </row>
    <row r="132045" spans="8:8">
      <c r="H132045" s="12"/>
    </row>
    <row r="132046" spans="8:8">
      <c r="H132046" s="12"/>
    </row>
    <row r="132047" spans="8:8">
      <c r="H132047" s="12"/>
    </row>
    <row r="132048" spans="8:8">
      <c r="H132048" s="12"/>
    </row>
    <row r="132049" spans="8:8">
      <c r="H132049" s="12"/>
    </row>
    <row r="132050" spans="8:8">
      <c r="H132050" s="12"/>
    </row>
    <row r="132051" spans="8:8">
      <c r="H132051" s="12"/>
    </row>
    <row r="132052" spans="8:8">
      <c r="H132052" s="12"/>
    </row>
    <row r="132053" spans="8:8">
      <c r="H132053" s="12"/>
    </row>
    <row r="132054" spans="8:8">
      <c r="H132054" s="12"/>
    </row>
    <row r="132055" spans="8:8">
      <c r="H132055" s="12"/>
    </row>
    <row r="132056" spans="8:8">
      <c r="H132056" s="12"/>
    </row>
    <row r="132057" spans="8:8">
      <c r="H132057" s="12"/>
    </row>
    <row r="132058" spans="8:8">
      <c r="H132058" s="12"/>
    </row>
    <row r="132059" spans="8:8">
      <c r="H132059" s="12"/>
    </row>
    <row r="132060" spans="8:8">
      <c r="H132060" s="12"/>
    </row>
    <row r="132061" spans="8:8">
      <c r="H132061" s="12"/>
    </row>
    <row r="132062" spans="8:8">
      <c r="H132062" s="12"/>
    </row>
    <row r="132063" spans="8:8">
      <c r="H132063" s="12"/>
    </row>
    <row r="132064" spans="8:8">
      <c r="H132064" s="12"/>
    </row>
    <row r="132065" spans="8:8">
      <c r="H132065" s="12"/>
    </row>
    <row r="132066" spans="8:8">
      <c r="H132066" s="12"/>
    </row>
    <row r="132067" spans="8:8">
      <c r="H132067" s="12"/>
    </row>
    <row r="132068" spans="8:8">
      <c r="H132068" s="12"/>
    </row>
    <row r="132069" spans="8:8">
      <c r="H132069" s="12"/>
    </row>
    <row r="132070" spans="8:8">
      <c r="H132070" s="12"/>
    </row>
    <row r="132071" spans="8:8">
      <c r="H132071" s="12"/>
    </row>
    <row r="132072" spans="8:8">
      <c r="H132072" s="12"/>
    </row>
    <row r="132073" spans="8:8">
      <c r="H132073" s="12"/>
    </row>
    <row r="132074" spans="8:8">
      <c r="H132074" s="12"/>
    </row>
    <row r="132075" spans="8:8">
      <c r="H132075" s="12"/>
    </row>
    <row r="132076" spans="8:8">
      <c r="H132076" s="12"/>
    </row>
    <row r="132077" spans="8:8">
      <c r="H132077" s="12"/>
    </row>
    <row r="132078" spans="8:8">
      <c r="H132078" s="12"/>
    </row>
    <row r="132079" spans="8:8">
      <c r="H132079" s="12"/>
    </row>
    <row r="132080" spans="8:8">
      <c r="H132080" s="12"/>
    </row>
    <row r="132081" spans="8:8">
      <c r="H132081" s="12"/>
    </row>
    <row r="132082" spans="8:8">
      <c r="H132082" s="12"/>
    </row>
    <row r="132083" spans="8:8">
      <c r="H132083" s="12"/>
    </row>
    <row r="132084" spans="8:8">
      <c r="H132084" s="12"/>
    </row>
    <row r="132085" spans="8:8">
      <c r="H132085" s="12"/>
    </row>
    <row r="132086" spans="8:8">
      <c r="H132086" s="12"/>
    </row>
    <row r="132087" spans="8:8">
      <c r="H132087" s="12"/>
    </row>
    <row r="132088" spans="8:8">
      <c r="H132088" s="12"/>
    </row>
    <row r="132089" spans="8:8">
      <c r="H132089" s="12"/>
    </row>
    <row r="132090" spans="8:8">
      <c r="H132090" s="12"/>
    </row>
    <row r="132091" spans="8:8">
      <c r="H132091" s="12"/>
    </row>
    <row r="132092" spans="8:8">
      <c r="H132092" s="12"/>
    </row>
    <row r="132093" spans="8:8">
      <c r="H132093" s="12"/>
    </row>
    <row r="132094" spans="8:8">
      <c r="H132094" s="12"/>
    </row>
    <row r="132095" spans="8:8">
      <c r="H132095" s="12"/>
    </row>
    <row r="132096" spans="8:8">
      <c r="H132096" s="12"/>
    </row>
    <row r="132097" spans="8:8">
      <c r="H132097" s="12"/>
    </row>
    <row r="132098" spans="8:8">
      <c r="H132098" s="12"/>
    </row>
    <row r="132099" spans="8:8">
      <c r="H132099" s="12"/>
    </row>
    <row r="132100" spans="8:8">
      <c r="H132100" s="12"/>
    </row>
    <row r="132101" spans="8:8">
      <c r="H132101" s="12"/>
    </row>
    <row r="132102" spans="8:8">
      <c r="H132102" s="12"/>
    </row>
    <row r="132103" spans="8:8">
      <c r="H132103" s="12"/>
    </row>
    <row r="132104" spans="8:8">
      <c r="H132104" s="12"/>
    </row>
    <row r="132105" spans="8:8">
      <c r="H132105" s="12"/>
    </row>
    <row r="132106" spans="8:8">
      <c r="H132106" s="12"/>
    </row>
    <row r="132107" spans="8:8">
      <c r="H132107" s="12"/>
    </row>
    <row r="132108" spans="8:8">
      <c r="H132108" s="12"/>
    </row>
    <row r="132109" spans="8:8">
      <c r="H132109" s="12"/>
    </row>
    <row r="132110" spans="8:8">
      <c r="H132110" s="12"/>
    </row>
    <row r="132111" spans="8:8">
      <c r="H132111" s="12"/>
    </row>
    <row r="132112" spans="8:8">
      <c r="H132112" s="12"/>
    </row>
    <row r="132113" spans="8:8">
      <c r="H132113" s="12"/>
    </row>
    <row r="132114" spans="8:8">
      <c r="H132114" s="12"/>
    </row>
    <row r="132115" spans="8:8">
      <c r="H132115" s="12"/>
    </row>
    <row r="132116" spans="8:8">
      <c r="H132116" s="12"/>
    </row>
    <row r="132117" spans="8:8">
      <c r="H132117" s="12"/>
    </row>
    <row r="132118" spans="8:8">
      <c r="H132118" s="12"/>
    </row>
    <row r="132119" spans="8:8">
      <c r="H132119" s="12"/>
    </row>
    <row r="132120" spans="8:8">
      <c r="H132120" s="12"/>
    </row>
    <row r="132121" spans="8:8">
      <c r="H132121" s="12"/>
    </row>
    <row r="132122" spans="8:8">
      <c r="H132122" s="12"/>
    </row>
    <row r="132123" spans="8:8">
      <c r="H132123" s="12"/>
    </row>
    <row r="132124" spans="8:8">
      <c r="H132124" s="12"/>
    </row>
    <row r="132125" spans="8:8">
      <c r="H132125" s="12"/>
    </row>
    <row r="132126" spans="8:8">
      <c r="H132126" s="12"/>
    </row>
    <row r="132127" spans="8:8">
      <c r="H132127" s="12"/>
    </row>
    <row r="132128" spans="8:8">
      <c r="H132128" s="12"/>
    </row>
    <row r="132129" spans="8:8">
      <c r="H132129" s="12"/>
    </row>
    <row r="132130" spans="8:8">
      <c r="H132130" s="12"/>
    </row>
    <row r="132131" spans="8:8">
      <c r="H132131" s="12"/>
    </row>
    <row r="132132" spans="8:8">
      <c r="H132132" s="12"/>
    </row>
    <row r="132133" spans="8:8">
      <c r="H132133" s="12"/>
    </row>
    <row r="132134" spans="8:8">
      <c r="H132134" s="12"/>
    </row>
    <row r="132135" spans="8:8">
      <c r="H132135" s="12"/>
    </row>
    <row r="132136" spans="8:8">
      <c r="H132136" s="12"/>
    </row>
    <row r="132137" spans="8:8">
      <c r="H132137" s="12"/>
    </row>
    <row r="132138" spans="8:8">
      <c r="H132138" s="12"/>
    </row>
    <row r="132139" spans="8:8">
      <c r="H132139" s="12"/>
    </row>
    <row r="132140" spans="8:8">
      <c r="H132140" s="12"/>
    </row>
    <row r="132141" spans="8:8">
      <c r="H132141" s="12"/>
    </row>
    <row r="132142" spans="8:8">
      <c r="H132142" s="12"/>
    </row>
    <row r="132143" spans="8:8">
      <c r="H132143" s="12"/>
    </row>
    <row r="132144" spans="8:8">
      <c r="H132144" s="12"/>
    </row>
    <row r="132145" spans="8:8">
      <c r="H132145" s="12"/>
    </row>
    <row r="132146" spans="8:8">
      <c r="H132146" s="12"/>
    </row>
    <row r="132147" spans="8:8">
      <c r="H132147" s="12"/>
    </row>
    <row r="132148" spans="8:8">
      <c r="H132148" s="12"/>
    </row>
    <row r="132149" spans="8:8">
      <c r="H132149" s="12"/>
    </row>
    <row r="132150" spans="8:8">
      <c r="H132150" s="12"/>
    </row>
    <row r="132151" spans="8:8">
      <c r="H132151" s="12"/>
    </row>
    <row r="132152" spans="8:8">
      <c r="H132152" s="12"/>
    </row>
    <row r="132153" spans="8:8">
      <c r="H132153" s="12"/>
    </row>
    <row r="132154" spans="8:8">
      <c r="H132154" s="12"/>
    </row>
    <row r="132155" spans="8:8">
      <c r="H132155" s="12"/>
    </row>
    <row r="132156" spans="8:8">
      <c r="H132156" s="12"/>
    </row>
    <row r="132157" spans="8:8">
      <c r="H132157" s="12"/>
    </row>
    <row r="132158" spans="8:8">
      <c r="H132158" s="12"/>
    </row>
    <row r="132159" spans="8:8">
      <c r="H132159" s="12"/>
    </row>
    <row r="132160" spans="8:8">
      <c r="H132160" s="12"/>
    </row>
    <row r="132161" spans="8:8">
      <c r="H132161" s="12"/>
    </row>
    <row r="132162" spans="8:8">
      <c r="H132162" s="12"/>
    </row>
    <row r="132163" spans="8:8">
      <c r="H132163" s="12"/>
    </row>
    <row r="132164" spans="8:8">
      <c r="H132164" s="12"/>
    </row>
    <row r="132165" spans="8:8">
      <c r="H132165" s="12"/>
    </row>
    <row r="132166" spans="8:8">
      <c r="H132166" s="12"/>
    </row>
    <row r="132167" spans="8:8">
      <c r="H132167" s="12"/>
    </row>
    <row r="132168" spans="8:8">
      <c r="H132168" s="12"/>
    </row>
    <row r="132169" spans="8:8">
      <c r="H132169" s="12"/>
    </row>
    <row r="132170" spans="8:8">
      <c r="H132170" s="12"/>
    </row>
    <row r="132171" spans="8:8">
      <c r="H132171" s="12"/>
    </row>
    <row r="132172" spans="8:8">
      <c r="H132172" s="12"/>
    </row>
    <row r="132173" spans="8:8">
      <c r="H132173" s="12"/>
    </row>
    <row r="132174" spans="8:8">
      <c r="H132174" s="12"/>
    </row>
    <row r="132175" spans="8:8">
      <c r="H132175" s="12"/>
    </row>
    <row r="132176" spans="8:8">
      <c r="H132176" s="12"/>
    </row>
    <row r="132177" spans="8:8">
      <c r="H132177" s="12"/>
    </row>
    <row r="132178" spans="8:8">
      <c r="H132178" s="12"/>
    </row>
    <row r="132179" spans="8:8">
      <c r="H132179" s="12"/>
    </row>
    <row r="132180" spans="8:8">
      <c r="H132180" s="12"/>
    </row>
    <row r="132181" spans="8:8">
      <c r="H132181" s="12"/>
    </row>
    <row r="132182" spans="8:8">
      <c r="H132182" s="12"/>
    </row>
    <row r="132183" spans="8:8">
      <c r="H132183" s="12"/>
    </row>
    <row r="132184" spans="8:8">
      <c r="H132184" s="12"/>
    </row>
    <row r="132185" spans="8:8">
      <c r="H132185" s="12"/>
    </row>
    <row r="132186" spans="8:8">
      <c r="H132186" s="12"/>
    </row>
    <row r="132187" spans="8:8">
      <c r="H132187" s="12"/>
    </row>
    <row r="132188" spans="8:8">
      <c r="H132188" s="12"/>
    </row>
    <row r="132189" spans="8:8">
      <c r="H132189" s="12"/>
    </row>
    <row r="132190" spans="8:8">
      <c r="H132190" s="12"/>
    </row>
    <row r="132191" spans="8:8">
      <c r="H132191" s="12"/>
    </row>
    <row r="132192" spans="8:8">
      <c r="H132192" s="12"/>
    </row>
    <row r="132193" spans="8:8">
      <c r="H132193" s="12"/>
    </row>
    <row r="132194" spans="8:8">
      <c r="H132194" s="12"/>
    </row>
    <row r="132195" spans="8:8">
      <c r="H132195" s="12"/>
    </row>
    <row r="132196" spans="8:8">
      <c r="H132196" s="12"/>
    </row>
    <row r="132197" spans="8:8">
      <c r="H132197" s="12"/>
    </row>
    <row r="132198" spans="8:8">
      <c r="H132198" s="12"/>
    </row>
    <row r="132199" spans="8:8">
      <c r="H132199" s="12"/>
    </row>
    <row r="132200" spans="8:8">
      <c r="H132200" s="12"/>
    </row>
    <row r="132201" spans="8:8">
      <c r="H132201" s="12"/>
    </row>
    <row r="132202" spans="8:8">
      <c r="H132202" s="12"/>
    </row>
    <row r="132203" spans="8:8">
      <c r="H132203" s="12"/>
    </row>
    <row r="132204" spans="8:8">
      <c r="H132204" s="12"/>
    </row>
    <row r="132205" spans="8:8">
      <c r="H132205" s="12"/>
    </row>
    <row r="132206" spans="8:8">
      <c r="H132206" s="12"/>
    </row>
    <row r="132207" spans="8:8">
      <c r="H132207" s="12"/>
    </row>
    <row r="132208" spans="8:8">
      <c r="H132208" s="12"/>
    </row>
    <row r="132209" spans="8:8">
      <c r="H132209" s="12"/>
    </row>
    <row r="132210" spans="8:8">
      <c r="H132210" s="12"/>
    </row>
    <row r="132211" spans="8:8">
      <c r="H132211" s="12"/>
    </row>
    <row r="132212" spans="8:8">
      <c r="H132212" s="12"/>
    </row>
    <row r="132213" spans="8:8">
      <c r="H132213" s="12"/>
    </row>
    <row r="132214" spans="8:8">
      <c r="H132214" s="12"/>
    </row>
    <row r="132215" spans="8:8">
      <c r="H132215" s="12"/>
    </row>
    <row r="132216" spans="8:8">
      <c r="H132216" s="12"/>
    </row>
    <row r="132217" spans="8:8">
      <c r="H132217" s="12"/>
    </row>
    <row r="132218" spans="8:8">
      <c r="H132218" s="12"/>
    </row>
    <row r="132219" spans="8:8">
      <c r="H132219" s="12"/>
    </row>
    <row r="132220" spans="8:8">
      <c r="H132220" s="12"/>
    </row>
    <row r="132221" spans="8:8">
      <c r="H132221" s="12"/>
    </row>
    <row r="132222" spans="8:8">
      <c r="H132222" s="12"/>
    </row>
    <row r="132223" spans="8:8">
      <c r="H132223" s="12"/>
    </row>
    <row r="132224" spans="8:8">
      <c r="H132224" s="12"/>
    </row>
    <row r="132225" spans="8:8">
      <c r="H132225" s="12"/>
    </row>
    <row r="132226" spans="8:8">
      <c r="H132226" s="12"/>
    </row>
    <row r="132227" spans="8:8">
      <c r="H132227" s="12"/>
    </row>
    <row r="132228" spans="8:8">
      <c r="H132228" s="12"/>
    </row>
    <row r="132229" spans="8:8">
      <c r="H132229" s="12"/>
    </row>
    <row r="132230" spans="8:8">
      <c r="H132230" s="12"/>
    </row>
    <row r="132231" spans="8:8">
      <c r="H132231" s="12"/>
    </row>
    <row r="132232" spans="8:8">
      <c r="H132232" s="12"/>
    </row>
    <row r="132233" spans="8:8">
      <c r="H132233" s="12"/>
    </row>
    <row r="132234" spans="8:8">
      <c r="H132234" s="12"/>
    </row>
    <row r="132235" spans="8:8">
      <c r="H132235" s="12"/>
    </row>
    <row r="132236" spans="8:8">
      <c r="H132236" s="12"/>
    </row>
    <row r="132237" spans="8:8">
      <c r="H132237" s="12"/>
    </row>
    <row r="132238" spans="8:8">
      <c r="H132238" s="12"/>
    </row>
    <row r="132239" spans="8:8">
      <c r="H132239" s="12"/>
    </row>
    <row r="132240" spans="8:8">
      <c r="H132240" s="12"/>
    </row>
    <row r="132241" spans="8:8">
      <c r="H132241" s="12"/>
    </row>
    <row r="132242" spans="8:8">
      <c r="H132242" s="12"/>
    </row>
    <row r="132243" spans="8:8">
      <c r="H132243" s="12"/>
    </row>
    <row r="132244" spans="8:8">
      <c r="H132244" s="12"/>
    </row>
    <row r="132245" spans="8:8">
      <c r="H132245" s="12"/>
    </row>
    <row r="132246" spans="8:8">
      <c r="H132246" s="12"/>
    </row>
    <row r="132247" spans="8:8">
      <c r="H132247" s="12"/>
    </row>
    <row r="132248" spans="8:8">
      <c r="H132248" s="12"/>
    </row>
    <row r="132249" spans="8:8">
      <c r="H132249" s="12"/>
    </row>
    <row r="132250" spans="8:8">
      <c r="H132250" s="12"/>
    </row>
    <row r="132251" spans="8:8">
      <c r="H132251" s="12"/>
    </row>
    <row r="132252" spans="8:8">
      <c r="H132252" s="12"/>
    </row>
    <row r="132253" spans="8:8">
      <c r="H132253" s="12"/>
    </row>
    <row r="132254" spans="8:8">
      <c r="H132254" s="12"/>
    </row>
    <row r="132255" spans="8:8">
      <c r="H132255" s="12"/>
    </row>
    <row r="132256" spans="8:8">
      <c r="H132256" s="12"/>
    </row>
    <row r="132257" spans="8:8">
      <c r="H132257" s="12"/>
    </row>
    <row r="132258" spans="8:8">
      <c r="H132258" s="12"/>
    </row>
    <row r="132259" spans="8:8">
      <c r="H132259" s="12"/>
    </row>
    <row r="132260" spans="8:8">
      <c r="H132260" s="12"/>
    </row>
    <row r="132261" spans="8:8">
      <c r="H132261" s="12"/>
    </row>
    <row r="132262" spans="8:8">
      <c r="H132262" s="12"/>
    </row>
    <row r="132263" spans="8:8">
      <c r="H132263" s="12"/>
    </row>
    <row r="132264" spans="8:8">
      <c r="H132264" s="12"/>
    </row>
    <row r="132265" spans="8:8">
      <c r="H132265" s="12"/>
    </row>
    <row r="132266" spans="8:8">
      <c r="H132266" s="12"/>
    </row>
    <row r="132267" spans="8:8">
      <c r="H132267" s="12"/>
    </row>
    <row r="132268" spans="8:8">
      <c r="H132268" s="12"/>
    </row>
    <row r="132269" spans="8:8">
      <c r="H132269" s="12"/>
    </row>
    <row r="132270" spans="8:8">
      <c r="H132270" s="12"/>
    </row>
    <row r="132271" spans="8:8">
      <c r="H132271" s="12"/>
    </row>
    <row r="132272" spans="8:8">
      <c r="H132272" s="12"/>
    </row>
    <row r="132273" spans="8:8">
      <c r="H132273" s="12"/>
    </row>
    <row r="132274" spans="8:8">
      <c r="H132274" s="12"/>
    </row>
    <row r="132275" spans="8:8">
      <c r="H132275" s="12"/>
    </row>
    <row r="132276" spans="8:8">
      <c r="H132276" s="12"/>
    </row>
    <row r="132277" spans="8:8">
      <c r="H132277" s="12"/>
    </row>
    <row r="132278" spans="8:8">
      <c r="H132278" s="12"/>
    </row>
    <row r="132279" spans="8:8">
      <c r="H132279" s="12"/>
    </row>
    <row r="132280" spans="8:8">
      <c r="H132280" s="12"/>
    </row>
    <row r="132281" spans="8:8">
      <c r="H132281" s="12"/>
    </row>
    <row r="132282" spans="8:8">
      <c r="H132282" s="12"/>
    </row>
    <row r="132283" spans="8:8">
      <c r="H132283" s="12"/>
    </row>
    <row r="132284" spans="8:8">
      <c r="H132284" s="12"/>
    </row>
    <row r="132285" spans="8:8">
      <c r="H132285" s="12"/>
    </row>
    <row r="132286" spans="8:8">
      <c r="H132286" s="12"/>
    </row>
    <row r="132287" spans="8:8">
      <c r="H132287" s="12"/>
    </row>
    <row r="132288" spans="8:8">
      <c r="H132288" s="12"/>
    </row>
    <row r="132289" spans="8:8">
      <c r="H132289" s="12"/>
    </row>
    <row r="132290" spans="8:8">
      <c r="H132290" s="12"/>
    </row>
    <row r="132291" spans="8:8">
      <c r="H132291" s="12"/>
    </row>
    <row r="132292" spans="8:8">
      <c r="H132292" s="12"/>
    </row>
    <row r="132293" spans="8:8">
      <c r="H132293" s="12"/>
    </row>
    <row r="132294" spans="8:8">
      <c r="H132294" s="12"/>
    </row>
    <row r="132295" spans="8:8">
      <c r="H132295" s="12"/>
    </row>
    <row r="132296" spans="8:8">
      <c r="H132296" s="12"/>
    </row>
    <row r="132297" spans="8:8">
      <c r="H132297" s="12"/>
    </row>
    <row r="132298" spans="8:8">
      <c r="H132298" s="12"/>
    </row>
    <row r="132299" spans="8:8">
      <c r="H132299" s="12"/>
    </row>
    <row r="132300" spans="8:8">
      <c r="H132300" s="12"/>
    </row>
    <row r="132301" spans="8:8">
      <c r="H132301" s="12"/>
    </row>
    <row r="132302" spans="8:8">
      <c r="H132302" s="12"/>
    </row>
    <row r="132303" spans="8:8">
      <c r="H132303" s="12"/>
    </row>
    <row r="132304" spans="8:8">
      <c r="H132304" s="12"/>
    </row>
    <row r="132305" spans="8:8">
      <c r="H132305" s="12"/>
    </row>
    <row r="132306" spans="8:8">
      <c r="H132306" s="12"/>
    </row>
    <row r="132307" spans="8:8">
      <c r="H132307" s="12"/>
    </row>
    <row r="132308" spans="8:8">
      <c r="H132308" s="12"/>
    </row>
    <row r="132309" spans="8:8">
      <c r="H132309" s="12"/>
    </row>
    <row r="132310" spans="8:8">
      <c r="H132310" s="12"/>
    </row>
    <row r="132311" spans="8:8">
      <c r="H132311" s="12"/>
    </row>
    <row r="132312" spans="8:8">
      <c r="H132312" s="12"/>
    </row>
    <row r="132313" spans="8:8">
      <c r="H132313" s="12"/>
    </row>
    <row r="132314" spans="8:8">
      <c r="H132314" s="12"/>
    </row>
    <row r="132315" spans="8:8">
      <c r="H132315" s="12"/>
    </row>
    <row r="132316" spans="8:8">
      <c r="H132316" s="12"/>
    </row>
    <row r="132317" spans="8:8">
      <c r="H132317" s="12"/>
    </row>
    <row r="132318" spans="8:8">
      <c r="H132318" s="12"/>
    </row>
    <row r="132319" spans="8:8">
      <c r="H132319" s="12"/>
    </row>
    <row r="132320" spans="8:8">
      <c r="H132320" s="12"/>
    </row>
    <row r="132321" spans="8:8">
      <c r="H132321" s="12"/>
    </row>
    <row r="132322" spans="8:8">
      <c r="H132322" s="12"/>
    </row>
    <row r="132323" spans="8:8">
      <c r="H132323" s="12"/>
    </row>
    <row r="132324" spans="8:8">
      <c r="H132324" s="12"/>
    </row>
    <row r="132325" spans="8:8">
      <c r="H132325" s="12"/>
    </row>
    <row r="132326" spans="8:8">
      <c r="H132326" s="12"/>
    </row>
    <row r="132327" spans="8:8">
      <c r="H132327" s="12"/>
    </row>
    <row r="132328" spans="8:8">
      <c r="H132328" s="12"/>
    </row>
    <row r="132329" spans="8:8">
      <c r="H132329" s="12"/>
    </row>
    <row r="132330" spans="8:8">
      <c r="H132330" s="12"/>
    </row>
    <row r="132331" spans="8:8">
      <c r="H132331" s="12"/>
    </row>
    <row r="132332" spans="8:8">
      <c r="H132332" s="12"/>
    </row>
    <row r="132333" spans="8:8">
      <c r="H132333" s="12"/>
    </row>
    <row r="132334" spans="8:8">
      <c r="H132334" s="12"/>
    </row>
    <row r="132335" spans="8:8">
      <c r="H132335" s="12"/>
    </row>
    <row r="132336" spans="8:8">
      <c r="H132336" s="12"/>
    </row>
    <row r="132337" spans="8:8">
      <c r="H132337" s="12"/>
    </row>
    <row r="132338" spans="8:8">
      <c r="H132338" s="12"/>
    </row>
    <row r="132339" spans="8:8">
      <c r="H132339" s="12"/>
    </row>
    <row r="132340" spans="8:8">
      <c r="H132340" s="12"/>
    </row>
    <row r="132341" spans="8:8">
      <c r="H132341" s="12"/>
    </row>
    <row r="132342" spans="8:8">
      <c r="H132342" s="12"/>
    </row>
    <row r="132343" spans="8:8">
      <c r="H132343" s="12"/>
    </row>
    <row r="132344" spans="8:8">
      <c r="H132344" s="12"/>
    </row>
    <row r="132345" spans="8:8">
      <c r="H132345" s="12"/>
    </row>
    <row r="132346" spans="8:8">
      <c r="H132346" s="12"/>
    </row>
    <row r="132347" spans="8:8">
      <c r="H132347" s="12"/>
    </row>
    <row r="132348" spans="8:8">
      <c r="H132348" s="12"/>
    </row>
    <row r="132349" spans="8:8">
      <c r="H132349" s="12"/>
    </row>
    <row r="132350" spans="8:8">
      <c r="H132350" s="12"/>
    </row>
    <row r="132351" spans="8:8">
      <c r="H132351" s="12"/>
    </row>
    <row r="132352" spans="8:8">
      <c r="H132352" s="12"/>
    </row>
    <row r="132353" spans="8:8">
      <c r="H132353" s="12"/>
    </row>
    <row r="132354" spans="8:8">
      <c r="H132354" s="12"/>
    </row>
    <row r="132355" spans="8:8">
      <c r="H132355" s="12"/>
    </row>
    <row r="132356" spans="8:8">
      <c r="H132356" s="12"/>
    </row>
    <row r="132357" spans="8:8">
      <c r="H132357" s="12"/>
    </row>
    <row r="132358" spans="8:8">
      <c r="H132358" s="12"/>
    </row>
    <row r="132359" spans="8:8">
      <c r="H132359" s="12"/>
    </row>
    <row r="132360" spans="8:8">
      <c r="H132360" s="12"/>
    </row>
    <row r="132361" spans="8:8">
      <c r="H132361" s="12"/>
    </row>
    <row r="132362" spans="8:8">
      <c r="H132362" s="12"/>
    </row>
    <row r="132363" spans="8:8">
      <c r="H132363" s="12"/>
    </row>
    <row r="132364" spans="8:8">
      <c r="H132364" s="12"/>
    </row>
    <row r="132365" spans="8:8">
      <c r="H132365" s="12"/>
    </row>
    <row r="132366" spans="8:8">
      <c r="H132366" s="12"/>
    </row>
    <row r="132367" spans="8:8">
      <c r="H132367" s="12"/>
    </row>
    <row r="132368" spans="8:8">
      <c r="H132368" s="12"/>
    </row>
    <row r="132369" spans="8:8">
      <c r="H132369" s="12"/>
    </row>
    <row r="132370" spans="8:8">
      <c r="H132370" s="12"/>
    </row>
    <row r="132371" spans="8:8">
      <c r="H132371" s="12"/>
    </row>
    <row r="132372" spans="8:8">
      <c r="H132372" s="12"/>
    </row>
    <row r="132373" spans="8:8">
      <c r="H132373" s="12"/>
    </row>
    <row r="132374" spans="8:8">
      <c r="H132374" s="12"/>
    </row>
    <row r="132375" spans="8:8">
      <c r="H132375" s="12"/>
    </row>
    <row r="132376" spans="8:8">
      <c r="H132376" s="12"/>
    </row>
    <row r="132377" spans="8:8">
      <c r="H132377" s="12"/>
    </row>
    <row r="132378" spans="8:8">
      <c r="H132378" s="12"/>
    </row>
    <row r="132379" spans="8:8">
      <c r="H132379" s="12"/>
    </row>
    <row r="132380" spans="8:8">
      <c r="H132380" s="12"/>
    </row>
    <row r="132381" spans="8:8">
      <c r="H132381" s="12"/>
    </row>
    <row r="132382" spans="8:8">
      <c r="H132382" s="12"/>
    </row>
    <row r="132383" spans="8:8">
      <c r="H132383" s="12"/>
    </row>
    <row r="132384" spans="8:8">
      <c r="H132384" s="12"/>
    </row>
    <row r="132385" spans="8:8">
      <c r="H132385" s="12"/>
    </row>
    <row r="132386" spans="8:8">
      <c r="H132386" s="12"/>
    </row>
    <row r="132387" spans="8:8">
      <c r="H132387" s="12"/>
    </row>
    <row r="132388" spans="8:8">
      <c r="H132388" s="12"/>
    </row>
    <row r="132389" spans="8:8">
      <c r="H132389" s="12"/>
    </row>
    <row r="132390" spans="8:8">
      <c r="H132390" s="12"/>
    </row>
    <row r="132391" spans="8:8">
      <c r="H132391" s="12"/>
    </row>
    <row r="132392" spans="8:8">
      <c r="H132392" s="12"/>
    </row>
    <row r="132393" spans="8:8">
      <c r="H132393" s="12"/>
    </row>
    <row r="132394" spans="8:8">
      <c r="H132394" s="12"/>
    </row>
    <row r="132395" spans="8:8">
      <c r="H132395" s="12"/>
    </row>
    <row r="132396" spans="8:8">
      <c r="H132396" s="12"/>
    </row>
    <row r="132397" spans="8:8">
      <c r="H132397" s="12"/>
    </row>
    <row r="132398" spans="8:8">
      <c r="H132398" s="12"/>
    </row>
    <row r="132399" spans="8:8">
      <c r="H132399" s="12"/>
    </row>
    <row r="132400" spans="8:8">
      <c r="H132400" s="12"/>
    </row>
    <row r="132401" spans="8:8">
      <c r="H132401" s="12"/>
    </row>
    <row r="132402" spans="8:8">
      <c r="H132402" s="12"/>
    </row>
    <row r="132403" spans="8:8">
      <c r="H132403" s="12"/>
    </row>
    <row r="132404" spans="8:8">
      <c r="H132404" s="12"/>
    </row>
    <row r="132405" spans="8:8">
      <c r="H132405" s="12"/>
    </row>
    <row r="132406" spans="8:8">
      <c r="H132406" s="12"/>
    </row>
    <row r="132407" spans="8:8">
      <c r="H132407" s="12"/>
    </row>
    <row r="132408" spans="8:8">
      <c r="H132408" s="12"/>
    </row>
    <row r="132409" spans="8:8">
      <c r="H132409" s="12"/>
    </row>
    <row r="132410" spans="8:8">
      <c r="H132410" s="12"/>
    </row>
    <row r="132411" spans="8:8">
      <c r="H132411" s="12"/>
    </row>
    <row r="132412" spans="8:8">
      <c r="H132412" s="12"/>
    </row>
    <row r="132413" spans="8:8">
      <c r="H132413" s="12"/>
    </row>
    <row r="132414" spans="8:8">
      <c r="H132414" s="12"/>
    </row>
    <row r="132415" spans="8:8">
      <c r="H132415" s="12"/>
    </row>
    <row r="132416" spans="8:8">
      <c r="H132416" s="12"/>
    </row>
    <row r="132417" spans="8:8">
      <c r="H132417" s="12"/>
    </row>
    <row r="132418" spans="8:8">
      <c r="H132418" s="12"/>
    </row>
    <row r="132419" spans="8:8">
      <c r="H132419" s="12"/>
    </row>
    <row r="132420" spans="8:8">
      <c r="H132420" s="12"/>
    </row>
    <row r="132421" spans="8:8">
      <c r="H132421" s="12"/>
    </row>
    <row r="132422" spans="8:8">
      <c r="H132422" s="12"/>
    </row>
    <row r="132423" spans="8:8">
      <c r="H132423" s="12"/>
    </row>
    <row r="132424" spans="8:8">
      <c r="H132424" s="12"/>
    </row>
    <row r="132425" spans="8:8">
      <c r="H132425" s="12"/>
    </row>
    <row r="132426" spans="8:8">
      <c r="H132426" s="12"/>
    </row>
    <row r="132427" spans="8:8">
      <c r="H132427" s="12"/>
    </row>
    <row r="132428" spans="8:8">
      <c r="H132428" s="12"/>
    </row>
    <row r="132429" spans="8:8">
      <c r="H132429" s="12"/>
    </row>
    <row r="132430" spans="8:8">
      <c r="H132430" s="12"/>
    </row>
    <row r="132431" spans="8:8">
      <c r="H132431" s="12"/>
    </row>
    <row r="132432" spans="8:8">
      <c r="H132432" s="12"/>
    </row>
    <row r="132433" spans="8:8">
      <c r="H132433" s="12"/>
    </row>
    <row r="132434" spans="8:8">
      <c r="H132434" s="12"/>
    </row>
    <row r="132435" spans="8:8">
      <c r="H132435" s="12"/>
    </row>
    <row r="132436" spans="8:8">
      <c r="H132436" s="12"/>
    </row>
    <row r="132437" spans="8:8">
      <c r="H132437" s="12"/>
    </row>
    <row r="132438" spans="8:8">
      <c r="H132438" s="12"/>
    </row>
    <row r="132439" spans="8:8">
      <c r="H132439" s="12"/>
    </row>
    <row r="132440" spans="8:8">
      <c r="H132440" s="12"/>
    </row>
    <row r="132441" spans="8:8">
      <c r="H132441" s="12"/>
    </row>
    <row r="132442" spans="8:8">
      <c r="H132442" s="12"/>
    </row>
    <row r="132443" spans="8:8">
      <c r="H132443" s="12"/>
    </row>
    <row r="132444" spans="8:8">
      <c r="H132444" s="12"/>
    </row>
    <row r="132445" spans="8:8">
      <c r="H132445" s="12"/>
    </row>
    <row r="132446" spans="8:8">
      <c r="H132446" s="12"/>
    </row>
    <row r="132447" spans="8:8">
      <c r="H132447" s="12"/>
    </row>
    <row r="132448" spans="8:8">
      <c r="H132448" s="12"/>
    </row>
    <row r="132449" spans="8:8">
      <c r="H132449" s="12"/>
    </row>
    <row r="132450" spans="8:8">
      <c r="H132450" s="12"/>
    </row>
    <row r="132451" spans="8:8">
      <c r="H132451" s="12"/>
    </row>
    <row r="132452" spans="8:8">
      <c r="H132452" s="12"/>
    </row>
    <row r="132453" spans="8:8">
      <c r="H132453" s="12"/>
    </row>
    <row r="132454" spans="8:8">
      <c r="H132454" s="12"/>
    </row>
    <row r="132455" spans="8:8">
      <c r="H132455" s="12"/>
    </row>
    <row r="132456" spans="8:8">
      <c r="H132456" s="12"/>
    </row>
    <row r="132457" spans="8:8">
      <c r="H132457" s="12"/>
    </row>
    <row r="132458" spans="8:8">
      <c r="H132458" s="12"/>
    </row>
    <row r="132459" spans="8:8">
      <c r="H132459" s="12"/>
    </row>
    <row r="132460" spans="8:8">
      <c r="H132460" s="12"/>
    </row>
    <row r="132461" spans="8:8">
      <c r="H132461" s="12"/>
    </row>
    <row r="132462" spans="8:8">
      <c r="H132462" s="12"/>
    </row>
    <row r="132463" spans="8:8">
      <c r="H132463" s="12"/>
    </row>
    <row r="132464" spans="8:8">
      <c r="H132464" s="12"/>
    </row>
    <row r="132465" spans="8:8">
      <c r="H132465" s="12"/>
    </row>
    <row r="132466" spans="8:8">
      <c r="H132466" s="12"/>
    </row>
    <row r="132467" spans="8:8">
      <c r="H132467" s="12"/>
    </row>
    <row r="132468" spans="8:8">
      <c r="H132468" s="12"/>
    </row>
    <row r="132469" spans="8:8">
      <c r="H132469" s="12"/>
    </row>
    <row r="132470" spans="8:8">
      <c r="H132470" s="12"/>
    </row>
    <row r="132471" spans="8:8">
      <c r="H132471" s="12"/>
    </row>
    <row r="132472" spans="8:8">
      <c r="H132472" s="12"/>
    </row>
    <row r="132473" spans="8:8">
      <c r="H132473" s="12"/>
    </row>
    <row r="132474" spans="8:8">
      <c r="H132474" s="12"/>
    </row>
    <row r="132475" spans="8:8">
      <c r="H132475" s="12"/>
    </row>
    <row r="132476" spans="8:8">
      <c r="H132476" s="12"/>
    </row>
    <row r="132477" spans="8:8">
      <c r="H132477" s="12"/>
    </row>
    <row r="132478" spans="8:8">
      <c r="H132478" s="12"/>
    </row>
    <row r="132479" spans="8:8">
      <c r="H132479" s="12"/>
    </row>
    <row r="132480" spans="8:8">
      <c r="H132480" s="12"/>
    </row>
    <row r="132481" spans="8:8">
      <c r="H132481" s="12"/>
    </row>
    <row r="132482" spans="8:8">
      <c r="H132482" s="12"/>
    </row>
    <row r="132483" spans="8:8">
      <c r="H132483" s="12"/>
    </row>
    <row r="132484" spans="8:8">
      <c r="H132484" s="12"/>
    </row>
    <row r="132485" spans="8:8">
      <c r="H132485" s="12"/>
    </row>
    <row r="132486" spans="8:8">
      <c r="H132486" s="12"/>
    </row>
    <row r="132487" spans="8:8">
      <c r="H132487" s="12"/>
    </row>
    <row r="132488" spans="8:8">
      <c r="H132488" s="12"/>
    </row>
    <row r="132489" spans="8:8">
      <c r="H132489" s="12"/>
    </row>
    <row r="132490" spans="8:8">
      <c r="H132490" s="12"/>
    </row>
    <row r="132491" spans="8:8">
      <c r="H132491" s="12"/>
    </row>
    <row r="132492" spans="8:8">
      <c r="H132492" s="12"/>
    </row>
    <row r="132493" spans="8:8">
      <c r="H132493" s="12"/>
    </row>
    <row r="132494" spans="8:8">
      <c r="H132494" s="12"/>
    </row>
    <row r="132495" spans="8:8">
      <c r="H132495" s="12"/>
    </row>
    <row r="132496" spans="8:8">
      <c r="H132496" s="12"/>
    </row>
    <row r="132497" spans="8:8">
      <c r="H132497" s="12"/>
    </row>
    <row r="132498" spans="8:8">
      <c r="H132498" s="12"/>
    </row>
    <row r="132499" spans="8:8">
      <c r="H132499" s="12"/>
    </row>
    <row r="132500" spans="8:8">
      <c r="H132500" s="12"/>
    </row>
    <row r="132501" spans="8:8">
      <c r="H132501" s="12"/>
    </row>
    <row r="132502" spans="8:8">
      <c r="H132502" s="12"/>
    </row>
    <row r="132503" spans="8:8">
      <c r="H132503" s="12"/>
    </row>
    <row r="132504" spans="8:8">
      <c r="H132504" s="12"/>
    </row>
    <row r="132505" spans="8:8">
      <c r="H132505" s="12"/>
    </row>
    <row r="132506" spans="8:8">
      <c r="H132506" s="12"/>
    </row>
    <row r="132507" spans="8:8">
      <c r="H132507" s="12"/>
    </row>
    <row r="132508" spans="8:8">
      <c r="H132508" s="12"/>
    </row>
    <row r="132509" spans="8:8">
      <c r="H132509" s="12"/>
    </row>
    <row r="132510" spans="8:8">
      <c r="H132510" s="12"/>
    </row>
    <row r="132511" spans="8:8">
      <c r="H132511" s="12"/>
    </row>
    <row r="132512" spans="8:8">
      <c r="H132512" s="12"/>
    </row>
    <row r="132513" spans="8:8">
      <c r="H132513" s="12"/>
    </row>
    <row r="132514" spans="8:8">
      <c r="H132514" s="12"/>
    </row>
    <row r="132515" spans="8:8">
      <c r="H132515" s="12"/>
    </row>
    <row r="132516" spans="8:8">
      <c r="H132516" s="12"/>
    </row>
    <row r="132517" spans="8:8">
      <c r="H132517" s="12"/>
    </row>
    <row r="132518" spans="8:8">
      <c r="H132518" s="12"/>
    </row>
    <row r="132519" spans="8:8">
      <c r="H132519" s="12"/>
    </row>
    <row r="132520" spans="8:8">
      <c r="H132520" s="12"/>
    </row>
    <row r="132521" spans="8:8">
      <c r="H132521" s="12"/>
    </row>
    <row r="132522" spans="8:8">
      <c r="H132522" s="12"/>
    </row>
    <row r="132523" spans="8:8">
      <c r="H132523" s="12"/>
    </row>
    <row r="132524" spans="8:8">
      <c r="H132524" s="12"/>
    </row>
    <row r="132525" spans="8:8">
      <c r="H132525" s="12"/>
    </row>
    <row r="132526" spans="8:8">
      <c r="H132526" s="12"/>
    </row>
    <row r="132527" spans="8:8">
      <c r="H132527" s="12"/>
    </row>
    <row r="132528" spans="8:8">
      <c r="H132528" s="12"/>
    </row>
    <row r="132529" spans="8:8">
      <c r="H132529" s="12"/>
    </row>
    <row r="132530" spans="8:8">
      <c r="H132530" s="12"/>
    </row>
    <row r="132531" spans="8:8">
      <c r="H132531" s="12"/>
    </row>
    <row r="132532" spans="8:8">
      <c r="H132532" s="12"/>
    </row>
    <row r="132533" spans="8:8">
      <c r="H132533" s="12"/>
    </row>
    <row r="132534" spans="8:8">
      <c r="H132534" s="12"/>
    </row>
    <row r="132535" spans="8:8">
      <c r="H132535" s="12"/>
    </row>
    <row r="132536" spans="8:8">
      <c r="H132536" s="12"/>
    </row>
    <row r="132537" spans="8:8">
      <c r="H132537" s="12"/>
    </row>
    <row r="132538" spans="8:8">
      <c r="H132538" s="12"/>
    </row>
    <row r="132539" spans="8:8">
      <c r="H132539" s="12"/>
    </row>
    <row r="132540" spans="8:8">
      <c r="H132540" s="12"/>
    </row>
    <row r="132541" spans="8:8">
      <c r="H132541" s="12"/>
    </row>
    <row r="132542" spans="8:8">
      <c r="H132542" s="12"/>
    </row>
    <row r="132543" spans="8:8">
      <c r="H132543" s="12"/>
    </row>
    <row r="132544" spans="8:8">
      <c r="H132544" s="12"/>
    </row>
    <row r="132545" spans="8:8">
      <c r="H132545" s="12"/>
    </row>
    <row r="132546" spans="8:8">
      <c r="H132546" s="12"/>
    </row>
    <row r="132547" spans="8:8">
      <c r="H132547" s="12"/>
    </row>
    <row r="132548" spans="8:8">
      <c r="H132548" s="12"/>
    </row>
    <row r="132549" spans="8:8">
      <c r="H132549" s="12"/>
    </row>
    <row r="132550" spans="8:8">
      <c r="H132550" s="12"/>
    </row>
    <row r="132551" spans="8:8">
      <c r="H132551" s="12"/>
    </row>
    <row r="132552" spans="8:8">
      <c r="H132552" s="12"/>
    </row>
    <row r="132553" spans="8:8">
      <c r="H132553" s="12"/>
    </row>
    <row r="132554" spans="8:8">
      <c r="H132554" s="12"/>
    </row>
    <row r="132555" spans="8:8">
      <c r="H132555" s="12"/>
    </row>
    <row r="132556" spans="8:8">
      <c r="H132556" s="12"/>
    </row>
    <row r="132557" spans="8:8">
      <c r="H132557" s="12"/>
    </row>
    <row r="132558" spans="8:8">
      <c r="H132558" s="12"/>
    </row>
    <row r="132559" spans="8:8">
      <c r="H132559" s="12"/>
    </row>
    <row r="132560" spans="8:8">
      <c r="H132560" s="12"/>
    </row>
    <row r="132561" spans="8:8">
      <c r="H132561" s="12"/>
    </row>
    <row r="132562" spans="8:8">
      <c r="H132562" s="12"/>
    </row>
    <row r="132563" spans="8:8">
      <c r="H132563" s="12"/>
    </row>
    <row r="132564" spans="8:8">
      <c r="H132564" s="12"/>
    </row>
    <row r="132565" spans="8:8">
      <c r="H132565" s="12"/>
    </row>
    <row r="132566" spans="8:8">
      <c r="H132566" s="12"/>
    </row>
    <row r="132567" spans="8:8">
      <c r="H132567" s="12"/>
    </row>
    <row r="132568" spans="8:8">
      <c r="H132568" s="12"/>
    </row>
    <row r="132569" spans="8:8">
      <c r="H132569" s="12"/>
    </row>
    <row r="132570" spans="8:8">
      <c r="H132570" s="12"/>
    </row>
    <row r="132571" spans="8:8">
      <c r="H132571" s="12"/>
    </row>
    <row r="132572" spans="8:8">
      <c r="H132572" s="12"/>
    </row>
    <row r="132573" spans="8:8">
      <c r="H132573" s="12"/>
    </row>
    <row r="132574" spans="8:8">
      <c r="H132574" s="12"/>
    </row>
    <row r="132575" spans="8:8">
      <c r="H132575" s="12"/>
    </row>
    <row r="132576" spans="8:8">
      <c r="H132576" s="12"/>
    </row>
    <row r="132577" spans="8:8">
      <c r="H132577" s="12"/>
    </row>
    <row r="132578" spans="8:8">
      <c r="H132578" s="12"/>
    </row>
    <row r="132579" spans="8:8">
      <c r="H132579" s="12"/>
    </row>
    <row r="132580" spans="8:8">
      <c r="H132580" s="12"/>
    </row>
    <row r="132581" spans="8:8">
      <c r="H132581" s="12"/>
    </row>
    <row r="132582" spans="8:8">
      <c r="H132582" s="12"/>
    </row>
    <row r="132583" spans="8:8">
      <c r="H132583" s="12"/>
    </row>
    <row r="132584" spans="8:8">
      <c r="H132584" s="12"/>
    </row>
    <row r="132585" spans="8:8">
      <c r="H132585" s="12"/>
    </row>
    <row r="132586" spans="8:8">
      <c r="H132586" s="12"/>
    </row>
    <row r="132587" spans="8:8">
      <c r="H132587" s="12"/>
    </row>
    <row r="132588" spans="8:8">
      <c r="H132588" s="12"/>
    </row>
    <row r="132589" spans="8:8">
      <c r="H132589" s="12"/>
    </row>
    <row r="132590" spans="8:8">
      <c r="H132590" s="12"/>
    </row>
    <row r="132591" spans="8:8">
      <c r="H132591" s="12"/>
    </row>
    <row r="132592" spans="8:8">
      <c r="H132592" s="12"/>
    </row>
    <row r="132593" spans="8:8">
      <c r="H132593" s="12"/>
    </row>
    <row r="132594" spans="8:8">
      <c r="H132594" s="12"/>
    </row>
    <row r="132595" spans="8:8">
      <c r="H132595" s="12"/>
    </row>
    <row r="132596" spans="8:8">
      <c r="H132596" s="12"/>
    </row>
    <row r="132597" spans="8:8">
      <c r="H132597" s="12"/>
    </row>
    <row r="132598" spans="8:8">
      <c r="H132598" s="12"/>
    </row>
    <row r="132599" spans="8:8">
      <c r="H132599" s="12"/>
    </row>
    <row r="132600" spans="8:8">
      <c r="H132600" s="12"/>
    </row>
    <row r="132601" spans="8:8">
      <c r="H132601" s="12"/>
    </row>
    <row r="132602" spans="8:8">
      <c r="H132602" s="12"/>
    </row>
    <row r="132603" spans="8:8">
      <c r="H132603" s="12"/>
    </row>
    <row r="132604" spans="8:8">
      <c r="H132604" s="12"/>
    </row>
    <row r="132605" spans="8:8">
      <c r="H132605" s="12"/>
    </row>
    <row r="132606" spans="8:8">
      <c r="H132606" s="12"/>
    </row>
    <row r="132607" spans="8:8">
      <c r="H132607" s="12"/>
    </row>
    <row r="132608" spans="8:8">
      <c r="H132608" s="12"/>
    </row>
    <row r="132609" spans="8:8">
      <c r="H132609" s="12"/>
    </row>
    <row r="132610" spans="8:8">
      <c r="H132610" s="12"/>
    </row>
    <row r="132611" spans="8:8">
      <c r="H132611" s="12"/>
    </row>
    <row r="132612" spans="8:8">
      <c r="H132612" s="12"/>
    </row>
    <row r="132613" spans="8:8">
      <c r="H132613" s="12"/>
    </row>
    <row r="132614" spans="8:8">
      <c r="H132614" s="12"/>
    </row>
    <row r="132615" spans="8:8">
      <c r="H132615" s="12"/>
    </row>
    <row r="132616" spans="8:8">
      <c r="H132616" s="12"/>
    </row>
    <row r="132617" spans="8:8">
      <c r="H132617" s="12"/>
    </row>
    <row r="132618" spans="8:8">
      <c r="H132618" s="12"/>
    </row>
    <row r="132619" spans="8:8">
      <c r="H132619" s="12"/>
    </row>
    <row r="132620" spans="8:8">
      <c r="H132620" s="12"/>
    </row>
    <row r="132621" spans="8:8">
      <c r="H132621" s="12"/>
    </row>
    <row r="132622" spans="8:8">
      <c r="H132622" s="12"/>
    </row>
    <row r="132623" spans="8:8">
      <c r="H132623" s="12"/>
    </row>
    <row r="132624" spans="8:8">
      <c r="H132624" s="12"/>
    </row>
    <row r="132625" spans="8:8">
      <c r="H132625" s="12"/>
    </row>
    <row r="132626" spans="8:8">
      <c r="H132626" s="12"/>
    </row>
    <row r="132627" spans="8:8">
      <c r="H132627" s="12"/>
    </row>
    <row r="132628" spans="8:8">
      <c r="H132628" s="12"/>
    </row>
    <row r="132629" spans="8:8">
      <c r="H132629" s="12"/>
    </row>
    <row r="132630" spans="8:8">
      <c r="H132630" s="12"/>
    </row>
    <row r="132631" spans="8:8">
      <c r="H132631" s="12"/>
    </row>
    <row r="132632" spans="8:8">
      <c r="H132632" s="12"/>
    </row>
    <row r="132633" spans="8:8">
      <c r="H132633" s="12"/>
    </row>
    <row r="132634" spans="8:8">
      <c r="H132634" s="12"/>
    </row>
    <row r="132635" spans="8:8">
      <c r="H132635" s="12"/>
    </row>
    <row r="132636" spans="8:8">
      <c r="H132636" s="12"/>
    </row>
    <row r="132637" spans="8:8">
      <c r="H132637" s="12"/>
    </row>
    <row r="132638" spans="8:8">
      <c r="H132638" s="12"/>
    </row>
    <row r="132639" spans="8:8">
      <c r="H132639" s="12"/>
    </row>
    <row r="132640" spans="8:8">
      <c r="H132640" s="12"/>
    </row>
    <row r="132641" spans="8:8">
      <c r="H132641" s="12"/>
    </row>
    <row r="132642" spans="8:8">
      <c r="H132642" s="12"/>
    </row>
    <row r="132643" spans="8:8">
      <c r="H132643" s="12"/>
    </row>
    <row r="132644" spans="8:8">
      <c r="H132644" s="12"/>
    </row>
    <row r="132645" spans="8:8">
      <c r="H132645" s="12"/>
    </row>
    <row r="132646" spans="8:8">
      <c r="H132646" s="12"/>
    </row>
    <row r="132647" spans="8:8">
      <c r="H132647" s="12"/>
    </row>
    <row r="132648" spans="8:8">
      <c r="H132648" s="12"/>
    </row>
    <row r="132649" spans="8:8">
      <c r="H132649" s="12"/>
    </row>
    <row r="132650" spans="8:8">
      <c r="H132650" s="12"/>
    </row>
    <row r="132651" spans="8:8">
      <c r="H132651" s="12"/>
    </row>
    <row r="132652" spans="8:8">
      <c r="H132652" s="12"/>
    </row>
    <row r="132653" spans="8:8">
      <c r="H132653" s="12"/>
    </row>
    <row r="132654" spans="8:8">
      <c r="H132654" s="12"/>
    </row>
    <row r="132655" spans="8:8">
      <c r="H132655" s="12"/>
    </row>
    <row r="132656" spans="8:8">
      <c r="H132656" s="12"/>
    </row>
    <row r="132657" spans="8:8">
      <c r="H132657" s="12"/>
    </row>
    <row r="132658" spans="8:8">
      <c r="H132658" s="12"/>
    </row>
    <row r="132659" spans="8:8">
      <c r="H132659" s="12"/>
    </row>
    <row r="132660" spans="8:8">
      <c r="H132660" s="12"/>
    </row>
    <row r="132661" spans="8:8">
      <c r="H132661" s="12"/>
    </row>
    <row r="132662" spans="8:8">
      <c r="H132662" s="12"/>
    </row>
    <row r="132663" spans="8:8">
      <c r="H132663" s="12"/>
    </row>
    <row r="132664" spans="8:8">
      <c r="H132664" s="12"/>
    </row>
    <row r="132665" spans="8:8">
      <c r="H132665" s="12"/>
    </row>
    <row r="132666" spans="8:8">
      <c r="H132666" s="12"/>
    </row>
    <row r="132667" spans="8:8">
      <c r="H132667" s="12"/>
    </row>
    <row r="132668" spans="8:8">
      <c r="H132668" s="12"/>
    </row>
    <row r="132669" spans="8:8">
      <c r="H132669" s="12"/>
    </row>
    <row r="132670" spans="8:8">
      <c r="H132670" s="12"/>
    </row>
    <row r="132671" spans="8:8">
      <c r="H132671" s="12"/>
    </row>
    <row r="132672" spans="8:8">
      <c r="H132672" s="12"/>
    </row>
    <row r="132673" spans="8:8">
      <c r="H132673" s="12"/>
    </row>
    <row r="132674" spans="8:8">
      <c r="H132674" s="12"/>
    </row>
    <row r="132675" spans="8:8">
      <c r="H132675" s="12"/>
    </row>
    <row r="132676" spans="8:8">
      <c r="H132676" s="12"/>
    </row>
    <row r="132677" spans="8:8">
      <c r="H132677" s="12"/>
    </row>
    <row r="132678" spans="8:8">
      <c r="H132678" s="12"/>
    </row>
    <row r="132679" spans="8:8">
      <c r="H132679" s="12"/>
    </row>
    <row r="132680" spans="8:8">
      <c r="H132680" s="12"/>
    </row>
    <row r="132681" spans="8:8">
      <c r="H132681" s="12"/>
    </row>
    <row r="132682" spans="8:8">
      <c r="H132682" s="12"/>
    </row>
    <row r="132683" spans="8:8">
      <c r="H132683" s="12"/>
    </row>
    <row r="132684" spans="8:8">
      <c r="H132684" s="12"/>
    </row>
    <row r="132685" spans="8:8">
      <c r="H132685" s="12"/>
    </row>
    <row r="132686" spans="8:8">
      <c r="H132686" s="12"/>
    </row>
    <row r="132687" spans="8:8">
      <c r="H132687" s="12"/>
    </row>
    <row r="132688" spans="8:8">
      <c r="H132688" s="12"/>
    </row>
    <row r="132689" spans="8:8">
      <c r="H132689" s="12"/>
    </row>
    <row r="132690" spans="8:8">
      <c r="H132690" s="12"/>
    </row>
    <row r="132691" spans="8:8">
      <c r="H132691" s="12"/>
    </row>
    <row r="132692" spans="8:8">
      <c r="H132692" s="12"/>
    </row>
    <row r="132693" spans="8:8">
      <c r="H132693" s="12"/>
    </row>
    <row r="132694" spans="8:8">
      <c r="H132694" s="12"/>
    </row>
    <row r="132695" spans="8:8">
      <c r="H132695" s="12"/>
    </row>
    <row r="132696" spans="8:8">
      <c r="H132696" s="12"/>
    </row>
    <row r="132697" spans="8:8">
      <c r="H132697" s="12"/>
    </row>
    <row r="132698" spans="8:8">
      <c r="H132698" s="12"/>
    </row>
    <row r="132699" spans="8:8">
      <c r="H132699" s="12"/>
    </row>
    <row r="132700" spans="8:8">
      <c r="H132700" s="12"/>
    </row>
    <row r="132701" spans="8:8">
      <c r="H132701" s="12"/>
    </row>
    <row r="132702" spans="8:8">
      <c r="H132702" s="12"/>
    </row>
    <row r="132703" spans="8:8">
      <c r="H132703" s="12"/>
    </row>
    <row r="132704" spans="8:8">
      <c r="H132704" s="12"/>
    </row>
    <row r="132705" spans="8:8">
      <c r="H132705" s="12"/>
    </row>
    <row r="132706" spans="8:8">
      <c r="H132706" s="12"/>
    </row>
    <row r="132707" spans="8:8">
      <c r="H132707" s="12"/>
    </row>
    <row r="132708" spans="8:8">
      <c r="H132708" s="12"/>
    </row>
    <row r="132709" spans="8:8">
      <c r="H132709" s="12"/>
    </row>
    <row r="132710" spans="8:8">
      <c r="H132710" s="12"/>
    </row>
    <row r="132711" spans="8:8">
      <c r="H132711" s="12"/>
    </row>
    <row r="132712" spans="8:8">
      <c r="H132712" s="12"/>
    </row>
    <row r="132713" spans="8:8">
      <c r="H132713" s="12"/>
    </row>
    <row r="132714" spans="8:8">
      <c r="H132714" s="12"/>
    </row>
    <row r="132715" spans="8:8">
      <c r="H132715" s="12"/>
    </row>
    <row r="132716" spans="8:8">
      <c r="H132716" s="12"/>
    </row>
    <row r="132717" spans="8:8">
      <c r="H132717" s="12"/>
    </row>
    <row r="132718" spans="8:8">
      <c r="H132718" s="12"/>
    </row>
    <row r="132719" spans="8:8">
      <c r="H132719" s="12"/>
    </row>
    <row r="132720" spans="8:8">
      <c r="H132720" s="12"/>
    </row>
    <row r="132721" spans="8:8">
      <c r="H132721" s="12"/>
    </row>
    <row r="132722" spans="8:8">
      <c r="H132722" s="12"/>
    </row>
    <row r="132723" spans="8:8">
      <c r="H132723" s="12"/>
    </row>
    <row r="132724" spans="8:8">
      <c r="H132724" s="12"/>
    </row>
    <row r="132725" spans="8:8">
      <c r="H132725" s="12"/>
    </row>
    <row r="132726" spans="8:8">
      <c r="H132726" s="12"/>
    </row>
    <row r="132727" spans="8:8">
      <c r="H132727" s="12"/>
    </row>
    <row r="132728" spans="8:8">
      <c r="H132728" s="12"/>
    </row>
    <row r="132729" spans="8:8">
      <c r="H132729" s="12"/>
    </row>
    <row r="132730" spans="8:8">
      <c r="H132730" s="12"/>
    </row>
    <row r="132731" spans="8:8">
      <c r="H132731" s="12"/>
    </row>
    <row r="132732" spans="8:8">
      <c r="H132732" s="12"/>
    </row>
    <row r="132733" spans="8:8">
      <c r="H132733" s="12"/>
    </row>
    <row r="132734" spans="8:8">
      <c r="H132734" s="12"/>
    </row>
    <row r="132735" spans="8:8">
      <c r="H132735" s="12"/>
    </row>
    <row r="132736" spans="8:8">
      <c r="H132736" s="12"/>
    </row>
    <row r="132737" spans="8:8">
      <c r="H132737" s="12"/>
    </row>
    <row r="132738" spans="8:8">
      <c r="H132738" s="12"/>
    </row>
    <row r="132739" spans="8:8">
      <c r="H132739" s="12"/>
    </row>
    <row r="132740" spans="8:8">
      <c r="H132740" s="12"/>
    </row>
    <row r="132741" spans="8:8">
      <c r="H132741" s="12"/>
    </row>
    <row r="132742" spans="8:8">
      <c r="H132742" s="12"/>
    </row>
    <row r="132743" spans="8:8">
      <c r="H132743" s="12"/>
    </row>
    <row r="132744" spans="8:8">
      <c r="H132744" s="12"/>
    </row>
    <row r="132745" spans="8:8">
      <c r="H132745" s="12"/>
    </row>
    <row r="132746" spans="8:8">
      <c r="H132746" s="12"/>
    </row>
    <row r="132747" spans="8:8">
      <c r="H132747" s="12"/>
    </row>
    <row r="132748" spans="8:8">
      <c r="H132748" s="12"/>
    </row>
    <row r="132749" spans="8:8">
      <c r="H132749" s="12"/>
    </row>
    <row r="132750" spans="8:8">
      <c r="H132750" s="12"/>
    </row>
    <row r="132751" spans="8:8">
      <c r="H132751" s="12"/>
    </row>
    <row r="132752" spans="8:8">
      <c r="H132752" s="12"/>
    </row>
    <row r="132753" spans="8:8">
      <c r="H132753" s="12"/>
    </row>
    <row r="132754" spans="8:8">
      <c r="H132754" s="12"/>
    </row>
    <row r="132755" spans="8:8">
      <c r="H132755" s="12"/>
    </row>
    <row r="132756" spans="8:8">
      <c r="H132756" s="12"/>
    </row>
    <row r="132757" spans="8:8">
      <c r="H132757" s="12"/>
    </row>
    <row r="132758" spans="8:8">
      <c r="H132758" s="12"/>
    </row>
    <row r="132759" spans="8:8">
      <c r="H132759" s="12"/>
    </row>
    <row r="132760" spans="8:8">
      <c r="H132760" s="12"/>
    </row>
    <row r="132761" spans="8:8">
      <c r="H132761" s="12"/>
    </row>
    <row r="132762" spans="8:8">
      <c r="H132762" s="12"/>
    </row>
    <row r="132763" spans="8:8">
      <c r="H132763" s="12"/>
    </row>
    <row r="132764" spans="8:8">
      <c r="H132764" s="12"/>
    </row>
    <row r="132765" spans="8:8">
      <c r="H132765" s="12"/>
    </row>
    <row r="132766" spans="8:8">
      <c r="H132766" s="12"/>
    </row>
    <row r="132767" spans="8:8">
      <c r="H132767" s="12"/>
    </row>
    <row r="132768" spans="8:8">
      <c r="H132768" s="12"/>
    </row>
    <row r="132769" spans="8:8">
      <c r="H132769" s="12"/>
    </row>
    <row r="132770" spans="8:8">
      <c r="H132770" s="12"/>
    </row>
    <row r="132771" spans="8:8">
      <c r="H132771" s="12"/>
    </row>
    <row r="132772" spans="8:8">
      <c r="H132772" s="12"/>
    </row>
    <row r="132773" spans="8:8">
      <c r="H132773" s="12"/>
    </row>
    <row r="132774" spans="8:8">
      <c r="H132774" s="12"/>
    </row>
    <row r="132775" spans="8:8">
      <c r="H132775" s="12"/>
    </row>
    <row r="132776" spans="8:8">
      <c r="H132776" s="12"/>
    </row>
    <row r="132777" spans="8:8">
      <c r="H132777" s="12"/>
    </row>
    <row r="132778" spans="8:8">
      <c r="H132778" s="12"/>
    </row>
    <row r="132779" spans="8:8">
      <c r="H132779" s="12"/>
    </row>
    <row r="132780" spans="8:8">
      <c r="H132780" s="12"/>
    </row>
    <row r="132781" spans="8:8">
      <c r="H132781" s="12"/>
    </row>
    <row r="132782" spans="8:8">
      <c r="H132782" s="12"/>
    </row>
    <row r="132783" spans="8:8">
      <c r="H132783" s="12"/>
    </row>
    <row r="132784" spans="8:8">
      <c r="H132784" s="12"/>
    </row>
    <row r="132785" spans="8:8">
      <c r="H132785" s="12"/>
    </row>
    <row r="132786" spans="8:8">
      <c r="H132786" s="12"/>
    </row>
    <row r="132787" spans="8:8">
      <c r="H132787" s="12"/>
    </row>
    <row r="132788" spans="8:8">
      <c r="H132788" s="12"/>
    </row>
    <row r="132789" spans="8:8">
      <c r="H132789" s="12"/>
    </row>
    <row r="132790" spans="8:8">
      <c r="H132790" s="12"/>
    </row>
    <row r="132791" spans="8:8">
      <c r="H132791" s="12"/>
    </row>
    <row r="132792" spans="8:8">
      <c r="H132792" s="12"/>
    </row>
    <row r="132793" spans="8:8">
      <c r="H132793" s="12"/>
    </row>
    <row r="132794" spans="8:8">
      <c r="H132794" s="12"/>
    </row>
    <row r="132795" spans="8:8">
      <c r="H132795" s="12"/>
    </row>
    <row r="132796" spans="8:8">
      <c r="H132796" s="12"/>
    </row>
    <row r="132797" spans="8:8">
      <c r="H132797" s="12"/>
    </row>
    <row r="132798" spans="8:8">
      <c r="H132798" s="12"/>
    </row>
    <row r="132799" spans="8:8">
      <c r="H132799" s="12"/>
    </row>
    <row r="132800" spans="8:8">
      <c r="H132800" s="12"/>
    </row>
    <row r="132801" spans="8:8">
      <c r="H132801" s="12"/>
    </row>
    <row r="132802" spans="8:8">
      <c r="H132802" s="12"/>
    </row>
    <row r="132803" spans="8:8">
      <c r="H132803" s="12"/>
    </row>
    <row r="132804" spans="8:8">
      <c r="H132804" s="12"/>
    </row>
    <row r="132805" spans="8:8">
      <c r="H132805" s="12"/>
    </row>
    <row r="132806" spans="8:8">
      <c r="H132806" s="12"/>
    </row>
    <row r="132807" spans="8:8">
      <c r="H132807" s="12"/>
    </row>
    <row r="132808" spans="8:8">
      <c r="H132808" s="12"/>
    </row>
    <row r="132809" spans="8:8">
      <c r="H132809" s="12"/>
    </row>
    <row r="132810" spans="8:8">
      <c r="H132810" s="12"/>
    </row>
    <row r="132811" spans="8:8">
      <c r="H132811" s="12"/>
    </row>
    <row r="132812" spans="8:8">
      <c r="H132812" s="12"/>
    </row>
    <row r="132813" spans="8:8">
      <c r="H132813" s="12"/>
    </row>
    <row r="132814" spans="8:8">
      <c r="H132814" s="12"/>
    </row>
    <row r="132815" spans="8:8">
      <c r="H132815" s="12"/>
    </row>
    <row r="132816" spans="8:8">
      <c r="H132816" s="12"/>
    </row>
    <row r="132817" spans="8:8">
      <c r="H132817" s="12"/>
    </row>
    <row r="132818" spans="8:8">
      <c r="H132818" s="12"/>
    </row>
    <row r="132819" spans="8:8">
      <c r="H132819" s="12"/>
    </row>
    <row r="132820" spans="8:8">
      <c r="H132820" s="12"/>
    </row>
    <row r="132821" spans="8:8">
      <c r="H132821" s="12"/>
    </row>
    <row r="132822" spans="8:8">
      <c r="H132822" s="12"/>
    </row>
    <row r="132823" spans="8:8">
      <c r="H132823" s="12"/>
    </row>
    <row r="132824" spans="8:8">
      <c r="H132824" s="12"/>
    </row>
    <row r="132825" spans="8:8">
      <c r="H132825" s="12"/>
    </row>
    <row r="132826" spans="8:8">
      <c r="H132826" s="12"/>
    </row>
    <row r="132827" spans="8:8">
      <c r="H132827" s="12"/>
    </row>
    <row r="132828" spans="8:8">
      <c r="H132828" s="12"/>
    </row>
    <row r="132829" spans="8:8">
      <c r="H132829" s="12"/>
    </row>
    <row r="132830" spans="8:8">
      <c r="H132830" s="12"/>
    </row>
    <row r="132831" spans="8:8">
      <c r="H132831" s="12"/>
    </row>
    <row r="132832" spans="8:8">
      <c r="H132832" s="12"/>
    </row>
    <row r="132833" spans="8:8">
      <c r="H132833" s="12"/>
    </row>
    <row r="132834" spans="8:8">
      <c r="H132834" s="12"/>
    </row>
    <row r="132835" spans="8:8">
      <c r="H132835" s="12"/>
    </row>
    <row r="132836" spans="8:8">
      <c r="H132836" s="12"/>
    </row>
    <row r="132837" spans="8:8">
      <c r="H132837" s="12"/>
    </row>
    <row r="132838" spans="8:8">
      <c r="H132838" s="12"/>
    </row>
    <row r="132839" spans="8:8">
      <c r="H132839" s="12"/>
    </row>
    <row r="132840" spans="8:8">
      <c r="H132840" s="12"/>
    </row>
    <row r="132841" spans="8:8">
      <c r="H132841" s="12"/>
    </row>
    <row r="132842" spans="8:8">
      <c r="H132842" s="12"/>
    </row>
    <row r="132843" spans="8:8">
      <c r="H132843" s="12"/>
    </row>
    <row r="132844" spans="8:8">
      <c r="H132844" s="12"/>
    </row>
    <row r="132845" spans="8:8">
      <c r="H132845" s="12"/>
    </row>
    <row r="132846" spans="8:8">
      <c r="H132846" s="12"/>
    </row>
    <row r="132847" spans="8:8">
      <c r="H132847" s="12"/>
    </row>
    <row r="132848" spans="8:8">
      <c r="H132848" s="12"/>
    </row>
    <row r="132849" spans="8:8">
      <c r="H132849" s="12"/>
    </row>
    <row r="132850" spans="8:8">
      <c r="H132850" s="12"/>
    </row>
    <row r="132851" spans="8:8">
      <c r="H132851" s="12"/>
    </row>
    <row r="132852" spans="8:8">
      <c r="H132852" s="12"/>
    </row>
    <row r="132853" spans="8:8">
      <c r="H132853" s="12"/>
    </row>
    <row r="132854" spans="8:8">
      <c r="H132854" s="12"/>
    </row>
    <row r="132855" spans="8:8">
      <c r="H132855" s="12"/>
    </row>
    <row r="132856" spans="8:8">
      <c r="H132856" s="12"/>
    </row>
    <row r="132857" spans="8:8">
      <c r="H132857" s="12"/>
    </row>
    <row r="132858" spans="8:8">
      <c r="H132858" s="12"/>
    </row>
    <row r="132859" spans="8:8">
      <c r="H132859" s="12"/>
    </row>
    <row r="132860" spans="8:8">
      <c r="H132860" s="12"/>
    </row>
    <row r="132861" spans="8:8">
      <c r="H132861" s="12"/>
    </row>
    <row r="132862" spans="8:8">
      <c r="H132862" s="12"/>
    </row>
    <row r="132863" spans="8:8">
      <c r="H132863" s="12"/>
    </row>
    <row r="132864" spans="8:8">
      <c r="H132864" s="12"/>
    </row>
    <row r="132865" spans="8:8">
      <c r="H132865" s="12"/>
    </row>
    <row r="132866" spans="8:8">
      <c r="H132866" s="12"/>
    </row>
    <row r="132867" spans="8:8">
      <c r="H132867" s="12"/>
    </row>
    <row r="132868" spans="8:8">
      <c r="H132868" s="12"/>
    </row>
    <row r="132869" spans="8:8">
      <c r="H132869" s="12"/>
    </row>
    <row r="132870" spans="8:8">
      <c r="H132870" s="12"/>
    </row>
    <row r="132871" spans="8:8">
      <c r="H132871" s="12"/>
    </row>
    <row r="132872" spans="8:8">
      <c r="H132872" s="12"/>
    </row>
    <row r="132873" spans="8:8">
      <c r="H132873" s="12"/>
    </row>
    <row r="132874" spans="8:8">
      <c r="H132874" s="12"/>
    </row>
    <row r="132875" spans="8:8">
      <c r="H132875" s="12"/>
    </row>
    <row r="132876" spans="8:8">
      <c r="H132876" s="12"/>
    </row>
    <row r="132877" spans="8:8">
      <c r="H132877" s="12"/>
    </row>
    <row r="132878" spans="8:8">
      <c r="H132878" s="12"/>
    </row>
    <row r="132879" spans="8:8">
      <c r="H132879" s="12"/>
    </row>
    <row r="132880" spans="8:8">
      <c r="H132880" s="12"/>
    </row>
    <row r="132881" spans="8:8">
      <c r="H132881" s="12"/>
    </row>
    <row r="132882" spans="8:8">
      <c r="H132882" s="12"/>
    </row>
    <row r="132883" spans="8:8">
      <c r="H132883" s="12"/>
    </row>
    <row r="132884" spans="8:8">
      <c r="H132884" s="12"/>
    </row>
    <row r="132885" spans="8:8">
      <c r="H132885" s="12"/>
    </row>
    <row r="132886" spans="8:8">
      <c r="H132886" s="12"/>
    </row>
    <row r="132887" spans="8:8">
      <c r="H132887" s="12"/>
    </row>
    <row r="132888" spans="8:8">
      <c r="H132888" s="12"/>
    </row>
    <row r="132889" spans="8:8">
      <c r="H132889" s="12"/>
    </row>
    <row r="132890" spans="8:8">
      <c r="H132890" s="12"/>
    </row>
    <row r="132891" spans="8:8">
      <c r="H132891" s="12"/>
    </row>
    <row r="132892" spans="8:8">
      <c r="H132892" s="12"/>
    </row>
    <row r="132893" spans="8:8">
      <c r="H132893" s="12"/>
    </row>
    <row r="132894" spans="8:8">
      <c r="H132894" s="12"/>
    </row>
    <row r="132895" spans="8:8">
      <c r="H132895" s="12"/>
    </row>
    <row r="132896" spans="8:8">
      <c r="H132896" s="12"/>
    </row>
    <row r="132897" spans="8:8">
      <c r="H132897" s="12"/>
    </row>
    <row r="132898" spans="8:8">
      <c r="H132898" s="12"/>
    </row>
    <row r="132899" spans="8:8">
      <c r="H132899" s="12"/>
    </row>
    <row r="132900" spans="8:8">
      <c r="H132900" s="12"/>
    </row>
    <row r="132901" spans="8:8">
      <c r="H132901" s="12"/>
    </row>
    <row r="132902" spans="8:8">
      <c r="H132902" s="12"/>
    </row>
    <row r="132903" spans="8:8">
      <c r="H132903" s="12"/>
    </row>
    <row r="132904" spans="8:8">
      <c r="H132904" s="12"/>
    </row>
    <row r="132905" spans="8:8">
      <c r="H132905" s="12"/>
    </row>
    <row r="132906" spans="8:8">
      <c r="H132906" s="12"/>
    </row>
    <row r="132907" spans="8:8">
      <c r="H132907" s="12"/>
    </row>
    <row r="132908" spans="8:8">
      <c r="H132908" s="12"/>
    </row>
    <row r="132909" spans="8:8">
      <c r="H132909" s="12"/>
    </row>
    <row r="132910" spans="8:8">
      <c r="H132910" s="12"/>
    </row>
    <row r="132911" spans="8:8">
      <c r="H132911" s="12"/>
    </row>
    <row r="132912" spans="8:8">
      <c r="H132912" s="12"/>
    </row>
    <row r="132913" spans="8:8">
      <c r="H132913" s="12"/>
    </row>
    <row r="132914" spans="8:8">
      <c r="H132914" s="12"/>
    </row>
    <row r="132915" spans="8:8">
      <c r="H132915" s="12"/>
    </row>
    <row r="132916" spans="8:8">
      <c r="H132916" s="12"/>
    </row>
    <row r="132917" spans="8:8">
      <c r="H132917" s="12"/>
    </row>
    <row r="132918" spans="8:8">
      <c r="H132918" s="12"/>
    </row>
    <row r="132919" spans="8:8">
      <c r="H132919" s="12"/>
    </row>
    <row r="132920" spans="8:8">
      <c r="H132920" s="12"/>
    </row>
    <row r="132921" spans="8:8">
      <c r="H132921" s="12"/>
    </row>
    <row r="132922" spans="8:8">
      <c r="H132922" s="12"/>
    </row>
    <row r="132923" spans="8:8">
      <c r="H132923" s="12"/>
    </row>
    <row r="132924" spans="8:8">
      <c r="H132924" s="12"/>
    </row>
    <row r="132925" spans="8:8">
      <c r="H132925" s="12"/>
    </row>
    <row r="132926" spans="8:8">
      <c r="H132926" s="12"/>
    </row>
    <row r="132927" spans="8:8">
      <c r="H132927" s="12"/>
    </row>
    <row r="132928" spans="8:8">
      <c r="H132928" s="12"/>
    </row>
    <row r="132929" spans="8:8">
      <c r="H132929" s="12"/>
    </row>
    <row r="132930" spans="8:8">
      <c r="H132930" s="12"/>
    </row>
    <row r="132931" spans="8:8">
      <c r="H132931" s="12"/>
    </row>
    <row r="132932" spans="8:8">
      <c r="H132932" s="12"/>
    </row>
    <row r="132933" spans="8:8">
      <c r="H132933" s="12"/>
    </row>
    <row r="132934" spans="8:8">
      <c r="H132934" s="12"/>
    </row>
    <row r="132935" spans="8:8">
      <c r="H132935" s="12"/>
    </row>
    <row r="132936" spans="8:8">
      <c r="H132936" s="12"/>
    </row>
    <row r="132937" spans="8:8">
      <c r="H132937" s="12"/>
    </row>
    <row r="132938" spans="8:8">
      <c r="H132938" s="12"/>
    </row>
    <row r="132939" spans="8:8">
      <c r="H132939" s="12"/>
    </row>
    <row r="132940" spans="8:8">
      <c r="H132940" s="12"/>
    </row>
    <row r="132941" spans="8:8">
      <c r="H132941" s="12"/>
    </row>
    <row r="132942" spans="8:8">
      <c r="H132942" s="12"/>
    </row>
    <row r="132943" spans="8:8">
      <c r="H132943" s="12"/>
    </row>
    <row r="132944" spans="8:8">
      <c r="H132944" s="12"/>
    </row>
    <row r="132945" spans="8:8">
      <c r="H132945" s="12"/>
    </row>
    <row r="132946" spans="8:8">
      <c r="H132946" s="12"/>
    </row>
    <row r="132947" spans="8:8">
      <c r="H132947" s="12"/>
    </row>
    <row r="132948" spans="8:8">
      <c r="H132948" s="12"/>
    </row>
    <row r="132949" spans="8:8">
      <c r="H132949" s="12"/>
    </row>
    <row r="132950" spans="8:8">
      <c r="H132950" s="12"/>
    </row>
    <row r="132951" spans="8:8">
      <c r="H132951" s="12"/>
    </row>
    <row r="132952" spans="8:8">
      <c r="H132952" s="12"/>
    </row>
    <row r="132953" spans="8:8">
      <c r="H132953" s="12"/>
    </row>
    <row r="132954" spans="8:8">
      <c r="H132954" s="12"/>
    </row>
    <row r="132955" spans="8:8">
      <c r="H132955" s="12"/>
    </row>
    <row r="132956" spans="8:8">
      <c r="H132956" s="12"/>
    </row>
    <row r="132957" spans="8:8">
      <c r="H132957" s="12"/>
    </row>
    <row r="132958" spans="8:8">
      <c r="H132958" s="12"/>
    </row>
    <row r="132959" spans="8:8">
      <c r="H132959" s="12"/>
    </row>
    <row r="132960" spans="8:8">
      <c r="H132960" s="12"/>
    </row>
    <row r="132961" spans="8:8">
      <c r="H132961" s="12"/>
    </row>
    <row r="132962" spans="8:8">
      <c r="H132962" s="12"/>
    </row>
    <row r="132963" spans="8:8">
      <c r="H132963" s="12"/>
    </row>
    <row r="132964" spans="8:8">
      <c r="H132964" s="12"/>
    </row>
    <row r="132965" spans="8:8">
      <c r="H132965" s="12"/>
    </row>
    <row r="132966" spans="8:8">
      <c r="H132966" s="12"/>
    </row>
    <row r="132967" spans="8:8">
      <c r="H132967" s="12"/>
    </row>
    <row r="132968" spans="8:8">
      <c r="H132968" s="12"/>
    </row>
    <row r="132969" spans="8:8">
      <c r="H132969" s="12"/>
    </row>
    <row r="132970" spans="8:8">
      <c r="H132970" s="12"/>
    </row>
    <row r="132971" spans="8:8">
      <c r="H132971" s="12"/>
    </row>
    <row r="132972" spans="8:8">
      <c r="H132972" s="12"/>
    </row>
    <row r="132973" spans="8:8">
      <c r="H132973" s="12"/>
    </row>
    <row r="132974" spans="8:8">
      <c r="H132974" s="12"/>
    </row>
    <row r="132975" spans="8:8">
      <c r="H132975" s="12"/>
    </row>
    <row r="132976" spans="8:8">
      <c r="H132976" s="12"/>
    </row>
    <row r="132977" spans="8:8">
      <c r="H132977" s="12"/>
    </row>
    <row r="132978" spans="8:8">
      <c r="H132978" s="12"/>
    </row>
    <row r="132979" spans="8:8">
      <c r="H132979" s="12"/>
    </row>
    <row r="132980" spans="8:8">
      <c r="H132980" s="12"/>
    </row>
    <row r="132981" spans="8:8">
      <c r="H132981" s="12"/>
    </row>
    <row r="132982" spans="8:8">
      <c r="H132982" s="12"/>
    </row>
    <row r="132983" spans="8:8">
      <c r="H132983" s="12"/>
    </row>
    <row r="132984" spans="8:8">
      <c r="H132984" s="12"/>
    </row>
    <row r="132985" spans="8:8">
      <c r="H132985" s="12"/>
    </row>
    <row r="132986" spans="8:8">
      <c r="H132986" s="12"/>
    </row>
    <row r="132987" spans="8:8">
      <c r="H132987" s="12"/>
    </row>
    <row r="132988" spans="8:8">
      <c r="H132988" s="12"/>
    </row>
    <row r="132989" spans="8:8">
      <c r="H132989" s="12"/>
    </row>
    <row r="132990" spans="8:8">
      <c r="H132990" s="12"/>
    </row>
    <row r="132991" spans="8:8">
      <c r="H132991" s="12"/>
    </row>
    <row r="132992" spans="8:8">
      <c r="H132992" s="12"/>
    </row>
    <row r="132993" spans="8:8">
      <c r="H132993" s="12"/>
    </row>
    <row r="132994" spans="8:8">
      <c r="H132994" s="12"/>
    </row>
    <row r="132995" spans="8:8">
      <c r="H132995" s="12"/>
    </row>
    <row r="132996" spans="8:8">
      <c r="H132996" s="12"/>
    </row>
    <row r="132997" spans="8:8">
      <c r="H132997" s="12"/>
    </row>
    <row r="132998" spans="8:8">
      <c r="H132998" s="12"/>
    </row>
    <row r="132999" spans="8:8">
      <c r="H132999" s="12"/>
    </row>
    <row r="133000" spans="8:8">
      <c r="H133000" s="12"/>
    </row>
    <row r="133001" spans="8:8">
      <c r="H133001" s="12"/>
    </row>
    <row r="133002" spans="8:8">
      <c r="H133002" s="12"/>
    </row>
    <row r="133003" spans="8:8">
      <c r="H133003" s="12"/>
    </row>
    <row r="133004" spans="8:8">
      <c r="H133004" s="12"/>
    </row>
    <row r="133005" spans="8:8">
      <c r="H133005" s="12"/>
    </row>
    <row r="133006" spans="8:8">
      <c r="H133006" s="12"/>
    </row>
    <row r="133007" spans="8:8">
      <c r="H133007" s="12"/>
    </row>
    <row r="133008" spans="8:8">
      <c r="H133008" s="12"/>
    </row>
    <row r="133009" spans="8:8">
      <c r="H133009" s="12"/>
    </row>
    <row r="133010" spans="8:8">
      <c r="H133010" s="12"/>
    </row>
    <row r="133011" spans="8:8">
      <c r="H133011" s="12"/>
    </row>
    <row r="133012" spans="8:8">
      <c r="H133012" s="12"/>
    </row>
    <row r="133013" spans="8:8">
      <c r="H133013" s="12"/>
    </row>
    <row r="133014" spans="8:8">
      <c r="H133014" s="12"/>
    </row>
    <row r="133015" spans="8:8">
      <c r="H133015" s="12"/>
    </row>
    <row r="133016" spans="8:8">
      <c r="H133016" s="12"/>
    </row>
    <row r="133017" spans="8:8">
      <c r="H133017" s="12"/>
    </row>
    <row r="133018" spans="8:8">
      <c r="H133018" s="12"/>
    </row>
    <row r="133019" spans="8:8">
      <c r="H133019" s="12"/>
    </row>
    <row r="133020" spans="8:8">
      <c r="H133020" s="12"/>
    </row>
    <row r="133021" spans="8:8">
      <c r="H133021" s="12"/>
    </row>
    <row r="133022" spans="8:8">
      <c r="H133022" s="12"/>
    </row>
    <row r="133023" spans="8:8">
      <c r="H133023" s="12"/>
    </row>
    <row r="133024" spans="8:8">
      <c r="H133024" s="12"/>
    </row>
    <row r="133025" spans="8:8">
      <c r="H133025" s="12"/>
    </row>
    <row r="133026" spans="8:8">
      <c r="H133026" s="12"/>
    </row>
    <row r="133027" spans="8:8">
      <c r="H133027" s="12"/>
    </row>
    <row r="133028" spans="8:8">
      <c r="H133028" s="12"/>
    </row>
    <row r="133029" spans="8:8">
      <c r="H133029" s="12"/>
    </row>
    <row r="133030" spans="8:8">
      <c r="H133030" s="12"/>
    </row>
    <row r="133031" spans="8:8">
      <c r="H133031" s="12"/>
    </row>
    <row r="133032" spans="8:8">
      <c r="H133032" s="12"/>
    </row>
    <row r="133033" spans="8:8">
      <c r="H133033" s="12"/>
    </row>
    <row r="133034" spans="8:8">
      <c r="H133034" s="12"/>
    </row>
    <row r="133035" spans="8:8">
      <c r="H133035" s="12"/>
    </row>
    <row r="133036" spans="8:8">
      <c r="H133036" s="12"/>
    </row>
    <row r="133037" spans="8:8">
      <c r="H133037" s="12"/>
    </row>
    <row r="133038" spans="8:8">
      <c r="H133038" s="12"/>
    </row>
    <row r="133039" spans="8:8">
      <c r="H133039" s="12"/>
    </row>
    <row r="133040" spans="8:8">
      <c r="H133040" s="12"/>
    </row>
    <row r="133041" spans="8:8">
      <c r="H133041" s="12"/>
    </row>
    <row r="133042" spans="8:8">
      <c r="H133042" s="12"/>
    </row>
    <row r="133043" spans="8:8">
      <c r="H133043" s="12"/>
    </row>
    <row r="133044" spans="8:8">
      <c r="H133044" s="12"/>
    </row>
    <row r="133045" spans="8:8">
      <c r="H133045" s="12"/>
    </row>
    <row r="133046" spans="8:8">
      <c r="H133046" s="12"/>
    </row>
    <row r="133047" spans="8:8">
      <c r="H133047" s="12"/>
    </row>
    <row r="133048" spans="8:8">
      <c r="H133048" s="12"/>
    </row>
    <row r="133049" spans="8:8">
      <c r="H133049" s="12"/>
    </row>
    <row r="133050" spans="8:8">
      <c r="H133050" s="12"/>
    </row>
    <row r="133051" spans="8:8">
      <c r="H133051" s="12"/>
    </row>
    <row r="133052" spans="8:8">
      <c r="H133052" s="12"/>
    </row>
    <row r="133053" spans="8:8">
      <c r="H133053" s="12"/>
    </row>
    <row r="133054" spans="8:8">
      <c r="H133054" s="12"/>
    </row>
    <row r="133055" spans="8:8">
      <c r="H133055" s="12"/>
    </row>
    <row r="133056" spans="8:8">
      <c r="H133056" s="12"/>
    </row>
    <row r="133057" spans="8:8">
      <c r="H133057" s="12"/>
    </row>
    <row r="133058" spans="8:8">
      <c r="H133058" s="12"/>
    </row>
    <row r="133059" spans="8:8">
      <c r="H133059" s="12"/>
    </row>
    <row r="133060" spans="8:8">
      <c r="H133060" s="12"/>
    </row>
    <row r="133061" spans="8:8">
      <c r="H133061" s="12"/>
    </row>
    <row r="133062" spans="8:8">
      <c r="H133062" s="12"/>
    </row>
    <row r="133063" spans="8:8">
      <c r="H133063" s="12"/>
    </row>
    <row r="133064" spans="8:8">
      <c r="H133064" s="12"/>
    </row>
    <row r="133065" spans="8:8">
      <c r="H133065" s="12"/>
    </row>
    <row r="133066" spans="8:8">
      <c r="H133066" s="12"/>
    </row>
    <row r="133067" spans="8:8">
      <c r="H133067" s="12"/>
    </row>
    <row r="133068" spans="8:8">
      <c r="H133068" s="12"/>
    </row>
    <row r="133069" spans="8:8">
      <c r="H133069" s="12"/>
    </row>
    <row r="133070" spans="8:8">
      <c r="H133070" s="12"/>
    </row>
    <row r="133071" spans="8:8">
      <c r="H133071" s="12"/>
    </row>
    <row r="133072" spans="8:8">
      <c r="H133072" s="12"/>
    </row>
    <row r="133073" spans="8:8">
      <c r="H133073" s="12"/>
    </row>
    <row r="133074" spans="8:8">
      <c r="H133074" s="12"/>
    </row>
    <row r="133075" spans="8:8">
      <c r="H133075" s="12"/>
    </row>
    <row r="133076" spans="8:8">
      <c r="H133076" s="12"/>
    </row>
    <row r="133077" spans="8:8">
      <c r="H133077" s="12"/>
    </row>
    <row r="133078" spans="8:8">
      <c r="H133078" s="12"/>
    </row>
    <row r="133079" spans="8:8">
      <c r="H133079" s="12"/>
    </row>
    <row r="133080" spans="8:8">
      <c r="H133080" s="12"/>
    </row>
    <row r="133081" spans="8:8">
      <c r="H133081" s="12"/>
    </row>
    <row r="133082" spans="8:8">
      <c r="H133082" s="12"/>
    </row>
    <row r="133083" spans="8:8">
      <c r="H133083" s="12"/>
    </row>
    <row r="133084" spans="8:8">
      <c r="H133084" s="12"/>
    </row>
    <row r="133085" spans="8:8">
      <c r="H133085" s="12"/>
    </row>
    <row r="133086" spans="8:8">
      <c r="H133086" s="12"/>
    </row>
    <row r="133087" spans="8:8">
      <c r="H133087" s="12"/>
    </row>
    <row r="133088" spans="8:8">
      <c r="H133088" s="12"/>
    </row>
    <row r="133089" spans="8:8">
      <c r="H133089" s="12"/>
    </row>
    <row r="133090" spans="8:8">
      <c r="H133090" s="12"/>
    </row>
    <row r="133091" spans="8:8">
      <c r="H133091" s="12"/>
    </row>
    <row r="133092" spans="8:8">
      <c r="H133092" s="12"/>
    </row>
    <row r="133093" spans="8:8">
      <c r="H133093" s="12"/>
    </row>
    <row r="133094" spans="8:8">
      <c r="H133094" s="12"/>
    </row>
    <row r="133095" spans="8:8">
      <c r="H133095" s="12"/>
    </row>
    <row r="133096" spans="8:8">
      <c r="H133096" s="12"/>
    </row>
    <row r="133097" spans="8:8">
      <c r="H133097" s="12"/>
    </row>
    <row r="133098" spans="8:8">
      <c r="H133098" s="12"/>
    </row>
    <row r="133099" spans="8:8">
      <c r="H133099" s="12"/>
    </row>
    <row r="133100" spans="8:8">
      <c r="H133100" s="12"/>
    </row>
    <row r="133101" spans="8:8">
      <c r="H133101" s="12"/>
    </row>
    <row r="133102" spans="8:8">
      <c r="H133102" s="12"/>
    </row>
    <row r="133103" spans="8:8">
      <c r="H133103" s="12"/>
    </row>
    <row r="133104" spans="8:8">
      <c r="H133104" s="12"/>
    </row>
    <row r="133105" spans="8:8">
      <c r="H133105" s="12"/>
    </row>
    <row r="133106" spans="8:8">
      <c r="H133106" s="12"/>
    </row>
    <row r="133107" spans="8:8">
      <c r="H133107" s="12"/>
    </row>
    <row r="133108" spans="8:8">
      <c r="H133108" s="12"/>
    </row>
    <row r="133109" spans="8:8">
      <c r="H133109" s="12"/>
    </row>
    <row r="133110" spans="8:8">
      <c r="H133110" s="12"/>
    </row>
    <row r="133111" spans="8:8">
      <c r="H133111" s="12"/>
    </row>
    <row r="133112" spans="8:8">
      <c r="H133112" s="12"/>
    </row>
    <row r="133113" spans="8:8">
      <c r="H133113" s="12"/>
    </row>
    <row r="133114" spans="8:8">
      <c r="H133114" s="12"/>
    </row>
    <row r="133115" spans="8:8">
      <c r="H133115" s="12"/>
    </row>
    <row r="133116" spans="8:8">
      <c r="H133116" s="12"/>
    </row>
    <row r="133117" spans="8:8">
      <c r="H133117" s="12"/>
    </row>
    <row r="133118" spans="8:8">
      <c r="H133118" s="12"/>
    </row>
    <row r="133119" spans="8:8">
      <c r="H133119" s="12"/>
    </row>
    <row r="133120" spans="8:8">
      <c r="H133120" s="12"/>
    </row>
    <row r="133121" spans="8:8">
      <c r="H133121" s="12"/>
    </row>
    <row r="133122" spans="8:8">
      <c r="H133122" s="12"/>
    </row>
    <row r="133123" spans="8:8">
      <c r="H133123" s="12"/>
    </row>
    <row r="133124" spans="8:8">
      <c r="H133124" s="12"/>
    </row>
    <row r="133125" spans="8:8">
      <c r="H133125" s="12"/>
    </row>
    <row r="133126" spans="8:8">
      <c r="H133126" s="12"/>
    </row>
    <row r="133127" spans="8:8">
      <c r="H133127" s="12"/>
    </row>
    <row r="133128" spans="8:8">
      <c r="H133128" s="12"/>
    </row>
    <row r="133129" spans="8:8">
      <c r="H133129" s="12"/>
    </row>
    <row r="133130" spans="8:8">
      <c r="H133130" s="12"/>
    </row>
    <row r="133131" spans="8:8">
      <c r="H133131" s="12"/>
    </row>
    <row r="133132" spans="8:8">
      <c r="H133132" s="12"/>
    </row>
    <row r="133133" spans="8:8">
      <c r="H133133" s="12"/>
    </row>
    <row r="133134" spans="8:8">
      <c r="H133134" s="12"/>
    </row>
    <row r="133135" spans="8:8">
      <c r="H133135" s="12"/>
    </row>
    <row r="133136" spans="8:8">
      <c r="H133136" s="12"/>
    </row>
    <row r="133137" spans="8:8">
      <c r="H133137" s="12"/>
    </row>
    <row r="133138" spans="8:8">
      <c r="H133138" s="12"/>
    </row>
    <row r="133139" spans="8:8">
      <c r="H133139" s="12"/>
    </row>
    <row r="133140" spans="8:8">
      <c r="H133140" s="12"/>
    </row>
    <row r="133141" spans="8:8">
      <c r="H133141" s="12"/>
    </row>
    <row r="133142" spans="8:8">
      <c r="H133142" s="12"/>
    </row>
    <row r="133143" spans="8:8">
      <c r="H133143" s="12"/>
    </row>
    <row r="133144" spans="8:8">
      <c r="H133144" s="12"/>
    </row>
    <row r="133145" spans="8:8">
      <c r="H133145" s="12"/>
    </row>
    <row r="133146" spans="8:8">
      <c r="H133146" s="12"/>
    </row>
    <row r="133147" spans="8:8">
      <c r="H133147" s="12"/>
    </row>
    <row r="133148" spans="8:8">
      <c r="H133148" s="12"/>
    </row>
    <row r="133149" spans="8:8">
      <c r="H133149" s="12"/>
    </row>
    <row r="133150" spans="8:8">
      <c r="H133150" s="12"/>
    </row>
    <row r="133151" spans="8:8">
      <c r="H133151" s="12"/>
    </row>
    <row r="133152" spans="8:8">
      <c r="H133152" s="12"/>
    </row>
    <row r="133153" spans="8:8">
      <c r="H133153" s="12"/>
    </row>
    <row r="133154" spans="8:8">
      <c r="H133154" s="12"/>
    </row>
    <row r="133155" spans="8:8">
      <c r="H133155" s="12"/>
    </row>
    <row r="133156" spans="8:8">
      <c r="H133156" s="12"/>
    </row>
    <row r="133157" spans="8:8">
      <c r="H133157" s="12"/>
    </row>
    <row r="133158" spans="8:8">
      <c r="H133158" s="12"/>
    </row>
    <row r="133159" spans="8:8">
      <c r="H133159" s="12"/>
    </row>
    <row r="133160" spans="8:8">
      <c r="H133160" s="12"/>
    </row>
    <row r="133161" spans="8:8">
      <c r="H133161" s="12"/>
    </row>
    <row r="133162" spans="8:8">
      <c r="H133162" s="12"/>
    </row>
    <row r="133163" spans="8:8">
      <c r="H133163" s="12"/>
    </row>
    <row r="133164" spans="8:8">
      <c r="H133164" s="12"/>
    </row>
    <row r="133165" spans="8:8">
      <c r="H133165" s="12"/>
    </row>
    <row r="133166" spans="8:8">
      <c r="H133166" s="12"/>
    </row>
    <row r="133167" spans="8:8">
      <c r="H133167" s="12"/>
    </row>
    <row r="133168" spans="8:8">
      <c r="H133168" s="12"/>
    </row>
    <row r="133169" spans="8:8">
      <c r="H133169" s="12"/>
    </row>
    <row r="133170" spans="8:8">
      <c r="H133170" s="12"/>
    </row>
    <row r="133171" spans="8:8">
      <c r="H133171" s="12"/>
    </row>
    <row r="133172" spans="8:8">
      <c r="H133172" s="12"/>
    </row>
    <row r="133173" spans="8:8">
      <c r="H133173" s="12"/>
    </row>
    <row r="133174" spans="8:8">
      <c r="H133174" s="12"/>
    </row>
    <row r="133175" spans="8:8">
      <c r="H133175" s="12"/>
    </row>
    <row r="133176" spans="8:8">
      <c r="H133176" s="12"/>
    </row>
    <row r="133177" spans="8:8">
      <c r="H133177" s="12"/>
    </row>
    <row r="133178" spans="8:8">
      <c r="H133178" s="12"/>
    </row>
    <row r="133179" spans="8:8">
      <c r="H133179" s="12"/>
    </row>
    <row r="133180" spans="8:8">
      <c r="H133180" s="12"/>
    </row>
    <row r="133181" spans="8:8">
      <c r="H133181" s="12"/>
    </row>
    <row r="133182" spans="8:8">
      <c r="H133182" s="12"/>
    </row>
    <row r="133183" spans="8:8">
      <c r="H133183" s="12"/>
    </row>
    <row r="133184" spans="8:8">
      <c r="H133184" s="12"/>
    </row>
    <row r="133185" spans="8:8">
      <c r="H133185" s="12"/>
    </row>
    <row r="133186" spans="8:8">
      <c r="H133186" s="12"/>
    </row>
    <row r="133187" spans="8:8">
      <c r="H133187" s="12"/>
    </row>
    <row r="133188" spans="8:8">
      <c r="H133188" s="12"/>
    </row>
    <row r="133189" spans="8:8">
      <c r="H133189" s="12"/>
    </row>
    <row r="133190" spans="8:8">
      <c r="H133190" s="12"/>
    </row>
    <row r="133191" spans="8:8">
      <c r="H133191" s="12"/>
    </row>
    <row r="133192" spans="8:8">
      <c r="H133192" s="12"/>
    </row>
    <row r="133193" spans="8:8">
      <c r="H133193" s="12"/>
    </row>
    <row r="133194" spans="8:8">
      <c r="H133194" s="12"/>
    </row>
    <row r="133195" spans="8:8">
      <c r="H133195" s="12"/>
    </row>
    <row r="133196" spans="8:8">
      <c r="H133196" s="12"/>
    </row>
    <row r="133197" spans="8:8">
      <c r="H133197" s="12"/>
    </row>
    <row r="133198" spans="8:8">
      <c r="H133198" s="12"/>
    </row>
    <row r="133199" spans="8:8">
      <c r="H133199" s="12"/>
    </row>
    <row r="133200" spans="8:8">
      <c r="H133200" s="12"/>
    </row>
    <row r="133201" spans="8:8">
      <c r="H133201" s="12"/>
    </row>
    <row r="133202" spans="8:8">
      <c r="H133202" s="12"/>
    </row>
    <row r="133203" spans="8:8">
      <c r="H133203" s="12"/>
    </row>
    <row r="133204" spans="8:8">
      <c r="H133204" s="12"/>
    </row>
    <row r="133205" spans="8:8">
      <c r="H133205" s="12"/>
    </row>
    <row r="133206" spans="8:8">
      <c r="H133206" s="12"/>
    </row>
    <row r="133207" spans="8:8">
      <c r="H133207" s="12"/>
    </row>
    <row r="133208" spans="8:8">
      <c r="H133208" s="12"/>
    </row>
    <row r="133209" spans="8:8">
      <c r="H133209" s="12"/>
    </row>
    <row r="133210" spans="8:8">
      <c r="H133210" s="12"/>
    </row>
    <row r="133211" spans="8:8">
      <c r="H133211" s="12"/>
    </row>
    <row r="133212" spans="8:8">
      <c r="H133212" s="12"/>
    </row>
    <row r="133213" spans="8:8">
      <c r="H133213" s="12"/>
    </row>
    <row r="133214" spans="8:8">
      <c r="H133214" s="12"/>
    </row>
    <row r="133215" spans="8:8">
      <c r="H133215" s="12"/>
    </row>
    <row r="133216" spans="8:8">
      <c r="H133216" s="12"/>
    </row>
    <row r="133217" spans="8:8">
      <c r="H133217" s="12"/>
    </row>
    <row r="133218" spans="8:8">
      <c r="H133218" s="12"/>
    </row>
    <row r="133219" spans="8:8">
      <c r="H133219" s="12"/>
    </row>
    <row r="133220" spans="8:8">
      <c r="H133220" s="12"/>
    </row>
    <row r="133221" spans="8:8">
      <c r="H133221" s="12"/>
    </row>
    <row r="133222" spans="8:8">
      <c r="H133222" s="12"/>
    </row>
    <row r="133223" spans="8:8">
      <c r="H133223" s="12"/>
    </row>
    <row r="133224" spans="8:8">
      <c r="H133224" s="12"/>
    </row>
    <row r="133225" spans="8:8">
      <c r="H133225" s="12"/>
    </row>
    <row r="133226" spans="8:8">
      <c r="H133226" s="12"/>
    </row>
    <row r="133227" spans="8:8">
      <c r="H133227" s="12"/>
    </row>
    <row r="133228" spans="8:8">
      <c r="H133228" s="12"/>
    </row>
    <row r="133229" spans="8:8">
      <c r="H133229" s="12"/>
    </row>
    <row r="133230" spans="8:8">
      <c r="H133230" s="12"/>
    </row>
    <row r="133231" spans="8:8">
      <c r="H133231" s="12"/>
    </row>
    <row r="133232" spans="8:8">
      <c r="H133232" s="12"/>
    </row>
    <row r="133233" spans="8:8">
      <c r="H133233" s="12"/>
    </row>
    <row r="133234" spans="8:8">
      <c r="H133234" s="12"/>
    </row>
    <row r="133235" spans="8:8">
      <c r="H133235" s="12"/>
    </row>
    <row r="133236" spans="8:8">
      <c r="H133236" s="12"/>
    </row>
    <row r="133237" spans="8:8">
      <c r="H133237" s="12"/>
    </row>
    <row r="133238" spans="8:8">
      <c r="H133238" s="12"/>
    </row>
    <row r="133239" spans="8:8">
      <c r="H133239" s="12"/>
    </row>
    <row r="133240" spans="8:8">
      <c r="H133240" s="12"/>
    </row>
    <row r="133241" spans="8:8">
      <c r="H133241" s="12"/>
    </row>
    <row r="133242" spans="8:8">
      <c r="H133242" s="12"/>
    </row>
    <row r="133243" spans="8:8">
      <c r="H133243" s="12"/>
    </row>
    <row r="133244" spans="8:8">
      <c r="H133244" s="12"/>
    </row>
    <row r="133245" spans="8:8">
      <c r="H133245" s="12"/>
    </row>
    <row r="133246" spans="8:8">
      <c r="H133246" s="12"/>
    </row>
    <row r="133247" spans="8:8">
      <c r="H133247" s="12"/>
    </row>
    <row r="133248" spans="8:8">
      <c r="H133248" s="12"/>
    </row>
    <row r="133249" spans="8:8">
      <c r="H133249" s="12"/>
    </row>
    <row r="133250" spans="8:8">
      <c r="H133250" s="12"/>
    </row>
    <row r="133251" spans="8:8">
      <c r="H133251" s="12"/>
    </row>
    <row r="133252" spans="8:8">
      <c r="H133252" s="12"/>
    </row>
    <row r="133253" spans="8:8">
      <c r="H133253" s="12"/>
    </row>
    <row r="133254" spans="8:8">
      <c r="H133254" s="12"/>
    </row>
    <row r="133255" spans="8:8">
      <c r="H133255" s="12"/>
    </row>
    <row r="133256" spans="8:8">
      <c r="H133256" s="12"/>
    </row>
    <row r="133257" spans="8:8">
      <c r="H133257" s="12"/>
    </row>
    <row r="133258" spans="8:8">
      <c r="H133258" s="12"/>
    </row>
    <row r="133259" spans="8:8">
      <c r="H133259" s="12"/>
    </row>
    <row r="133260" spans="8:8">
      <c r="H133260" s="12"/>
    </row>
    <row r="133261" spans="8:8">
      <c r="H133261" s="12"/>
    </row>
    <row r="133262" spans="8:8">
      <c r="H133262" s="12"/>
    </row>
    <row r="133263" spans="8:8">
      <c r="H133263" s="12"/>
    </row>
    <row r="133264" spans="8:8">
      <c r="H133264" s="12"/>
    </row>
    <row r="133265" spans="8:8">
      <c r="H133265" s="12"/>
    </row>
    <row r="133266" spans="8:8">
      <c r="H133266" s="12"/>
    </row>
    <row r="133267" spans="8:8">
      <c r="H133267" s="12"/>
    </row>
    <row r="133268" spans="8:8">
      <c r="H133268" s="12"/>
    </row>
    <row r="133269" spans="8:8">
      <c r="H133269" s="12"/>
    </row>
    <row r="133270" spans="8:8">
      <c r="H133270" s="12"/>
    </row>
    <row r="133271" spans="8:8">
      <c r="H133271" s="12"/>
    </row>
    <row r="133272" spans="8:8">
      <c r="H133272" s="12"/>
    </row>
    <row r="133273" spans="8:8">
      <c r="H133273" s="12"/>
    </row>
    <row r="133274" spans="8:8">
      <c r="H133274" s="12"/>
    </row>
    <row r="133275" spans="8:8">
      <c r="H133275" s="12"/>
    </row>
    <row r="133276" spans="8:8">
      <c r="H133276" s="12"/>
    </row>
    <row r="133277" spans="8:8">
      <c r="H133277" s="12"/>
    </row>
    <row r="133278" spans="8:8">
      <c r="H133278" s="12"/>
    </row>
    <row r="133279" spans="8:8">
      <c r="H133279" s="12"/>
    </row>
    <row r="133280" spans="8:8">
      <c r="H133280" s="12"/>
    </row>
    <row r="133281" spans="8:8">
      <c r="H133281" s="12"/>
    </row>
    <row r="133282" spans="8:8">
      <c r="H133282" s="12"/>
    </row>
    <row r="133283" spans="8:8">
      <c r="H133283" s="12"/>
    </row>
    <row r="133284" spans="8:8">
      <c r="H133284" s="12"/>
    </row>
    <row r="133285" spans="8:8">
      <c r="H133285" s="12"/>
    </row>
    <row r="133286" spans="8:8">
      <c r="H133286" s="12"/>
    </row>
    <row r="133287" spans="8:8">
      <c r="H133287" s="12"/>
    </row>
    <row r="133288" spans="8:8">
      <c r="H133288" s="12"/>
    </row>
    <row r="133289" spans="8:8">
      <c r="H133289" s="12"/>
    </row>
    <row r="133290" spans="8:8">
      <c r="H133290" s="12"/>
    </row>
    <row r="133291" spans="8:8">
      <c r="H133291" s="12"/>
    </row>
    <row r="133292" spans="8:8">
      <c r="H133292" s="12"/>
    </row>
    <row r="133293" spans="8:8">
      <c r="H133293" s="12"/>
    </row>
    <row r="133294" spans="8:8">
      <c r="H133294" s="12"/>
    </row>
    <row r="133295" spans="8:8">
      <c r="H133295" s="12"/>
    </row>
    <row r="133296" spans="8:8">
      <c r="H133296" s="12"/>
    </row>
    <row r="133297" spans="8:8">
      <c r="H133297" s="12"/>
    </row>
    <row r="133298" spans="8:8">
      <c r="H133298" s="12"/>
    </row>
    <row r="133299" spans="8:8">
      <c r="H133299" s="12"/>
    </row>
    <row r="133300" spans="8:8">
      <c r="H133300" s="12"/>
    </row>
    <row r="133301" spans="8:8">
      <c r="H133301" s="12"/>
    </row>
    <row r="133302" spans="8:8">
      <c r="H133302" s="12"/>
    </row>
    <row r="133303" spans="8:8">
      <c r="H133303" s="12"/>
    </row>
    <row r="133304" spans="8:8">
      <c r="H133304" s="12"/>
    </row>
    <row r="133305" spans="8:8">
      <c r="H133305" s="12"/>
    </row>
    <row r="133306" spans="8:8">
      <c r="H133306" s="12"/>
    </row>
    <row r="133307" spans="8:8">
      <c r="H133307" s="12"/>
    </row>
    <row r="133308" spans="8:8">
      <c r="H133308" s="12"/>
    </row>
    <row r="133309" spans="8:8">
      <c r="H133309" s="12"/>
    </row>
    <row r="133310" spans="8:8">
      <c r="H133310" s="12"/>
    </row>
    <row r="133311" spans="8:8">
      <c r="H133311" s="12"/>
    </row>
    <row r="133312" spans="8:8">
      <c r="H133312" s="12"/>
    </row>
    <row r="133313" spans="8:8">
      <c r="H133313" s="12"/>
    </row>
    <row r="133314" spans="8:8">
      <c r="H133314" s="12"/>
    </row>
    <row r="133315" spans="8:8">
      <c r="H133315" s="12"/>
    </row>
    <row r="133316" spans="8:8">
      <c r="H133316" s="12"/>
    </row>
    <row r="133317" spans="8:8">
      <c r="H133317" s="12"/>
    </row>
    <row r="133318" spans="8:8">
      <c r="H133318" s="12"/>
    </row>
    <row r="133319" spans="8:8">
      <c r="H133319" s="12"/>
    </row>
    <row r="133320" spans="8:8">
      <c r="H133320" s="12"/>
    </row>
    <row r="133321" spans="8:8">
      <c r="H133321" s="12"/>
    </row>
    <row r="133322" spans="8:8">
      <c r="H133322" s="12"/>
    </row>
    <row r="133323" spans="8:8">
      <c r="H133323" s="12"/>
    </row>
    <row r="133324" spans="8:8">
      <c r="H133324" s="12"/>
    </row>
    <row r="133325" spans="8:8">
      <c r="H133325" s="12"/>
    </row>
    <row r="133326" spans="8:8">
      <c r="H133326" s="12"/>
    </row>
    <row r="133327" spans="8:8">
      <c r="H133327" s="12"/>
    </row>
    <row r="133328" spans="8:8">
      <c r="H133328" s="12"/>
    </row>
    <row r="133329" spans="8:8">
      <c r="H133329" s="12"/>
    </row>
    <row r="133330" spans="8:8">
      <c r="H133330" s="12"/>
    </row>
    <row r="133331" spans="8:8">
      <c r="H133331" s="12"/>
    </row>
    <row r="133332" spans="8:8">
      <c r="H133332" s="12"/>
    </row>
    <row r="133333" spans="8:8">
      <c r="H133333" s="12"/>
    </row>
    <row r="133334" spans="8:8">
      <c r="H133334" s="12"/>
    </row>
    <row r="133335" spans="8:8">
      <c r="H133335" s="12"/>
    </row>
    <row r="133336" spans="8:8">
      <c r="H133336" s="12"/>
    </row>
    <row r="133337" spans="8:8">
      <c r="H133337" s="12"/>
    </row>
    <row r="133338" spans="8:8">
      <c r="H133338" s="12"/>
    </row>
    <row r="133339" spans="8:8">
      <c r="H133339" s="12"/>
    </row>
    <row r="133340" spans="8:8">
      <c r="H133340" s="12"/>
    </row>
    <row r="133341" spans="8:8">
      <c r="H133341" s="12"/>
    </row>
    <row r="133342" spans="8:8">
      <c r="H133342" s="12"/>
    </row>
    <row r="133343" spans="8:8">
      <c r="H133343" s="12"/>
    </row>
    <row r="133344" spans="8:8">
      <c r="H133344" s="12"/>
    </row>
    <row r="133345" spans="8:8">
      <c r="H133345" s="12"/>
    </row>
    <row r="133346" spans="8:8">
      <c r="H133346" s="12"/>
    </row>
    <row r="133347" spans="8:8">
      <c r="H133347" s="12"/>
    </row>
    <row r="133348" spans="8:8">
      <c r="H133348" s="12"/>
    </row>
    <row r="133349" spans="8:8">
      <c r="H133349" s="12"/>
    </row>
    <row r="133350" spans="8:8">
      <c r="H133350" s="12"/>
    </row>
    <row r="133351" spans="8:8">
      <c r="H133351" s="12"/>
    </row>
    <row r="133352" spans="8:8">
      <c r="H133352" s="12"/>
    </row>
    <row r="133353" spans="8:8">
      <c r="H133353" s="12"/>
    </row>
    <row r="133354" spans="8:8">
      <c r="H133354" s="12"/>
    </row>
    <row r="133355" spans="8:8">
      <c r="H133355" s="12"/>
    </row>
    <row r="133356" spans="8:8">
      <c r="H133356" s="12"/>
    </row>
    <row r="133357" spans="8:8">
      <c r="H133357" s="12"/>
    </row>
    <row r="133358" spans="8:8">
      <c r="H133358" s="12"/>
    </row>
    <row r="133359" spans="8:8">
      <c r="H133359" s="12"/>
    </row>
    <row r="133360" spans="8:8">
      <c r="H133360" s="12"/>
    </row>
    <row r="133361" spans="8:8">
      <c r="H133361" s="12"/>
    </row>
    <row r="133362" spans="8:8">
      <c r="H133362" s="12"/>
    </row>
    <row r="133363" spans="8:8">
      <c r="H133363" s="12"/>
    </row>
    <row r="133364" spans="8:8">
      <c r="H133364" s="12"/>
    </row>
    <row r="133365" spans="8:8">
      <c r="H133365" s="12"/>
    </row>
    <row r="133366" spans="8:8">
      <c r="H133366" s="12"/>
    </row>
    <row r="133367" spans="8:8">
      <c r="H133367" s="12"/>
    </row>
    <row r="133368" spans="8:8">
      <c r="H133368" s="12"/>
    </row>
    <row r="133369" spans="8:8">
      <c r="H133369" s="12"/>
    </row>
    <row r="133370" spans="8:8">
      <c r="H133370" s="12"/>
    </row>
    <row r="133371" spans="8:8">
      <c r="H133371" s="12"/>
    </row>
    <row r="133372" spans="8:8">
      <c r="H133372" s="12"/>
    </row>
    <row r="133373" spans="8:8">
      <c r="H133373" s="12"/>
    </row>
    <row r="133374" spans="8:8">
      <c r="H133374" s="12"/>
    </row>
    <row r="133375" spans="8:8">
      <c r="H133375" s="12"/>
    </row>
    <row r="133376" spans="8:8">
      <c r="H133376" s="12"/>
    </row>
    <row r="133377" spans="8:8">
      <c r="H133377" s="12"/>
    </row>
    <row r="133378" spans="8:8">
      <c r="H133378" s="12"/>
    </row>
    <row r="133379" spans="8:8">
      <c r="H133379" s="12"/>
    </row>
    <row r="133380" spans="8:8">
      <c r="H133380" s="12"/>
    </row>
    <row r="133381" spans="8:8">
      <c r="H133381" s="12"/>
    </row>
    <row r="133382" spans="8:8">
      <c r="H133382" s="12"/>
    </row>
    <row r="133383" spans="8:8">
      <c r="H133383" s="12"/>
    </row>
    <row r="133384" spans="8:8">
      <c r="H133384" s="12"/>
    </row>
    <row r="133385" spans="8:8">
      <c r="H133385" s="12"/>
    </row>
    <row r="133386" spans="8:8">
      <c r="H133386" s="12"/>
    </row>
    <row r="133387" spans="8:8">
      <c r="H133387" s="12"/>
    </row>
    <row r="133388" spans="8:8">
      <c r="H133388" s="12"/>
    </row>
    <row r="133389" spans="8:8">
      <c r="H133389" s="12"/>
    </row>
    <row r="133390" spans="8:8">
      <c r="H133390" s="12"/>
    </row>
    <row r="133391" spans="8:8">
      <c r="H133391" s="12"/>
    </row>
    <row r="133392" spans="8:8">
      <c r="H133392" s="12"/>
    </row>
    <row r="133393" spans="8:8">
      <c r="H133393" s="12"/>
    </row>
    <row r="133394" spans="8:8">
      <c r="H133394" s="12"/>
    </row>
    <row r="133395" spans="8:8">
      <c r="H133395" s="12"/>
    </row>
    <row r="133396" spans="8:8">
      <c r="H133396" s="12"/>
    </row>
    <row r="133397" spans="8:8">
      <c r="H133397" s="12"/>
    </row>
    <row r="133398" spans="8:8">
      <c r="H133398" s="12"/>
    </row>
    <row r="133399" spans="8:8">
      <c r="H133399" s="12"/>
    </row>
    <row r="133400" spans="8:8">
      <c r="H133400" s="12"/>
    </row>
    <row r="133401" spans="8:8">
      <c r="H133401" s="12"/>
    </row>
    <row r="133402" spans="8:8">
      <c r="H133402" s="12"/>
    </row>
    <row r="133403" spans="8:8">
      <c r="H133403" s="12"/>
    </row>
    <row r="133404" spans="8:8">
      <c r="H133404" s="12"/>
    </row>
    <row r="133405" spans="8:8">
      <c r="H133405" s="12"/>
    </row>
    <row r="133406" spans="8:8">
      <c r="H133406" s="12"/>
    </row>
    <row r="133407" spans="8:8">
      <c r="H133407" s="12"/>
    </row>
    <row r="133408" spans="8:8">
      <c r="H133408" s="12"/>
    </row>
    <row r="133409" spans="8:8">
      <c r="H133409" s="12"/>
    </row>
    <row r="133410" spans="8:8">
      <c r="H133410" s="12"/>
    </row>
    <row r="133411" spans="8:8">
      <c r="H133411" s="12"/>
    </row>
    <row r="133412" spans="8:8">
      <c r="H133412" s="12"/>
    </row>
    <row r="133413" spans="8:8">
      <c r="H133413" s="12"/>
    </row>
    <row r="133414" spans="8:8">
      <c r="H133414" s="12"/>
    </row>
    <row r="133415" spans="8:8">
      <c r="H133415" s="12"/>
    </row>
    <row r="133416" spans="8:8">
      <c r="H133416" s="12"/>
    </row>
    <row r="133417" spans="8:8">
      <c r="H133417" s="12"/>
    </row>
    <row r="133418" spans="8:8">
      <c r="H133418" s="12"/>
    </row>
    <row r="133419" spans="8:8">
      <c r="H133419" s="12"/>
    </row>
    <row r="133420" spans="8:8">
      <c r="H133420" s="12"/>
    </row>
    <row r="133421" spans="8:8">
      <c r="H133421" s="12"/>
    </row>
    <row r="133422" spans="8:8">
      <c r="H133422" s="12"/>
    </row>
    <row r="133423" spans="8:8">
      <c r="H133423" s="12"/>
    </row>
    <row r="133424" spans="8:8">
      <c r="H133424" s="12"/>
    </row>
    <row r="133425" spans="8:8">
      <c r="H133425" s="12"/>
    </row>
    <row r="133426" spans="8:8">
      <c r="H133426" s="12"/>
    </row>
    <row r="133427" spans="8:8">
      <c r="H133427" s="12"/>
    </row>
    <row r="133428" spans="8:8">
      <c r="H133428" s="12"/>
    </row>
    <row r="133429" spans="8:8">
      <c r="H133429" s="12"/>
    </row>
    <row r="133430" spans="8:8">
      <c r="H133430" s="12"/>
    </row>
    <row r="133431" spans="8:8">
      <c r="H133431" s="12"/>
    </row>
    <row r="133432" spans="8:8">
      <c r="H133432" s="12"/>
    </row>
    <row r="133433" spans="8:8">
      <c r="H133433" s="12"/>
    </row>
    <row r="133434" spans="8:8">
      <c r="H133434" s="12"/>
    </row>
    <row r="133435" spans="8:8">
      <c r="H133435" s="12"/>
    </row>
    <row r="133436" spans="8:8">
      <c r="H133436" s="12"/>
    </row>
    <row r="133437" spans="8:8">
      <c r="H133437" s="12"/>
    </row>
    <row r="133438" spans="8:8">
      <c r="H133438" s="12"/>
    </row>
    <row r="133439" spans="8:8">
      <c r="H133439" s="12"/>
    </row>
    <row r="133440" spans="8:8">
      <c r="H133440" s="12"/>
    </row>
    <row r="133441" spans="8:8">
      <c r="H133441" s="12"/>
    </row>
    <row r="133442" spans="8:8">
      <c r="H133442" s="12"/>
    </row>
    <row r="133443" spans="8:8">
      <c r="H133443" s="12"/>
    </row>
    <row r="133444" spans="8:8">
      <c r="H133444" s="12"/>
    </row>
    <row r="133445" spans="8:8">
      <c r="H133445" s="12"/>
    </row>
    <row r="133446" spans="8:8">
      <c r="H133446" s="12"/>
    </row>
    <row r="133447" spans="8:8">
      <c r="H133447" s="12"/>
    </row>
    <row r="133448" spans="8:8">
      <c r="H133448" s="12"/>
    </row>
    <row r="133449" spans="8:8">
      <c r="H133449" s="12"/>
    </row>
    <row r="133450" spans="8:8">
      <c r="H133450" s="12"/>
    </row>
    <row r="133451" spans="8:8">
      <c r="H133451" s="12"/>
    </row>
    <row r="133452" spans="8:8">
      <c r="H133452" s="12"/>
    </row>
    <row r="133453" spans="8:8">
      <c r="H133453" s="12"/>
    </row>
    <row r="133454" spans="8:8">
      <c r="H133454" s="12"/>
    </row>
    <row r="133455" spans="8:8">
      <c r="H133455" s="12"/>
    </row>
    <row r="133456" spans="8:8">
      <c r="H133456" s="12"/>
    </row>
    <row r="133457" spans="8:8">
      <c r="H133457" s="12"/>
    </row>
    <row r="133458" spans="8:8">
      <c r="H133458" s="12"/>
    </row>
    <row r="133459" spans="8:8">
      <c r="H133459" s="12"/>
    </row>
    <row r="133460" spans="8:8">
      <c r="H133460" s="12"/>
    </row>
    <row r="133461" spans="8:8">
      <c r="H133461" s="12"/>
    </row>
    <row r="133462" spans="8:8">
      <c r="H133462" s="12"/>
    </row>
    <row r="133463" spans="8:8">
      <c r="H133463" s="12"/>
    </row>
    <row r="133464" spans="8:8">
      <c r="H133464" s="12"/>
    </row>
    <row r="133465" spans="8:8">
      <c r="H133465" s="12"/>
    </row>
    <row r="133466" spans="8:8">
      <c r="H133466" s="12"/>
    </row>
    <row r="133467" spans="8:8">
      <c r="H133467" s="12"/>
    </row>
    <row r="133468" spans="8:8">
      <c r="H133468" s="12"/>
    </row>
    <row r="133469" spans="8:8">
      <c r="H133469" s="12"/>
    </row>
    <row r="133470" spans="8:8">
      <c r="H133470" s="12"/>
    </row>
    <row r="133471" spans="8:8">
      <c r="H133471" s="12"/>
    </row>
    <row r="133472" spans="8:8">
      <c r="H133472" s="12"/>
    </row>
    <row r="133473" spans="8:8">
      <c r="H133473" s="12"/>
    </row>
    <row r="133474" spans="8:8">
      <c r="H133474" s="12"/>
    </row>
    <row r="133475" spans="8:8">
      <c r="H133475" s="12"/>
    </row>
    <row r="133476" spans="8:8">
      <c r="H133476" s="12"/>
    </row>
    <row r="133477" spans="8:8">
      <c r="H133477" s="12"/>
    </row>
    <row r="133478" spans="8:8">
      <c r="H133478" s="12"/>
    </row>
    <row r="133479" spans="8:8">
      <c r="H133479" s="12"/>
    </row>
    <row r="133480" spans="8:8">
      <c r="H133480" s="12"/>
    </row>
    <row r="133481" spans="8:8">
      <c r="H133481" s="12"/>
    </row>
    <row r="133482" spans="8:8">
      <c r="H133482" s="12"/>
    </row>
    <row r="133483" spans="8:8">
      <c r="H133483" s="12"/>
    </row>
    <row r="133484" spans="8:8">
      <c r="H133484" s="12"/>
    </row>
    <row r="133485" spans="8:8">
      <c r="H133485" s="12"/>
    </row>
    <row r="133486" spans="8:8">
      <c r="H133486" s="12"/>
    </row>
    <row r="133487" spans="8:8">
      <c r="H133487" s="12"/>
    </row>
    <row r="133488" spans="8:8">
      <c r="H133488" s="12"/>
    </row>
    <row r="133489" spans="8:8">
      <c r="H133489" s="12"/>
    </row>
    <row r="133490" spans="8:8">
      <c r="H133490" s="12"/>
    </row>
    <row r="133491" spans="8:8">
      <c r="H133491" s="12"/>
    </row>
    <row r="133492" spans="8:8">
      <c r="H133492" s="12"/>
    </row>
    <row r="133493" spans="8:8">
      <c r="H133493" s="12"/>
    </row>
    <row r="133494" spans="8:8">
      <c r="H133494" s="12"/>
    </row>
    <row r="133495" spans="8:8">
      <c r="H133495" s="12"/>
    </row>
    <row r="133496" spans="8:8">
      <c r="H133496" s="12"/>
    </row>
    <row r="133497" spans="8:8">
      <c r="H133497" s="12"/>
    </row>
    <row r="133498" spans="8:8">
      <c r="H133498" s="12"/>
    </row>
    <row r="133499" spans="8:8">
      <c r="H133499" s="12"/>
    </row>
    <row r="133500" spans="8:8">
      <c r="H133500" s="12"/>
    </row>
    <row r="133501" spans="8:8">
      <c r="H133501" s="12"/>
    </row>
    <row r="133502" spans="8:8">
      <c r="H133502" s="12"/>
    </row>
    <row r="133503" spans="8:8">
      <c r="H133503" s="12"/>
    </row>
    <row r="133504" spans="8:8">
      <c r="H133504" s="12"/>
    </row>
    <row r="133505" spans="8:8">
      <c r="H133505" s="12"/>
    </row>
    <row r="133506" spans="8:8">
      <c r="H133506" s="12"/>
    </row>
    <row r="133507" spans="8:8">
      <c r="H133507" s="12"/>
    </row>
    <row r="133508" spans="8:8">
      <c r="H133508" s="12"/>
    </row>
    <row r="133509" spans="8:8">
      <c r="H133509" s="12"/>
    </row>
    <row r="133510" spans="8:8">
      <c r="H133510" s="12"/>
    </row>
    <row r="133511" spans="8:8">
      <c r="H133511" s="12"/>
    </row>
    <row r="133512" spans="8:8">
      <c r="H133512" s="12"/>
    </row>
    <row r="133513" spans="8:8">
      <c r="H133513" s="12"/>
    </row>
    <row r="133514" spans="8:8">
      <c r="H133514" s="12"/>
    </row>
    <row r="133515" spans="8:8">
      <c r="H133515" s="12"/>
    </row>
    <row r="133516" spans="8:8">
      <c r="H133516" s="12"/>
    </row>
    <row r="133517" spans="8:8">
      <c r="H133517" s="12"/>
    </row>
    <row r="133518" spans="8:8">
      <c r="H133518" s="12"/>
    </row>
    <row r="133519" spans="8:8">
      <c r="H133519" s="12"/>
    </row>
    <row r="133520" spans="8:8">
      <c r="H133520" s="12"/>
    </row>
    <row r="133521" spans="8:8">
      <c r="H133521" s="12"/>
    </row>
    <row r="133522" spans="8:8">
      <c r="H133522" s="12"/>
    </row>
    <row r="133523" spans="8:8">
      <c r="H133523" s="12"/>
    </row>
    <row r="133524" spans="8:8">
      <c r="H133524" s="12"/>
    </row>
    <row r="133525" spans="8:8">
      <c r="H133525" s="12"/>
    </row>
    <row r="133526" spans="8:8">
      <c r="H133526" s="12"/>
    </row>
    <row r="133527" spans="8:8">
      <c r="H133527" s="12"/>
    </row>
    <row r="133528" spans="8:8">
      <c r="H133528" s="12"/>
    </row>
    <row r="133529" spans="8:8">
      <c r="H133529" s="12"/>
    </row>
    <row r="133530" spans="8:8">
      <c r="H133530" s="12"/>
    </row>
    <row r="133531" spans="8:8">
      <c r="H133531" s="12"/>
    </row>
    <row r="133532" spans="8:8">
      <c r="H133532" s="12"/>
    </row>
    <row r="133533" spans="8:8">
      <c r="H133533" s="12"/>
    </row>
    <row r="133534" spans="8:8">
      <c r="H133534" s="12"/>
    </row>
    <row r="133535" spans="8:8">
      <c r="H133535" s="12"/>
    </row>
    <row r="133536" spans="8:8">
      <c r="H133536" s="12"/>
    </row>
    <row r="133537" spans="8:8">
      <c r="H133537" s="12"/>
    </row>
    <row r="133538" spans="8:8">
      <c r="H133538" s="12"/>
    </row>
    <row r="133539" spans="8:8">
      <c r="H133539" s="12"/>
    </row>
    <row r="133540" spans="8:8">
      <c r="H133540" s="12"/>
    </row>
    <row r="133541" spans="8:8">
      <c r="H133541" s="12"/>
    </row>
    <row r="133542" spans="8:8">
      <c r="H133542" s="12"/>
    </row>
    <row r="133543" spans="8:8">
      <c r="H133543" s="12"/>
    </row>
    <row r="133544" spans="8:8">
      <c r="H133544" s="12"/>
    </row>
    <row r="133545" spans="8:8">
      <c r="H133545" s="12"/>
    </row>
    <row r="133546" spans="8:8">
      <c r="H133546" s="12"/>
    </row>
    <row r="133547" spans="8:8">
      <c r="H133547" s="12"/>
    </row>
    <row r="133548" spans="8:8">
      <c r="H133548" s="12"/>
    </row>
    <row r="133549" spans="8:8">
      <c r="H133549" s="12"/>
    </row>
    <row r="133550" spans="8:8">
      <c r="H133550" s="12"/>
    </row>
    <row r="133551" spans="8:8">
      <c r="H133551" s="12"/>
    </row>
    <row r="133552" spans="8:8">
      <c r="H133552" s="12"/>
    </row>
    <row r="133553" spans="8:8">
      <c r="H133553" s="12"/>
    </row>
    <row r="133554" spans="8:8">
      <c r="H133554" s="12"/>
    </row>
    <row r="133555" spans="8:8">
      <c r="H133555" s="12"/>
    </row>
    <row r="133556" spans="8:8">
      <c r="H133556" s="12"/>
    </row>
    <row r="133557" spans="8:8">
      <c r="H133557" s="12"/>
    </row>
    <row r="133558" spans="8:8">
      <c r="H133558" s="12"/>
    </row>
    <row r="133559" spans="8:8">
      <c r="H133559" s="12"/>
    </row>
    <row r="133560" spans="8:8">
      <c r="H133560" s="12"/>
    </row>
    <row r="133561" spans="8:8">
      <c r="H133561" s="12"/>
    </row>
    <row r="133562" spans="8:8">
      <c r="H133562" s="12"/>
    </row>
    <row r="133563" spans="8:8">
      <c r="H133563" s="12"/>
    </row>
    <row r="133564" spans="8:8">
      <c r="H133564" s="12"/>
    </row>
    <row r="133565" spans="8:8">
      <c r="H133565" s="12"/>
    </row>
    <row r="133566" spans="8:8">
      <c r="H133566" s="12"/>
    </row>
    <row r="133567" spans="8:8">
      <c r="H133567" s="12"/>
    </row>
    <row r="133568" spans="8:8">
      <c r="H133568" s="12"/>
    </row>
    <row r="133569" spans="8:8">
      <c r="H133569" s="12"/>
    </row>
    <row r="133570" spans="8:8">
      <c r="H133570" s="12"/>
    </row>
    <row r="133571" spans="8:8">
      <c r="H133571" s="12"/>
    </row>
    <row r="133572" spans="8:8">
      <c r="H133572" s="12"/>
    </row>
    <row r="133573" spans="8:8">
      <c r="H133573" s="12"/>
    </row>
    <row r="133574" spans="8:8">
      <c r="H133574" s="12"/>
    </row>
    <row r="133575" spans="8:8">
      <c r="H133575" s="12"/>
    </row>
    <row r="133576" spans="8:8">
      <c r="H133576" s="12"/>
    </row>
    <row r="133577" spans="8:8">
      <c r="H133577" s="12"/>
    </row>
    <row r="133578" spans="8:8">
      <c r="H133578" s="12"/>
    </row>
    <row r="133579" spans="8:8">
      <c r="H133579" s="12"/>
    </row>
    <row r="133580" spans="8:8">
      <c r="H133580" s="12"/>
    </row>
    <row r="133581" spans="8:8">
      <c r="H133581" s="12"/>
    </row>
    <row r="133582" spans="8:8">
      <c r="H133582" s="12"/>
    </row>
    <row r="133583" spans="8:8">
      <c r="H133583" s="12"/>
    </row>
    <row r="133584" spans="8:8">
      <c r="H133584" s="12"/>
    </row>
    <row r="133585" spans="8:8">
      <c r="H133585" s="12"/>
    </row>
    <row r="133586" spans="8:8">
      <c r="H133586" s="12"/>
    </row>
    <row r="133587" spans="8:8">
      <c r="H133587" s="12"/>
    </row>
    <row r="133588" spans="8:8">
      <c r="H133588" s="12"/>
    </row>
    <row r="133589" spans="8:8">
      <c r="H133589" s="12"/>
    </row>
    <row r="133590" spans="8:8">
      <c r="H133590" s="12"/>
    </row>
    <row r="133591" spans="8:8">
      <c r="H133591" s="12"/>
    </row>
    <row r="133592" spans="8:8">
      <c r="H133592" s="12"/>
    </row>
    <row r="133593" spans="8:8">
      <c r="H133593" s="12"/>
    </row>
    <row r="133594" spans="8:8">
      <c r="H133594" s="12"/>
    </row>
    <row r="133595" spans="8:8">
      <c r="H133595" s="12"/>
    </row>
    <row r="133596" spans="8:8">
      <c r="H133596" s="12"/>
    </row>
    <row r="133597" spans="8:8">
      <c r="H133597" s="12"/>
    </row>
    <row r="133598" spans="8:8">
      <c r="H133598" s="12"/>
    </row>
    <row r="133599" spans="8:8">
      <c r="H133599" s="12"/>
    </row>
    <row r="133600" spans="8:8">
      <c r="H133600" s="12"/>
    </row>
    <row r="133601" spans="8:8">
      <c r="H133601" s="12"/>
    </row>
    <row r="133602" spans="8:8">
      <c r="H133602" s="12"/>
    </row>
    <row r="133603" spans="8:8">
      <c r="H133603" s="12"/>
    </row>
    <row r="133604" spans="8:8">
      <c r="H133604" s="12"/>
    </row>
    <row r="133605" spans="8:8">
      <c r="H133605" s="12"/>
    </row>
    <row r="133606" spans="8:8">
      <c r="H133606" s="12"/>
    </row>
    <row r="133607" spans="8:8">
      <c r="H133607" s="12"/>
    </row>
    <row r="133608" spans="8:8">
      <c r="H133608" s="12"/>
    </row>
    <row r="133609" spans="8:8">
      <c r="H133609" s="12"/>
    </row>
    <row r="133610" spans="8:8">
      <c r="H133610" s="12"/>
    </row>
    <row r="133611" spans="8:8">
      <c r="H133611" s="12"/>
    </row>
    <row r="133612" spans="8:8">
      <c r="H133612" s="12"/>
    </row>
    <row r="133613" spans="8:8">
      <c r="H133613" s="12"/>
    </row>
    <row r="133614" spans="8:8">
      <c r="H133614" s="12"/>
    </row>
    <row r="133615" spans="8:8">
      <c r="H133615" s="12"/>
    </row>
    <row r="133616" spans="8:8">
      <c r="H133616" s="12"/>
    </row>
    <row r="133617" spans="8:8">
      <c r="H133617" s="12"/>
    </row>
    <row r="133618" spans="8:8">
      <c r="H133618" s="12"/>
    </row>
    <row r="133619" spans="8:8">
      <c r="H133619" s="12"/>
    </row>
    <row r="133620" spans="8:8">
      <c r="H133620" s="12"/>
    </row>
    <row r="133621" spans="8:8">
      <c r="H133621" s="12"/>
    </row>
    <row r="133622" spans="8:8">
      <c r="H133622" s="12"/>
    </row>
    <row r="133623" spans="8:8">
      <c r="H133623" s="12"/>
    </row>
    <row r="133624" spans="8:8">
      <c r="H133624" s="12"/>
    </row>
    <row r="133625" spans="8:8">
      <c r="H133625" s="12"/>
    </row>
    <row r="133626" spans="8:8">
      <c r="H133626" s="12"/>
    </row>
    <row r="133627" spans="8:8">
      <c r="H133627" s="12"/>
    </row>
    <row r="133628" spans="8:8">
      <c r="H133628" s="12"/>
    </row>
    <row r="133629" spans="8:8">
      <c r="H133629" s="12"/>
    </row>
    <row r="133630" spans="8:8">
      <c r="H133630" s="12"/>
    </row>
    <row r="133631" spans="8:8">
      <c r="H133631" s="12"/>
    </row>
    <row r="133632" spans="8:8">
      <c r="H133632" s="12"/>
    </row>
    <row r="133633" spans="8:8">
      <c r="H133633" s="12"/>
    </row>
    <row r="133634" spans="8:8">
      <c r="H133634" s="12"/>
    </row>
    <row r="133635" spans="8:8">
      <c r="H133635" s="12"/>
    </row>
    <row r="133636" spans="8:8">
      <c r="H133636" s="12"/>
    </row>
    <row r="133637" spans="8:8">
      <c r="H133637" s="12"/>
    </row>
    <row r="133638" spans="8:8">
      <c r="H133638" s="12"/>
    </row>
    <row r="133639" spans="8:8">
      <c r="H133639" s="12"/>
    </row>
    <row r="133640" spans="8:8">
      <c r="H133640" s="12"/>
    </row>
    <row r="133641" spans="8:8">
      <c r="H133641" s="12"/>
    </row>
    <row r="133642" spans="8:8">
      <c r="H133642" s="12"/>
    </row>
    <row r="133643" spans="8:8">
      <c r="H133643" s="12"/>
    </row>
    <row r="133644" spans="8:8">
      <c r="H133644" s="12"/>
    </row>
    <row r="133645" spans="8:8">
      <c r="H133645" s="12"/>
    </row>
    <row r="133646" spans="8:8">
      <c r="H133646" s="12"/>
    </row>
    <row r="133647" spans="8:8">
      <c r="H133647" s="12"/>
    </row>
    <row r="133648" spans="8:8">
      <c r="H133648" s="12"/>
    </row>
    <row r="133649" spans="8:8">
      <c r="H133649" s="12"/>
    </row>
    <row r="133650" spans="8:8">
      <c r="H133650" s="12"/>
    </row>
    <row r="133651" spans="8:8">
      <c r="H133651" s="12"/>
    </row>
    <row r="133652" spans="8:8">
      <c r="H133652" s="12"/>
    </row>
    <row r="133653" spans="8:8">
      <c r="H133653" s="12"/>
    </row>
    <row r="133654" spans="8:8">
      <c r="H133654" s="12"/>
    </row>
    <row r="133655" spans="8:8">
      <c r="H133655" s="12"/>
    </row>
    <row r="133656" spans="8:8">
      <c r="H133656" s="12"/>
    </row>
    <row r="133657" spans="8:8">
      <c r="H133657" s="12"/>
    </row>
    <row r="133658" spans="8:8">
      <c r="H133658" s="12"/>
    </row>
    <row r="133659" spans="8:8">
      <c r="H133659" s="12"/>
    </row>
    <row r="133660" spans="8:8">
      <c r="H133660" s="12"/>
    </row>
    <row r="133661" spans="8:8">
      <c r="H133661" s="12"/>
    </row>
    <row r="133662" spans="8:8">
      <c r="H133662" s="12"/>
    </row>
    <row r="133663" spans="8:8">
      <c r="H133663" s="12"/>
    </row>
    <row r="133664" spans="8:8">
      <c r="H133664" s="12"/>
    </row>
    <row r="133665" spans="8:8">
      <c r="H133665" s="12"/>
    </row>
    <row r="133666" spans="8:8">
      <c r="H133666" s="12"/>
    </row>
    <row r="133667" spans="8:8">
      <c r="H133667" s="12"/>
    </row>
    <row r="133668" spans="8:8">
      <c r="H133668" s="12"/>
    </row>
    <row r="133669" spans="8:8">
      <c r="H133669" s="12"/>
    </row>
    <row r="133670" spans="8:8">
      <c r="H133670" s="12"/>
    </row>
    <row r="133671" spans="8:8">
      <c r="H133671" s="12"/>
    </row>
    <row r="133672" spans="8:8">
      <c r="H133672" s="12"/>
    </row>
    <row r="133673" spans="8:8">
      <c r="H133673" s="12"/>
    </row>
    <row r="133674" spans="8:8">
      <c r="H133674" s="12"/>
    </row>
    <row r="133675" spans="8:8">
      <c r="H133675" s="12"/>
    </row>
    <row r="133676" spans="8:8">
      <c r="H133676" s="12"/>
    </row>
    <row r="133677" spans="8:8">
      <c r="H133677" s="12"/>
    </row>
    <row r="133678" spans="8:8">
      <c r="H133678" s="12"/>
    </row>
    <row r="133679" spans="8:8">
      <c r="H133679" s="12"/>
    </row>
    <row r="133680" spans="8:8">
      <c r="H133680" s="12"/>
    </row>
    <row r="133681" spans="8:8">
      <c r="H133681" s="12"/>
    </row>
    <row r="133682" spans="8:8">
      <c r="H133682" s="12"/>
    </row>
    <row r="133683" spans="8:8">
      <c r="H133683" s="12"/>
    </row>
    <row r="133684" spans="8:8">
      <c r="H133684" s="12"/>
    </row>
    <row r="133685" spans="8:8">
      <c r="H133685" s="12"/>
    </row>
    <row r="133686" spans="8:8">
      <c r="H133686" s="12"/>
    </row>
    <row r="133687" spans="8:8">
      <c r="H133687" s="12"/>
    </row>
    <row r="133688" spans="8:8">
      <c r="H133688" s="12"/>
    </row>
    <row r="133689" spans="8:8">
      <c r="H133689" s="12"/>
    </row>
    <row r="133690" spans="8:8">
      <c r="H133690" s="12"/>
    </row>
    <row r="133691" spans="8:8">
      <c r="H133691" s="12"/>
    </row>
    <row r="133692" spans="8:8">
      <c r="H133692" s="12"/>
    </row>
    <row r="133693" spans="8:8">
      <c r="H133693" s="12"/>
    </row>
    <row r="133694" spans="8:8">
      <c r="H133694" s="12"/>
    </row>
    <row r="133695" spans="8:8">
      <c r="H133695" s="12"/>
    </row>
    <row r="133696" spans="8:8">
      <c r="H133696" s="12"/>
    </row>
    <row r="133697" spans="8:8">
      <c r="H133697" s="12"/>
    </row>
    <row r="133698" spans="8:8">
      <c r="H133698" s="12"/>
    </row>
    <row r="133699" spans="8:8">
      <c r="H133699" s="12"/>
    </row>
    <row r="133700" spans="8:8">
      <c r="H133700" s="12"/>
    </row>
    <row r="133701" spans="8:8">
      <c r="H133701" s="12"/>
    </row>
    <row r="133702" spans="8:8">
      <c r="H133702" s="12"/>
    </row>
    <row r="133703" spans="8:8">
      <c r="H133703" s="12"/>
    </row>
    <row r="133704" spans="8:8">
      <c r="H133704" s="12"/>
    </row>
    <row r="133705" spans="8:8">
      <c r="H133705" s="12"/>
    </row>
    <row r="133706" spans="8:8">
      <c r="H133706" s="12"/>
    </row>
    <row r="133707" spans="8:8">
      <c r="H133707" s="12"/>
    </row>
    <row r="133708" spans="8:8">
      <c r="H133708" s="12"/>
    </row>
    <row r="133709" spans="8:8">
      <c r="H133709" s="12"/>
    </row>
    <row r="133710" spans="8:8">
      <c r="H133710" s="12"/>
    </row>
    <row r="133711" spans="8:8">
      <c r="H133711" s="12"/>
    </row>
    <row r="133712" spans="8:8">
      <c r="H133712" s="12"/>
    </row>
    <row r="133713" spans="8:8">
      <c r="H133713" s="12"/>
    </row>
    <row r="133714" spans="8:8">
      <c r="H133714" s="12"/>
    </row>
    <row r="133715" spans="8:8">
      <c r="H133715" s="12"/>
    </row>
    <row r="133716" spans="8:8">
      <c r="H133716" s="12"/>
    </row>
    <row r="133717" spans="8:8">
      <c r="H133717" s="12"/>
    </row>
    <row r="133718" spans="8:8">
      <c r="H133718" s="12"/>
    </row>
    <row r="133719" spans="8:8">
      <c r="H133719" s="12"/>
    </row>
    <row r="133720" spans="8:8">
      <c r="H133720" s="12"/>
    </row>
    <row r="133721" spans="8:8">
      <c r="H133721" s="12"/>
    </row>
    <row r="133722" spans="8:8">
      <c r="H133722" s="12"/>
    </row>
    <row r="133723" spans="8:8">
      <c r="H133723" s="12"/>
    </row>
    <row r="133724" spans="8:8">
      <c r="H133724" s="12"/>
    </row>
    <row r="133725" spans="8:8">
      <c r="H133725" s="12"/>
    </row>
    <row r="133726" spans="8:8">
      <c r="H133726" s="12"/>
    </row>
    <row r="133727" spans="8:8">
      <c r="H133727" s="12"/>
    </row>
    <row r="133728" spans="8:8">
      <c r="H133728" s="12"/>
    </row>
    <row r="133729" spans="8:8">
      <c r="H133729" s="12"/>
    </row>
    <row r="133730" spans="8:8">
      <c r="H133730" s="12"/>
    </row>
    <row r="133731" spans="8:8">
      <c r="H133731" s="12"/>
    </row>
    <row r="133732" spans="8:8">
      <c r="H133732" s="12"/>
    </row>
    <row r="133733" spans="8:8">
      <c r="H133733" s="12"/>
    </row>
    <row r="133734" spans="8:8">
      <c r="H133734" s="12"/>
    </row>
    <row r="133735" spans="8:8">
      <c r="H133735" s="12"/>
    </row>
    <row r="133736" spans="8:8">
      <c r="H133736" s="12"/>
    </row>
    <row r="133737" spans="8:8">
      <c r="H133737" s="12"/>
    </row>
    <row r="133738" spans="8:8">
      <c r="H133738" s="12"/>
    </row>
    <row r="133739" spans="8:8">
      <c r="H133739" s="12"/>
    </row>
    <row r="133740" spans="8:8">
      <c r="H133740" s="12"/>
    </row>
    <row r="133741" spans="8:8">
      <c r="H133741" s="12"/>
    </row>
    <row r="133742" spans="8:8">
      <c r="H133742" s="12"/>
    </row>
    <row r="133743" spans="8:8">
      <c r="H133743" s="12"/>
    </row>
    <row r="133744" spans="8:8">
      <c r="H133744" s="12"/>
    </row>
    <row r="133745" spans="8:8">
      <c r="H133745" s="12"/>
    </row>
    <row r="133746" spans="8:8">
      <c r="H133746" s="12"/>
    </row>
    <row r="133747" spans="8:8">
      <c r="H133747" s="12"/>
    </row>
    <row r="133748" spans="8:8">
      <c r="H133748" s="12"/>
    </row>
    <row r="133749" spans="8:8">
      <c r="H133749" s="12"/>
    </row>
    <row r="133750" spans="8:8">
      <c r="H133750" s="12"/>
    </row>
    <row r="133751" spans="8:8">
      <c r="H133751" s="12"/>
    </row>
    <row r="133752" spans="8:8">
      <c r="H133752" s="12"/>
    </row>
    <row r="133753" spans="8:8">
      <c r="H133753" s="12"/>
    </row>
    <row r="133754" spans="8:8">
      <c r="H133754" s="12"/>
    </row>
    <row r="133755" spans="8:8">
      <c r="H133755" s="12"/>
    </row>
    <row r="133756" spans="8:8">
      <c r="H133756" s="12"/>
    </row>
    <row r="133757" spans="8:8">
      <c r="H133757" s="12"/>
    </row>
    <row r="133758" spans="8:8">
      <c r="H133758" s="12"/>
    </row>
    <row r="133759" spans="8:8">
      <c r="H133759" s="12"/>
    </row>
    <row r="133760" spans="8:8">
      <c r="H133760" s="12"/>
    </row>
    <row r="133761" spans="8:8">
      <c r="H133761" s="12"/>
    </row>
    <row r="133762" spans="8:8">
      <c r="H133762" s="12"/>
    </row>
    <row r="133763" spans="8:8">
      <c r="H133763" s="12"/>
    </row>
    <row r="133764" spans="8:8">
      <c r="H133764" s="12"/>
    </row>
    <row r="133765" spans="8:8">
      <c r="H133765" s="12"/>
    </row>
    <row r="133766" spans="8:8">
      <c r="H133766" s="12"/>
    </row>
    <row r="133767" spans="8:8">
      <c r="H133767" s="12"/>
    </row>
    <row r="133768" spans="8:8">
      <c r="H133768" s="12"/>
    </row>
    <row r="133769" spans="8:8">
      <c r="H133769" s="12"/>
    </row>
    <row r="133770" spans="8:8">
      <c r="H133770" s="12"/>
    </row>
    <row r="133771" spans="8:8">
      <c r="H133771" s="12"/>
    </row>
    <row r="133772" spans="8:8">
      <c r="H133772" s="12"/>
    </row>
    <row r="133773" spans="8:8">
      <c r="H133773" s="12"/>
    </row>
    <row r="133774" spans="8:8">
      <c r="H133774" s="12"/>
    </row>
    <row r="133775" spans="8:8">
      <c r="H133775" s="12"/>
    </row>
    <row r="133776" spans="8:8">
      <c r="H133776" s="12"/>
    </row>
    <row r="133777" spans="8:8">
      <c r="H133777" s="12"/>
    </row>
    <row r="133778" spans="8:8">
      <c r="H133778" s="12"/>
    </row>
    <row r="133779" spans="8:8">
      <c r="H133779" s="12"/>
    </row>
    <row r="133780" spans="8:8">
      <c r="H133780" s="12"/>
    </row>
    <row r="133781" spans="8:8">
      <c r="H133781" s="12"/>
    </row>
    <row r="133782" spans="8:8">
      <c r="H133782" s="12"/>
    </row>
    <row r="133783" spans="8:8">
      <c r="H133783" s="12"/>
    </row>
    <row r="133784" spans="8:8">
      <c r="H133784" s="12"/>
    </row>
    <row r="133785" spans="8:8">
      <c r="H133785" s="12"/>
    </row>
    <row r="133786" spans="8:8">
      <c r="H133786" s="12"/>
    </row>
    <row r="133787" spans="8:8">
      <c r="H133787" s="12"/>
    </row>
    <row r="133788" spans="8:8">
      <c r="H133788" s="12"/>
    </row>
    <row r="133789" spans="8:8">
      <c r="H133789" s="12"/>
    </row>
    <row r="133790" spans="8:8">
      <c r="H133790" s="12"/>
    </row>
    <row r="133791" spans="8:8">
      <c r="H133791" s="12"/>
    </row>
    <row r="133792" spans="8:8">
      <c r="H133792" s="12"/>
    </row>
    <row r="133793" spans="8:8">
      <c r="H133793" s="12"/>
    </row>
    <row r="133794" spans="8:8">
      <c r="H133794" s="12"/>
    </row>
    <row r="133795" spans="8:8">
      <c r="H133795" s="12"/>
    </row>
    <row r="133796" spans="8:8">
      <c r="H133796" s="12"/>
    </row>
    <row r="133797" spans="8:8">
      <c r="H133797" s="12"/>
    </row>
    <row r="133798" spans="8:8">
      <c r="H133798" s="12"/>
    </row>
    <row r="133799" spans="8:8">
      <c r="H133799" s="12"/>
    </row>
    <row r="133800" spans="8:8">
      <c r="H133800" s="12"/>
    </row>
    <row r="133801" spans="8:8">
      <c r="H133801" s="12"/>
    </row>
    <row r="133802" spans="8:8">
      <c r="H133802" s="12"/>
    </row>
    <row r="133803" spans="8:8">
      <c r="H133803" s="12"/>
    </row>
    <row r="133804" spans="8:8">
      <c r="H133804" s="12"/>
    </row>
    <row r="133805" spans="8:8">
      <c r="H133805" s="12"/>
    </row>
    <row r="133806" spans="8:8">
      <c r="H133806" s="12"/>
    </row>
    <row r="133807" spans="8:8">
      <c r="H133807" s="12"/>
    </row>
    <row r="133808" spans="8:8">
      <c r="H133808" s="12"/>
    </row>
    <row r="133809" spans="8:8">
      <c r="H133809" s="12"/>
    </row>
    <row r="133810" spans="8:8">
      <c r="H133810" s="12"/>
    </row>
    <row r="133811" spans="8:8">
      <c r="H133811" s="12"/>
    </row>
    <row r="133812" spans="8:8">
      <c r="H133812" s="12"/>
    </row>
    <row r="133813" spans="8:8">
      <c r="H133813" s="12"/>
    </row>
    <row r="133814" spans="8:8">
      <c r="H133814" s="12"/>
    </row>
    <row r="133815" spans="8:8">
      <c r="H133815" s="12"/>
    </row>
    <row r="133816" spans="8:8">
      <c r="H133816" s="12"/>
    </row>
    <row r="133817" spans="8:8">
      <c r="H133817" s="12"/>
    </row>
    <row r="133818" spans="8:8">
      <c r="H133818" s="12"/>
    </row>
    <row r="133819" spans="8:8">
      <c r="H133819" s="12"/>
    </row>
    <row r="133820" spans="8:8">
      <c r="H133820" s="12"/>
    </row>
    <row r="133821" spans="8:8">
      <c r="H133821" s="12"/>
    </row>
    <row r="133822" spans="8:8">
      <c r="H133822" s="12"/>
    </row>
    <row r="133823" spans="8:8">
      <c r="H133823" s="12"/>
    </row>
    <row r="133824" spans="8:8">
      <c r="H133824" s="12"/>
    </row>
    <row r="133825" spans="8:8">
      <c r="H133825" s="12"/>
    </row>
    <row r="133826" spans="8:8">
      <c r="H133826" s="12"/>
    </row>
    <row r="133827" spans="8:8">
      <c r="H133827" s="12"/>
    </row>
    <row r="133828" spans="8:8">
      <c r="H133828" s="12"/>
    </row>
    <row r="133829" spans="8:8">
      <c r="H133829" s="12"/>
    </row>
    <row r="133830" spans="8:8">
      <c r="H133830" s="12"/>
    </row>
    <row r="133831" spans="8:8">
      <c r="H133831" s="12"/>
    </row>
    <row r="133832" spans="8:8">
      <c r="H133832" s="12"/>
    </row>
    <row r="133833" spans="8:8">
      <c r="H133833" s="12"/>
    </row>
    <row r="133834" spans="8:8">
      <c r="H133834" s="12"/>
    </row>
    <row r="133835" spans="8:8">
      <c r="H133835" s="12"/>
    </row>
    <row r="133836" spans="8:8">
      <c r="H133836" s="12"/>
    </row>
    <row r="133837" spans="8:8">
      <c r="H133837" s="12"/>
    </row>
    <row r="133838" spans="8:8">
      <c r="H133838" s="12"/>
    </row>
    <row r="133839" spans="8:8">
      <c r="H133839" s="12"/>
    </row>
    <row r="133840" spans="8:8">
      <c r="H133840" s="12"/>
    </row>
    <row r="133841" spans="8:8">
      <c r="H133841" s="12"/>
    </row>
    <row r="133842" spans="8:8">
      <c r="H133842" s="12"/>
    </row>
    <row r="133843" spans="8:8">
      <c r="H133843" s="12"/>
    </row>
    <row r="133844" spans="8:8">
      <c r="H133844" s="12"/>
    </row>
    <row r="133845" spans="8:8">
      <c r="H133845" s="12"/>
    </row>
    <row r="133846" spans="8:8">
      <c r="H133846" s="12"/>
    </row>
    <row r="133847" spans="8:8">
      <c r="H133847" s="12"/>
    </row>
    <row r="133848" spans="8:8">
      <c r="H133848" s="12"/>
    </row>
    <row r="133849" spans="8:8">
      <c r="H133849" s="12"/>
    </row>
    <row r="133850" spans="8:8">
      <c r="H133850" s="12"/>
    </row>
    <row r="133851" spans="8:8">
      <c r="H133851" s="12"/>
    </row>
    <row r="133852" spans="8:8">
      <c r="H133852" s="12"/>
    </row>
    <row r="133853" spans="8:8">
      <c r="H133853" s="12"/>
    </row>
    <row r="133854" spans="8:8">
      <c r="H133854" s="12"/>
    </row>
    <row r="133855" spans="8:8">
      <c r="H133855" s="12"/>
    </row>
    <row r="133856" spans="8:8">
      <c r="H133856" s="12"/>
    </row>
    <row r="133857" spans="8:8">
      <c r="H133857" s="12"/>
    </row>
    <row r="133858" spans="8:8">
      <c r="H133858" s="12"/>
    </row>
    <row r="133859" spans="8:8">
      <c r="H133859" s="12"/>
    </row>
    <row r="133860" spans="8:8">
      <c r="H133860" s="12"/>
    </row>
    <row r="133861" spans="8:8">
      <c r="H133861" s="12"/>
    </row>
    <row r="133862" spans="8:8">
      <c r="H133862" s="12"/>
    </row>
    <row r="133863" spans="8:8">
      <c r="H133863" s="12"/>
    </row>
    <row r="133864" spans="8:8">
      <c r="H133864" s="12"/>
    </row>
    <row r="133865" spans="8:8">
      <c r="H133865" s="12"/>
    </row>
    <row r="133866" spans="8:8">
      <c r="H133866" s="12"/>
    </row>
    <row r="133867" spans="8:8">
      <c r="H133867" s="12"/>
    </row>
    <row r="133868" spans="8:8">
      <c r="H133868" s="12"/>
    </row>
    <row r="133869" spans="8:8">
      <c r="H133869" s="12"/>
    </row>
    <row r="133870" spans="8:8">
      <c r="H133870" s="12"/>
    </row>
    <row r="133871" spans="8:8">
      <c r="H133871" s="12"/>
    </row>
    <row r="133872" spans="8:8">
      <c r="H133872" s="12"/>
    </row>
    <row r="133873" spans="8:8">
      <c r="H133873" s="12"/>
    </row>
    <row r="133874" spans="8:8">
      <c r="H133874" s="12"/>
    </row>
    <row r="133875" spans="8:8">
      <c r="H133875" s="12"/>
    </row>
    <row r="133876" spans="8:8">
      <c r="H133876" s="12"/>
    </row>
    <row r="133877" spans="8:8">
      <c r="H133877" s="12"/>
    </row>
    <row r="133878" spans="8:8">
      <c r="H133878" s="12"/>
    </row>
    <row r="133879" spans="8:8">
      <c r="H133879" s="12"/>
    </row>
    <row r="133880" spans="8:8">
      <c r="H133880" s="12"/>
    </row>
    <row r="133881" spans="8:8">
      <c r="H133881" s="12"/>
    </row>
    <row r="133882" spans="8:8">
      <c r="H133882" s="12"/>
    </row>
    <row r="133883" spans="8:8">
      <c r="H133883" s="12"/>
    </row>
    <row r="133884" spans="8:8">
      <c r="H133884" s="12"/>
    </row>
    <row r="133885" spans="8:8">
      <c r="H133885" s="12"/>
    </row>
    <row r="133886" spans="8:8">
      <c r="H133886" s="12"/>
    </row>
    <row r="133887" spans="8:8">
      <c r="H133887" s="12"/>
    </row>
    <row r="133888" spans="8:8">
      <c r="H133888" s="12"/>
    </row>
    <row r="133889" spans="8:8">
      <c r="H133889" s="12"/>
    </row>
    <row r="133890" spans="8:8">
      <c r="H133890" s="12"/>
    </row>
    <row r="133891" spans="8:8">
      <c r="H133891" s="12"/>
    </row>
    <row r="133892" spans="8:8">
      <c r="H133892" s="12"/>
    </row>
    <row r="133893" spans="8:8">
      <c r="H133893" s="12"/>
    </row>
    <row r="133894" spans="8:8">
      <c r="H133894" s="12"/>
    </row>
    <row r="133895" spans="8:8">
      <c r="H133895" s="12"/>
    </row>
    <row r="133896" spans="8:8">
      <c r="H133896" s="12"/>
    </row>
    <row r="133897" spans="8:8">
      <c r="H133897" s="12"/>
    </row>
    <row r="133898" spans="8:8">
      <c r="H133898" s="12"/>
    </row>
    <row r="133899" spans="8:8">
      <c r="H133899" s="12"/>
    </row>
    <row r="133900" spans="8:8">
      <c r="H133900" s="12"/>
    </row>
    <row r="133901" spans="8:8">
      <c r="H133901" s="12"/>
    </row>
    <row r="133902" spans="8:8">
      <c r="H133902" s="12"/>
    </row>
    <row r="133903" spans="8:8">
      <c r="H133903" s="12"/>
    </row>
    <row r="133904" spans="8:8">
      <c r="H133904" s="12"/>
    </row>
    <row r="133905" spans="8:8">
      <c r="H133905" s="12"/>
    </row>
    <row r="133906" spans="8:8">
      <c r="H133906" s="12"/>
    </row>
    <row r="133907" spans="8:8">
      <c r="H133907" s="12"/>
    </row>
    <row r="133908" spans="8:8">
      <c r="H133908" s="12"/>
    </row>
    <row r="133909" spans="8:8">
      <c r="H133909" s="12"/>
    </row>
    <row r="133910" spans="8:8">
      <c r="H133910" s="12"/>
    </row>
    <row r="133911" spans="8:8">
      <c r="H133911" s="12"/>
    </row>
    <row r="133912" spans="8:8">
      <c r="H133912" s="12"/>
    </row>
    <row r="133913" spans="8:8">
      <c r="H133913" s="12"/>
    </row>
    <row r="133914" spans="8:8">
      <c r="H133914" s="12"/>
    </row>
    <row r="133915" spans="8:8">
      <c r="H133915" s="12"/>
    </row>
    <row r="133916" spans="8:8">
      <c r="H133916" s="12"/>
    </row>
    <row r="133917" spans="8:8">
      <c r="H133917" s="12"/>
    </row>
    <row r="133918" spans="8:8">
      <c r="H133918" s="12"/>
    </row>
    <row r="133919" spans="8:8">
      <c r="H133919" s="12"/>
    </row>
    <row r="133920" spans="8:8">
      <c r="H133920" s="12"/>
    </row>
    <row r="133921" spans="8:8">
      <c r="H133921" s="12"/>
    </row>
    <row r="133922" spans="8:8">
      <c r="H133922" s="12"/>
    </row>
    <row r="133923" spans="8:8">
      <c r="H133923" s="12"/>
    </row>
    <row r="133924" spans="8:8">
      <c r="H133924" s="12"/>
    </row>
    <row r="133925" spans="8:8">
      <c r="H133925" s="12"/>
    </row>
    <row r="133926" spans="8:8">
      <c r="H133926" s="12"/>
    </row>
    <row r="133927" spans="8:8">
      <c r="H133927" s="12"/>
    </row>
    <row r="133928" spans="8:8">
      <c r="H133928" s="12"/>
    </row>
    <row r="133929" spans="8:8">
      <c r="H133929" s="12"/>
    </row>
    <row r="133930" spans="8:8">
      <c r="H133930" s="12"/>
    </row>
    <row r="133931" spans="8:8">
      <c r="H133931" s="12"/>
    </row>
    <row r="133932" spans="8:8">
      <c r="H133932" s="12"/>
    </row>
    <row r="133933" spans="8:8">
      <c r="H133933" s="12"/>
    </row>
    <row r="133934" spans="8:8">
      <c r="H133934" s="12"/>
    </row>
    <row r="133935" spans="8:8">
      <c r="H133935" s="12"/>
    </row>
    <row r="133936" spans="8:8">
      <c r="H133936" s="12"/>
    </row>
    <row r="133937" spans="8:8">
      <c r="H133937" s="12"/>
    </row>
    <row r="133938" spans="8:8">
      <c r="H133938" s="12"/>
    </row>
    <row r="133939" spans="8:8">
      <c r="H133939" s="12"/>
    </row>
    <row r="133940" spans="8:8">
      <c r="H133940" s="12"/>
    </row>
    <row r="133941" spans="8:8">
      <c r="H133941" s="12"/>
    </row>
    <row r="133942" spans="8:8">
      <c r="H133942" s="12"/>
    </row>
    <row r="133943" spans="8:8">
      <c r="H133943" s="12"/>
    </row>
    <row r="133944" spans="8:8">
      <c r="H133944" s="12"/>
    </row>
    <row r="133945" spans="8:8">
      <c r="H133945" s="12"/>
    </row>
    <row r="133946" spans="8:8">
      <c r="H133946" s="12"/>
    </row>
    <row r="133947" spans="8:8">
      <c r="H133947" s="12"/>
    </row>
    <row r="133948" spans="8:8">
      <c r="H133948" s="12"/>
    </row>
    <row r="133949" spans="8:8">
      <c r="H133949" s="12"/>
    </row>
    <row r="133950" spans="8:8">
      <c r="H133950" s="12"/>
    </row>
    <row r="133951" spans="8:8">
      <c r="H133951" s="12"/>
    </row>
    <row r="133952" spans="8:8">
      <c r="H133952" s="12"/>
    </row>
    <row r="133953" spans="8:8">
      <c r="H133953" s="12"/>
    </row>
    <row r="133954" spans="8:8">
      <c r="H133954" s="12"/>
    </row>
    <row r="133955" spans="8:8">
      <c r="H133955" s="12"/>
    </row>
    <row r="133956" spans="8:8">
      <c r="H133956" s="12"/>
    </row>
    <row r="133957" spans="8:8">
      <c r="H133957" s="12"/>
    </row>
    <row r="133958" spans="8:8">
      <c r="H133958" s="12"/>
    </row>
    <row r="133959" spans="8:8">
      <c r="H133959" s="12"/>
    </row>
    <row r="133960" spans="8:8">
      <c r="H133960" s="12"/>
    </row>
    <row r="133961" spans="8:8">
      <c r="H133961" s="12"/>
    </row>
    <row r="133962" spans="8:8">
      <c r="H133962" s="12"/>
    </row>
    <row r="133963" spans="8:8">
      <c r="H133963" s="12"/>
    </row>
    <row r="133964" spans="8:8">
      <c r="H133964" s="12"/>
    </row>
    <row r="133965" spans="8:8">
      <c r="H133965" s="12"/>
    </row>
    <row r="133966" spans="8:8">
      <c r="H133966" s="12"/>
    </row>
    <row r="133967" spans="8:8">
      <c r="H133967" s="12"/>
    </row>
    <row r="133968" spans="8:8">
      <c r="H133968" s="12"/>
    </row>
    <row r="133969" spans="8:8">
      <c r="H133969" s="12"/>
    </row>
    <row r="133970" spans="8:8">
      <c r="H133970" s="12"/>
    </row>
    <row r="133971" spans="8:8">
      <c r="H133971" s="12"/>
    </row>
    <row r="133972" spans="8:8">
      <c r="H133972" s="12"/>
    </row>
    <row r="133973" spans="8:8">
      <c r="H133973" s="12"/>
    </row>
    <row r="133974" spans="8:8">
      <c r="H133974" s="12"/>
    </row>
    <row r="133975" spans="8:8">
      <c r="H133975" s="12"/>
    </row>
    <row r="133976" spans="8:8">
      <c r="H133976" s="12"/>
    </row>
    <row r="133977" spans="8:8">
      <c r="H133977" s="12"/>
    </row>
    <row r="133978" spans="8:8">
      <c r="H133978" s="12"/>
    </row>
    <row r="133979" spans="8:8">
      <c r="H133979" s="12"/>
    </row>
    <row r="133980" spans="8:8">
      <c r="H133980" s="12"/>
    </row>
    <row r="133981" spans="8:8">
      <c r="H133981" s="12"/>
    </row>
    <row r="133982" spans="8:8">
      <c r="H133982" s="12"/>
    </row>
    <row r="133983" spans="8:8">
      <c r="H133983" s="12"/>
    </row>
    <row r="133984" spans="8:8">
      <c r="H133984" s="12"/>
    </row>
    <row r="133985" spans="8:8">
      <c r="H133985" s="12"/>
    </row>
    <row r="133986" spans="8:8">
      <c r="H133986" s="12"/>
    </row>
    <row r="133987" spans="8:8">
      <c r="H133987" s="12"/>
    </row>
    <row r="133988" spans="8:8">
      <c r="H133988" s="12"/>
    </row>
    <row r="133989" spans="8:8">
      <c r="H133989" s="12"/>
    </row>
    <row r="133990" spans="8:8">
      <c r="H133990" s="12"/>
    </row>
    <row r="133991" spans="8:8">
      <c r="H133991" s="12"/>
    </row>
    <row r="133992" spans="8:8">
      <c r="H133992" s="12"/>
    </row>
    <row r="133993" spans="8:8">
      <c r="H133993" s="12"/>
    </row>
    <row r="133994" spans="8:8">
      <c r="H133994" s="12"/>
    </row>
    <row r="133995" spans="8:8">
      <c r="H133995" s="12"/>
    </row>
    <row r="133996" spans="8:8">
      <c r="H133996" s="12"/>
    </row>
    <row r="133997" spans="8:8">
      <c r="H133997" s="12"/>
    </row>
    <row r="133998" spans="8:8">
      <c r="H133998" s="12"/>
    </row>
    <row r="133999" spans="8:8">
      <c r="H133999" s="12"/>
    </row>
    <row r="134000" spans="8:8">
      <c r="H134000" s="12"/>
    </row>
    <row r="134001" spans="8:8">
      <c r="H134001" s="12"/>
    </row>
    <row r="134002" spans="8:8">
      <c r="H134002" s="12"/>
    </row>
    <row r="134003" spans="8:8">
      <c r="H134003" s="12"/>
    </row>
    <row r="134004" spans="8:8">
      <c r="H134004" s="12"/>
    </row>
    <row r="134005" spans="8:8">
      <c r="H134005" s="12"/>
    </row>
    <row r="134006" spans="8:8">
      <c r="H134006" s="12"/>
    </row>
    <row r="134007" spans="8:8">
      <c r="H134007" s="12"/>
    </row>
    <row r="134008" spans="8:8">
      <c r="H134008" s="12"/>
    </row>
    <row r="134009" spans="8:8">
      <c r="H134009" s="12"/>
    </row>
    <row r="134010" spans="8:8">
      <c r="H134010" s="12"/>
    </row>
    <row r="134011" spans="8:8">
      <c r="H134011" s="12"/>
    </row>
    <row r="134012" spans="8:8">
      <c r="H134012" s="12"/>
    </row>
    <row r="134013" spans="8:8">
      <c r="H134013" s="12"/>
    </row>
    <row r="134014" spans="8:8">
      <c r="H134014" s="12"/>
    </row>
    <row r="134015" spans="8:8">
      <c r="H134015" s="12"/>
    </row>
    <row r="134016" spans="8:8">
      <c r="H134016" s="12"/>
    </row>
    <row r="134017" spans="8:8">
      <c r="H134017" s="12"/>
    </row>
    <row r="134018" spans="8:8">
      <c r="H134018" s="12"/>
    </row>
    <row r="134019" spans="8:8">
      <c r="H134019" s="12"/>
    </row>
    <row r="134020" spans="8:8">
      <c r="H134020" s="12"/>
    </row>
    <row r="134021" spans="8:8">
      <c r="H134021" s="12"/>
    </row>
    <row r="134022" spans="8:8">
      <c r="H134022" s="12"/>
    </row>
    <row r="134023" spans="8:8">
      <c r="H134023" s="12"/>
    </row>
    <row r="134024" spans="8:8">
      <c r="H134024" s="12"/>
    </row>
    <row r="134025" spans="8:8">
      <c r="H134025" s="12"/>
    </row>
    <row r="134026" spans="8:8">
      <c r="H134026" s="12"/>
    </row>
    <row r="134027" spans="8:8">
      <c r="H134027" s="12"/>
    </row>
    <row r="134028" spans="8:8">
      <c r="H134028" s="12"/>
    </row>
    <row r="134029" spans="8:8">
      <c r="H134029" s="12"/>
    </row>
    <row r="134030" spans="8:8">
      <c r="H134030" s="12"/>
    </row>
    <row r="134031" spans="8:8">
      <c r="H134031" s="12"/>
    </row>
    <row r="134032" spans="8:8">
      <c r="H134032" s="12"/>
    </row>
    <row r="134033" spans="8:8">
      <c r="H134033" s="12"/>
    </row>
    <row r="134034" spans="8:8">
      <c r="H134034" s="12"/>
    </row>
    <row r="134035" spans="8:8">
      <c r="H134035" s="12"/>
    </row>
    <row r="134036" spans="8:8">
      <c r="H134036" s="12"/>
    </row>
    <row r="134037" spans="8:8">
      <c r="H134037" s="12"/>
    </row>
    <row r="134038" spans="8:8">
      <c r="H134038" s="12"/>
    </row>
    <row r="134039" spans="8:8">
      <c r="H134039" s="12"/>
    </row>
    <row r="134040" spans="8:8">
      <c r="H134040" s="12"/>
    </row>
    <row r="134041" spans="8:8">
      <c r="H134041" s="12"/>
    </row>
    <row r="134042" spans="8:8">
      <c r="H134042" s="12"/>
    </row>
    <row r="134043" spans="8:8">
      <c r="H134043" s="12"/>
    </row>
    <row r="134044" spans="8:8">
      <c r="H134044" s="12"/>
    </row>
    <row r="134045" spans="8:8">
      <c r="H134045" s="12"/>
    </row>
    <row r="134046" spans="8:8">
      <c r="H134046" s="12"/>
    </row>
    <row r="134047" spans="8:8">
      <c r="H134047" s="12"/>
    </row>
    <row r="134048" spans="8:8">
      <c r="H134048" s="12"/>
    </row>
    <row r="134049" spans="8:8">
      <c r="H134049" s="12"/>
    </row>
    <row r="134050" spans="8:8">
      <c r="H134050" s="12"/>
    </row>
    <row r="134051" spans="8:8">
      <c r="H134051" s="12"/>
    </row>
    <row r="134052" spans="8:8">
      <c r="H134052" s="12"/>
    </row>
    <row r="134053" spans="8:8">
      <c r="H134053" s="12"/>
    </row>
    <row r="134054" spans="8:8">
      <c r="H134054" s="12"/>
    </row>
    <row r="134055" spans="8:8">
      <c r="H134055" s="12"/>
    </row>
    <row r="134056" spans="8:8">
      <c r="H134056" s="12"/>
    </row>
    <row r="134057" spans="8:8">
      <c r="H134057" s="12"/>
    </row>
    <row r="134058" spans="8:8">
      <c r="H134058" s="12"/>
    </row>
    <row r="134059" spans="8:8">
      <c r="H134059" s="12"/>
    </row>
    <row r="134060" spans="8:8">
      <c r="H134060" s="12"/>
    </row>
    <row r="134061" spans="8:8">
      <c r="H134061" s="12"/>
    </row>
    <row r="134062" spans="8:8">
      <c r="H134062" s="12"/>
    </row>
    <row r="134063" spans="8:8">
      <c r="H134063" s="12"/>
    </row>
    <row r="134064" spans="8:8">
      <c r="H134064" s="12"/>
    </row>
    <row r="134065" spans="8:8">
      <c r="H134065" s="12"/>
    </row>
    <row r="134066" spans="8:8">
      <c r="H134066" s="12"/>
    </row>
    <row r="134067" spans="8:8">
      <c r="H134067" s="12"/>
    </row>
    <row r="134068" spans="8:8">
      <c r="H134068" s="12"/>
    </row>
    <row r="134069" spans="8:8">
      <c r="H134069" s="12"/>
    </row>
    <row r="134070" spans="8:8">
      <c r="H134070" s="12"/>
    </row>
    <row r="134071" spans="8:8">
      <c r="H134071" s="12"/>
    </row>
    <row r="134072" spans="8:8">
      <c r="H134072" s="12"/>
    </row>
    <row r="134073" spans="8:8">
      <c r="H134073" s="12"/>
    </row>
    <row r="134074" spans="8:8">
      <c r="H134074" s="12"/>
    </row>
    <row r="134075" spans="8:8">
      <c r="H134075" s="12"/>
    </row>
    <row r="134076" spans="8:8">
      <c r="H134076" s="12"/>
    </row>
    <row r="134077" spans="8:8">
      <c r="H134077" s="12"/>
    </row>
    <row r="134078" spans="8:8">
      <c r="H134078" s="12"/>
    </row>
    <row r="134079" spans="8:8">
      <c r="H134079" s="12"/>
    </row>
    <row r="134080" spans="8:8">
      <c r="H134080" s="12"/>
    </row>
    <row r="134081" spans="8:8">
      <c r="H134081" s="12"/>
    </row>
    <row r="134082" spans="8:8">
      <c r="H134082" s="12"/>
    </row>
    <row r="134083" spans="8:8">
      <c r="H134083" s="12"/>
    </row>
    <row r="134084" spans="8:8">
      <c r="H134084" s="12"/>
    </row>
    <row r="134085" spans="8:8">
      <c r="H134085" s="12"/>
    </row>
    <row r="134086" spans="8:8">
      <c r="H134086" s="12"/>
    </row>
    <row r="134087" spans="8:8">
      <c r="H134087" s="12"/>
    </row>
    <row r="134088" spans="8:8">
      <c r="H134088" s="12"/>
    </row>
    <row r="134089" spans="8:8">
      <c r="H134089" s="12"/>
    </row>
    <row r="134090" spans="8:8">
      <c r="H134090" s="12"/>
    </row>
    <row r="134091" spans="8:8">
      <c r="H134091" s="12"/>
    </row>
    <row r="134092" spans="8:8">
      <c r="H134092" s="12"/>
    </row>
    <row r="134093" spans="8:8">
      <c r="H134093" s="12"/>
    </row>
    <row r="134094" spans="8:8">
      <c r="H134094" s="12"/>
    </row>
    <row r="134095" spans="8:8">
      <c r="H134095" s="12"/>
    </row>
    <row r="134096" spans="8:8">
      <c r="H134096" s="12"/>
    </row>
    <row r="134097" spans="8:8">
      <c r="H134097" s="12"/>
    </row>
    <row r="134098" spans="8:8">
      <c r="H134098" s="12"/>
    </row>
    <row r="134099" spans="8:8">
      <c r="H134099" s="12"/>
    </row>
    <row r="134100" spans="8:8">
      <c r="H134100" s="12"/>
    </row>
    <row r="134101" spans="8:8">
      <c r="H134101" s="12"/>
    </row>
    <row r="134102" spans="8:8">
      <c r="H134102" s="12"/>
    </row>
    <row r="134103" spans="8:8">
      <c r="H134103" s="12"/>
    </row>
    <row r="134104" spans="8:8">
      <c r="H134104" s="12"/>
    </row>
    <row r="134105" spans="8:8">
      <c r="H134105" s="12"/>
    </row>
    <row r="134106" spans="8:8">
      <c r="H134106" s="12"/>
    </row>
    <row r="134107" spans="8:8">
      <c r="H134107" s="12"/>
    </row>
    <row r="134108" spans="8:8">
      <c r="H134108" s="12"/>
    </row>
    <row r="134109" spans="8:8">
      <c r="H134109" s="12"/>
    </row>
    <row r="134110" spans="8:8">
      <c r="H134110" s="12"/>
    </row>
    <row r="134111" spans="8:8">
      <c r="H134111" s="12"/>
    </row>
    <row r="134112" spans="8:8">
      <c r="H134112" s="12"/>
    </row>
    <row r="134113" spans="8:8">
      <c r="H134113" s="12"/>
    </row>
    <row r="134114" spans="8:8">
      <c r="H134114" s="12"/>
    </row>
    <row r="134115" spans="8:8">
      <c r="H134115" s="12"/>
    </row>
    <row r="134116" spans="8:8">
      <c r="H134116" s="12"/>
    </row>
    <row r="134117" spans="8:8">
      <c r="H134117" s="12"/>
    </row>
    <row r="134118" spans="8:8">
      <c r="H134118" s="12"/>
    </row>
    <row r="134119" spans="8:8">
      <c r="H134119" s="12"/>
    </row>
    <row r="134120" spans="8:8">
      <c r="H134120" s="12"/>
    </row>
    <row r="134121" spans="8:8">
      <c r="H134121" s="12"/>
    </row>
    <row r="134122" spans="8:8">
      <c r="H134122" s="12"/>
    </row>
    <row r="134123" spans="8:8">
      <c r="H134123" s="12"/>
    </row>
    <row r="134124" spans="8:8">
      <c r="H134124" s="12"/>
    </row>
    <row r="134125" spans="8:8">
      <c r="H134125" s="12"/>
    </row>
    <row r="134126" spans="8:8">
      <c r="H134126" s="12"/>
    </row>
    <row r="134127" spans="8:8">
      <c r="H134127" s="12"/>
    </row>
    <row r="134128" spans="8:8">
      <c r="H134128" s="12"/>
    </row>
    <row r="134129" spans="8:8">
      <c r="H134129" s="12"/>
    </row>
    <row r="134130" spans="8:8">
      <c r="H134130" s="12"/>
    </row>
    <row r="134131" spans="8:8">
      <c r="H134131" s="12"/>
    </row>
    <row r="134132" spans="8:8">
      <c r="H134132" s="12"/>
    </row>
    <row r="134133" spans="8:8">
      <c r="H134133" s="12"/>
    </row>
    <row r="134134" spans="8:8">
      <c r="H134134" s="12"/>
    </row>
    <row r="134135" spans="8:8">
      <c r="H134135" s="12"/>
    </row>
    <row r="134136" spans="8:8">
      <c r="H134136" s="12"/>
    </row>
    <row r="134137" spans="8:8">
      <c r="H134137" s="12"/>
    </row>
    <row r="134138" spans="8:8">
      <c r="H134138" s="12"/>
    </row>
    <row r="134139" spans="8:8">
      <c r="H134139" s="12"/>
    </row>
    <row r="134140" spans="8:8">
      <c r="H134140" s="12"/>
    </row>
    <row r="134141" spans="8:8">
      <c r="H134141" s="12"/>
    </row>
    <row r="134142" spans="8:8">
      <c r="H134142" s="12"/>
    </row>
    <row r="134143" spans="8:8">
      <c r="H134143" s="12"/>
    </row>
    <row r="134144" spans="8:8">
      <c r="H134144" s="12"/>
    </row>
    <row r="134145" spans="8:8">
      <c r="H134145" s="12"/>
    </row>
    <row r="134146" spans="8:8">
      <c r="H134146" s="12"/>
    </row>
    <row r="134147" spans="8:8">
      <c r="H134147" s="12"/>
    </row>
    <row r="134148" spans="8:8">
      <c r="H134148" s="12"/>
    </row>
    <row r="134149" spans="8:8">
      <c r="H134149" s="12"/>
    </row>
    <row r="134150" spans="8:8">
      <c r="H134150" s="12"/>
    </row>
    <row r="134151" spans="8:8">
      <c r="H134151" s="12"/>
    </row>
    <row r="134152" spans="8:8">
      <c r="H134152" s="12"/>
    </row>
    <row r="134153" spans="8:8">
      <c r="H134153" s="12"/>
    </row>
    <row r="134154" spans="8:8">
      <c r="H134154" s="12"/>
    </row>
    <row r="134155" spans="8:8">
      <c r="H134155" s="12"/>
    </row>
    <row r="134156" spans="8:8">
      <c r="H134156" s="12"/>
    </row>
    <row r="134157" spans="8:8">
      <c r="H134157" s="12"/>
    </row>
    <row r="134158" spans="8:8">
      <c r="H134158" s="12"/>
    </row>
    <row r="134159" spans="8:8">
      <c r="H134159" s="12"/>
    </row>
    <row r="134160" spans="8:8">
      <c r="H134160" s="12"/>
    </row>
    <row r="134161" spans="8:8">
      <c r="H134161" s="12"/>
    </row>
    <row r="134162" spans="8:8">
      <c r="H134162" s="12"/>
    </row>
    <row r="134163" spans="8:8">
      <c r="H134163" s="12"/>
    </row>
    <row r="134164" spans="8:8">
      <c r="H134164" s="12"/>
    </row>
    <row r="134165" spans="8:8">
      <c r="H134165" s="12"/>
    </row>
    <row r="134166" spans="8:8">
      <c r="H134166" s="12"/>
    </row>
    <row r="134167" spans="8:8">
      <c r="H134167" s="12"/>
    </row>
    <row r="134168" spans="8:8">
      <c r="H134168" s="12"/>
    </row>
    <row r="134169" spans="8:8">
      <c r="H134169" s="12"/>
    </row>
    <row r="134170" spans="8:8">
      <c r="H134170" s="12"/>
    </row>
    <row r="134171" spans="8:8">
      <c r="H134171" s="12"/>
    </row>
    <row r="134172" spans="8:8">
      <c r="H134172" s="12"/>
    </row>
    <row r="134173" spans="8:8">
      <c r="H134173" s="12"/>
    </row>
    <row r="134174" spans="8:8">
      <c r="H134174" s="12"/>
    </row>
    <row r="134175" spans="8:8">
      <c r="H134175" s="12"/>
    </row>
    <row r="134176" spans="8:8">
      <c r="H134176" s="12"/>
    </row>
    <row r="134177" spans="8:8">
      <c r="H134177" s="12"/>
    </row>
    <row r="134178" spans="8:8">
      <c r="H134178" s="12"/>
    </row>
    <row r="134179" spans="8:8">
      <c r="H134179" s="12"/>
    </row>
    <row r="134180" spans="8:8">
      <c r="H134180" s="12"/>
    </row>
    <row r="134181" spans="8:8">
      <c r="H134181" s="12"/>
    </row>
    <row r="134182" spans="8:8">
      <c r="H134182" s="12"/>
    </row>
    <row r="134183" spans="8:8">
      <c r="H134183" s="12"/>
    </row>
    <row r="134184" spans="8:8">
      <c r="H134184" s="12"/>
    </row>
    <row r="134185" spans="8:8">
      <c r="H134185" s="12"/>
    </row>
    <row r="134186" spans="8:8">
      <c r="H134186" s="12"/>
    </row>
    <row r="134187" spans="8:8">
      <c r="H134187" s="12"/>
    </row>
    <row r="134188" spans="8:8">
      <c r="H134188" s="12"/>
    </row>
    <row r="134189" spans="8:8">
      <c r="H134189" s="12"/>
    </row>
    <row r="134190" spans="8:8">
      <c r="H134190" s="12"/>
    </row>
    <row r="134191" spans="8:8">
      <c r="H134191" s="12"/>
    </row>
    <row r="134192" spans="8:8">
      <c r="H134192" s="12"/>
    </row>
    <row r="134193" spans="8:8">
      <c r="H134193" s="12"/>
    </row>
    <row r="134194" spans="8:8">
      <c r="H134194" s="12"/>
    </row>
    <row r="134195" spans="8:8">
      <c r="H134195" s="12"/>
    </row>
    <row r="134196" spans="8:8">
      <c r="H134196" s="12"/>
    </row>
    <row r="134197" spans="8:8">
      <c r="H134197" s="12"/>
    </row>
    <row r="134198" spans="8:8">
      <c r="H134198" s="12"/>
    </row>
    <row r="134199" spans="8:8">
      <c r="H134199" s="12"/>
    </row>
    <row r="134200" spans="8:8">
      <c r="H134200" s="12"/>
    </row>
    <row r="134201" spans="8:8">
      <c r="H134201" s="12"/>
    </row>
    <row r="134202" spans="8:8">
      <c r="H134202" s="12"/>
    </row>
    <row r="134203" spans="8:8">
      <c r="H134203" s="12"/>
    </row>
    <row r="134204" spans="8:8">
      <c r="H134204" s="12"/>
    </row>
    <row r="134205" spans="8:8">
      <c r="H134205" s="12"/>
    </row>
    <row r="134206" spans="8:8">
      <c r="H134206" s="12"/>
    </row>
    <row r="134207" spans="8:8">
      <c r="H134207" s="12"/>
    </row>
    <row r="134208" spans="8:8">
      <c r="H134208" s="12"/>
    </row>
    <row r="134209" spans="8:8">
      <c r="H134209" s="12"/>
    </row>
    <row r="134210" spans="8:8">
      <c r="H134210" s="12"/>
    </row>
    <row r="134211" spans="8:8">
      <c r="H134211" s="12"/>
    </row>
    <row r="134212" spans="8:8">
      <c r="H134212" s="12"/>
    </row>
    <row r="134213" spans="8:8">
      <c r="H134213" s="12"/>
    </row>
    <row r="134214" spans="8:8">
      <c r="H134214" s="12"/>
    </row>
    <row r="134215" spans="8:8">
      <c r="H134215" s="12"/>
    </row>
    <row r="134216" spans="8:8">
      <c r="H134216" s="12"/>
    </row>
    <row r="134217" spans="8:8">
      <c r="H134217" s="12"/>
    </row>
    <row r="134218" spans="8:8">
      <c r="H134218" s="12"/>
    </row>
    <row r="134219" spans="8:8">
      <c r="H134219" s="12"/>
    </row>
    <row r="134220" spans="8:8">
      <c r="H134220" s="12"/>
    </row>
    <row r="134221" spans="8:8">
      <c r="H134221" s="12"/>
    </row>
    <row r="134222" spans="8:8">
      <c r="H134222" s="12"/>
    </row>
    <row r="134223" spans="8:8">
      <c r="H134223" s="12"/>
    </row>
    <row r="134224" spans="8:8">
      <c r="H134224" s="12"/>
    </row>
    <row r="134225" spans="8:8">
      <c r="H134225" s="12"/>
    </row>
    <row r="134226" spans="8:8">
      <c r="H134226" s="12"/>
    </row>
    <row r="134227" spans="8:8">
      <c r="H134227" s="12"/>
    </row>
    <row r="134228" spans="8:8">
      <c r="H134228" s="12"/>
    </row>
    <row r="134229" spans="8:8">
      <c r="H134229" s="12"/>
    </row>
    <row r="134230" spans="8:8">
      <c r="H134230" s="12"/>
    </row>
    <row r="134231" spans="8:8">
      <c r="H134231" s="12"/>
    </row>
    <row r="134232" spans="8:8">
      <c r="H134232" s="12"/>
    </row>
    <row r="134233" spans="8:8">
      <c r="H134233" s="12"/>
    </row>
    <row r="134234" spans="8:8">
      <c r="H134234" s="12"/>
    </row>
    <row r="134235" spans="8:8">
      <c r="H134235" s="12"/>
    </row>
    <row r="134236" spans="8:8">
      <c r="H134236" s="12"/>
    </row>
    <row r="134237" spans="8:8">
      <c r="H134237" s="12"/>
    </row>
    <row r="134238" spans="8:8">
      <c r="H134238" s="12"/>
    </row>
    <row r="134239" spans="8:8">
      <c r="H134239" s="12"/>
    </row>
    <row r="134240" spans="8:8">
      <c r="H134240" s="12"/>
    </row>
    <row r="134241" spans="8:8">
      <c r="H134241" s="12"/>
    </row>
    <row r="134242" spans="8:8">
      <c r="H134242" s="12"/>
    </row>
    <row r="134243" spans="8:8">
      <c r="H134243" s="12"/>
    </row>
    <row r="134244" spans="8:8">
      <c r="H134244" s="12"/>
    </row>
    <row r="134245" spans="8:8">
      <c r="H134245" s="12"/>
    </row>
    <row r="134246" spans="8:8">
      <c r="H134246" s="12"/>
    </row>
    <row r="134247" spans="8:8">
      <c r="H134247" s="12"/>
    </row>
    <row r="134248" spans="8:8">
      <c r="H134248" s="12"/>
    </row>
    <row r="134249" spans="8:8">
      <c r="H134249" s="12"/>
    </row>
    <row r="134250" spans="8:8">
      <c r="H134250" s="12"/>
    </row>
    <row r="134251" spans="8:8">
      <c r="H134251" s="12"/>
    </row>
    <row r="134252" spans="8:8">
      <c r="H134252" s="12"/>
    </row>
    <row r="134253" spans="8:8">
      <c r="H134253" s="12"/>
    </row>
    <row r="134254" spans="8:8">
      <c r="H134254" s="12"/>
    </row>
    <row r="134255" spans="8:8">
      <c r="H134255" s="12"/>
    </row>
    <row r="134256" spans="8:8">
      <c r="H134256" s="12"/>
    </row>
    <row r="134257" spans="8:8">
      <c r="H134257" s="12"/>
    </row>
    <row r="134258" spans="8:8">
      <c r="H134258" s="12"/>
    </row>
    <row r="134259" spans="8:8">
      <c r="H134259" s="12"/>
    </row>
    <row r="134260" spans="8:8">
      <c r="H134260" s="12"/>
    </row>
    <row r="134261" spans="8:8">
      <c r="H134261" s="12"/>
    </row>
    <row r="134262" spans="8:8">
      <c r="H134262" s="12"/>
    </row>
    <row r="134263" spans="8:8">
      <c r="H134263" s="12"/>
    </row>
    <row r="134264" spans="8:8">
      <c r="H134264" s="12"/>
    </row>
    <row r="134265" spans="8:8">
      <c r="H134265" s="12"/>
    </row>
    <row r="134266" spans="8:8">
      <c r="H134266" s="12"/>
    </row>
    <row r="134267" spans="8:8">
      <c r="H134267" s="12"/>
    </row>
    <row r="134268" spans="8:8">
      <c r="H134268" s="12"/>
    </row>
    <row r="134269" spans="8:8">
      <c r="H134269" s="12"/>
    </row>
    <row r="134270" spans="8:8">
      <c r="H134270" s="12"/>
    </row>
    <row r="134271" spans="8:8">
      <c r="H134271" s="12"/>
    </row>
    <row r="134272" spans="8:8">
      <c r="H134272" s="12"/>
    </row>
    <row r="134273" spans="8:8">
      <c r="H134273" s="12"/>
    </row>
    <row r="134274" spans="8:8">
      <c r="H134274" s="12"/>
    </row>
    <row r="134275" spans="8:8">
      <c r="H134275" s="12"/>
    </row>
    <row r="134276" spans="8:8">
      <c r="H134276" s="12"/>
    </row>
    <row r="134277" spans="8:8">
      <c r="H134277" s="12"/>
    </row>
    <row r="134278" spans="8:8">
      <c r="H134278" s="12"/>
    </row>
    <row r="134279" spans="8:8">
      <c r="H134279" s="12"/>
    </row>
    <row r="134280" spans="8:8">
      <c r="H134280" s="12"/>
    </row>
    <row r="134281" spans="8:8">
      <c r="H134281" s="12"/>
    </row>
    <row r="134282" spans="8:8">
      <c r="H134282" s="12"/>
    </row>
    <row r="134283" spans="8:8">
      <c r="H134283" s="12"/>
    </row>
    <row r="134284" spans="8:8">
      <c r="H134284" s="12"/>
    </row>
    <row r="134285" spans="8:8">
      <c r="H134285" s="12"/>
    </row>
    <row r="134286" spans="8:8">
      <c r="H134286" s="12"/>
    </row>
    <row r="134287" spans="8:8">
      <c r="H134287" s="12"/>
    </row>
    <row r="134288" spans="8:8">
      <c r="H134288" s="12"/>
    </row>
    <row r="134289" spans="8:8">
      <c r="H134289" s="12"/>
    </row>
    <row r="134290" spans="8:8">
      <c r="H134290" s="12"/>
    </row>
    <row r="134291" spans="8:8">
      <c r="H134291" s="12"/>
    </row>
    <row r="134292" spans="8:8">
      <c r="H134292" s="12"/>
    </row>
    <row r="134293" spans="8:8">
      <c r="H134293" s="12"/>
    </row>
    <row r="134294" spans="8:8">
      <c r="H134294" s="12"/>
    </row>
    <row r="134295" spans="8:8">
      <c r="H134295" s="12"/>
    </row>
    <row r="134296" spans="8:8">
      <c r="H134296" s="12"/>
    </row>
    <row r="134297" spans="8:8">
      <c r="H134297" s="12"/>
    </row>
    <row r="134298" spans="8:8">
      <c r="H134298" s="12"/>
    </row>
    <row r="134299" spans="8:8">
      <c r="H134299" s="12"/>
    </row>
    <row r="134300" spans="8:8">
      <c r="H134300" s="12"/>
    </row>
    <row r="134301" spans="8:8">
      <c r="H134301" s="12"/>
    </row>
    <row r="134302" spans="8:8">
      <c r="H134302" s="12"/>
    </row>
    <row r="134303" spans="8:8">
      <c r="H134303" s="12"/>
    </row>
    <row r="134304" spans="8:8">
      <c r="H134304" s="12"/>
    </row>
    <row r="134305" spans="8:8">
      <c r="H134305" s="12"/>
    </row>
    <row r="134306" spans="8:8">
      <c r="H134306" s="12"/>
    </row>
    <row r="134307" spans="8:8">
      <c r="H134307" s="12"/>
    </row>
    <row r="134308" spans="8:8">
      <c r="H134308" s="12"/>
    </row>
    <row r="134309" spans="8:8">
      <c r="H134309" s="12"/>
    </row>
    <row r="134310" spans="8:8">
      <c r="H134310" s="12"/>
    </row>
    <row r="134311" spans="8:8">
      <c r="H134311" s="12"/>
    </row>
    <row r="134312" spans="8:8">
      <c r="H134312" s="12"/>
    </row>
    <row r="134313" spans="8:8">
      <c r="H134313" s="12"/>
    </row>
    <row r="134314" spans="8:8">
      <c r="H134314" s="12"/>
    </row>
    <row r="134315" spans="8:8">
      <c r="H134315" s="12"/>
    </row>
    <row r="134316" spans="8:8">
      <c r="H134316" s="12"/>
    </row>
    <row r="134317" spans="8:8">
      <c r="H134317" s="12"/>
    </row>
    <row r="134318" spans="8:8">
      <c r="H134318" s="12"/>
    </row>
    <row r="134319" spans="8:8">
      <c r="H134319" s="12"/>
    </row>
    <row r="134320" spans="8:8">
      <c r="H134320" s="12"/>
    </row>
    <row r="134321" spans="8:8">
      <c r="H134321" s="12"/>
    </row>
    <row r="134322" spans="8:8">
      <c r="H134322" s="12"/>
    </row>
    <row r="134323" spans="8:8">
      <c r="H134323" s="12"/>
    </row>
    <row r="134324" spans="8:8">
      <c r="H134324" s="12"/>
    </row>
    <row r="134325" spans="8:8">
      <c r="H134325" s="12"/>
    </row>
    <row r="134326" spans="8:8">
      <c r="H134326" s="12"/>
    </row>
    <row r="134327" spans="8:8">
      <c r="H134327" s="12"/>
    </row>
    <row r="134328" spans="8:8">
      <c r="H134328" s="12"/>
    </row>
    <row r="134329" spans="8:8">
      <c r="H134329" s="12"/>
    </row>
    <row r="134330" spans="8:8">
      <c r="H134330" s="12"/>
    </row>
    <row r="134331" spans="8:8">
      <c r="H134331" s="12"/>
    </row>
    <row r="134332" spans="8:8">
      <c r="H134332" s="12"/>
    </row>
    <row r="134333" spans="8:8">
      <c r="H134333" s="12"/>
    </row>
    <row r="134334" spans="8:8">
      <c r="H134334" s="12"/>
    </row>
    <row r="134335" spans="8:8">
      <c r="H134335" s="12"/>
    </row>
    <row r="134336" spans="8:8">
      <c r="H134336" s="12"/>
    </row>
    <row r="134337" spans="8:8">
      <c r="H134337" s="12"/>
    </row>
    <row r="134338" spans="8:8">
      <c r="H134338" s="12"/>
    </row>
    <row r="134339" spans="8:8">
      <c r="H134339" s="12"/>
    </row>
    <row r="134340" spans="8:8">
      <c r="H134340" s="12"/>
    </row>
    <row r="134341" spans="8:8">
      <c r="H134341" s="12"/>
    </row>
    <row r="134342" spans="8:8">
      <c r="H134342" s="12"/>
    </row>
    <row r="134343" spans="8:8">
      <c r="H134343" s="12"/>
    </row>
    <row r="134344" spans="8:8">
      <c r="H134344" s="12"/>
    </row>
    <row r="134345" spans="8:8">
      <c r="H134345" s="12"/>
    </row>
    <row r="134346" spans="8:8">
      <c r="H134346" s="12"/>
    </row>
    <row r="134347" spans="8:8">
      <c r="H134347" s="12"/>
    </row>
    <row r="134348" spans="8:8">
      <c r="H134348" s="12"/>
    </row>
    <row r="134349" spans="8:8">
      <c r="H134349" s="12"/>
    </row>
    <row r="134350" spans="8:8">
      <c r="H134350" s="12"/>
    </row>
    <row r="134351" spans="8:8">
      <c r="H134351" s="12"/>
    </row>
    <row r="134352" spans="8:8">
      <c r="H134352" s="12"/>
    </row>
    <row r="134353" spans="8:8">
      <c r="H134353" s="12"/>
    </row>
    <row r="134354" spans="8:8">
      <c r="H134354" s="12"/>
    </row>
    <row r="134355" spans="8:8">
      <c r="H134355" s="12"/>
    </row>
    <row r="134356" spans="8:8">
      <c r="H134356" s="12"/>
    </row>
    <row r="134357" spans="8:8">
      <c r="H134357" s="12"/>
    </row>
    <row r="134358" spans="8:8">
      <c r="H134358" s="12"/>
    </row>
    <row r="134359" spans="8:8">
      <c r="H134359" s="12"/>
    </row>
    <row r="134360" spans="8:8">
      <c r="H134360" s="12"/>
    </row>
    <row r="134361" spans="8:8">
      <c r="H134361" s="12"/>
    </row>
    <row r="134362" spans="8:8">
      <c r="H134362" s="12"/>
    </row>
    <row r="134363" spans="8:8">
      <c r="H134363" s="12"/>
    </row>
    <row r="134364" spans="8:8">
      <c r="H134364" s="12"/>
    </row>
    <row r="134365" spans="8:8">
      <c r="H134365" s="12"/>
    </row>
    <row r="134366" spans="8:8">
      <c r="H134366" s="12"/>
    </row>
    <row r="134367" spans="8:8">
      <c r="H134367" s="12"/>
    </row>
    <row r="134368" spans="8:8">
      <c r="H134368" s="12"/>
    </row>
    <row r="134369" spans="8:8">
      <c r="H134369" s="12"/>
    </row>
    <row r="134370" spans="8:8">
      <c r="H134370" s="12"/>
    </row>
    <row r="134371" spans="8:8">
      <c r="H134371" s="12"/>
    </row>
    <row r="134372" spans="8:8">
      <c r="H134372" s="12"/>
    </row>
    <row r="134373" spans="8:8">
      <c r="H134373" s="12"/>
    </row>
    <row r="134374" spans="8:8">
      <c r="H134374" s="12"/>
    </row>
    <row r="134375" spans="8:8">
      <c r="H134375" s="12"/>
    </row>
    <row r="134376" spans="8:8">
      <c r="H134376" s="12"/>
    </row>
    <row r="134377" spans="8:8">
      <c r="H134377" s="12"/>
    </row>
    <row r="134378" spans="8:8">
      <c r="H134378" s="12"/>
    </row>
    <row r="134379" spans="8:8">
      <c r="H134379" s="12"/>
    </row>
    <row r="134380" spans="8:8">
      <c r="H134380" s="12"/>
    </row>
    <row r="134381" spans="8:8">
      <c r="H134381" s="12"/>
    </row>
    <row r="134382" spans="8:8">
      <c r="H134382" s="12"/>
    </row>
    <row r="134383" spans="8:8">
      <c r="H134383" s="12"/>
    </row>
    <row r="134384" spans="8:8">
      <c r="H134384" s="12"/>
    </row>
    <row r="134385" spans="8:8">
      <c r="H134385" s="12"/>
    </row>
    <row r="134386" spans="8:8">
      <c r="H134386" s="12"/>
    </row>
    <row r="134387" spans="8:8">
      <c r="H134387" s="12"/>
    </row>
    <row r="134388" spans="8:8">
      <c r="H134388" s="12"/>
    </row>
    <row r="134389" spans="8:8">
      <c r="H134389" s="12"/>
    </row>
    <row r="134390" spans="8:8">
      <c r="H134390" s="12"/>
    </row>
    <row r="134391" spans="8:8">
      <c r="H134391" s="12"/>
    </row>
    <row r="134392" spans="8:8">
      <c r="H134392" s="12"/>
    </row>
    <row r="134393" spans="8:8">
      <c r="H134393" s="12"/>
    </row>
    <row r="134394" spans="8:8">
      <c r="H134394" s="12"/>
    </row>
    <row r="134395" spans="8:8">
      <c r="H134395" s="12"/>
    </row>
    <row r="134396" spans="8:8">
      <c r="H134396" s="12"/>
    </row>
    <row r="134397" spans="8:8">
      <c r="H134397" s="12"/>
    </row>
    <row r="134398" spans="8:8">
      <c r="H134398" s="12"/>
    </row>
    <row r="134399" spans="8:8">
      <c r="H134399" s="12"/>
    </row>
    <row r="134400" spans="8:8">
      <c r="H134400" s="12"/>
    </row>
    <row r="134401" spans="8:8">
      <c r="H134401" s="12"/>
    </row>
    <row r="134402" spans="8:8">
      <c r="H134402" s="12"/>
    </row>
    <row r="134403" spans="8:8">
      <c r="H134403" s="12"/>
    </row>
    <row r="134404" spans="8:8">
      <c r="H134404" s="12"/>
    </row>
    <row r="134405" spans="8:8">
      <c r="H134405" s="12"/>
    </row>
    <row r="134406" spans="8:8">
      <c r="H134406" s="12"/>
    </row>
    <row r="134407" spans="8:8">
      <c r="H134407" s="12"/>
    </row>
    <row r="134408" spans="8:8">
      <c r="H134408" s="12"/>
    </row>
    <row r="134409" spans="8:8">
      <c r="H134409" s="12"/>
    </row>
    <row r="134410" spans="8:8">
      <c r="H134410" s="12"/>
    </row>
    <row r="134411" spans="8:8">
      <c r="H134411" s="12"/>
    </row>
    <row r="134412" spans="8:8">
      <c r="H134412" s="12"/>
    </row>
    <row r="134413" spans="8:8">
      <c r="H134413" s="12"/>
    </row>
    <row r="134414" spans="8:8">
      <c r="H134414" s="12"/>
    </row>
    <row r="134415" spans="8:8">
      <c r="H134415" s="12"/>
    </row>
    <row r="134416" spans="8:8">
      <c r="H134416" s="12"/>
    </row>
    <row r="134417" spans="8:8">
      <c r="H134417" s="12"/>
    </row>
    <row r="134418" spans="8:8">
      <c r="H134418" s="12"/>
    </row>
    <row r="134419" spans="8:8">
      <c r="H134419" s="12"/>
    </row>
    <row r="134420" spans="8:8">
      <c r="H134420" s="12"/>
    </row>
    <row r="134421" spans="8:8">
      <c r="H134421" s="12"/>
    </row>
    <row r="134422" spans="8:8">
      <c r="H134422" s="12"/>
    </row>
    <row r="134423" spans="8:8">
      <c r="H134423" s="12"/>
    </row>
    <row r="134424" spans="8:8">
      <c r="H134424" s="12"/>
    </row>
    <row r="134425" spans="8:8">
      <c r="H134425" s="12"/>
    </row>
    <row r="134426" spans="8:8">
      <c r="H134426" s="12"/>
    </row>
    <row r="134427" spans="8:8">
      <c r="H134427" s="12"/>
    </row>
    <row r="134428" spans="8:8">
      <c r="H134428" s="12"/>
    </row>
    <row r="134429" spans="8:8">
      <c r="H134429" s="12"/>
    </row>
    <row r="134430" spans="8:8">
      <c r="H134430" s="12"/>
    </row>
    <row r="134431" spans="8:8">
      <c r="H134431" s="12"/>
    </row>
    <row r="134432" spans="8:8">
      <c r="H134432" s="12"/>
    </row>
    <row r="134433" spans="8:8">
      <c r="H134433" s="12"/>
    </row>
    <row r="134434" spans="8:8">
      <c r="H134434" s="12"/>
    </row>
    <row r="134435" spans="8:8">
      <c r="H134435" s="12"/>
    </row>
    <row r="134436" spans="8:8">
      <c r="H134436" s="12"/>
    </row>
    <row r="134437" spans="8:8">
      <c r="H134437" s="12"/>
    </row>
    <row r="134438" spans="8:8">
      <c r="H134438" s="12"/>
    </row>
    <row r="134439" spans="8:8">
      <c r="H134439" s="12"/>
    </row>
    <row r="134440" spans="8:8">
      <c r="H134440" s="12"/>
    </row>
    <row r="134441" spans="8:8">
      <c r="H134441" s="12"/>
    </row>
    <row r="134442" spans="8:8">
      <c r="H134442" s="12"/>
    </row>
    <row r="134443" spans="8:8">
      <c r="H134443" s="12"/>
    </row>
    <row r="134444" spans="8:8">
      <c r="H134444" s="12"/>
    </row>
    <row r="134445" spans="8:8">
      <c r="H134445" s="12"/>
    </row>
    <row r="134446" spans="8:8">
      <c r="H134446" s="12"/>
    </row>
    <row r="134447" spans="8:8">
      <c r="H134447" s="12"/>
    </row>
    <row r="134448" spans="8:8">
      <c r="H134448" s="12"/>
    </row>
    <row r="134449" spans="8:8">
      <c r="H134449" s="12"/>
    </row>
    <row r="134450" spans="8:8">
      <c r="H134450" s="12"/>
    </row>
    <row r="134451" spans="8:8">
      <c r="H134451" s="12"/>
    </row>
    <row r="134452" spans="8:8">
      <c r="H134452" s="12"/>
    </row>
    <row r="134453" spans="8:8">
      <c r="H134453" s="12"/>
    </row>
    <row r="134454" spans="8:8">
      <c r="H134454" s="12"/>
    </row>
    <row r="134455" spans="8:8">
      <c r="H134455" s="12"/>
    </row>
    <row r="134456" spans="8:8">
      <c r="H134456" s="12"/>
    </row>
    <row r="134457" spans="8:8">
      <c r="H134457" s="12"/>
    </row>
    <row r="134458" spans="8:8">
      <c r="H134458" s="12"/>
    </row>
    <row r="134459" spans="8:8">
      <c r="H134459" s="12"/>
    </row>
    <row r="134460" spans="8:8">
      <c r="H134460" s="12"/>
    </row>
    <row r="134461" spans="8:8">
      <c r="H134461" s="12"/>
    </row>
    <row r="134462" spans="8:8">
      <c r="H134462" s="12"/>
    </row>
    <row r="134463" spans="8:8">
      <c r="H134463" s="12"/>
    </row>
    <row r="134464" spans="8:8">
      <c r="H134464" s="12"/>
    </row>
    <row r="134465" spans="8:8">
      <c r="H134465" s="12"/>
    </row>
    <row r="134466" spans="8:8">
      <c r="H134466" s="12"/>
    </row>
    <row r="134467" spans="8:8">
      <c r="H134467" s="12"/>
    </row>
    <row r="134468" spans="8:8">
      <c r="H134468" s="12"/>
    </row>
    <row r="134469" spans="8:8">
      <c r="H134469" s="12"/>
    </row>
    <row r="134470" spans="8:8">
      <c r="H134470" s="12"/>
    </row>
    <row r="134471" spans="8:8">
      <c r="H134471" s="12"/>
    </row>
    <row r="134472" spans="8:8">
      <c r="H134472" s="12"/>
    </row>
    <row r="134473" spans="8:8">
      <c r="H134473" s="12"/>
    </row>
    <row r="134474" spans="8:8">
      <c r="H134474" s="12"/>
    </row>
    <row r="134475" spans="8:8">
      <c r="H134475" s="12"/>
    </row>
    <row r="134476" spans="8:8">
      <c r="H134476" s="12"/>
    </row>
    <row r="134477" spans="8:8">
      <c r="H134477" s="12"/>
    </row>
    <row r="134478" spans="8:8">
      <c r="H134478" s="12"/>
    </row>
    <row r="134479" spans="8:8">
      <c r="H134479" s="12"/>
    </row>
    <row r="134480" spans="8:8">
      <c r="H134480" s="12"/>
    </row>
    <row r="134481" spans="8:8">
      <c r="H134481" s="12"/>
    </row>
    <row r="134482" spans="8:8">
      <c r="H134482" s="12"/>
    </row>
    <row r="134483" spans="8:8">
      <c r="H134483" s="12"/>
    </row>
    <row r="134484" spans="8:8">
      <c r="H134484" s="12"/>
    </row>
    <row r="134485" spans="8:8">
      <c r="H134485" s="12"/>
    </row>
    <row r="134486" spans="8:8">
      <c r="H134486" s="12"/>
    </row>
    <row r="134487" spans="8:8">
      <c r="H134487" s="12"/>
    </row>
    <row r="134488" spans="8:8">
      <c r="H134488" s="12"/>
    </row>
    <row r="134489" spans="8:8">
      <c r="H134489" s="12"/>
    </row>
    <row r="134490" spans="8:8">
      <c r="H134490" s="12"/>
    </row>
    <row r="134491" spans="8:8">
      <c r="H134491" s="12"/>
    </row>
    <row r="134492" spans="8:8">
      <c r="H134492" s="12"/>
    </row>
    <row r="134493" spans="8:8">
      <c r="H134493" s="12"/>
    </row>
    <row r="134494" spans="8:8">
      <c r="H134494" s="12"/>
    </row>
    <row r="134495" spans="8:8">
      <c r="H134495" s="12"/>
    </row>
    <row r="134496" spans="8:8">
      <c r="H134496" s="12"/>
    </row>
    <row r="134497" spans="8:8">
      <c r="H134497" s="12"/>
    </row>
    <row r="134498" spans="8:8">
      <c r="H134498" s="12"/>
    </row>
    <row r="134499" spans="8:8">
      <c r="H134499" s="12"/>
    </row>
    <row r="134500" spans="8:8">
      <c r="H134500" s="12"/>
    </row>
    <row r="134501" spans="8:8">
      <c r="H134501" s="12"/>
    </row>
    <row r="134502" spans="8:8">
      <c r="H134502" s="12"/>
    </row>
    <row r="134503" spans="8:8">
      <c r="H134503" s="12"/>
    </row>
    <row r="134504" spans="8:8">
      <c r="H134504" s="12"/>
    </row>
    <row r="134505" spans="8:8">
      <c r="H134505" s="12"/>
    </row>
    <row r="134506" spans="8:8">
      <c r="H134506" s="12"/>
    </row>
    <row r="134507" spans="8:8">
      <c r="H134507" s="12"/>
    </row>
    <row r="134508" spans="8:8">
      <c r="H134508" s="12"/>
    </row>
    <row r="134509" spans="8:8">
      <c r="H134509" s="12"/>
    </row>
    <row r="134510" spans="8:8">
      <c r="H134510" s="12"/>
    </row>
    <row r="134511" spans="8:8">
      <c r="H134511" s="12"/>
    </row>
    <row r="134512" spans="8:8">
      <c r="H134512" s="12"/>
    </row>
    <row r="134513" spans="8:8">
      <c r="H134513" s="12"/>
    </row>
    <row r="134514" spans="8:8">
      <c r="H134514" s="12"/>
    </row>
    <row r="134515" spans="8:8">
      <c r="H134515" s="12"/>
    </row>
    <row r="134516" spans="8:8">
      <c r="H134516" s="12"/>
    </row>
    <row r="134517" spans="8:8">
      <c r="H134517" s="12"/>
    </row>
    <row r="134518" spans="8:8">
      <c r="H134518" s="12"/>
    </row>
    <row r="134519" spans="8:8">
      <c r="H134519" s="12"/>
    </row>
    <row r="134520" spans="8:8">
      <c r="H134520" s="12"/>
    </row>
    <row r="134521" spans="8:8">
      <c r="H134521" s="12"/>
    </row>
    <row r="134522" spans="8:8">
      <c r="H134522" s="12"/>
    </row>
    <row r="134523" spans="8:8">
      <c r="H134523" s="12"/>
    </row>
    <row r="134524" spans="8:8">
      <c r="H134524" s="12"/>
    </row>
    <row r="134525" spans="8:8">
      <c r="H134525" s="12"/>
    </row>
    <row r="134526" spans="8:8">
      <c r="H134526" s="12"/>
    </row>
    <row r="134527" spans="8:8">
      <c r="H134527" s="12"/>
    </row>
    <row r="134528" spans="8:8">
      <c r="H134528" s="12"/>
    </row>
    <row r="134529" spans="8:8">
      <c r="H134529" s="12"/>
    </row>
    <row r="134530" spans="8:8">
      <c r="H134530" s="12"/>
    </row>
    <row r="134531" spans="8:8">
      <c r="H134531" s="12"/>
    </row>
    <row r="134532" spans="8:8">
      <c r="H134532" s="12"/>
    </row>
    <row r="134533" spans="8:8">
      <c r="H134533" s="12"/>
    </row>
    <row r="134534" spans="8:8">
      <c r="H134534" s="12"/>
    </row>
    <row r="134535" spans="8:8">
      <c r="H134535" s="12"/>
    </row>
    <row r="134536" spans="8:8">
      <c r="H134536" s="12"/>
    </row>
    <row r="134537" spans="8:8">
      <c r="H134537" s="12"/>
    </row>
    <row r="134538" spans="8:8">
      <c r="H134538" s="12"/>
    </row>
    <row r="134539" spans="8:8">
      <c r="H134539" s="12"/>
    </row>
    <row r="134540" spans="8:8">
      <c r="H134540" s="12"/>
    </row>
    <row r="134541" spans="8:8">
      <c r="H134541" s="12"/>
    </row>
    <row r="134542" spans="8:8">
      <c r="H134542" s="12"/>
    </row>
    <row r="134543" spans="8:8">
      <c r="H134543" s="12"/>
    </row>
    <row r="134544" spans="8:8">
      <c r="H134544" s="12"/>
    </row>
    <row r="134545" spans="8:8">
      <c r="H134545" s="12"/>
    </row>
    <row r="134546" spans="8:8">
      <c r="H134546" s="12"/>
    </row>
    <row r="134547" spans="8:8">
      <c r="H134547" s="12"/>
    </row>
    <row r="134548" spans="8:8">
      <c r="H134548" s="12"/>
    </row>
    <row r="134549" spans="8:8">
      <c r="H134549" s="12"/>
    </row>
    <row r="134550" spans="8:8">
      <c r="H134550" s="12"/>
    </row>
    <row r="134551" spans="8:8">
      <c r="H134551" s="12"/>
    </row>
    <row r="134552" spans="8:8">
      <c r="H134552" s="12"/>
    </row>
    <row r="134553" spans="8:8">
      <c r="H134553" s="12"/>
    </row>
    <row r="134554" spans="8:8">
      <c r="H134554" s="12"/>
    </row>
    <row r="134555" spans="8:8">
      <c r="H134555" s="12"/>
    </row>
    <row r="134556" spans="8:8">
      <c r="H134556" s="12"/>
    </row>
    <row r="134557" spans="8:8">
      <c r="H134557" s="12"/>
    </row>
    <row r="134558" spans="8:8">
      <c r="H134558" s="12"/>
    </row>
    <row r="134559" spans="8:8">
      <c r="H134559" s="12"/>
    </row>
    <row r="134560" spans="8:8">
      <c r="H134560" s="12"/>
    </row>
    <row r="134561" spans="8:8">
      <c r="H134561" s="12"/>
    </row>
    <row r="134562" spans="8:8">
      <c r="H134562" s="12"/>
    </row>
    <row r="134563" spans="8:8">
      <c r="H134563" s="12"/>
    </row>
    <row r="134564" spans="8:8">
      <c r="H134564" s="12"/>
    </row>
    <row r="134565" spans="8:8">
      <c r="H134565" s="12"/>
    </row>
    <row r="134566" spans="8:8">
      <c r="H134566" s="12"/>
    </row>
    <row r="134567" spans="8:8">
      <c r="H134567" s="12"/>
    </row>
    <row r="134568" spans="8:8">
      <c r="H134568" s="12"/>
    </row>
    <row r="134569" spans="8:8">
      <c r="H134569" s="12"/>
    </row>
    <row r="134570" spans="8:8">
      <c r="H134570" s="12"/>
    </row>
    <row r="134571" spans="8:8">
      <c r="H134571" s="12"/>
    </row>
    <row r="134572" spans="8:8">
      <c r="H134572" s="12"/>
    </row>
    <row r="134573" spans="8:8">
      <c r="H134573" s="12"/>
    </row>
    <row r="134574" spans="8:8">
      <c r="H134574" s="12"/>
    </row>
    <row r="134575" spans="8:8">
      <c r="H134575" s="12"/>
    </row>
    <row r="134576" spans="8:8">
      <c r="H134576" s="12"/>
    </row>
    <row r="134577" spans="8:8">
      <c r="H134577" s="12"/>
    </row>
    <row r="134578" spans="8:8">
      <c r="H134578" s="12"/>
    </row>
    <row r="134579" spans="8:8">
      <c r="H134579" s="12"/>
    </row>
    <row r="134580" spans="8:8">
      <c r="H134580" s="12"/>
    </row>
    <row r="134581" spans="8:8">
      <c r="H134581" s="12"/>
    </row>
    <row r="134582" spans="8:8">
      <c r="H134582" s="12"/>
    </row>
    <row r="134583" spans="8:8">
      <c r="H134583" s="12"/>
    </row>
    <row r="134584" spans="8:8">
      <c r="H134584" s="12"/>
    </row>
    <row r="134585" spans="8:8">
      <c r="H134585" s="12"/>
    </row>
    <row r="134586" spans="8:8">
      <c r="H134586" s="12"/>
    </row>
    <row r="134587" spans="8:8">
      <c r="H134587" s="12"/>
    </row>
    <row r="134588" spans="8:8">
      <c r="H134588" s="12"/>
    </row>
    <row r="134589" spans="8:8">
      <c r="H134589" s="12"/>
    </row>
    <row r="134590" spans="8:8">
      <c r="H134590" s="12"/>
    </row>
    <row r="134591" spans="8:8">
      <c r="H134591" s="12"/>
    </row>
    <row r="134592" spans="8:8">
      <c r="H134592" s="12"/>
    </row>
    <row r="134593" spans="8:8">
      <c r="H134593" s="12"/>
    </row>
    <row r="134594" spans="8:8">
      <c r="H134594" s="12"/>
    </row>
    <row r="134595" spans="8:8">
      <c r="H134595" s="12"/>
    </row>
    <row r="134596" spans="8:8">
      <c r="H134596" s="12"/>
    </row>
    <row r="134597" spans="8:8">
      <c r="H134597" s="12"/>
    </row>
    <row r="134598" spans="8:8">
      <c r="H134598" s="12"/>
    </row>
    <row r="134599" spans="8:8">
      <c r="H134599" s="12"/>
    </row>
    <row r="134600" spans="8:8">
      <c r="H134600" s="12"/>
    </row>
    <row r="134601" spans="8:8">
      <c r="H134601" s="12"/>
    </row>
    <row r="134602" spans="8:8">
      <c r="H134602" s="12"/>
    </row>
    <row r="134603" spans="8:8">
      <c r="H134603" s="12"/>
    </row>
    <row r="134604" spans="8:8">
      <c r="H134604" s="12"/>
    </row>
    <row r="134605" spans="8:8">
      <c r="H134605" s="12"/>
    </row>
    <row r="134606" spans="8:8">
      <c r="H134606" s="12"/>
    </row>
    <row r="134607" spans="8:8">
      <c r="H134607" s="12"/>
    </row>
    <row r="134608" spans="8:8">
      <c r="H134608" s="12"/>
    </row>
    <row r="134609" spans="8:8">
      <c r="H134609" s="12"/>
    </row>
    <row r="134610" spans="8:8">
      <c r="H134610" s="12"/>
    </row>
    <row r="134611" spans="8:8">
      <c r="H134611" s="12"/>
    </row>
    <row r="134612" spans="8:8">
      <c r="H134612" s="12"/>
    </row>
    <row r="134613" spans="8:8">
      <c r="H134613" s="12"/>
    </row>
    <row r="134614" spans="8:8">
      <c r="H134614" s="12"/>
    </row>
    <row r="134615" spans="8:8">
      <c r="H134615" s="12"/>
    </row>
    <row r="134616" spans="8:8">
      <c r="H134616" s="12"/>
    </row>
    <row r="134617" spans="8:8">
      <c r="H134617" s="12"/>
    </row>
    <row r="134618" spans="8:8">
      <c r="H134618" s="12"/>
    </row>
    <row r="134619" spans="8:8">
      <c r="H134619" s="12"/>
    </row>
    <row r="134620" spans="8:8">
      <c r="H134620" s="12"/>
    </row>
    <row r="134621" spans="8:8">
      <c r="H134621" s="12"/>
    </row>
    <row r="134622" spans="8:8">
      <c r="H134622" s="12"/>
    </row>
    <row r="134623" spans="8:8">
      <c r="H134623" s="12"/>
    </row>
    <row r="134624" spans="8:8">
      <c r="H134624" s="12"/>
    </row>
    <row r="134625" spans="8:8">
      <c r="H134625" s="12"/>
    </row>
    <row r="134626" spans="8:8">
      <c r="H134626" s="12"/>
    </row>
    <row r="134627" spans="8:8">
      <c r="H134627" s="12"/>
    </row>
    <row r="134628" spans="8:8">
      <c r="H134628" s="12"/>
    </row>
    <row r="134629" spans="8:8">
      <c r="H134629" s="12"/>
    </row>
    <row r="134630" spans="8:8">
      <c r="H134630" s="12"/>
    </row>
    <row r="134631" spans="8:8">
      <c r="H134631" s="12"/>
    </row>
    <row r="134632" spans="8:8">
      <c r="H134632" s="12"/>
    </row>
    <row r="134633" spans="8:8">
      <c r="H134633" s="12"/>
    </row>
    <row r="134634" spans="8:8">
      <c r="H134634" s="12"/>
    </row>
    <row r="134635" spans="8:8">
      <c r="H134635" s="12"/>
    </row>
    <row r="134636" spans="8:8">
      <c r="H134636" s="12"/>
    </row>
    <row r="134637" spans="8:8">
      <c r="H134637" s="12"/>
    </row>
    <row r="134638" spans="8:8">
      <c r="H134638" s="12"/>
    </row>
    <row r="134639" spans="8:8">
      <c r="H134639" s="12"/>
    </row>
    <row r="134640" spans="8:8">
      <c r="H134640" s="12"/>
    </row>
    <row r="134641" spans="8:8">
      <c r="H134641" s="12"/>
    </row>
    <row r="134642" spans="8:8">
      <c r="H134642" s="12"/>
    </row>
    <row r="134643" spans="8:8">
      <c r="H134643" s="12"/>
    </row>
    <row r="134644" spans="8:8">
      <c r="H134644" s="12"/>
    </row>
    <row r="134645" spans="8:8">
      <c r="H134645" s="12"/>
    </row>
    <row r="134646" spans="8:8">
      <c r="H134646" s="12"/>
    </row>
    <row r="134647" spans="8:8">
      <c r="H134647" s="12"/>
    </row>
    <row r="134648" spans="8:8">
      <c r="H134648" s="12"/>
    </row>
    <row r="134649" spans="8:8">
      <c r="H134649" s="12"/>
    </row>
    <row r="134650" spans="8:8">
      <c r="H134650" s="12"/>
    </row>
    <row r="134651" spans="8:8">
      <c r="H134651" s="12"/>
    </row>
    <row r="134652" spans="8:8">
      <c r="H134652" s="12"/>
    </row>
    <row r="134653" spans="8:8">
      <c r="H134653" s="12"/>
    </row>
    <row r="134654" spans="8:8">
      <c r="H134654" s="12"/>
    </row>
    <row r="134655" spans="8:8">
      <c r="H134655" s="12"/>
    </row>
    <row r="134656" spans="8:8">
      <c r="H134656" s="12"/>
    </row>
    <row r="134657" spans="8:8">
      <c r="H134657" s="12"/>
    </row>
    <row r="134658" spans="8:8">
      <c r="H134658" s="12"/>
    </row>
    <row r="134659" spans="8:8">
      <c r="H134659" s="12"/>
    </row>
    <row r="134660" spans="8:8">
      <c r="H134660" s="12"/>
    </row>
    <row r="134661" spans="8:8">
      <c r="H134661" s="12"/>
    </row>
    <row r="134662" spans="8:8">
      <c r="H134662" s="12"/>
    </row>
    <row r="134663" spans="8:8">
      <c r="H134663" s="12"/>
    </row>
    <row r="134664" spans="8:8">
      <c r="H134664" s="12"/>
    </row>
    <row r="134665" spans="8:8">
      <c r="H134665" s="12"/>
    </row>
    <row r="134666" spans="8:8">
      <c r="H134666" s="12"/>
    </row>
    <row r="134667" spans="8:8">
      <c r="H134667" s="12"/>
    </row>
    <row r="134668" spans="8:8">
      <c r="H134668" s="12"/>
    </row>
    <row r="134669" spans="8:8">
      <c r="H134669" s="12"/>
    </row>
    <row r="134670" spans="8:8">
      <c r="H134670" s="12"/>
    </row>
    <row r="134671" spans="8:8">
      <c r="H134671" s="12"/>
    </row>
    <row r="134672" spans="8:8">
      <c r="H134672" s="12"/>
    </row>
    <row r="134673" spans="8:8">
      <c r="H134673" s="12"/>
    </row>
    <row r="134674" spans="8:8">
      <c r="H134674" s="12"/>
    </row>
    <row r="134675" spans="8:8">
      <c r="H134675" s="12"/>
    </row>
    <row r="134676" spans="8:8">
      <c r="H134676" s="12"/>
    </row>
    <row r="134677" spans="8:8">
      <c r="H134677" s="12"/>
    </row>
    <row r="134678" spans="8:8">
      <c r="H134678" s="12"/>
    </row>
    <row r="134679" spans="8:8">
      <c r="H134679" s="12"/>
    </row>
    <row r="134680" spans="8:8">
      <c r="H134680" s="12"/>
    </row>
    <row r="134681" spans="8:8">
      <c r="H134681" s="12"/>
    </row>
    <row r="134682" spans="8:8">
      <c r="H134682" s="12"/>
    </row>
    <row r="134683" spans="8:8">
      <c r="H134683" s="12"/>
    </row>
    <row r="134684" spans="8:8">
      <c r="H134684" s="12"/>
    </row>
    <row r="134685" spans="8:8">
      <c r="H134685" s="12"/>
    </row>
    <row r="134686" spans="8:8">
      <c r="H134686" s="12"/>
    </row>
    <row r="134687" spans="8:8">
      <c r="H134687" s="12"/>
    </row>
    <row r="134688" spans="8:8">
      <c r="H134688" s="12"/>
    </row>
    <row r="134689" spans="8:8">
      <c r="H134689" s="12"/>
    </row>
    <row r="134690" spans="8:8">
      <c r="H134690" s="12"/>
    </row>
    <row r="134691" spans="8:8">
      <c r="H134691" s="12"/>
    </row>
    <row r="134692" spans="8:8">
      <c r="H134692" s="12"/>
    </row>
    <row r="134693" spans="8:8">
      <c r="H134693" s="12"/>
    </row>
    <row r="134694" spans="8:8">
      <c r="H134694" s="12"/>
    </row>
    <row r="134695" spans="8:8">
      <c r="H134695" s="12"/>
    </row>
    <row r="134696" spans="8:8">
      <c r="H134696" s="12"/>
    </row>
    <row r="134697" spans="8:8">
      <c r="H134697" s="12"/>
    </row>
    <row r="134698" spans="8:8">
      <c r="H134698" s="12"/>
    </row>
    <row r="134699" spans="8:8">
      <c r="H134699" s="12"/>
    </row>
    <row r="134700" spans="8:8">
      <c r="H134700" s="12"/>
    </row>
    <row r="134701" spans="8:8">
      <c r="H134701" s="12"/>
    </row>
    <row r="134702" spans="8:8">
      <c r="H134702" s="12"/>
    </row>
    <row r="134703" spans="8:8">
      <c r="H134703" s="12"/>
    </row>
    <row r="134704" spans="8:8">
      <c r="H134704" s="12"/>
    </row>
    <row r="134705" spans="8:8">
      <c r="H134705" s="12"/>
    </row>
    <row r="134706" spans="8:8">
      <c r="H134706" s="12"/>
    </row>
    <row r="134707" spans="8:8">
      <c r="H134707" s="12"/>
    </row>
    <row r="134708" spans="8:8">
      <c r="H134708" s="12"/>
    </row>
    <row r="134709" spans="8:8">
      <c r="H134709" s="12"/>
    </row>
    <row r="134710" spans="8:8">
      <c r="H134710" s="12"/>
    </row>
    <row r="134711" spans="8:8">
      <c r="H134711" s="12"/>
    </row>
    <row r="134712" spans="8:8">
      <c r="H134712" s="12"/>
    </row>
    <row r="134713" spans="8:8">
      <c r="H134713" s="12"/>
    </row>
    <row r="134714" spans="8:8">
      <c r="H134714" s="12"/>
    </row>
    <row r="134715" spans="8:8">
      <c r="H134715" s="12"/>
    </row>
    <row r="134716" spans="8:8">
      <c r="H134716" s="12"/>
    </row>
    <row r="134717" spans="8:8">
      <c r="H134717" s="12"/>
    </row>
    <row r="134718" spans="8:8">
      <c r="H134718" s="12"/>
    </row>
    <row r="134719" spans="8:8">
      <c r="H134719" s="12"/>
    </row>
    <row r="134720" spans="8:8">
      <c r="H134720" s="12"/>
    </row>
    <row r="134721" spans="8:8">
      <c r="H134721" s="12"/>
    </row>
    <row r="134722" spans="8:8">
      <c r="H134722" s="12"/>
    </row>
    <row r="134723" spans="8:8">
      <c r="H134723" s="12"/>
    </row>
    <row r="134724" spans="8:8">
      <c r="H134724" s="12"/>
    </row>
    <row r="134725" spans="8:8">
      <c r="H134725" s="12"/>
    </row>
    <row r="134726" spans="8:8">
      <c r="H134726" s="12"/>
    </row>
    <row r="134727" spans="8:8">
      <c r="H134727" s="12"/>
    </row>
    <row r="134728" spans="8:8">
      <c r="H134728" s="12"/>
    </row>
    <row r="134729" spans="8:8">
      <c r="H134729" s="12"/>
    </row>
    <row r="134730" spans="8:8">
      <c r="H134730" s="12"/>
    </row>
    <row r="134731" spans="8:8">
      <c r="H134731" s="12"/>
    </row>
    <row r="134732" spans="8:8">
      <c r="H134732" s="12"/>
    </row>
    <row r="134733" spans="8:8">
      <c r="H134733" s="12"/>
    </row>
    <row r="134734" spans="8:8">
      <c r="H134734" s="12"/>
    </row>
    <row r="134735" spans="8:8">
      <c r="H134735" s="12"/>
    </row>
    <row r="134736" spans="8:8">
      <c r="H134736" s="12"/>
    </row>
    <row r="134737" spans="8:8">
      <c r="H134737" s="12"/>
    </row>
    <row r="134738" spans="8:8">
      <c r="H134738" s="12"/>
    </row>
    <row r="134739" spans="8:8">
      <c r="H134739" s="12"/>
    </row>
    <row r="134740" spans="8:8">
      <c r="H134740" s="12"/>
    </row>
    <row r="134741" spans="8:8">
      <c r="H134741" s="12"/>
    </row>
    <row r="134742" spans="8:8">
      <c r="H134742" s="12"/>
    </row>
    <row r="134743" spans="8:8">
      <c r="H134743" s="12"/>
    </row>
    <row r="134744" spans="8:8">
      <c r="H134744" s="12"/>
    </row>
    <row r="134745" spans="8:8">
      <c r="H134745" s="12"/>
    </row>
    <row r="134746" spans="8:8">
      <c r="H134746" s="12"/>
    </row>
    <row r="134747" spans="8:8">
      <c r="H134747" s="12"/>
    </row>
    <row r="134748" spans="8:8">
      <c r="H134748" s="12"/>
    </row>
    <row r="134749" spans="8:8">
      <c r="H134749" s="12"/>
    </row>
    <row r="134750" spans="8:8">
      <c r="H134750" s="12"/>
    </row>
    <row r="134751" spans="8:8">
      <c r="H134751" s="12"/>
    </row>
    <row r="134752" spans="8:8">
      <c r="H134752" s="12"/>
    </row>
    <row r="134753" spans="8:8">
      <c r="H134753" s="12"/>
    </row>
    <row r="134754" spans="8:8">
      <c r="H134754" s="12"/>
    </row>
    <row r="134755" spans="8:8">
      <c r="H134755" s="12"/>
    </row>
    <row r="134756" spans="8:8">
      <c r="H134756" s="12"/>
    </row>
    <row r="134757" spans="8:8">
      <c r="H134757" s="12"/>
    </row>
    <row r="134758" spans="8:8">
      <c r="H134758" s="12"/>
    </row>
    <row r="134759" spans="8:8">
      <c r="H134759" s="12"/>
    </row>
    <row r="134760" spans="8:8">
      <c r="H134760" s="12"/>
    </row>
    <row r="134761" spans="8:8">
      <c r="H134761" s="12"/>
    </row>
    <row r="134762" spans="8:8">
      <c r="H134762" s="12"/>
    </row>
    <row r="134763" spans="8:8">
      <c r="H134763" s="12"/>
    </row>
    <row r="134764" spans="8:8">
      <c r="H134764" s="12"/>
    </row>
    <row r="134765" spans="8:8">
      <c r="H134765" s="12"/>
    </row>
    <row r="134766" spans="8:8">
      <c r="H134766" s="12"/>
    </row>
    <row r="134767" spans="8:8">
      <c r="H134767" s="12"/>
    </row>
    <row r="134768" spans="8:8">
      <c r="H134768" s="12"/>
    </row>
    <row r="134769" spans="8:8">
      <c r="H134769" s="12"/>
    </row>
    <row r="134770" spans="8:8">
      <c r="H134770" s="12"/>
    </row>
    <row r="134771" spans="8:8">
      <c r="H134771" s="12"/>
    </row>
    <row r="134772" spans="8:8">
      <c r="H134772" s="12"/>
    </row>
    <row r="134773" spans="8:8">
      <c r="H134773" s="12"/>
    </row>
    <row r="134774" spans="8:8">
      <c r="H134774" s="12"/>
    </row>
    <row r="134775" spans="8:8">
      <c r="H134775" s="12"/>
    </row>
    <row r="134776" spans="8:8">
      <c r="H134776" s="12"/>
    </row>
    <row r="134777" spans="8:8">
      <c r="H134777" s="12"/>
    </row>
    <row r="134778" spans="8:8">
      <c r="H134778" s="12"/>
    </row>
    <row r="134779" spans="8:8">
      <c r="H134779" s="12"/>
    </row>
    <row r="134780" spans="8:8">
      <c r="H134780" s="12"/>
    </row>
    <row r="134781" spans="8:8">
      <c r="H134781" s="12"/>
    </row>
    <row r="134782" spans="8:8">
      <c r="H134782" s="12"/>
    </row>
    <row r="134783" spans="8:8">
      <c r="H134783" s="12"/>
    </row>
    <row r="134784" spans="8:8">
      <c r="H134784" s="12"/>
    </row>
    <row r="134785" spans="8:8">
      <c r="H134785" s="12"/>
    </row>
    <row r="134786" spans="8:8">
      <c r="H134786" s="12"/>
    </row>
    <row r="134787" spans="8:8">
      <c r="H134787" s="12"/>
    </row>
    <row r="134788" spans="8:8">
      <c r="H134788" s="12"/>
    </row>
    <row r="134789" spans="8:8">
      <c r="H134789" s="12"/>
    </row>
    <row r="134790" spans="8:8">
      <c r="H134790" s="12"/>
    </row>
    <row r="134791" spans="8:8">
      <c r="H134791" s="12"/>
    </row>
    <row r="134792" spans="8:8">
      <c r="H134792" s="12"/>
    </row>
    <row r="134793" spans="8:8">
      <c r="H134793" s="12"/>
    </row>
    <row r="134794" spans="8:8">
      <c r="H134794" s="12"/>
    </row>
    <row r="134795" spans="8:8">
      <c r="H134795" s="12"/>
    </row>
    <row r="134796" spans="8:8">
      <c r="H134796" s="12"/>
    </row>
    <row r="134797" spans="8:8">
      <c r="H134797" s="12"/>
    </row>
    <row r="134798" spans="8:8">
      <c r="H134798" s="12"/>
    </row>
    <row r="134799" spans="8:8">
      <c r="H134799" s="12"/>
    </row>
    <row r="134800" spans="8:8">
      <c r="H134800" s="12"/>
    </row>
    <row r="134801" spans="8:8">
      <c r="H134801" s="12"/>
    </row>
    <row r="134802" spans="8:8">
      <c r="H134802" s="12"/>
    </row>
    <row r="134803" spans="8:8">
      <c r="H134803" s="12"/>
    </row>
    <row r="134804" spans="8:8">
      <c r="H134804" s="12"/>
    </row>
    <row r="134805" spans="8:8">
      <c r="H134805" s="12"/>
    </row>
    <row r="134806" spans="8:8">
      <c r="H134806" s="12"/>
    </row>
    <row r="134807" spans="8:8">
      <c r="H134807" s="12"/>
    </row>
    <row r="134808" spans="8:8">
      <c r="H134808" s="12"/>
    </row>
    <row r="134809" spans="8:8">
      <c r="H134809" s="12"/>
    </row>
    <row r="134810" spans="8:8">
      <c r="H134810" s="12"/>
    </row>
    <row r="134811" spans="8:8">
      <c r="H134811" s="12"/>
    </row>
    <row r="134812" spans="8:8">
      <c r="H134812" s="12"/>
    </row>
    <row r="134813" spans="8:8">
      <c r="H134813" s="12"/>
    </row>
    <row r="134814" spans="8:8">
      <c r="H134814" s="12"/>
    </row>
    <row r="134815" spans="8:8">
      <c r="H134815" s="12"/>
    </row>
    <row r="134816" spans="8:8">
      <c r="H134816" s="12"/>
    </row>
    <row r="134817" spans="8:8">
      <c r="H134817" s="12"/>
    </row>
    <row r="134818" spans="8:8">
      <c r="H134818" s="12"/>
    </row>
    <row r="134819" spans="8:8">
      <c r="H134819" s="12"/>
    </row>
    <row r="134820" spans="8:8">
      <c r="H134820" s="12"/>
    </row>
    <row r="134821" spans="8:8">
      <c r="H134821" s="12"/>
    </row>
    <row r="134822" spans="8:8">
      <c r="H134822" s="12"/>
    </row>
    <row r="134823" spans="8:8">
      <c r="H134823" s="12"/>
    </row>
    <row r="134824" spans="8:8">
      <c r="H134824" s="12"/>
    </row>
    <row r="134825" spans="8:8">
      <c r="H134825" s="12"/>
    </row>
    <row r="134826" spans="8:8">
      <c r="H134826" s="12"/>
    </row>
    <row r="134827" spans="8:8">
      <c r="H134827" s="12"/>
    </row>
    <row r="134828" spans="8:8">
      <c r="H134828" s="12"/>
    </row>
    <row r="134829" spans="8:8">
      <c r="H134829" s="12"/>
    </row>
    <row r="134830" spans="8:8">
      <c r="H134830" s="12"/>
    </row>
    <row r="134831" spans="8:8">
      <c r="H134831" s="12"/>
    </row>
    <row r="134832" spans="8:8">
      <c r="H134832" s="12"/>
    </row>
    <row r="134833" spans="8:8">
      <c r="H134833" s="12"/>
    </row>
    <row r="134834" spans="8:8">
      <c r="H134834" s="12"/>
    </row>
    <row r="134835" spans="8:8">
      <c r="H134835" s="12"/>
    </row>
    <row r="134836" spans="8:8">
      <c r="H134836" s="12"/>
    </row>
    <row r="134837" spans="8:8">
      <c r="H134837" s="12"/>
    </row>
    <row r="134838" spans="8:8">
      <c r="H134838" s="12"/>
    </row>
    <row r="134839" spans="8:8">
      <c r="H134839" s="12"/>
    </row>
    <row r="134840" spans="8:8">
      <c r="H134840" s="12"/>
    </row>
    <row r="134841" spans="8:8">
      <c r="H134841" s="12"/>
    </row>
    <row r="134842" spans="8:8">
      <c r="H134842" s="12"/>
    </row>
    <row r="134843" spans="8:8">
      <c r="H134843" s="12"/>
    </row>
    <row r="134844" spans="8:8">
      <c r="H134844" s="12"/>
    </row>
    <row r="134845" spans="8:8">
      <c r="H134845" s="12"/>
    </row>
    <row r="134846" spans="8:8">
      <c r="H134846" s="12"/>
    </row>
    <row r="134847" spans="8:8">
      <c r="H134847" s="12"/>
    </row>
    <row r="134848" spans="8:8">
      <c r="H134848" s="12"/>
    </row>
    <row r="134849" spans="8:8">
      <c r="H134849" s="12"/>
    </row>
    <row r="134850" spans="8:8">
      <c r="H134850" s="12"/>
    </row>
    <row r="134851" spans="8:8">
      <c r="H134851" s="12"/>
    </row>
    <row r="134852" spans="8:8">
      <c r="H134852" s="12"/>
    </row>
    <row r="134853" spans="8:8">
      <c r="H134853" s="12"/>
    </row>
    <row r="134854" spans="8:8">
      <c r="H134854" s="12"/>
    </row>
    <row r="134855" spans="8:8">
      <c r="H134855" s="12"/>
    </row>
    <row r="134856" spans="8:8">
      <c r="H134856" s="12"/>
    </row>
    <row r="134857" spans="8:8">
      <c r="H134857" s="12"/>
    </row>
    <row r="134858" spans="8:8">
      <c r="H134858" s="12"/>
    </row>
    <row r="134859" spans="8:8">
      <c r="H134859" s="12"/>
    </row>
    <row r="134860" spans="8:8">
      <c r="H134860" s="12"/>
    </row>
    <row r="134861" spans="8:8">
      <c r="H134861" s="12"/>
    </row>
    <row r="134862" spans="8:8">
      <c r="H134862" s="12"/>
    </row>
    <row r="134863" spans="8:8">
      <c r="H134863" s="12"/>
    </row>
    <row r="134864" spans="8:8">
      <c r="H134864" s="12"/>
    </row>
    <row r="134865" spans="8:8">
      <c r="H134865" s="12"/>
    </row>
    <row r="134866" spans="8:8">
      <c r="H134866" s="12"/>
    </row>
    <row r="134867" spans="8:8">
      <c r="H134867" s="12"/>
    </row>
    <row r="134868" spans="8:8">
      <c r="H134868" s="12"/>
    </row>
    <row r="134869" spans="8:8">
      <c r="H134869" s="12"/>
    </row>
    <row r="134870" spans="8:8">
      <c r="H134870" s="12"/>
    </row>
    <row r="134871" spans="8:8">
      <c r="H134871" s="12"/>
    </row>
    <row r="134872" spans="8:8">
      <c r="H134872" s="12"/>
    </row>
    <row r="134873" spans="8:8">
      <c r="H134873" s="12"/>
    </row>
    <row r="134874" spans="8:8">
      <c r="H134874" s="12"/>
    </row>
    <row r="134875" spans="8:8">
      <c r="H134875" s="12"/>
    </row>
    <row r="134876" spans="8:8">
      <c r="H134876" s="12"/>
    </row>
    <row r="134877" spans="8:8">
      <c r="H134877" s="12"/>
    </row>
    <row r="134878" spans="8:8">
      <c r="H134878" s="12"/>
    </row>
    <row r="134879" spans="8:8">
      <c r="H134879" s="12"/>
    </row>
    <row r="134880" spans="8:8">
      <c r="H134880" s="12"/>
    </row>
    <row r="134881" spans="8:8">
      <c r="H134881" s="12"/>
    </row>
    <row r="134882" spans="8:8">
      <c r="H134882" s="12"/>
    </row>
    <row r="134883" spans="8:8">
      <c r="H134883" s="12"/>
    </row>
    <row r="134884" spans="8:8">
      <c r="H134884" s="12"/>
    </row>
    <row r="134885" spans="8:8">
      <c r="H134885" s="12"/>
    </row>
    <row r="134886" spans="8:8">
      <c r="H134886" s="12"/>
    </row>
    <row r="134887" spans="8:8">
      <c r="H134887" s="12"/>
    </row>
    <row r="134888" spans="8:8">
      <c r="H134888" s="12"/>
    </row>
    <row r="134889" spans="8:8">
      <c r="H134889" s="12"/>
    </row>
    <row r="134890" spans="8:8">
      <c r="H134890" s="12"/>
    </row>
    <row r="134891" spans="8:8">
      <c r="H134891" s="12"/>
    </row>
    <row r="134892" spans="8:8">
      <c r="H134892" s="12"/>
    </row>
    <row r="134893" spans="8:8">
      <c r="H134893" s="12"/>
    </row>
    <row r="134894" spans="8:8">
      <c r="H134894" s="12"/>
    </row>
    <row r="134895" spans="8:8">
      <c r="H134895" s="12"/>
    </row>
    <row r="134896" spans="8:8">
      <c r="H134896" s="12"/>
    </row>
    <row r="134897" spans="8:8">
      <c r="H134897" s="12"/>
    </row>
    <row r="134898" spans="8:8">
      <c r="H134898" s="12"/>
    </row>
    <row r="134899" spans="8:8">
      <c r="H134899" s="12"/>
    </row>
    <row r="134900" spans="8:8">
      <c r="H134900" s="12"/>
    </row>
    <row r="134901" spans="8:8">
      <c r="H134901" s="12"/>
    </row>
    <row r="134902" spans="8:8">
      <c r="H134902" s="12"/>
    </row>
    <row r="134903" spans="8:8">
      <c r="H134903" s="12"/>
    </row>
    <row r="134904" spans="8:8">
      <c r="H134904" s="12"/>
    </row>
    <row r="134905" spans="8:8">
      <c r="H134905" s="12"/>
    </row>
    <row r="134906" spans="8:8">
      <c r="H134906" s="12"/>
    </row>
    <row r="134907" spans="8:8">
      <c r="H134907" s="12"/>
    </row>
    <row r="134908" spans="8:8">
      <c r="H134908" s="12"/>
    </row>
    <row r="134909" spans="8:8">
      <c r="H134909" s="12"/>
    </row>
    <row r="134910" spans="8:8">
      <c r="H134910" s="12"/>
    </row>
    <row r="134911" spans="8:8">
      <c r="H134911" s="12"/>
    </row>
    <row r="134912" spans="8:8">
      <c r="H134912" s="12"/>
    </row>
    <row r="134913" spans="8:8">
      <c r="H134913" s="12"/>
    </row>
    <row r="134914" spans="8:8">
      <c r="H134914" s="12"/>
    </row>
    <row r="134915" spans="8:8">
      <c r="H134915" s="12"/>
    </row>
    <row r="134916" spans="8:8">
      <c r="H134916" s="12"/>
    </row>
    <row r="134917" spans="8:8">
      <c r="H134917" s="12"/>
    </row>
    <row r="134918" spans="8:8">
      <c r="H134918" s="12"/>
    </row>
    <row r="134919" spans="8:8">
      <c r="H134919" s="12"/>
    </row>
    <row r="134920" spans="8:8">
      <c r="H134920" s="12"/>
    </row>
    <row r="134921" spans="8:8">
      <c r="H134921" s="12"/>
    </row>
    <row r="134922" spans="8:8">
      <c r="H134922" s="12"/>
    </row>
    <row r="134923" spans="8:8">
      <c r="H134923" s="12"/>
    </row>
    <row r="134924" spans="8:8">
      <c r="H134924" s="12"/>
    </row>
    <row r="134925" spans="8:8">
      <c r="H134925" s="12"/>
    </row>
    <row r="134926" spans="8:8">
      <c r="H134926" s="12"/>
    </row>
    <row r="134927" spans="8:8">
      <c r="H134927" s="12"/>
    </row>
    <row r="134928" spans="8:8">
      <c r="H134928" s="12"/>
    </row>
    <row r="134929" spans="8:8">
      <c r="H134929" s="12"/>
    </row>
    <row r="134930" spans="8:8">
      <c r="H134930" s="12"/>
    </row>
    <row r="134931" spans="8:8">
      <c r="H134931" s="12"/>
    </row>
    <row r="134932" spans="8:8">
      <c r="H134932" s="12"/>
    </row>
    <row r="134933" spans="8:8">
      <c r="H134933" s="12"/>
    </row>
    <row r="134934" spans="8:8">
      <c r="H134934" s="12"/>
    </row>
    <row r="134935" spans="8:8">
      <c r="H134935" s="12"/>
    </row>
    <row r="134936" spans="8:8">
      <c r="H134936" s="12"/>
    </row>
    <row r="134937" spans="8:8">
      <c r="H134937" s="12"/>
    </row>
    <row r="134938" spans="8:8">
      <c r="H134938" s="12"/>
    </row>
    <row r="134939" spans="8:8">
      <c r="H134939" s="12"/>
    </row>
    <row r="134940" spans="8:8">
      <c r="H134940" s="12"/>
    </row>
    <row r="134941" spans="8:8">
      <c r="H134941" s="12"/>
    </row>
    <row r="134942" spans="8:8">
      <c r="H134942" s="12"/>
    </row>
    <row r="134943" spans="8:8">
      <c r="H134943" s="12"/>
    </row>
    <row r="134944" spans="8:8">
      <c r="H134944" s="12"/>
    </row>
    <row r="134945" spans="8:8">
      <c r="H134945" s="12"/>
    </row>
    <row r="134946" spans="8:8">
      <c r="H134946" s="12"/>
    </row>
    <row r="134947" spans="8:8">
      <c r="H134947" s="12"/>
    </row>
    <row r="134948" spans="8:8">
      <c r="H134948" s="12"/>
    </row>
    <row r="134949" spans="8:8">
      <c r="H134949" s="12"/>
    </row>
    <row r="134950" spans="8:8">
      <c r="H134950" s="12"/>
    </row>
    <row r="134951" spans="8:8">
      <c r="H134951" s="12"/>
    </row>
    <row r="134952" spans="8:8">
      <c r="H134952" s="12"/>
    </row>
    <row r="134953" spans="8:8">
      <c r="H134953" s="12"/>
    </row>
    <row r="134954" spans="8:8">
      <c r="H134954" s="12"/>
    </row>
    <row r="134955" spans="8:8">
      <c r="H134955" s="12"/>
    </row>
    <row r="134956" spans="8:8">
      <c r="H134956" s="12"/>
    </row>
    <row r="134957" spans="8:8">
      <c r="H134957" s="12"/>
    </row>
    <row r="134958" spans="8:8">
      <c r="H134958" s="12"/>
    </row>
    <row r="134959" spans="8:8">
      <c r="H134959" s="12"/>
    </row>
    <row r="134960" spans="8:8">
      <c r="H134960" s="12"/>
    </row>
    <row r="134961" spans="8:8">
      <c r="H134961" s="12"/>
    </row>
    <row r="134962" spans="8:8">
      <c r="H134962" s="12"/>
    </row>
    <row r="134963" spans="8:8">
      <c r="H134963" s="12"/>
    </row>
    <row r="134964" spans="8:8">
      <c r="H134964" s="12"/>
    </row>
    <row r="134965" spans="8:8">
      <c r="H134965" s="12"/>
    </row>
    <row r="134966" spans="8:8">
      <c r="H134966" s="12"/>
    </row>
    <row r="134967" spans="8:8">
      <c r="H134967" s="12"/>
    </row>
    <row r="134968" spans="8:8">
      <c r="H134968" s="12"/>
    </row>
    <row r="134969" spans="8:8">
      <c r="H134969" s="12"/>
    </row>
    <row r="134970" spans="8:8">
      <c r="H134970" s="12"/>
    </row>
    <row r="134971" spans="8:8">
      <c r="H134971" s="12"/>
    </row>
    <row r="134972" spans="8:8">
      <c r="H134972" s="12"/>
    </row>
    <row r="134973" spans="8:8">
      <c r="H134973" s="12"/>
    </row>
    <row r="134974" spans="8:8">
      <c r="H134974" s="12"/>
    </row>
    <row r="134975" spans="8:8">
      <c r="H134975" s="12"/>
    </row>
    <row r="134976" spans="8:8">
      <c r="H134976" s="12"/>
    </row>
    <row r="134977" spans="8:8">
      <c r="H134977" s="12"/>
    </row>
    <row r="134978" spans="8:8">
      <c r="H134978" s="12"/>
    </row>
    <row r="134979" spans="8:8">
      <c r="H134979" s="12"/>
    </row>
    <row r="134980" spans="8:8">
      <c r="H134980" s="12"/>
    </row>
    <row r="134981" spans="8:8">
      <c r="H134981" s="12"/>
    </row>
    <row r="134982" spans="8:8">
      <c r="H134982" s="12"/>
    </row>
    <row r="134983" spans="8:8">
      <c r="H134983" s="12"/>
    </row>
    <row r="134984" spans="8:8">
      <c r="H134984" s="12"/>
    </row>
    <row r="134985" spans="8:8">
      <c r="H134985" s="12"/>
    </row>
    <row r="134986" spans="8:8">
      <c r="H134986" s="12"/>
    </row>
    <row r="134987" spans="8:8">
      <c r="H134987" s="12"/>
    </row>
    <row r="134988" spans="8:8">
      <c r="H134988" s="12"/>
    </row>
    <row r="134989" spans="8:8">
      <c r="H134989" s="12"/>
    </row>
    <row r="134990" spans="8:8">
      <c r="H134990" s="12"/>
    </row>
    <row r="134991" spans="8:8">
      <c r="H134991" s="12"/>
    </row>
    <row r="134992" spans="8:8">
      <c r="H134992" s="12"/>
    </row>
    <row r="134993" spans="8:8">
      <c r="H134993" s="12"/>
    </row>
    <row r="134994" spans="8:8">
      <c r="H134994" s="12"/>
    </row>
    <row r="134995" spans="8:8">
      <c r="H134995" s="12"/>
    </row>
    <row r="134996" spans="8:8">
      <c r="H134996" s="12"/>
    </row>
    <row r="134997" spans="8:8">
      <c r="H134997" s="12"/>
    </row>
    <row r="134998" spans="8:8">
      <c r="H134998" s="12"/>
    </row>
    <row r="134999" spans="8:8">
      <c r="H134999" s="12"/>
    </row>
    <row r="135000" spans="8:8">
      <c r="H135000" s="12"/>
    </row>
    <row r="135001" spans="8:8">
      <c r="H135001" s="12"/>
    </row>
    <row r="135002" spans="8:8">
      <c r="H135002" s="12"/>
    </row>
    <row r="135003" spans="8:8">
      <c r="H135003" s="12"/>
    </row>
    <row r="135004" spans="8:8">
      <c r="H135004" s="12"/>
    </row>
    <row r="135005" spans="8:8">
      <c r="H135005" s="12"/>
    </row>
    <row r="135006" spans="8:8">
      <c r="H135006" s="12"/>
    </row>
    <row r="135007" spans="8:8">
      <c r="H135007" s="12"/>
    </row>
    <row r="135008" spans="8:8">
      <c r="H135008" s="12"/>
    </row>
    <row r="135009" spans="8:8">
      <c r="H135009" s="12"/>
    </row>
    <row r="135010" spans="8:8">
      <c r="H135010" s="12"/>
    </row>
    <row r="135011" spans="8:8">
      <c r="H135011" s="12"/>
    </row>
    <row r="135012" spans="8:8">
      <c r="H135012" s="12"/>
    </row>
    <row r="135013" spans="8:8">
      <c r="H135013" s="12"/>
    </row>
    <row r="135014" spans="8:8">
      <c r="H135014" s="12"/>
    </row>
    <row r="135015" spans="8:8">
      <c r="H135015" s="12"/>
    </row>
    <row r="135016" spans="8:8">
      <c r="H135016" s="12"/>
    </row>
    <row r="135017" spans="8:8">
      <c r="H135017" s="12"/>
    </row>
    <row r="135018" spans="8:8">
      <c r="H135018" s="12"/>
    </row>
    <row r="135019" spans="8:8">
      <c r="H135019" s="12"/>
    </row>
    <row r="135020" spans="8:8">
      <c r="H135020" s="12"/>
    </row>
    <row r="135021" spans="8:8">
      <c r="H135021" s="12"/>
    </row>
    <row r="135022" spans="8:8">
      <c r="H135022" s="12"/>
    </row>
    <row r="135023" spans="8:8">
      <c r="H135023" s="12"/>
    </row>
    <row r="135024" spans="8:8">
      <c r="H135024" s="12"/>
    </row>
    <row r="135025" spans="8:8">
      <c r="H135025" s="12"/>
    </row>
    <row r="135026" spans="8:8">
      <c r="H135026" s="12"/>
    </row>
    <row r="135027" spans="8:8">
      <c r="H135027" s="12"/>
    </row>
    <row r="135028" spans="8:8">
      <c r="H135028" s="12"/>
    </row>
    <row r="135029" spans="8:8">
      <c r="H135029" s="12"/>
    </row>
    <row r="135030" spans="8:8">
      <c r="H135030" s="12"/>
    </row>
    <row r="135031" spans="8:8">
      <c r="H135031" s="12"/>
    </row>
    <row r="135032" spans="8:8">
      <c r="H135032" s="12"/>
    </row>
    <row r="135033" spans="8:8">
      <c r="H135033" s="12"/>
    </row>
    <row r="135034" spans="8:8">
      <c r="H135034" s="12"/>
    </row>
    <row r="135035" spans="8:8">
      <c r="H135035" s="12"/>
    </row>
    <row r="135036" spans="8:8">
      <c r="H135036" s="12"/>
    </row>
    <row r="135037" spans="8:8">
      <c r="H135037" s="12"/>
    </row>
    <row r="135038" spans="8:8">
      <c r="H135038" s="12"/>
    </row>
    <row r="135039" spans="8:8">
      <c r="H135039" s="12"/>
    </row>
    <row r="135040" spans="8:8">
      <c r="H135040" s="12"/>
    </row>
    <row r="135041" spans="8:8">
      <c r="H135041" s="12"/>
    </row>
    <row r="135042" spans="8:8">
      <c r="H135042" s="12"/>
    </row>
    <row r="135043" spans="8:8">
      <c r="H135043" s="12"/>
    </row>
    <row r="135044" spans="8:8">
      <c r="H135044" s="12"/>
    </row>
    <row r="135045" spans="8:8">
      <c r="H135045" s="12"/>
    </row>
    <row r="135046" spans="8:8">
      <c r="H135046" s="12"/>
    </row>
    <row r="135047" spans="8:8">
      <c r="H135047" s="12"/>
    </row>
    <row r="135048" spans="8:8">
      <c r="H135048" s="12"/>
    </row>
    <row r="135049" spans="8:8">
      <c r="H135049" s="12"/>
    </row>
    <row r="135050" spans="8:8">
      <c r="H135050" s="12"/>
    </row>
    <row r="135051" spans="8:8">
      <c r="H135051" s="12"/>
    </row>
    <row r="135052" spans="8:8">
      <c r="H135052" s="12"/>
    </row>
    <row r="135053" spans="8:8">
      <c r="H135053" s="12"/>
    </row>
    <row r="135054" spans="8:8">
      <c r="H135054" s="12"/>
    </row>
    <row r="135055" spans="8:8">
      <c r="H135055" s="12"/>
    </row>
    <row r="135056" spans="8:8">
      <c r="H135056" s="12"/>
    </row>
    <row r="135057" spans="8:8">
      <c r="H135057" s="12"/>
    </row>
    <row r="135058" spans="8:8">
      <c r="H135058" s="12"/>
    </row>
    <row r="135059" spans="8:8">
      <c r="H135059" s="12"/>
    </row>
    <row r="135060" spans="8:8">
      <c r="H135060" s="12"/>
    </row>
    <row r="135061" spans="8:8">
      <c r="H135061" s="12"/>
    </row>
    <row r="135062" spans="8:8">
      <c r="H135062" s="12"/>
    </row>
    <row r="135063" spans="8:8">
      <c r="H135063" s="12"/>
    </row>
    <row r="135064" spans="8:8">
      <c r="H135064" s="12"/>
    </row>
    <row r="135065" spans="8:8">
      <c r="H135065" s="12"/>
    </row>
    <row r="135066" spans="8:8">
      <c r="H135066" s="12"/>
    </row>
    <row r="135067" spans="8:8">
      <c r="H135067" s="12"/>
    </row>
    <row r="135068" spans="8:8">
      <c r="H135068" s="12"/>
    </row>
    <row r="135069" spans="8:8">
      <c r="H135069" s="12"/>
    </row>
    <row r="135070" spans="8:8">
      <c r="H135070" s="12"/>
    </row>
    <row r="135071" spans="8:8">
      <c r="H135071" s="12"/>
    </row>
    <row r="135072" spans="8:8">
      <c r="H135072" s="12"/>
    </row>
    <row r="135073" spans="8:8">
      <c r="H135073" s="12"/>
    </row>
    <row r="135074" spans="8:8">
      <c r="H135074" s="12"/>
    </row>
    <row r="135075" spans="8:8">
      <c r="H135075" s="12"/>
    </row>
    <row r="135076" spans="8:8">
      <c r="H135076" s="12"/>
    </row>
    <row r="135077" spans="8:8">
      <c r="H135077" s="12"/>
    </row>
    <row r="135078" spans="8:8">
      <c r="H135078" s="12"/>
    </row>
    <row r="135079" spans="8:8">
      <c r="H135079" s="12"/>
    </row>
    <row r="135080" spans="8:8">
      <c r="H135080" s="12"/>
    </row>
    <row r="135081" spans="8:8">
      <c r="H135081" s="12"/>
    </row>
    <row r="135082" spans="8:8">
      <c r="H135082" s="12"/>
    </row>
    <row r="135083" spans="8:8">
      <c r="H135083" s="12"/>
    </row>
    <row r="135084" spans="8:8">
      <c r="H135084" s="12"/>
    </row>
    <row r="135085" spans="8:8">
      <c r="H135085" s="12"/>
    </row>
    <row r="135086" spans="8:8">
      <c r="H135086" s="12"/>
    </row>
    <row r="135087" spans="8:8">
      <c r="H135087" s="12"/>
    </row>
    <row r="135088" spans="8:8">
      <c r="H135088" s="12"/>
    </row>
    <row r="135089" spans="8:8">
      <c r="H135089" s="12"/>
    </row>
    <row r="135090" spans="8:8">
      <c r="H135090" s="12"/>
    </row>
    <row r="135091" spans="8:8">
      <c r="H135091" s="12"/>
    </row>
    <row r="135092" spans="8:8">
      <c r="H135092" s="12"/>
    </row>
    <row r="135093" spans="8:8">
      <c r="H135093" s="12"/>
    </row>
    <row r="135094" spans="8:8">
      <c r="H135094" s="12"/>
    </row>
    <row r="135095" spans="8:8">
      <c r="H135095" s="12"/>
    </row>
    <row r="135096" spans="8:8">
      <c r="H135096" s="12"/>
    </row>
    <row r="135097" spans="8:8">
      <c r="H135097" s="12"/>
    </row>
    <row r="135098" spans="8:8">
      <c r="H135098" s="12"/>
    </row>
    <row r="135099" spans="8:8">
      <c r="H135099" s="12"/>
    </row>
    <row r="135100" spans="8:8">
      <c r="H135100" s="12"/>
    </row>
    <row r="135101" spans="8:8">
      <c r="H135101" s="12"/>
    </row>
    <row r="135102" spans="8:8">
      <c r="H135102" s="12"/>
    </row>
    <row r="135103" spans="8:8">
      <c r="H135103" s="12"/>
    </row>
    <row r="135104" spans="8:8">
      <c r="H135104" s="12"/>
    </row>
    <row r="135105" spans="8:8">
      <c r="H135105" s="12"/>
    </row>
    <row r="135106" spans="8:8">
      <c r="H135106" s="12"/>
    </row>
    <row r="135107" spans="8:8">
      <c r="H135107" s="12"/>
    </row>
    <row r="135108" spans="8:8">
      <c r="H135108" s="12"/>
    </row>
    <row r="135109" spans="8:8">
      <c r="H135109" s="12"/>
    </row>
    <row r="135110" spans="8:8">
      <c r="H135110" s="12"/>
    </row>
    <row r="135111" spans="8:8">
      <c r="H135111" s="12"/>
    </row>
    <row r="135112" spans="8:8">
      <c r="H135112" s="12"/>
    </row>
    <row r="135113" spans="8:8">
      <c r="H135113" s="12"/>
    </row>
    <row r="135114" spans="8:8">
      <c r="H135114" s="12"/>
    </row>
    <row r="135115" spans="8:8">
      <c r="H135115" s="12"/>
    </row>
    <row r="135116" spans="8:8">
      <c r="H135116" s="12"/>
    </row>
    <row r="135117" spans="8:8">
      <c r="H135117" s="12"/>
    </row>
    <row r="135118" spans="8:8">
      <c r="H135118" s="12"/>
    </row>
    <row r="135119" spans="8:8">
      <c r="H135119" s="12"/>
    </row>
    <row r="135120" spans="8:8">
      <c r="H135120" s="12"/>
    </row>
    <row r="135121" spans="8:8">
      <c r="H135121" s="12"/>
    </row>
    <row r="135122" spans="8:8">
      <c r="H135122" s="12"/>
    </row>
    <row r="135123" spans="8:8">
      <c r="H135123" s="12"/>
    </row>
    <row r="135124" spans="8:8">
      <c r="H135124" s="12"/>
    </row>
    <row r="135125" spans="8:8">
      <c r="H135125" s="12"/>
    </row>
    <row r="135126" spans="8:8">
      <c r="H135126" s="12"/>
    </row>
    <row r="135127" spans="8:8">
      <c r="H135127" s="12"/>
    </row>
    <row r="135128" spans="8:8">
      <c r="H135128" s="12"/>
    </row>
    <row r="135129" spans="8:8">
      <c r="H135129" s="12"/>
    </row>
    <row r="135130" spans="8:8">
      <c r="H135130" s="12"/>
    </row>
    <row r="135131" spans="8:8">
      <c r="H135131" s="12"/>
    </row>
    <row r="135132" spans="8:8">
      <c r="H135132" s="12"/>
    </row>
    <row r="135133" spans="8:8">
      <c r="H135133" s="12"/>
    </row>
    <row r="135134" spans="8:8">
      <c r="H135134" s="12"/>
    </row>
    <row r="135135" spans="8:8">
      <c r="H135135" s="12"/>
    </row>
    <row r="135136" spans="8:8">
      <c r="H135136" s="12"/>
    </row>
    <row r="135137" spans="8:8">
      <c r="H135137" s="12"/>
    </row>
    <row r="135138" spans="8:8">
      <c r="H135138" s="12"/>
    </row>
    <row r="135139" spans="8:8">
      <c r="H135139" s="12"/>
    </row>
    <row r="135140" spans="8:8">
      <c r="H135140" s="12"/>
    </row>
    <row r="135141" spans="8:8">
      <c r="H135141" s="12"/>
    </row>
    <row r="135142" spans="8:8">
      <c r="H135142" s="12"/>
    </row>
    <row r="135143" spans="8:8">
      <c r="H135143" s="12"/>
    </row>
    <row r="135144" spans="8:8">
      <c r="H135144" s="12"/>
    </row>
    <row r="135145" spans="8:8">
      <c r="H135145" s="12"/>
    </row>
    <row r="135146" spans="8:8">
      <c r="H135146" s="12"/>
    </row>
    <row r="135147" spans="8:8">
      <c r="H135147" s="12"/>
    </row>
    <row r="135148" spans="8:8">
      <c r="H135148" s="12"/>
    </row>
    <row r="135149" spans="8:8">
      <c r="H135149" s="12"/>
    </row>
    <row r="135150" spans="8:8">
      <c r="H135150" s="12"/>
    </row>
    <row r="135151" spans="8:8">
      <c r="H135151" s="12"/>
    </row>
    <row r="135152" spans="8:8">
      <c r="H135152" s="12"/>
    </row>
    <row r="135153" spans="8:8">
      <c r="H135153" s="12"/>
    </row>
    <row r="135154" spans="8:8">
      <c r="H135154" s="12"/>
    </row>
    <row r="135155" spans="8:8">
      <c r="H135155" s="12"/>
    </row>
    <row r="135156" spans="8:8">
      <c r="H135156" s="12"/>
    </row>
    <row r="135157" spans="8:8">
      <c r="H135157" s="12"/>
    </row>
    <row r="135158" spans="8:8">
      <c r="H135158" s="12"/>
    </row>
    <row r="135159" spans="8:8">
      <c r="H135159" s="12"/>
    </row>
    <row r="135160" spans="8:8">
      <c r="H135160" s="12"/>
    </row>
    <row r="135161" spans="8:8">
      <c r="H135161" s="12"/>
    </row>
    <row r="135162" spans="8:8">
      <c r="H135162" s="12"/>
    </row>
    <row r="135163" spans="8:8">
      <c r="H135163" s="12"/>
    </row>
    <row r="135164" spans="8:8">
      <c r="H135164" s="12"/>
    </row>
    <row r="135165" spans="8:8">
      <c r="H135165" s="12"/>
    </row>
    <row r="135166" spans="8:8">
      <c r="H135166" s="12"/>
    </row>
    <row r="135167" spans="8:8">
      <c r="H135167" s="12"/>
    </row>
    <row r="135168" spans="8:8">
      <c r="H135168" s="12"/>
    </row>
    <row r="135169" spans="8:8">
      <c r="H135169" s="12"/>
    </row>
    <row r="135170" spans="8:8">
      <c r="H135170" s="12"/>
    </row>
    <row r="135171" spans="8:8">
      <c r="H135171" s="12"/>
    </row>
    <row r="135172" spans="8:8">
      <c r="H135172" s="12"/>
    </row>
    <row r="135173" spans="8:8">
      <c r="H135173" s="12"/>
    </row>
    <row r="135174" spans="8:8">
      <c r="H135174" s="12"/>
    </row>
    <row r="135175" spans="8:8">
      <c r="H135175" s="12"/>
    </row>
    <row r="135176" spans="8:8">
      <c r="H135176" s="12"/>
    </row>
    <row r="135177" spans="8:8">
      <c r="H135177" s="12"/>
    </row>
    <row r="135178" spans="8:8">
      <c r="H135178" s="12"/>
    </row>
    <row r="135179" spans="8:8">
      <c r="H135179" s="12"/>
    </row>
    <row r="135180" spans="8:8">
      <c r="H135180" s="12"/>
    </row>
    <row r="135181" spans="8:8">
      <c r="H135181" s="12"/>
    </row>
    <row r="135182" spans="8:8">
      <c r="H135182" s="12"/>
    </row>
    <row r="135183" spans="8:8">
      <c r="H135183" s="12"/>
    </row>
    <row r="135184" spans="8:8">
      <c r="H135184" s="12"/>
    </row>
    <row r="135185" spans="8:8">
      <c r="H135185" s="12"/>
    </row>
    <row r="135186" spans="8:8">
      <c r="H135186" s="12"/>
    </row>
    <row r="135187" spans="8:8">
      <c r="H135187" s="12"/>
    </row>
    <row r="135188" spans="8:8">
      <c r="H135188" s="12"/>
    </row>
    <row r="135189" spans="8:8">
      <c r="H135189" s="12"/>
    </row>
    <row r="135190" spans="8:8">
      <c r="H135190" s="12"/>
    </row>
    <row r="135191" spans="8:8">
      <c r="H135191" s="12"/>
    </row>
    <row r="135192" spans="8:8">
      <c r="H135192" s="12"/>
    </row>
    <row r="135193" spans="8:8">
      <c r="H135193" s="12"/>
    </row>
    <row r="135194" spans="8:8">
      <c r="H135194" s="12"/>
    </row>
    <row r="135195" spans="8:8">
      <c r="H135195" s="12"/>
    </row>
    <row r="135196" spans="8:8">
      <c r="H135196" s="12"/>
    </row>
    <row r="135197" spans="8:8">
      <c r="H135197" s="12"/>
    </row>
    <row r="135198" spans="8:8">
      <c r="H135198" s="12"/>
    </row>
    <row r="135199" spans="8:8">
      <c r="H135199" s="12"/>
    </row>
    <row r="135200" spans="8:8">
      <c r="H135200" s="12"/>
    </row>
    <row r="135201" spans="8:8">
      <c r="H135201" s="12"/>
    </row>
    <row r="135202" spans="8:8">
      <c r="H135202" s="12"/>
    </row>
    <row r="135203" spans="8:8">
      <c r="H135203" s="12"/>
    </row>
    <row r="135204" spans="8:8">
      <c r="H135204" s="12"/>
    </row>
    <row r="135205" spans="8:8">
      <c r="H135205" s="12"/>
    </row>
    <row r="135206" spans="8:8">
      <c r="H135206" s="12"/>
    </row>
    <row r="135207" spans="8:8">
      <c r="H135207" s="12"/>
    </row>
    <row r="135208" spans="8:8">
      <c r="H135208" s="12"/>
    </row>
    <row r="135209" spans="8:8">
      <c r="H135209" s="12"/>
    </row>
    <row r="135210" spans="8:8">
      <c r="H135210" s="12"/>
    </row>
    <row r="135211" spans="8:8">
      <c r="H135211" s="12"/>
    </row>
    <row r="135212" spans="8:8">
      <c r="H135212" s="12"/>
    </row>
    <row r="135213" spans="8:8">
      <c r="H135213" s="12"/>
    </row>
    <row r="135214" spans="8:8">
      <c r="H135214" s="12"/>
    </row>
    <row r="135215" spans="8:8">
      <c r="H135215" s="12"/>
    </row>
    <row r="135216" spans="8:8">
      <c r="H135216" s="12"/>
    </row>
    <row r="135217" spans="8:8">
      <c r="H135217" s="12"/>
    </row>
    <row r="135218" spans="8:8">
      <c r="H135218" s="12"/>
    </row>
    <row r="135219" spans="8:8">
      <c r="H135219" s="12"/>
    </row>
    <row r="135220" spans="8:8">
      <c r="H135220" s="12"/>
    </row>
    <row r="135221" spans="8:8">
      <c r="H135221" s="12"/>
    </row>
    <row r="135222" spans="8:8">
      <c r="H135222" s="12"/>
    </row>
    <row r="135223" spans="8:8">
      <c r="H135223" s="12"/>
    </row>
    <row r="135224" spans="8:8">
      <c r="H135224" s="12"/>
    </row>
    <row r="135225" spans="8:8">
      <c r="H135225" s="12"/>
    </row>
    <row r="135226" spans="8:8">
      <c r="H135226" s="12"/>
    </row>
    <row r="135227" spans="8:8">
      <c r="H135227" s="12"/>
    </row>
    <row r="135228" spans="8:8">
      <c r="H135228" s="12"/>
    </row>
    <row r="135229" spans="8:8">
      <c r="H135229" s="12"/>
    </row>
    <row r="135230" spans="8:8">
      <c r="H135230" s="12"/>
    </row>
    <row r="135231" spans="8:8">
      <c r="H135231" s="12"/>
    </row>
    <row r="135232" spans="8:8">
      <c r="H135232" s="12"/>
    </row>
    <row r="135233" spans="8:8">
      <c r="H135233" s="12"/>
    </row>
    <row r="135234" spans="8:8">
      <c r="H135234" s="12"/>
    </row>
    <row r="135235" spans="8:8">
      <c r="H135235" s="12"/>
    </row>
    <row r="135236" spans="8:8">
      <c r="H135236" s="12"/>
    </row>
    <row r="135237" spans="8:8">
      <c r="H135237" s="12"/>
    </row>
    <row r="135238" spans="8:8">
      <c r="H135238" s="12"/>
    </row>
    <row r="135239" spans="8:8">
      <c r="H135239" s="12"/>
    </row>
    <row r="135240" spans="8:8">
      <c r="H135240" s="12"/>
    </row>
    <row r="135241" spans="8:8">
      <c r="H135241" s="12"/>
    </row>
    <row r="135242" spans="8:8">
      <c r="H135242" s="12"/>
    </row>
    <row r="135243" spans="8:8">
      <c r="H135243" s="12"/>
    </row>
    <row r="135244" spans="8:8">
      <c r="H135244" s="12"/>
    </row>
    <row r="135245" spans="8:8">
      <c r="H135245" s="12"/>
    </row>
    <row r="135246" spans="8:8">
      <c r="H135246" s="12"/>
    </row>
    <row r="135247" spans="8:8">
      <c r="H135247" s="12"/>
    </row>
    <row r="135248" spans="8:8">
      <c r="H135248" s="12"/>
    </row>
    <row r="135249" spans="8:8">
      <c r="H135249" s="12"/>
    </row>
    <row r="135250" spans="8:8">
      <c r="H135250" s="12"/>
    </row>
    <row r="135251" spans="8:8">
      <c r="H135251" s="12"/>
    </row>
    <row r="135252" spans="8:8">
      <c r="H135252" s="12"/>
    </row>
    <row r="135253" spans="8:8">
      <c r="H135253" s="12"/>
    </row>
    <row r="135254" spans="8:8">
      <c r="H135254" s="12"/>
    </row>
    <row r="135255" spans="8:8">
      <c r="H135255" s="12"/>
    </row>
    <row r="135256" spans="8:8">
      <c r="H135256" s="12"/>
    </row>
    <row r="135257" spans="8:8">
      <c r="H135257" s="12"/>
    </row>
    <row r="135258" spans="8:8">
      <c r="H135258" s="12"/>
    </row>
    <row r="135259" spans="8:8">
      <c r="H135259" s="12"/>
    </row>
    <row r="135260" spans="8:8">
      <c r="H135260" s="12"/>
    </row>
    <row r="135261" spans="8:8">
      <c r="H135261" s="12"/>
    </row>
    <row r="135262" spans="8:8">
      <c r="H135262" s="12"/>
    </row>
    <row r="135263" spans="8:8">
      <c r="H135263" s="12"/>
    </row>
    <row r="135264" spans="8:8">
      <c r="H135264" s="12"/>
    </row>
    <row r="135265" spans="8:8">
      <c r="H135265" s="12"/>
    </row>
    <row r="135266" spans="8:8">
      <c r="H135266" s="12"/>
    </row>
    <row r="135267" spans="8:8">
      <c r="H135267" s="12"/>
    </row>
    <row r="135268" spans="8:8">
      <c r="H135268" s="12"/>
    </row>
    <row r="135269" spans="8:8">
      <c r="H135269" s="12"/>
    </row>
    <row r="135270" spans="8:8">
      <c r="H135270" s="12"/>
    </row>
    <row r="135271" spans="8:8">
      <c r="H135271" s="12"/>
    </row>
    <row r="135272" spans="8:8">
      <c r="H135272" s="12"/>
    </row>
    <row r="135273" spans="8:8">
      <c r="H135273" s="12"/>
    </row>
    <row r="135274" spans="8:8">
      <c r="H135274" s="12"/>
    </row>
    <row r="135275" spans="8:8">
      <c r="H135275" s="12"/>
    </row>
    <row r="135276" spans="8:8">
      <c r="H135276" s="12"/>
    </row>
    <row r="135277" spans="8:8">
      <c r="H135277" s="12"/>
    </row>
    <row r="135278" spans="8:8">
      <c r="H135278" s="12"/>
    </row>
    <row r="135279" spans="8:8">
      <c r="H135279" s="12"/>
    </row>
    <row r="135280" spans="8:8">
      <c r="H135280" s="12"/>
    </row>
    <row r="135281" spans="8:8">
      <c r="H135281" s="12"/>
    </row>
    <row r="135282" spans="8:8">
      <c r="H135282" s="12"/>
    </row>
    <row r="135283" spans="8:8">
      <c r="H135283" s="12"/>
    </row>
    <row r="135284" spans="8:8">
      <c r="H135284" s="12"/>
    </row>
    <row r="135285" spans="8:8">
      <c r="H135285" s="12"/>
    </row>
    <row r="135286" spans="8:8">
      <c r="H135286" s="12"/>
    </row>
    <row r="135287" spans="8:8">
      <c r="H135287" s="12"/>
    </row>
    <row r="135288" spans="8:8">
      <c r="H135288" s="12"/>
    </row>
    <row r="135289" spans="8:8">
      <c r="H135289" s="12"/>
    </row>
    <row r="135290" spans="8:8">
      <c r="H135290" s="12"/>
    </row>
    <row r="135291" spans="8:8">
      <c r="H135291" s="12"/>
    </row>
    <row r="135292" spans="8:8">
      <c r="H135292" s="12"/>
    </row>
    <row r="135293" spans="8:8">
      <c r="H135293" s="12"/>
    </row>
    <row r="135294" spans="8:8">
      <c r="H135294" s="12"/>
    </row>
    <row r="135295" spans="8:8">
      <c r="H135295" s="12"/>
    </row>
    <row r="135296" spans="8:8">
      <c r="H135296" s="12"/>
    </row>
    <row r="135297" spans="8:8">
      <c r="H135297" s="12"/>
    </row>
    <row r="135298" spans="8:8">
      <c r="H135298" s="12"/>
    </row>
    <row r="135299" spans="8:8">
      <c r="H135299" s="12"/>
    </row>
    <row r="135300" spans="8:8">
      <c r="H135300" s="12"/>
    </row>
    <row r="135301" spans="8:8">
      <c r="H135301" s="12"/>
    </row>
    <row r="135302" spans="8:8">
      <c r="H135302" s="12"/>
    </row>
    <row r="135303" spans="8:8">
      <c r="H135303" s="12"/>
    </row>
    <row r="135304" spans="8:8">
      <c r="H135304" s="12"/>
    </row>
    <row r="135305" spans="8:8">
      <c r="H135305" s="12"/>
    </row>
    <row r="135306" spans="8:8">
      <c r="H135306" s="12"/>
    </row>
    <row r="135307" spans="8:8">
      <c r="H135307" s="12"/>
    </row>
    <row r="135308" spans="8:8">
      <c r="H135308" s="12"/>
    </row>
    <row r="135309" spans="8:8">
      <c r="H135309" s="12"/>
    </row>
    <row r="135310" spans="8:8">
      <c r="H135310" s="12"/>
    </row>
    <row r="135311" spans="8:8">
      <c r="H135311" s="12"/>
    </row>
    <row r="135312" spans="8:8">
      <c r="H135312" s="12"/>
    </row>
    <row r="135313" spans="8:8">
      <c r="H135313" s="12"/>
    </row>
    <row r="135314" spans="8:8">
      <c r="H135314" s="12"/>
    </row>
    <row r="135315" spans="8:8">
      <c r="H135315" s="12"/>
    </row>
    <row r="135316" spans="8:8">
      <c r="H135316" s="12"/>
    </row>
    <row r="135317" spans="8:8">
      <c r="H135317" s="12"/>
    </row>
    <row r="135318" spans="8:8">
      <c r="H135318" s="12"/>
    </row>
    <row r="135319" spans="8:8">
      <c r="H135319" s="12"/>
    </row>
    <row r="135320" spans="8:8">
      <c r="H135320" s="12"/>
    </row>
    <row r="135321" spans="8:8">
      <c r="H135321" s="12"/>
    </row>
    <row r="135322" spans="8:8">
      <c r="H135322" s="12"/>
    </row>
    <row r="135323" spans="8:8">
      <c r="H135323" s="12"/>
    </row>
    <row r="135324" spans="8:8">
      <c r="H135324" s="12"/>
    </row>
    <row r="135325" spans="8:8">
      <c r="H135325" s="12"/>
    </row>
    <row r="135326" spans="8:8">
      <c r="H135326" s="12"/>
    </row>
    <row r="135327" spans="8:8">
      <c r="H135327" s="12"/>
    </row>
    <row r="135328" spans="8:8">
      <c r="H135328" s="12"/>
    </row>
    <row r="135329" spans="8:8">
      <c r="H135329" s="12"/>
    </row>
    <row r="135330" spans="8:8">
      <c r="H135330" s="12"/>
    </row>
    <row r="135331" spans="8:8">
      <c r="H135331" s="12"/>
    </row>
    <row r="135332" spans="8:8">
      <c r="H135332" s="12"/>
    </row>
    <row r="135333" spans="8:8">
      <c r="H135333" s="12"/>
    </row>
    <row r="135334" spans="8:8">
      <c r="H135334" s="12"/>
    </row>
    <row r="135335" spans="8:8">
      <c r="H135335" s="12"/>
    </row>
    <row r="135336" spans="8:8">
      <c r="H135336" s="12"/>
    </row>
    <row r="135337" spans="8:8">
      <c r="H135337" s="12"/>
    </row>
    <row r="135338" spans="8:8">
      <c r="H135338" s="12"/>
    </row>
    <row r="135339" spans="8:8">
      <c r="H135339" s="12"/>
    </row>
    <row r="135340" spans="8:8">
      <c r="H135340" s="12"/>
    </row>
    <row r="135341" spans="8:8">
      <c r="H135341" s="12"/>
    </row>
    <row r="135342" spans="8:8">
      <c r="H135342" s="12"/>
    </row>
    <row r="135343" spans="8:8">
      <c r="H135343" s="12"/>
    </row>
    <row r="135344" spans="8:8">
      <c r="H135344" s="12"/>
    </row>
    <row r="135345" spans="8:8">
      <c r="H135345" s="12"/>
    </row>
    <row r="135346" spans="8:8">
      <c r="H135346" s="12"/>
    </row>
    <row r="135347" spans="8:8">
      <c r="H135347" s="12"/>
    </row>
    <row r="135348" spans="8:8">
      <c r="H135348" s="12"/>
    </row>
    <row r="135349" spans="8:8">
      <c r="H135349" s="12"/>
    </row>
    <row r="135350" spans="8:8">
      <c r="H135350" s="12"/>
    </row>
    <row r="135351" spans="8:8">
      <c r="H135351" s="12"/>
    </row>
    <row r="135352" spans="8:8">
      <c r="H135352" s="12"/>
    </row>
    <row r="135353" spans="8:8">
      <c r="H135353" s="12"/>
    </row>
    <row r="135354" spans="8:8">
      <c r="H135354" s="12"/>
    </row>
    <row r="135355" spans="8:8">
      <c r="H135355" s="12"/>
    </row>
    <row r="135356" spans="8:8">
      <c r="H135356" s="12"/>
    </row>
    <row r="135357" spans="8:8">
      <c r="H135357" s="12"/>
    </row>
    <row r="135358" spans="8:8">
      <c r="H135358" s="12"/>
    </row>
    <row r="135359" spans="8:8">
      <c r="H135359" s="12"/>
    </row>
    <row r="135360" spans="8:8">
      <c r="H135360" s="12"/>
    </row>
    <row r="135361" spans="8:8">
      <c r="H135361" s="12"/>
    </row>
    <row r="135362" spans="8:8">
      <c r="H135362" s="12"/>
    </row>
    <row r="135363" spans="8:8">
      <c r="H135363" s="12"/>
    </row>
    <row r="135364" spans="8:8">
      <c r="H135364" s="12"/>
    </row>
    <row r="135365" spans="8:8">
      <c r="H135365" s="12"/>
    </row>
    <row r="135366" spans="8:8">
      <c r="H135366" s="12"/>
    </row>
    <row r="135367" spans="8:8">
      <c r="H135367" s="12"/>
    </row>
    <row r="135368" spans="8:8">
      <c r="H135368" s="12"/>
    </row>
    <row r="135369" spans="8:8">
      <c r="H135369" s="12"/>
    </row>
    <row r="135370" spans="8:8">
      <c r="H135370" s="12"/>
    </row>
    <row r="135371" spans="8:8">
      <c r="H135371" s="12"/>
    </row>
    <row r="135372" spans="8:8">
      <c r="H135372" s="12"/>
    </row>
    <row r="135373" spans="8:8">
      <c r="H135373" s="12"/>
    </row>
    <row r="135374" spans="8:8">
      <c r="H135374" s="12"/>
    </row>
    <row r="135375" spans="8:8">
      <c r="H135375" s="12"/>
    </row>
    <row r="135376" spans="8:8">
      <c r="H135376" s="12"/>
    </row>
    <row r="135377" spans="8:8">
      <c r="H135377" s="12"/>
    </row>
    <row r="135378" spans="8:8">
      <c r="H135378" s="12"/>
    </row>
    <row r="135379" spans="8:8">
      <c r="H135379" s="12"/>
    </row>
    <row r="135380" spans="8:8">
      <c r="H135380" s="12"/>
    </row>
    <row r="135381" spans="8:8">
      <c r="H135381" s="12"/>
    </row>
    <row r="135382" spans="8:8">
      <c r="H135382" s="12"/>
    </row>
    <row r="135383" spans="8:8">
      <c r="H135383" s="12"/>
    </row>
    <row r="135384" spans="8:8">
      <c r="H135384" s="12"/>
    </row>
    <row r="135385" spans="8:8">
      <c r="H135385" s="12"/>
    </row>
    <row r="135386" spans="8:8">
      <c r="H135386" s="12"/>
    </row>
    <row r="135387" spans="8:8">
      <c r="H135387" s="12"/>
    </row>
    <row r="135388" spans="8:8">
      <c r="H135388" s="12"/>
    </row>
    <row r="135389" spans="8:8">
      <c r="H135389" s="12"/>
    </row>
    <row r="135390" spans="8:8">
      <c r="H135390" s="12"/>
    </row>
    <row r="135391" spans="8:8">
      <c r="H135391" s="12"/>
    </row>
    <row r="135392" spans="8:8">
      <c r="H135392" s="12"/>
    </row>
    <row r="135393" spans="8:8">
      <c r="H135393" s="12"/>
    </row>
    <row r="135394" spans="8:8">
      <c r="H135394" s="12"/>
    </row>
    <row r="135395" spans="8:8">
      <c r="H135395" s="12"/>
    </row>
    <row r="135396" spans="8:8">
      <c r="H135396" s="12"/>
    </row>
    <row r="135397" spans="8:8">
      <c r="H135397" s="12"/>
    </row>
    <row r="135398" spans="8:8">
      <c r="H135398" s="12"/>
    </row>
    <row r="135399" spans="8:8">
      <c r="H135399" s="12"/>
    </row>
    <row r="135400" spans="8:8">
      <c r="H135400" s="12"/>
    </row>
    <row r="135401" spans="8:8">
      <c r="H135401" s="12"/>
    </row>
    <row r="135402" spans="8:8">
      <c r="H135402" s="12"/>
    </row>
    <row r="135403" spans="8:8">
      <c r="H135403" s="12"/>
    </row>
    <row r="135404" spans="8:8">
      <c r="H135404" s="12"/>
    </row>
    <row r="135405" spans="8:8">
      <c r="H135405" s="12"/>
    </row>
    <row r="135406" spans="8:8">
      <c r="H135406" s="12"/>
    </row>
    <row r="135407" spans="8:8">
      <c r="H135407" s="12"/>
    </row>
    <row r="135408" spans="8:8">
      <c r="H135408" s="12"/>
    </row>
    <row r="135409" spans="8:8">
      <c r="H135409" s="12"/>
    </row>
    <row r="135410" spans="8:8">
      <c r="H135410" s="12"/>
    </row>
    <row r="135411" spans="8:8">
      <c r="H135411" s="12"/>
    </row>
    <row r="135412" spans="8:8">
      <c r="H135412" s="12"/>
    </row>
    <row r="135413" spans="8:8">
      <c r="H135413" s="12"/>
    </row>
    <row r="135414" spans="8:8">
      <c r="H135414" s="12"/>
    </row>
    <row r="135415" spans="8:8">
      <c r="H135415" s="12"/>
    </row>
    <row r="135416" spans="8:8">
      <c r="H135416" s="12"/>
    </row>
    <row r="135417" spans="8:8">
      <c r="H135417" s="12"/>
    </row>
    <row r="135418" spans="8:8">
      <c r="H135418" s="12"/>
    </row>
    <row r="135419" spans="8:8">
      <c r="H135419" s="12"/>
    </row>
    <row r="135420" spans="8:8">
      <c r="H135420" s="12"/>
    </row>
    <row r="135421" spans="8:8">
      <c r="H135421" s="12"/>
    </row>
    <row r="135422" spans="8:8">
      <c r="H135422" s="12"/>
    </row>
    <row r="135423" spans="8:8">
      <c r="H135423" s="12"/>
    </row>
    <row r="135424" spans="8:8">
      <c r="H135424" s="12"/>
    </row>
    <row r="135425" spans="8:8">
      <c r="H135425" s="12"/>
    </row>
    <row r="135426" spans="8:8">
      <c r="H135426" s="12"/>
    </row>
    <row r="135427" spans="8:8">
      <c r="H135427" s="12"/>
    </row>
    <row r="135428" spans="8:8">
      <c r="H135428" s="12"/>
    </row>
    <row r="135429" spans="8:8">
      <c r="H135429" s="12"/>
    </row>
    <row r="135430" spans="8:8">
      <c r="H135430" s="12"/>
    </row>
    <row r="135431" spans="8:8">
      <c r="H135431" s="12"/>
    </row>
    <row r="135432" spans="8:8">
      <c r="H135432" s="12"/>
    </row>
    <row r="135433" spans="8:8">
      <c r="H135433" s="12"/>
    </row>
    <row r="135434" spans="8:8">
      <c r="H135434" s="12"/>
    </row>
    <row r="135435" spans="8:8">
      <c r="H135435" s="12"/>
    </row>
    <row r="135436" spans="8:8">
      <c r="H135436" s="12"/>
    </row>
    <row r="135437" spans="8:8">
      <c r="H135437" s="12"/>
    </row>
    <row r="135438" spans="8:8">
      <c r="H135438" s="12"/>
    </row>
    <row r="135439" spans="8:8">
      <c r="H135439" s="12"/>
    </row>
    <row r="135440" spans="8:8">
      <c r="H135440" s="12"/>
    </row>
    <row r="135441" spans="8:8">
      <c r="H135441" s="12"/>
    </row>
    <row r="135442" spans="8:8">
      <c r="H135442" s="12"/>
    </row>
    <row r="135443" spans="8:8">
      <c r="H135443" s="12"/>
    </row>
    <row r="135444" spans="8:8">
      <c r="H135444" s="12"/>
    </row>
    <row r="135445" spans="8:8">
      <c r="H135445" s="12"/>
    </row>
    <row r="135446" spans="8:8">
      <c r="H135446" s="12"/>
    </row>
    <row r="135447" spans="8:8">
      <c r="H135447" s="12"/>
    </row>
    <row r="135448" spans="8:8">
      <c r="H135448" s="12"/>
    </row>
    <row r="135449" spans="8:8">
      <c r="H135449" s="12"/>
    </row>
    <row r="135450" spans="8:8">
      <c r="H135450" s="12"/>
    </row>
    <row r="135451" spans="8:8">
      <c r="H135451" s="12"/>
    </row>
    <row r="135452" spans="8:8">
      <c r="H135452" s="12"/>
    </row>
    <row r="135453" spans="8:8">
      <c r="H135453" s="12"/>
    </row>
    <row r="135454" spans="8:8">
      <c r="H135454" s="12"/>
    </row>
    <row r="135455" spans="8:8">
      <c r="H135455" s="12"/>
    </row>
    <row r="135456" spans="8:8">
      <c r="H135456" s="12"/>
    </row>
    <row r="135457" spans="8:8">
      <c r="H135457" s="12"/>
    </row>
    <row r="135458" spans="8:8">
      <c r="H135458" s="12"/>
    </row>
    <row r="135459" spans="8:8">
      <c r="H135459" s="12"/>
    </row>
    <row r="135460" spans="8:8">
      <c r="H135460" s="12"/>
    </row>
    <row r="135461" spans="8:8">
      <c r="H135461" s="12"/>
    </row>
    <row r="135462" spans="8:8">
      <c r="H135462" s="12"/>
    </row>
    <row r="135463" spans="8:8">
      <c r="H135463" s="12"/>
    </row>
    <row r="135464" spans="8:8">
      <c r="H135464" s="12"/>
    </row>
    <row r="135465" spans="8:8">
      <c r="H135465" s="12"/>
    </row>
    <row r="135466" spans="8:8">
      <c r="H135466" s="12"/>
    </row>
    <row r="135467" spans="8:8">
      <c r="H135467" s="12"/>
    </row>
    <row r="135468" spans="8:8">
      <c r="H135468" s="12"/>
    </row>
    <row r="135469" spans="8:8">
      <c r="H135469" s="12"/>
    </row>
    <row r="135470" spans="8:8">
      <c r="H135470" s="12"/>
    </row>
    <row r="135471" spans="8:8">
      <c r="H135471" s="12"/>
    </row>
    <row r="135472" spans="8:8">
      <c r="H135472" s="12"/>
    </row>
    <row r="135473" spans="8:8">
      <c r="H135473" s="12"/>
    </row>
    <row r="135474" spans="8:8">
      <c r="H135474" s="12"/>
    </row>
    <row r="135475" spans="8:8">
      <c r="H135475" s="12"/>
    </row>
    <row r="135476" spans="8:8">
      <c r="H135476" s="12"/>
    </row>
    <row r="135477" spans="8:8">
      <c r="H135477" s="12"/>
    </row>
    <row r="135478" spans="8:8">
      <c r="H135478" s="12"/>
    </row>
    <row r="135479" spans="8:8">
      <c r="H135479" s="12"/>
    </row>
    <row r="135480" spans="8:8">
      <c r="H135480" s="12"/>
    </row>
    <row r="135481" spans="8:8">
      <c r="H135481" s="12"/>
    </row>
    <row r="135482" spans="8:8">
      <c r="H135482" s="12"/>
    </row>
    <row r="135483" spans="8:8">
      <c r="H135483" s="12"/>
    </row>
    <row r="135484" spans="8:8">
      <c r="H135484" s="12"/>
    </row>
    <row r="135485" spans="8:8">
      <c r="H135485" s="12"/>
    </row>
    <row r="135486" spans="8:8">
      <c r="H135486" s="12"/>
    </row>
    <row r="135487" spans="8:8">
      <c r="H135487" s="12"/>
    </row>
    <row r="135488" spans="8:8">
      <c r="H135488" s="12"/>
    </row>
    <row r="135489" spans="8:8">
      <c r="H135489" s="12"/>
    </row>
    <row r="135490" spans="8:8">
      <c r="H135490" s="12"/>
    </row>
    <row r="135491" spans="8:8">
      <c r="H135491" s="12"/>
    </row>
    <row r="135492" spans="8:8">
      <c r="H135492" s="12"/>
    </row>
    <row r="135493" spans="8:8">
      <c r="H135493" s="12"/>
    </row>
    <row r="135494" spans="8:8">
      <c r="H135494" s="12"/>
    </row>
    <row r="135495" spans="8:8">
      <c r="H135495" s="12"/>
    </row>
    <row r="135496" spans="8:8">
      <c r="H135496" s="12"/>
    </row>
    <row r="135497" spans="8:8">
      <c r="H135497" s="12"/>
    </row>
    <row r="135498" spans="8:8">
      <c r="H135498" s="12"/>
    </row>
    <row r="135499" spans="8:8">
      <c r="H135499" s="12"/>
    </row>
    <row r="135500" spans="8:8">
      <c r="H135500" s="12"/>
    </row>
    <row r="135501" spans="8:8">
      <c r="H135501" s="12"/>
    </row>
    <row r="135502" spans="8:8">
      <c r="H135502" s="12"/>
    </row>
    <row r="135503" spans="8:8">
      <c r="H135503" s="12"/>
    </row>
    <row r="135504" spans="8:8">
      <c r="H135504" s="12"/>
    </row>
    <row r="135505" spans="8:8">
      <c r="H135505" s="12"/>
    </row>
    <row r="135506" spans="8:8">
      <c r="H135506" s="12"/>
    </row>
    <row r="135507" spans="8:8">
      <c r="H135507" s="12"/>
    </row>
    <row r="135508" spans="8:8">
      <c r="H135508" s="12"/>
    </row>
    <row r="135509" spans="8:8">
      <c r="H135509" s="12"/>
    </row>
    <row r="135510" spans="8:8">
      <c r="H135510" s="12"/>
    </row>
    <row r="135511" spans="8:8">
      <c r="H135511" s="12"/>
    </row>
    <row r="135512" spans="8:8">
      <c r="H135512" s="12"/>
    </row>
    <row r="135513" spans="8:8">
      <c r="H135513" s="12"/>
    </row>
    <row r="135514" spans="8:8">
      <c r="H135514" s="12"/>
    </row>
    <row r="135515" spans="8:8">
      <c r="H135515" s="12"/>
    </row>
    <row r="135516" spans="8:8">
      <c r="H135516" s="12"/>
    </row>
    <row r="135517" spans="8:8">
      <c r="H135517" s="12"/>
    </row>
    <row r="135518" spans="8:8">
      <c r="H135518" s="12"/>
    </row>
    <row r="135519" spans="8:8">
      <c r="H135519" s="12"/>
    </row>
    <row r="135520" spans="8:8">
      <c r="H135520" s="12"/>
    </row>
    <row r="135521" spans="8:8">
      <c r="H135521" s="12"/>
    </row>
    <row r="135522" spans="8:8">
      <c r="H135522" s="12"/>
    </row>
    <row r="135523" spans="8:8">
      <c r="H135523" s="12"/>
    </row>
    <row r="135524" spans="8:8">
      <c r="H135524" s="12"/>
    </row>
    <row r="135525" spans="8:8">
      <c r="H135525" s="12"/>
    </row>
    <row r="135526" spans="8:8">
      <c r="H135526" s="12"/>
    </row>
    <row r="135527" spans="8:8">
      <c r="H135527" s="12"/>
    </row>
    <row r="135528" spans="8:8">
      <c r="H135528" s="12"/>
    </row>
    <row r="135529" spans="8:8">
      <c r="H135529" s="12"/>
    </row>
    <row r="135530" spans="8:8">
      <c r="H135530" s="12"/>
    </row>
    <row r="135531" spans="8:8">
      <c r="H135531" s="12"/>
    </row>
    <row r="135532" spans="8:8">
      <c r="H135532" s="12"/>
    </row>
    <row r="135533" spans="8:8">
      <c r="H135533" s="12"/>
    </row>
    <row r="135534" spans="8:8">
      <c r="H135534" s="12"/>
    </row>
    <row r="135535" spans="8:8">
      <c r="H135535" s="12"/>
    </row>
    <row r="135536" spans="8:8">
      <c r="H135536" s="12"/>
    </row>
    <row r="135537" spans="8:8">
      <c r="H135537" s="12"/>
    </row>
    <row r="135538" spans="8:8">
      <c r="H135538" s="12"/>
    </row>
    <row r="135539" spans="8:8">
      <c r="H135539" s="12"/>
    </row>
    <row r="135540" spans="8:8">
      <c r="H135540" s="12"/>
    </row>
    <row r="135541" spans="8:8">
      <c r="H135541" s="12"/>
    </row>
    <row r="135542" spans="8:8">
      <c r="H135542" s="12"/>
    </row>
    <row r="135543" spans="8:8">
      <c r="H135543" s="12"/>
    </row>
    <row r="135544" spans="8:8">
      <c r="H135544" s="12"/>
    </row>
    <row r="135545" spans="8:8">
      <c r="H135545" s="12"/>
    </row>
    <row r="135546" spans="8:8">
      <c r="H135546" s="12"/>
    </row>
    <row r="135547" spans="8:8">
      <c r="H135547" s="12"/>
    </row>
    <row r="135548" spans="8:8">
      <c r="H135548" s="12"/>
    </row>
    <row r="135549" spans="8:8">
      <c r="H135549" s="12"/>
    </row>
    <row r="135550" spans="8:8">
      <c r="H135550" s="12"/>
    </row>
    <row r="135551" spans="8:8">
      <c r="H135551" s="12"/>
    </row>
    <row r="135552" spans="8:8">
      <c r="H135552" s="12"/>
    </row>
    <row r="135553" spans="8:8">
      <c r="H135553" s="12"/>
    </row>
    <row r="135554" spans="8:8">
      <c r="H135554" s="12"/>
    </row>
    <row r="135555" spans="8:8">
      <c r="H135555" s="12"/>
    </row>
    <row r="135556" spans="8:8">
      <c r="H135556" s="12"/>
    </row>
    <row r="135557" spans="8:8">
      <c r="H135557" s="12"/>
    </row>
    <row r="135558" spans="8:8">
      <c r="H135558" s="12"/>
    </row>
    <row r="135559" spans="8:8">
      <c r="H135559" s="12"/>
    </row>
    <row r="135560" spans="8:8">
      <c r="H135560" s="12"/>
    </row>
    <row r="135561" spans="8:8">
      <c r="H135561" s="12"/>
    </row>
    <row r="135562" spans="8:8">
      <c r="H135562" s="12"/>
    </row>
    <row r="135563" spans="8:8">
      <c r="H135563" s="12"/>
    </row>
    <row r="135564" spans="8:8">
      <c r="H135564" s="12"/>
    </row>
    <row r="135565" spans="8:8">
      <c r="H135565" s="12"/>
    </row>
    <row r="135566" spans="8:8">
      <c r="H135566" s="12"/>
    </row>
    <row r="135567" spans="8:8">
      <c r="H135567" s="12"/>
    </row>
    <row r="135568" spans="8:8">
      <c r="H135568" s="12"/>
    </row>
    <row r="135569" spans="8:8">
      <c r="H135569" s="12"/>
    </row>
    <row r="135570" spans="8:8">
      <c r="H135570" s="12"/>
    </row>
    <row r="135571" spans="8:8">
      <c r="H135571" s="12"/>
    </row>
    <row r="135572" spans="8:8">
      <c r="H135572" s="12"/>
    </row>
    <row r="135573" spans="8:8">
      <c r="H135573" s="12"/>
    </row>
    <row r="135574" spans="8:8">
      <c r="H135574" s="12"/>
    </row>
    <row r="135575" spans="8:8">
      <c r="H135575" s="12"/>
    </row>
    <row r="135576" spans="8:8">
      <c r="H135576" s="12"/>
    </row>
    <row r="135577" spans="8:8">
      <c r="H135577" s="12"/>
    </row>
    <row r="135578" spans="8:8">
      <c r="H135578" s="12"/>
    </row>
    <row r="135579" spans="8:8">
      <c r="H135579" s="12"/>
    </row>
    <row r="135580" spans="8:8">
      <c r="H135580" s="12"/>
    </row>
    <row r="135581" spans="8:8">
      <c r="H135581" s="12"/>
    </row>
    <row r="135582" spans="8:8">
      <c r="H135582" s="12"/>
    </row>
    <row r="135583" spans="8:8">
      <c r="H135583" s="12"/>
    </row>
    <row r="135584" spans="8:8">
      <c r="H135584" s="12"/>
    </row>
    <row r="135585" spans="8:8">
      <c r="H135585" s="12"/>
    </row>
    <row r="135586" spans="8:8">
      <c r="H135586" s="12"/>
    </row>
    <row r="135587" spans="8:8">
      <c r="H135587" s="12"/>
    </row>
    <row r="135588" spans="8:8">
      <c r="H135588" s="12"/>
    </row>
    <row r="135589" spans="8:8">
      <c r="H135589" s="12"/>
    </row>
    <row r="135590" spans="8:8">
      <c r="H135590" s="12"/>
    </row>
    <row r="135591" spans="8:8">
      <c r="H135591" s="12"/>
    </row>
    <row r="135592" spans="8:8">
      <c r="H135592" s="12"/>
    </row>
    <row r="135593" spans="8:8">
      <c r="H135593" s="12"/>
    </row>
    <row r="135594" spans="8:8">
      <c r="H135594" s="12"/>
    </row>
    <row r="135595" spans="8:8">
      <c r="H135595" s="12"/>
    </row>
    <row r="135596" spans="8:8">
      <c r="H135596" s="12"/>
    </row>
    <row r="135597" spans="8:8">
      <c r="H135597" s="12"/>
    </row>
    <row r="135598" spans="8:8">
      <c r="H135598" s="12"/>
    </row>
    <row r="135599" spans="8:8">
      <c r="H135599" s="12"/>
    </row>
    <row r="135600" spans="8:8">
      <c r="H135600" s="12"/>
    </row>
    <row r="135601" spans="8:8">
      <c r="H135601" s="12"/>
    </row>
    <row r="135602" spans="8:8">
      <c r="H135602" s="12"/>
    </row>
    <row r="135603" spans="8:8">
      <c r="H135603" s="12"/>
    </row>
    <row r="135604" spans="8:8">
      <c r="H135604" s="12"/>
    </row>
    <row r="135605" spans="8:8">
      <c r="H135605" s="12"/>
    </row>
    <row r="135606" spans="8:8">
      <c r="H135606" s="12"/>
    </row>
    <row r="135607" spans="8:8">
      <c r="H135607" s="12"/>
    </row>
    <row r="135608" spans="8:8">
      <c r="H135608" s="12"/>
    </row>
    <row r="135609" spans="8:8">
      <c r="H135609" s="12"/>
    </row>
    <row r="135610" spans="8:8">
      <c r="H135610" s="12"/>
    </row>
    <row r="135611" spans="8:8">
      <c r="H135611" s="12"/>
    </row>
    <row r="135612" spans="8:8">
      <c r="H135612" s="12"/>
    </row>
    <row r="135613" spans="8:8">
      <c r="H135613" s="12"/>
    </row>
    <row r="135614" spans="8:8">
      <c r="H135614" s="12"/>
    </row>
    <row r="135615" spans="8:8">
      <c r="H135615" s="12"/>
    </row>
    <row r="135616" spans="8:8">
      <c r="H135616" s="12"/>
    </row>
    <row r="135617" spans="8:8">
      <c r="H135617" s="12"/>
    </row>
    <row r="135618" spans="8:8">
      <c r="H135618" s="12"/>
    </row>
    <row r="135619" spans="8:8">
      <c r="H135619" s="12"/>
    </row>
    <row r="135620" spans="8:8">
      <c r="H135620" s="12"/>
    </row>
    <row r="135621" spans="8:8">
      <c r="H135621" s="12"/>
    </row>
    <row r="135622" spans="8:8">
      <c r="H135622" s="12"/>
    </row>
    <row r="135623" spans="8:8">
      <c r="H135623" s="12"/>
    </row>
    <row r="135624" spans="8:8">
      <c r="H135624" s="12"/>
    </row>
    <row r="135625" spans="8:8">
      <c r="H135625" s="12"/>
    </row>
    <row r="135626" spans="8:8">
      <c r="H135626" s="12"/>
    </row>
    <row r="135627" spans="8:8">
      <c r="H135627" s="12"/>
    </row>
    <row r="135628" spans="8:8">
      <c r="H135628" s="12"/>
    </row>
    <row r="135629" spans="8:8">
      <c r="H135629" s="12"/>
    </row>
    <row r="135630" spans="8:8">
      <c r="H135630" s="12"/>
    </row>
    <row r="135631" spans="8:8">
      <c r="H135631" s="12"/>
    </row>
    <row r="135632" spans="8:8">
      <c r="H135632" s="12"/>
    </row>
    <row r="135633" spans="8:8">
      <c r="H135633" s="12"/>
    </row>
    <row r="135634" spans="8:8">
      <c r="H135634" s="12"/>
    </row>
    <row r="135635" spans="8:8">
      <c r="H135635" s="12"/>
    </row>
    <row r="135636" spans="8:8">
      <c r="H135636" s="12"/>
    </row>
    <row r="135637" spans="8:8">
      <c r="H135637" s="12"/>
    </row>
    <row r="135638" spans="8:8">
      <c r="H135638" s="12"/>
    </row>
    <row r="135639" spans="8:8">
      <c r="H135639" s="12"/>
    </row>
    <row r="135640" spans="8:8">
      <c r="H135640" s="12"/>
    </row>
    <row r="135641" spans="8:8">
      <c r="H135641" s="12"/>
    </row>
    <row r="135642" spans="8:8">
      <c r="H135642" s="12"/>
    </row>
    <row r="135643" spans="8:8">
      <c r="H135643" s="12"/>
    </row>
    <row r="135644" spans="8:8">
      <c r="H135644" s="12"/>
    </row>
    <row r="135645" spans="8:8">
      <c r="H135645" s="12"/>
    </row>
    <row r="135646" spans="8:8">
      <c r="H135646" s="12"/>
    </row>
    <row r="135647" spans="8:8">
      <c r="H135647" s="12"/>
    </row>
    <row r="135648" spans="8:8">
      <c r="H135648" s="12"/>
    </row>
    <row r="135649" spans="8:8">
      <c r="H135649" s="12"/>
    </row>
    <row r="135650" spans="8:8">
      <c r="H135650" s="12"/>
    </row>
    <row r="135651" spans="8:8">
      <c r="H135651" s="12"/>
    </row>
    <row r="135652" spans="8:8">
      <c r="H135652" s="12"/>
    </row>
    <row r="135653" spans="8:8">
      <c r="H135653" s="12"/>
    </row>
    <row r="135654" spans="8:8">
      <c r="H135654" s="12"/>
    </row>
    <row r="135655" spans="8:8">
      <c r="H135655" s="12"/>
    </row>
    <row r="135656" spans="8:8">
      <c r="H135656" s="12"/>
    </row>
    <row r="135657" spans="8:8">
      <c r="H135657" s="12"/>
    </row>
    <row r="135658" spans="8:8">
      <c r="H135658" s="12"/>
    </row>
    <row r="135659" spans="8:8">
      <c r="H135659" s="12"/>
    </row>
    <row r="135660" spans="8:8">
      <c r="H135660" s="12"/>
    </row>
    <row r="135661" spans="8:8">
      <c r="H135661" s="12"/>
    </row>
    <row r="135662" spans="8:8">
      <c r="H135662" s="12"/>
    </row>
    <row r="135663" spans="8:8">
      <c r="H135663" s="12"/>
    </row>
    <row r="135664" spans="8:8">
      <c r="H135664" s="12"/>
    </row>
    <row r="135665" spans="8:8">
      <c r="H135665" s="12"/>
    </row>
    <row r="135666" spans="8:8">
      <c r="H135666" s="12"/>
    </row>
    <row r="135667" spans="8:8">
      <c r="H135667" s="12"/>
    </row>
    <row r="135668" spans="8:8">
      <c r="H135668" s="12"/>
    </row>
    <row r="135669" spans="8:8">
      <c r="H135669" s="12"/>
    </row>
    <row r="135670" spans="8:8">
      <c r="H135670" s="12"/>
    </row>
    <row r="135671" spans="8:8">
      <c r="H135671" s="12"/>
    </row>
    <row r="135672" spans="8:8">
      <c r="H135672" s="12"/>
    </row>
    <row r="135673" spans="8:8">
      <c r="H135673" s="12"/>
    </row>
    <row r="135674" spans="8:8">
      <c r="H135674" s="12"/>
    </row>
    <row r="135675" spans="8:8">
      <c r="H135675" s="12"/>
    </row>
    <row r="135676" spans="8:8">
      <c r="H135676" s="12"/>
    </row>
    <row r="135677" spans="8:8">
      <c r="H135677" s="12"/>
    </row>
    <row r="135678" spans="8:8">
      <c r="H135678" s="12"/>
    </row>
    <row r="135679" spans="8:8">
      <c r="H135679" s="12"/>
    </row>
    <row r="135680" spans="8:8">
      <c r="H135680" s="12"/>
    </row>
    <row r="135681" spans="8:8">
      <c r="H135681" s="12"/>
    </row>
    <row r="135682" spans="8:8">
      <c r="H135682" s="12"/>
    </row>
    <row r="135683" spans="8:8">
      <c r="H135683" s="12"/>
    </row>
    <row r="135684" spans="8:8">
      <c r="H135684" s="12"/>
    </row>
    <row r="135685" spans="8:8">
      <c r="H135685" s="12"/>
    </row>
    <row r="135686" spans="8:8">
      <c r="H135686" s="12"/>
    </row>
    <row r="135687" spans="8:8">
      <c r="H135687" s="12"/>
    </row>
    <row r="135688" spans="8:8">
      <c r="H135688" s="12"/>
    </row>
    <row r="135689" spans="8:8">
      <c r="H135689" s="12"/>
    </row>
    <row r="135690" spans="8:8">
      <c r="H135690" s="12"/>
    </row>
    <row r="135691" spans="8:8">
      <c r="H135691" s="12"/>
    </row>
    <row r="135692" spans="8:8">
      <c r="H135692" s="12"/>
    </row>
    <row r="135693" spans="8:8">
      <c r="H135693" s="12"/>
    </row>
    <row r="135694" spans="8:8">
      <c r="H135694" s="12"/>
    </row>
    <row r="135695" spans="8:8">
      <c r="H135695" s="12"/>
    </row>
    <row r="135696" spans="8:8">
      <c r="H135696" s="12"/>
    </row>
    <row r="135697" spans="8:8">
      <c r="H135697" s="12"/>
    </row>
    <row r="135698" spans="8:8">
      <c r="H135698" s="12"/>
    </row>
    <row r="135699" spans="8:8">
      <c r="H135699" s="12"/>
    </row>
    <row r="135700" spans="8:8">
      <c r="H135700" s="12"/>
    </row>
    <row r="135701" spans="8:8">
      <c r="H135701" s="12"/>
    </row>
    <row r="135702" spans="8:8">
      <c r="H135702" s="12"/>
    </row>
    <row r="135703" spans="8:8">
      <c r="H135703" s="12"/>
    </row>
    <row r="135704" spans="8:8">
      <c r="H135704" s="12"/>
    </row>
    <row r="135705" spans="8:8">
      <c r="H135705" s="12"/>
    </row>
    <row r="135706" spans="8:8">
      <c r="H135706" s="12"/>
    </row>
    <row r="135707" spans="8:8">
      <c r="H135707" s="12"/>
    </row>
    <row r="135708" spans="8:8">
      <c r="H135708" s="12"/>
    </row>
    <row r="135709" spans="8:8">
      <c r="H135709" s="12"/>
    </row>
    <row r="135710" spans="8:8">
      <c r="H135710" s="12"/>
    </row>
    <row r="135711" spans="8:8">
      <c r="H135711" s="12"/>
    </row>
    <row r="135712" spans="8:8">
      <c r="H135712" s="12"/>
    </row>
    <row r="135713" spans="8:8">
      <c r="H135713" s="12"/>
    </row>
    <row r="135714" spans="8:8">
      <c r="H135714" s="12"/>
    </row>
    <row r="135715" spans="8:8">
      <c r="H135715" s="12"/>
    </row>
    <row r="135716" spans="8:8">
      <c r="H135716" s="12"/>
    </row>
    <row r="135717" spans="8:8">
      <c r="H135717" s="12"/>
    </row>
    <row r="135718" spans="8:8">
      <c r="H135718" s="12"/>
    </row>
    <row r="135719" spans="8:8">
      <c r="H135719" s="12"/>
    </row>
    <row r="135720" spans="8:8">
      <c r="H135720" s="12"/>
    </row>
    <row r="135721" spans="8:8">
      <c r="H135721" s="12"/>
    </row>
    <row r="135722" spans="8:8">
      <c r="H135722" s="12"/>
    </row>
    <row r="135723" spans="8:8">
      <c r="H135723" s="12"/>
    </row>
    <row r="135724" spans="8:8">
      <c r="H135724" s="12"/>
    </row>
    <row r="135725" spans="8:8">
      <c r="H135725" s="12"/>
    </row>
    <row r="135726" spans="8:8">
      <c r="H135726" s="12"/>
    </row>
    <row r="135727" spans="8:8">
      <c r="H135727" s="12"/>
    </row>
    <row r="135728" spans="8:8">
      <c r="H135728" s="12"/>
    </row>
    <row r="135729" spans="8:8">
      <c r="H135729" s="12"/>
    </row>
    <row r="135730" spans="8:8">
      <c r="H135730" s="12"/>
    </row>
    <row r="135731" spans="8:8">
      <c r="H135731" s="12"/>
    </row>
    <row r="135732" spans="8:8">
      <c r="H135732" s="12"/>
    </row>
    <row r="135733" spans="8:8">
      <c r="H135733" s="12"/>
    </row>
    <row r="135734" spans="8:8">
      <c r="H135734" s="12"/>
    </row>
    <row r="135735" spans="8:8">
      <c r="H135735" s="12"/>
    </row>
    <row r="135736" spans="8:8">
      <c r="H135736" s="12"/>
    </row>
    <row r="135737" spans="8:8">
      <c r="H135737" s="12"/>
    </row>
    <row r="135738" spans="8:8">
      <c r="H135738" s="12"/>
    </row>
    <row r="135739" spans="8:8">
      <c r="H135739" s="12"/>
    </row>
    <row r="135740" spans="8:8">
      <c r="H135740" s="12"/>
    </row>
    <row r="135741" spans="8:8">
      <c r="H135741" s="12"/>
    </row>
    <row r="135742" spans="8:8">
      <c r="H135742" s="12"/>
    </row>
    <row r="135743" spans="8:8">
      <c r="H135743" s="12"/>
    </row>
    <row r="135744" spans="8:8">
      <c r="H135744" s="12"/>
    </row>
    <row r="135745" spans="8:8">
      <c r="H135745" s="12"/>
    </row>
    <row r="135746" spans="8:8">
      <c r="H135746" s="12"/>
    </row>
    <row r="135747" spans="8:8">
      <c r="H135747" s="12"/>
    </row>
    <row r="135748" spans="8:8">
      <c r="H135748" s="12"/>
    </row>
    <row r="135749" spans="8:8">
      <c r="H135749" s="12"/>
    </row>
    <row r="135750" spans="8:8">
      <c r="H135750" s="12"/>
    </row>
    <row r="135751" spans="8:8">
      <c r="H135751" s="12"/>
    </row>
    <row r="135752" spans="8:8">
      <c r="H135752" s="12"/>
    </row>
    <row r="135753" spans="8:8">
      <c r="H135753" s="12"/>
    </row>
    <row r="135754" spans="8:8">
      <c r="H135754" s="12"/>
    </row>
    <row r="135755" spans="8:8">
      <c r="H135755" s="12"/>
    </row>
    <row r="135756" spans="8:8">
      <c r="H135756" s="12"/>
    </row>
    <row r="135757" spans="8:8">
      <c r="H135757" s="12"/>
    </row>
    <row r="135758" spans="8:8">
      <c r="H135758" s="12"/>
    </row>
    <row r="135759" spans="8:8">
      <c r="H135759" s="12"/>
    </row>
    <row r="135760" spans="8:8">
      <c r="H135760" s="12"/>
    </row>
    <row r="135761" spans="8:8">
      <c r="H135761" s="12"/>
    </row>
    <row r="135762" spans="8:8">
      <c r="H135762" s="12"/>
    </row>
    <row r="135763" spans="8:8">
      <c r="H135763" s="12"/>
    </row>
    <row r="135764" spans="8:8">
      <c r="H135764" s="12"/>
    </row>
    <row r="135765" spans="8:8">
      <c r="H135765" s="12"/>
    </row>
    <row r="135766" spans="8:8">
      <c r="H135766" s="12"/>
    </row>
    <row r="135767" spans="8:8">
      <c r="H135767" s="12"/>
    </row>
    <row r="135768" spans="8:8">
      <c r="H135768" s="12"/>
    </row>
    <row r="135769" spans="8:8">
      <c r="H135769" s="12"/>
    </row>
    <row r="135770" spans="8:8">
      <c r="H135770" s="12"/>
    </row>
    <row r="135771" spans="8:8">
      <c r="H135771" s="12"/>
    </row>
    <row r="135772" spans="8:8">
      <c r="H135772" s="12"/>
    </row>
    <row r="135773" spans="8:8">
      <c r="H135773" s="12"/>
    </row>
    <row r="135774" spans="8:8">
      <c r="H135774" s="12"/>
    </row>
    <row r="135775" spans="8:8">
      <c r="H135775" s="12"/>
    </row>
    <row r="135776" spans="8:8">
      <c r="H135776" s="12"/>
    </row>
    <row r="135777" spans="8:8">
      <c r="H135777" s="12"/>
    </row>
    <row r="135778" spans="8:8">
      <c r="H135778" s="12"/>
    </row>
    <row r="135779" spans="8:8">
      <c r="H135779" s="12"/>
    </row>
    <row r="135780" spans="8:8">
      <c r="H135780" s="12"/>
    </row>
    <row r="135781" spans="8:8">
      <c r="H135781" s="12"/>
    </row>
    <row r="135782" spans="8:8">
      <c r="H135782" s="12"/>
    </row>
    <row r="135783" spans="8:8">
      <c r="H135783" s="12"/>
    </row>
    <row r="135784" spans="8:8">
      <c r="H135784" s="12"/>
    </row>
    <row r="135785" spans="8:8">
      <c r="H135785" s="12"/>
    </row>
    <row r="135786" spans="8:8">
      <c r="H135786" s="12"/>
    </row>
    <row r="135787" spans="8:8">
      <c r="H135787" s="12"/>
    </row>
    <row r="135788" spans="8:8">
      <c r="H135788" s="12"/>
    </row>
    <row r="135789" spans="8:8">
      <c r="H135789" s="12"/>
    </row>
    <row r="135790" spans="8:8">
      <c r="H135790" s="12"/>
    </row>
    <row r="135791" spans="8:8">
      <c r="H135791" s="12"/>
    </row>
    <row r="135792" spans="8:8">
      <c r="H135792" s="12"/>
    </row>
    <row r="135793" spans="8:8">
      <c r="H135793" s="12"/>
    </row>
    <row r="135794" spans="8:8">
      <c r="H135794" s="12"/>
    </row>
    <row r="135795" spans="8:8">
      <c r="H135795" s="12"/>
    </row>
    <row r="135796" spans="8:8">
      <c r="H135796" s="12"/>
    </row>
    <row r="135797" spans="8:8">
      <c r="H135797" s="12"/>
    </row>
    <row r="135798" spans="8:8">
      <c r="H135798" s="12"/>
    </row>
    <row r="135799" spans="8:8">
      <c r="H135799" s="12"/>
    </row>
    <row r="135800" spans="8:8">
      <c r="H135800" s="12"/>
    </row>
    <row r="135801" spans="8:8">
      <c r="H135801" s="12"/>
    </row>
    <row r="135802" spans="8:8">
      <c r="H135802" s="12"/>
    </row>
    <row r="135803" spans="8:8">
      <c r="H135803" s="12"/>
    </row>
    <row r="135804" spans="8:8">
      <c r="H135804" s="12"/>
    </row>
    <row r="135805" spans="8:8">
      <c r="H135805" s="12"/>
    </row>
    <row r="135806" spans="8:8">
      <c r="H135806" s="12"/>
    </row>
    <row r="135807" spans="8:8">
      <c r="H135807" s="12"/>
    </row>
    <row r="135808" spans="8:8">
      <c r="H135808" s="12"/>
    </row>
    <row r="135809" spans="8:8">
      <c r="H135809" s="12"/>
    </row>
    <row r="135810" spans="8:8">
      <c r="H135810" s="12"/>
    </row>
    <row r="135811" spans="8:8">
      <c r="H135811" s="12"/>
    </row>
    <row r="135812" spans="8:8">
      <c r="H135812" s="12"/>
    </row>
    <row r="135813" spans="8:8">
      <c r="H135813" s="12"/>
    </row>
    <row r="135814" spans="8:8">
      <c r="H135814" s="12"/>
    </row>
    <row r="135815" spans="8:8">
      <c r="H135815" s="12"/>
    </row>
    <row r="135816" spans="8:8">
      <c r="H135816" s="12"/>
    </row>
    <row r="135817" spans="8:8">
      <c r="H135817" s="12"/>
    </row>
    <row r="135818" spans="8:8">
      <c r="H135818" s="12"/>
    </row>
    <row r="135819" spans="8:8">
      <c r="H135819" s="12"/>
    </row>
    <row r="135820" spans="8:8">
      <c r="H135820" s="12"/>
    </row>
    <row r="135821" spans="8:8">
      <c r="H135821" s="12"/>
    </row>
    <row r="135822" spans="8:8">
      <c r="H135822" s="12"/>
    </row>
    <row r="135823" spans="8:8">
      <c r="H135823" s="12"/>
    </row>
    <row r="135824" spans="8:8">
      <c r="H135824" s="12"/>
    </row>
    <row r="135825" spans="8:8">
      <c r="H135825" s="12"/>
    </row>
    <row r="135826" spans="8:8">
      <c r="H135826" s="12"/>
    </row>
    <row r="135827" spans="8:8">
      <c r="H135827" s="12"/>
    </row>
    <row r="135828" spans="8:8">
      <c r="H135828" s="12"/>
    </row>
    <row r="135829" spans="8:8">
      <c r="H135829" s="12"/>
    </row>
    <row r="135830" spans="8:8">
      <c r="H135830" s="12"/>
    </row>
    <row r="135831" spans="8:8">
      <c r="H135831" s="12"/>
    </row>
    <row r="135832" spans="8:8">
      <c r="H135832" s="12"/>
    </row>
    <row r="135833" spans="8:8">
      <c r="H135833" s="12"/>
    </row>
    <row r="135834" spans="8:8">
      <c r="H135834" s="12"/>
    </row>
    <row r="135835" spans="8:8">
      <c r="H135835" s="12"/>
    </row>
    <row r="135836" spans="8:8">
      <c r="H135836" s="12"/>
    </row>
    <row r="135837" spans="8:8">
      <c r="H135837" s="12"/>
    </row>
    <row r="135838" spans="8:8">
      <c r="H135838" s="12"/>
    </row>
    <row r="135839" spans="8:8">
      <c r="H135839" s="12"/>
    </row>
    <row r="135840" spans="8:8">
      <c r="H135840" s="12"/>
    </row>
    <row r="135841" spans="8:8">
      <c r="H135841" s="12"/>
    </row>
    <row r="135842" spans="8:8">
      <c r="H135842" s="12"/>
    </row>
    <row r="135843" spans="8:8">
      <c r="H135843" s="12"/>
    </row>
    <row r="135844" spans="8:8">
      <c r="H135844" s="12"/>
    </row>
    <row r="135845" spans="8:8">
      <c r="H135845" s="12"/>
    </row>
    <row r="135846" spans="8:8">
      <c r="H135846" s="12"/>
    </row>
    <row r="135847" spans="8:8">
      <c r="H135847" s="12"/>
    </row>
    <row r="135848" spans="8:8">
      <c r="H135848" s="12"/>
    </row>
    <row r="135849" spans="8:8">
      <c r="H135849" s="12"/>
    </row>
    <row r="135850" spans="8:8">
      <c r="H135850" s="12"/>
    </row>
    <row r="135851" spans="8:8">
      <c r="H135851" s="12"/>
    </row>
    <row r="135852" spans="8:8">
      <c r="H135852" s="12"/>
    </row>
    <row r="135853" spans="8:8">
      <c r="H135853" s="12"/>
    </row>
    <row r="135854" spans="8:8">
      <c r="H135854" s="12"/>
    </row>
    <row r="135855" spans="8:8">
      <c r="H135855" s="12"/>
    </row>
    <row r="135856" spans="8:8">
      <c r="H135856" s="12"/>
    </row>
    <row r="135857" spans="8:8">
      <c r="H135857" s="12"/>
    </row>
    <row r="135858" spans="8:8">
      <c r="H135858" s="12"/>
    </row>
    <row r="135859" spans="8:8">
      <c r="H135859" s="12"/>
    </row>
    <row r="135860" spans="8:8">
      <c r="H135860" s="12"/>
    </row>
    <row r="135861" spans="8:8">
      <c r="H135861" s="12"/>
    </row>
    <row r="135862" spans="8:8">
      <c r="H135862" s="12"/>
    </row>
    <row r="135863" spans="8:8">
      <c r="H135863" s="12"/>
    </row>
    <row r="135864" spans="8:8">
      <c r="H135864" s="12"/>
    </row>
    <row r="135865" spans="8:8">
      <c r="H135865" s="12"/>
    </row>
    <row r="135866" spans="8:8">
      <c r="H135866" s="12"/>
    </row>
    <row r="135867" spans="8:8">
      <c r="H135867" s="12"/>
    </row>
    <row r="135868" spans="8:8">
      <c r="H135868" s="12"/>
    </row>
    <row r="135869" spans="8:8">
      <c r="H135869" s="12"/>
    </row>
    <row r="135870" spans="8:8">
      <c r="H135870" s="12"/>
    </row>
    <row r="135871" spans="8:8">
      <c r="H135871" s="12"/>
    </row>
    <row r="135872" spans="8:8">
      <c r="H135872" s="12"/>
    </row>
    <row r="135873" spans="8:8">
      <c r="H135873" s="12"/>
    </row>
    <row r="135874" spans="8:8">
      <c r="H135874" s="12"/>
    </row>
    <row r="135875" spans="8:8">
      <c r="H135875" s="12"/>
    </row>
    <row r="135876" spans="8:8">
      <c r="H135876" s="12"/>
    </row>
    <row r="135877" spans="8:8">
      <c r="H135877" s="12"/>
    </row>
    <row r="135878" spans="8:8">
      <c r="H135878" s="12"/>
    </row>
    <row r="135879" spans="8:8">
      <c r="H135879" s="12"/>
    </row>
    <row r="135880" spans="8:8">
      <c r="H135880" s="12"/>
    </row>
    <row r="135881" spans="8:8">
      <c r="H135881" s="12"/>
    </row>
    <row r="135882" spans="8:8">
      <c r="H135882" s="12"/>
    </row>
    <row r="135883" spans="8:8">
      <c r="H135883" s="12"/>
    </row>
    <row r="135884" spans="8:8">
      <c r="H135884" s="12"/>
    </row>
    <row r="135885" spans="8:8">
      <c r="H135885" s="12"/>
    </row>
    <row r="135886" spans="8:8">
      <c r="H135886" s="12"/>
    </row>
    <row r="135887" spans="8:8">
      <c r="H135887" s="12"/>
    </row>
    <row r="135888" spans="8:8">
      <c r="H135888" s="12"/>
    </row>
    <row r="135889" spans="8:8">
      <c r="H135889" s="12"/>
    </row>
    <row r="135890" spans="8:8">
      <c r="H135890" s="12"/>
    </row>
    <row r="135891" spans="8:8">
      <c r="H135891" s="12"/>
    </row>
    <row r="135892" spans="8:8">
      <c r="H135892" s="12"/>
    </row>
    <row r="135893" spans="8:8">
      <c r="H135893" s="12"/>
    </row>
    <row r="135894" spans="8:8">
      <c r="H135894" s="12"/>
    </row>
    <row r="135895" spans="8:8">
      <c r="H135895" s="12"/>
    </row>
    <row r="135896" spans="8:8">
      <c r="H135896" s="12"/>
    </row>
    <row r="135897" spans="8:8">
      <c r="H135897" s="12"/>
    </row>
    <row r="135898" spans="8:8">
      <c r="H135898" s="12"/>
    </row>
    <row r="135899" spans="8:8">
      <c r="H135899" s="12"/>
    </row>
    <row r="135900" spans="8:8">
      <c r="H135900" s="12"/>
    </row>
    <row r="135901" spans="8:8">
      <c r="H135901" s="12"/>
    </row>
    <row r="135902" spans="8:8">
      <c r="H135902" s="12"/>
    </row>
    <row r="135903" spans="8:8">
      <c r="H135903" s="12"/>
    </row>
    <row r="135904" spans="8:8">
      <c r="H135904" s="12"/>
    </row>
    <row r="135905" spans="8:8">
      <c r="H135905" s="12"/>
    </row>
    <row r="135906" spans="8:8">
      <c r="H135906" s="12"/>
    </row>
    <row r="135907" spans="8:8">
      <c r="H135907" s="12"/>
    </row>
    <row r="135908" spans="8:8">
      <c r="H135908" s="12"/>
    </row>
    <row r="135909" spans="8:8">
      <c r="H135909" s="12"/>
    </row>
    <row r="135910" spans="8:8">
      <c r="H135910" s="12"/>
    </row>
    <row r="135911" spans="8:8">
      <c r="H135911" s="12"/>
    </row>
    <row r="135912" spans="8:8">
      <c r="H135912" s="12"/>
    </row>
    <row r="135913" spans="8:8">
      <c r="H135913" s="12"/>
    </row>
    <row r="135914" spans="8:8">
      <c r="H135914" s="12"/>
    </row>
    <row r="135915" spans="8:8">
      <c r="H135915" s="12"/>
    </row>
    <row r="135916" spans="8:8">
      <c r="H135916" s="12"/>
    </row>
    <row r="135917" spans="8:8">
      <c r="H135917" s="12"/>
    </row>
    <row r="135918" spans="8:8">
      <c r="H135918" s="12"/>
    </row>
    <row r="135919" spans="8:8">
      <c r="H135919" s="12"/>
    </row>
    <row r="135920" spans="8:8">
      <c r="H135920" s="12"/>
    </row>
    <row r="135921" spans="8:8">
      <c r="H135921" s="12"/>
    </row>
    <row r="135922" spans="8:8">
      <c r="H135922" s="12"/>
    </row>
    <row r="135923" spans="8:8">
      <c r="H135923" s="12"/>
    </row>
    <row r="135924" spans="8:8">
      <c r="H135924" s="12"/>
    </row>
    <row r="135925" spans="8:8">
      <c r="H135925" s="12"/>
    </row>
    <row r="135926" spans="8:8">
      <c r="H135926" s="12"/>
    </row>
    <row r="135927" spans="8:8">
      <c r="H135927" s="12"/>
    </row>
    <row r="135928" spans="8:8">
      <c r="H135928" s="12"/>
    </row>
    <row r="135929" spans="8:8">
      <c r="H135929" s="12"/>
    </row>
    <row r="135930" spans="8:8">
      <c r="H135930" s="12"/>
    </row>
    <row r="135931" spans="8:8">
      <c r="H135931" s="12"/>
    </row>
    <row r="135932" spans="8:8">
      <c r="H135932" s="12"/>
    </row>
    <row r="135933" spans="8:8">
      <c r="H135933" s="12"/>
    </row>
    <row r="135934" spans="8:8">
      <c r="H135934" s="12"/>
    </row>
    <row r="135935" spans="8:8">
      <c r="H135935" s="12"/>
    </row>
    <row r="135936" spans="8:8">
      <c r="H135936" s="12"/>
    </row>
    <row r="135937" spans="8:8">
      <c r="H135937" s="12"/>
    </row>
    <row r="135938" spans="8:8">
      <c r="H135938" s="12"/>
    </row>
    <row r="135939" spans="8:8">
      <c r="H135939" s="12"/>
    </row>
    <row r="135940" spans="8:8">
      <c r="H135940" s="12"/>
    </row>
    <row r="135941" spans="8:8">
      <c r="H135941" s="12"/>
    </row>
    <row r="135942" spans="8:8">
      <c r="H135942" s="12"/>
    </row>
    <row r="135943" spans="8:8">
      <c r="H135943" s="12"/>
    </row>
    <row r="135944" spans="8:8">
      <c r="H135944" s="12"/>
    </row>
    <row r="135945" spans="8:8">
      <c r="H135945" s="12"/>
    </row>
    <row r="135946" spans="8:8">
      <c r="H135946" s="12"/>
    </row>
    <row r="135947" spans="8:8">
      <c r="H135947" s="12"/>
    </row>
    <row r="135948" spans="8:8">
      <c r="H135948" s="12"/>
    </row>
    <row r="135949" spans="8:8">
      <c r="H135949" s="12"/>
    </row>
    <row r="135950" spans="8:8">
      <c r="H135950" s="12"/>
    </row>
    <row r="135951" spans="8:8">
      <c r="H135951" s="12"/>
    </row>
    <row r="135952" spans="8:8">
      <c r="H135952" s="12"/>
    </row>
    <row r="135953" spans="8:8">
      <c r="H135953" s="12"/>
    </row>
    <row r="135954" spans="8:8">
      <c r="H135954" s="12"/>
    </row>
    <row r="135955" spans="8:8">
      <c r="H135955" s="12"/>
    </row>
    <row r="135956" spans="8:8">
      <c r="H135956" s="12"/>
    </row>
    <row r="135957" spans="8:8">
      <c r="H135957" s="12"/>
    </row>
    <row r="135958" spans="8:8">
      <c r="H135958" s="12"/>
    </row>
    <row r="135959" spans="8:8">
      <c r="H135959" s="12"/>
    </row>
    <row r="135960" spans="8:8">
      <c r="H135960" s="12"/>
    </row>
    <row r="135961" spans="8:8">
      <c r="H135961" s="12"/>
    </row>
    <row r="135962" spans="8:8">
      <c r="H135962" s="12"/>
    </row>
    <row r="135963" spans="8:8">
      <c r="H135963" s="12"/>
    </row>
    <row r="135964" spans="8:8">
      <c r="H135964" s="12"/>
    </row>
    <row r="135965" spans="8:8">
      <c r="H135965" s="12"/>
    </row>
    <row r="135966" spans="8:8">
      <c r="H135966" s="12"/>
    </row>
    <row r="135967" spans="8:8">
      <c r="H135967" s="12"/>
    </row>
    <row r="135968" spans="8:8">
      <c r="H135968" s="12"/>
    </row>
    <row r="135969" spans="8:8">
      <c r="H135969" s="12"/>
    </row>
    <row r="135970" spans="8:8">
      <c r="H135970" s="12"/>
    </row>
    <row r="135971" spans="8:8">
      <c r="H135971" s="12"/>
    </row>
    <row r="135972" spans="8:8">
      <c r="H135972" s="12"/>
    </row>
    <row r="135973" spans="8:8">
      <c r="H135973" s="12"/>
    </row>
    <row r="135974" spans="8:8">
      <c r="H135974" s="12"/>
    </row>
    <row r="135975" spans="8:8">
      <c r="H135975" s="12"/>
    </row>
    <row r="135976" spans="8:8">
      <c r="H135976" s="12"/>
    </row>
    <row r="135977" spans="8:8">
      <c r="H135977" s="12"/>
    </row>
    <row r="135978" spans="8:8">
      <c r="H135978" s="12"/>
    </row>
    <row r="135979" spans="8:8">
      <c r="H135979" s="12"/>
    </row>
    <row r="135980" spans="8:8">
      <c r="H135980" s="12"/>
    </row>
    <row r="135981" spans="8:8">
      <c r="H135981" s="12"/>
    </row>
    <row r="135982" spans="8:8">
      <c r="H135982" s="12"/>
    </row>
    <row r="135983" spans="8:8">
      <c r="H135983" s="12"/>
    </row>
    <row r="135984" spans="8:8">
      <c r="H135984" s="12"/>
    </row>
    <row r="135985" spans="8:8">
      <c r="H135985" s="12"/>
    </row>
    <row r="135986" spans="8:8">
      <c r="H135986" s="12"/>
    </row>
    <row r="135987" spans="8:8">
      <c r="H135987" s="12"/>
    </row>
    <row r="135988" spans="8:8">
      <c r="H135988" s="12"/>
    </row>
    <row r="135989" spans="8:8">
      <c r="H135989" s="12"/>
    </row>
    <row r="135990" spans="8:8">
      <c r="H135990" s="12"/>
    </row>
    <row r="135991" spans="8:8">
      <c r="H135991" s="12"/>
    </row>
    <row r="135992" spans="8:8">
      <c r="H135992" s="12"/>
    </row>
    <row r="135993" spans="8:8">
      <c r="H135993" s="12"/>
    </row>
    <row r="135994" spans="8:8">
      <c r="H135994" s="12"/>
    </row>
    <row r="135995" spans="8:8">
      <c r="H135995" s="12"/>
    </row>
    <row r="135996" spans="8:8">
      <c r="H135996" s="12"/>
    </row>
    <row r="135997" spans="8:8">
      <c r="H135997" s="12"/>
    </row>
    <row r="135998" spans="8:8">
      <c r="H135998" s="12"/>
    </row>
    <row r="135999" spans="8:8">
      <c r="H135999" s="12"/>
    </row>
    <row r="136000" spans="8:8">
      <c r="H136000" s="12"/>
    </row>
    <row r="136001" spans="8:8">
      <c r="H136001" s="12"/>
    </row>
    <row r="136002" spans="8:8">
      <c r="H136002" s="12"/>
    </row>
    <row r="136003" spans="8:8">
      <c r="H136003" s="12"/>
    </row>
    <row r="136004" spans="8:8">
      <c r="H136004" s="12"/>
    </row>
    <row r="136005" spans="8:8">
      <c r="H136005" s="12"/>
    </row>
    <row r="136006" spans="8:8">
      <c r="H136006" s="12"/>
    </row>
    <row r="136007" spans="8:8">
      <c r="H136007" s="12"/>
    </row>
    <row r="136008" spans="8:8">
      <c r="H136008" s="12"/>
    </row>
    <row r="136009" spans="8:8">
      <c r="H136009" s="12"/>
    </row>
    <row r="136010" spans="8:8">
      <c r="H136010" s="12"/>
    </row>
    <row r="136011" spans="8:8">
      <c r="H136011" s="12"/>
    </row>
    <row r="136012" spans="8:8">
      <c r="H136012" s="12"/>
    </row>
    <row r="136013" spans="8:8">
      <c r="H136013" s="12"/>
    </row>
    <row r="136014" spans="8:8">
      <c r="H136014" s="12"/>
    </row>
    <row r="136015" spans="8:8">
      <c r="H136015" s="12"/>
    </row>
    <row r="136016" spans="8:8">
      <c r="H136016" s="12"/>
    </row>
    <row r="136017" spans="8:8">
      <c r="H136017" s="12"/>
    </row>
    <row r="136018" spans="8:8">
      <c r="H136018" s="12"/>
    </row>
    <row r="136019" spans="8:8">
      <c r="H136019" s="12"/>
    </row>
    <row r="136020" spans="8:8">
      <c r="H136020" s="12"/>
    </row>
    <row r="136021" spans="8:8">
      <c r="H136021" s="12"/>
    </row>
    <row r="136022" spans="8:8">
      <c r="H136022" s="12"/>
    </row>
    <row r="136023" spans="8:8">
      <c r="H136023" s="12"/>
    </row>
    <row r="136024" spans="8:8">
      <c r="H136024" s="12"/>
    </row>
    <row r="136025" spans="8:8">
      <c r="H136025" s="12"/>
    </row>
    <row r="136026" spans="8:8">
      <c r="H136026" s="12"/>
    </row>
    <row r="136027" spans="8:8">
      <c r="H136027" s="12"/>
    </row>
    <row r="136028" spans="8:8">
      <c r="H136028" s="12"/>
    </row>
    <row r="136029" spans="8:8">
      <c r="H136029" s="12"/>
    </row>
    <row r="136030" spans="8:8">
      <c r="H136030" s="12"/>
    </row>
    <row r="136031" spans="8:8">
      <c r="H136031" s="12"/>
    </row>
    <row r="136032" spans="8:8">
      <c r="H136032" s="12"/>
    </row>
    <row r="136033" spans="8:8">
      <c r="H136033" s="12"/>
    </row>
    <row r="136034" spans="8:8">
      <c r="H136034" s="12"/>
    </row>
    <row r="136035" spans="8:8">
      <c r="H136035" s="12"/>
    </row>
    <row r="136036" spans="8:8">
      <c r="H136036" s="12"/>
    </row>
    <row r="136037" spans="8:8">
      <c r="H136037" s="12"/>
    </row>
    <row r="136038" spans="8:8">
      <c r="H136038" s="12"/>
    </row>
    <row r="136039" spans="8:8">
      <c r="H136039" s="12"/>
    </row>
    <row r="136040" spans="8:8">
      <c r="H136040" s="12"/>
    </row>
    <row r="136041" spans="8:8">
      <c r="H136041" s="12"/>
    </row>
    <row r="136042" spans="8:8">
      <c r="H136042" s="12"/>
    </row>
    <row r="136043" spans="8:8">
      <c r="H136043" s="12"/>
    </row>
    <row r="136044" spans="8:8">
      <c r="H136044" s="12"/>
    </row>
    <row r="136045" spans="8:8">
      <c r="H136045" s="12"/>
    </row>
    <row r="136046" spans="8:8">
      <c r="H136046" s="12"/>
    </row>
    <row r="136047" spans="8:8">
      <c r="H136047" s="12"/>
    </row>
    <row r="136048" spans="8:8">
      <c r="H136048" s="12"/>
    </row>
    <row r="136049" spans="8:8">
      <c r="H136049" s="12"/>
    </row>
    <row r="136050" spans="8:8">
      <c r="H136050" s="12"/>
    </row>
    <row r="136051" spans="8:8">
      <c r="H136051" s="12"/>
    </row>
    <row r="136052" spans="8:8">
      <c r="H136052" s="12"/>
    </row>
    <row r="136053" spans="8:8">
      <c r="H136053" s="12"/>
    </row>
    <row r="136054" spans="8:8">
      <c r="H136054" s="12"/>
    </row>
    <row r="136055" spans="8:8">
      <c r="H136055" s="12"/>
    </row>
    <row r="136056" spans="8:8">
      <c r="H136056" s="12"/>
    </row>
    <row r="136057" spans="8:8">
      <c r="H136057" s="12"/>
    </row>
    <row r="136058" spans="8:8">
      <c r="H136058" s="12"/>
    </row>
    <row r="136059" spans="8:8">
      <c r="H136059" s="12"/>
    </row>
    <row r="136060" spans="8:8">
      <c r="H136060" s="12"/>
    </row>
    <row r="136061" spans="8:8">
      <c r="H136061" s="12"/>
    </row>
    <row r="136062" spans="8:8">
      <c r="H136062" s="12"/>
    </row>
    <row r="136063" spans="8:8">
      <c r="H136063" s="12"/>
    </row>
    <row r="136064" spans="8:8">
      <c r="H136064" s="12"/>
    </row>
    <row r="136065" spans="8:8">
      <c r="H136065" s="12"/>
    </row>
    <row r="136066" spans="8:8">
      <c r="H136066" s="12"/>
    </row>
    <row r="136067" spans="8:8">
      <c r="H136067" s="12"/>
    </row>
    <row r="136068" spans="8:8">
      <c r="H136068" s="12"/>
    </row>
    <row r="136069" spans="8:8">
      <c r="H136069" s="12"/>
    </row>
    <row r="136070" spans="8:8">
      <c r="H136070" s="12"/>
    </row>
    <row r="136071" spans="8:8">
      <c r="H136071" s="12"/>
    </row>
    <row r="136072" spans="8:8">
      <c r="H136072" s="12"/>
    </row>
    <row r="136073" spans="8:8">
      <c r="H136073" s="12"/>
    </row>
    <row r="136074" spans="8:8">
      <c r="H136074" s="12"/>
    </row>
    <row r="136075" spans="8:8">
      <c r="H136075" s="12"/>
    </row>
    <row r="136076" spans="8:8">
      <c r="H136076" s="12"/>
    </row>
    <row r="136077" spans="8:8">
      <c r="H136077" s="12"/>
    </row>
    <row r="136078" spans="8:8">
      <c r="H136078" s="12"/>
    </row>
    <row r="136079" spans="8:8">
      <c r="H136079" s="12"/>
    </row>
    <row r="136080" spans="8:8">
      <c r="H136080" s="12"/>
    </row>
    <row r="136081" spans="8:8">
      <c r="H136081" s="12"/>
    </row>
    <row r="136082" spans="8:8">
      <c r="H136082" s="12"/>
    </row>
    <row r="136083" spans="8:8">
      <c r="H136083" s="12"/>
    </row>
    <row r="136084" spans="8:8">
      <c r="H136084" s="12"/>
    </row>
    <row r="136085" spans="8:8">
      <c r="H136085" s="12"/>
    </row>
    <row r="136086" spans="8:8">
      <c r="H136086" s="12"/>
    </row>
    <row r="136087" spans="8:8">
      <c r="H136087" s="12"/>
    </row>
    <row r="136088" spans="8:8">
      <c r="H136088" s="12"/>
    </row>
    <row r="136089" spans="8:8">
      <c r="H136089" s="12"/>
    </row>
    <row r="136090" spans="8:8">
      <c r="H136090" s="12"/>
    </row>
    <row r="136091" spans="8:8">
      <c r="H136091" s="12"/>
    </row>
    <row r="136092" spans="8:8">
      <c r="H136092" s="12"/>
    </row>
    <row r="136093" spans="8:8">
      <c r="H136093" s="12"/>
    </row>
    <row r="136094" spans="8:8">
      <c r="H136094" s="12"/>
    </row>
    <row r="136095" spans="8:8">
      <c r="H136095" s="12"/>
    </row>
    <row r="136096" spans="8:8">
      <c r="H136096" s="12"/>
    </row>
    <row r="136097" spans="8:8">
      <c r="H136097" s="12"/>
    </row>
    <row r="136098" spans="8:8">
      <c r="H136098" s="12"/>
    </row>
    <row r="136099" spans="8:8">
      <c r="H136099" s="12"/>
    </row>
    <row r="136100" spans="8:8">
      <c r="H136100" s="12"/>
    </row>
    <row r="136101" spans="8:8">
      <c r="H136101" s="12"/>
    </row>
    <row r="136102" spans="8:8">
      <c r="H136102" s="12"/>
    </row>
    <row r="136103" spans="8:8">
      <c r="H136103" s="12"/>
    </row>
    <row r="136104" spans="8:8">
      <c r="H136104" s="12"/>
    </row>
    <row r="136105" spans="8:8">
      <c r="H136105" s="12"/>
    </row>
    <row r="136106" spans="8:8">
      <c r="H136106" s="12"/>
    </row>
    <row r="136107" spans="8:8">
      <c r="H136107" s="12"/>
    </row>
    <row r="136108" spans="8:8">
      <c r="H136108" s="12"/>
    </row>
    <row r="136109" spans="8:8">
      <c r="H136109" s="12"/>
    </row>
    <row r="136110" spans="8:8">
      <c r="H136110" s="12"/>
    </row>
    <row r="136111" spans="8:8">
      <c r="H136111" s="12"/>
    </row>
    <row r="136112" spans="8:8">
      <c r="H136112" s="12"/>
    </row>
    <row r="136113" spans="8:8">
      <c r="H136113" s="12"/>
    </row>
    <row r="136114" spans="8:8">
      <c r="H136114" s="12"/>
    </row>
    <row r="136115" spans="8:8">
      <c r="H136115" s="12"/>
    </row>
    <row r="136116" spans="8:8">
      <c r="H136116" s="12"/>
    </row>
    <row r="136117" spans="8:8">
      <c r="H136117" s="12"/>
    </row>
    <row r="136118" spans="8:8">
      <c r="H136118" s="12"/>
    </row>
    <row r="136119" spans="8:8">
      <c r="H136119" s="12"/>
    </row>
    <row r="136120" spans="8:8">
      <c r="H136120" s="12"/>
    </row>
    <row r="136121" spans="8:8">
      <c r="H136121" s="12"/>
    </row>
    <row r="136122" spans="8:8">
      <c r="H136122" s="12"/>
    </row>
    <row r="136123" spans="8:8">
      <c r="H136123" s="12"/>
    </row>
    <row r="136124" spans="8:8">
      <c r="H136124" s="12"/>
    </row>
    <row r="136125" spans="8:8">
      <c r="H136125" s="12"/>
    </row>
    <row r="136126" spans="8:8">
      <c r="H136126" s="12"/>
    </row>
    <row r="136127" spans="8:8">
      <c r="H136127" s="12"/>
    </row>
    <row r="136128" spans="8:8">
      <c r="H136128" s="12"/>
    </row>
    <row r="136129" spans="8:8">
      <c r="H136129" s="12"/>
    </row>
    <row r="136130" spans="8:8">
      <c r="H136130" s="12"/>
    </row>
    <row r="136131" spans="8:8">
      <c r="H136131" s="12"/>
    </row>
    <row r="136132" spans="8:8">
      <c r="H136132" s="12"/>
    </row>
    <row r="136133" spans="8:8">
      <c r="H136133" s="12"/>
    </row>
    <row r="136134" spans="8:8">
      <c r="H136134" s="12"/>
    </row>
    <row r="136135" spans="8:8">
      <c r="H136135" s="12"/>
    </row>
    <row r="136136" spans="8:8">
      <c r="H136136" s="12"/>
    </row>
    <row r="136137" spans="8:8">
      <c r="H136137" s="12"/>
    </row>
    <row r="136138" spans="8:8">
      <c r="H136138" s="12"/>
    </row>
    <row r="136139" spans="8:8">
      <c r="H136139" s="12"/>
    </row>
    <row r="136140" spans="8:8">
      <c r="H136140" s="12"/>
    </row>
    <row r="136141" spans="8:8">
      <c r="H136141" s="12"/>
    </row>
    <row r="136142" spans="8:8">
      <c r="H136142" s="12"/>
    </row>
    <row r="136143" spans="8:8">
      <c r="H136143" s="12"/>
    </row>
    <row r="136144" spans="8:8">
      <c r="H136144" s="12"/>
    </row>
    <row r="136145" spans="8:8">
      <c r="H136145" s="12"/>
    </row>
    <row r="136146" spans="8:8">
      <c r="H136146" s="12"/>
    </row>
    <row r="136147" spans="8:8">
      <c r="H136147" s="12"/>
    </row>
    <row r="136148" spans="8:8">
      <c r="H136148" s="12"/>
    </row>
    <row r="136149" spans="8:8">
      <c r="H136149" s="12"/>
    </row>
    <row r="136150" spans="8:8">
      <c r="H136150" s="12"/>
    </row>
    <row r="136151" spans="8:8">
      <c r="H136151" s="12"/>
    </row>
    <row r="136152" spans="8:8">
      <c r="H136152" s="12"/>
    </row>
    <row r="136153" spans="8:8">
      <c r="H136153" s="12"/>
    </row>
    <row r="136154" spans="8:8">
      <c r="H136154" s="12"/>
    </row>
    <row r="136155" spans="8:8">
      <c r="H136155" s="12"/>
    </row>
    <row r="136156" spans="8:8">
      <c r="H136156" s="12"/>
    </row>
    <row r="136157" spans="8:8">
      <c r="H136157" s="12"/>
    </row>
    <row r="136158" spans="8:8">
      <c r="H136158" s="12"/>
    </row>
    <row r="136159" spans="8:8">
      <c r="H136159" s="12"/>
    </row>
    <row r="136160" spans="8:8">
      <c r="H136160" s="12"/>
    </row>
    <row r="136161" spans="8:8">
      <c r="H136161" s="12"/>
    </row>
    <row r="136162" spans="8:8">
      <c r="H136162" s="12"/>
    </row>
    <row r="136163" spans="8:8">
      <c r="H136163" s="12"/>
    </row>
    <row r="136164" spans="8:8">
      <c r="H136164" s="12"/>
    </row>
    <row r="136165" spans="8:8">
      <c r="H136165" s="12"/>
    </row>
    <row r="136166" spans="8:8">
      <c r="H136166" s="12"/>
    </row>
    <row r="136167" spans="8:8">
      <c r="H136167" s="12"/>
    </row>
    <row r="136168" spans="8:8">
      <c r="H136168" s="12"/>
    </row>
    <row r="136169" spans="8:8">
      <c r="H136169" s="12"/>
    </row>
    <row r="136170" spans="8:8">
      <c r="H136170" s="12"/>
    </row>
    <row r="136171" spans="8:8">
      <c r="H136171" s="12"/>
    </row>
    <row r="136172" spans="8:8">
      <c r="H136172" s="12"/>
    </row>
    <row r="136173" spans="8:8">
      <c r="H136173" s="12"/>
    </row>
    <row r="136174" spans="8:8">
      <c r="H136174" s="12"/>
    </row>
    <row r="136175" spans="8:8">
      <c r="H136175" s="12"/>
    </row>
    <row r="136176" spans="8:8">
      <c r="H136176" s="12"/>
    </row>
    <row r="136177" spans="8:8">
      <c r="H136177" s="12"/>
    </row>
    <row r="136178" spans="8:8">
      <c r="H136178" s="12"/>
    </row>
    <row r="136179" spans="8:8">
      <c r="H136179" s="12"/>
    </row>
    <row r="136180" spans="8:8">
      <c r="H136180" s="12"/>
    </row>
    <row r="136181" spans="8:8">
      <c r="H136181" s="12"/>
    </row>
    <row r="136182" spans="8:8">
      <c r="H136182" s="12"/>
    </row>
    <row r="136183" spans="8:8">
      <c r="H136183" s="12"/>
    </row>
    <row r="136184" spans="8:8">
      <c r="H136184" s="12"/>
    </row>
    <row r="136185" spans="8:8">
      <c r="H136185" s="12"/>
    </row>
    <row r="136186" spans="8:8">
      <c r="H136186" s="12"/>
    </row>
    <row r="136187" spans="8:8">
      <c r="H136187" s="12"/>
    </row>
    <row r="136188" spans="8:8">
      <c r="H136188" s="12"/>
    </row>
    <row r="136189" spans="8:8">
      <c r="H136189" s="12"/>
    </row>
    <row r="136190" spans="8:8">
      <c r="H136190" s="12"/>
    </row>
    <row r="136191" spans="8:8">
      <c r="H136191" s="12"/>
    </row>
    <row r="136192" spans="8:8">
      <c r="H136192" s="12"/>
    </row>
    <row r="136193" spans="8:8">
      <c r="H136193" s="12"/>
    </row>
    <row r="136194" spans="8:8">
      <c r="H136194" s="12"/>
    </row>
    <row r="136195" spans="8:8">
      <c r="H136195" s="12"/>
    </row>
    <row r="136196" spans="8:8">
      <c r="H136196" s="12"/>
    </row>
    <row r="136197" spans="8:8">
      <c r="H136197" s="12"/>
    </row>
    <row r="136198" spans="8:8">
      <c r="H136198" s="12"/>
    </row>
    <row r="136199" spans="8:8">
      <c r="H136199" s="12"/>
    </row>
    <row r="136200" spans="8:8">
      <c r="H136200" s="12"/>
    </row>
    <row r="136201" spans="8:8">
      <c r="H136201" s="12"/>
    </row>
    <row r="136202" spans="8:8">
      <c r="H136202" s="12"/>
    </row>
    <row r="136203" spans="8:8">
      <c r="H136203" s="12"/>
    </row>
    <row r="136204" spans="8:8">
      <c r="H136204" s="12"/>
    </row>
    <row r="136205" spans="8:8">
      <c r="H136205" s="12"/>
    </row>
    <row r="136206" spans="8:8">
      <c r="H136206" s="12"/>
    </row>
    <row r="136207" spans="8:8">
      <c r="H136207" s="12"/>
    </row>
    <row r="136208" spans="8:8">
      <c r="H136208" s="12"/>
    </row>
    <row r="136209" spans="8:8">
      <c r="H136209" s="12"/>
    </row>
    <row r="136210" spans="8:8">
      <c r="H136210" s="12"/>
    </row>
    <row r="136211" spans="8:8">
      <c r="H136211" s="12"/>
    </row>
    <row r="136212" spans="8:8">
      <c r="H136212" s="12"/>
    </row>
    <row r="136213" spans="8:8">
      <c r="H136213" s="12"/>
    </row>
    <row r="136214" spans="8:8">
      <c r="H136214" s="12"/>
    </row>
    <row r="136215" spans="8:8">
      <c r="H136215" s="12"/>
    </row>
    <row r="136216" spans="8:8">
      <c r="H136216" s="12"/>
    </row>
    <row r="136217" spans="8:8">
      <c r="H136217" s="12"/>
    </row>
    <row r="136218" spans="8:8">
      <c r="H136218" s="12"/>
    </row>
    <row r="136219" spans="8:8">
      <c r="H136219" s="12"/>
    </row>
    <row r="136220" spans="8:8">
      <c r="H136220" s="12"/>
    </row>
    <row r="136221" spans="8:8">
      <c r="H136221" s="12"/>
    </row>
    <row r="136222" spans="8:8">
      <c r="H136222" s="12"/>
    </row>
    <row r="136223" spans="8:8">
      <c r="H136223" s="12"/>
    </row>
    <row r="136224" spans="8:8">
      <c r="H136224" s="12"/>
    </row>
    <row r="136225" spans="8:8">
      <c r="H136225" s="12"/>
    </row>
    <row r="136226" spans="8:8">
      <c r="H136226" s="12"/>
    </row>
    <row r="136227" spans="8:8">
      <c r="H136227" s="12"/>
    </row>
    <row r="136228" spans="8:8">
      <c r="H136228" s="12"/>
    </row>
    <row r="136229" spans="8:8">
      <c r="H136229" s="12"/>
    </row>
    <row r="136230" spans="8:8">
      <c r="H136230" s="12"/>
    </row>
    <row r="136231" spans="8:8">
      <c r="H136231" s="12"/>
    </row>
    <row r="136232" spans="8:8">
      <c r="H136232" s="12"/>
    </row>
    <row r="136233" spans="8:8">
      <c r="H136233" s="12"/>
    </row>
    <row r="136234" spans="8:8">
      <c r="H136234" s="12"/>
    </row>
    <row r="136235" spans="8:8">
      <c r="H136235" s="12"/>
    </row>
    <row r="136236" spans="8:8">
      <c r="H136236" s="12"/>
    </row>
    <row r="136237" spans="8:8">
      <c r="H136237" s="12"/>
    </row>
    <row r="136238" spans="8:8">
      <c r="H136238" s="12"/>
    </row>
    <row r="136239" spans="8:8">
      <c r="H136239" s="12"/>
    </row>
    <row r="136240" spans="8:8">
      <c r="H136240" s="12"/>
    </row>
    <row r="136241" spans="8:8">
      <c r="H136241" s="12"/>
    </row>
    <row r="136242" spans="8:8">
      <c r="H136242" s="12"/>
    </row>
    <row r="136243" spans="8:8">
      <c r="H136243" s="12"/>
    </row>
    <row r="136244" spans="8:8">
      <c r="H136244" s="12"/>
    </row>
    <row r="136245" spans="8:8">
      <c r="H136245" s="12"/>
    </row>
    <row r="136246" spans="8:8">
      <c r="H136246" s="12"/>
    </row>
    <row r="136247" spans="8:8">
      <c r="H136247" s="12"/>
    </row>
    <row r="136248" spans="8:8">
      <c r="H136248" s="12"/>
    </row>
    <row r="136249" spans="8:8">
      <c r="H136249" s="12"/>
    </row>
    <row r="136250" spans="8:8">
      <c r="H136250" s="12"/>
    </row>
    <row r="136251" spans="8:8">
      <c r="H136251" s="12"/>
    </row>
    <row r="136252" spans="8:8">
      <c r="H136252" s="12"/>
    </row>
    <row r="136253" spans="8:8">
      <c r="H136253" s="12"/>
    </row>
    <row r="136254" spans="8:8">
      <c r="H136254" s="12"/>
    </row>
    <row r="136255" spans="8:8">
      <c r="H136255" s="12"/>
    </row>
    <row r="136256" spans="8:8">
      <c r="H136256" s="12"/>
    </row>
    <row r="136257" spans="8:8">
      <c r="H136257" s="12"/>
    </row>
    <row r="136258" spans="8:8">
      <c r="H136258" s="12"/>
    </row>
    <row r="136259" spans="8:8">
      <c r="H136259" s="12"/>
    </row>
    <row r="136260" spans="8:8">
      <c r="H136260" s="12"/>
    </row>
    <row r="136261" spans="8:8">
      <c r="H136261" s="12"/>
    </row>
    <row r="136262" spans="8:8">
      <c r="H136262" s="12"/>
    </row>
    <row r="136263" spans="8:8">
      <c r="H136263" s="12"/>
    </row>
    <row r="136264" spans="8:8">
      <c r="H136264" s="12"/>
    </row>
    <row r="136265" spans="8:8">
      <c r="H136265" s="12"/>
    </row>
    <row r="136266" spans="8:8">
      <c r="H136266" s="12"/>
    </row>
    <row r="136267" spans="8:8">
      <c r="H136267" s="12"/>
    </row>
    <row r="136268" spans="8:8">
      <c r="H136268" s="12"/>
    </row>
    <row r="136269" spans="8:8">
      <c r="H136269" s="12"/>
    </row>
    <row r="136270" spans="8:8">
      <c r="H136270" s="12"/>
    </row>
    <row r="136271" spans="8:8">
      <c r="H136271" s="12"/>
    </row>
    <row r="136272" spans="8:8">
      <c r="H136272" s="12"/>
    </row>
    <row r="136273" spans="8:8">
      <c r="H136273" s="12"/>
    </row>
    <row r="136274" spans="8:8">
      <c r="H136274" s="12"/>
    </row>
    <row r="136275" spans="8:8">
      <c r="H136275" s="12"/>
    </row>
    <row r="136276" spans="8:8">
      <c r="H136276" s="12"/>
    </row>
    <row r="136277" spans="8:8">
      <c r="H136277" s="12"/>
    </row>
    <row r="136278" spans="8:8">
      <c r="H136278" s="12"/>
    </row>
    <row r="136279" spans="8:8">
      <c r="H136279" s="12"/>
    </row>
    <row r="136280" spans="8:8">
      <c r="H136280" s="12"/>
    </row>
    <row r="136281" spans="8:8">
      <c r="H136281" s="12"/>
    </row>
    <row r="136282" spans="8:8">
      <c r="H136282" s="12"/>
    </row>
    <row r="136283" spans="8:8">
      <c r="H136283" s="12"/>
    </row>
    <row r="136284" spans="8:8">
      <c r="H136284" s="12"/>
    </row>
    <row r="136285" spans="8:8">
      <c r="H136285" s="12"/>
    </row>
    <row r="136286" spans="8:8">
      <c r="H136286" s="12"/>
    </row>
    <row r="136287" spans="8:8">
      <c r="H136287" s="12"/>
    </row>
    <row r="136288" spans="8:8">
      <c r="H136288" s="12"/>
    </row>
    <row r="136289" spans="8:8">
      <c r="H136289" s="12"/>
    </row>
    <row r="136290" spans="8:8">
      <c r="H136290" s="12"/>
    </row>
    <row r="136291" spans="8:8">
      <c r="H136291" s="12"/>
    </row>
    <row r="136292" spans="8:8">
      <c r="H136292" s="12"/>
    </row>
    <row r="136293" spans="8:8">
      <c r="H136293" s="12"/>
    </row>
    <row r="136294" spans="8:8">
      <c r="H136294" s="12"/>
    </row>
    <row r="136295" spans="8:8">
      <c r="H136295" s="12"/>
    </row>
    <row r="136296" spans="8:8">
      <c r="H136296" s="12"/>
    </row>
    <row r="136297" spans="8:8">
      <c r="H136297" s="12"/>
    </row>
    <row r="136298" spans="8:8">
      <c r="H136298" s="12"/>
    </row>
    <row r="136299" spans="8:8">
      <c r="H136299" s="12"/>
    </row>
    <row r="136300" spans="8:8">
      <c r="H136300" s="12"/>
    </row>
    <row r="136301" spans="8:8">
      <c r="H136301" s="12"/>
    </row>
    <row r="136302" spans="8:8">
      <c r="H136302" s="12"/>
    </row>
    <row r="136303" spans="8:8">
      <c r="H136303" s="12"/>
    </row>
    <row r="136304" spans="8:8">
      <c r="H136304" s="12"/>
    </row>
    <row r="136305" spans="8:8">
      <c r="H136305" s="12"/>
    </row>
    <row r="136306" spans="8:8">
      <c r="H136306" s="12"/>
    </row>
    <row r="136307" spans="8:8">
      <c r="H136307" s="12"/>
    </row>
    <row r="136308" spans="8:8">
      <c r="H136308" s="12"/>
    </row>
    <row r="136309" spans="8:8">
      <c r="H136309" s="12"/>
    </row>
    <row r="136310" spans="8:8">
      <c r="H136310" s="12"/>
    </row>
    <row r="136311" spans="8:8">
      <c r="H136311" s="12"/>
    </row>
    <row r="136312" spans="8:8">
      <c r="H136312" s="12"/>
    </row>
    <row r="136313" spans="8:8">
      <c r="H136313" s="12"/>
    </row>
    <row r="136314" spans="8:8">
      <c r="H136314" s="12"/>
    </row>
    <row r="136315" spans="8:8">
      <c r="H136315" s="12"/>
    </row>
    <row r="136316" spans="8:8">
      <c r="H136316" s="12"/>
    </row>
    <row r="136317" spans="8:8">
      <c r="H136317" s="12"/>
    </row>
    <row r="136318" spans="8:8">
      <c r="H136318" s="12"/>
    </row>
    <row r="136319" spans="8:8">
      <c r="H136319" s="12"/>
    </row>
    <row r="136320" spans="8:8">
      <c r="H136320" s="12"/>
    </row>
    <row r="136321" spans="8:8">
      <c r="H136321" s="12"/>
    </row>
    <row r="136322" spans="8:8">
      <c r="H136322" s="12"/>
    </row>
    <row r="136323" spans="8:8">
      <c r="H136323" s="12"/>
    </row>
    <row r="136324" spans="8:8">
      <c r="H136324" s="12"/>
    </row>
    <row r="136325" spans="8:8">
      <c r="H136325" s="12"/>
    </row>
    <row r="136326" spans="8:8">
      <c r="H136326" s="12"/>
    </row>
    <row r="136327" spans="8:8">
      <c r="H136327" s="12"/>
    </row>
    <row r="136328" spans="8:8">
      <c r="H136328" s="12"/>
    </row>
    <row r="136329" spans="8:8">
      <c r="H136329" s="12"/>
    </row>
    <row r="136330" spans="8:8">
      <c r="H136330" s="12"/>
    </row>
    <row r="136331" spans="8:8">
      <c r="H136331" s="12"/>
    </row>
    <row r="136332" spans="8:8">
      <c r="H136332" s="12"/>
    </row>
    <row r="136333" spans="8:8">
      <c r="H136333" s="12"/>
    </row>
    <row r="136334" spans="8:8">
      <c r="H136334" s="12"/>
    </row>
    <row r="136335" spans="8:8">
      <c r="H136335" s="12"/>
    </row>
    <row r="136336" spans="8:8">
      <c r="H136336" s="12"/>
    </row>
    <row r="136337" spans="8:8">
      <c r="H136337" s="12"/>
    </row>
    <row r="136338" spans="8:8">
      <c r="H136338" s="12"/>
    </row>
    <row r="136339" spans="8:8">
      <c r="H136339" s="12"/>
    </row>
    <row r="136340" spans="8:8">
      <c r="H136340" s="12"/>
    </row>
    <row r="136341" spans="8:8">
      <c r="H136341" s="12"/>
    </row>
    <row r="136342" spans="8:8">
      <c r="H136342" s="12"/>
    </row>
    <row r="136343" spans="8:8">
      <c r="H136343" s="12"/>
    </row>
    <row r="136344" spans="8:8">
      <c r="H136344" s="12"/>
    </row>
    <row r="136345" spans="8:8">
      <c r="H136345" s="12"/>
    </row>
    <row r="136346" spans="8:8">
      <c r="H136346" s="12"/>
    </row>
    <row r="136347" spans="8:8">
      <c r="H136347" s="12"/>
    </row>
    <row r="136348" spans="8:8">
      <c r="H136348" s="12"/>
    </row>
    <row r="136349" spans="8:8">
      <c r="H136349" s="12"/>
    </row>
    <row r="136350" spans="8:8">
      <c r="H136350" s="12"/>
    </row>
    <row r="136351" spans="8:8">
      <c r="H136351" s="12"/>
    </row>
    <row r="136352" spans="8:8">
      <c r="H136352" s="12"/>
    </row>
    <row r="136353" spans="8:8">
      <c r="H136353" s="12"/>
    </row>
    <row r="136354" spans="8:8">
      <c r="H136354" s="12"/>
    </row>
    <row r="136355" spans="8:8">
      <c r="H136355" s="12"/>
    </row>
    <row r="136356" spans="8:8">
      <c r="H136356" s="12"/>
    </row>
    <row r="136357" spans="8:8">
      <c r="H136357" s="12"/>
    </row>
    <row r="136358" spans="8:8">
      <c r="H136358" s="12"/>
    </row>
    <row r="136359" spans="8:8">
      <c r="H136359" s="12"/>
    </row>
    <row r="136360" spans="8:8">
      <c r="H136360" s="12"/>
    </row>
    <row r="136361" spans="8:8">
      <c r="H136361" s="12"/>
    </row>
    <row r="136362" spans="8:8">
      <c r="H136362" s="12"/>
    </row>
    <row r="136363" spans="8:8">
      <c r="H136363" s="12"/>
    </row>
    <row r="136364" spans="8:8">
      <c r="H136364" s="12"/>
    </row>
    <row r="136365" spans="8:8">
      <c r="H136365" s="12"/>
    </row>
    <row r="136366" spans="8:8">
      <c r="H136366" s="12"/>
    </row>
    <row r="136367" spans="8:8">
      <c r="H136367" s="12"/>
    </row>
    <row r="136368" spans="8:8">
      <c r="H136368" s="12"/>
    </row>
    <row r="136369" spans="8:8">
      <c r="H136369" s="12"/>
    </row>
    <row r="136370" spans="8:8">
      <c r="H136370" s="12"/>
    </row>
    <row r="136371" spans="8:8">
      <c r="H136371" s="12"/>
    </row>
    <row r="136372" spans="8:8">
      <c r="H136372" s="12"/>
    </row>
    <row r="136373" spans="8:8">
      <c r="H136373" s="12"/>
    </row>
    <row r="136374" spans="8:8">
      <c r="H136374" s="12"/>
    </row>
    <row r="136375" spans="8:8">
      <c r="H136375" s="12"/>
    </row>
    <row r="136376" spans="8:8">
      <c r="H136376" s="12"/>
    </row>
    <row r="136377" spans="8:8">
      <c r="H136377" s="12"/>
    </row>
    <row r="136378" spans="8:8">
      <c r="H136378" s="12"/>
    </row>
    <row r="136379" spans="8:8">
      <c r="H136379" s="12"/>
    </row>
    <row r="136380" spans="8:8">
      <c r="H136380" s="12"/>
    </row>
    <row r="136381" spans="8:8">
      <c r="H136381" s="12"/>
    </row>
    <row r="136382" spans="8:8">
      <c r="H136382" s="12"/>
    </row>
    <row r="136383" spans="8:8">
      <c r="H136383" s="12"/>
    </row>
    <row r="136384" spans="8:8">
      <c r="H136384" s="12"/>
    </row>
    <row r="136385" spans="8:8">
      <c r="H136385" s="12"/>
    </row>
    <row r="136386" spans="8:8">
      <c r="H136386" s="12"/>
    </row>
    <row r="136387" spans="8:8">
      <c r="H136387" s="12"/>
    </row>
    <row r="136388" spans="8:8">
      <c r="H136388" s="12"/>
    </row>
    <row r="136389" spans="8:8">
      <c r="H136389" s="12"/>
    </row>
    <row r="136390" spans="8:8">
      <c r="H136390" s="12"/>
    </row>
    <row r="136391" spans="8:8">
      <c r="H136391" s="12"/>
    </row>
    <row r="136392" spans="8:8">
      <c r="H136392" s="12"/>
    </row>
    <row r="136393" spans="8:8">
      <c r="H136393" s="12"/>
    </row>
    <row r="136394" spans="8:8">
      <c r="H136394" s="12"/>
    </row>
    <row r="136395" spans="8:8">
      <c r="H136395" s="12"/>
    </row>
    <row r="136396" spans="8:8">
      <c r="H136396" s="12"/>
    </row>
    <row r="136397" spans="8:8">
      <c r="H136397" s="12"/>
    </row>
    <row r="136398" spans="8:8">
      <c r="H136398" s="12"/>
    </row>
    <row r="136399" spans="8:8">
      <c r="H136399" s="12"/>
    </row>
    <row r="136400" spans="8:8">
      <c r="H136400" s="12"/>
    </row>
    <row r="136401" spans="8:8">
      <c r="H136401" s="12"/>
    </row>
    <row r="136402" spans="8:8">
      <c r="H136402" s="12"/>
    </row>
    <row r="136403" spans="8:8">
      <c r="H136403" s="12"/>
    </row>
    <row r="136404" spans="8:8">
      <c r="H136404" s="12"/>
    </row>
    <row r="136405" spans="8:8">
      <c r="H136405" s="12"/>
    </row>
    <row r="136406" spans="8:8">
      <c r="H136406" s="12"/>
    </row>
    <row r="136407" spans="8:8">
      <c r="H136407" s="12"/>
    </row>
    <row r="136408" spans="8:8">
      <c r="H136408" s="12"/>
    </row>
    <row r="136409" spans="8:8">
      <c r="H136409" s="12"/>
    </row>
    <row r="136410" spans="8:8">
      <c r="H136410" s="12"/>
    </row>
    <row r="136411" spans="8:8">
      <c r="H136411" s="12"/>
    </row>
    <row r="136412" spans="8:8">
      <c r="H136412" s="12"/>
    </row>
    <row r="136413" spans="8:8">
      <c r="H136413" s="12"/>
    </row>
    <row r="136414" spans="8:8">
      <c r="H136414" s="12"/>
    </row>
    <row r="136415" spans="8:8">
      <c r="H136415" s="12"/>
    </row>
    <row r="136416" spans="8:8">
      <c r="H136416" s="12"/>
    </row>
    <row r="136417" spans="8:8">
      <c r="H136417" s="12"/>
    </row>
    <row r="136418" spans="8:8">
      <c r="H136418" s="12"/>
    </row>
    <row r="136419" spans="8:8">
      <c r="H136419" s="12"/>
    </row>
    <row r="136420" spans="8:8">
      <c r="H136420" s="12"/>
    </row>
    <row r="136421" spans="8:8">
      <c r="H136421" s="12"/>
    </row>
    <row r="136422" spans="8:8">
      <c r="H136422" s="12"/>
    </row>
    <row r="136423" spans="8:8">
      <c r="H136423" s="12"/>
    </row>
    <row r="136424" spans="8:8">
      <c r="H136424" s="12"/>
    </row>
    <row r="136425" spans="8:8">
      <c r="H136425" s="12"/>
    </row>
    <row r="136426" spans="8:8">
      <c r="H136426" s="12"/>
    </row>
    <row r="136427" spans="8:8">
      <c r="H136427" s="12"/>
    </row>
    <row r="136428" spans="8:8">
      <c r="H136428" s="12"/>
    </row>
    <row r="136429" spans="8:8">
      <c r="H136429" s="12"/>
    </row>
    <row r="136430" spans="8:8">
      <c r="H136430" s="12"/>
    </row>
    <row r="136431" spans="8:8">
      <c r="H136431" s="12"/>
    </row>
    <row r="136432" spans="8:8">
      <c r="H136432" s="12"/>
    </row>
    <row r="136433" spans="8:8">
      <c r="H136433" s="12"/>
    </row>
    <row r="136434" spans="8:8">
      <c r="H136434" s="12"/>
    </row>
    <row r="136435" spans="8:8">
      <c r="H136435" s="12"/>
    </row>
    <row r="136436" spans="8:8">
      <c r="H136436" s="12"/>
    </row>
    <row r="136437" spans="8:8">
      <c r="H136437" s="12"/>
    </row>
    <row r="136438" spans="8:8">
      <c r="H136438" s="12"/>
    </row>
    <row r="136439" spans="8:8">
      <c r="H136439" s="12"/>
    </row>
    <row r="136440" spans="8:8">
      <c r="H136440" s="12"/>
    </row>
    <row r="136441" spans="8:8">
      <c r="H136441" s="12"/>
    </row>
    <row r="136442" spans="8:8">
      <c r="H136442" s="12"/>
    </row>
    <row r="136443" spans="8:8">
      <c r="H136443" s="12"/>
    </row>
    <row r="136444" spans="8:8">
      <c r="H136444" s="12"/>
    </row>
    <row r="136445" spans="8:8">
      <c r="H136445" s="12"/>
    </row>
    <row r="136446" spans="8:8">
      <c r="H136446" s="12"/>
    </row>
    <row r="136447" spans="8:8">
      <c r="H136447" s="12"/>
    </row>
    <row r="136448" spans="8:8">
      <c r="H136448" s="12"/>
    </row>
    <row r="136449" spans="8:8">
      <c r="H136449" s="12"/>
    </row>
    <row r="136450" spans="8:8">
      <c r="H136450" s="12"/>
    </row>
    <row r="136451" spans="8:8">
      <c r="H136451" s="12"/>
    </row>
    <row r="136452" spans="8:8">
      <c r="H136452" s="12"/>
    </row>
    <row r="136453" spans="8:8">
      <c r="H136453" s="12"/>
    </row>
    <row r="136454" spans="8:8">
      <c r="H136454" s="12"/>
    </row>
    <row r="136455" spans="8:8">
      <c r="H136455" s="12"/>
    </row>
    <row r="136456" spans="8:8">
      <c r="H136456" s="12"/>
    </row>
    <row r="136457" spans="8:8">
      <c r="H136457" s="12"/>
    </row>
    <row r="136458" spans="8:8">
      <c r="H136458" s="12"/>
    </row>
    <row r="136459" spans="8:8">
      <c r="H136459" s="12"/>
    </row>
    <row r="136460" spans="8:8">
      <c r="H136460" s="12"/>
    </row>
    <row r="136461" spans="8:8">
      <c r="H136461" s="12"/>
    </row>
    <row r="136462" spans="8:8">
      <c r="H136462" s="12"/>
    </row>
    <row r="136463" spans="8:8">
      <c r="H136463" s="12"/>
    </row>
    <row r="136464" spans="8:8">
      <c r="H136464" s="12"/>
    </row>
    <row r="136465" spans="8:8">
      <c r="H136465" s="12"/>
    </row>
    <row r="136466" spans="8:8">
      <c r="H136466" s="12"/>
    </row>
    <row r="136467" spans="8:8">
      <c r="H136467" s="12"/>
    </row>
    <row r="136468" spans="8:8">
      <c r="H136468" s="12"/>
    </row>
    <row r="136469" spans="8:8">
      <c r="H136469" s="12"/>
    </row>
    <row r="136470" spans="8:8">
      <c r="H136470" s="12"/>
    </row>
    <row r="136471" spans="8:8">
      <c r="H136471" s="12"/>
    </row>
    <row r="136472" spans="8:8">
      <c r="H136472" s="12"/>
    </row>
    <row r="136473" spans="8:8">
      <c r="H136473" s="12"/>
    </row>
    <row r="136474" spans="8:8">
      <c r="H136474" s="12"/>
    </row>
    <row r="136475" spans="8:8">
      <c r="H136475" s="12"/>
    </row>
    <row r="136476" spans="8:8">
      <c r="H136476" s="12"/>
    </row>
    <row r="136477" spans="8:8">
      <c r="H136477" s="12"/>
    </row>
    <row r="136478" spans="8:8">
      <c r="H136478" s="12"/>
    </row>
    <row r="136479" spans="8:8">
      <c r="H136479" s="12"/>
    </row>
    <row r="136480" spans="8:8">
      <c r="H136480" s="12"/>
    </row>
    <row r="136481" spans="8:8">
      <c r="H136481" s="12"/>
    </row>
    <row r="136482" spans="8:8">
      <c r="H136482" s="12"/>
    </row>
    <row r="136483" spans="8:8">
      <c r="H136483" s="12"/>
    </row>
    <row r="136484" spans="8:8">
      <c r="H136484" s="12"/>
    </row>
    <row r="136485" spans="8:8">
      <c r="H136485" s="12"/>
    </row>
    <row r="136486" spans="8:8">
      <c r="H136486" s="12"/>
    </row>
    <row r="136487" spans="8:8">
      <c r="H136487" s="12"/>
    </row>
    <row r="136488" spans="8:8">
      <c r="H136488" s="12"/>
    </row>
    <row r="136489" spans="8:8">
      <c r="H136489" s="12"/>
    </row>
    <row r="136490" spans="8:8">
      <c r="H136490" s="12"/>
    </row>
    <row r="136491" spans="8:8">
      <c r="H136491" s="12"/>
    </row>
    <row r="136492" spans="8:8">
      <c r="H136492" s="12"/>
    </row>
    <row r="136493" spans="8:8">
      <c r="H136493" s="12"/>
    </row>
    <row r="136494" spans="8:8">
      <c r="H136494" s="12"/>
    </row>
    <row r="136495" spans="8:8">
      <c r="H136495" s="12"/>
    </row>
    <row r="136496" spans="8:8">
      <c r="H136496" s="12"/>
    </row>
    <row r="136497" spans="8:8">
      <c r="H136497" s="12"/>
    </row>
    <row r="136498" spans="8:8">
      <c r="H136498" s="12"/>
    </row>
    <row r="136499" spans="8:8">
      <c r="H136499" s="12"/>
    </row>
    <row r="136500" spans="8:8">
      <c r="H136500" s="12"/>
    </row>
    <row r="136501" spans="8:8">
      <c r="H136501" s="12"/>
    </row>
    <row r="136502" spans="8:8">
      <c r="H136502" s="12"/>
    </row>
    <row r="136503" spans="8:8">
      <c r="H136503" s="12"/>
    </row>
    <row r="136504" spans="8:8">
      <c r="H136504" s="12"/>
    </row>
    <row r="136505" spans="8:8">
      <c r="H136505" s="12"/>
    </row>
    <row r="136506" spans="8:8">
      <c r="H136506" s="12"/>
    </row>
    <row r="136507" spans="8:8">
      <c r="H136507" s="12"/>
    </row>
    <row r="136508" spans="8:8">
      <c r="H136508" s="12"/>
    </row>
    <row r="136509" spans="8:8">
      <c r="H136509" s="12"/>
    </row>
    <row r="136510" spans="8:8">
      <c r="H136510" s="12"/>
    </row>
    <row r="136511" spans="8:8">
      <c r="H136511" s="12"/>
    </row>
    <row r="136512" spans="8:8">
      <c r="H136512" s="12"/>
    </row>
    <row r="136513" spans="8:8">
      <c r="H136513" s="12"/>
    </row>
    <row r="136514" spans="8:8">
      <c r="H136514" s="12"/>
    </row>
    <row r="136515" spans="8:8">
      <c r="H136515" s="12"/>
    </row>
    <row r="136516" spans="8:8">
      <c r="H136516" s="12"/>
    </row>
    <row r="136517" spans="8:8">
      <c r="H136517" s="12"/>
    </row>
    <row r="136518" spans="8:8">
      <c r="H136518" s="12"/>
    </row>
    <row r="136519" spans="8:8">
      <c r="H136519" s="12"/>
    </row>
    <row r="136520" spans="8:8">
      <c r="H136520" s="12"/>
    </row>
    <row r="136521" spans="8:8">
      <c r="H136521" s="12"/>
    </row>
    <row r="136522" spans="8:8">
      <c r="H136522" s="12"/>
    </row>
    <row r="136523" spans="8:8">
      <c r="H136523" s="12"/>
    </row>
    <row r="136524" spans="8:8">
      <c r="H136524" s="12"/>
    </row>
    <row r="136525" spans="8:8">
      <c r="H136525" s="12"/>
    </row>
    <row r="136526" spans="8:8">
      <c r="H136526" s="12"/>
    </row>
    <row r="136527" spans="8:8">
      <c r="H136527" s="12"/>
    </row>
    <row r="136528" spans="8:8">
      <c r="H136528" s="12"/>
    </row>
    <row r="136529" spans="8:8">
      <c r="H136529" s="12"/>
    </row>
    <row r="136530" spans="8:8">
      <c r="H136530" s="12"/>
    </row>
    <row r="136531" spans="8:8">
      <c r="H136531" s="12"/>
    </row>
    <row r="136532" spans="8:8">
      <c r="H136532" s="12"/>
    </row>
    <row r="136533" spans="8:8">
      <c r="H136533" s="12"/>
    </row>
    <row r="136534" spans="8:8">
      <c r="H136534" s="12"/>
    </row>
    <row r="136535" spans="8:8">
      <c r="H136535" s="12"/>
    </row>
    <row r="136536" spans="8:8">
      <c r="H136536" s="12"/>
    </row>
    <row r="136537" spans="8:8">
      <c r="H136537" s="12"/>
    </row>
    <row r="136538" spans="8:8">
      <c r="H136538" s="12"/>
    </row>
    <row r="136539" spans="8:8">
      <c r="H136539" s="12"/>
    </row>
    <row r="136540" spans="8:8">
      <c r="H136540" s="12"/>
    </row>
    <row r="136541" spans="8:8">
      <c r="H136541" s="12"/>
    </row>
    <row r="136542" spans="8:8">
      <c r="H136542" s="12"/>
    </row>
    <row r="136543" spans="8:8">
      <c r="H136543" s="12"/>
    </row>
    <row r="136544" spans="8:8">
      <c r="H136544" s="12"/>
    </row>
    <row r="136545" spans="8:8">
      <c r="H136545" s="12"/>
    </row>
    <row r="136546" spans="8:8">
      <c r="H136546" s="12"/>
    </row>
    <row r="136547" spans="8:8">
      <c r="H136547" s="12"/>
    </row>
    <row r="136548" spans="8:8">
      <c r="H136548" s="12"/>
    </row>
    <row r="136549" spans="8:8">
      <c r="H136549" s="12"/>
    </row>
    <row r="136550" spans="8:8">
      <c r="H136550" s="12"/>
    </row>
    <row r="136551" spans="8:8">
      <c r="H136551" s="12"/>
    </row>
    <row r="136552" spans="8:8">
      <c r="H136552" s="12"/>
    </row>
    <row r="136553" spans="8:8">
      <c r="H136553" s="12"/>
    </row>
    <row r="136554" spans="8:8">
      <c r="H136554" s="12"/>
    </row>
    <row r="136555" spans="8:8">
      <c r="H136555" s="12"/>
    </row>
    <row r="136556" spans="8:8">
      <c r="H136556" s="12"/>
    </row>
    <row r="136557" spans="8:8">
      <c r="H136557" s="12"/>
    </row>
    <row r="136558" spans="8:8">
      <c r="H136558" s="12"/>
    </row>
    <row r="136559" spans="8:8">
      <c r="H136559" s="12"/>
    </row>
    <row r="136560" spans="8:8">
      <c r="H136560" s="12"/>
    </row>
    <row r="136561" spans="8:8">
      <c r="H136561" s="12"/>
    </row>
    <row r="136562" spans="8:8">
      <c r="H136562" s="12"/>
    </row>
    <row r="136563" spans="8:8">
      <c r="H136563" s="12"/>
    </row>
    <row r="136564" spans="8:8">
      <c r="H136564" s="12"/>
    </row>
    <row r="136565" spans="8:8">
      <c r="H136565" s="12"/>
    </row>
    <row r="136566" spans="8:8">
      <c r="H136566" s="12"/>
    </row>
    <row r="136567" spans="8:8">
      <c r="H136567" s="12"/>
    </row>
    <row r="136568" spans="8:8">
      <c r="H136568" s="12"/>
    </row>
    <row r="136569" spans="8:8">
      <c r="H136569" s="12"/>
    </row>
    <row r="136570" spans="8:8">
      <c r="H136570" s="12"/>
    </row>
    <row r="136571" spans="8:8">
      <c r="H136571" s="12"/>
    </row>
    <row r="136572" spans="8:8">
      <c r="H136572" s="12"/>
    </row>
    <row r="136573" spans="8:8">
      <c r="H136573" s="12"/>
    </row>
    <row r="136574" spans="8:8">
      <c r="H136574" s="12"/>
    </row>
    <row r="136575" spans="8:8">
      <c r="H136575" s="12"/>
    </row>
    <row r="136576" spans="8:8">
      <c r="H136576" s="12"/>
    </row>
    <row r="136577" spans="8:8">
      <c r="H136577" s="12"/>
    </row>
    <row r="136578" spans="8:8">
      <c r="H136578" s="12"/>
    </row>
    <row r="136579" spans="8:8">
      <c r="H136579" s="12"/>
    </row>
    <row r="136580" spans="8:8">
      <c r="H136580" s="12"/>
    </row>
    <row r="136581" spans="8:8">
      <c r="H136581" s="12"/>
    </row>
    <row r="136582" spans="8:8">
      <c r="H136582" s="12"/>
    </row>
    <row r="136583" spans="8:8">
      <c r="H136583" s="12"/>
    </row>
    <row r="136584" spans="8:8">
      <c r="H136584" s="12"/>
    </row>
    <row r="136585" spans="8:8">
      <c r="H136585" s="12"/>
    </row>
    <row r="136586" spans="8:8">
      <c r="H136586" s="12"/>
    </row>
    <row r="136587" spans="8:8">
      <c r="H136587" s="12"/>
    </row>
    <row r="136588" spans="8:8">
      <c r="H136588" s="12"/>
    </row>
    <row r="136589" spans="8:8">
      <c r="H136589" s="12"/>
    </row>
    <row r="136590" spans="8:8">
      <c r="H136590" s="12"/>
    </row>
    <row r="136591" spans="8:8">
      <c r="H136591" s="12"/>
    </row>
    <row r="136592" spans="8:8">
      <c r="H136592" s="12"/>
    </row>
    <row r="136593" spans="8:8">
      <c r="H136593" s="12"/>
    </row>
    <row r="136594" spans="8:8">
      <c r="H136594" s="12"/>
    </row>
    <row r="136595" spans="8:8">
      <c r="H136595" s="12"/>
    </row>
    <row r="136596" spans="8:8">
      <c r="H136596" s="12"/>
    </row>
    <row r="136597" spans="8:8">
      <c r="H136597" s="12"/>
    </row>
    <row r="136598" spans="8:8">
      <c r="H136598" s="12"/>
    </row>
    <row r="136599" spans="8:8">
      <c r="H136599" s="12"/>
    </row>
    <row r="136600" spans="8:8">
      <c r="H136600" s="12"/>
    </row>
    <row r="136601" spans="8:8">
      <c r="H136601" s="12"/>
    </row>
    <row r="136602" spans="8:8">
      <c r="H136602" s="12"/>
    </row>
    <row r="136603" spans="8:8">
      <c r="H136603" s="12"/>
    </row>
    <row r="136604" spans="8:8">
      <c r="H136604" s="12"/>
    </row>
    <row r="136605" spans="8:8">
      <c r="H136605" s="12"/>
    </row>
    <row r="136606" spans="8:8">
      <c r="H136606" s="12"/>
    </row>
    <row r="136607" spans="8:8">
      <c r="H136607" s="12"/>
    </row>
    <row r="136608" spans="8:8">
      <c r="H136608" s="12"/>
    </row>
    <row r="136609" spans="8:8">
      <c r="H136609" s="12"/>
    </row>
    <row r="136610" spans="8:8">
      <c r="H136610" s="12"/>
    </row>
    <row r="136611" spans="8:8">
      <c r="H136611" s="12"/>
    </row>
    <row r="136612" spans="8:8">
      <c r="H136612" s="12"/>
    </row>
    <row r="136613" spans="8:8">
      <c r="H136613" s="12"/>
    </row>
    <row r="136614" spans="8:8">
      <c r="H136614" s="12"/>
    </row>
    <row r="136615" spans="8:8">
      <c r="H136615" s="12"/>
    </row>
    <row r="136616" spans="8:8">
      <c r="H136616" s="12"/>
    </row>
    <row r="136617" spans="8:8">
      <c r="H136617" s="12"/>
    </row>
    <row r="136618" spans="8:8">
      <c r="H136618" s="12"/>
    </row>
    <row r="136619" spans="8:8">
      <c r="H136619" s="12"/>
    </row>
    <row r="136620" spans="8:8">
      <c r="H136620" s="12"/>
    </row>
    <row r="136621" spans="8:8">
      <c r="H136621" s="12"/>
    </row>
    <row r="136622" spans="8:8">
      <c r="H136622" s="12"/>
    </row>
    <row r="136623" spans="8:8">
      <c r="H136623" s="12"/>
    </row>
    <row r="136624" spans="8:8">
      <c r="H136624" s="12"/>
    </row>
    <row r="136625" spans="8:8">
      <c r="H136625" s="12"/>
    </row>
    <row r="136626" spans="8:8">
      <c r="H136626" s="12"/>
    </row>
    <row r="136627" spans="8:8">
      <c r="H136627" s="12"/>
    </row>
    <row r="136628" spans="8:8">
      <c r="H136628" s="12"/>
    </row>
    <row r="136629" spans="8:8">
      <c r="H136629" s="12"/>
    </row>
    <row r="136630" spans="8:8">
      <c r="H136630" s="12"/>
    </row>
    <row r="136631" spans="8:8">
      <c r="H136631" s="12"/>
    </row>
    <row r="136632" spans="8:8">
      <c r="H136632" s="12"/>
    </row>
    <row r="136633" spans="8:8">
      <c r="H136633" s="12"/>
    </row>
    <row r="136634" spans="8:8">
      <c r="H136634" s="12"/>
    </row>
    <row r="136635" spans="8:8">
      <c r="H136635" s="12"/>
    </row>
    <row r="136636" spans="8:8">
      <c r="H136636" s="12"/>
    </row>
    <row r="136637" spans="8:8">
      <c r="H136637" s="12"/>
    </row>
    <row r="136638" spans="8:8">
      <c r="H136638" s="12"/>
    </row>
    <row r="136639" spans="8:8">
      <c r="H136639" s="12"/>
    </row>
    <row r="136640" spans="8:8">
      <c r="H136640" s="12"/>
    </row>
    <row r="136641" spans="8:8">
      <c r="H136641" s="12"/>
    </row>
    <row r="136642" spans="8:8">
      <c r="H136642" s="12"/>
    </row>
    <row r="136643" spans="8:8">
      <c r="H136643" s="12"/>
    </row>
    <row r="136644" spans="8:8">
      <c r="H136644" s="12"/>
    </row>
    <row r="136645" spans="8:8">
      <c r="H136645" s="12"/>
    </row>
    <row r="136646" spans="8:8">
      <c r="H136646" s="12"/>
    </row>
    <row r="136647" spans="8:8">
      <c r="H136647" s="12"/>
    </row>
    <row r="136648" spans="8:8">
      <c r="H136648" s="12"/>
    </row>
    <row r="136649" spans="8:8">
      <c r="H136649" s="12"/>
    </row>
    <row r="136650" spans="8:8">
      <c r="H136650" s="12"/>
    </row>
    <row r="136651" spans="8:8">
      <c r="H136651" s="12"/>
    </row>
    <row r="136652" spans="8:8">
      <c r="H136652" s="12"/>
    </row>
    <row r="136653" spans="8:8">
      <c r="H136653" s="12"/>
    </row>
    <row r="136654" spans="8:8">
      <c r="H136654" s="12"/>
    </row>
    <row r="136655" spans="8:8">
      <c r="H136655" s="12"/>
    </row>
    <row r="136656" spans="8:8">
      <c r="H136656" s="12"/>
    </row>
    <row r="136657" spans="8:8">
      <c r="H136657" s="12"/>
    </row>
    <row r="136658" spans="8:8">
      <c r="H136658" s="12"/>
    </row>
    <row r="136659" spans="8:8">
      <c r="H136659" s="12"/>
    </row>
    <row r="136660" spans="8:8">
      <c r="H136660" s="12"/>
    </row>
    <row r="136661" spans="8:8">
      <c r="H136661" s="12"/>
    </row>
    <row r="136662" spans="8:8">
      <c r="H136662" s="12"/>
    </row>
    <row r="136663" spans="8:8">
      <c r="H136663" s="12"/>
    </row>
    <row r="136664" spans="8:8">
      <c r="H136664" s="12"/>
    </row>
    <row r="136665" spans="8:8">
      <c r="H136665" s="12"/>
    </row>
    <row r="136666" spans="8:8">
      <c r="H136666" s="12"/>
    </row>
    <row r="136667" spans="8:8">
      <c r="H136667" s="12"/>
    </row>
    <row r="136668" spans="8:8">
      <c r="H136668" s="12"/>
    </row>
    <row r="136669" spans="8:8">
      <c r="H136669" s="12"/>
    </row>
    <row r="136670" spans="8:8">
      <c r="H136670" s="12"/>
    </row>
    <row r="136671" spans="8:8">
      <c r="H136671" s="12"/>
    </row>
    <row r="136672" spans="8:8">
      <c r="H136672" s="12"/>
    </row>
    <row r="136673" spans="8:8">
      <c r="H136673" s="12"/>
    </row>
    <row r="136674" spans="8:8">
      <c r="H136674" s="12"/>
    </row>
    <row r="136675" spans="8:8">
      <c r="H136675" s="12"/>
    </row>
    <row r="136676" spans="8:8">
      <c r="H136676" s="12"/>
    </row>
    <row r="136677" spans="8:8">
      <c r="H136677" s="12"/>
    </row>
    <row r="136678" spans="8:8">
      <c r="H136678" s="12"/>
    </row>
    <row r="136679" spans="8:8">
      <c r="H136679" s="12"/>
    </row>
    <row r="136680" spans="8:8">
      <c r="H136680" s="12"/>
    </row>
    <row r="136681" spans="8:8">
      <c r="H136681" s="12"/>
    </row>
    <row r="136682" spans="8:8">
      <c r="H136682" s="12"/>
    </row>
    <row r="136683" spans="8:8">
      <c r="H136683" s="12"/>
    </row>
    <row r="136684" spans="8:8">
      <c r="H136684" s="12"/>
    </row>
    <row r="136685" spans="8:8">
      <c r="H136685" s="12"/>
    </row>
    <row r="136686" spans="8:8">
      <c r="H136686" s="12"/>
    </row>
    <row r="136687" spans="8:8">
      <c r="H136687" s="12"/>
    </row>
    <row r="136688" spans="8:8">
      <c r="H136688" s="12"/>
    </row>
    <row r="136689" spans="8:8">
      <c r="H136689" s="12"/>
    </row>
    <row r="136690" spans="8:8">
      <c r="H136690" s="12"/>
    </row>
    <row r="136691" spans="8:8">
      <c r="H136691" s="12"/>
    </row>
    <row r="136692" spans="8:8">
      <c r="H136692" s="12"/>
    </row>
    <row r="136693" spans="8:8">
      <c r="H136693" s="12"/>
    </row>
    <row r="136694" spans="8:8">
      <c r="H136694" s="12"/>
    </row>
    <row r="136695" spans="8:8">
      <c r="H136695" s="12"/>
    </row>
    <row r="136696" spans="8:8">
      <c r="H136696" s="12"/>
    </row>
    <row r="136697" spans="8:8">
      <c r="H136697" s="12"/>
    </row>
    <row r="136698" spans="8:8">
      <c r="H136698" s="12"/>
    </row>
    <row r="136699" spans="8:8">
      <c r="H136699" s="12"/>
    </row>
    <row r="136700" spans="8:8">
      <c r="H136700" s="12"/>
    </row>
    <row r="136701" spans="8:8">
      <c r="H136701" s="12"/>
    </row>
    <row r="136702" spans="8:8">
      <c r="H136702" s="12"/>
    </row>
    <row r="136703" spans="8:8">
      <c r="H136703" s="12"/>
    </row>
    <row r="136704" spans="8:8">
      <c r="H136704" s="12"/>
    </row>
    <row r="136705" spans="8:8">
      <c r="H136705" s="12"/>
    </row>
    <row r="136706" spans="8:8">
      <c r="H136706" s="12"/>
    </row>
    <row r="136707" spans="8:8">
      <c r="H136707" s="12"/>
    </row>
    <row r="136708" spans="8:8">
      <c r="H136708" s="12"/>
    </row>
    <row r="136709" spans="8:8">
      <c r="H136709" s="12"/>
    </row>
    <row r="136710" spans="8:8">
      <c r="H136710" s="12"/>
    </row>
    <row r="136711" spans="8:8">
      <c r="H136711" s="12"/>
    </row>
    <row r="136712" spans="8:8">
      <c r="H136712" s="12"/>
    </row>
    <row r="136713" spans="8:8">
      <c r="H136713" s="12"/>
    </row>
    <row r="136714" spans="8:8">
      <c r="H136714" s="12"/>
    </row>
    <row r="136715" spans="8:8">
      <c r="H136715" s="12"/>
    </row>
    <row r="136716" spans="8:8">
      <c r="H136716" s="12"/>
    </row>
    <row r="136717" spans="8:8">
      <c r="H136717" s="12"/>
    </row>
    <row r="136718" spans="8:8">
      <c r="H136718" s="12"/>
    </row>
    <row r="136719" spans="8:8">
      <c r="H136719" s="12"/>
    </row>
    <row r="136720" spans="8:8">
      <c r="H136720" s="12"/>
    </row>
    <row r="136721" spans="8:8">
      <c r="H136721" s="12"/>
    </row>
    <row r="136722" spans="8:8">
      <c r="H136722" s="12"/>
    </row>
    <row r="136723" spans="8:8">
      <c r="H136723" s="12"/>
    </row>
    <row r="136724" spans="8:8">
      <c r="H136724" s="12"/>
    </row>
    <row r="136725" spans="8:8">
      <c r="H136725" s="12"/>
    </row>
    <row r="136726" spans="8:8">
      <c r="H136726" s="12"/>
    </row>
    <row r="136727" spans="8:8">
      <c r="H136727" s="12"/>
    </row>
    <row r="136728" spans="8:8">
      <c r="H136728" s="12"/>
    </row>
    <row r="136729" spans="8:8">
      <c r="H136729" s="12"/>
    </row>
    <row r="136730" spans="8:8">
      <c r="H136730" s="12"/>
    </row>
    <row r="136731" spans="8:8">
      <c r="H136731" s="12"/>
    </row>
    <row r="136732" spans="8:8">
      <c r="H136732" s="12"/>
    </row>
    <row r="136733" spans="8:8">
      <c r="H136733" s="12"/>
    </row>
    <row r="136734" spans="8:8">
      <c r="H136734" s="12"/>
    </row>
    <row r="136735" spans="8:8">
      <c r="H136735" s="12"/>
    </row>
    <row r="136736" spans="8:8">
      <c r="H136736" s="12"/>
    </row>
    <row r="136737" spans="8:8">
      <c r="H136737" s="12"/>
    </row>
    <row r="136738" spans="8:8">
      <c r="H136738" s="12"/>
    </row>
    <row r="136739" spans="8:8">
      <c r="H136739" s="12"/>
    </row>
    <row r="136740" spans="8:8">
      <c r="H136740" s="12"/>
    </row>
    <row r="136741" spans="8:8">
      <c r="H136741" s="12"/>
    </row>
    <row r="136742" spans="8:8">
      <c r="H136742" s="12"/>
    </row>
    <row r="136743" spans="8:8">
      <c r="H136743" s="12"/>
    </row>
    <row r="136744" spans="8:8">
      <c r="H136744" s="12"/>
    </row>
    <row r="136745" spans="8:8">
      <c r="H136745" s="12"/>
    </row>
    <row r="136746" spans="8:8">
      <c r="H136746" s="12"/>
    </row>
    <row r="136747" spans="8:8">
      <c r="H136747" s="12"/>
    </row>
    <row r="136748" spans="8:8">
      <c r="H136748" s="12"/>
    </row>
    <row r="136749" spans="8:8">
      <c r="H136749" s="12"/>
    </row>
    <row r="136750" spans="8:8">
      <c r="H136750" s="12"/>
    </row>
    <row r="136751" spans="8:8">
      <c r="H136751" s="12"/>
    </row>
    <row r="136752" spans="8:8">
      <c r="H136752" s="12"/>
    </row>
    <row r="136753" spans="8:8">
      <c r="H136753" s="12"/>
    </row>
    <row r="136754" spans="8:8">
      <c r="H136754" s="12"/>
    </row>
    <row r="136755" spans="8:8">
      <c r="H136755" s="12"/>
    </row>
    <row r="136756" spans="8:8">
      <c r="H136756" s="12"/>
    </row>
    <row r="136757" spans="8:8">
      <c r="H136757" s="12"/>
    </row>
    <row r="136758" spans="8:8">
      <c r="H136758" s="12"/>
    </row>
    <row r="136759" spans="8:8">
      <c r="H136759" s="12"/>
    </row>
    <row r="136760" spans="8:8">
      <c r="H136760" s="12"/>
    </row>
    <row r="136761" spans="8:8">
      <c r="H136761" s="12"/>
    </row>
    <row r="136762" spans="8:8">
      <c r="H136762" s="12"/>
    </row>
    <row r="136763" spans="8:8">
      <c r="H136763" s="12"/>
    </row>
    <row r="136764" spans="8:8">
      <c r="H136764" s="12"/>
    </row>
    <row r="136765" spans="8:8">
      <c r="H136765" s="12"/>
    </row>
    <row r="136766" spans="8:8">
      <c r="H136766" s="12"/>
    </row>
    <row r="136767" spans="8:8">
      <c r="H136767" s="12"/>
    </row>
    <row r="136768" spans="8:8">
      <c r="H136768" s="12"/>
    </row>
    <row r="136769" spans="8:8">
      <c r="H136769" s="12"/>
    </row>
    <row r="136770" spans="8:8">
      <c r="H136770" s="12"/>
    </row>
    <row r="136771" spans="8:8">
      <c r="H136771" s="12"/>
    </row>
    <row r="136772" spans="8:8">
      <c r="H136772" s="12"/>
    </row>
    <row r="136773" spans="8:8">
      <c r="H136773" s="12"/>
    </row>
    <row r="136774" spans="8:8">
      <c r="H136774" s="12"/>
    </row>
    <row r="136775" spans="8:8">
      <c r="H136775" s="12"/>
    </row>
    <row r="136776" spans="8:8">
      <c r="H136776" s="12"/>
    </row>
    <row r="136777" spans="8:8">
      <c r="H136777" s="12"/>
    </row>
    <row r="136778" spans="8:8">
      <c r="H136778" s="12"/>
    </row>
    <row r="136779" spans="8:8">
      <c r="H136779" s="12"/>
    </row>
    <row r="136780" spans="8:8">
      <c r="H136780" s="12"/>
    </row>
    <row r="136781" spans="8:8">
      <c r="H136781" s="12"/>
    </row>
    <row r="136782" spans="8:8">
      <c r="H136782" s="12"/>
    </row>
    <row r="136783" spans="8:8">
      <c r="H136783" s="12"/>
    </row>
    <row r="136784" spans="8:8">
      <c r="H136784" s="12"/>
    </row>
    <row r="136785" spans="8:8">
      <c r="H136785" s="12"/>
    </row>
    <row r="136786" spans="8:8">
      <c r="H136786" s="12"/>
    </row>
    <row r="136787" spans="8:8">
      <c r="H136787" s="12"/>
    </row>
    <row r="136788" spans="8:8">
      <c r="H136788" s="12"/>
    </row>
    <row r="136789" spans="8:8">
      <c r="H136789" s="12"/>
    </row>
    <row r="136790" spans="8:8">
      <c r="H136790" s="12"/>
    </row>
    <row r="136791" spans="8:8">
      <c r="H136791" s="12"/>
    </row>
    <row r="136792" spans="8:8">
      <c r="H136792" s="12"/>
    </row>
    <row r="136793" spans="8:8">
      <c r="H136793" s="12"/>
    </row>
    <row r="136794" spans="8:8">
      <c r="H136794" s="12"/>
    </row>
    <row r="136795" spans="8:8">
      <c r="H136795" s="12"/>
    </row>
    <row r="136796" spans="8:8">
      <c r="H136796" s="12"/>
    </row>
    <row r="136797" spans="8:8">
      <c r="H136797" s="12"/>
    </row>
    <row r="136798" spans="8:8">
      <c r="H136798" s="12"/>
    </row>
    <row r="136799" spans="8:8">
      <c r="H136799" s="12"/>
    </row>
    <row r="136800" spans="8:8">
      <c r="H136800" s="12"/>
    </row>
    <row r="136801" spans="8:8">
      <c r="H136801" s="12"/>
    </row>
    <row r="136802" spans="8:8">
      <c r="H136802" s="12"/>
    </row>
    <row r="136803" spans="8:8">
      <c r="H136803" s="12"/>
    </row>
    <row r="136804" spans="8:8">
      <c r="H136804" s="12"/>
    </row>
    <row r="136805" spans="8:8">
      <c r="H136805" s="12"/>
    </row>
    <row r="136806" spans="8:8">
      <c r="H136806" s="12"/>
    </row>
    <row r="136807" spans="8:8">
      <c r="H136807" s="12"/>
    </row>
    <row r="136808" spans="8:8">
      <c r="H136808" s="12"/>
    </row>
    <row r="136809" spans="8:8">
      <c r="H136809" s="12"/>
    </row>
    <row r="136810" spans="8:8">
      <c r="H136810" s="12"/>
    </row>
    <row r="136811" spans="8:8">
      <c r="H136811" s="12"/>
    </row>
    <row r="136812" spans="8:8">
      <c r="H136812" s="12"/>
    </row>
    <row r="136813" spans="8:8">
      <c r="H136813" s="12"/>
    </row>
    <row r="136814" spans="8:8">
      <c r="H136814" s="12"/>
    </row>
    <row r="136815" spans="8:8">
      <c r="H136815" s="12"/>
    </row>
    <row r="136816" spans="8:8">
      <c r="H136816" s="12"/>
    </row>
    <row r="136817" spans="8:8">
      <c r="H136817" s="12"/>
    </row>
    <row r="136818" spans="8:8">
      <c r="H136818" s="12"/>
    </row>
    <row r="136819" spans="8:8">
      <c r="H136819" s="12"/>
    </row>
    <row r="136820" spans="8:8">
      <c r="H136820" s="12"/>
    </row>
    <row r="136821" spans="8:8">
      <c r="H136821" s="12"/>
    </row>
    <row r="136822" spans="8:8">
      <c r="H136822" s="12"/>
    </row>
    <row r="136823" spans="8:8">
      <c r="H136823" s="12"/>
    </row>
    <row r="136824" spans="8:8">
      <c r="H136824" s="12"/>
    </row>
    <row r="136825" spans="8:8">
      <c r="H136825" s="12"/>
    </row>
    <row r="136826" spans="8:8">
      <c r="H136826" s="12"/>
    </row>
    <row r="136827" spans="8:8">
      <c r="H136827" s="12"/>
    </row>
    <row r="136828" spans="8:8">
      <c r="H136828" s="12"/>
    </row>
    <row r="136829" spans="8:8">
      <c r="H136829" s="12"/>
    </row>
    <row r="136830" spans="8:8">
      <c r="H136830" s="12"/>
    </row>
    <row r="136831" spans="8:8">
      <c r="H136831" s="12"/>
    </row>
    <row r="136832" spans="8:8">
      <c r="H136832" s="12"/>
    </row>
    <row r="136833" spans="8:8">
      <c r="H136833" s="12"/>
    </row>
    <row r="136834" spans="8:8">
      <c r="H136834" s="12"/>
    </row>
    <row r="136835" spans="8:8">
      <c r="H136835" s="12"/>
    </row>
    <row r="136836" spans="8:8">
      <c r="H136836" s="12"/>
    </row>
    <row r="136837" spans="8:8">
      <c r="H136837" s="12"/>
    </row>
    <row r="136838" spans="8:8">
      <c r="H136838" s="12"/>
    </row>
    <row r="136839" spans="8:8">
      <c r="H136839" s="12"/>
    </row>
    <row r="136840" spans="8:8">
      <c r="H136840" s="12"/>
    </row>
    <row r="136841" spans="8:8">
      <c r="H136841" s="12"/>
    </row>
    <row r="136842" spans="8:8">
      <c r="H136842" s="12"/>
    </row>
    <row r="136843" spans="8:8">
      <c r="H136843" s="12"/>
    </row>
    <row r="136844" spans="8:8">
      <c r="H136844" s="12"/>
    </row>
    <row r="136845" spans="8:8">
      <c r="H136845" s="12"/>
    </row>
    <row r="136846" spans="8:8">
      <c r="H136846" s="12"/>
    </row>
    <row r="136847" spans="8:8">
      <c r="H136847" s="12"/>
    </row>
    <row r="136848" spans="8:8">
      <c r="H136848" s="12"/>
    </row>
    <row r="136849" spans="8:8">
      <c r="H136849" s="12"/>
    </row>
    <row r="136850" spans="8:8">
      <c r="H136850" s="12"/>
    </row>
    <row r="136851" spans="8:8">
      <c r="H136851" s="12"/>
    </row>
    <row r="136852" spans="8:8">
      <c r="H136852" s="12"/>
    </row>
    <row r="136853" spans="8:8">
      <c r="H136853" s="12"/>
    </row>
    <row r="136854" spans="8:8">
      <c r="H136854" s="12"/>
    </row>
    <row r="136855" spans="8:8">
      <c r="H136855" s="12"/>
    </row>
    <row r="136856" spans="8:8">
      <c r="H136856" s="12"/>
    </row>
    <row r="136857" spans="8:8">
      <c r="H136857" s="12"/>
    </row>
    <row r="136858" spans="8:8">
      <c r="H136858" s="12"/>
    </row>
    <row r="136859" spans="8:8">
      <c r="H136859" s="12"/>
    </row>
    <row r="136860" spans="8:8">
      <c r="H136860" s="12"/>
    </row>
    <row r="136861" spans="8:8">
      <c r="H136861" s="12"/>
    </row>
    <row r="136862" spans="8:8">
      <c r="H136862" s="12"/>
    </row>
    <row r="136863" spans="8:8">
      <c r="H136863" s="12"/>
    </row>
    <row r="136864" spans="8:8">
      <c r="H136864" s="12"/>
    </row>
    <row r="136865" spans="8:8">
      <c r="H136865" s="12"/>
    </row>
    <row r="136866" spans="8:8">
      <c r="H136866" s="12"/>
    </row>
    <row r="136867" spans="8:8">
      <c r="H136867" s="12"/>
    </row>
    <row r="136868" spans="8:8">
      <c r="H136868" s="12"/>
    </row>
    <row r="136869" spans="8:8">
      <c r="H136869" s="12"/>
    </row>
    <row r="136870" spans="8:8">
      <c r="H136870" s="12"/>
    </row>
    <row r="136871" spans="8:8">
      <c r="H136871" s="12"/>
    </row>
    <row r="136872" spans="8:8">
      <c r="H136872" s="12"/>
    </row>
    <row r="136873" spans="8:8">
      <c r="H136873" s="12"/>
    </row>
    <row r="136874" spans="8:8">
      <c r="H136874" s="12"/>
    </row>
    <row r="136875" spans="8:8">
      <c r="H136875" s="12"/>
    </row>
    <row r="136876" spans="8:8">
      <c r="H136876" s="12"/>
    </row>
    <row r="136877" spans="8:8">
      <c r="H136877" s="12"/>
    </row>
    <row r="136878" spans="8:8">
      <c r="H136878" s="12"/>
    </row>
    <row r="136879" spans="8:8">
      <c r="H136879" s="12"/>
    </row>
    <row r="136880" spans="8:8">
      <c r="H136880" s="12"/>
    </row>
    <row r="136881" spans="8:8">
      <c r="H136881" s="12"/>
    </row>
    <row r="136882" spans="8:8">
      <c r="H136882" s="12"/>
    </row>
    <row r="136883" spans="8:8">
      <c r="H136883" s="12"/>
    </row>
    <row r="136884" spans="8:8">
      <c r="H136884" s="12"/>
    </row>
    <row r="136885" spans="8:8">
      <c r="H136885" s="12"/>
    </row>
    <row r="136886" spans="8:8">
      <c r="H136886" s="12"/>
    </row>
    <row r="136887" spans="8:8">
      <c r="H136887" s="12"/>
    </row>
    <row r="136888" spans="8:8">
      <c r="H136888" s="12"/>
    </row>
    <row r="136889" spans="8:8">
      <c r="H136889" s="12"/>
    </row>
    <row r="136890" spans="8:8">
      <c r="H136890" s="12"/>
    </row>
    <row r="136891" spans="8:8">
      <c r="H136891" s="12"/>
    </row>
    <row r="136892" spans="8:8">
      <c r="H136892" s="12"/>
    </row>
    <row r="136893" spans="8:8">
      <c r="H136893" s="12"/>
    </row>
    <row r="136894" spans="8:8">
      <c r="H136894" s="12"/>
    </row>
    <row r="136895" spans="8:8">
      <c r="H136895" s="12"/>
    </row>
    <row r="136896" spans="8:8">
      <c r="H136896" s="12"/>
    </row>
    <row r="136897" spans="8:8">
      <c r="H136897" s="12"/>
    </row>
    <row r="136898" spans="8:8">
      <c r="H136898" s="12"/>
    </row>
    <row r="136899" spans="8:8">
      <c r="H136899" s="12"/>
    </row>
    <row r="136900" spans="8:8">
      <c r="H136900" s="12"/>
    </row>
    <row r="136901" spans="8:8">
      <c r="H136901" s="12"/>
    </row>
    <row r="136902" spans="8:8">
      <c r="H136902" s="12"/>
    </row>
    <row r="136903" spans="8:8">
      <c r="H136903" s="12"/>
    </row>
    <row r="136904" spans="8:8">
      <c r="H136904" s="12"/>
    </row>
    <row r="136905" spans="8:8">
      <c r="H136905" s="12"/>
    </row>
    <row r="136906" spans="8:8">
      <c r="H136906" s="12"/>
    </row>
    <row r="136907" spans="8:8">
      <c r="H136907" s="12"/>
    </row>
    <row r="136908" spans="8:8">
      <c r="H136908" s="12"/>
    </row>
    <row r="136909" spans="8:8">
      <c r="H136909" s="12"/>
    </row>
    <row r="136910" spans="8:8">
      <c r="H136910" s="12"/>
    </row>
    <row r="136911" spans="8:8">
      <c r="H136911" s="12"/>
    </row>
    <row r="136912" spans="8:8">
      <c r="H136912" s="12"/>
    </row>
    <row r="136913" spans="8:8">
      <c r="H136913" s="12"/>
    </row>
    <row r="136914" spans="8:8">
      <c r="H136914" s="12"/>
    </row>
    <row r="136915" spans="8:8">
      <c r="H136915" s="12"/>
    </row>
    <row r="136916" spans="8:8">
      <c r="H136916" s="12"/>
    </row>
    <row r="136917" spans="8:8">
      <c r="H136917" s="12"/>
    </row>
    <row r="136918" spans="8:8">
      <c r="H136918" s="12"/>
    </row>
    <row r="136919" spans="8:8">
      <c r="H136919" s="12"/>
    </row>
    <row r="136920" spans="8:8">
      <c r="H136920" s="12"/>
    </row>
    <row r="136921" spans="8:8">
      <c r="H136921" s="12"/>
    </row>
    <row r="136922" spans="8:8">
      <c r="H136922" s="12"/>
    </row>
    <row r="136923" spans="8:8">
      <c r="H136923" s="12"/>
    </row>
    <row r="136924" spans="8:8">
      <c r="H136924" s="12"/>
    </row>
    <row r="136925" spans="8:8">
      <c r="H136925" s="12"/>
    </row>
    <row r="136926" spans="8:8">
      <c r="H136926" s="12"/>
    </row>
    <row r="136927" spans="8:8">
      <c r="H136927" s="12"/>
    </row>
    <row r="136928" spans="8:8">
      <c r="H136928" s="12"/>
    </row>
    <row r="136929" spans="8:8">
      <c r="H136929" s="12"/>
    </row>
    <row r="136930" spans="8:8">
      <c r="H136930" s="12"/>
    </row>
    <row r="136931" spans="8:8">
      <c r="H136931" s="12"/>
    </row>
    <row r="136932" spans="8:8">
      <c r="H136932" s="12"/>
    </row>
    <row r="136933" spans="8:8">
      <c r="H136933" s="12"/>
    </row>
    <row r="136934" spans="8:8">
      <c r="H136934" s="12"/>
    </row>
    <row r="136935" spans="8:8">
      <c r="H136935" s="12"/>
    </row>
    <row r="136936" spans="8:8">
      <c r="H136936" s="12"/>
    </row>
    <row r="136937" spans="8:8">
      <c r="H136937" s="12"/>
    </row>
    <row r="136938" spans="8:8">
      <c r="H136938" s="12"/>
    </row>
    <row r="136939" spans="8:8">
      <c r="H136939" s="12"/>
    </row>
    <row r="136940" spans="8:8">
      <c r="H136940" s="12"/>
    </row>
    <row r="136941" spans="8:8">
      <c r="H136941" s="12"/>
    </row>
    <row r="136942" spans="8:8">
      <c r="H136942" s="12"/>
    </row>
    <row r="136943" spans="8:8">
      <c r="H136943" s="12"/>
    </row>
    <row r="136944" spans="8:8">
      <c r="H136944" s="12"/>
    </row>
    <row r="136945" spans="8:8">
      <c r="H136945" s="12"/>
    </row>
    <row r="136946" spans="8:8">
      <c r="H136946" s="12"/>
    </row>
    <row r="136947" spans="8:8">
      <c r="H136947" s="12"/>
    </row>
    <row r="136948" spans="8:8">
      <c r="H136948" s="12"/>
    </row>
    <row r="136949" spans="8:8">
      <c r="H136949" s="12"/>
    </row>
    <row r="136950" spans="8:8">
      <c r="H136950" s="12"/>
    </row>
    <row r="136951" spans="8:8">
      <c r="H136951" s="12"/>
    </row>
    <row r="136952" spans="8:8">
      <c r="H136952" s="12"/>
    </row>
    <row r="136953" spans="8:8">
      <c r="H136953" s="12"/>
    </row>
    <row r="136954" spans="8:8">
      <c r="H136954" s="12"/>
    </row>
    <row r="136955" spans="8:8">
      <c r="H136955" s="12"/>
    </row>
    <row r="136956" spans="8:8">
      <c r="H136956" s="12"/>
    </row>
    <row r="136957" spans="8:8">
      <c r="H136957" s="12"/>
    </row>
    <row r="136958" spans="8:8">
      <c r="H136958" s="12"/>
    </row>
    <row r="136959" spans="8:8">
      <c r="H136959" s="12"/>
    </row>
    <row r="136960" spans="8:8">
      <c r="H136960" s="12"/>
    </row>
    <row r="136961" spans="8:8">
      <c r="H136961" s="12"/>
    </row>
    <row r="136962" spans="8:8">
      <c r="H136962" s="12"/>
    </row>
    <row r="136963" spans="8:8">
      <c r="H136963" s="12"/>
    </row>
    <row r="136964" spans="8:8">
      <c r="H136964" s="12"/>
    </row>
    <row r="136965" spans="8:8">
      <c r="H136965" s="12"/>
    </row>
    <row r="136966" spans="8:8">
      <c r="H136966" s="12"/>
    </row>
    <row r="136967" spans="8:8">
      <c r="H136967" s="12"/>
    </row>
    <row r="136968" spans="8:8">
      <c r="H136968" s="12"/>
    </row>
    <row r="136969" spans="8:8">
      <c r="H136969" s="12"/>
    </row>
    <row r="136970" spans="8:8">
      <c r="H136970" s="12"/>
    </row>
    <row r="136971" spans="8:8">
      <c r="H136971" s="12"/>
    </row>
    <row r="136972" spans="8:8">
      <c r="H136972" s="12"/>
    </row>
    <row r="136973" spans="8:8">
      <c r="H136973" s="12"/>
    </row>
    <row r="136974" spans="8:8">
      <c r="H136974" s="12"/>
    </row>
    <row r="136975" spans="8:8">
      <c r="H136975" s="12"/>
    </row>
    <row r="136976" spans="8:8">
      <c r="H136976" s="12"/>
    </row>
    <row r="136977" spans="8:8">
      <c r="H136977" s="12"/>
    </row>
    <row r="136978" spans="8:8">
      <c r="H136978" s="12"/>
    </row>
    <row r="136979" spans="8:8">
      <c r="H136979" s="12"/>
    </row>
    <row r="136980" spans="8:8">
      <c r="H136980" s="12"/>
    </row>
    <row r="136981" spans="8:8">
      <c r="H136981" s="12"/>
    </row>
    <row r="136982" spans="8:8">
      <c r="H136982" s="12"/>
    </row>
    <row r="136983" spans="8:8">
      <c r="H136983" s="12"/>
    </row>
    <row r="136984" spans="8:8">
      <c r="H136984" s="12"/>
    </row>
    <row r="136985" spans="8:8">
      <c r="H136985" s="12"/>
    </row>
    <row r="136986" spans="8:8">
      <c r="H136986" s="12"/>
    </row>
    <row r="136987" spans="8:8">
      <c r="H136987" s="12"/>
    </row>
    <row r="136988" spans="8:8">
      <c r="H136988" s="12"/>
    </row>
    <row r="136989" spans="8:8">
      <c r="H136989" s="12"/>
    </row>
    <row r="136990" spans="8:8">
      <c r="H136990" s="12"/>
    </row>
    <row r="136991" spans="8:8">
      <c r="H136991" s="12"/>
    </row>
    <row r="136992" spans="8:8">
      <c r="H136992" s="12"/>
    </row>
    <row r="136993" spans="8:8">
      <c r="H136993" s="12"/>
    </row>
    <row r="136994" spans="8:8">
      <c r="H136994" s="12"/>
    </row>
    <row r="136995" spans="8:8">
      <c r="H136995" s="12"/>
    </row>
    <row r="136996" spans="8:8">
      <c r="H136996" s="12"/>
    </row>
    <row r="136997" spans="8:8">
      <c r="H136997" s="12"/>
    </row>
    <row r="136998" spans="8:8">
      <c r="H136998" s="12"/>
    </row>
    <row r="136999" spans="8:8">
      <c r="H136999" s="12"/>
    </row>
    <row r="137000" spans="8:8">
      <c r="H137000" s="12"/>
    </row>
    <row r="137001" spans="8:8">
      <c r="H137001" s="12"/>
    </row>
    <row r="137002" spans="8:8">
      <c r="H137002" s="12"/>
    </row>
    <row r="137003" spans="8:8">
      <c r="H137003" s="12"/>
    </row>
    <row r="137004" spans="8:8">
      <c r="H137004" s="12"/>
    </row>
    <row r="137005" spans="8:8">
      <c r="H137005" s="12"/>
    </row>
    <row r="137006" spans="8:8">
      <c r="H137006" s="12"/>
    </row>
    <row r="137007" spans="8:8">
      <c r="H137007" s="12"/>
    </row>
    <row r="137008" spans="8:8">
      <c r="H137008" s="12"/>
    </row>
    <row r="137009" spans="8:8">
      <c r="H137009" s="12"/>
    </row>
    <row r="137010" spans="8:8">
      <c r="H137010" s="12"/>
    </row>
    <row r="137011" spans="8:8">
      <c r="H137011" s="12"/>
    </row>
    <row r="137012" spans="8:8">
      <c r="H137012" s="12"/>
    </row>
    <row r="137013" spans="8:8">
      <c r="H137013" s="12"/>
    </row>
    <row r="137014" spans="8:8">
      <c r="H137014" s="12"/>
    </row>
    <row r="137015" spans="8:8">
      <c r="H137015" s="12"/>
    </row>
    <row r="137016" spans="8:8">
      <c r="H137016" s="12"/>
    </row>
    <row r="137017" spans="8:8">
      <c r="H137017" s="12"/>
    </row>
    <row r="137018" spans="8:8">
      <c r="H137018" s="12"/>
    </row>
    <row r="137019" spans="8:8">
      <c r="H137019" s="12"/>
    </row>
    <row r="137020" spans="8:8">
      <c r="H137020" s="12"/>
    </row>
    <row r="137021" spans="8:8">
      <c r="H137021" s="12"/>
    </row>
    <row r="137022" spans="8:8">
      <c r="H137022" s="12"/>
    </row>
    <row r="137023" spans="8:8">
      <c r="H137023" s="12"/>
    </row>
    <row r="137024" spans="8:8">
      <c r="H137024" s="12"/>
    </row>
    <row r="137025" spans="8:8">
      <c r="H137025" s="12"/>
    </row>
    <row r="137026" spans="8:8">
      <c r="H137026" s="12"/>
    </row>
    <row r="137027" spans="8:8">
      <c r="H137027" s="12"/>
    </row>
    <row r="137028" spans="8:8">
      <c r="H137028" s="12"/>
    </row>
    <row r="137029" spans="8:8">
      <c r="H137029" s="12"/>
    </row>
    <row r="137030" spans="8:8">
      <c r="H137030" s="12"/>
    </row>
    <row r="137031" spans="8:8">
      <c r="H137031" s="12"/>
    </row>
    <row r="137032" spans="8:8">
      <c r="H137032" s="12"/>
    </row>
    <row r="137033" spans="8:8">
      <c r="H137033" s="12"/>
    </row>
    <row r="137034" spans="8:8">
      <c r="H137034" s="12"/>
    </row>
    <row r="137035" spans="8:8">
      <c r="H137035" s="12"/>
    </row>
    <row r="137036" spans="8:8">
      <c r="H137036" s="12"/>
    </row>
    <row r="137037" spans="8:8">
      <c r="H137037" s="12"/>
    </row>
    <row r="137038" spans="8:8">
      <c r="H137038" s="12"/>
    </row>
    <row r="137039" spans="8:8">
      <c r="H137039" s="12"/>
    </row>
    <row r="137040" spans="8:8">
      <c r="H137040" s="12"/>
    </row>
    <row r="137041" spans="8:8">
      <c r="H137041" s="12"/>
    </row>
    <row r="137042" spans="8:8">
      <c r="H137042" s="12"/>
    </row>
    <row r="137043" spans="8:8">
      <c r="H137043" s="12"/>
    </row>
    <row r="137044" spans="8:8">
      <c r="H137044" s="12"/>
    </row>
    <row r="137045" spans="8:8">
      <c r="H137045" s="12"/>
    </row>
    <row r="137046" spans="8:8">
      <c r="H137046" s="12"/>
    </row>
    <row r="137047" spans="8:8">
      <c r="H137047" s="12"/>
    </row>
    <row r="137048" spans="8:8">
      <c r="H137048" s="12"/>
    </row>
    <row r="137049" spans="8:8">
      <c r="H137049" s="12"/>
    </row>
    <row r="137050" spans="8:8">
      <c r="H137050" s="12"/>
    </row>
    <row r="137051" spans="8:8">
      <c r="H137051" s="12"/>
    </row>
    <row r="137052" spans="8:8">
      <c r="H137052" s="12"/>
    </row>
    <row r="137053" spans="8:8">
      <c r="H137053" s="12"/>
    </row>
    <row r="137054" spans="8:8">
      <c r="H137054" s="12"/>
    </row>
    <row r="137055" spans="8:8">
      <c r="H137055" s="12"/>
    </row>
    <row r="137056" spans="8:8">
      <c r="H137056" s="12"/>
    </row>
    <row r="137057" spans="8:8">
      <c r="H137057" s="12"/>
    </row>
    <row r="137058" spans="8:8">
      <c r="H137058" s="12"/>
    </row>
    <row r="137059" spans="8:8">
      <c r="H137059" s="12"/>
    </row>
    <row r="137060" spans="8:8">
      <c r="H137060" s="12"/>
    </row>
    <row r="137061" spans="8:8">
      <c r="H137061" s="12"/>
    </row>
    <row r="137062" spans="8:8">
      <c r="H137062" s="12"/>
    </row>
    <row r="137063" spans="8:8">
      <c r="H137063" s="12"/>
    </row>
    <row r="137064" spans="8:8">
      <c r="H137064" s="12"/>
    </row>
    <row r="137065" spans="8:8">
      <c r="H137065" s="12"/>
    </row>
    <row r="137066" spans="8:8">
      <c r="H137066" s="12"/>
    </row>
    <row r="137067" spans="8:8">
      <c r="H137067" s="12"/>
    </row>
    <row r="137068" spans="8:8">
      <c r="H137068" s="12"/>
    </row>
    <row r="137069" spans="8:8">
      <c r="H137069" s="12"/>
    </row>
    <row r="137070" spans="8:8">
      <c r="H137070" s="12"/>
    </row>
    <row r="137071" spans="8:8">
      <c r="H137071" s="12"/>
    </row>
    <row r="137072" spans="8:8">
      <c r="H137072" s="12"/>
    </row>
    <row r="137073" spans="8:8">
      <c r="H137073" s="12"/>
    </row>
    <row r="137074" spans="8:8">
      <c r="H137074" s="12"/>
    </row>
    <row r="137075" spans="8:8">
      <c r="H137075" s="12"/>
    </row>
    <row r="137076" spans="8:8">
      <c r="H137076" s="12"/>
    </row>
    <row r="137077" spans="8:8">
      <c r="H137077" s="12"/>
    </row>
    <row r="137078" spans="8:8">
      <c r="H137078" s="12"/>
    </row>
    <row r="137079" spans="8:8">
      <c r="H137079" s="12"/>
    </row>
    <row r="137080" spans="8:8">
      <c r="H137080" s="12"/>
    </row>
    <row r="137081" spans="8:8">
      <c r="H137081" s="12"/>
    </row>
    <row r="137082" spans="8:8">
      <c r="H137082" s="12"/>
    </row>
    <row r="137083" spans="8:8">
      <c r="H137083" s="12"/>
    </row>
    <row r="137084" spans="8:8">
      <c r="H137084" s="12"/>
    </row>
    <row r="137085" spans="8:8">
      <c r="H137085" s="12"/>
    </row>
    <row r="137086" spans="8:8">
      <c r="H137086" s="12"/>
    </row>
    <row r="137087" spans="8:8">
      <c r="H137087" s="12"/>
    </row>
    <row r="137088" spans="8:8">
      <c r="H137088" s="12"/>
    </row>
    <row r="137089" spans="8:8">
      <c r="H137089" s="12"/>
    </row>
    <row r="137090" spans="8:8">
      <c r="H137090" s="12"/>
    </row>
    <row r="137091" spans="8:8">
      <c r="H137091" s="12"/>
    </row>
    <row r="137092" spans="8:8">
      <c r="H137092" s="12"/>
    </row>
    <row r="137093" spans="8:8">
      <c r="H137093" s="12"/>
    </row>
    <row r="137094" spans="8:8">
      <c r="H137094" s="12"/>
    </row>
    <row r="137095" spans="8:8">
      <c r="H137095" s="12"/>
    </row>
    <row r="137096" spans="8:8">
      <c r="H137096" s="12"/>
    </row>
    <row r="137097" spans="8:8">
      <c r="H137097" s="12"/>
    </row>
    <row r="137098" spans="8:8">
      <c r="H137098" s="12"/>
    </row>
    <row r="137099" spans="8:8">
      <c r="H137099" s="12"/>
    </row>
    <row r="137100" spans="8:8">
      <c r="H137100" s="12"/>
    </row>
    <row r="137101" spans="8:8">
      <c r="H137101" s="12"/>
    </row>
    <row r="137102" spans="8:8">
      <c r="H137102" s="12"/>
    </row>
    <row r="137103" spans="8:8">
      <c r="H137103" s="12"/>
    </row>
    <row r="137104" spans="8:8">
      <c r="H137104" s="12"/>
    </row>
    <row r="137105" spans="8:8">
      <c r="H137105" s="12"/>
    </row>
    <row r="137106" spans="8:8">
      <c r="H137106" s="12"/>
    </row>
    <row r="137107" spans="8:8">
      <c r="H137107" s="12"/>
    </row>
    <row r="137108" spans="8:8">
      <c r="H137108" s="12"/>
    </row>
    <row r="137109" spans="8:8">
      <c r="H137109" s="12"/>
    </row>
    <row r="137110" spans="8:8">
      <c r="H137110" s="12"/>
    </row>
    <row r="137111" spans="8:8">
      <c r="H137111" s="12"/>
    </row>
    <row r="137112" spans="8:8">
      <c r="H137112" s="12"/>
    </row>
    <row r="137113" spans="8:8">
      <c r="H137113" s="12"/>
    </row>
    <row r="137114" spans="8:8">
      <c r="H137114" s="12"/>
    </row>
    <row r="137115" spans="8:8">
      <c r="H137115" s="12"/>
    </row>
    <row r="137116" spans="8:8">
      <c r="H137116" s="12"/>
    </row>
    <row r="137117" spans="8:8">
      <c r="H137117" s="12"/>
    </row>
    <row r="137118" spans="8:8">
      <c r="H137118" s="12"/>
    </row>
    <row r="137119" spans="8:8">
      <c r="H137119" s="12"/>
    </row>
    <row r="137120" spans="8:8">
      <c r="H137120" s="12"/>
    </row>
    <row r="137121" spans="8:8">
      <c r="H137121" s="12"/>
    </row>
    <row r="137122" spans="8:8">
      <c r="H137122" s="12"/>
    </row>
    <row r="137123" spans="8:8">
      <c r="H137123" s="12"/>
    </row>
    <row r="137124" spans="8:8">
      <c r="H137124" s="12"/>
    </row>
    <row r="137125" spans="8:8">
      <c r="H137125" s="12"/>
    </row>
    <row r="137126" spans="8:8">
      <c r="H137126" s="12"/>
    </row>
    <row r="137127" spans="8:8">
      <c r="H137127" s="12"/>
    </row>
    <row r="137128" spans="8:8">
      <c r="H137128" s="12"/>
    </row>
    <row r="137129" spans="8:8">
      <c r="H137129" s="12"/>
    </row>
    <row r="137130" spans="8:8">
      <c r="H137130" s="12"/>
    </row>
    <row r="137131" spans="8:8">
      <c r="H137131" s="12"/>
    </row>
    <row r="137132" spans="8:8">
      <c r="H137132" s="12"/>
    </row>
    <row r="137133" spans="8:8">
      <c r="H137133" s="12"/>
    </row>
    <row r="137134" spans="8:8">
      <c r="H137134" s="12"/>
    </row>
    <row r="137135" spans="8:8">
      <c r="H137135" s="12"/>
    </row>
    <row r="137136" spans="8:8">
      <c r="H137136" s="12"/>
    </row>
    <row r="137137" spans="8:8">
      <c r="H137137" s="12"/>
    </row>
    <row r="137138" spans="8:8">
      <c r="H137138" s="12"/>
    </row>
    <row r="137139" spans="8:8">
      <c r="H137139" s="12"/>
    </row>
    <row r="137140" spans="8:8">
      <c r="H137140" s="12"/>
    </row>
    <row r="137141" spans="8:8">
      <c r="H137141" s="12"/>
    </row>
    <row r="137142" spans="8:8">
      <c r="H137142" s="12"/>
    </row>
    <row r="137143" spans="8:8">
      <c r="H137143" s="12"/>
    </row>
    <row r="137144" spans="8:8">
      <c r="H137144" s="12"/>
    </row>
    <row r="137145" spans="8:8">
      <c r="H137145" s="12"/>
    </row>
    <row r="137146" spans="8:8">
      <c r="H137146" s="12"/>
    </row>
    <row r="137147" spans="8:8">
      <c r="H137147" s="12"/>
    </row>
    <row r="137148" spans="8:8">
      <c r="H137148" s="12"/>
    </row>
    <row r="137149" spans="8:8">
      <c r="H137149" s="12"/>
    </row>
    <row r="137150" spans="8:8">
      <c r="H137150" s="12"/>
    </row>
    <row r="137151" spans="8:8">
      <c r="H137151" s="12"/>
    </row>
    <row r="137152" spans="8:8">
      <c r="H137152" s="12"/>
    </row>
    <row r="137153" spans="8:8">
      <c r="H137153" s="12"/>
    </row>
    <row r="137154" spans="8:8">
      <c r="H137154" s="12"/>
    </row>
    <row r="137155" spans="8:8">
      <c r="H137155" s="12"/>
    </row>
    <row r="137156" spans="8:8">
      <c r="H137156" s="12"/>
    </row>
    <row r="137157" spans="8:8">
      <c r="H137157" s="12"/>
    </row>
    <row r="137158" spans="8:8">
      <c r="H137158" s="12"/>
    </row>
    <row r="137159" spans="8:8">
      <c r="H137159" s="12"/>
    </row>
    <row r="137160" spans="8:8">
      <c r="H137160" s="12"/>
    </row>
    <row r="137161" spans="8:8">
      <c r="H137161" s="12"/>
    </row>
    <row r="137162" spans="8:8">
      <c r="H137162" s="12"/>
    </row>
    <row r="137163" spans="8:8">
      <c r="H137163" s="12"/>
    </row>
    <row r="137164" spans="8:8">
      <c r="H137164" s="12"/>
    </row>
    <row r="137165" spans="8:8">
      <c r="H137165" s="12"/>
    </row>
    <row r="137166" spans="8:8">
      <c r="H137166" s="12"/>
    </row>
    <row r="137167" spans="8:8">
      <c r="H137167" s="12"/>
    </row>
    <row r="137168" spans="8:8">
      <c r="H137168" s="12"/>
    </row>
    <row r="137169" spans="8:8">
      <c r="H137169" s="12"/>
    </row>
    <row r="137170" spans="8:8">
      <c r="H137170" s="12"/>
    </row>
    <row r="137171" spans="8:8">
      <c r="H137171" s="12"/>
    </row>
    <row r="137172" spans="8:8">
      <c r="H137172" s="12"/>
    </row>
    <row r="137173" spans="8:8">
      <c r="H137173" s="12"/>
    </row>
    <row r="137174" spans="8:8">
      <c r="H137174" s="12"/>
    </row>
    <row r="137175" spans="8:8">
      <c r="H137175" s="12"/>
    </row>
    <row r="137176" spans="8:8">
      <c r="H137176" s="12"/>
    </row>
    <row r="137177" spans="8:8">
      <c r="H137177" s="12"/>
    </row>
    <row r="137178" spans="8:8">
      <c r="H137178" s="12"/>
    </row>
    <row r="137179" spans="8:8">
      <c r="H137179" s="12"/>
    </row>
    <row r="137180" spans="8:8">
      <c r="H137180" s="12"/>
    </row>
    <row r="137181" spans="8:8">
      <c r="H137181" s="12"/>
    </row>
    <row r="137182" spans="8:8">
      <c r="H137182" s="12"/>
    </row>
    <row r="137183" spans="8:8">
      <c r="H137183" s="12"/>
    </row>
    <row r="137184" spans="8:8">
      <c r="H137184" s="12"/>
    </row>
    <row r="137185" spans="8:8">
      <c r="H137185" s="12"/>
    </row>
    <row r="137186" spans="8:8">
      <c r="H137186" s="12"/>
    </row>
    <row r="137187" spans="8:8">
      <c r="H137187" s="12"/>
    </row>
    <row r="137188" spans="8:8">
      <c r="H137188" s="12"/>
    </row>
    <row r="137189" spans="8:8">
      <c r="H137189" s="12"/>
    </row>
    <row r="137190" spans="8:8">
      <c r="H137190" s="12"/>
    </row>
    <row r="137191" spans="8:8">
      <c r="H137191" s="12"/>
    </row>
    <row r="137192" spans="8:8">
      <c r="H137192" s="12"/>
    </row>
    <row r="137193" spans="8:8">
      <c r="H137193" s="12"/>
    </row>
    <row r="137194" spans="8:8">
      <c r="H137194" s="12"/>
    </row>
    <row r="137195" spans="8:8">
      <c r="H137195" s="12"/>
    </row>
    <row r="137196" spans="8:8">
      <c r="H137196" s="12"/>
    </row>
    <row r="137197" spans="8:8">
      <c r="H137197" s="12"/>
    </row>
    <row r="137198" spans="8:8">
      <c r="H137198" s="12"/>
    </row>
    <row r="137199" spans="8:8">
      <c r="H137199" s="12"/>
    </row>
    <row r="137200" spans="8:8">
      <c r="H137200" s="12"/>
    </row>
    <row r="137201" spans="8:8">
      <c r="H137201" s="12"/>
    </row>
    <row r="137202" spans="8:8">
      <c r="H137202" s="12"/>
    </row>
    <row r="137203" spans="8:8">
      <c r="H137203" s="12"/>
    </row>
    <row r="137204" spans="8:8">
      <c r="H137204" s="12"/>
    </row>
    <row r="137205" spans="8:8">
      <c r="H137205" s="12"/>
    </row>
    <row r="137206" spans="8:8">
      <c r="H137206" s="12"/>
    </row>
    <row r="137207" spans="8:8">
      <c r="H137207" s="12"/>
    </row>
    <row r="137208" spans="8:8">
      <c r="H137208" s="12"/>
    </row>
    <row r="137209" spans="8:8">
      <c r="H137209" s="12"/>
    </row>
    <row r="137210" spans="8:8">
      <c r="H137210" s="12"/>
    </row>
    <row r="137211" spans="8:8">
      <c r="H137211" s="12"/>
    </row>
    <row r="137212" spans="8:8">
      <c r="H137212" s="12"/>
    </row>
    <row r="137213" spans="8:8">
      <c r="H137213" s="12"/>
    </row>
    <row r="137214" spans="8:8">
      <c r="H137214" s="12"/>
    </row>
    <row r="137215" spans="8:8">
      <c r="H137215" s="12"/>
    </row>
    <row r="137216" spans="8:8">
      <c r="H137216" s="12"/>
    </row>
    <row r="137217" spans="8:8">
      <c r="H137217" s="12"/>
    </row>
    <row r="137218" spans="8:8">
      <c r="H137218" s="12"/>
    </row>
    <row r="137219" spans="8:8">
      <c r="H137219" s="12"/>
    </row>
    <row r="137220" spans="8:8">
      <c r="H137220" s="12"/>
    </row>
    <row r="137221" spans="8:8">
      <c r="H137221" s="12"/>
    </row>
    <row r="137222" spans="8:8">
      <c r="H137222" s="12"/>
    </row>
    <row r="137223" spans="8:8">
      <c r="H137223" s="12"/>
    </row>
    <row r="137224" spans="8:8">
      <c r="H137224" s="12"/>
    </row>
    <row r="137225" spans="8:8">
      <c r="H137225" s="12"/>
    </row>
    <row r="137226" spans="8:8">
      <c r="H137226" s="12"/>
    </row>
    <row r="137227" spans="8:8">
      <c r="H137227" s="12"/>
    </row>
    <row r="137228" spans="8:8">
      <c r="H137228" s="12"/>
    </row>
    <row r="137229" spans="8:8">
      <c r="H137229" s="12"/>
    </row>
    <row r="137230" spans="8:8">
      <c r="H137230" s="12"/>
    </row>
    <row r="137231" spans="8:8">
      <c r="H137231" s="12"/>
    </row>
    <row r="137232" spans="8:8">
      <c r="H137232" s="12"/>
    </row>
    <row r="137233" spans="8:8">
      <c r="H137233" s="12"/>
    </row>
    <row r="137234" spans="8:8">
      <c r="H137234" s="12"/>
    </row>
    <row r="137235" spans="8:8">
      <c r="H137235" s="12"/>
    </row>
    <row r="137236" spans="8:8">
      <c r="H137236" s="12"/>
    </row>
    <row r="137237" spans="8:8">
      <c r="H137237" s="12"/>
    </row>
    <row r="137238" spans="8:8">
      <c r="H137238" s="12"/>
    </row>
    <row r="137239" spans="8:8">
      <c r="H137239" s="12"/>
    </row>
    <row r="137240" spans="8:8">
      <c r="H137240" s="12"/>
    </row>
    <row r="137241" spans="8:8">
      <c r="H137241" s="12"/>
    </row>
    <row r="137242" spans="8:8">
      <c r="H137242" s="12"/>
    </row>
    <row r="137243" spans="8:8">
      <c r="H137243" s="12"/>
    </row>
    <row r="137244" spans="8:8">
      <c r="H137244" s="12"/>
    </row>
    <row r="137245" spans="8:8">
      <c r="H137245" s="12"/>
    </row>
    <row r="137246" spans="8:8">
      <c r="H137246" s="12"/>
    </row>
    <row r="137247" spans="8:8">
      <c r="H137247" s="12"/>
    </row>
    <row r="137248" spans="8:8">
      <c r="H137248" s="12"/>
    </row>
    <row r="137249" spans="8:8">
      <c r="H137249" s="12"/>
    </row>
    <row r="137250" spans="8:8">
      <c r="H137250" s="12"/>
    </row>
    <row r="137251" spans="8:8">
      <c r="H137251" s="12"/>
    </row>
    <row r="137252" spans="8:8">
      <c r="H137252" s="12"/>
    </row>
    <row r="137253" spans="8:8">
      <c r="H137253" s="12"/>
    </row>
    <row r="137254" spans="8:8">
      <c r="H137254" s="12"/>
    </row>
    <row r="137255" spans="8:8">
      <c r="H137255" s="12"/>
    </row>
    <row r="137256" spans="8:8">
      <c r="H137256" s="12"/>
    </row>
    <row r="137257" spans="8:8">
      <c r="H137257" s="12"/>
    </row>
    <row r="137258" spans="8:8">
      <c r="H137258" s="12"/>
    </row>
    <row r="137259" spans="8:8">
      <c r="H137259" s="12"/>
    </row>
    <row r="137260" spans="8:8">
      <c r="H137260" s="12"/>
    </row>
    <row r="137261" spans="8:8">
      <c r="H137261" s="12"/>
    </row>
    <row r="137262" spans="8:8">
      <c r="H137262" s="12"/>
    </row>
    <row r="137263" spans="8:8">
      <c r="H137263" s="12"/>
    </row>
    <row r="137264" spans="8:8">
      <c r="H137264" s="12"/>
    </row>
    <row r="137265" spans="8:8">
      <c r="H137265" s="12"/>
    </row>
    <row r="137266" spans="8:8">
      <c r="H137266" s="12"/>
    </row>
    <row r="137267" spans="8:8">
      <c r="H137267" s="12"/>
    </row>
    <row r="137268" spans="8:8">
      <c r="H137268" s="12"/>
    </row>
    <row r="137269" spans="8:8">
      <c r="H137269" s="12"/>
    </row>
    <row r="137270" spans="8:8">
      <c r="H137270" s="12"/>
    </row>
    <row r="137271" spans="8:8">
      <c r="H137271" s="12"/>
    </row>
    <row r="137272" spans="8:8">
      <c r="H137272" s="12"/>
    </row>
    <row r="137273" spans="8:8">
      <c r="H137273" s="12"/>
    </row>
    <row r="137274" spans="8:8">
      <c r="H137274" s="12"/>
    </row>
    <row r="137275" spans="8:8">
      <c r="H137275" s="12"/>
    </row>
    <row r="137276" spans="8:8">
      <c r="H137276" s="12"/>
    </row>
    <row r="137277" spans="8:8">
      <c r="H137277" s="12"/>
    </row>
    <row r="137278" spans="8:8">
      <c r="H137278" s="12"/>
    </row>
    <row r="137279" spans="8:8">
      <c r="H137279" s="12"/>
    </row>
    <row r="137280" spans="8:8">
      <c r="H137280" s="12"/>
    </row>
    <row r="137281" spans="8:8">
      <c r="H137281" s="12"/>
    </row>
    <row r="137282" spans="8:8">
      <c r="H137282" s="12"/>
    </row>
    <row r="137283" spans="8:8">
      <c r="H137283" s="12"/>
    </row>
    <row r="137284" spans="8:8">
      <c r="H137284" s="12"/>
    </row>
    <row r="137285" spans="8:8">
      <c r="H137285" s="12"/>
    </row>
    <row r="137286" spans="8:8">
      <c r="H137286" s="12"/>
    </row>
    <row r="137287" spans="8:8">
      <c r="H137287" s="12"/>
    </row>
    <row r="137288" spans="8:8">
      <c r="H137288" s="12"/>
    </row>
    <row r="137289" spans="8:8">
      <c r="H137289" s="12"/>
    </row>
    <row r="137290" spans="8:8">
      <c r="H137290" s="12"/>
    </row>
    <row r="137291" spans="8:8">
      <c r="H137291" s="12"/>
    </row>
    <row r="137292" spans="8:8">
      <c r="H137292" s="12"/>
    </row>
    <row r="137293" spans="8:8">
      <c r="H137293" s="12"/>
    </row>
    <row r="137294" spans="8:8">
      <c r="H137294" s="12"/>
    </row>
    <row r="137295" spans="8:8">
      <c r="H137295" s="12"/>
    </row>
    <row r="137296" spans="8:8">
      <c r="H137296" s="12"/>
    </row>
    <row r="137297" spans="8:8">
      <c r="H137297" s="12"/>
    </row>
    <row r="137298" spans="8:8">
      <c r="H137298" s="12"/>
    </row>
    <row r="137299" spans="8:8">
      <c r="H137299" s="12"/>
    </row>
    <row r="137300" spans="8:8">
      <c r="H137300" s="12"/>
    </row>
    <row r="137301" spans="8:8">
      <c r="H137301" s="12"/>
    </row>
    <row r="137302" spans="8:8">
      <c r="H137302" s="12"/>
    </row>
    <row r="137303" spans="8:8">
      <c r="H137303" s="12"/>
    </row>
    <row r="137304" spans="8:8">
      <c r="H137304" s="12"/>
    </row>
    <row r="137305" spans="8:8">
      <c r="H137305" s="12"/>
    </row>
    <row r="137306" spans="8:8">
      <c r="H137306" s="12"/>
    </row>
    <row r="137307" spans="8:8">
      <c r="H137307" s="12"/>
    </row>
    <row r="137308" spans="8:8">
      <c r="H137308" s="12"/>
    </row>
    <row r="137309" spans="8:8">
      <c r="H137309" s="12"/>
    </row>
    <row r="137310" spans="8:8">
      <c r="H137310" s="12"/>
    </row>
    <row r="137311" spans="8:8">
      <c r="H137311" s="12"/>
    </row>
    <row r="137312" spans="8:8">
      <c r="H137312" s="12"/>
    </row>
    <row r="137313" spans="8:8">
      <c r="H137313" s="12"/>
    </row>
    <row r="137314" spans="8:8">
      <c r="H137314" s="12"/>
    </row>
    <row r="137315" spans="8:8">
      <c r="H137315" s="12"/>
    </row>
    <row r="137316" spans="8:8">
      <c r="H137316" s="12"/>
    </row>
    <row r="137317" spans="8:8">
      <c r="H137317" s="12"/>
    </row>
    <row r="137318" spans="8:8">
      <c r="H137318" s="12"/>
    </row>
    <row r="137319" spans="8:8">
      <c r="H137319" s="12"/>
    </row>
    <row r="137320" spans="8:8">
      <c r="H137320" s="12"/>
    </row>
    <row r="137321" spans="8:8">
      <c r="H137321" s="12"/>
    </row>
    <row r="137322" spans="8:8">
      <c r="H137322" s="12"/>
    </row>
    <row r="137323" spans="8:8">
      <c r="H137323" s="12"/>
    </row>
    <row r="137324" spans="8:8">
      <c r="H137324" s="12"/>
    </row>
    <row r="137325" spans="8:8">
      <c r="H137325" s="12"/>
    </row>
    <row r="137326" spans="8:8">
      <c r="H137326" s="12"/>
    </row>
    <row r="137327" spans="8:8">
      <c r="H137327" s="12"/>
    </row>
    <row r="137328" spans="8:8">
      <c r="H137328" s="12"/>
    </row>
    <row r="137329" spans="8:8">
      <c r="H137329" s="12"/>
    </row>
    <row r="137330" spans="8:8">
      <c r="H137330" s="12"/>
    </row>
    <row r="137331" spans="8:8">
      <c r="H137331" s="12"/>
    </row>
    <row r="137332" spans="8:8">
      <c r="H137332" s="12"/>
    </row>
    <row r="137333" spans="8:8">
      <c r="H137333" s="12"/>
    </row>
    <row r="137334" spans="8:8">
      <c r="H137334" s="12"/>
    </row>
    <row r="137335" spans="8:8">
      <c r="H137335" s="12"/>
    </row>
    <row r="137336" spans="8:8">
      <c r="H137336" s="12"/>
    </row>
    <row r="137337" spans="8:8">
      <c r="H137337" s="12"/>
    </row>
    <row r="137338" spans="8:8">
      <c r="H137338" s="12"/>
    </row>
    <row r="137339" spans="8:8">
      <c r="H137339" s="12"/>
    </row>
    <row r="137340" spans="8:8">
      <c r="H137340" s="12"/>
    </row>
    <row r="137341" spans="8:8">
      <c r="H137341" s="12"/>
    </row>
    <row r="137342" spans="8:8">
      <c r="H137342" s="12"/>
    </row>
    <row r="137343" spans="8:8">
      <c r="H137343" s="12"/>
    </row>
    <row r="137344" spans="8:8">
      <c r="H137344" s="12"/>
    </row>
    <row r="137345" spans="8:8">
      <c r="H137345" s="12"/>
    </row>
    <row r="137346" spans="8:8">
      <c r="H137346" s="12"/>
    </row>
    <row r="137347" spans="8:8">
      <c r="H137347" s="12"/>
    </row>
    <row r="137348" spans="8:8">
      <c r="H137348" s="12"/>
    </row>
    <row r="137349" spans="8:8">
      <c r="H137349" s="12"/>
    </row>
    <row r="137350" spans="8:8">
      <c r="H137350" s="12"/>
    </row>
    <row r="137351" spans="8:8">
      <c r="H137351" s="12"/>
    </row>
    <row r="137352" spans="8:8">
      <c r="H137352" s="12"/>
    </row>
    <row r="137353" spans="8:8">
      <c r="H137353" s="12"/>
    </row>
    <row r="137354" spans="8:8">
      <c r="H137354" s="12"/>
    </row>
    <row r="137355" spans="8:8">
      <c r="H137355" s="12"/>
    </row>
    <row r="137356" spans="8:8">
      <c r="H137356" s="12"/>
    </row>
    <row r="137357" spans="8:8">
      <c r="H137357" s="12"/>
    </row>
    <row r="137358" spans="8:8">
      <c r="H137358" s="12"/>
    </row>
    <row r="137359" spans="8:8">
      <c r="H137359" s="12"/>
    </row>
    <row r="137360" spans="8:8">
      <c r="H137360" s="12"/>
    </row>
    <row r="137361" spans="8:8">
      <c r="H137361" s="12"/>
    </row>
    <row r="137362" spans="8:8">
      <c r="H137362" s="12"/>
    </row>
    <row r="137363" spans="8:8">
      <c r="H137363" s="12"/>
    </row>
    <row r="137364" spans="8:8">
      <c r="H137364" s="12"/>
    </row>
    <row r="137365" spans="8:8">
      <c r="H137365" s="12"/>
    </row>
    <row r="137366" spans="8:8">
      <c r="H137366" s="12"/>
    </row>
    <row r="137367" spans="8:8">
      <c r="H137367" s="12"/>
    </row>
    <row r="137368" spans="8:8">
      <c r="H137368" s="12"/>
    </row>
    <row r="137369" spans="8:8">
      <c r="H137369" s="12"/>
    </row>
    <row r="137370" spans="8:8">
      <c r="H137370" s="12"/>
    </row>
    <row r="137371" spans="8:8">
      <c r="H137371" s="12"/>
    </row>
    <row r="137372" spans="8:8">
      <c r="H137372" s="12"/>
    </row>
    <row r="137373" spans="8:8">
      <c r="H137373" s="12"/>
    </row>
    <row r="137374" spans="8:8">
      <c r="H137374" s="12"/>
    </row>
    <row r="137375" spans="8:8">
      <c r="H137375" s="12"/>
    </row>
    <row r="137376" spans="8:8">
      <c r="H137376" s="12"/>
    </row>
    <row r="137377" spans="8:8">
      <c r="H137377" s="12"/>
    </row>
    <row r="137378" spans="8:8">
      <c r="H137378" s="12"/>
    </row>
    <row r="137379" spans="8:8">
      <c r="H137379" s="12"/>
    </row>
    <row r="137380" spans="8:8">
      <c r="H137380" s="12"/>
    </row>
    <row r="137381" spans="8:8">
      <c r="H137381" s="12"/>
    </row>
    <row r="137382" spans="8:8">
      <c r="H137382" s="12"/>
    </row>
    <row r="137383" spans="8:8">
      <c r="H137383" s="12"/>
    </row>
    <row r="137384" spans="8:8">
      <c r="H137384" s="12"/>
    </row>
    <row r="137385" spans="8:8">
      <c r="H137385" s="12"/>
    </row>
    <row r="137386" spans="8:8">
      <c r="H137386" s="12"/>
    </row>
    <row r="137387" spans="8:8">
      <c r="H137387" s="12"/>
    </row>
    <row r="137388" spans="8:8">
      <c r="H137388" s="12"/>
    </row>
    <row r="137389" spans="8:8">
      <c r="H137389" s="12"/>
    </row>
    <row r="137390" spans="8:8">
      <c r="H137390" s="12"/>
    </row>
    <row r="137391" spans="8:8">
      <c r="H137391" s="12"/>
    </row>
    <row r="137392" spans="8:8">
      <c r="H137392" s="12"/>
    </row>
    <row r="137393" spans="8:8">
      <c r="H137393" s="12"/>
    </row>
    <row r="137394" spans="8:8">
      <c r="H137394" s="12"/>
    </row>
    <row r="137395" spans="8:8">
      <c r="H137395" s="12"/>
    </row>
    <row r="137396" spans="8:8">
      <c r="H137396" s="12"/>
    </row>
    <row r="137397" spans="8:8">
      <c r="H137397" s="12"/>
    </row>
    <row r="137398" spans="8:8">
      <c r="H137398" s="12"/>
    </row>
    <row r="137399" spans="8:8">
      <c r="H137399" s="12"/>
    </row>
    <row r="137400" spans="8:8">
      <c r="H137400" s="12"/>
    </row>
    <row r="137401" spans="8:8">
      <c r="H137401" s="12"/>
    </row>
    <row r="137402" spans="8:8">
      <c r="H137402" s="12"/>
    </row>
    <row r="137403" spans="8:8">
      <c r="H137403" s="12"/>
    </row>
    <row r="137404" spans="8:8">
      <c r="H137404" s="12"/>
    </row>
    <row r="137405" spans="8:8">
      <c r="H137405" s="12"/>
    </row>
    <row r="137406" spans="8:8">
      <c r="H137406" s="12"/>
    </row>
    <row r="137407" spans="8:8">
      <c r="H137407" s="12"/>
    </row>
    <row r="137408" spans="8:8">
      <c r="H137408" s="12"/>
    </row>
    <row r="137409" spans="8:8">
      <c r="H137409" s="12"/>
    </row>
    <row r="137410" spans="8:8">
      <c r="H137410" s="12"/>
    </row>
    <row r="137411" spans="8:8">
      <c r="H137411" s="12"/>
    </row>
    <row r="137412" spans="8:8">
      <c r="H137412" s="12"/>
    </row>
    <row r="137413" spans="8:8">
      <c r="H137413" s="12"/>
    </row>
    <row r="137414" spans="8:8">
      <c r="H137414" s="12"/>
    </row>
    <row r="137415" spans="8:8">
      <c r="H137415" s="12"/>
    </row>
    <row r="137416" spans="8:8">
      <c r="H137416" s="12"/>
    </row>
    <row r="137417" spans="8:8">
      <c r="H137417" s="12"/>
    </row>
    <row r="137418" spans="8:8">
      <c r="H137418" s="12"/>
    </row>
    <row r="137419" spans="8:8">
      <c r="H137419" s="12"/>
    </row>
    <row r="137420" spans="8:8">
      <c r="H137420" s="12"/>
    </row>
    <row r="137421" spans="8:8">
      <c r="H137421" s="12"/>
    </row>
    <row r="137422" spans="8:8">
      <c r="H137422" s="12"/>
    </row>
    <row r="137423" spans="8:8">
      <c r="H137423" s="12"/>
    </row>
    <row r="137424" spans="8:8">
      <c r="H137424" s="12"/>
    </row>
    <row r="137425" spans="8:8">
      <c r="H137425" s="12"/>
    </row>
    <row r="137426" spans="8:8">
      <c r="H137426" s="12"/>
    </row>
    <row r="137427" spans="8:8">
      <c r="H137427" s="12"/>
    </row>
    <row r="137428" spans="8:8">
      <c r="H137428" s="12"/>
    </row>
    <row r="137429" spans="8:8">
      <c r="H137429" s="12"/>
    </row>
    <row r="137430" spans="8:8">
      <c r="H137430" s="12"/>
    </row>
    <row r="137431" spans="8:8">
      <c r="H137431" s="12"/>
    </row>
    <row r="137432" spans="8:8">
      <c r="H137432" s="12"/>
    </row>
    <row r="137433" spans="8:8">
      <c r="H137433" s="12"/>
    </row>
    <row r="137434" spans="8:8">
      <c r="H137434" s="12"/>
    </row>
    <row r="137435" spans="8:8">
      <c r="H137435" s="12"/>
    </row>
    <row r="137436" spans="8:8">
      <c r="H137436" s="12"/>
    </row>
    <row r="137437" spans="8:8">
      <c r="H137437" s="12"/>
    </row>
    <row r="137438" spans="8:8">
      <c r="H137438" s="12"/>
    </row>
    <row r="137439" spans="8:8">
      <c r="H137439" s="12"/>
    </row>
    <row r="137440" spans="8:8">
      <c r="H137440" s="12"/>
    </row>
    <row r="137441" spans="8:8">
      <c r="H137441" s="12"/>
    </row>
    <row r="137442" spans="8:8">
      <c r="H137442" s="12"/>
    </row>
    <row r="137443" spans="8:8">
      <c r="H137443" s="12"/>
    </row>
    <row r="137444" spans="8:8">
      <c r="H137444" s="12"/>
    </row>
    <row r="137445" spans="8:8">
      <c r="H137445" s="12"/>
    </row>
    <row r="137446" spans="8:8">
      <c r="H137446" s="12"/>
    </row>
    <row r="137447" spans="8:8">
      <c r="H137447" s="12"/>
    </row>
    <row r="137448" spans="8:8">
      <c r="H137448" s="12"/>
    </row>
    <row r="137449" spans="8:8">
      <c r="H137449" s="12"/>
    </row>
    <row r="137450" spans="8:8">
      <c r="H137450" s="12"/>
    </row>
    <row r="137451" spans="8:8">
      <c r="H137451" s="12"/>
    </row>
    <row r="137452" spans="8:8">
      <c r="H137452" s="12"/>
    </row>
    <row r="137453" spans="8:8">
      <c r="H137453" s="12"/>
    </row>
    <row r="137454" spans="8:8">
      <c r="H137454" s="12"/>
    </row>
    <row r="137455" spans="8:8">
      <c r="H137455" s="12"/>
    </row>
    <row r="137456" spans="8:8">
      <c r="H137456" s="12"/>
    </row>
    <row r="137457" spans="8:8">
      <c r="H137457" s="12"/>
    </row>
    <row r="137458" spans="8:8">
      <c r="H137458" s="12"/>
    </row>
    <row r="137459" spans="8:8">
      <c r="H137459" s="12"/>
    </row>
    <row r="137460" spans="8:8">
      <c r="H137460" s="12"/>
    </row>
    <row r="137461" spans="8:8">
      <c r="H137461" s="12"/>
    </row>
    <row r="137462" spans="8:8">
      <c r="H137462" s="12"/>
    </row>
    <row r="137463" spans="8:8">
      <c r="H137463" s="12"/>
    </row>
    <row r="137464" spans="8:8">
      <c r="H137464" s="12"/>
    </row>
    <row r="137465" spans="8:8">
      <c r="H137465" s="12"/>
    </row>
    <row r="137466" spans="8:8">
      <c r="H137466" s="12"/>
    </row>
    <row r="137467" spans="8:8">
      <c r="H137467" s="12"/>
    </row>
    <row r="137468" spans="8:8">
      <c r="H137468" s="12"/>
    </row>
    <row r="137469" spans="8:8">
      <c r="H137469" s="12"/>
    </row>
    <row r="137470" spans="8:8">
      <c r="H137470" s="12"/>
    </row>
    <row r="137471" spans="8:8">
      <c r="H137471" s="12"/>
    </row>
    <row r="137472" spans="8:8">
      <c r="H137472" s="12"/>
    </row>
    <row r="137473" spans="8:8">
      <c r="H137473" s="12"/>
    </row>
    <row r="137474" spans="8:8">
      <c r="H137474" s="12"/>
    </row>
    <row r="137475" spans="8:8">
      <c r="H137475" s="12"/>
    </row>
    <row r="137476" spans="8:8">
      <c r="H137476" s="12"/>
    </row>
    <row r="137477" spans="8:8">
      <c r="H137477" s="12"/>
    </row>
    <row r="137478" spans="8:8">
      <c r="H137478" s="12"/>
    </row>
    <row r="137479" spans="8:8">
      <c r="H137479" s="12"/>
    </row>
    <row r="137480" spans="8:8">
      <c r="H137480" s="12"/>
    </row>
    <row r="137481" spans="8:8">
      <c r="H137481" s="12"/>
    </row>
    <row r="137482" spans="8:8">
      <c r="H137482" s="12"/>
    </row>
    <row r="137483" spans="8:8">
      <c r="H137483" s="12"/>
    </row>
    <row r="137484" spans="8:8">
      <c r="H137484" s="12"/>
    </row>
    <row r="137485" spans="8:8">
      <c r="H137485" s="12"/>
    </row>
    <row r="137486" spans="8:8">
      <c r="H137486" s="12"/>
    </row>
    <row r="137487" spans="8:8">
      <c r="H137487" s="12"/>
    </row>
    <row r="137488" spans="8:8">
      <c r="H137488" s="12"/>
    </row>
    <row r="137489" spans="8:8">
      <c r="H137489" s="12"/>
    </row>
    <row r="137490" spans="8:8">
      <c r="H137490" s="12"/>
    </row>
    <row r="137491" spans="8:8">
      <c r="H137491" s="12"/>
    </row>
    <row r="137492" spans="8:8">
      <c r="H137492" s="12"/>
    </row>
    <row r="137493" spans="8:8">
      <c r="H137493" s="12"/>
    </row>
    <row r="137494" spans="8:8">
      <c r="H137494" s="12"/>
    </row>
    <row r="137495" spans="8:8">
      <c r="H137495" s="12"/>
    </row>
    <row r="137496" spans="8:8">
      <c r="H137496" s="12"/>
    </row>
    <row r="137497" spans="8:8">
      <c r="H137497" s="12"/>
    </row>
    <row r="137498" spans="8:8">
      <c r="H137498" s="12"/>
    </row>
    <row r="137499" spans="8:8">
      <c r="H137499" s="12"/>
    </row>
    <row r="137500" spans="8:8">
      <c r="H137500" s="12"/>
    </row>
    <row r="137501" spans="8:8">
      <c r="H137501" s="12"/>
    </row>
    <row r="137502" spans="8:8">
      <c r="H137502" s="12"/>
    </row>
    <row r="137503" spans="8:8">
      <c r="H137503" s="12"/>
    </row>
    <row r="137504" spans="8:8">
      <c r="H137504" s="12"/>
    </row>
    <row r="137505" spans="8:8">
      <c r="H137505" s="12"/>
    </row>
    <row r="137506" spans="8:8">
      <c r="H137506" s="12"/>
    </row>
    <row r="137507" spans="8:8">
      <c r="H137507" s="12"/>
    </row>
    <row r="137508" spans="8:8">
      <c r="H137508" s="12"/>
    </row>
    <row r="137509" spans="8:8">
      <c r="H137509" s="12"/>
    </row>
    <row r="137510" spans="8:8">
      <c r="H137510" s="12"/>
    </row>
    <row r="137511" spans="8:8">
      <c r="H137511" s="12"/>
    </row>
    <row r="137512" spans="8:8">
      <c r="H137512" s="12"/>
    </row>
    <row r="137513" spans="8:8">
      <c r="H137513" s="12"/>
    </row>
    <row r="137514" spans="8:8">
      <c r="H137514" s="12"/>
    </row>
    <row r="137515" spans="8:8">
      <c r="H137515" s="12"/>
    </row>
    <row r="137516" spans="8:8">
      <c r="H137516" s="12"/>
    </row>
    <row r="137517" spans="8:8">
      <c r="H137517" s="12"/>
    </row>
    <row r="137518" spans="8:8">
      <c r="H137518" s="12"/>
    </row>
    <row r="137519" spans="8:8">
      <c r="H137519" s="12"/>
    </row>
    <row r="137520" spans="8:8">
      <c r="H137520" s="12"/>
    </row>
    <row r="137521" spans="8:8">
      <c r="H137521" s="12"/>
    </row>
    <row r="137522" spans="8:8">
      <c r="H137522" s="12"/>
    </row>
    <row r="137523" spans="8:8">
      <c r="H137523" s="12"/>
    </row>
    <row r="137524" spans="8:8">
      <c r="H137524" s="12"/>
    </row>
    <row r="137525" spans="8:8">
      <c r="H137525" s="12"/>
    </row>
    <row r="137526" spans="8:8">
      <c r="H137526" s="12"/>
    </row>
    <row r="137527" spans="8:8">
      <c r="H137527" s="12"/>
    </row>
    <row r="137528" spans="8:8">
      <c r="H137528" s="12"/>
    </row>
    <row r="137529" spans="8:8">
      <c r="H137529" s="12"/>
    </row>
    <row r="137530" spans="8:8">
      <c r="H137530" s="12"/>
    </row>
    <row r="137531" spans="8:8">
      <c r="H137531" s="12"/>
    </row>
    <row r="137532" spans="8:8">
      <c r="H137532" s="12"/>
    </row>
    <row r="137533" spans="8:8">
      <c r="H137533" s="12"/>
    </row>
    <row r="137534" spans="8:8">
      <c r="H137534" s="12"/>
    </row>
    <row r="137535" spans="8:8">
      <c r="H137535" s="12"/>
    </row>
    <row r="137536" spans="8:8">
      <c r="H137536" s="12"/>
    </row>
    <row r="137537" spans="8:8">
      <c r="H137537" s="12"/>
    </row>
    <row r="137538" spans="8:8">
      <c r="H137538" s="12"/>
    </row>
    <row r="137539" spans="8:8">
      <c r="H137539" s="12"/>
    </row>
    <row r="137540" spans="8:8">
      <c r="H137540" s="12"/>
    </row>
    <row r="137541" spans="8:8">
      <c r="H137541" s="12"/>
    </row>
    <row r="137542" spans="8:8">
      <c r="H137542" s="12"/>
    </row>
    <row r="137543" spans="8:8">
      <c r="H137543" s="12"/>
    </row>
    <row r="137544" spans="8:8">
      <c r="H137544" s="12"/>
    </row>
    <row r="137545" spans="8:8">
      <c r="H137545" s="12"/>
    </row>
    <row r="137546" spans="8:8">
      <c r="H137546" s="12"/>
    </row>
    <row r="137547" spans="8:8">
      <c r="H137547" s="12"/>
    </row>
    <row r="137548" spans="8:8">
      <c r="H137548" s="12"/>
    </row>
    <row r="137549" spans="8:8">
      <c r="H137549" s="12"/>
    </row>
    <row r="137550" spans="8:8">
      <c r="H137550" s="12"/>
    </row>
    <row r="137551" spans="8:8">
      <c r="H137551" s="12"/>
    </row>
    <row r="137552" spans="8:8">
      <c r="H137552" s="12"/>
    </row>
    <row r="137553" spans="8:8">
      <c r="H137553" s="12"/>
    </row>
    <row r="137554" spans="8:8">
      <c r="H137554" s="12"/>
    </row>
    <row r="137555" spans="8:8">
      <c r="H137555" s="12"/>
    </row>
    <row r="137556" spans="8:8">
      <c r="H137556" s="12"/>
    </row>
    <row r="137557" spans="8:8">
      <c r="H137557" s="12"/>
    </row>
    <row r="137558" spans="8:8">
      <c r="H137558" s="12"/>
    </row>
    <row r="137559" spans="8:8">
      <c r="H137559" s="12"/>
    </row>
    <row r="137560" spans="8:8">
      <c r="H137560" s="12"/>
    </row>
    <row r="137561" spans="8:8">
      <c r="H137561" s="12"/>
    </row>
    <row r="137562" spans="8:8">
      <c r="H137562" s="12"/>
    </row>
    <row r="137563" spans="8:8">
      <c r="H137563" s="12"/>
    </row>
    <row r="137564" spans="8:8">
      <c r="H137564" s="12"/>
    </row>
    <row r="137565" spans="8:8">
      <c r="H137565" s="12"/>
    </row>
    <row r="137566" spans="8:8">
      <c r="H137566" s="12"/>
    </row>
    <row r="137567" spans="8:8">
      <c r="H137567" s="12"/>
    </row>
    <row r="137568" spans="8:8">
      <c r="H137568" s="12"/>
    </row>
    <row r="137569" spans="8:8">
      <c r="H137569" s="12"/>
    </row>
    <row r="137570" spans="8:8">
      <c r="H137570" s="12"/>
    </row>
    <row r="137571" spans="8:8">
      <c r="H137571" s="12"/>
    </row>
    <row r="137572" spans="8:8">
      <c r="H137572" s="12"/>
    </row>
    <row r="137573" spans="8:8">
      <c r="H137573" s="12"/>
    </row>
    <row r="137574" spans="8:8">
      <c r="H137574" s="12"/>
    </row>
    <row r="137575" spans="8:8">
      <c r="H137575" s="12"/>
    </row>
    <row r="137576" spans="8:8">
      <c r="H137576" s="12"/>
    </row>
    <row r="137577" spans="8:8">
      <c r="H137577" s="12"/>
    </row>
    <row r="137578" spans="8:8">
      <c r="H137578" s="12"/>
    </row>
    <row r="137579" spans="8:8">
      <c r="H137579" s="12"/>
    </row>
    <row r="137580" spans="8:8">
      <c r="H137580" s="12"/>
    </row>
    <row r="137581" spans="8:8">
      <c r="H137581" s="12"/>
    </row>
    <row r="137582" spans="8:8">
      <c r="H137582" s="12"/>
    </row>
    <row r="137583" spans="8:8">
      <c r="H137583" s="12"/>
    </row>
    <row r="137584" spans="8:8">
      <c r="H137584" s="12"/>
    </row>
    <row r="137585" spans="8:8">
      <c r="H137585" s="12"/>
    </row>
    <row r="137586" spans="8:8">
      <c r="H137586" s="12"/>
    </row>
    <row r="137587" spans="8:8">
      <c r="H137587" s="12"/>
    </row>
    <row r="137588" spans="8:8">
      <c r="H137588" s="12"/>
    </row>
    <row r="137589" spans="8:8">
      <c r="H137589" s="12"/>
    </row>
    <row r="137590" spans="8:8">
      <c r="H137590" s="12"/>
    </row>
    <row r="137591" spans="8:8">
      <c r="H137591" s="12"/>
    </row>
    <row r="137592" spans="8:8">
      <c r="H137592" s="12"/>
    </row>
    <row r="137593" spans="8:8">
      <c r="H137593" s="12"/>
    </row>
    <row r="137594" spans="8:8">
      <c r="H137594" s="12"/>
    </row>
    <row r="137595" spans="8:8">
      <c r="H137595" s="12"/>
    </row>
    <row r="137596" spans="8:8">
      <c r="H137596" s="12"/>
    </row>
    <row r="137597" spans="8:8">
      <c r="H137597" s="12"/>
    </row>
    <row r="137598" spans="8:8">
      <c r="H137598" s="12"/>
    </row>
    <row r="137599" spans="8:8">
      <c r="H137599" s="12"/>
    </row>
    <row r="137600" spans="8:8">
      <c r="H137600" s="12"/>
    </row>
    <row r="137601" spans="8:8">
      <c r="H137601" s="12"/>
    </row>
    <row r="137602" spans="8:8">
      <c r="H137602" s="12"/>
    </row>
    <row r="137603" spans="8:8">
      <c r="H137603" s="12"/>
    </row>
    <row r="137604" spans="8:8">
      <c r="H137604" s="12"/>
    </row>
    <row r="137605" spans="8:8">
      <c r="H137605" s="12"/>
    </row>
    <row r="137606" spans="8:8">
      <c r="H137606" s="12"/>
    </row>
    <row r="137607" spans="8:8">
      <c r="H137607" s="12"/>
    </row>
    <row r="137608" spans="8:8">
      <c r="H137608" s="12"/>
    </row>
    <row r="137609" spans="8:8">
      <c r="H137609" s="12"/>
    </row>
    <row r="137610" spans="8:8">
      <c r="H137610" s="12"/>
    </row>
    <row r="137611" spans="8:8">
      <c r="H137611" s="12"/>
    </row>
    <row r="137612" spans="8:8">
      <c r="H137612" s="12"/>
    </row>
    <row r="137613" spans="8:8">
      <c r="H137613" s="12"/>
    </row>
    <row r="137614" spans="8:8">
      <c r="H137614" s="12"/>
    </row>
    <row r="137615" spans="8:8">
      <c r="H137615" s="12"/>
    </row>
    <row r="137616" spans="8:8">
      <c r="H137616" s="12"/>
    </row>
    <row r="137617" spans="8:8">
      <c r="H137617" s="12"/>
    </row>
    <row r="137618" spans="8:8">
      <c r="H137618" s="12"/>
    </row>
    <row r="137619" spans="8:8">
      <c r="H137619" s="12"/>
    </row>
    <row r="137620" spans="8:8">
      <c r="H137620" s="12"/>
    </row>
    <row r="137621" spans="8:8">
      <c r="H137621" s="12"/>
    </row>
    <row r="137622" spans="8:8">
      <c r="H137622" s="12"/>
    </row>
    <row r="137623" spans="8:8">
      <c r="H137623" s="12"/>
    </row>
    <row r="137624" spans="8:8">
      <c r="H137624" s="12"/>
    </row>
    <row r="137625" spans="8:8">
      <c r="H137625" s="12"/>
    </row>
    <row r="137626" spans="8:8">
      <c r="H137626" s="12"/>
    </row>
    <row r="137627" spans="8:8">
      <c r="H137627" s="12"/>
    </row>
    <row r="137628" spans="8:8">
      <c r="H137628" s="12"/>
    </row>
    <row r="137629" spans="8:8">
      <c r="H137629" s="12"/>
    </row>
    <row r="137630" spans="8:8">
      <c r="H137630" s="12"/>
    </row>
    <row r="137631" spans="8:8">
      <c r="H137631" s="12"/>
    </row>
    <row r="137632" spans="8:8">
      <c r="H137632" s="12"/>
    </row>
    <row r="137633" spans="8:8">
      <c r="H137633" s="12"/>
    </row>
    <row r="137634" spans="8:8">
      <c r="H137634" s="12"/>
    </row>
    <row r="137635" spans="8:8">
      <c r="H137635" s="12"/>
    </row>
    <row r="137636" spans="8:8">
      <c r="H137636" s="12"/>
    </row>
    <row r="137637" spans="8:8">
      <c r="H137637" s="12"/>
    </row>
    <row r="137638" spans="8:8">
      <c r="H137638" s="12"/>
    </row>
    <row r="137639" spans="8:8">
      <c r="H137639" s="12"/>
    </row>
    <row r="137640" spans="8:8">
      <c r="H137640" s="12"/>
    </row>
    <row r="137641" spans="8:8">
      <c r="H137641" s="12"/>
    </row>
    <row r="137642" spans="8:8">
      <c r="H137642" s="12"/>
    </row>
    <row r="137643" spans="8:8">
      <c r="H137643" s="12"/>
    </row>
    <row r="137644" spans="8:8">
      <c r="H137644" s="12"/>
    </row>
    <row r="137645" spans="8:8">
      <c r="H137645" s="12"/>
    </row>
    <row r="137646" spans="8:8">
      <c r="H137646" s="12"/>
    </row>
    <row r="137647" spans="8:8">
      <c r="H137647" s="12"/>
    </row>
    <row r="137648" spans="8:8">
      <c r="H137648" s="12"/>
    </row>
    <row r="137649" spans="8:8">
      <c r="H137649" s="12"/>
    </row>
    <row r="137650" spans="8:8">
      <c r="H137650" s="12"/>
    </row>
    <row r="137651" spans="8:8">
      <c r="H137651" s="12"/>
    </row>
    <row r="137652" spans="8:8">
      <c r="H137652" s="12"/>
    </row>
    <row r="137653" spans="8:8">
      <c r="H137653" s="12"/>
    </row>
    <row r="137654" spans="8:8">
      <c r="H137654" s="12"/>
    </row>
    <row r="137655" spans="8:8">
      <c r="H137655" s="12"/>
    </row>
    <row r="137656" spans="8:8">
      <c r="H137656" s="12"/>
    </row>
    <row r="137657" spans="8:8">
      <c r="H137657" s="12"/>
    </row>
    <row r="137658" spans="8:8">
      <c r="H137658" s="12"/>
    </row>
    <row r="137659" spans="8:8">
      <c r="H137659" s="12"/>
    </row>
    <row r="137660" spans="8:8">
      <c r="H137660" s="12"/>
    </row>
    <row r="137661" spans="8:8">
      <c r="H137661" s="12"/>
    </row>
    <row r="137662" spans="8:8">
      <c r="H137662" s="12"/>
    </row>
    <row r="137663" spans="8:8">
      <c r="H137663" s="12"/>
    </row>
    <row r="137664" spans="8:8">
      <c r="H137664" s="12"/>
    </row>
    <row r="137665" spans="8:8">
      <c r="H137665" s="12"/>
    </row>
    <row r="137666" spans="8:8">
      <c r="H137666" s="12"/>
    </row>
    <row r="137667" spans="8:8">
      <c r="H137667" s="12"/>
    </row>
    <row r="137668" spans="8:8">
      <c r="H137668" s="12"/>
    </row>
    <row r="137669" spans="8:8">
      <c r="H137669" s="12"/>
    </row>
    <row r="137670" spans="8:8">
      <c r="H137670" s="12"/>
    </row>
    <row r="137671" spans="8:8">
      <c r="H137671" s="12"/>
    </row>
    <row r="137672" spans="8:8">
      <c r="H137672" s="12"/>
    </row>
    <row r="137673" spans="8:8">
      <c r="H137673" s="12"/>
    </row>
    <row r="137674" spans="8:8">
      <c r="H137674" s="12"/>
    </row>
    <row r="137675" spans="8:8">
      <c r="H137675" s="12"/>
    </row>
    <row r="137676" spans="8:8">
      <c r="H137676" s="12"/>
    </row>
    <row r="137677" spans="8:8">
      <c r="H137677" s="12"/>
    </row>
    <row r="137678" spans="8:8">
      <c r="H137678" s="12"/>
    </row>
    <row r="137679" spans="8:8">
      <c r="H137679" s="12"/>
    </row>
    <row r="137680" spans="8:8">
      <c r="H137680" s="12"/>
    </row>
    <row r="137681" spans="8:8">
      <c r="H137681" s="12"/>
    </row>
    <row r="137682" spans="8:8">
      <c r="H137682" s="12"/>
    </row>
    <row r="137683" spans="8:8">
      <c r="H137683" s="12"/>
    </row>
    <row r="137684" spans="8:8">
      <c r="H137684" s="12"/>
    </row>
    <row r="137685" spans="8:8">
      <c r="H137685" s="12"/>
    </row>
    <row r="137686" spans="8:8">
      <c r="H137686" s="12"/>
    </row>
    <row r="137687" spans="8:8">
      <c r="H137687" s="12"/>
    </row>
    <row r="137688" spans="8:8">
      <c r="H137688" s="12"/>
    </row>
    <row r="137689" spans="8:8">
      <c r="H137689" s="12"/>
    </row>
    <row r="137690" spans="8:8">
      <c r="H137690" s="12"/>
    </row>
    <row r="137691" spans="8:8">
      <c r="H137691" s="12"/>
    </row>
    <row r="137692" spans="8:8">
      <c r="H137692" s="12"/>
    </row>
    <row r="137693" spans="8:8">
      <c r="H137693" s="12"/>
    </row>
    <row r="137694" spans="8:8">
      <c r="H137694" s="12"/>
    </row>
    <row r="137695" spans="8:8">
      <c r="H137695" s="12"/>
    </row>
    <row r="137696" spans="8:8">
      <c r="H137696" s="12"/>
    </row>
    <row r="137697" spans="8:8">
      <c r="H137697" s="12"/>
    </row>
    <row r="137698" spans="8:8">
      <c r="H137698" s="12"/>
    </row>
    <row r="137699" spans="8:8">
      <c r="H137699" s="12"/>
    </row>
    <row r="137700" spans="8:8">
      <c r="H137700" s="12"/>
    </row>
    <row r="137701" spans="8:8">
      <c r="H137701" s="12"/>
    </row>
    <row r="137702" spans="8:8">
      <c r="H137702" s="12"/>
    </row>
    <row r="137703" spans="8:8">
      <c r="H137703" s="12"/>
    </row>
    <row r="137704" spans="8:8">
      <c r="H137704" s="12"/>
    </row>
    <row r="137705" spans="8:8">
      <c r="H137705" s="12"/>
    </row>
    <row r="137706" spans="8:8">
      <c r="H137706" s="12"/>
    </row>
    <row r="137707" spans="8:8">
      <c r="H137707" s="12"/>
    </row>
    <row r="137708" spans="8:8">
      <c r="H137708" s="12"/>
    </row>
    <row r="137709" spans="8:8">
      <c r="H137709" s="12"/>
    </row>
    <row r="137710" spans="8:8">
      <c r="H137710" s="12"/>
    </row>
    <row r="137711" spans="8:8">
      <c r="H137711" s="12"/>
    </row>
    <row r="137712" spans="8:8">
      <c r="H137712" s="12"/>
    </row>
    <row r="137713" spans="8:8">
      <c r="H137713" s="12"/>
    </row>
    <row r="137714" spans="8:8">
      <c r="H137714" s="12"/>
    </row>
    <row r="137715" spans="8:8">
      <c r="H137715" s="12"/>
    </row>
    <row r="137716" spans="8:8">
      <c r="H137716" s="12"/>
    </row>
    <row r="137717" spans="8:8">
      <c r="H137717" s="12"/>
    </row>
    <row r="137718" spans="8:8">
      <c r="H137718" s="12"/>
    </row>
    <row r="137719" spans="8:8">
      <c r="H137719" s="12"/>
    </row>
    <row r="137720" spans="8:8">
      <c r="H137720" s="12"/>
    </row>
    <row r="137721" spans="8:8">
      <c r="H137721" s="12"/>
    </row>
    <row r="137722" spans="8:8">
      <c r="H137722" s="12"/>
    </row>
    <row r="137723" spans="8:8">
      <c r="H137723" s="12"/>
    </row>
    <row r="137724" spans="8:8">
      <c r="H137724" s="12"/>
    </row>
    <row r="137725" spans="8:8">
      <c r="H137725" s="12"/>
    </row>
    <row r="137726" spans="8:8">
      <c r="H137726" s="12"/>
    </row>
    <row r="137727" spans="8:8">
      <c r="H137727" s="12"/>
    </row>
    <row r="137728" spans="8:8">
      <c r="H137728" s="12"/>
    </row>
    <row r="137729" spans="8:8">
      <c r="H137729" s="12"/>
    </row>
    <row r="137730" spans="8:8">
      <c r="H137730" s="12"/>
    </row>
    <row r="137731" spans="8:8">
      <c r="H137731" s="12"/>
    </row>
    <row r="137732" spans="8:8">
      <c r="H137732" s="12"/>
    </row>
    <row r="137733" spans="8:8">
      <c r="H137733" s="12"/>
    </row>
    <row r="137734" spans="8:8">
      <c r="H137734" s="12"/>
    </row>
    <row r="137735" spans="8:8">
      <c r="H137735" s="12"/>
    </row>
    <row r="137736" spans="8:8">
      <c r="H137736" s="12"/>
    </row>
    <row r="137737" spans="8:8">
      <c r="H137737" s="12"/>
    </row>
    <row r="137738" spans="8:8">
      <c r="H137738" s="12"/>
    </row>
    <row r="137739" spans="8:8">
      <c r="H137739" s="12"/>
    </row>
    <row r="137740" spans="8:8">
      <c r="H137740" s="12"/>
    </row>
    <row r="137741" spans="8:8">
      <c r="H137741" s="12"/>
    </row>
    <row r="137742" spans="8:8">
      <c r="H137742" s="12"/>
    </row>
    <row r="137743" spans="8:8">
      <c r="H137743" s="12"/>
    </row>
    <row r="137744" spans="8:8">
      <c r="H137744" s="12"/>
    </row>
    <row r="137745" spans="8:8">
      <c r="H137745" s="12"/>
    </row>
    <row r="137746" spans="8:8">
      <c r="H137746" s="12"/>
    </row>
    <row r="137747" spans="8:8">
      <c r="H137747" s="12"/>
    </row>
    <row r="137748" spans="8:8">
      <c r="H137748" s="12"/>
    </row>
    <row r="137749" spans="8:8">
      <c r="H137749" s="12"/>
    </row>
    <row r="137750" spans="8:8">
      <c r="H137750" s="12"/>
    </row>
    <row r="137751" spans="8:8">
      <c r="H137751" s="12"/>
    </row>
    <row r="137752" spans="8:8">
      <c r="H137752" s="12"/>
    </row>
    <row r="137753" spans="8:8">
      <c r="H137753" s="12"/>
    </row>
    <row r="137754" spans="8:8">
      <c r="H137754" s="12"/>
    </row>
    <row r="137755" spans="8:8">
      <c r="H137755" s="12"/>
    </row>
    <row r="137756" spans="8:8">
      <c r="H137756" s="12"/>
    </row>
    <row r="137757" spans="8:8">
      <c r="H137757" s="12"/>
    </row>
    <row r="137758" spans="8:8">
      <c r="H137758" s="12"/>
    </row>
    <row r="137759" spans="8:8">
      <c r="H137759" s="12"/>
    </row>
    <row r="137760" spans="8:8">
      <c r="H137760" s="12"/>
    </row>
    <row r="137761" spans="8:8">
      <c r="H137761" s="12"/>
    </row>
    <row r="137762" spans="8:8">
      <c r="H137762" s="12"/>
    </row>
    <row r="137763" spans="8:8">
      <c r="H137763" s="12"/>
    </row>
    <row r="137764" spans="8:8">
      <c r="H137764" s="12"/>
    </row>
    <row r="137765" spans="8:8">
      <c r="H137765" s="12"/>
    </row>
    <row r="137766" spans="8:8">
      <c r="H137766" s="12"/>
    </row>
    <row r="137767" spans="8:8">
      <c r="H137767" s="12"/>
    </row>
    <row r="137768" spans="8:8">
      <c r="H137768" s="12"/>
    </row>
    <row r="137769" spans="8:8">
      <c r="H137769" s="12"/>
    </row>
    <row r="137770" spans="8:8">
      <c r="H137770" s="12"/>
    </row>
    <row r="137771" spans="8:8">
      <c r="H137771" s="12"/>
    </row>
    <row r="137772" spans="8:8">
      <c r="H137772" s="12"/>
    </row>
    <row r="137773" spans="8:8">
      <c r="H137773" s="12"/>
    </row>
    <row r="137774" spans="8:8">
      <c r="H137774" s="12"/>
    </row>
    <row r="137775" spans="8:8">
      <c r="H137775" s="12"/>
    </row>
    <row r="137776" spans="8:8">
      <c r="H137776" s="12"/>
    </row>
    <row r="137777" spans="8:8">
      <c r="H137777" s="12"/>
    </row>
    <row r="137778" spans="8:8">
      <c r="H137778" s="12"/>
    </row>
    <row r="137779" spans="8:8">
      <c r="H137779" s="12"/>
    </row>
    <row r="137780" spans="8:8">
      <c r="H137780" s="12"/>
    </row>
    <row r="137781" spans="8:8">
      <c r="H137781" s="12"/>
    </row>
    <row r="137782" spans="8:8">
      <c r="H137782" s="12"/>
    </row>
    <row r="137783" spans="8:8">
      <c r="H137783" s="12"/>
    </row>
    <row r="137784" spans="8:8">
      <c r="H137784" s="12"/>
    </row>
    <row r="137785" spans="8:8">
      <c r="H137785" s="12"/>
    </row>
    <row r="137786" spans="8:8">
      <c r="H137786" s="12"/>
    </row>
    <row r="137787" spans="8:8">
      <c r="H137787" s="12"/>
    </row>
    <row r="137788" spans="8:8">
      <c r="H137788" s="12"/>
    </row>
    <row r="137789" spans="8:8">
      <c r="H137789" s="12"/>
    </row>
    <row r="137790" spans="8:8">
      <c r="H137790" s="12"/>
    </row>
    <row r="137791" spans="8:8">
      <c r="H137791" s="12"/>
    </row>
    <row r="137792" spans="8:8">
      <c r="H137792" s="12"/>
    </row>
    <row r="137793" spans="8:8">
      <c r="H137793" s="12"/>
    </row>
    <row r="137794" spans="8:8">
      <c r="H137794" s="12"/>
    </row>
    <row r="137795" spans="8:8">
      <c r="H137795" s="12"/>
    </row>
    <row r="137796" spans="8:8">
      <c r="H137796" s="12"/>
    </row>
    <row r="137797" spans="8:8">
      <c r="H137797" s="12"/>
    </row>
    <row r="137798" spans="8:8">
      <c r="H137798" s="12"/>
    </row>
    <row r="137799" spans="8:8">
      <c r="H137799" s="12"/>
    </row>
    <row r="137800" spans="8:8">
      <c r="H137800" s="12"/>
    </row>
    <row r="137801" spans="8:8">
      <c r="H137801" s="12"/>
    </row>
    <row r="137802" spans="8:8">
      <c r="H137802" s="12"/>
    </row>
    <row r="137803" spans="8:8">
      <c r="H137803" s="12"/>
    </row>
    <row r="137804" spans="8:8">
      <c r="H137804" s="12"/>
    </row>
    <row r="137805" spans="8:8">
      <c r="H137805" s="12"/>
    </row>
    <row r="137806" spans="8:8">
      <c r="H137806" s="12"/>
    </row>
    <row r="137807" spans="8:8">
      <c r="H137807" s="12"/>
    </row>
    <row r="137808" spans="8:8">
      <c r="H137808" s="12"/>
    </row>
    <row r="137809" spans="8:8">
      <c r="H137809" s="12"/>
    </row>
    <row r="137810" spans="8:8">
      <c r="H137810" s="12"/>
    </row>
    <row r="137811" spans="8:8">
      <c r="H137811" s="12"/>
    </row>
    <row r="137812" spans="8:8">
      <c r="H137812" s="12"/>
    </row>
    <row r="137813" spans="8:8">
      <c r="H137813" s="12"/>
    </row>
    <row r="137814" spans="8:8">
      <c r="H137814" s="12"/>
    </row>
    <row r="137815" spans="8:8">
      <c r="H137815" s="12"/>
    </row>
    <row r="137816" spans="8:8">
      <c r="H137816" s="12"/>
    </row>
    <row r="137817" spans="8:8">
      <c r="H137817" s="12"/>
    </row>
    <row r="137818" spans="8:8">
      <c r="H137818" s="12"/>
    </row>
    <row r="137819" spans="8:8">
      <c r="H137819" s="12"/>
    </row>
    <row r="137820" spans="8:8">
      <c r="H137820" s="12"/>
    </row>
    <row r="137821" spans="8:8">
      <c r="H137821" s="12"/>
    </row>
    <row r="137822" spans="8:8">
      <c r="H137822" s="12"/>
    </row>
    <row r="137823" spans="8:8">
      <c r="H137823" s="12"/>
    </row>
    <row r="137824" spans="8:8">
      <c r="H137824" s="12"/>
    </row>
    <row r="137825" spans="8:8">
      <c r="H137825" s="12"/>
    </row>
    <row r="137826" spans="8:8">
      <c r="H137826" s="12"/>
    </row>
    <row r="137827" spans="8:8">
      <c r="H137827" s="12"/>
    </row>
    <row r="137828" spans="8:8">
      <c r="H137828" s="12"/>
    </row>
    <row r="137829" spans="8:8">
      <c r="H137829" s="12"/>
    </row>
    <row r="137830" spans="8:8">
      <c r="H137830" s="12"/>
    </row>
    <row r="137831" spans="8:8">
      <c r="H137831" s="12"/>
    </row>
    <row r="137832" spans="8:8">
      <c r="H137832" s="12"/>
    </row>
    <row r="137833" spans="8:8">
      <c r="H137833" s="12"/>
    </row>
    <row r="137834" spans="8:8">
      <c r="H137834" s="12"/>
    </row>
    <row r="137835" spans="8:8">
      <c r="H137835" s="12"/>
    </row>
    <row r="137836" spans="8:8">
      <c r="H137836" s="12"/>
    </row>
    <row r="137837" spans="8:8">
      <c r="H137837" s="12"/>
    </row>
    <row r="137838" spans="8:8">
      <c r="H137838" s="12"/>
    </row>
    <row r="137839" spans="8:8">
      <c r="H137839" s="12"/>
    </row>
    <row r="137840" spans="8:8">
      <c r="H137840" s="12"/>
    </row>
    <row r="137841" spans="8:8">
      <c r="H137841" s="12"/>
    </row>
    <row r="137842" spans="8:8">
      <c r="H137842" s="12"/>
    </row>
    <row r="137843" spans="8:8">
      <c r="H137843" s="12"/>
    </row>
    <row r="137844" spans="8:8">
      <c r="H137844" s="12"/>
    </row>
    <row r="137845" spans="8:8">
      <c r="H137845" s="12"/>
    </row>
    <row r="137846" spans="8:8">
      <c r="H137846" s="12"/>
    </row>
    <row r="137847" spans="8:8">
      <c r="H137847" s="12"/>
    </row>
    <row r="137848" spans="8:8">
      <c r="H137848" s="12"/>
    </row>
    <row r="137849" spans="8:8">
      <c r="H137849" s="12"/>
    </row>
    <row r="137850" spans="8:8">
      <c r="H137850" s="12"/>
    </row>
    <row r="137851" spans="8:8">
      <c r="H137851" s="12"/>
    </row>
    <row r="137852" spans="8:8">
      <c r="H137852" s="12"/>
    </row>
    <row r="137853" spans="8:8">
      <c r="H137853" s="12"/>
    </row>
    <row r="137854" spans="8:8">
      <c r="H137854" s="12"/>
    </row>
    <row r="137855" spans="8:8">
      <c r="H137855" s="12"/>
    </row>
    <row r="137856" spans="8:8">
      <c r="H137856" s="12"/>
    </row>
    <row r="137857" spans="8:8">
      <c r="H137857" s="12"/>
    </row>
    <row r="137858" spans="8:8">
      <c r="H137858" s="12"/>
    </row>
    <row r="137859" spans="8:8">
      <c r="H137859" s="12"/>
    </row>
    <row r="137860" spans="8:8">
      <c r="H137860" s="12"/>
    </row>
    <row r="137861" spans="8:8">
      <c r="H137861" s="12"/>
    </row>
    <row r="137862" spans="8:8">
      <c r="H137862" s="12"/>
    </row>
    <row r="137863" spans="8:8">
      <c r="H137863" s="12"/>
    </row>
    <row r="137864" spans="8:8">
      <c r="H137864" s="12"/>
    </row>
    <row r="137865" spans="8:8">
      <c r="H137865" s="12"/>
    </row>
    <row r="137866" spans="8:8">
      <c r="H137866" s="12"/>
    </row>
    <row r="137867" spans="8:8">
      <c r="H137867" s="12"/>
    </row>
    <row r="137868" spans="8:8">
      <c r="H137868" s="12"/>
    </row>
    <row r="137869" spans="8:8">
      <c r="H137869" s="12"/>
    </row>
    <row r="137870" spans="8:8">
      <c r="H137870" s="12"/>
    </row>
    <row r="137871" spans="8:8">
      <c r="H137871" s="12"/>
    </row>
    <row r="137872" spans="8:8">
      <c r="H137872" s="12"/>
    </row>
    <row r="137873" spans="8:8">
      <c r="H137873" s="12"/>
    </row>
    <row r="137874" spans="8:8">
      <c r="H137874" s="12"/>
    </row>
    <row r="137875" spans="8:8">
      <c r="H137875" s="12"/>
    </row>
    <row r="137876" spans="8:8">
      <c r="H137876" s="12"/>
    </row>
    <row r="137877" spans="8:8">
      <c r="H137877" s="12"/>
    </row>
    <row r="137878" spans="8:8">
      <c r="H137878" s="12"/>
    </row>
    <row r="137879" spans="8:8">
      <c r="H137879" s="12"/>
    </row>
    <row r="137880" spans="8:8">
      <c r="H137880" s="12"/>
    </row>
    <row r="137881" spans="8:8">
      <c r="H137881" s="12"/>
    </row>
    <row r="137882" spans="8:8">
      <c r="H137882" s="12"/>
    </row>
    <row r="137883" spans="8:8">
      <c r="H137883" s="12"/>
    </row>
    <row r="137884" spans="8:8">
      <c r="H137884" s="12"/>
    </row>
    <row r="137885" spans="8:8">
      <c r="H137885" s="12"/>
    </row>
    <row r="137886" spans="8:8">
      <c r="H137886" s="12"/>
    </row>
    <row r="137887" spans="8:8">
      <c r="H137887" s="12"/>
    </row>
    <row r="137888" spans="8:8">
      <c r="H137888" s="12"/>
    </row>
    <row r="137889" spans="8:8">
      <c r="H137889" s="12"/>
    </row>
    <row r="137890" spans="8:8">
      <c r="H137890" s="12"/>
    </row>
    <row r="137891" spans="8:8">
      <c r="H137891" s="12"/>
    </row>
    <row r="137892" spans="8:8">
      <c r="H137892" s="12"/>
    </row>
    <row r="137893" spans="8:8">
      <c r="H137893" s="12"/>
    </row>
    <row r="137894" spans="8:8">
      <c r="H137894" s="12"/>
    </row>
    <row r="137895" spans="8:8">
      <c r="H137895" s="12"/>
    </row>
    <row r="137896" spans="8:8">
      <c r="H137896" s="12"/>
    </row>
    <row r="137897" spans="8:8">
      <c r="H137897" s="12"/>
    </row>
    <row r="137898" spans="8:8">
      <c r="H137898" s="12"/>
    </row>
    <row r="137899" spans="8:8">
      <c r="H137899" s="12"/>
    </row>
    <row r="137900" spans="8:8">
      <c r="H137900" s="12"/>
    </row>
    <row r="137901" spans="8:8">
      <c r="H137901" s="12"/>
    </row>
    <row r="137902" spans="8:8">
      <c r="H137902" s="12"/>
    </row>
    <row r="137903" spans="8:8">
      <c r="H137903" s="12"/>
    </row>
    <row r="137904" spans="8:8">
      <c r="H137904" s="12"/>
    </row>
    <row r="137905" spans="8:8">
      <c r="H137905" s="12"/>
    </row>
    <row r="137906" spans="8:8">
      <c r="H137906" s="12"/>
    </row>
    <row r="137907" spans="8:8">
      <c r="H137907" s="12"/>
    </row>
    <row r="137908" spans="8:8">
      <c r="H137908" s="12"/>
    </row>
    <row r="137909" spans="8:8">
      <c r="H137909" s="12"/>
    </row>
    <row r="137910" spans="8:8">
      <c r="H137910" s="12"/>
    </row>
    <row r="137911" spans="8:8">
      <c r="H137911" s="12"/>
    </row>
    <row r="137912" spans="8:8">
      <c r="H137912" s="12"/>
    </row>
    <row r="137913" spans="8:8">
      <c r="H137913" s="12"/>
    </row>
    <row r="137914" spans="8:8">
      <c r="H137914" s="12"/>
    </row>
    <row r="137915" spans="8:8">
      <c r="H137915" s="12"/>
    </row>
    <row r="137916" spans="8:8">
      <c r="H137916" s="12"/>
    </row>
    <row r="137917" spans="8:8">
      <c r="H137917" s="12"/>
    </row>
    <row r="137918" spans="8:8">
      <c r="H137918" s="12"/>
    </row>
    <row r="137919" spans="8:8">
      <c r="H137919" s="12"/>
    </row>
    <row r="137920" spans="8:8">
      <c r="H137920" s="12"/>
    </row>
    <row r="137921" spans="8:8">
      <c r="H137921" s="12"/>
    </row>
    <row r="137922" spans="8:8">
      <c r="H137922" s="12"/>
    </row>
    <row r="137923" spans="8:8">
      <c r="H137923" s="12"/>
    </row>
    <row r="137924" spans="8:8">
      <c r="H137924" s="12"/>
    </row>
    <row r="137925" spans="8:8">
      <c r="H137925" s="12"/>
    </row>
    <row r="137926" spans="8:8">
      <c r="H137926" s="12"/>
    </row>
    <row r="137927" spans="8:8">
      <c r="H137927" s="12"/>
    </row>
    <row r="137928" spans="8:8">
      <c r="H137928" s="12"/>
    </row>
    <row r="137929" spans="8:8">
      <c r="H137929" s="12"/>
    </row>
    <row r="137930" spans="8:8">
      <c r="H137930" s="12"/>
    </row>
    <row r="137931" spans="8:8">
      <c r="H137931" s="12"/>
    </row>
    <row r="137932" spans="8:8">
      <c r="H137932" s="12"/>
    </row>
    <row r="137933" spans="8:8">
      <c r="H137933" s="12"/>
    </row>
    <row r="137934" spans="8:8">
      <c r="H137934" s="12"/>
    </row>
    <row r="137935" spans="8:8">
      <c r="H137935" s="12"/>
    </row>
    <row r="137936" spans="8:8">
      <c r="H137936" s="12"/>
    </row>
    <row r="137937" spans="8:8">
      <c r="H137937" s="12"/>
    </row>
    <row r="137938" spans="8:8">
      <c r="H137938" s="12"/>
    </row>
    <row r="137939" spans="8:8">
      <c r="H137939" s="12"/>
    </row>
    <row r="137940" spans="8:8">
      <c r="H137940" s="12"/>
    </row>
    <row r="137941" spans="8:8">
      <c r="H137941" s="12"/>
    </row>
    <row r="137942" spans="8:8">
      <c r="H137942" s="12"/>
    </row>
    <row r="137943" spans="8:8">
      <c r="H137943" s="12"/>
    </row>
    <row r="137944" spans="8:8">
      <c r="H137944" s="12"/>
    </row>
    <row r="137945" spans="8:8">
      <c r="H137945" s="12"/>
    </row>
    <row r="137946" spans="8:8">
      <c r="H137946" s="12"/>
    </row>
    <row r="137947" spans="8:8">
      <c r="H137947" s="12"/>
    </row>
    <row r="137948" spans="8:8">
      <c r="H137948" s="12"/>
    </row>
    <row r="137949" spans="8:8">
      <c r="H137949" s="12"/>
    </row>
    <row r="137950" spans="8:8">
      <c r="H137950" s="12"/>
    </row>
    <row r="137951" spans="8:8">
      <c r="H137951" s="12"/>
    </row>
    <row r="137952" spans="8:8">
      <c r="H137952" s="12"/>
    </row>
    <row r="137953" spans="8:8">
      <c r="H137953" s="12"/>
    </row>
    <row r="137954" spans="8:8">
      <c r="H137954" s="12"/>
    </row>
    <row r="137955" spans="8:8">
      <c r="H137955" s="12"/>
    </row>
    <row r="137956" spans="8:8">
      <c r="H137956" s="12"/>
    </row>
    <row r="137957" spans="8:8">
      <c r="H137957" s="12"/>
    </row>
    <row r="137958" spans="8:8">
      <c r="H137958" s="12"/>
    </row>
    <row r="137959" spans="8:8">
      <c r="H137959" s="12"/>
    </row>
    <row r="137960" spans="8:8">
      <c r="H137960" s="12"/>
    </row>
    <row r="137961" spans="8:8">
      <c r="H137961" s="12"/>
    </row>
    <row r="137962" spans="8:8">
      <c r="H137962" s="12"/>
    </row>
    <row r="137963" spans="8:8">
      <c r="H137963" s="12"/>
    </row>
    <row r="137964" spans="8:8">
      <c r="H137964" s="12"/>
    </row>
    <row r="137965" spans="8:8">
      <c r="H137965" s="12"/>
    </row>
    <row r="137966" spans="8:8">
      <c r="H137966" s="12"/>
    </row>
    <row r="137967" spans="8:8">
      <c r="H137967" s="12"/>
    </row>
    <row r="137968" spans="8:8">
      <c r="H137968" s="12"/>
    </row>
    <row r="137969" spans="8:8">
      <c r="H137969" s="12"/>
    </row>
    <row r="137970" spans="8:8">
      <c r="H137970" s="12"/>
    </row>
    <row r="137971" spans="8:8">
      <c r="H137971" s="12"/>
    </row>
    <row r="137972" spans="8:8">
      <c r="H137972" s="12"/>
    </row>
    <row r="137973" spans="8:8">
      <c r="H137973" s="12"/>
    </row>
    <row r="137974" spans="8:8">
      <c r="H137974" s="12"/>
    </row>
    <row r="137975" spans="8:8">
      <c r="H137975" s="12"/>
    </row>
    <row r="137976" spans="8:8">
      <c r="H137976" s="12"/>
    </row>
    <row r="137977" spans="8:8">
      <c r="H137977" s="12"/>
    </row>
    <row r="137978" spans="8:8">
      <c r="H137978" s="12"/>
    </row>
    <row r="137979" spans="8:8">
      <c r="H137979" s="12"/>
    </row>
    <row r="137980" spans="8:8">
      <c r="H137980" s="12"/>
    </row>
    <row r="137981" spans="8:8">
      <c r="H137981" s="12"/>
    </row>
    <row r="137982" spans="8:8">
      <c r="H137982" s="12"/>
    </row>
    <row r="137983" spans="8:8">
      <c r="H137983" s="12"/>
    </row>
    <row r="137984" spans="8:8">
      <c r="H137984" s="12"/>
    </row>
    <row r="137985" spans="8:8">
      <c r="H137985" s="12"/>
    </row>
    <row r="137986" spans="8:8">
      <c r="H137986" s="12"/>
    </row>
    <row r="137987" spans="8:8">
      <c r="H137987" s="12"/>
    </row>
    <row r="137988" spans="8:8">
      <c r="H137988" s="12"/>
    </row>
    <row r="137989" spans="8:8">
      <c r="H137989" s="12"/>
    </row>
    <row r="137990" spans="8:8">
      <c r="H137990" s="12"/>
    </row>
    <row r="137991" spans="8:8">
      <c r="H137991" s="12"/>
    </row>
    <row r="137992" spans="8:8">
      <c r="H137992" s="12"/>
    </row>
    <row r="137993" spans="8:8">
      <c r="H137993" s="12"/>
    </row>
    <row r="137994" spans="8:8">
      <c r="H137994" s="12"/>
    </row>
    <row r="137995" spans="8:8">
      <c r="H137995" s="12"/>
    </row>
    <row r="137996" spans="8:8">
      <c r="H137996" s="12"/>
    </row>
    <row r="137997" spans="8:8">
      <c r="H137997" s="12"/>
    </row>
    <row r="137998" spans="8:8">
      <c r="H137998" s="12"/>
    </row>
    <row r="137999" spans="8:8">
      <c r="H137999" s="12"/>
    </row>
    <row r="138000" spans="8:8">
      <c r="H138000" s="12"/>
    </row>
    <row r="138001" spans="8:8">
      <c r="H138001" s="12"/>
    </row>
    <row r="138002" spans="8:8">
      <c r="H138002" s="12"/>
    </row>
    <row r="138003" spans="8:8">
      <c r="H138003" s="12"/>
    </row>
    <row r="138004" spans="8:8">
      <c r="H138004" s="12"/>
    </row>
    <row r="138005" spans="8:8">
      <c r="H138005" s="12"/>
    </row>
    <row r="138006" spans="8:8">
      <c r="H138006" s="12"/>
    </row>
    <row r="138007" spans="8:8">
      <c r="H138007" s="12"/>
    </row>
    <row r="138008" spans="8:8">
      <c r="H138008" s="12"/>
    </row>
    <row r="138009" spans="8:8">
      <c r="H138009" s="12"/>
    </row>
    <row r="138010" spans="8:8">
      <c r="H138010" s="12"/>
    </row>
    <row r="138011" spans="8:8">
      <c r="H138011" s="12"/>
    </row>
    <row r="138012" spans="8:8">
      <c r="H138012" s="12"/>
    </row>
    <row r="138013" spans="8:8">
      <c r="H138013" s="12"/>
    </row>
    <row r="138014" spans="8:8">
      <c r="H138014" s="12"/>
    </row>
    <row r="138015" spans="8:8">
      <c r="H138015" s="12"/>
    </row>
    <row r="138016" spans="8:8">
      <c r="H138016" s="12"/>
    </row>
    <row r="138017" spans="8:8">
      <c r="H138017" s="12"/>
    </row>
    <row r="138018" spans="8:8">
      <c r="H138018" s="12"/>
    </row>
    <row r="138019" spans="8:8">
      <c r="H138019" s="12"/>
    </row>
    <row r="138020" spans="8:8">
      <c r="H138020" s="12"/>
    </row>
    <row r="138021" spans="8:8">
      <c r="H138021" s="12"/>
    </row>
    <row r="138022" spans="8:8">
      <c r="H138022" s="12"/>
    </row>
    <row r="138023" spans="8:8">
      <c r="H138023" s="12"/>
    </row>
    <row r="138024" spans="8:8">
      <c r="H138024" s="12"/>
    </row>
    <row r="138025" spans="8:8">
      <c r="H138025" s="12"/>
    </row>
    <row r="138026" spans="8:8">
      <c r="H138026" s="12"/>
    </row>
    <row r="138027" spans="8:8">
      <c r="H138027" s="12"/>
    </row>
    <row r="138028" spans="8:8">
      <c r="H138028" s="12"/>
    </row>
    <row r="138029" spans="8:8">
      <c r="H138029" s="12"/>
    </row>
    <row r="138030" spans="8:8">
      <c r="H138030" s="12"/>
    </row>
    <row r="138031" spans="8:8">
      <c r="H138031" s="12"/>
    </row>
    <row r="138032" spans="8:8">
      <c r="H138032" s="12"/>
    </row>
    <row r="138033" spans="8:8">
      <c r="H138033" s="12"/>
    </row>
    <row r="138034" spans="8:8">
      <c r="H138034" s="12"/>
    </row>
    <row r="138035" spans="8:8">
      <c r="H138035" s="12"/>
    </row>
    <row r="138036" spans="8:8">
      <c r="H138036" s="12"/>
    </row>
    <row r="138037" spans="8:8">
      <c r="H138037" s="12"/>
    </row>
    <row r="138038" spans="8:8">
      <c r="H138038" s="12"/>
    </row>
    <row r="138039" spans="8:8">
      <c r="H138039" s="12"/>
    </row>
    <row r="138040" spans="8:8">
      <c r="H138040" s="12"/>
    </row>
    <row r="138041" spans="8:8">
      <c r="H138041" s="12"/>
    </row>
    <row r="138042" spans="8:8">
      <c r="H138042" s="12"/>
    </row>
    <row r="138043" spans="8:8">
      <c r="H138043" s="12"/>
    </row>
    <row r="138044" spans="8:8">
      <c r="H138044" s="12"/>
    </row>
    <row r="138045" spans="8:8">
      <c r="H138045" s="12"/>
    </row>
    <row r="138046" spans="8:8">
      <c r="H138046" s="12"/>
    </row>
    <row r="138047" spans="8:8">
      <c r="H138047" s="12"/>
    </row>
    <row r="138048" spans="8:8">
      <c r="H138048" s="12"/>
    </row>
    <row r="138049" spans="8:8">
      <c r="H138049" s="12"/>
    </row>
    <row r="138050" spans="8:8">
      <c r="H138050" s="12"/>
    </row>
    <row r="138051" spans="8:8">
      <c r="H138051" s="12"/>
    </row>
    <row r="138052" spans="8:8">
      <c r="H138052" s="12"/>
    </row>
    <row r="138053" spans="8:8">
      <c r="H138053" s="12"/>
    </row>
    <row r="138054" spans="8:8">
      <c r="H138054" s="12"/>
    </row>
    <row r="138055" spans="8:8">
      <c r="H138055" s="12"/>
    </row>
    <row r="138056" spans="8:8">
      <c r="H138056" s="12"/>
    </row>
    <row r="138057" spans="8:8">
      <c r="H138057" s="12"/>
    </row>
    <row r="138058" spans="8:8">
      <c r="H138058" s="12"/>
    </row>
    <row r="138059" spans="8:8">
      <c r="H138059" s="12"/>
    </row>
    <row r="138060" spans="8:8">
      <c r="H138060" s="12"/>
    </row>
    <row r="138061" spans="8:8">
      <c r="H138061" s="12"/>
    </row>
    <row r="138062" spans="8:8">
      <c r="H138062" s="12"/>
    </row>
    <row r="138063" spans="8:8">
      <c r="H138063" s="12"/>
    </row>
    <row r="138064" spans="8:8">
      <c r="H138064" s="12"/>
    </row>
    <row r="138065" spans="8:8">
      <c r="H138065" s="12"/>
    </row>
    <row r="138066" spans="8:8">
      <c r="H138066" s="12"/>
    </row>
    <row r="138067" spans="8:8">
      <c r="H138067" s="12"/>
    </row>
    <row r="138068" spans="8:8">
      <c r="H138068" s="12"/>
    </row>
    <row r="138069" spans="8:8">
      <c r="H138069" s="12"/>
    </row>
    <row r="138070" spans="8:8">
      <c r="H138070" s="12"/>
    </row>
    <row r="138071" spans="8:8">
      <c r="H138071" s="12"/>
    </row>
    <row r="138072" spans="8:8">
      <c r="H138072" s="12"/>
    </row>
    <row r="138073" spans="8:8">
      <c r="H138073" s="12"/>
    </row>
    <row r="138074" spans="8:8">
      <c r="H138074" s="12"/>
    </row>
    <row r="138075" spans="8:8">
      <c r="H138075" s="12"/>
    </row>
    <row r="138076" spans="8:8">
      <c r="H138076" s="12"/>
    </row>
    <row r="138077" spans="8:8">
      <c r="H138077" s="12"/>
    </row>
    <row r="138078" spans="8:8">
      <c r="H138078" s="12"/>
    </row>
    <row r="138079" spans="8:8">
      <c r="H138079" s="12"/>
    </row>
    <row r="138080" spans="8:8">
      <c r="H138080" s="12"/>
    </row>
    <row r="138081" spans="8:8">
      <c r="H138081" s="12"/>
    </row>
    <row r="138082" spans="8:8">
      <c r="H138082" s="12"/>
    </row>
    <row r="138083" spans="8:8">
      <c r="H138083" s="12"/>
    </row>
    <row r="138084" spans="8:8">
      <c r="H138084" s="12"/>
    </row>
    <row r="138085" spans="8:8">
      <c r="H138085" s="12"/>
    </row>
    <row r="138086" spans="8:8">
      <c r="H138086" s="12"/>
    </row>
    <row r="138087" spans="8:8">
      <c r="H138087" s="12"/>
    </row>
    <row r="138088" spans="8:8">
      <c r="H138088" s="12"/>
    </row>
    <row r="138089" spans="8:8">
      <c r="H138089" s="12"/>
    </row>
    <row r="138090" spans="8:8">
      <c r="H138090" s="12"/>
    </row>
    <row r="138091" spans="8:8">
      <c r="H138091" s="12"/>
    </row>
    <row r="138092" spans="8:8">
      <c r="H138092" s="12"/>
    </row>
    <row r="138093" spans="8:8">
      <c r="H138093" s="12"/>
    </row>
    <row r="138094" spans="8:8">
      <c r="H138094" s="12"/>
    </row>
    <row r="138095" spans="8:8">
      <c r="H138095" s="12"/>
    </row>
    <row r="138096" spans="8:8">
      <c r="H138096" s="12"/>
    </row>
    <row r="138097" spans="8:8">
      <c r="H138097" s="12"/>
    </row>
    <row r="138098" spans="8:8">
      <c r="H138098" s="12"/>
    </row>
    <row r="138099" spans="8:8">
      <c r="H138099" s="12"/>
    </row>
    <row r="138100" spans="8:8">
      <c r="H138100" s="12"/>
    </row>
    <row r="138101" spans="8:8">
      <c r="H138101" s="12"/>
    </row>
    <row r="138102" spans="8:8">
      <c r="H138102" s="12"/>
    </row>
    <row r="138103" spans="8:8">
      <c r="H138103" s="12"/>
    </row>
    <row r="138104" spans="8:8">
      <c r="H138104" s="12"/>
    </row>
    <row r="138105" spans="8:8">
      <c r="H138105" s="12"/>
    </row>
    <row r="138106" spans="8:8">
      <c r="H138106" s="12"/>
    </row>
    <row r="138107" spans="8:8">
      <c r="H138107" s="12"/>
    </row>
    <row r="138108" spans="8:8">
      <c r="H138108" s="12"/>
    </row>
    <row r="138109" spans="8:8">
      <c r="H138109" s="12"/>
    </row>
    <row r="138110" spans="8:8">
      <c r="H138110" s="12"/>
    </row>
    <row r="138111" spans="8:8">
      <c r="H138111" s="12"/>
    </row>
    <row r="138112" spans="8:8">
      <c r="H138112" s="12"/>
    </row>
    <row r="138113" spans="8:8">
      <c r="H138113" s="12"/>
    </row>
    <row r="138114" spans="8:8">
      <c r="H138114" s="12"/>
    </row>
    <row r="138115" spans="8:8">
      <c r="H138115" s="12"/>
    </row>
    <row r="138116" spans="8:8">
      <c r="H138116" s="12"/>
    </row>
    <row r="138117" spans="8:8">
      <c r="H138117" s="12"/>
    </row>
    <row r="138118" spans="8:8">
      <c r="H138118" s="12"/>
    </row>
    <row r="138119" spans="8:8">
      <c r="H138119" s="12"/>
    </row>
    <row r="138120" spans="8:8">
      <c r="H138120" s="12"/>
    </row>
    <row r="138121" spans="8:8">
      <c r="H138121" s="12"/>
    </row>
    <row r="138122" spans="8:8">
      <c r="H138122" s="12"/>
    </row>
    <row r="138123" spans="8:8">
      <c r="H138123" s="12"/>
    </row>
    <row r="138124" spans="8:8">
      <c r="H138124" s="12"/>
    </row>
    <row r="138125" spans="8:8">
      <c r="H138125" s="12"/>
    </row>
    <row r="138126" spans="8:8">
      <c r="H138126" s="12"/>
    </row>
    <row r="138127" spans="8:8">
      <c r="H138127" s="12"/>
    </row>
    <row r="138128" spans="8:8">
      <c r="H138128" s="12"/>
    </row>
    <row r="138129" spans="8:8">
      <c r="H138129" s="12"/>
    </row>
    <row r="138130" spans="8:8">
      <c r="H138130" s="12"/>
    </row>
    <row r="138131" spans="8:8">
      <c r="H138131" s="12"/>
    </row>
    <row r="138132" spans="8:8">
      <c r="H138132" s="12"/>
    </row>
    <row r="138133" spans="8:8">
      <c r="H138133" s="12"/>
    </row>
    <row r="138134" spans="8:8">
      <c r="H138134" s="12"/>
    </row>
    <row r="138135" spans="8:8">
      <c r="H138135" s="12"/>
    </row>
    <row r="138136" spans="8:8">
      <c r="H138136" s="12"/>
    </row>
    <row r="138137" spans="8:8">
      <c r="H138137" s="12"/>
    </row>
    <row r="138138" spans="8:8">
      <c r="H138138" s="12"/>
    </row>
    <row r="138139" spans="8:8">
      <c r="H138139" s="12"/>
    </row>
    <row r="138140" spans="8:8">
      <c r="H138140" s="12"/>
    </row>
    <row r="138141" spans="8:8">
      <c r="H138141" s="12"/>
    </row>
    <row r="138142" spans="8:8">
      <c r="H138142" s="12"/>
    </row>
    <row r="138143" spans="8:8">
      <c r="H138143" s="12"/>
    </row>
    <row r="138144" spans="8:8">
      <c r="H138144" s="12"/>
    </row>
    <row r="138145" spans="8:8">
      <c r="H138145" s="12"/>
    </row>
    <row r="138146" spans="8:8">
      <c r="H138146" s="12"/>
    </row>
    <row r="138147" spans="8:8">
      <c r="H138147" s="12"/>
    </row>
    <row r="138148" spans="8:8">
      <c r="H138148" s="12"/>
    </row>
    <row r="138149" spans="8:8">
      <c r="H138149" s="12"/>
    </row>
    <row r="138150" spans="8:8">
      <c r="H138150" s="12"/>
    </row>
    <row r="138151" spans="8:8">
      <c r="H138151" s="12"/>
    </row>
    <row r="138152" spans="8:8">
      <c r="H138152" s="12"/>
    </row>
    <row r="138153" spans="8:8">
      <c r="H138153" s="12"/>
    </row>
    <row r="138154" spans="8:8">
      <c r="H138154" s="12"/>
    </row>
    <row r="138155" spans="8:8">
      <c r="H138155" s="12"/>
    </row>
    <row r="138156" spans="8:8">
      <c r="H138156" s="12"/>
    </row>
    <row r="138157" spans="8:8">
      <c r="H138157" s="12"/>
    </row>
    <row r="138158" spans="8:8">
      <c r="H138158" s="12"/>
    </row>
    <row r="138159" spans="8:8">
      <c r="H138159" s="12"/>
    </row>
    <row r="138160" spans="8:8">
      <c r="H138160" s="12"/>
    </row>
    <row r="138161" spans="8:8">
      <c r="H138161" s="12"/>
    </row>
    <row r="138162" spans="8:8">
      <c r="H138162" s="12"/>
    </row>
    <row r="138163" spans="8:8">
      <c r="H138163" s="12"/>
    </row>
    <row r="138164" spans="8:8">
      <c r="H138164" s="12"/>
    </row>
    <row r="138165" spans="8:8">
      <c r="H138165" s="12"/>
    </row>
    <row r="138166" spans="8:8">
      <c r="H138166" s="12"/>
    </row>
    <row r="138167" spans="8:8">
      <c r="H138167" s="12"/>
    </row>
    <row r="138168" spans="8:8">
      <c r="H138168" s="12"/>
    </row>
    <row r="138169" spans="8:8">
      <c r="H138169" s="12"/>
    </row>
    <row r="138170" spans="8:8">
      <c r="H138170" s="12"/>
    </row>
    <row r="138171" spans="8:8">
      <c r="H138171" s="12"/>
    </row>
    <row r="138172" spans="8:8">
      <c r="H138172" s="12"/>
    </row>
    <row r="138173" spans="8:8">
      <c r="H138173" s="12"/>
    </row>
    <row r="138174" spans="8:8">
      <c r="H138174" s="12"/>
    </row>
    <row r="138175" spans="8:8">
      <c r="H138175" s="12"/>
    </row>
    <row r="138176" spans="8:8">
      <c r="H138176" s="12"/>
    </row>
    <row r="138177" spans="8:8">
      <c r="H138177" s="12"/>
    </row>
    <row r="138178" spans="8:8">
      <c r="H138178" s="12"/>
    </row>
    <row r="138179" spans="8:8">
      <c r="H138179" s="12"/>
    </row>
    <row r="138180" spans="8:8">
      <c r="H138180" s="12"/>
    </row>
    <row r="138181" spans="8:8">
      <c r="H138181" s="12"/>
    </row>
    <row r="138182" spans="8:8">
      <c r="H138182" s="12"/>
    </row>
    <row r="138183" spans="8:8">
      <c r="H138183" s="12"/>
    </row>
    <row r="138184" spans="8:8">
      <c r="H138184" s="12"/>
    </row>
    <row r="138185" spans="8:8">
      <c r="H138185" s="12"/>
    </row>
    <row r="138186" spans="8:8">
      <c r="H138186" s="12"/>
    </row>
    <row r="138187" spans="8:8">
      <c r="H138187" s="12"/>
    </row>
    <row r="138188" spans="8:8">
      <c r="H138188" s="12"/>
    </row>
    <row r="138189" spans="8:8">
      <c r="H138189" s="12"/>
    </row>
    <row r="138190" spans="8:8">
      <c r="H138190" s="12"/>
    </row>
    <row r="138191" spans="8:8">
      <c r="H138191" s="12"/>
    </row>
    <row r="138192" spans="8:8">
      <c r="H138192" s="12"/>
    </row>
    <row r="138193" spans="8:8">
      <c r="H138193" s="12"/>
    </row>
    <row r="138194" spans="8:8">
      <c r="H138194" s="12"/>
    </row>
    <row r="138195" spans="8:8">
      <c r="H138195" s="12"/>
    </row>
    <row r="138196" spans="8:8">
      <c r="H138196" s="12"/>
    </row>
    <row r="138197" spans="8:8">
      <c r="H138197" s="12"/>
    </row>
    <row r="138198" spans="8:8">
      <c r="H138198" s="12"/>
    </row>
    <row r="138199" spans="8:8">
      <c r="H138199" s="12"/>
    </row>
    <row r="138200" spans="8:8">
      <c r="H138200" s="12"/>
    </row>
    <row r="138201" spans="8:8">
      <c r="H138201" s="12"/>
    </row>
    <row r="138202" spans="8:8">
      <c r="H138202" s="12"/>
    </row>
    <row r="138203" spans="8:8">
      <c r="H138203" s="12"/>
    </row>
    <row r="138204" spans="8:8">
      <c r="H138204" s="12"/>
    </row>
    <row r="138205" spans="8:8">
      <c r="H138205" s="12"/>
    </row>
    <row r="138206" spans="8:8">
      <c r="H138206" s="12"/>
    </row>
    <row r="138207" spans="8:8">
      <c r="H138207" s="12"/>
    </row>
    <row r="138208" spans="8:8">
      <c r="H138208" s="12"/>
    </row>
    <row r="138209" spans="8:8">
      <c r="H138209" s="12"/>
    </row>
    <row r="138210" spans="8:8">
      <c r="H138210" s="12"/>
    </row>
    <row r="138211" spans="8:8">
      <c r="H138211" s="12"/>
    </row>
    <row r="138212" spans="8:8">
      <c r="H138212" s="12"/>
    </row>
    <row r="138213" spans="8:8">
      <c r="H138213" s="12"/>
    </row>
    <row r="138214" spans="8:8">
      <c r="H138214" s="12"/>
    </row>
    <row r="138215" spans="8:8">
      <c r="H138215" s="12"/>
    </row>
    <row r="138216" spans="8:8">
      <c r="H138216" s="12"/>
    </row>
    <row r="138217" spans="8:8">
      <c r="H138217" s="12"/>
    </row>
    <row r="138218" spans="8:8">
      <c r="H138218" s="12"/>
    </row>
    <row r="138219" spans="8:8">
      <c r="H138219" s="12"/>
    </row>
    <row r="138220" spans="8:8">
      <c r="H138220" s="12"/>
    </row>
    <row r="138221" spans="8:8">
      <c r="H138221" s="12"/>
    </row>
    <row r="138222" spans="8:8">
      <c r="H138222" s="12"/>
    </row>
    <row r="138223" spans="8:8">
      <c r="H138223" s="12"/>
    </row>
    <row r="138224" spans="8:8">
      <c r="H138224" s="12"/>
    </row>
    <row r="138225" spans="8:8">
      <c r="H138225" s="12"/>
    </row>
    <row r="138226" spans="8:8">
      <c r="H138226" s="12"/>
    </row>
    <row r="138227" spans="8:8">
      <c r="H138227" s="12"/>
    </row>
    <row r="138228" spans="8:8">
      <c r="H138228" s="12"/>
    </row>
    <row r="138229" spans="8:8">
      <c r="H138229" s="12"/>
    </row>
    <row r="138230" spans="8:8">
      <c r="H138230" s="12"/>
    </row>
    <row r="138231" spans="8:8">
      <c r="H138231" s="12"/>
    </row>
    <row r="138232" spans="8:8">
      <c r="H138232" s="12"/>
    </row>
    <row r="138233" spans="8:8">
      <c r="H138233" s="12"/>
    </row>
    <row r="138234" spans="8:8">
      <c r="H138234" s="12"/>
    </row>
    <row r="138235" spans="8:8">
      <c r="H138235" s="12"/>
    </row>
    <row r="138236" spans="8:8">
      <c r="H138236" s="12"/>
    </row>
    <row r="138237" spans="8:8">
      <c r="H138237" s="12"/>
    </row>
    <row r="138238" spans="8:8">
      <c r="H138238" s="12"/>
    </row>
    <row r="138239" spans="8:8">
      <c r="H138239" s="12"/>
    </row>
    <row r="138240" spans="8:8">
      <c r="H138240" s="12"/>
    </row>
    <row r="138241" spans="8:8">
      <c r="H138241" s="12"/>
    </row>
    <row r="138242" spans="8:8">
      <c r="H138242" s="12"/>
    </row>
    <row r="138243" spans="8:8">
      <c r="H138243" s="12"/>
    </row>
    <row r="138244" spans="8:8">
      <c r="H138244" s="12"/>
    </row>
    <row r="138245" spans="8:8">
      <c r="H138245" s="12"/>
    </row>
    <row r="138246" spans="8:8">
      <c r="H138246" s="12"/>
    </row>
    <row r="138247" spans="8:8">
      <c r="H138247" s="12"/>
    </row>
    <row r="138248" spans="8:8">
      <c r="H138248" s="12"/>
    </row>
    <row r="138249" spans="8:8">
      <c r="H138249" s="12"/>
    </row>
    <row r="138250" spans="8:8">
      <c r="H138250" s="12"/>
    </row>
    <row r="138251" spans="8:8">
      <c r="H138251" s="12"/>
    </row>
    <row r="138252" spans="8:8">
      <c r="H138252" s="12"/>
    </row>
    <row r="138253" spans="8:8">
      <c r="H138253" s="12"/>
    </row>
    <row r="138254" spans="8:8">
      <c r="H138254" s="12"/>
    </row>
    <row r="138255" spans="8:8">
      <c r="H138255" s="12"/>
    </row>
    <row r="138256" spans="8:8">
      <c r="H138256" s="12"/>
    </row>
    <row r="138257" spans="8:8">
      <c r="H138257" s="12"/>
    </row>
    <row r="138258" spans="8:8">
      <c r="H138258" s="12"/>
    </row>
    <row r="138259" spans="8:8">
      <c r="H138259" s="12"/>
    </row>
    <row r="138260" spans="8:8">
      <c r="H138260" s="12"/>
    </row>
    <row r="138261" spans="8:8">
      <c r="H138261" s="12"/>
    </row>
    <row r="138262" spans="8:8">
      <c r="H138262" s="12"/>
    </row>
    <row r="138263" spans="8:8">
      <c r="H138263" s="12"/>
    </row>
    <row r="138264" spans="8:8">
      <c r="H138264" s="12"/>
    </row>
    <row r="138265" spans="8:8">
      <c r="H138265" s="12"/>
    </row>
    <row r="138266" spans="8:8">
      <c r="H138266" s="12"/>
    </row>
    <row r="138267" spans="8:8">
      <c r="H138267" s="12"/>
    </row>
    <row r="138268" spans="8:8">
      <c r="H138268" s="12"/>
    </row>
    <row r="138269" spans="8:8">
      <c r="H138269" s="12"/>
    </row>
    <row r="138270" spans="8:8">
      <c r="H138270" s="12"/>
    </row>
    <row r="138271" spans="8:8">
      <c r="H138271" s="12"/>
    </row>
    <row r="138272" spans="8:8">
      <c r="H138272" s="12"/>
    </row>
    <row r="138273" spans="8:8">
      <c r="H138273" s="12"/>
    </row>
    <row r="138274" spans="8:8">
      <c r="H138274" s="12"/>
    </row>
    <row r="138275" spans="8:8">
      <c r="H138275" s="12"/>
    </row>
    <row r="138276" spans="8:8">
      <c r="H138276" s="12"/>
    </row>
    <row r="138277" spans="8:8">
      <c r="H138277" s="12"/>
    </row>
    <row r="138278" spans="8:8">
      <c r="H138278" s="12"/>
    </row>
    <row r="138279" spans="8:8">
      <c r="H138279" s="12"/>
    </row>
    <row r="138280" spans="8:8">
      <c r="H138280" s="12"/>
    </row>
    <row r="138281" spans="8:8">
      <c r="H138281" s="12"/>
    </row>
    <row r="138282" spans="8:8">
      <c r="H138282" s="12"/>
    </row>
    <row r="138283" spans="8:8">
      <c r="H138283" s="12"/>
    </row>
    <row r="138284" spans="8:8">
      <c r="H138284" s="12"/>
    </row>
    <row r="138285" spans="8:8">
      <c r="H138285" s="12"/>
    </row>
    <row r="138286" spans="8:8">
      <c r="H138286" s="12"/>
    </row>
    <row r="138287" spans="8:8">
      <c r="H138287" s="12"/>
    </row>
    <row r="138288" spans="8:8">
      <c r="H138288" s="12"/>
    </row>
    <row r="138289" spans="8:8">
      <c r="H138289" s="12"/>
    </row>
    <row r="138290" spans="8:8">
      <c r="H138290" s="12"/>
    </row>
    <row r="138291" spans="8:8">
      <c r="H138291" s="12"/>
    </row>
    <row r="138292" spans="8:8">
      <c r="H138292" s="12"/>
    </row>
    <row r="138293" spans="8:8">
      <c r="H138293" s="12"/>
    </row>
    <row r="138294" spans="8:8">
      <c r="H138294" s="12"/>
    </row>
    <row r="138295" spans="8:8">
      <c r="H138295" s="12"/>
    </row>
    <row r="138296" spans="8:8">
      <c r="H138296" s="12"/>
    </row>
    <row r="138297" spans="8:8">
      <c r="H138297" s="12"/>
    </row>
    <row r="138298" spans="8:8">
      <c r="H138298" s="12"/>
    </row>
    <row r="138299" spans="8:8">
      <c r="H138299" s="12"/>
    </row>
    <row r="138300" spans="8:8">
      <c r="H138300" s="12"/>
    </row>
    <row r="138301" spans="8:8">
      <c r="H138301" s="12"/>
    </row>
    <row r="138302" spans="8:8">
      <c r="H138302" s="12"/>
    </row>
    <row r="138303" spans="8:8">
      <c r="H138303" s="12"/>
    </row>
    <row r="138304" spans="8:8">
      <c r="H138304" s="12"/>
    </row>
    <row r="138305" spans="8:8">
      <c r="H138305" s="12"/>
    </row>
    <row r="138306" spans="8:8">
      <c r="H138306" s="12"/>
    </row>
    <row r="138307" spans="8:8">
      <c r="H138307" s="12"/>
    </row>
    <row r="138308" spans="8:8">
      <c r="H138308" s="12"/>
    </row>
    <row r="138309" spans="8:8">
      <c r="H138309" s="12"/>
    </row>
    <row r="138310" spans="8:8">
      <c r="H138310" s="12"/>
    </row>
    <row r="138311" spans="8:8">
      <c r="H138311" s="12"/>
    </row>
    <row r="138312" spans="8:8">
      <c r="H138312" s="12"/>
    </row>
    <row r="138313" spans="8:8">
      <c r="H138313" s="12"/>
    </row>
    <row r="138314" spans="8:8">
      <c r="H138314" s="12"/>
    </row>
    <row r="138315" spans="8:8">
      <c r="H138315" s="12"/>
    </row>
    <row r="138316" spans="8:8">
      <c r="H138316" s="12"/>
    </row>
    <row r="138317" spans="8:8">
      <c r="H138317" s="12"/>
    </row>
    <row r="138318" spans="8:8">
      <c r="H138318" s="12"/>
    </row>
    <row r="138319" spans="8:8">
      <c r="H138319" s="12"/>
    </row>
    <row r="138320" spans="8:8">
      <c r="H138320" s="12"/>
    </row>
    <row r="138321" spans="8:8">
      <c r="H138321" s="12"/>
    </row>
    <row r="138322" spans="8:8">
      <c r="H138322" s="12"/>
    </row>
    <row r="138323" spans="8:8">
      <c r="H138323" s="12"/>
    </row>
    <row r="138324" spans="8:8">
      <c r="H138324" s="12"/>
    </row>
    <row r="138325" spans="8:8">
      <c r="H138325" s="12"/>
    </row>
    <row r="138326" spans="8:8">
      <c r="H138326" s="12"/>
    </row>
    <row r="138327" spans="8:8">
      <c r="H138327" s="12"/>
    </row>
    <row r="138328" spans="8:8">
      <c r="H138328" s="12"/>
    </row>
    <row r="138329" spans="8:8">
      <c r="H138329" s="12"/>
    </row>
    <row r="138330" spans="8:8">
      <c r="H138330" s="12"/>
    </row>
    <row r="138331" spans="8:8">
      <c r="H138331" s="12"/>
    </row>
    <row r="138332" spans="8:8">
      <c r="H138332" s="12"/>
    </row>
    <row r="138333" spans="8:8">
      <c r="H138333" s="12"/>
    </row>
    <row r="138334" spans="8:8">
      <c r="H138334" s="12"/>
    </row>
    <row r="138335" spans="8:8">
      <c r="H138335" s="12"/>
    </row>
    <row r="138336" spans="8:8">
      <c r="H138336" s="12"/>
    </row>
    <row r="138337" spans="8:8">
      <c r="H138337" s="12"/>
    </row>
    <row r="138338" spans="8:8">
      <c r="H138338" s="12"/>
    </row>
    <row r="138339" spans="8:8">
      <c r="H138339" s="12"/>
    </row>
    <row r="138340" spans="8:8">
      <c r="H138340" s="12"/>
    </row>
    <row r="138341" spans="8:8">
      <c r="H138341" s="12"/>
    </row>
    <row r="138342" spans="8:8">
      <c r="H138342" s="12"/>
    </row>
    <row r="138343" spans="8:8">
      <c r="H138343" s="12"/>
    </row>
    <row r="138344" spans="8:8">
      <c r="H138344" s="12"/>
    </row>
    <row r="138345" spans="8:8">
      <c r="H138345" s="12"/>
    </row>
    <row r="138346" spans="8:8">
      <c r="H138346" s="12"/>
    </row>
    <row r="138347" spans="8:8">
      <c r="H138347" s="12"/>
    </row>
    <row r="138348" spans="8:8">
      <c r="H138348" s="12"/>
    </row>
    <row r="138349" spans="8:8">
      <c r="H138349" s="12"/>
    </row>
    <row r="138350" spans="8:8">
      <c r="H138350" s="12"/>
    </row>
    <row r="138351" spans="8:8">
      <c r="H138351" s="12"/>
    </row>
    <row r="138352" spans="8:8">
      <c r="H138352" s="12"/>
    </row>
    <row r="138353" spans="8:8">
      <c r="H138353" s="12"/>
    </row>
    <row r="138354" spans="8:8">
      <c r="H138354" s="12"/>
    </row>
    <row r="138355" spans="8:8">
      <c r="H138355" s="12"/>
    </row>
    <row r="138356" spans="8:8">
      <c r="H138356" s="12"/>
    </row>
    <row r="138357" spans="8:8">
      <c r="H138357" s="12"/>
    </row>
    <row r="138358" spans="8:8">
      <c r="H138358" s="12"/>
    </row>
    <row r="138359" spans="8:8">
      <c r="H138359" s="12"/>
    </row>
    <row r="138360" spans="8:8">
      <c r="H138360" s="12"/>
    </row>
    <row r="138361" spans="8:8">
      <c r="H138361" s="12"/>
    </row>
    <row r="138362" spans="8:8">
      <c r="H138362" s="12"/>
    </row>
    <row r="138363" spans="8:8">
      <c r="H138363" s="12"/>
    </row>
    <row r="138364" spans="8:8">
      <c r="H138364" s="12"/>
    </row>
    <row r="138365" spans="8:8">
      <c r="H138365" s="12"/>
    </row>
    <row r="138366" spans="8:8">
      <c r="H138366" s="12"/>
    </row>
    <row r="138367" spans="8:8">
      <c r="H138367" s="12"/>
    </row>
    <row r="138368" spans="8:8">
      <c r="H138368" s="12"/>
    </row>
    <row r="138369" spans="8:8">
      <c r="H138369" s="12"/>
    </row>
    <row r="138370" spans="8:8">
      <c r="H138370" s="12"/>
    </row>
    <row r="138371" spans="8:8">
      <c r="H138371" s="12"/>
    </row>
    <row r="138372" spans="8:8">
      <c r="H138372" s="12"/>
    </row>
    <row r="138373" spans="8:8">
      <c r="H138373" s="12"/>
    </row>
    <row r="138374" spans="8:8">
      <c r="H138374" s="12"/>
    </row>
    <row r="138375" spans="8:8">
      <c r="H138375" s="12"/>
    </row>
    <row r="138376" spans="8:8">
      <c r="H138376" s="12"/>
    </row>
    <row r="138377" spans="8:8">
      <c r="H138377" s="12"/>
    </row>
    <row r="138378" spans="8:8">
      <c r="H138378" s="12"/>
    </row>
    <row r="138379" spans="8:8">
      <c r="H138379" s="12"/>
    </row>
    <row r="138380" spans="8:8">
      <c r="H138380" s="12"/>
    </row>
    <row r="138381" spans="8:8">
      <c r="H138381" s="12"/>
    </row>
    <row r="138382" spans="8:8">
      <c r="H138382" s="12"/>
    </row>
    <row r="138383" spans="8:8">
      <c r="H138383" s="12"/>
    </row>
    <row r="138384" spans="8:8">
      <c r="H138384" s="12"/>
    </row>
    <row r="138385" spans="8:8">
      <c r="H138385" s="12"/>
    </row>
    <row r="138386" spans="8:8">
      <c r="H138386" s="12"/>
    </row>
    <row r="138387" spans="8:8">
      <c r="H138387" s="12"/>
    </row>
    <row r="138388" spans="8:8">
      <c r="H138388" s="12"/>
    </row>
    <row r="138389" spans="8:8">
      <c r="H138389" s="12"/>
    </row>
    <row r="138390" spans="8:8">
      <c r="H138390" s="12"/>
    </row>
    <row r="138391" spans="8:8">
      <c r="H138391" s="12"/>
    </row>
    <row r="138392" spans="8:8">
      <c r="H138392" s="12"/>
    </row>
    <row r="138393" spans="8:8">
      <c r="H138393" s="12"/>
    </row>
    <row r="138394" spans="8:8">
      <c r="H138394" s="12"/>
    </row>
    <row r="138395" spans="8:8">
      <c r="H138395" s="12"/>
    </row>
    <row r="138396" spans="8:8">
      <c r="H138396" s="12"/>
    </row>
    <row r="138397" spans="8:8">
      <c r="H138397" s="12"/>
    </row>
    <row r="138398" spans="8:8">
      <c r="H138398" s="12"/>
    </row>
    <row r="138399" spans="8:8">
      <c r="H138399" s="12"/>
    </row>
    <row r="138400" spans="8:8">
      <c r="H138400" s="12"/>
    </row>
    <row r="138401" spans="8:8">
      <c r="H138401" s="12"/>
    </row>
    <row r="138402" spans="8:8">
      <c r="H138402" s="12"/>
    </row>
    <row r="138403" spans="8:8">
      <c r="H138403" s="12"/>
    </row>
    <row r="138404" spans="8:8">
      <c r="H138404" s="12"/>
    </row>
    <row r="138405" spans="8:8">
      <c r="H138405" s="12"/>
    </row>
    <row r="138406" spans="8:8">
      <c r="H138406" s="12"/>
    </row>
    <row r="138407" spans="8:8">
      <c r="H138407" s="12"/>
    </row>
    <row r="138408" spans="8:8">
      <c r="H138408" s="12"/>
    </row>
    <row r="138409" spans="8:8">
      <c r="H138409" s="12"/>
    </row>
    <row r="138410" spans="8:8">
      <c r="H138410" s="12"/>
    </row>
    <row r="138411" spans="8:8">
      <c r="H138411" s="12"/>
    </row>
    <row r="138412" spans="8:8">
      <c r="H138412" s="12"/>
    </row>
    <row r="138413" spans="8:8">
      <c r="H138413" s="12"/>
    </row>
    <row r="138414" spans="8:8">
      <c r="H138414" s="12"/>
    </row>
    <row r="138415" spans="8:8">
      <c r="H138415" s="12"/>
    </row>
    <row r="138416" spans="8:8">
      <c r="H138416" s="12"/>
    </row>
    <row r="138417" spans="8:8">
      <c r="H138417" s="12"/>
    </row>
    <row r="138418" spans="8:8">
      <c r="H138418" s="12"/>
    </row>
    <row r="138419" spans="8:8">
      <c r="H138419" s="12"/>
    </row>
    <row r="138420" spans="8:8">
      <c r="H138420" s="12"/>
    </row>
    <row r="138421" spans="8:8">
      <c r="H138421" s="12"/>
    </row>
    <row r="138422" spans="8:8">
      <c r="H138422" s="12"/>
    </row>
    <row r="138423" spans="8:8">
      <c r="H138423" s="12"/>
    </row>
    <row r="138424" spans="8:8">
      <c r="H138424" s="12"/>
    </row>
    <row r="138425" spans="8:8">
      <c r="H138425" s="12"/>
    </row>
    <row r="138426" spans="8:8">
      <c r="H138426" s="12"/>
    </row>
    <row r="138427" spans="8:8">
      <c r="H138427" s="12"/>
    </row>
    <row r="138428" spans="8:8">
      <c r="H138428" s="12"/>
    </row>
    <row r="138429" spans="8:8">
      <c r="H138429" s="12"/>
    </row>
    <row r="138430" spans="8:8">
      <c r="H138430" s="12"/>
    </row>
    <row r="138431" spans="8:8">
      <c r="H138431" s="12"/>
    </row>
    <row r="138432" spans="8:8">
      <c r="H138432" s="12"/>
    </row>
    <row r="138433" spans="8:8">
      <c r="H138433" s="12"/>
    </row>
    <row r="138434" spans="8:8">
      <c r="H138434" s="12"/>
    </row>
    <row r="138435" spans="8:8">
      <c r="H138435" s="12"/>
    </row>
    <row r="138436" spans="8:8">
      <c r="H138436" s="12"/>
    </row>
    <row r="138437" spans="8:8">
      <c r="H138437" s="12"/>
    </row>
    <row r="138438" spans="8:8">
      <c r="H138438" s="12"/>
    </row>
    <row r="138439" spans="8:8">
      <c r="H138439" s="12"/>
    </row>
    <row r="138440" spans="8:8">
      <c r="H138440" s="12"/>
    </row>
    <row r="138441" spans="8:8">
      <c r="H138441" s="12"/>
    </row>
    <row r="138442" spans="8:8">
      <c r="H138442" s="12"/>
    </row>
    <row r="138443" spans="8:8">
      <c r="H138443" s="12"/>
    </row>
    <row r="138444" spans="8:8">
      <c r="H138444" s="12"/>
    </row>
    <row r="138445" spans="8:8">
      <c r="H138445" s="12"/>
    </row>
    <row r="138446" spans="8:8">
      <c r="H138446" s="12"/>
    </row>
    <row r="138447" spans="8:8">
      <c r="H138447" s="12"/>
    </row>
    <row r="138448" spans="8:8">
      <c r="H138448" s="12"/>
    </row>
    <row r="138449" spans="8:8">
      <c r="H138449" s="12"/>
    </row>
    <row r="138450" spans="8:8">
      <c r="H138450" s="12"/>
    </row>
    <row r="138451" spans="8:8">
      <c r="H138451" s="12"/>
    </row>
    <row r="138452" spans="8:8">
      <c r="H138452" s="12"/>
    </row>
    <row r="138453" spans="8:8">
      <c r="H138453" s="12"/>
    </row>
    <row r="138454" spans="8:8">
      <c r="H138454" s="12"/>
    </row>
    <row r="138455" spans="8:8">
      <c r="H138455" s="12"/>
    </row>
    <row r="138456" spans="8:8">
      <c r="H138456" s="12"/>
    </row>
    <row r="138457" spans="8:8">
      <c r="H138457" s="12"/>
    </row>
    <row r="138458" spans="8:8">
      <c r="H138458" s="12"/>
    </row>
    <row r="138459" spans="8:8">
      <c r="H138459" s="12"/>
    </row>
    <row r="138460" spans="8:8">
      <c r="H138460" s="12"/>
    </row>
    <row r="138461" spans="8:8">
      <c r="H138461" s="12"/>
    </row>
    <row r="138462" spans="8:8">
      <c r="H138462" s="12"/>
    </row>
    <row r="138463" spans="8:8">
      <c r="H138463" s="12"/>
    </row>
    <row r="138464" spans="8:8">
      <c r="H138464" s="12"/>
    </row>
    <row r="138465" spans="8:8">
      <c r="H138465" s="12"/>
    </row>
    <row r="138466" spans="8:8">
      <c r="H138466" s="12"/>
    </row>
    <row r="138467" spans="8:8">
      <c r="H138467" s="12"/>
    </row>
    <row r="138468" spans="8:8">
      <c r="H138468" s="12"/>
    </row>
    <row r="138469" spans="8:8">
      <c r="H138469" s="12"/>
    </row>
    <row r="138470" spans="8:8">
      <c r="H138470" s="12"/>
    </row>
    <row r="138471" spans="8:8">
      <c r="H138471" s="12"/>
    </row>
    <row r="138472" spans="8:8">
      <c r="H138472" s="12"/>
    </row>
    <row r="138473" spans="8:8">
      <c r="H138473" s="12"/>
    </row>
    <row r="138474" spans="8:8">
      <c r="H138474" s="12"/>
    </row>
    <row r="138475" spans="8:8">
      <c r="H138475" s="12"/>
    </row>
    <row r="138476" spans="8:8">
      <c r="H138476" s="12"/>
    </row>
    <row r="138477" spans="8:8">
      <c r="H138477" s="12"/>
    </row>
    <row r="138478" spans="8:8">
      <c r="H138478" s="12"/>
    </row>
    <row r="138479" spans="8:8">
      <c r="H138479" s="12"/>
    </row>
    <row r="138480" spans="8:8">
      <c r="H138480" s="12"/>
    </row>
    <row r="138481" spans="8:8">
      <c r="H138481" s="12"/>
    </row>
    <row r="138482" spans="8:8">
      <c r="H138482" s="12"/>
    </row>
    <row r="138483" spans="8:8">
      <c r="H138483" s="12"/>
    </row>
    <row r="138484" spans="8:8">
      <c r="H138484" s="12"/>
    </row>
    <row r="138485" spans="8:8">
      <c r="H138485" s="12"/>
    </row>
    <row r="138486" spans="8:8">
      <c r="H138486" s="12"/>
    </row>
    <row r="138487" spans="8:8">
      <c r="H138487" s="12"/>
    </row>
    <row r="138488" spans="8:8">
      <c r="H138488" s="12"/>
    </row>
    <row r="138489" spans="8:8">
      <c r="H138489" s="12"/>
    </row>
    <row r="138490" spans="8:8">
      <c r="H138490" s="12"/>
    </row>
    <row r="138491" spans="8:8">
      <c r="H138491" s="12"/>
    </row>
    <row r="138492" spans="8:8">
      <c r="H138492" s="12"/>
    </row>
    <row r="138493" spans="8:8">
      <c r="H138493" s="12"/>
    </row>
    <row r="138494" spans="8:8">
      <c r="H138494" s="12"/>
    </row>
    <row r="138495" spans="8:8">
      <c r="H138495" s="12"/>
    </row>
    <row r="138496" spans="8:8">
      <c r="H138496" s="12"/>
    </row>
    <row r="138497" spans="8:8">
      <c r="H138497" s="12"/>
    </row>
    <row r="138498" spans="8:8">
      <c r="H138498" s="12"/>
    </row>
    <row r="138499" spans="8:8">
      <c r="H138499" s="12"/>
    </row>
    <row r="138500" spans="8:8">
      <c r="H138500" s="12"/>
    </row>
    <row r="138501" spans="8:8">
      <c r="H138501" s="12"/>
    </row>
    <row r="138502" spans="8:8">
      <c r="H138502" s="12"/>
    </row>
    <row r="138503" spans="8:8">
      <c r="H138503" s="12"/>
    </row>
    <row r="138504" spans="8:8">
      <c r="H138504" s="12"/>
    </row>
    <row r="138505" spans="8:8">
      <c r="H138505" s="12"/>
    </row>
    <row r="138506" spans="8:8">
      <c r="H138506" s="12"/>
    </row>
    <row r="138507" spans="8:8">
      <c r="H138507" s="12"/>
    </row>
    <row r="138508" spans="8:8">
      <c r="H138508" s="12"/>
    </row>
    <row r="138509" spans="8:8">
      <c r="H138509" s="12"/>
    </row>
    <row r="138510" spans="8:8">
      <c r="H138510" s="12"/>
    </row>
    <row r="138511" spans="8:8">
      <c r="H138511" s="12"/>
    </row>
    <row r="138512" spans="8:8">
      <c r="H138512" s="12"/>
    </row>
    <row r="138513" spans="8:8">
      <c r="H138513" s="12"/>
    </row>
    <row r="138514" spans="8:8">
      <c r="H138514" s="12"/>
    </row>
    <row r="138515" spans="8:8">
      <c r="H138515" s="12"/>
    </row>
    <row r="138516" spans="8:8">
      <c r="H138516" s="12"/>
    </row>
    <row r="138517" spans="8:8">
      <c r="H138517" s="12"/>
    </row>
    <row r="138518" spans="8:8">
      <c r="H138518" s="12"/>
    </row>
    <row r="138519" spans="8:8">
      <c r="H138519" s="12"/>
    </row>
    <row r="138520" spans="8:8">
      <c r="H138520" s="12"/>
    </row>
    <row r="138521" spans="8:8">
      <c r="H138521" s="12"/>
    </row>
    <row r="138522" spans="8:8">
      <c r="H138522" s="12"/>
    </row>
    <row r="138523" spans="8:8">
      <c r="H138523" s="12"/>
    </row>
    <row r="138524" spans="8:8">
      <c r="H138524" s="12"/>
    </row>
    <row r="138525" spans="8:8">
      <c r="H138525" s="12"/>
    </row>
    <row r="138526" spans="8:8">
      <c r="H138526" s="12"/>
    </row>
    <row r="138527" spans="8:8">
      <c r="H138527" s="12"/>
    </row>
    <row r="138528" spans="8:8">
      <c r="H138528" s="12"/>
    </row>
    <row r="138529" spans="8:8">
      <c r="H138529" s="12"/>
    </row>
    <row r="138530" spans="8:8">
      <c r="H138530" s="12"/>
    </row>
    <row r="138531" spans="8:8">
      <c r="H138531" s="12"/>
    </row>
    <row r="138532" spans="8:8">
      <c r="H138532" s="12"/>
    </row>
    <row r="138533" spans="8:8">
      <c r="H138533" s="12"/>
    </row>
    <row r="138534" spans="8:8">
      <c r="H138534" s="12"/>
    </row>
    <row r="138535" spans="8:8">
      <c r="H138535" s="12"/>
    </row>
    <row r="138536" spans="8:8">
      <c r="H138536" s="12"/>
    </row>
    <row r="138537" spans="8:8">
      <c r="H138537" s="12"/>
    </row>
    <row r="138538" spans="8:8">
      <c r="H138538" s="12"/>
    </row>
    <row r="138539" spans="8:8">
      <c r="H138539" s="12"/>
    </row>
    <row r="138540" spans="8:8">
      <c r="H138540" s="12"/>
    </row>
    <row r="138541" spans="8:8">
      <c r="H138541" s="12"/>
    </row>
    <row r="138542" spans="8:8">
      <c r="H138542" s="12"/>
    </row>
    <row r="138543" spans="8:8">
      <c r="H138543" s="12"/>
    </row>
    <row r="138544" spans="8:8">
      <c r="H138544" s="12"/>
    </row>
    <row r="138545" spans="8:8">
      <c r="H138545" s="12"/>
    </row>
    <row r="138546" spans="8:8">
      <c r="H138546" s="12"/>
    </row>
    <row r="138547" spans="8:8">
      <c r="H138547" s="12"/>
    </row>
    <row r="138548" spans="8:8">
      <c r="H138548" s="12"/>
    </row>
    <row r="138549" spans="8:8">
      <c r="H138549" s="12"/>
    </row>
    <row r="138550" spans="8:8">
      <c r="H138550" s="12"/>
    </row>
    <row r="138551" spans="8:8">
      <c r="H138551" s="12"/>
    </row>
    <row r="138552" spans="8:8">
      <c r="H138552" s="12"/>
    </row>
    <row r="138553" spans="8:8">
      <c r="H138553" s="12"/>
    </row>
    <row r="138554" spans="8:8">
      <c r="H138554" s="12"/>
    </row>
    <row r="138555" spans="8:8">
      <c r="H138555" s="12"/>
    </row>
    <row r="138556" spans="8:8">
      <c r="H138556" s="12"/>
    </row>
    <row r="138557" spans="8:8">
      <c r="H138557" s="12"/>
    </row>
    <row r="138558" spans="8:8">
      <c r="H138558" s="12"/>
    </row>
    <row r="138559" spans="8:8">
      <c r="H138559" s="12"/>
    </row>
    <row r="138560" spans="8:8">
      <c r="H138560" s="12"/>
    </row>
    <row r="138561" spans="8:8">
      <c r="H138561" s="12"/>
    </row>
    <row r="138562" spans="8:8">
      <c r="H138562" s="12"/>
    </row>
    <row r="138563" spans="8:8">
      <c r="H138563" s="12"/>
    </row>
    <row r="138564" spans="8:8">
      <c r="H138564" s="12"/>
    </row>
    <row r="138565" spans="8:8">
      <c r="H138565" s="12"/>
    </row>
    <row r="138566" spans="8:8">
      <c r="H138566" s="12"/>
    </row>
    <row r="138567" spans="8:8">
      <c r="H138567" s="12"/>
    </row>
    <row r="138568" spans="8:8">
      <c r="H138568" s="12"/>
    </row>
    <row r="138569" spans="8:8">
      <c r="H138569" s="12"/>
    </row>
    <row r="138570" spans="8:8">
      <c r="H138570" s="12"/>
    </row>
    <row r="138571" spans="8:8">
      <c r="H138571" s="12"/>
    </row>
    <row r="138572" spans="8:8">
      <c r="H138572" s="12"/>
    </row>
    <row r="138573" spans="8:8">
      <c r="H138573" s="12"/>
    </row>
    <row r="138574" spans="8:8">
      <c r="H138574" s="12"/>
    </row>
    <row r="138575" spans="8:8">
      <c r="H138575" s="12"/>
    </row>
    <row r="138576" spans="8:8">
      <c r="H138576" s="12"/>
    </row>
    <row r="138577" spans="8:8">
      <c r="H138577" s="12"/>
    </row>
    <row r="138578" spans="8:8">
      <c r="H138578" s="12"/>
    </row>
    <row r="138579" spans="8:8">
      <c r="H138579" s="12"/>
    </row>
    <row r="138580" spans="8:8">
      <c r="H138580" s="12"/>
    </row>
    <row r="138581" spans="8:8">
      <c r="H138581" s="12"/>
    </row>
    <row r="138582" spans="8:8">
      <c r="H138582" s="12"/>
    </row>
    <row r="138583" spans="8:8">
      <c r="H138583" s="12"/>
    </row>
    <row r="138584" spans="8:8">
      <c r="H138584" s="12"/>
    </row>
    <row r="138585" spans="8:8">
      <c r="H138585" s="12"/>
    </row>
    <row r="138586" spans="8:8">
      <c r="H138586" s="12"/>
    </row>
    <row r="138587" spans="8:8">
      <c r="H138587" s="12"/>
    </row>
    <row r="138588" spans="8:8">
      <c r="H138588" s="12"/>
    </row>
    <row r="138589" spans="8:8">
      <c r="H138589" s="12"/>
    </row>
    <row r="138590" spans="8:8">
      <c r="H138590" s="12"/>
    </row>
    <row r="138591" spans="8:8">
      <c r="H138591" s="12"/>
    </row>
    <row r="138592" spans="8:8">
      <c r="H138592" s="12"/>
    </row>
    <row r="138593" spans="8:8">
      <c r="H138593" s="12"/>
    </row>
    <row r="138594" spans="8:8">
      <c r="H138594" s="12"/>
    </row>
    <row r="138595" spans="8:8">
      <c r="H138595" s="12"/>
    </row>
    <row r="138596" spans="8:8">
      <c r="H138596" s="12"/>
    </row>
    <row r="138597" spans="8:8">
      <c r="H138597" s="12"/>
    </row>
    <row r="138598" spans="8:8">
      <c r="H138598" s="12"/>
    </row>
    <row r="138599" spans="8:8">
      <c r="H138599" s="12"/>
    </row>
    <row r="138600" spans="8:8">
      <c r="H138600" s="12"/>
    </row>
    <row r="138601" spans="8:8">
      <c r="H138601" s="12"/>
    </row>
    <row r="138602" spans="8:8">
      <c r="H138602" s="12"/>
    </row>
    <row r="138603" spans="8:8">
      <c r="H138603" s="12"/>
    </row>
    <row r="138604" spans="8:8">
      <c r="H138604" s="12"/>
    </row>
    <row r="138605" spans="8:8">
      <c r="H138605" s="12"/>
    </row>
    <row r="138606" spans="8:8">
      <c r="H138606" s="12"/>
    </row>
    <row r="138607" spans="8:8">
      <c r="H138607" s="12"/>
    </row>
    <row r="138608" spans="8:8">
      <c r="H138608" s="12"/>
    </row>
    <row r="138609" spans="8:8">
      <c r="H138609" s="12"/>
    </row>
    <row r="138610" spans="8:8">
      <c r="H138610" s="12"/>
    </row>
    <row r="138611" spans="8:8">
      <c r="H138611" s="12"/>
    </row>
    <row r="138612" spans="8:8">
      <c r="H138612" s="12"/>
    </row>
    <row r="138613" spans="8:8">
      <c r="H138613" s="12"/>
    </row>
    <row r="138614" spans="8:8">
      <c r="H138614" s="12"/>
    </row>
    <row r="138615" spans="8:8">
      <c r="H138615" s="12"/>
    </row>
    <row r="138616" spans="8:8">
      <c r="H138616" s="12"/>
    </row>
    <row r="138617" spans="8:8">
      <c r="H138617" s="12"/>
    </row>
    <row r="138618" spans="8:8">
      <c r="H138618" s="12"/>
    </row>
    <row r="138619" spans="8:8">
      <c r="H138619" s="12"/>
    </row>
    <row r="138620" spans="8:8">
      <c r="H138620" s="12"/>
    </row>
    <row r="138621" spans="8:8">
      <c r="H138621" s="12"/>
    </row>
    <row r="138622" spans="8:8">
      <c r="H138622" s="12"/>
    </row>
    <row r="138623" spans="8:8">
      <c r="H138623" s="12"/>
    </row>
    <row r="138624" spans="8:8">
      <c r="H138624" s="12"/>
    </row>
    <row r="138625" spans="8:8">
      <c r="H138625" s="12"/>
    </row>
    <row r="138626" spans="8:8">
      <c r="H138626" s="12"/>
    </row>
    <row r="138627" spans="8:8">
      <c r="H138627" s="12"/>
    </row>
    <row r="138628" spans="8:8">
      <c r="H138628" s="12"/>
    </row>
    <row r="138629" spans="8:8">
      <c r="H138629" s="12"/>
    </row>
    <row r="138630" spans="8:8">
      <c r="H138630" s="12"/>
    </row>
    <row r="138631" spans="8:8">
      <c r="H138631" s="12"/>
    </row>
    <row r="138632" spans="8:8">
      <c r="H138632" s="12"/>
    </row>
    <row r="138633" spans="8:8">
      <c r="H138633" s="12"/>
    </row>
    <row r="138634" spans="8:8">
      <c r="H138634" s="12"/>
    </row>
    <row r="138635" spans="8:8">
      <c r="H138635" s="12"/>
    </row>
    <row r="138636" spans="8:8">
      <c r="H138636" s="12"/>
    </row>
    <row r="138637" spans="8:8">
      <c r="H138637" s="12"/>
    </row>
    <row r="138638" spans="8:8">
      <c r="H138638" s="12"/>
    </row>
    <row r="138639" spans="8:8">
      <c r="H138639" s="12"/>
    </row>
    <row r="138640" spans="8:8">
      <c r="H138640" s="12"/>
    </row>
    <row r="138641" spans="8:8">
      <c r="H138641" s="12"/>
    </row>
    <row r="138642" spans="8:8">
      <c r="H138642" s="12"/>
    </row>
    <row r="138643" spans="8:8">
      <c r="H138643" s="12"/>
    </row>
    <row r="138644" spans="8:8">
      <c r="H138644" s="12"/>
    </row>
    <row r="138645" spans="8:8">
      <c r="H138645" s="12"/>
    </row>
    <row r="138646" spans="8:8">
      <c r="H138646" s="12"/>
    </row>
    <row r="138647" spans="8:8">
      <c r="H138647" s="12"/>
    </row>
    <row r="138648" spans="8:8">
      <c r="H138648" s="12"/>
    </row>
    <row r="138649" spans="8:8">
      <c r="H138649" s="12"/>
    </row>
    <row r="138650" spans="8:8">
      <c r="H138650" s="12"/>
    </row>
    <row r="138651" spans="8:8">
      <c r="H138651" s="12"/>
    </row>
    <row r="138652" spans="8:8">
      <c r="H138652" s="12"/>
    </row>
    <row r="138653" spans="8:8">
      <c r="H138653" s="12"/>
    </row>
    <row r="138654" spans="8:8">
      <c r="H138654" s="12"/>
    </row>
    <row r="138655" spans="8:8">
      <c r="H138655" s="12"/>
    </row>
    <row r="138656" spans="8:8">
      <c r="H138656" s="12"/>
    </row>
    <row r="138657" spans="8:8">
      <c r="H138657" s="12"/>
    </row>
    <row r="138658" spans="8:8">
      <c r="H138658" s="12"/>
    </row>
    <row r="138659" spans="8:8">
      <c r="H138659" s="12"/>
    </row>
    <row r="138660" spans="8:8">
      <c r="H138660" s="12"/>
    </row>
    <row r="138661" spans="8:8">
      <c r="H138661" s="12"/>
    </row>
    <row r="138662" spans="8:8">
      <c r="H138662" s="12"/>
    </row>
    <row r="138663" spans="8:8">
      <c r="H138663" s="12"/>
    </row>
    <row r="138664" spans="8:8">
      <c r="H138664" s="12"/>
    </row>
    <row r="138665" spans="8:8">
      <c r="H138665" s="12"/>
    </row>
    <row r="138666" spans="8:8">
      <c r="H138666" s="12"/>
    </row>
    <row r="138667" spans="8:8">
      <c r="H138667" s="12"/>
    </row>
    <row r="138668" spans="8:8">
      <c r="H138668" s="12"/>
    </row>
    <row r="138669" spans="8:8">
      <c r="H138669" s="12"/>
    </row>
    <row r="138670" spans="8:8">
      <c r="H138670" s="12"/>
    </row>
    <row r="138671" spans="8:8">
      <c r="H138671" s="12"/>
    </row>
    <row r="138672" spans="8:8">
      <c r="H138672" s="12"/>
    </row>
    <row r="138673" spans="8:8">
      <c r="H138673" s="12"/>
    </row>
    <row r="138674" spans="8:8">
      <c r="H138674" s="12"/>
    </row>
    <row r="138675" spans="8:8">
      <c r="H138675" s="12"/>
    </row>
    <row r="138676" spans="8:8">
      <c r="H138676" s="12"/>
    </row>
    <row r="138677" spans="8:8">
      <c r="H138677" s="12"/>
    </row>
    <row r="138678" spans="8:8">
      <c r="H138678" s="12"/>
    </row>
    <row r="138679" spans="8:8">
      <c r="H138679" s="12"/>
    </row>
    <row r="138680" spans="8:8">
      <c r="H138680" s="12"/>
    </row>
    <row r="138681" spans="8:8">
      <c r="H138681" s="12"/>
    </row>
    <row r="138682" spans="8:8">
      <c r="H138682" s="12"/>
    </row>
    <row r="138683" spans="8:8">
      <c r="H138683" s="12"/>
    </row>
    <row r="138684" spans="8:8">
      <c r="H138684" s="12"/>
    </row>
    <row r="138685" spans="8:8">
      <c r="H138685" s="12"/>
    </row>
    <row r="138686" spans="8:8">
      <c r="H138686" s="12"/>
    </row>
    <row r="138687" spans="8:8">
      <c r="H138687" s="12"/>
    </row>
    <row r="138688" spans="8:8">
      <c r="H138688" s="12"/>
    </row>
    <row r="138689" spans="8:8">
      <c r="H138689" s="12"/>
    </row>
    <row r="138690" spans="8:8">
      <c r="H138690" s="12"/>
    </row>
    <row r="138691" spans="8:8">
      <c r="H138691" s="12"/>
    </row>
    <row r="138692" spans="8:8">
      <c r="H138692" s="12"/>
    </row>
    <row r="138693" spans="8:8">
      <c r="H138693" s="12"/>
    </row>
    <row r="138694" spans="8:8">
      <c r="H138694" s="12"/>
    </row>
    <row r="138695" spans="8:8">
      <c r="H138695" s="12"/>
    </row>
    <row r="138696" spans="8:8">
      <c r="H138696" s="12"/>
    </row>
    <row r="138697" spans="8:8">
      <c r="H138697" s="12"/>
    </row>
    <row r="138698" spans="8:8">
      <c r="H138698" s="12"/>
    </row>
    <row r="138699" spans="8:8">
      <c r="H138699" s="12"/>
    </row>
    <row r="138700" spans="8:8">
      <c r="H138700" s="12"/>
    </row>
    <row r="138701" spans="8:8">
      <c r="H138701" s="12"/>
    </row>
    <row r="138702" spans="8:8">
      <c r="H138702" s="12"/>
    </row>
    <row r="138703" spans="8:8">
      <c r="H138703" s="12"/>
    </row>
    <row r="138704" spans="8:8">
      <c r="H138704" s="12"/>
    </row>
    <row r="138705" spans="8:8">
      <c r="H138705" s="12"/>
    </row>
    <row r="138706" spans="8:8">
      <c r="H138706" s="12"/>
    </row>
    <row r="138707" spans="8:8">
      <c r="H138707" s="12"/>
    </row>
    <row r="138708" spans="8:8">
      <c r="H138708" s="12"/>
    </row>
    <row r="138709" spans="8:8">
      <c r="H138709" s="12"/>
    </row>
    <row r="138710" spans="8:8">
      <c r="H138710" s="12"/>
    </row>
    <row r="138711" spans="8:8">
      <c r="H138711" s="12"/>
    </row>
    <row r="138712" spans="8:8">
      <c r="H138712" s="12"/>
    </row>
    <row r="138713" spans="8:8">
      <c r="H138713" s="12"/>
    </row>
    <row r="138714" spans="8:8">
      <c r="H138714" s="12"/>
    </row>
    <row r="138715" spans="8:8">
      <c r="H138715" s="12"/>
    </row>
    <row r="138716" spans="8:8">
      <c r="H138716" s="12"/>
    </row>
    <row r="138717" spans="8:8">
      <c r="H138717" s="12"/>
    </row>
    <row r="138718" spans="8:8">
      <c r="H138718" s="12"/>
    </row>
    <row r="138719" spans="8:8">
      <c r="H138719" s="12"/>
    </row>
    <row r="138720" spans="8:8">
      <c r="H138720" s="12"/>
    </row>
    <row r="138721" spans="8:8">
      <c r="H138721" s="12"/>
    </row>
    <row r="138722" spans="8:8">
      <c r="H138722" s="12"/>
    </row>
    <row r="138723" spans="8:8">
      <c r="H138723" s="12"/>
    </row>
    <row r="138724" spans="8:8">
      <c r="H138724" s="12"/>
    </row>
    <row r="138725" spans="8:8">
      <c r="H138725" s="12"/>
    </row>
    <row r="138726" spans="8:8">
      <c r="H138726" s="12"/>
    </row>
    <row r="138727" spans="8:8">
      <c r="H138727" s="12"/>
    </row>
    <row r="138728" spans="8:8">
      <c r="H138728" s="12"/>
    </row>
    <row r="138729" spans="8:8">
      <c r="H138729" s="12"/>
    </row>
    <row r="138730" spans="8:8">
      <c r="H138730" s="12"/>
    </row>
    <row r="138731" spans="8:8">
      <c r="H138731" s="12"/>
    </row>
    <row r="138732" spans="8:8">
      <c r="H138732" s="12"/>
    </row>
    <row r="138733" spans="8:8">
      <c r="H138733" s="12"/>
    </row>
    <row r="138734" spans="8:8">
      <c r="H138734" s="12"/>
    </row>
    <row r="138735" spans="8:8">
      <c r="H138735" s="12"/>
    </row>
    <row r="138736" spans="8:8">
      <c r="H138736" s="12"/>
    </row>
    <row r="138737" spans="8:8">
      <c r="H138737" s="12"/>
    </row>
    <row r="138738" spans="8:8">
      <c r="H138738" s="12"/>
    </row>
    <row r="138739" spans="8:8">
      <c r="H138739" s="12"/>
    </row>
    <row r="138740" spans="8:8">
      <c r="H138740" s="12"/>
    </row>
    <row r="138741" spans="8:8">
      <c r="H138741" s="12"/>
    </row>
    <row r="138742" spans="8:8">
      <c r="H138742" s="12"/>
    </row>
    <row r="138743" spans="8:8">
      <c r="H138743" s="12"/>
    </row>
    <row r="138744" spans="8:8">
      <c r="H138744" s="12"/>
    </row>
    <row r="138745" spans="8:8">
      <c r="H138745" s="12"/>
    </row>
    <row r="138746" spans="8:8">
      <c r="H138746" s="12"/>
    </row>
    <row r="138747" spans="8:8">
      <c r="H138747" s="12"/>
    </row>
    <row r="138748" spans="8:8">
      <c r="H138748" s="12"/>
    </row>
    <row r="138749" spans="8:8">
      <c r="H138749" s="12"/>
    </row>
    <row r="138750" spans="8:8">
      <c r="H138750" s="12"/>
    </row>
    <row r="138751" spans="8:8">
      <c r="H138751" s="12"/>
    </row>
    <row r="138752" spans="8:8">
      <c r="H138752" s="12"/>
    </row>
    <row r="138753" spans="8:8">
      <c r="H138753" s="12"/>
    </row>
    <row r="138754" spans="8:8">
      <c r="H138754" s="12"/>
    </row>
    <row r="138755" spans="8:8">
      <c r="H138755" s="12"/>
    </row>
    <row r="138756" spans="8:8">
      <c r="H138756" s="12"/>
    </row>
    <row r="138757" spans="8:8">
      <c r="H138757" s="12"/>
    </row>
    <row r="138758" spans="8:8">
      <c r="H138758" s="12"/>
    </row>
    <row r="138759" spans="8:8">
      <c r="H138759" s="12"/>
    </row>
    <row r="138760" spans="8:8">
      <c r="H138760" s="12"/>
    </row>
    <row r="138761" spans="8:8">
      <c r="H138761" s="12"/>
    </row>
    <row r="138762" spans="8:8">
      <c r="H138762" s="12"/>
    </row>
    <row r="138763" spans="8:8">
      <c r="H138763" s="12"/>
    </row>
    <row r="138764" spans="8:8">
      <c r="H138764" s="12"/>
    </row>
    <row r="138765" spans="8:8">
      <c r="H138765" s="12"/>
    </row>
    <row r="138766" spans="8:8">
      <c r="H138766" s="12"/>
    </row>
    <row r="138767" spans="8:8">
      <c r="H138767" s="12"/>
    </row>
    <row r="138768" spans="8:8">
      <c r="H138768" s="12"/>
    </row>
    <row r="138769" spans="8:8">
      <c r="H138769" s="12"/>
    </row>
    <row r="138770" spans="8:8">
      <c r="H138770" s="12"/>
    </row>
    <row r="138771" spans="8:8">
      <c r="H138771" s="12"/>
    </row>
    <row r="138772" spans="8:8">
      <c r="H138772" s="12"/>
    </row>
    <row r="138773" spans="8:8">
      <c r="H138773" s="12"/>
    </row>
    <row r="138774" spans="8:8">
      <c r="H138774" s="12"/>
    </row>
    <row r="138775" spans="8:8">
      <c r="H138775" s="12"/>
    </row>
    <row r="138776" spans="8:8">
      <c r="H138776" s="12"/>
    </row>
    <row r="138777" spans="8:8">
      <c r="H138777" s="12"/>
    </row>
    <row r="138778" spans="8:8">
      <c r="H138778" s="12"/>
    </row>
    <row r="138779" spans="8:8">
      <c r="H138779" s="12"/>
    </row>
    <row r="138780" spans="8:8">
      <c r="H138780" s="12"/>
    </row>
    <row r="138781" spans="8:8">
      <c r="H138781" s="12"/>
    </row>
    <row r="138782" spans="8:8">
      <c r="H138782" s="12"/>
    </row>
    <row r="138783" spans="8:8">
      <c r="H138783" s="12"/>
    </row>
    <row r="138784" spans="8:8">
      <c r="H138784" s="12"/>
    </row>
    <row r="138785" spans="8:8">
      <c r="H138785" s="12"/>
    </row>
    <row r="138786" spans="8:8">
      <c r="H138786" s="12"/>
    </row>
    <row r="138787" spans="8:8">
      <c r="H138787" s="12"/>
    </row>
    <row r="138788" spans="8:8">
      <c r="H138788" s="12"/>
    </row>
    <row r="138789" spans="8:8">
      <c r="H138789" s="12"/>
    </row>
    <row r="138790" spans="8:8">
      <c r="H138790" s="12"/>
    </row>
    <row r="138791" spans="8:8">
      <c r="H138791" s="12"/>
    </row>
    <row r="138792" spans="8:8">
      <c r="H138792" s="12"/>
    </row>
    <row r="138793" spans="8:8">
      <c r="H138793" s="12"/>
    </row>
    <row r="138794" spans="8:8">
      <c r="H138794" s="12"/>
    </row>
    <row r="138795" spans="8:8">
      <c r="H138795" s="12"/>
    </row>
    <row r="138796" spans="8:8">
      <c r="H138796" s="12"/>
    </row>
    <row r="138797" spans="8:8">
      <c r="H138797" s="12"/>
    </row>
    <row r="138798" spans="8:8">
      <c r="H138798" s="12"/>
    </row>
    <row r="138799" spans="8:8">
      <c r="H138799" s="12"/>
    </row>
    <row r="138800" spans="8:8">
      <c r="H138800" s="12"/>
    </row>
    <row r="138801" spans="8:8">
      <c r="H138801" s="12"/>
    </row>
    <row r="138802" spans="8:8">
      <c r="H138802" s="12"/>
    </row>
    <row r="138803" spans="8:8">
      <c r="H138803" s="12"/>
    </row>
    <row r="138804" spans="8:8">
      <c r="H138804" s="12"/>
    </row>
    <row r="138805" spans="8:8">
      <c r="H138805" s="12"/>
    </row>
    <row r="138806" spans="8:8">
      <c r="H138806" s="12"/>
    </row>
    <row r="138807" spans="8:8">
      <c r="H138807" s="12"/>
    </row>
    <row r="138808" spans="8:8">
      <c r="H138808" s="12"/>
    </row>
    <row r="138809" spans="8:8">
      <c r="H138809" s="12"/>
    </row>
    <row r="138810" spans="8:8">
      <c r="H138810" s="12"/>
    </row>
    <row r="138811" spans="8:8">
      <c r="H138811" s="12"/>
    </row>
    <row r="138812" spans="8:8">
      <c r="H138812" s="12"/>
    </row>
    <row r="138813" spans="8:8">
      <c r="H138813" s="12"/>
    </row>
    <row r="138814" spans="8:8">
      <c r="H138814" s="12"/>
    </row>
    <row r="138815" spans="8:8">
      <c r="H138815" s="12"/>
    </row>
    <row r="138816" spans="8:8">
      <c r="H138816" s="12"/>
    </row>
    <row r="138817" spans="8:8">
      <c r="H138817" s="12"/>
    </row>
    <row r="138818" spans="8:8">
      <c r="H138818" s="12"/>
    </row>
    <row r="138819" spans="8:8">
      <c r="H138819" s="12"/>
    </row>
    <row r="138820" spans="8:8">
      <c r="H138820" s="12"/>
    </row>
    <row r="138821" spans="8:8">
      <c r="H138821" s="12"/>
    </row>
    <row r="138822" spans="8:8">
      <c r="H138822" s="12"/>
    </row>
    <row r="138823" spans="8:8">
      <c r="H138823" s="12"/>
    </row>
    <row r="138824" spans="8:8">
      <c r="H138824" s="12"/>
    </row>
    <row r="138825" spans="8:8">
      <c r="H138825" s="12"/>
    </row>
    <row r="138826" spans="8:8">
      <c r="H138826" s="12"/>
    </row>
    <row r="138827" spans="8:8">
      <c r="H138827" s="12"/>
    </row>
    <row r="138828" spans="8:8">
      <c r="H138828" s="12"/>
    </row>
    <row r="138829" spans="8:8">
      <c r="H138829" s="12"/>
    </row>
    <row r="138830" spans="8:8">
      <c r="H138830" s="12"/>
    </row>
    <row r="138831" spans="8:8">
      <c r="H138831" s="12"/>
    </row>
    <row r="138832" spans="8:8">
      <c r="H138832" s="12"/>
    </row>
    <row r="138833" spans="8:8">
      <c r="H138833" s="12"/>
    </row>
    <row r="138834" spans="8:8">
      <c r="H138834" s="12"/>
    </row>
    <row r="138835" spans="8:8">
      <c r="H138835" s="12"/>
    </row>
    <row r="138836" spans="8:8">
      <c r="H138836" s="12"/>
    </row>
    <row r="138837" spans="8:8">
      <c r="H138837" s="12"/>
    </row>
    <row r="138838" spans="8:8">
      <c r="H138838" s="12"/>
    </row>
    <row r="138839" spans="8:8">
      <c r="H138839" s="12"/>
    </row>
    <row r="138840" spans="8:8">
      <c r="H138840" s="12"/>
    </row>
    <row r="138841" spans="8:8">
      <c r="H138841" s="12"/>
    </row>
    <row r="138842" spans="8:8">
      <c r="H138842" s="12"/>
    </row>
    <row r="138843" spans="8:8">
      <c r="H138843" s="12"/>
    </row>
    <row r="138844" spans="8:8">
      <c r="H138844" s="12"/>
    </row>
    <row r="138845" spans="8:8">
      <c r="H138845" s="12"/>
    </row>
    <row r="138846" spans="8:8">
      <c r="H138846" s="12"/>
    </row>
    <row r="138847" spans="8:8">
      <c r="H138847" s="12"/>
    </row>
    <row r="138848" spans="8:8">
      <c r="H138848" s="12"/>
    </row>
    <row r="138849" spans="8:8">
      <c r="H138849" s="12"/>
    </row>
    <row r="138850" spans="8:8">
      <c r="H138850" s="12"/>
    </row>
    <row r="138851" spans="8:8">
      <c r="H138851" s="12"/>
    </row>
    <row r="138852" spans="8:8">
      <c r="H138852" s="12"/>
    </row>
    <row r="138853" spans="8:8">
      <c r="H138853" s="12"/>
    </row>
    <row r="138854" spans="8:8">
      <c r="H138854" s="12"/>
    </row>
    <row r="138855" spans="8:8">
      <c r="H138855" s="12"/>
    </row>
    <row r="138856" spans="8:8">
      <c r="H138856" s="12"/>
    </row>
    <row r="138857" spans="8:8">
      <c r="H138857" s="12"/>
    </row>
    <row r="138858" spans="8:8">
      <c r="H138858" s="12"/>
    </row>
    <row r="138859" spans="8:8">
      <c r="H138859" s="12"/>
    </row>
    <row r="138860" spans="8:8">
      <c r="H138860" s="12"/>
    </row>
    <row r="138861" spans="8:8">
      <c r="H138861" s="12"/>
    </row>
    <row r="138862" spans="8:8">
      <c r="H138862" s="12"/>
    </row>
    <row r="138863" spans="8:8">
      <c r="H138863" s="12"/>
    </row>
    <row r="138864" spans="8:8">
      <c r="H138864" s="12"/>
    </row>
    <row r="138865" spans="8:8">
      <c r="H138865" s="12"/>
    </row>
    <row r="138866" spans="8:8">
      <c r="H138866" s="12"/>
    </row>
    <row r="138867" spans="8:8">
      <c r="H138867" s="12"/>
    </row>
    <row r="138868" spans="8:8">
      <c r="H138868" s="12"/>
    </row>
    <row r="138869" spans="8:8">
      <c r="H138869" s="12"/>
    </row>
    <row r="138870" spans="8:8">
      <c r="H138870" s="12"/>
    </row>
    <row r="138871" spans="8:8">
      <c r="H138871" s="12"/>
    </row>
    <row r="138872" spans="8:8">
      <c r="H138872" s="12"/>
    </row>
    <row r="138873" spans="8:8">
      <c r="H138873" s="12"/>
    </row>
    <row r="138874" spans="8:8">
      <c r="H138874" s="12"/>
    </row>
    <row r="138875" spans="8:8">
      <c r="H138875" s="12"/>
    </row>
    <row r="138876" spans="8:8">
      <c r="H138876" s="12"/>
    </row>
    <row r="138877" spans="8:8">
      <c r="H138877" s="12"/>
    </row>
    <row r="138878" spans="8:8">
      <c r="H138878" s="12"/>
    </row>
    <row r="138879" spans="8:8">
      <c r="H138879" s="12"/>
    </row>
    <row r="138880" spans="8:8">
      <c r="H138880" s="12"/>
    </row>
    <row r="138881" spans="8:8">
      <c r="H138881" s="12"/>
    </row>
    <row r="138882" spans="8:8">
      <c r="H138882" s="12"/>
    </row>
    <row r="138883" spans="8:8">
      <c r="H138883" s="12"/>
    </row>
    <row r="138884" spans="8:8">
      <c r="H138884" s="12"/>
    </row>
    <row r="138885" spans="8:8">
      <c r="H138885" s="12"/>
    </row>
    <row r="138886" spans="8:8">
      <c r="H138886" s="12"/>
    </row>
    <row r="138887" spans="8:8">
      <c r="H138887" s="12"/>
    </row>
    <row r="138888" spans="8:8">
      <c r="H138888" s="12"/>
    </row>
    <row r="138889" spans="8:8">
      <c r="H138889" s="12"/>
    </row>
    <row r="138890" spans="8:8">
      <c r="H138890" s="12"/>
    </row>
    <row r="138891" spans="8:8">
      <c r="H138891" s="12"/>
    </row>
    <row r="138892" spans="8:8">
      <c r="H138892" s="12"/>
    </row>
    <row r="138893" spans="8:8">
      <c r="H138893" s="12"/>
    </row>
    <row r="138894" spans="8:8">
      <c r="H138894" s="12"/>
    </row>
    <row r="138895" spans="8:8">
      <c r="H138895" s="12"/>
    </row>
    <row r="138896" spans="8:8">
      <c r="H138896" s="12"/>
    </row>
    <row r="138897" spans="8:8">
      <c r="H138897" s="12"/>
    </row>
    <row r="138898" spans="8:8">
      <c r="H138898" s="12"/>
    </row>
    <row r="138899" spans="8:8">
      <c r="H138899" s="12"/>
    </row>
    <row r="138900" spans="8:8">
      <c r="H138900" s="12"/>
    </row>
    <row r="138901" spans="8:8">
      <c r="H138901" s="12"/>
    </row>
    <row r="138902" spans="8:8">
      <c r="H138902" s="12"/>
    </row>
    <row r="138903" spans="8:8">
      <c r="H138903" s="12"/>
    </row>
    <row r="138904" spans="8:8">
      <c r="H138904" s="12"/>
    </row>
    <row r="138905" spans="8:8">
      <c r="H138905" s="12"/>
    </row>
    <row r="138906" spans="8:8">
      <c r="H138906" s="12"/>
    </row>
    <row r="138907" spans="8:8">
      <c r="H138907" s="12"/>
    </row>
    <row r="138908" spans="8:8">
      <c r="H138908" s="12"/>
    </row>
    <row r="138909" spans="8:8">
      <c r="H138909" s="12"/>
    </row>
    <row r="138910" spans="8:8">
      <c r="H138910" s="12"/>
    </row>
    <row r="138911" spans="8:8">
      <c r="H138911" s="12"/>
    </row>
    <row r="138912" spans="8:8">
      <c r="H138912" s="12"/>
    </row>
    <row r="138913" spans="8:8">
      <c r="H138913" s="12"/>
    </row>
    <row r="138914" spans="8:8">
      <c r="H138914" s="12"/>
    </row>
    <row r="138915" spans="8:8">
      <c r="H138915" s="12"/>
    </row>
    <row r="138916" spans="8:8">
      <c r="H138916" s="12"/>
    </row>
    <row r="138917" spans="8:8">
      <c r="H138917" s="12"/>
    </row>
    <row r="138918" spans="8:8">
      <c r="H138918" s="12"/>
    </row>
    <row r="138919" spans="8:8">
      <c r="H138919" s="12"/>
    </row>
    <row r="138920" spans="8:8">
      <c r="H138920" s="12"/>
    </row>
    <row r="138921" spans="8:8">
      <c r="H138921" s="12"/>
    </row>
    <row r="138922" spans="8:8">
      <c r="H138922" s="12"/>
    </row>
    <row r="138923" spans="8:8">
      <c r="H138923" s="12"/>
    </row>
    <row r="138924" spans="8:8">
      <c r="H138924" s="12"/>
    </row>
    <row r="138925" spans="8:8">
      <c r="H138925" s="12"/>
    </row>
    <row r="138926" spans="8:8">
      <c r="H138926" s="12"/>
    </row>
    <row r="138927" spans="8:8">
      <c r="H138927" s="12"/>
    </row>
    <row r="138928" spans="8:8">
      <c r="H138928" s="12"/>
    </row>
    <row r="138929" spans="8:8">
      <c r="H138929" s="12"/>
    </row>
    <row r="138930" spans="8:8">
      <c r="H138930" s="12"/>
    </row>
    <row r="138931" spans="8:8">
      <c r="H138931" s="12"/>
    </row>
    <row r="138932" spans="8:8">
      <c r="H138932" s="12"/>
    </row>
    <row r="138933" spans="8:8">
      <c r="H138933" s="12"/>
    </row>
    <row r="138934" spans="8:8">
      <c r="H138934" s="12"/>
    </row>
    <row r="138935" spans="8:8">
      <c r="H138935" s="12"/>
    </row>
    <row r="138936" spans="8:8">
      <c r="H138936" s="12"/>
    </row>
    <row r="138937" spans="8:8">
      <c r="H138937" s="12"/>
    </row>
    <row r="138938" spans="8:8">
      <c r="H138938" s="12"/>
    </row>
    <row r="138939" spans="8:8">
      <c r="H138939" s="12"/>
    </row>
    <row r="138940" spans="8:8">
      <c r="H138940" s="12"/>
    </row>
    <row r="138941" spans="8:8">
      <c r="H138941" s="12"/>
    </row>
    <row r="138942" spans="8:8">
      <c r="H138942" s="12"/>
    </row>
    <row r="138943" spans="8:8">
      <c r="H138943" s="12"/>
    </row>
    <row r="138944" spans="8:8">
      <c r="H138944" s="12"/>
    </row>
    <row r="138945" spans="8:8">
      <c r="H138945" s="12"/>
    </row>
    <row r="138946" spans="8:8">
      <c r="H138946" s="12"/>
    </row>
    <row r="138947" spans="8:8">
      <c r="H138947" s="12"/>
    </row>
    <row r="138948" spans="8:8">
      <c r="H138948" s="12"/>
    </row>
    <row r="138949" spans="8:8">
      <c r="H138949" s="12"/>
    </row>
    <row r="138950" spans="8:8">
      <c r="H138950" s="12"/>
    </row>
    <row r="138951" spans="8:8">
      <c r="H138951" s="12"/>
    </row>
    <row r="138952" spans="8:8">
      <c r="H138952" s="12"/>
    </row>
    <row r="138953" spans="8:8">
      <c r="H138953" s="12"/>
    </row>
    <row r="138954" spans="8:8">
      <c r="H138954" s="12"/>
    </row>
    <row r="138955" spans="8:8">
      <c r="H138955" s="12"/>
    </row>
    <row r="138956" spans="8:8">
      <c r="H138956" s="12"/>
    </row>
    <row r="138957" spans="8:8">
      <c r="H138957" s="12"/>
    </row>
    <row r="138958" spans="8:8">
      <c r="H138958" s="12"/>
    </row>
    <row r="138959" spans="8:8">
      <c r="H138959" s="12"/>
    </row>
    <row r="138960" spans="8:8">
      <c r="H138960" s="12"/>
    </row>
    <row r="138961" spans="8:8">
      <c r="H138961" s="12"/>
    </row>
    <row r="138962" spans="8:8">
      <c r="H138962" s="12"/>
    </row>
    <row r="138963" spans="8:8">
      <c r="H138963" s="12"/>
    </row>
    <row r="138964" spans="8:8">
      <c r="H138964" s="12"/>
    </row>
    <row r="138965" spans="8:8">
      <c r="H138965" s="12"/>
    </row>
    <row r="138966" spans="8:8">
      <c r="H138966" s="12"/>
    </row>
    <row r="138967" spans="8:8">
      <c r="H138967" s="12"/>
    </row>
    <row r="138968" spans="8:8">
      <c r="H138968" s="12"/>
    </row>
    <row r="138969" spans="8:8">
      <c r="H138969" s="12"/>
    </row>
    <row r="138970" spans="8:8">
      <c r="H138970" s="12"/>
    </row>
    <row r="138971" spans="8:8">
      <c r="H138971" s="12"/>
    </row>
    <row r="138972" spans="8:8">
      <c r="H138972" s="12"/>
    </row>
    <row r="138973" spans="8:8">
      <c r="H138973" s="12"/>
    </row>
    <row r="138974" spans="8:8">
      <c r="H138974" s="12"/>
    </row>
    <row r="138975" spans="8:8">
      <c r="H138975" s="12"/>
    </row>
    <row r="138976" spans="8:8">
      <c r="H138976" s="12"/>
    </row>
    <row r="138977" spans="8:8">
      <c r="H138977" s="12"/>
    </row>
    <row r="138978" spans="8:8">
      <c r="H138978" s="12"/>
    </row>
    <row r="138979" spans="8:8">
      <c r="H138979" s="12"/>
    </row>
    <row r="138980" spans="8:8">
      <c r="H138980" s="12"/>
    </row>
    <row r="138981" spans="8:8">
      <c r="H138981" s="12"/>
    </row>
    <row r="138982" spans="8:8">
      <c r="H138982" s="12"/>
    </row>
    <row r="138983" spans="8:8">
      <c r="H138983" s="12"/>
    </row>
    <row r="138984" spans="8:8">
      <c r="H138984" s="12"/>
    </row>
    <row r="138985" spans="8:8">
      <c r="H138985" s="12"/>
    </row>
    <row r="138986" spans="8:8">
      <c r="H138986" s="12"/>
    </row>
    <row r="138987" spans="8:8">
      <c r="H138987" s="12"/>
    </row>
    <row r="138988" spans="8:8">
      <c r="H138988" s="12"/>
    </row>
    <row r="138989" spans="8:8">
      <c r="H138989" s="12"/>
    </row>
    <row r="138990" spans="8:8">
      <c r="H138990" s="12"/>
    </row>
    <row r="138991" spans="8:8">
      <c r="H138991" s="12"/>
    </row>
    <row r="138992" spans="8:8">
      <c r="H138992" s="12"/>
    </row>
    <row r="138993" spans="8:8">
      <c r="H138993" s="12"/>
    </row>
    <row r="138994" spans="8:8">
      <c r="H138994" s="12"/>
    </row>
    <row r="138995" spans="8:8">
      <c r="H138995" s="12"/>
    </row>
    <row r="138996" spans="8:8">
      <c r="H138996" s="12"/>
    </row>
    <row r="138997" spans="8:8">
      <c r="H138997" s="12"/>
    </row>
    <row r="138998" spans="8:8">
      <c r="H138998" s="12"/>
    </row>
    <row r="138999" spans="8:8">
      <c r="H138999" s="12"/>
    </row>
    <row r="139000" spans="8:8">
      <c r="H139000" s="12"/>
    </row>
    <row r="139001" spans="8:8">
      <c r="H139001" s="12"/>
    </row>
    <row r="139002" spans="8:8">
      <c r="H139002" s="12"/>
    </row>
    <row r="139003" spans="8:8">
      <c r="H139003" s="12"/>
    </row>
    <row r="139004" spans="8:8">
      <c r="H139004" s="12"/>
    </row>
    <row r="139005" spans="8:8">
      <c r="H139005" s="12"/>
    </row>
    <row r="139006" spans="8:8">
      <c r="H139006" s="12"/>
    </row>
    <row r="139007" spans="8:8">
      <c r="H139007" s="12"/>
    </row>
    <row r="139008" spans="8:8">
      <c r="H139008" s="12"/>
    </row>
    <row r="139009" spans="8:8">
      <c r="H139009" s="12"/>
    </row>
    <row r="139010" spans="8:8">
      <c r="H139010" s="12"/>
    </row>
    <row r="139011" spans="8:8">
      <c r="H139011" s="12"/>
    </row>
    <row r="139012" spans="8:8">
      <c r="H139012" s="12"/>
    </row>
    <row r="139013" spans="8:8">
      <c r="H139013" s="12"/>
    </row>
    <row r="139014" spans="8:8">
      <c r="H139014" s="12"/>
    </row>
    <row r="139015" spans="8:8">
      <c r="H139015" s="12"/>
    </row>
    <row r="139016" spans="8:8">
      <c r="H139016" s="12"/>
    </row>
    <row r="139017" spans="8:8">
      <c r="H139017" s="12"/>
    </row>
    <row r="139018" spans="8:8">
      <c r="H139018" s="12"/>
    </row>
    <row r="139019" spans="8:8">
      <c r="H139019" s="12"/>
    </row>
    <row r="139020" spans="8:8">
      <c r="H139020" s="12"/>
    </row>
    <row r="139021" spans="8:8">
      <c r="H139021" s="12"/>
    </row>
    <row r="139022" spans="8:8">
      <c r="H139022" s="12"/>
    </row>
    <row r="139023" spans="8:8">
      <c r="H139023" s="12"/>
    </row>
    <row r="139024" spans="8:8">
      <c r="H139024" s="12"/>
    </row>
    <row r="139025" spans="8:8">
      <c r="H139025" s="12"/>
    </row>
    <row r="139026" spans="8:8">
      <c r="H139026" s="12"/>
    </row>
    <row r="139027" spans="8:8">
      <c r="H139027" s="12"/>
    </row>
    <row r="139028" spans="8:8">
      <c r="H139028" s="12"/>
    </row>
    <row r="139029" spans="8:8">
      <c r="H139029" s="12"/>
    </row>
    <row r="139030" spans="8:8">
      <c r="H139030" s="12"/>
    </row>
    <row r="139031" spans="8:8">
      <c r="H139031" s="12"/>
    </row>
    <row r="139032" spans="8:8">
      <c r="H139032" s="12"/>
    </row>
    <row r="139033" spans="8:8">
      <c r="H139033" s="12"/>
    </row>
    <row r="139034" spans="8:8">
      <c r="H139034" s="12"/>
    </row>
    <row r="139035" spans="8:8">
      <c r="H139035" s="12"/>
    </row>
    <row r="139036" spans="8:8">
      <c r="H139036" s="12"/>
    </row>
    <row r="139037" spans="8:8">
      <c r="H139037" s="12"/>
    </row>
    <row r="139038" spans="8:8">
      <c r="H139038" s="12"/>
    </row>
    <row r="139039" spans="8:8">
      <c r="H139039" s="12"/>
    </row>
    <row r="139040" spans="8:8">
      <c r="H139040" s="12"/>
    </row>
    <row r="139041" spans="8:8">
      <c r="H139041" s="12"/>
    </row>
    <row r="139042" spans="8:8">
      <c r="H139042" s="12"/>
    </row>
    <row r="139043" spans="8:8">
      <c r="H139043" s="12"/>
    </row>
    <row r="139044" spans="8:8">
      <c r="H139044" s="12"/>
    </row>
    <row r="139045" spans="8:8">
      <c r="H139045" s="12"/>
    </row>
    <row r="139046" spans="8:8">
      <c r="H139046" s="12"/>
    </row>
    <row r="139047" spans="8:8">
      <c r="H139047" s="12"/>
    </row>
    <row r="139048" spans="8:8">
      <c r="H139048" s="12"/>
    </row>
    <row r="139049" spans="8:8">
      <c r="H139049" s="12"/>
    </row>
    <row r="139050" spans="8:8">
      <c r="H139050" s="12"/>
    </row>
    <row r="139051" spans="8:8">
      <c r="H139051" s="12"/>
    </row>
    <row r="139052" spans="8:8">
      <c r="H139052" s="12"/>
    </row>
    <row r="139053" spans="8:8">
      <c r="H139053" s="12"/>
    </row>
    <row r="139054" spans="8:8">
      <c r="H139054" s="12"/>
    </row>
    <row r="139055" spans="8:8">
      <c r="H139055" s="12"/>
    </row>
    <row r="139056" spans="8:8">
      <c r="H139056" s="12"/>
    </row>
    <row r="139057" spans="8:8">
      <c r="H139057" s="12"/>
    </row>
    <row r="139058" spans="8:8">
      <c r="H139058" s="12"/>
    </row>
    <row r="139059" spans="8:8">
      <c r="H139059" s="12"/>
    </row>
    <row r="139060" spans="8:8">
      <c r="H139060" s="12"/>
    </row>
    <row r="139061" spans="8:8">
      <c r="H139061" s="12"/>
    </row>
    <row r="139062" spans="8:8">
      <c r="H139062" s="12"/>
    </row>
    <row r="139063" spans="8:8">
      <c r="H139063" s="12"/>
    </row>
    <row r="139064" spans="8:8">
      <c r="H139064" s="12"/>
    </row>
    <row r="139065" spans="8:8">
      <c r="H139065" s="12"/>
    </row>
    <row r="139066" spans="8:8">
      <c r="H139066" s="12"/>
    </row>
    <row r="139067" spans="8:8">
      <c r="H139067" s="12"/>
    </row>
    <row r="139068" spans="8:8">
      <c r="H139068" s="12"/>
    </row>
    <row r="139069" spans="8:8">
      <c r="H139069" s="12"/>
    </row>
    <row r="139070" spans="8:8">
      <c r="H139070" s="12"/>
    </row>
    <row r="139071" spans="8:8">
      <c r="H139071" s="12"/>
    </row>
    <row r="139072" spans="8:8">
      <c r="H139072" s="12"/>
    </row>
    <row r="139073" spans="8:8">
      <c r="H139073" s="12"/>
    </row>
    <row r="139074" spans="8:8">
      <c r="H139074" s="12"/>
    </row>
    <row r="139075" spans="8:8">
      <c r="H139075" s="12"/>
    </row>
    <row r="139076" spans="8:8">
      <c r="H139076" s="12"/>
    </row>
    <row r="139077" spans="8:8">
      <c r="H139077" s="12"/>
    </row>
    <row r="139078" spans="8:8">
      <c r="H139078" s="12"/>
    </row>
    <row r="139079" spans="8:8">
      <c r="H139079" s="12"/>
    </row>
    <row r="139080" spans="8:8">
      <c r="H139080" s="12"/>
    </row>
    <row r="139081" spans="8:8">
      <c r="H139081" s="12"/>
    </row>
    <row r="139082" spans="8:8">
      <c r="H139082" s="12"/>
    </row>
    <row r="139083" spans="8:8">
      <c r="H139083" s="12"/>
    </row>
    <row r="139084" spans="8:8">
      <c r="H139084" s="12"/>
    </row>
    <row r="139085" spans="8:8">
      <c r="H139085" s="12"/>
    </row>
    <row r="139086" spans="8:8">
      <c r="H139086" s="12"/>
    </row>
    <row r="139087" spans="8:8">
      <c r="H139087" s="12"/>
    </row>
    <row r="139088" spans="8:8">
      <c r="H139088" s="12"/>
    </row>
    <row r="139089" spans="8:8">
      <c r="H139089" s="12"/>
    </row>
    <row r="139090" spans="8:8">
      <c r="H139090" s="12"/>
    </row>
    <row r="139091" spans="8:8">
      <c r="H139091" s="12"/>
    </row>
    <row r="139092" spans="8:8">
      <c r="H139092" s="12"/>
    </row>
    <row r="139093" spans="8:8">
      <c r="H139093" s="12"/>
    </row>
    <row r="139094" spans="8:8">
      <c r="H139094" s="12"/>
    </row>
    <row r="139095" spans="8:8">
      <c r="H139095" s="12"/>
    </row>
    <row r="139096" spans="8:8">
      <c r="H139096" s="12"/>
    </row>
    <row r="139097" spans="8:8">
      <c r="H139097" s="12"/>
    </row>
    <row r="139098" spans="8:8">
      <c r="H139098" s="12"/>
    </row>
    <row r="139099" spans="8:8">
      <c r="H139099" s="12"/>
    </row>
    <row r="139100" spans="8:8">
      <c r="H139100" s="12"/>
    </row>
    <row r="139101" spans="8:8">
      <c r="H139101" s="12"/>
    </row>
    <row r="139102" spans="8:8">
      <c r="H139102" s="12"/>
    </row>
    <row r="139103" spans="8:8">
      <c r="H139103" s="12"/>
    </row>
    <row r="139104" spans="8:8">
      <c r="H139104" s="12"/>
    </row>
    <row r="139105" spans="8:8">
      <c r="H139105" s="12"/>
    </row>
    <row r="139106" spans="8:8">
      <c r="H139106" s="12"/>
    </row>
    <row r="139107" spans="8:8">
      <c r="H139107" s="12"/>
    </row>
    <row r="139108" spans="8:8">
      <c r="H139108" s="12"/>
    </row>
    <row r="139109" spans="8:8">
      <c r="H139109" s="12"/>
    </row>
    <row r="139110" spans="8:8">
      <c r="H139110" s="12"/>
    </row>
    <row r="139111" spans="8:8">
      <c r="H139111" s="12"/>
    </row>
    <row r="139112" spans="8:8">
      <c r="H139112" s="12"/>
    </row>
    <row r="139113" spans="8:8">
      <c r="H139113" s="12"/>
    </row>
    <row r="139114" spans="8:8">
      <c r="H139114" s="12"/>
    </row>
    <row r="139115" spans="8:8">
      <c r="H139115" s="12"/>
    </row>
    <row r="139116" spans="8:8">
      <c r="H139116" s="12"/>
    </row>
    <row r="139117" spans="8:8">
      <c r="H139117" s="12"/>
    </row>
    <row r="139118" spans="8:8">
      <c r="H139118" s="12"/>
    </row>
    <row r="139119" spans="8:8">
      <c r="H139119" s="12"/>
    </row>
    <row r="139120" spans="8:8">
      <c r="H139120" s="12"/>
    </row>
    <row r="139121" spans="8:8">
      <c r="H139121" s="12"/>
    </row>
    <row r="139122" spans="8:8">
      <c r="H139122" s="12"/>
    </row>
    <row r="139123" spans="8:8">
      <c r="H139123" s="12"/>
    </row>
    <row r="139124" spans="8:8">
      <c r="H139124" s="12"/>
    </row>
    <row r="139125" spans="8:8">
      <c r="H139125" s="12"/>
    </row>
    <row r="139126" spans="8:8">
      <c r="H139126" s="12"/>
    </row>
    <row r="139127" spans="8:8">
      <c r="H139127" s="12"/>
    </row>
    <row r="139128" spans="8:8">
      <c r="H139128" s="12"/>
    </row>
    <row r="139129" spans="8:8">
      <c r="H139129" s="12"/>
    </row>
    <row r="139130" spans="8:8">
      <c r="H139130" s="12"/>
    </row>
    <row r="139131" spans="8:8">
      <c r="H139131" s="12"/>
    </row>
    <row r="139132" spans="8:8">
      <c r="H139132" s="12"/>
    </row>
    <row r="139133" spans="8:8">
      <c r="H139133" s="12"/>
    </row>
    <row r="139134" spans="8:8">
      <c r="H139134" s="12"/>
    </row>
    <row r="139135" spans="8:8">
      <c r="H139135" s="12"/>
    </row>
    <row r="139136" spans="8:8">
      <c r="H139136" s="12"/>
    </row>
    <row r="139137" spans="8:8">
      <c r="H139137" s="12"/>
    </row>
    <row r="139138" spans="8:8">
      <c r="H139138" s="12"/>
    </row>
    <row r="139139" spans="8:8">
      <c r="H139139" s="12"/>
    </row>
    <row r="139140" spans="8:8">
      <c r="H139140" s="12"/>
    </row>
    <row r="139141" spans="8:8">
      <c r="H139141" s="12"/>
    </row>
    <row r="139142" spans="8:8">
      <c r="H139142" s="12"/>
    </row>
    <row r="139143" spans="8:8">
      <c r="H139143" s="12"/>
    </row>
    <row r="139144" spans="8:8">
      <c r="H139144" s="12"/>
    </row>
    <row r="139145" spans="8:8">
      <c r="H139145" s="12"/>
    </row>
    <row r="139146" spans="8:8">
      <c r="H139146" s="12"/>
    </row>
    <row r="139147" spans="8:8">
      <c r="H139147" s="12"/>
    </row>
    <row r="139148" spans="8:8">
      <c r="H139148" s="12"/>
    </row>
    <row r="139149" spans="8:8">
      <c r="H139149" s="12"/>
    </row>
    <row r="139150" spans="8:8">
      <c r="H139150" s="12"/>
    </row>
    <row r="139151" spans="8:8">
      <c r="H139151" s="12"/>
    </row>
    <row r="139152" spans="8:8">
      <c r="H139152" s="12"/>
    </row>
    <row r="139153" spans="8:8">
      <c r="H139153" s="12"/>
    </row>
    <row r="139154" spans="8:8">
      <c r="H139154" s="12"/>
    </row>
    <row r="139155" spans="8:8">
      <c r="H139155" s="12"/>
    </row>
    <row r="139156" spans="8:8">
      <c r="H139156" s="12"/>
    </row>
    <row r="139157" spans="8:8">
      <c r="H139157" s="12"/>
    </row>
    <row r="139158" spans="8:8">
      <c r="H139158" s="12"/>
    </row>
    <row r="139159" spans="8:8">
      <c r="H139159" s="12"/>
    </row>
    <row r="139160" spans="8:8">
      <c r="H139160" s="12"/>
    </row>
    <row r="139161" spans="8:8">
      <c r="H139161" s="12"/>
    </row>
    <row r="139162" spans="8:8">
      <c r="H139162" s="12"/>
    </row>
    <row r="139163" spans="8:8">
      <c r="H139163" s="12"/>
    </row>
    <row r="139164" spans="8:8">
      <c r="H139164" s="12"/>
    </row>
    <row r="139165" spans="8:8">
      <c r="H139165" s="12"/>
    </row>
    <row r="139166" spans="8:8">
      <c r="H139166" s="12"/>
    </row>
    <row r="139167" spans="8:8">
      <c r="H139167" s="12"/>
    </row>
    <row r="139168" spans="8:8">
      <c r="H139168" s="12"/>
    </row>
    <row r="139169" spans="8:8">
      <c r="H139169" s="12"/>
    </row>
    <row r="139170" spans="8:8">
      <c r="H139170" s="12"/>
    </row>
    <row r="139171" spans="8:8">
      <c r="H139171" s="12"/>
    </row>
    <row r="139172" spans="8:8">
      <c r="H139172" s="12"/>
    </row>
    <row r="139173" spans="8:8">
      <c r="H139173" s="12"/>
    </row>
    <row r="139174" spans="8:8">
      <c r="H139174" s="12"/>
    </row>
    <row r="139175" spans="8:8">
      <c r="H139175" s="12"/>
    </row>
    <row r="139176" spans="8:8">
      <c r="H139176" s="12"/>
    </row>
    <row r="139177" spans="8:8">
      <c r="H139177" s="12"/>
    </row>
    <row r="139178" spans="8:8">
      <c r="H139178" s="12"/>
    </row>
    <row r="139179" spans="8:8">
      <c r="H139179" s="12"/>
    </row>
    <row r="139180" spans="8:8">
      <c r="H139180" s="12"/>
    </row>
    <row r="139181" spans="8:8">
      <c r="H139181" s="12"/>
    </row>
    <row r="139182" spans="8:8">
      <c r="H139182" s="12"/>
    </row>
    <row r="139183" spans="8:8">
      <c r="H139183" s="12"/>
    </row>
    <row r="139184" spans="8:8">
      <c r="H139184" s="12"/>
    </row>
    <row r="139185" spans="8:8">
      <c r="H139185" s="12"/>
    </row>
    <row r="139186" spans="8:8">
      <c r="H139186" s="12"/>
    </row>
    <row r="139187" spans="8:8">
      <c r="H139187" s="12"/>
    </row>
    <row r="139188" spans="8:8">
      <c r="H139188" s="12"/>
    </row>
    <row r="139189" spans="8:8">
      <c r="H139189" s="12"/>
    </row>
    <row r="139190" spans="8:8">
      <c r="H139190" s="12"/>
    </row>
    <row r="139191" spans="8:8">
      <c r="H139191" s="12"/>
    </row>
    <row r="139192" spans="8:8">
      <c r="H139192" s="12"/>
    </row>
    <row r="139193" spans="8:8">
      <c r="H139193" s="12"/>
    </row>
    <row r="139194" spans="8:8">
      <c r="H139194" s="12"/>
    </row>
    <row r="139195" spans="8:8">
      <c r="H139195" s="12"/>
    </row>
    <row r="139196" spans="8:8">
      <c r="H139196" s="12"/>
    </row>
    <row r="139197" spans="8:8">
      <c r="H139197" s="12"/>
    </row>
    <row r="139198" spans="8:8">
      <c r="H139198" s="12"/>
    </row>
    <row r="139199" spans="8:8">
      <c r="H139199" s="12"/>
    </row>
    <row r="139200" spans="8:8">
      <c r="H139200" s="12"/>
    </row>
    <row r="139201" spans="8:8">
      <c r="H139201" s="12"/>
    </row>
    <row r="139202" spans="8:8">
      <c r="H139202" s="12"/>
    </row>
    <row r="139203" spans="8:8">
      <c r="H139203" s="12"/>
    </row>
    <row r="139204" spans="8:8">
      <c r="H139204" s="12"/>
    </row>
    <row r="139205" spans="8:8">
      <c r="H139205" s="12"/>
    </row>
    <row r="139206" spans="8:8">
      <c r="H139206" s="12"/>
    </row>
    <row r="139207" spans="8:8">
      <c r="H139207" s="12"/>
    </row>
    <row r="139208" spans="8:8">
      <c r="H139208" s="12"/>
    </row>
    <row r="139209" spans="8:8">
      <c r="H139209" s="12"/>
    </row>
    <row r="139210" spans="8:8">
      <c r="H139210" s="12"/>
    </row>
    <row r="139211" spans="8:8">
      <c r="H139211" s="12"/>
    </row>
    <row r="139212" spans="8:8">
      <c r="H139212" s="12"/>
    </row>
    <row r="139213" spans="8:8">
      <c r="H139213" s="12"/>
    </row>
    <row r="139214" spans="8:8">
      <c r="H139214" s="12"/>
    </row>
    <row r="139215" spans="8:8">
      <c r="H139215" s="12"/>
    </row>
    <row r="139216" spans="8:8">
      <c r="H139216" s="12"/>
    </row>
    <row r="139217" spans="8:8">
      <c r="H139217" s="12"/>
    </row>
    <row r="139218" spans="8:8">
      <c r="H139218" s="12"/>
    </row>
    <row r="139219" spans="8:8">
      <c r="H139219" s="12"/>
    </row>
    <row r="139220" spans="8:8">
      <c r="H139220" s="12"/>
    </row>
    <row r="139221" spans="8:8">
      <c r="H139221" s="12"/>
    </row>
    <row r="139222" spans="8:8">
      <c r="H139222" s="12"/>
    </row>
    <row r="139223" spans="8:8">
      <c r="H139223" s="12"/>
    </row>
    <row r="139224" spans="8:8">
      <c r="H139224" s="12"/>
    </row>
    <row r="139225" spans="8:8">
      <c r="H139225" s="12"/>
    </row>
    <row r="139226" spans="8:8">
      <c r="H139226" s="12"/>
    </row>
    <row r="139227" spans="8:8">
      <c r="H139227" s="12"/>
    </row>
    <row r="139228" spans="8:8">
      <c r="H139228" s="12"/>
    </row>
    <row r="139229" spans="8:8">
      <c r="H139229" s="12"/>
    </row>
    <row r="139230" spans="8:8">
      <c r="H139230" s="12"/>
    </row>
    <row r="139231" spans="8:8">
      <c r="H139231" s="12"/>
    </row>
    <row r="139232" spans="8:8">
      <c r="H139232" s="12"/>
    </row>
    <row r="139233" spans="8:8">
      <c r="H139233" s="12"/>
    </row>
    <row r="139234" spans="8:8">
      <c r="H139234" s="12"/>
    </row>
    <row r="139235" spans="8:8">
      <c r="H139235" s="12"/>
    </row>
    <row r="139236" spans="8:8">
      <c r="H139236" s="12"/>
    </row>
    <row r="139237" spans="8:8">
      <c r="H139237" s="12"/>
    </row>
    <row r="139238" spans="8:8">
      <c r="H139238" s="12"/>
    </row>
    <row r="139239" spans="8:8">
      <c r="H139239" s="12"/>
    </row>
    <row r="139240" spans="8:8">
      <c r="H139240" s="12"/>
    </row>
    <row r="139241" spans="8:8">
      <c r="H139241" s="12"/>
    </row>
    <row r="139242" spans="8:8">
      <c r="H139242" s="12"/>
    </row>
    <row r="139243" spans="8:8">
      <c r="H139243" s="12"/>
    </row>
    <row r="139244" spans="8:8">
      <c r="H139244" s="12"/>
    </row>
    <row r="139245" spans="8:8">
      <c r="H139245" s="12"/>
    </row>
    <row r="139246" spans="8:8">
      <c r="H139246" s="12"/>
    </row>
    <row r="139247" spans="8:8">
      <c r="H139247" s="12"/>
    </row>
    <row r="139248" spans="8:8">
      <c r="H139248" s="12"/>
    </row>
    <row r="139249" spans="8:8">
      <c r="H139249" s="12"/>
    </row>
    <row r="139250" spans="8:8">
      <c r="H139250" s="12"/>
    </row>
    <row r="139251" spans="8:8">
      <c r="H139251" s="12"/>
    </row>
    <row r="139252" spans="8:8">
      <c r="H139252" s="12"/>
    </row>
    <row r="139253" spans="8:8">
      <c r="H139253" s="12"/>
    </row>
    <row r="139254" spans="8:8">
      <c r="H139254" s="12"/>
    </row>
    <row r="139255" spans="8:8">
      <c r="H139255" s="12"/>
    </row>
    <row r="139256" spans="8:8">
      <c r="H139256" s="12"/>
    </row>
    <row r="139257" spans="8:8">
      <c r="H139257" s="12"/>
    </row>
    <row r="139258" spans="8:8">
      <c r="H139258" s="12"/>
    </row>
    <row r="139259" spans="8:8">
      <c r="H139259" s="12"/>
    </row>
    <row r="139260" spans="8:8">
      <c r="H139260" s="12"/>
    </row>
    <row r="139261" spans="8:8">
      <c r="H139261" s="12"/>
    </row>
    <row r="139262" spans="8:8">
      <c r="H139262" s="12"/>
    </row>
    <row r="139263" spans="8:8">
      <c r="H139263" s="12"/>
    </row>
    <row r="139264" spans="8:8">
      <c r="H139264" s="12"/>
    </row>
    <row r="139265" spans="8:8">
      <c r="H139265" s="12"/>
    </row>
    <row r="139266" spans="8:8">
      <c r="H139266" s="12"/>
    </row>
    <row r="139267" spans="8:8">
      <c r="H139267" s="12"/>
    </row>
    <row r="139268" spans="8:8">
      <c r="H139268" s="12"/>
    </row>
    <row r="139269" spans="8:8">
      <c r="H139269" s="12"/>
    </row>
    <row r="139270" spans="8:8">
      <c r="H139270" s="12"/>
    </row>
    <row r="139271" spans="8:8">
      <c r="H139271" s="12"/>
    </row>
    <row r="139272" spans="8:8">
      <c r="H139272" s="12"/>
    </row>
    <row r="139273" spans="8:8">
      <c r="H139273" s="12"/>
    </row>
    <row r="139274" spans="8:8">
      <c r="H139274" s="12"/>
    </row>
    <row r="139275" spans="8:8">
      <c r="H139275" s="12"/>
    </row>
    <row r="139276" spans="8:8">
      <c r="H139276" s="12"/>
    </row>
    <row r="139277" spans="8:8">
      <c r="H139277" s="12"/>
    </row>
    <row r="139278" spans="8:8">
      <c r="H139278" s="12"/>
    </row>
    <row r="139279" spans="8:8">
      <c r="H139279" s="12"/>
    </row>
    <row r="139280" spans="8:8">
      <c r="H139280" s="12"/>
    </row>
    <row r="139281" spans="8:8">
      <c r="H139281" s="12"/>
    </row>
    <row r="139282" spans="8:8">
      <c r="H139282" s="12"/>
    </row>
    <row r="139283" spans="8:8">
      <c r="H139283" s="12"/>
    </row>
    <row r="139284" spans="8:8">
      <c r="H139284" s="12"/>
    </row>
    <row r="139285" spans="8:8">
      <c r="H139285" s="12"/>
    </row>
    <row r="139286" spans="8:8">
      <c r="H139286" s="12"/>
    </row>
    <row r="139287" spans="8:8">
      <c r="H139287" s="12"/>
    </row>
    <row r="139288" spans="8:8">
      <c r="H139288" s="12"/>
    </row>
    <row r="139289" spans="8:8">
      <c r="H139289" s="12"/>
    </row>
    <row r="139290" spans="8:8">
      <c r="H139290" s="12"/>
    </row>
    <row r="139291" spans="8:8">
      <c r="H139291" s="12"/>
    </row>
    <row r="139292" spans="8:8">
      <c r="H139292" s="12"/>
    </row>
    <row r="139293" spans="8:8">
      <c r="H139293" s="12"/>
    </row>
    <row r="139294" spans="8:8">
      <c r="H139294" s="12"/>
    </row>
    <row r="139295" spans="8:8">
      <c r="H139295" s="12"/>
    </row>
    <row r="139296" spans="8:8">
      <c r="H139296" s="12"/>
    </row>
    <row r="139297" spans="8:8">
      <c r="H139297" s="12"/>
    </row>
    <row r="139298" spans="8:8">
      <c r="H139298" s="12"/>
    </row>
    <row r="139299" spans="8:8">
      <c r="H139299" s="12"/>
    </row>
    <row r="139300" spans="8:8">
      <c r="H139300" s="12"/>
    </row>
    <row r="139301" spans="8:8">
      <c r="H139301" s="12"/>
    </row>
    <row r="139302" spans="8:8">
      <c r="H139302" s="12"/>
    </row>
    <row r="139303" spans="8:8">
      <c r="H139303" s="12"/>
    </row>
    <row r="139304" spans="8:8">
      <c r="H139304" s="12"/>
    </row>
    <row r="139305" spans="8:8">
      <c r="H139305" s="12"/>
    </row>
    <row r="139306" spans="8:8">
      <c r="H139306" s="12"/>
    </row>
    <row r="139307" spans="8:8">
      <c r="H139307" s="12"/>
    </row>
    <row r="139308" spans="8:8">
      <c r="H139308" s="12"/>
    </row>
    <row r="139309" spans="8:8">
      <c r="H139309" s="12"/>
    </row>
    <row r="139310" spans="8:8">
      <c r="H139310" s="12"/>
    </row>
    <row r="139311" spans="8:8">
      <c r="H139311" s="12"/>
    </row>
    <row r="139312" spans="8:8">
      <c r="H139312" s="12"/>
    </row>
    <row r="139313" spans="8:8">
      <c r="H139313" s="12"/>
    </row>
    <row r="139314" spans="8:8">
      <c r="H139314" s="12"/>
    </row>
    <row r="139315" spans="8:8">
      <c r="H139315" s="12"/>
    </row>
    <row r="139316" spans="8:8">
      <c r="H139316" s="12"/>
    </row>
    <row r="139317" spans="8:8">
      <c r="H139317" s="12"/>
    </row>
    <row r="139318" spans="8:8">
      <c r="H139318" s="12"/>
    </row>
    <row r="139319" spans="8:8">
      <c r="H139319" s="12"/>
    </row>
    <row r="139320" spans="8:8">
      <c r="H139320" s="12"/>
    </row>
    <row r="139321" spans="8:8">
      <c r="H139321" s="12"/>
    </row>
    <row r="139322" spans="8:8">
      <c r="H139322" s="12"/>
    </row>
    <row r="139323" spans="8:8">
      <c r="H139323" s="12"/>
    </row>
    <row r="139324" spans="8:8">
      <c r="H139324" s="12"/>
    </row>
    <row r="139325" spans="8:8">
      <c r="H139325" s="12"/>
    </row>
    <row r="139326" spans="8:8">
      <c r="H139326" s="12"/>
    </row>
    <row r="139327" spans="8:8">
      <c r="H139327" s="12"/>
    </row>
    <row r="139328" spans="8:8">
      <c r="H139328" s="12"/>
    </row>
    <row r="139329" spans="8:8">
      <c r="H139329" s="12"/>
    </row>
    <row r="139330" spans="8:8">
      <c r="H139330" s="12"/>
    </row>
    <row r="139331" spans="8:8">
      <c r="H139331" s="12"/>
    </row>
    <row r="139332" spans="8:8">
      <c r="H139332" s="12"/>
    </row>
    <row r="139333" spans="8:8">
      <c r="H139333" s="12"/>
    </row>
    <row r="139334" spans="8:8">
      <c r="H139334" s="12"/>
    </row>
    <row r="139335" spans="8:8">
      <c r="H139335" s="12"/>
    </row>
    <row r="139336" spans="8:8">
      <c r="H139336" s="12"/>
    </row>
    <row r="139337" spans="8:8">
      <c r="H139337" s="12"/>
    </row>
    <row r="139338" spans="8:8">
      <c r="H139338" s="12"/>
    </row>
    <row r="139339" spans="8:8">
      <c r="H139339" s="12"/>
    </row>
    <row r="139340" spans="8:8">
      <c r="H139340" s="12"/>
    </row>
    <row r="139341" spans="8:8">
      <c r="H139341" s="12"/>
    </row>
    <row r="139342" spans="8:8">
      <c r="H139342" s="12"/>
    </row>
    <row r="139343" spans="8:8">
      <c r="H139343" s="12"/>
    </row>
    <row r="139344" spans="8:8">
      <c r="H139344" s="12"/>
    </row>
    <row r="139345" spans="8:8">
      <c r="H139345" s="12"/>
    </row>
    <row r="139346" spans="8:8">
      <c r="H139346" s="12"/>
    </row>
    <row r="139347" spans="8:8">
      <c r="H139347" s="12"/>
    </row>
    <row r="139348" spans="8:8">
      <c r="H139348" s="12"/>
    </row>
    <row r="139349" spans="8:8">
      <c r="H139349" s="12"/>
    </row>
    <row r="139350" spans="8:8">
      <c r="H139350" s="12"/>
    </row>
    <row r="139351" spans="8:8">
      <c r="H139351" s="12"/>
    </row>
    <row r="139352" spans="8:8">
      <c r="H139352" s="12"/>
    </row>
    <row r="139353" spans="8:8">
      <c r="H139353" s="12"/>
    </row>
    <row r="139354" spans="8:8">
      <c r="H139354" s="12"/>
    </row>
    <row r="139355" spans="8:8">
      <c r="H139355" s="12"/>
    </row>
    <row r="139356" spans="8:8">
      <c r="H139356" s="12"/>
    </row>
    <row r="139357" spans="8:8">
      <c r="H139357" s="12"/>
    </row>
    <row r="139358" spans="8:8">
      <c r="H139358" s="12"/>
    </row>
    <row r="139359" spans="8:8">
      <c r="H139359" s="12"/>
    </row>
    <row r="139360" spans="8:8">
      <c r="H139360" s="12"/>
    </row>
    <row r="139361" spans="8:8">
      <c r="H139361" s="12"/>
    </row>
    <row r="139362" spans="8:8">
      <c r="H139362" s="12"/>
    </row>
    <row r="139363" spans="8:8">
      <c r="H139363" s="12"/>
    </row>
    <row r="139364" spans="8:8">
      <c r="H139364" s="12"/>
    </row>
    <row r="139365" spans="8:8">
      <c r="H139365" s="12"/>
    </row>
    <row r="139366" spans="8:8">
      <c r="H139366" s="12"/>
    </row>
    <row r="139367" spans="8:8">
      <c r="H139367" s="12"/>
    </row>
    <row r="139368" spans="8:8">
      <c r="H139368" s="12"/>
    </row>
    <row r="139369" spans="8:8">
      <c r="H139369" s="12"/>
    </row>
    <row r="139370" spans="8:8">
      <c r="H139370" s="12"/>
    </row>
    <row r="139371" spans="8:8">
      <c r="H139371" s="12"/>
    </row>
    <row r="139372" spans="8:8">
      <c r="H139372" s="12"/>
    </row>
    <row r="139373" spans="8:8">
      <c r="H139373" s="12"/>
    </row>
    <row r="139374" spans="8:8">
      <c r="H139374" s="12"/>
    </row>
    <row r="139375" spans="8:8">
      <c r="H139375" s="12"/>
    </row>
    <row r="139376" spans="8:8">
      <c r="H139376" s="12"/>
    </row>
    <row r="139377" spans="8:8">
      <c r="H139377" s="12"/>
    </row>
    <row r="139378" spans="8:8">
      <c r="H139378" s="12"/>
    </row>
    <row r="139379" spans="8:8">
      <c r="H139379" s="12"/>
    </row>
    <row r="139380" spans="8:8">
      <c r="H139380" s="12"/>
    </row>
    <row r="139381" spans="8:8">
      <c r="H139381" s="12"/>
    </row>
    <row r="139382" spans="8:8">
      <c r="H139382" s="12"/>
    </row>
    <row r="139383" spans="8:8">
      <c r="H139383" s="12"/>
    </row>
    <row r="139384" spans="8:8">
      <c r="H139384" s="12"/>
    </row>
    <row r="139385" spans="8:8">
      <c r="H139385" s="12"/>
    </row>
    <row r="139386" spans="8:8">
      <c r="H139386" s="12"/>
    </row>
    <row r="139387" spans="8:8">
      <c r="H139387" s="12"/>
    </row>
    <row r="139388" spans="8:8">
      <c r="H139388" s="12"/>
    </row>
    <row r="139389" spans="8:8">
      <c r="H139389" s="12"/>
    </row>
    <row r="139390" spans="8:8">
      <c r="H139390" s="12"/>
    </row>
    <row r="139391" spans="8:8">
      <c r="H139391" s="12"/>
    </row>
    <row r="139392" spans="8:8">
      <c r="H139392" s="12"/>
    </row>
    <row r="139393" spans="8:8">
      <c r="H139393" s="12"/>
    </row>
    <row r="139394" spans="8:8">
      <c r="H139394" s="12"/>
    </row>
    <row r="139395" spans="8:8">
      <c r="H139395" s="12"/>
    </row>
    <row r="139396" spans="8:8">
      <c r="H139396" s="12"/>
    </row>
    <row r="139397" spans="8:8">
      <c r="H139397" s="12"/>
    </row>
    <row r="139398" spans="8:8">
      <c r="H139398" s="12"/>
    </row>
    <row r="139399" spans="8:8">
      <c r="H139399" s="12"/>
    </row>
    <row r="139400" spans="8:8">
      <c r="H139400" s="12"/>
    </row>
    <row r="139401" spans="8:8">
      <c r="H139401" s="12"/>
    </row>
    <row r="139402" spans="8:8">
      <c r="H139402" s="12"/>
    </row>
    <row r="139403" spans="8:8">
      <c r="H139403" s="12"/>
    </row>
    <row r="139404" spans="8:8">
      <c r="H139404" s="12"/>
    </row>
    <row r="139405" spans="8:8">
      <c r="H139405" s="12"/>
    </row>
    <row r="139406" spans="8:8">
      <c r="H139406" s="12"/>
    </row>
    <row r="139407" spans="8:8">
      <c r="H139407" s="12"/>
    </row>
    <row r="139408" spans="8:8">
      <c r="H139408" s="12"/>
    </row>
    <row r="139409" spans="8:8">
      <c r="H139409" s="12"/>
    </row>
    <row r="139410" spans="8:8">
      <c r="H139410" s="12"/>
    </row>
    <row r="139411" spans="8:8">
      <c r="H139411" s="12"/>
    </row>
    <row r="139412" spans="8:8">
      <c r="H139412" s="12"/>
    </row>
    <row r="139413" spans="8:8">
      <c r="H139413" s="12"/>
    </row>
    <row r="139414" spans="8:8">
      <c r="H139414" s="12"/>
    </row>
    <row r="139415" spans="8:8">
      <c r="H139415" s="12"/>
    </row>
    <row r="139416" spans="8:8">
      <c r="H139416" s="12"/>
    </row>
    <row r="139417" spans="8:8">
      <c r="H139417" s="12"/>
    </row>
    <row r="139418" spans="8:8">
      <c r="H139418" s="12"/>
    </row>
    <row r="139419" spans="8:8">
      <c r="H139419" s="12"/>
    </row>
    <row r="139420" spans="8:8">
      <c r="H139420" s="12"/>
    </row>
    <row r="139421" spans="8:8">
      <c r="H139421" s="12"/>
    </row>
    <row r="139422" spans="8:8">
      <c r="H139422" s="12"/>
    </row>
    <row r="139423" spans="8:8">
      <c r="H139423" s="12"/>
    </row>
    <row r="139424" spans="8:8">
      <c r="H139424" s="12"/>
    </row>
    <row r="139425" spans="8:8">
      <c r="H139425" s="12"/>
    </row>
    <row r="139426" spans="8:8">
      <c r="H139426" s="12"/>
    </row>
    <row r="139427" spans="8:8">
      <c r="H139427" s="12"/>
    </row>
    <row r="139428" spans="8:8">
      <c r="H139428" s="12"/>
    </row>
    <row r="139429" spans="8:8">
      <c r="H139429" s="12"/>
    </row>
    <row r="139430" spans="8:8">
      <c r="H139430" s="12"/>
    </row>
    <row r="139431" spans="8:8">
      <c r="H139431" s="12"/>
    </row>
    <row r="139432" spans="8:8">
      <c r="H139432" s="12"/>
    </row>
    <row r="139433" spans="8:8">
      <c r="H139433" s="12"/>
    </row>
    <row r="139434" spans="8:8">
      <c r="H139434" s="12"/>
    </row>
    <row r="139435" spans="8:8">
      <c r="H139435" s="12"/>
    </row>
    <row r="139436" spans="8:8">
      <c r="H139436" s="12"/>
    </row>
    <row r="139437" spans="8:8">
      <c r="H139437" s="12"/>
    </row>
    <row r="139438" spans="8:8">
      <c r="H139438" s="12"/>
    </row>
    <row r="139439" spans="8:8">
      <c r="H139439" s="12"/>
    </row>
    <row r="139440" spans="8:8">
      <c r="H139440" s="12"/>
    </row>
    <row r="139441" spans="8:8">
      <c r="H139441" s="12"/>
    </row>
    <row r="139442" spans="8:8">
      <c r="H139442" s="12"/>
    </row>
    <row r="139443" spans="8:8">
      <c r="H139443" s="12"/>
    </row>
    <row r="139444" spans="8:8">
      <c r="H139444" s="12"/>
    </row>
    <row r="139445" spans="8:8">
      <c r="H139445" s="12"/>
    </row>
    <row r="139446" spans="8:8">
      <c r="H139446" s="12"/>
    </row>
    <row r="139447" spans="8:8">
      <c r="H139447" s="12"/>
    </row>
    <row r="139448" spans="8:8">
      <c r="H139448" s="12"/>
    </row>
    <row r="139449" spans="8:8">
      <c r="H139449" s="12"/>
    </row>
    <row r="139450" spans="8:8">
      <c r="H139450" s="12"/>
    </row>
    <row r="139451" spans="8:8">
      <c r="H139451" s="12"/>
    </row>
    <row r="139452" spans="8:8">
      <c r="H139452" s="12"/>
    </row>
    <row r="139453" spans="8:8">
      <c r="H139453" s="12"/>
    </row>
    <row r="139454" spans="8:8">
      <c r="H139454" s="12"/>
    </row>
    <row r="139455" spans="8:8">
      <c r="H139455" s="12"/>
    </row>
    <row r="139456" spans="8:8">
      <c r="H139456" s="12"/>
    </row>
    <row r="139457" spans="8:8">
      <c r="H139457" s="12"/>
    </row>
    <row r="139458" spans="8:8">
      <c r="H139458" s="12"/>
    </row>
    <row r="139459" spans="8:8">
      <c r="H139459" s="12"/>
    </row>
    <row r="139460" spans="8:8">
      <c r="H139460" s="12"/>
    </row>
    <row r="139461" spans="8:8">
      <c r="H139461" s="12"/>
    </row>
    <row r="139462" spans="8:8">
      <c r="H139462" s="12"/>
    </row>
    <row r="139463" spans="8:8">
      <c r="H139463" s="12"/>
    </row>
    <row r="139464" spans="8:8">
      <c r="H139464" s="12"/>
    </row>
    <row r="139465" spans="8:8">
      <c r="H139465" s="12"/>
    </row>
    <row r="139466" spans="8:8">
      <c r="H139466" s="12"/>
    </row>
    <row r="139467" spans="8:8">
      <c r="H139467" s="12"/>
    </row>
    <row r="139468" spans="8:8">
      <c r="H139468" s="12"/>
    </row>
    <row r="139469" spans="8:8">
      <c r="H139469" s="12"/>
    </row>
    <row r="139470" spans="8:8">
      <c r="H139470" s="12"/>
    </row>
    <row r="139471" spans="8:8">
      <c r="H139471" s="12"/>
    </row>
    <row r="139472" spans="8:8">
      <c r="H139472" s="12"/>
    </row>
    <row r="139473" spans="8:8">
      <c r="H139473" s="12"/>
    </row>
    <row r="139474" spans="8:8">
      <c r="H139474" s="12"/>
    </row>
    <row r="139475" spans="8:8">
      <c r="H139475" s="12"/>
    </row>
    <row r="139476" spans="8:8">
      <c r="H139476" s="12"/>
    </row>
    <row r="139477" spans="8:8">
      <c r="H139477" s="12"/>
    </row>
    <row r="139478" spans="8:8">
      <c r="H139478" s="12"/>
    </row>
    <row r="139479" spans="8:8">
      <c r="H139479" s="12"/>
    </row>
    <row r="139480" spans="8:8">
      <c r="H139480" s="12"/>
    </row>
    <row r="139481" spans="8:8">
      <c r="H139481" s="12"/>
    </row>
    <row r="139482" spans="8:8">
      <c r="H139482" s="12"/>
    </row>
    <row r="139483" spans="8:8">
      <c r="H139483" s="12"/>
    </row>
    <row r="139484" spans="8:8">
      <c r="H139484" s="12"/>
    </row>
    <row r="139485" spans="8:8">
      <c r="H139485" s="12"/>
    </row>
    <row r="139486" spans="8:8">
      <c r="H139486" s="12"/>
    </row>
    <row r="139487" spans="8:8">
      <c r="H139487" s="12"/>
    </row>
    <row r="139488" spans="8:8">
      <c r="H139488" s="12"/>
    </row>
    <row r="139489" spans="8:8">
      <c r="H139489" s="12"/>
    </row>
    <row r="139490" spans="8:8">
      <c r="H139490" s="12"/>
    </row>
    <row r="139491" spans="8:8">
      <c r="H139491" s="12"/>
    </row>
    <row r="139492" spans="8:8">
      <c r="H139492" s="12"/>
    </row>
    <row r="139493" spans="8:8">
      <c r="H139493" s="12"/>
    </row>
    <row r="139494" spans="8:8">
      <c r="H139494" s="12"/>
    </row>
    <row r="139495" spans="8:8">
      <c r="H139495" s="12"/>
    </row>
    <row r="139496" spans="8:8">
      <c r="H139496" s="12"/>
    </row>
    <row r="139497" spans="8:8">
      <c r="H139497" s="12"/>
    </row>
    <row r="139498" spans="8:8">
      <c r="H139498" s="12"/>
    </row>
    <row r="139499" spans="8:8">
      <c r="H139499" s="12"/>
    </row>
    <row r="139500" spans="8:8">
      <c r="H139500" s="12"/>
    </row>
    <row r="139501" spans="8:8">
      <c r="H139501" s="12"/>
    </row>
    <row r="139502" spans="8:8">
      <c r="H139502" s="12"/>
    </row>
    <row r="139503" spans="8:8">
      <c r="H139503" s="12"/>
    </row>
    <row r="139504" spans="8:8">
      <c r="H139504" s="12"/>
    </row>
    <row r="139505" spans="8:8">
      <c r="H139505" s="12"/>
    </row>
    <row r="139506" spans="8:8">
      <c r="H139506" s="12"/>
    </row>
    <row r="139507" spans="8:8">
      <c r="H139507" s="12"/>
    </row>
    <row r="139508" spans="8:8">
      <c r="H139508" s="12"/>
    </row>
    <row r="139509" spans="8:8">
      <c r="H139509" s="12"/>
    </row>
    <row r="139510" spans="8:8">
      <c r="H139510" s="12"/>
    </row>
    <row r="139511" spans="8:8">
      <c r="H139511" s="12"/>
    </row>
    <row r="139512" spans="8:8">
      <c r="H139512" s="12"/>
    </row>
    <row r="139513" spans="8:8">
      <c r="H139513" s="12"/>
    </row>
    <row r="139514" spans="8:8">
      <c r="H139514" s="12"/>
    </row>
    <row r="139515" spans="8:8">
      <c r="H139515" s="12"/>
    </row>
    <row r="139516" spans="8:8">
      <c r="H139516" s="12"/>
    </row>
    <row r="139517" spans="8:8">
      <c r="H139517" s="12"/>
    </row>
    <row r="139518" spans="8:8">
      <c r="H139518" s="12"/>
    </row>
    <row r="139519" spans="8:8">
      <c r="H139519" s="12"/>
    </row>
    <row r="139520" spans="8:8">
      <c r="H139520" s="12"/>
    </row>
    <row r="139521" spans="8:8">
      <c r="H139521" s="12"/>
    </row>
    <row r="139522" spans="8:8">
      <c r="H139522" s="12"/>
    </row>
    <row r="139523" spans="8:8">
      <c r="H139523" s="12"/>
    </row>
    <row r="139524" spans="8:8">
      <c r="H139524" s="12"/>
    </row>
    <row r="139525" spans="8:8">
      <c r="H139525" s="12"/>
    </row>
    <row r="139526" spans="8:8">
      <c r="H139526" s="12"/>
    </row>
    <row r="139527" spans="8:8">
      <c r="H139527" s="12"/>
    </row>
    <row r="139528" spans="8:8">
      <c r="H139528" s="12"/>
    </row>
    <row r="139529" spans="8:8">
      <c r="H139529" s="12"/>
    </row>
    <row r="139530" spans="8:8">
      <c r="H139530" s="12"/>
    </row>
    <row r="139531" spans="8:8">
      <c r="H139531" s="12"/>
    </row>
    <row r="139532" spans="8:8">
      <c r="H139532" s="12"/>
    </row>
    <row r="139533" spans="8:8">
      <c r="H139533" s="12"/>
    </row>
    <row r="139534" spans="8:8">
      <c r="H139534" s="12"/>
    </row>
    <row r="139535" spans="8:8">
      <c r="H139535" s="12"/>
    </row>
    <row r="139536" spans="8:8">
      <c r="H139536" s="12"/>
    </row>
    <row r="139537" spans="8:8">
      <c r="H139537" s="12"/>
    </row>
    <row r="139538" spans="8:8">
      <c r="H139538" s="12"/>
    </row>
    <row r="139539" spans="8:8">
      <c r="H139539" s="12"/>
    </row>
    <row r="139540" spans="8:8">
      <c r="H139540" s="12"/>
    </row>
    <row r="139541" spans="8:8">
      <c r="H139541" s="12"/>
    </row>
    <row r="139542" spans="8:8">
      <c r="H139542" s="12"/>
    </row>
    <row r="139543" spans="8:8">
      <c r="H139543" s="12"/>
    </row>
    <row r="139544" spans="8:8">
      <c r="H139544" s="12"/>
    </row>
    <row r="139545" spans="8:8">
      <c r="H139545" s="12"/>
    </row>
    <row r="139546" spans="8:8">
      <c r="H139546" s="12"/>
    </row>
    <row r="139547" spans="8:8">
      <c r="H139547" s="12"/>
    </row>
    <row r="139548" spans="8:8">
      <c r="H139548" s="12"/>
    </row>
    <row r="139549" spans="8:8">
      <c r="H139549" s="12"/>
    </row>
    <row r="139550" spans="8:8">
      <c r="H139550" s="12"/>
    </row>
    <row r="139551" spans="8:8">
      <c r="H139551" s="12"/>
    </row>
    <row r="139552" spans="8:8">
      <c r="H139552" s="12"/>
    </row>
    <row r="139553" spans="8:8">
      <c r="H139553" s="12"/>
    </row>
    <row r="139554" spans="8:8">
      <c r="H139554" s="12"/>
    </row>
    <row r="139555" spans="8:8">
      <c r="H139555" s="12"/>
    </row>
    <row r="139556" spans="8:8">
      <c r="H139556" s="12"/>
    </row>
    <row r="139557" spans="8:8">
      <c r="H139557" s="12"/>
    </row>
    <row r="139558" spans="8:8">
      <c r="H139558" s="12"/>
    </row>
    <row r="139559" spans="8:8">
      <c r="H139559" s="12"/>
    </row>
    <row r="139560" spans="8:8">
      <c r="H139560" s="12"/>
    </row>
    <row r="139561" spans="8:8">
      <c r="H139561" s="12"/>
    </row>
    <row r="139562" spans="8:8">
      <c r="H139562" s="12"/>
    </row>
    <row r="139563" spans="8:8">
      <c r="H139563" s="12"/>
    </row>
    <row r="139564" spans="8:8">
      <c r="H139564" s="12"/>
    </row>
    <row r="139565" spans="8:8">
      <c r="H139565" s="12"/>
    </row>
    <row r="139566" spans="8:8">
      <c r="H139566" s="12"/>
    </row>
    <row r="139567" spans="8:8">
      <c r="H139567" s="12"/>
    </row>
    <row r="139568" spans="8:8">
      <c r="H139568" s="12"/>
    </row>
    <row r="139569" spans="8:8">
      <c r="H139569" s="12"/>
    </row>
    <row r="139570" spans="8:8">
      <c r="H139570" s="12"/>
    </row>
    <row r="139571" spans="8:8">
      <c r="H139571" s="12"/>
    </row>
    <row r="139572" spans="8:8">
      <c r="H139572" s="12"/>
    </row>
    <row r="139573" spans="8:8">
      <c r="H139573" s="12"/>
    </row>
    <row r="139574" spans="8:8">
      <c r="H139574" s="12"/>
    </row>
    <row r="139575" spans="8:8">
      <c r="H139575" s="12"/>
    </row>
    <row r="139576" spans="8:8">
      <c r="H139576" s="12"/>
    </row>
    <row r="139577" spans="8:8">
      <c r="H139577" s="12"/>
    </row>
    <row r="139578" spans="8:8">
      <c r="H139578" s="12"/>
    </row>
    <row r="139579" spans="8:8">
      <c r="H139579" s="12"/>
    </row>
    <row r="139580" spans="8:8">
      <c r="H139580" s="12"/>
    </row>
    <row r="139581" spans="8:8">
      <c r="H139581" s="12"/>
    </row>
    <row r="139582" spans="8:8">
      <c r="H139582" s="12"/>
    </row>
    <row r="139583" spans="8:8">
      <c r="H139583" s="12"/>
    </row>
    <row r="139584" spans="8:8">
      <c r="H139584" s="12"/>
    </row>
    <row r="139585" spans="8:8">
      <c r="H139585" s="12"/>
    </row>
    <row r="139586" spans="8:8">
      <c r="H139586" s="12"/>
    </row>
    <row r="139587" spans="8:8">
      <c r="H139587" s="12"/>
    </row>
    <row r="139588" spans="8:8">
      <c r="H139588" s="12"/>
    </row>
    <row r="139589" spans="8:8">
      <c r="H139589" s="12"/>
    </row>
    <row r="139590" spans="8:8">
      <c r="H139590" s="12"/>
    </row>
    <row r="139591" spans="8:8">
      <c r="H139591" s="12"/>
    </row>
    <row r="139592" spans="8:8">
      <c r="H139592" s="12"/>
    </row>
    <row r="139593" spans="8:8">
      <c r="H139593" s="12"/>
    </row>
    <row r="139594" spans="8:8">
      <c r="H139594" s="12"/>
    </row>
    <row r="139595" spans="8:8">
      <c r="H139595" s="12"/>
    </row>
    <row r="139596" spans="8:8">
      <c r="H139596" s="12"/>
    </row>
    <row r="139597" spans="8:8">
      <c r="H139597" s="12"/>
    </row>
    <row r="139598" spans="8:8">
      <c r="H139598" s="12"/>
    </row>
    <row r="139599" spans="8:8">
      <c r="H139599" s="12"/>
    </row>
    <row r="139600" spans="8:8">
      <c r="H139600" s="12"/>
    </row>
    <row r="139601" spans="8:8">
      <c r="H139601" s="12"/>
    </row>
    <row r="139602" spans="8:8">
      <c r="H139602" s="12"/>
    </row>
    <row r="139603" spans="8:8">
      <c r="H139603" s="12"/>
    </row>
    <row r="139604" spans="8:8">
      <c r="H139604" s="12"/>
    </row>
    <row r="139605" spans="8:8">
      <c r="H139605" s="12"/>
    </row>
    <row r="139606" spans="8:8">
      <c r="H139606" s="12"/>
    </row>
    <row r="139607" spans="8:8">
      <c r="H139607" s="12"/>
    </row>
    <row r="139608" spans="8:8">
      <c r="H139608" s="12"/>
    </row>
    <row r="139609" spans="8:8">
      <c r="H139609" s="12"/>
    </row>
    <row r="139610" spans="8:8">
      <c r="H139610" s="12"/>
    </row>
    <row r="139611" spans="8:8">
      <c r="H139611" s="12"/>
    </row>
    <row r="139612" spans="8:8">
      <c r="H139612" s="12"/>
    </row>
    <row r="139613" spans="8:8">
      <c r="H139613" s="12"/>
    </row>
    <row r="139614" spans="8:8">
      <c r="H139614" s="12"/>
    </row>
    <row r="139615" spans="8:8">
      <c r="H139615" s="12"/>
    </row>
    <row r="139616" spans="8:8">
      <c r="H139616" s="12"/>
    </row>
    <row r="139617" spans="8:8">
      <c r="H139617" s="12"/>
    </row>
    <row r="139618" spans="8:8">
      <c r="H139618" s="12"/>
    </row>
    <row r="139619" spans="8:8">
      <c r="H139619" s="12"/>
    </row>
    <row r="139620" spans="8:8">
      <c r="H139620" s="12"/>
    </row>
    <row r="139621" spans="8:8">
      <c r="H139621" s="12"/>
    </row>
    <row r="139622" spans="8:8">
      <c r="H139622" s="12"/>
    </row>
    <row r="139623" spans="8:8">
      <c r="H139623" s="12"/>
    </row>
    <row r="139624" spans="8:8">
      <c r="H139624" s="12"/>
    </row>
    <row r="139625" spans="8:8">
      <c r="H139625" s="12"/>
    </row>
    <row r="139626" spans="8:8">
      <c r="H139626" s="12"/>
    </row>
    <row r="139627" spans="8:8">
      <c r="H139627" s="12"/>
    </row>
    <row r="139628" spans="8:8">
      <c r="H139628" s="12"/>
    </row>
    <row r="139629" spans="8:8">
      <c r="H139629" s="12"/>
    </row>
    <row r="139630" spans="8:8">
      <c r="H139630" s="12"/>
    </row>
    <row r="139631" spans="8:8">
      <c r="H139631" s="12"/>
    </row>
    <row r="139632" spans="8:8">
      <c r="H139632" s="12"/>
    </row>
    <row r="139633" spans="8:8">
      <c r="H139633" s="12"/>
    </row>
    <row r="139634" spans="8:8">
      <c r="H139634" s="12"/>
    </row>
    <row r="139635" spans="8:8">
      <c r="H139635" s="12"/>
    </row>
    <row r="139636" spans="8:8">
      <c r="H139636" s="12"/>
    </row>
    <row r="139637" spans="8:8">
      <c r="H139637" s="12"/>
    </row>
    <row r="139638" spans="8:8">
      <c r="H139638" s="12"/>
    </row>
    <row r="139639" spans="8:8">
      <c r="H139639" s="12"/>
    </row>
    <row r="139640" spans="8:8">
      <c r="H139640" s="12"/>
    </row>
    <row r="139641" spans="8:8">
      <c r="H139641" s="12"/>
    </row>
    <row r="139642" spans="8:8">
      <c r="H139642" s="12"/>
    </row>
    <row r="139643" spans="8:8">
      <c r="H139643" s="12"/>
    </row>
    <row r="139644" spans="8:8">
      <c r="H139644" s="12"/>
    </row>
    <row r="139645" spans="8:8">
      <c r="H139645" s="12"/>
    </row>
    <row r="139646" spans="8:8">
      <c r="H139646" s="12"/>
    </row>
    <row r="139647" spans="8:8">
      <c r="H139647" s="12"/>
    </row>
    <row r="139648" spans="8:8">
      <c r="H139648" s="12"/>
    </row>
    <row r="139649" spans="8:8">
      <c r="H139649" s="12"/>
    </row>
    <row r="139650" spans="8:8">
      <c r="H139650" s="12"/>
    </row>
    <row r="139651" spans="8:8">
      <c r="H139651" s="12"/>
    </row>
    <row r="139652" spans="8:8">
      <c r="H139652" s="12"/>
    </row>
    <row r="139653" spans="8:8">
      <c r="H139653" s="12"/>
    </row>
    <row r="139654" spans="8:8">
      <c r="H139654" s="12"/>
    </row>
    <row r="139655" spans="8:8">
      <c r="H139655" s="12"/>
    </row>
    <row r="139656" spans="8:8">
      <c r="H139656" s="12"/>
    </row>
    <row r="139657" spans="8:8">
      <c r="H139657" s="12"/>
    </row>
    <row r="139658" spans="8:8">
      <c r="H139658" s="12"/>
    </row>
    <row r="139659" spans="8:8">
      <c r="H139659" s="12"/>
    </row>
    <row r="139660" spans="8:8">
      <c r="H139660" s="12"/>
    </row>
    <row r="139661" spans="8:8">
      <c r="H139661" s="12"/>
    </row>
    <row r="139662" spans="8:8">
      <c r="H139662" s="12"/>
    </row>
    <row r="139663" spans="8:8">
      <c r="H139663" s="12"/>
    </row>
    <row r="139664" spans="8:8">
      <c r="H139664" s="12"/>
    </row>
    <row r="139665" spans="8:8">
      <c r="H139665" s="12"/>
    </row>
    <row r="139666" spans="8:8">
      <c r="H139666" s="12"/>
    </row>
    <row r="139667" spans="8:8">
      <c r="H139667" s="12"/>
    </row>
    <row r="139668" spans="8:8">
      <c r="H139668" s="12"/>
    </row>
    <row r="139669" spans="8:8">
      <c r="H139669" s="12"/>
    </row>
    <row r="139670" spans="8:8">
      <c r="H139670" s="12"/>
    </row>
    <row r="139671" spans="8:8">
      <c r="H139671" s="12"/>
    </row>
    <row r="139672" spans="8:8">
      <c r="H139672" s="12"/>
    </row>
    <row r="139673" spans="8:8">
      <c r="H139673" s="12"/>
    </row>
    <row r="139674" spans="8:8">
      <c r="H139674" s="12"/>
    </row>
    <row r="139675" spans="8:8">
      <c r="H139675" s="12"/>
    </row>
    <row r="139676" spans="8:8">
      <c r="H139676" s="12"/>
    </row>
    <row r="139677" spans="8:8">
      <c r="H139677" s="12"/>
    </row>
    <row r="139678" spans="8:8">
      <c r="H139678" s="12"/>
    </row>
    <row r="139679" spans="8:8">
      <c r="H139679" s="12"/>
    </row>
    <row r="139680" spans="8:8">
      <c r="H139680" s="12"/>
    </row>
    <row r="139681" spans="8:8">
      <c r="H139681" s="12"/>
    </row>
    <row r="139682" spans="8:8">
      <c r="H139682" s="12"/>
    </row>
    <row r="139683" spans="8:8">
      <c r="H139683" s="12"/>
    </row>
    <row r="139684" spans="8:8">
      <c r="H139684" s="12"/>
    </row>
    <row r="139685" spans="8:8">
      <c r="H139685" s="12"/>
    </row>
    <row r="139686" spans="8:8">
      <c r="H139686" s="12"/>
    </row>
    <row r="139687" spans="8:8">
      <c r="H139687" s="12"/>
    </row>
    <row r="139688" spans="8:8">
      <c r="H139688" s="12"/>
    </row>
    <row r="139689" spans="8:8">
      <c r="H139689" s="12"/>
    </row>
    <row r="139690" spans="8:8">
      <c r="H139690" s="12"/>
    </row>
    <row r="139691" spans="8:8">
      <c r="H139691" s="12"/>
    </row>
    <row r="139692" spans="8:8">
      <c r="H139692" s="12"/>
    </row>
    <row r="139693" spans="8:8">
      <c r="H139693" s="12"/>
    </row>
    <row r="139694" spans="8:8">
      <c r="H139694" s="12"/>
    </row>
    <row r="139695" spans="8:8">
      <c r="H139695" s="12"/>
    </row>
    <row r="139696" spans="8:8">
      <c r="H139696" s="12"/>
    </row>
    <row r="139697" spans="8:8">
      <c r="H139697" s="12"/>
    </row>
    <row r="139698" spans="8:8">
      <c r="H139698" s="12"/>
    </row>
    <row r="139699" spans="8:8">
      <c r="H139699" s="12"/>
    </row>
    <row r="139700" spans="8:8">
      <c r="H139700" s="12"/>
    </row>
    <row r="139701" spans="8:8">
      <c r="H139701" s="12"/>
    </row>
    <row r="139702" spans="8:8">
      <c r="H139702" s="12"/>
    </row>
    <row r="139703" spans="8:8">
      <c r="H139703" s="12"/>
    </row>
    <row r="139704" spans="8:8">
      <c r="H139704" s="12"/>
    </row>
    <row r="139705" spans="8:8">
      <c r="H139705" s="12"/>
    </row>
    <row r="139706" spans="8:8">
      <c r="H139706" s="12"/>
    </row>
    <row r="139707" spans="8:8">
      <c r="H139707" s="12"/>
    </row>
    <row r="139708" spans="8:8">
      <c r="H139708" s="12"/>
    </row>
    <row r="139709" spans="8:8">
      <c r="H139709" s="12"/>
    </row>
    <row r="139710" spans="8:8">
      <c r="H139710" s="12"/>
    </row>
    <row r="139711" spans="8:8">
      <c r="H139711" s="12"/>
    </row>
    <row r="139712" spans="8:8">
      <c r="H139712" s="12"/>
    </row>
    <row r="139713" spans="8:8">
      <c r="H139713" s="12"/>
    </row>
    <row r="139714" spans="8:8">
      <c r="H139714" s="12"/>
    </row>
    <row r="139715" spans="8:8">
      <c r="H139715" s="12"/>
    </row>
    <row r="139716" spans="8:8">
      <c r="H139716" s="12"/>
    </row>
    <row r="139717" spans="8:8">
      <c r="H139717" s="12"/>
    </row>
    <row r="139718" spans="8:8">
      <c r="H139718" s="12"/>
    </row>
    <row r="139719" spans="8:8">
      <c r="H139719" s="12"/>
    </row>
    <row r="139720" spans="8:8">
      <c r="H139720" s="12"/>
    </row>
    <row r="139721" spans="8:8">
      <c r="H139721" s="12"/>
    </row>
    <row r="139722" spans="8:8">
      <c r="H139722" s="12"/>
    </row>
    <row r="139723" spans="8:8">
      <c r="H139723" s="12"/>
    </row>
    <row r="139724" spans="8:8">
      <c r="H139724" s="12"/>
    </row>
    <row r="139725" spans="8:8">
      <c r="H139725" s="12"/>
    </row>
    <row r="139726" spans="8:8">
      <c r="H139726" s="12"/>
    </row>
    <row r="139727" spans="8:8">
      <c r="H139727" s="12"/>
    </row>
    <row r="139728" spans="8:8">
      <c r="H139728" s="12"/>
    </row>
    <row r="139729" spans="8:8">
      <c r="H139729" s="12"/>
    </row>
    <row r="139730" spans="8:8">
      <c r="H139730" s="12"/>
    </row>
    <row r="139731" spans="8:8">
      <c r="H139731" s="12"/>
    </row>
    <row r="139732" spans="8:8">
      <c r="H139732" s="12"/>
    </row>
    <row r="139733" spans="8:8">
      <c r="H139733" s="12"/>
    </row>
    <row r="139734" spans="8:8">
      <c r="H139734" s="12"/>
    </row>
    <row r="139735" spans="8:8">
      <c r="H139735" s="12"/>
    </row>
    <row r="139736" spans="8:8">
      <c r="H139736" s="12"/>
    </row>
    <row r="139737" spans="8:8">
      <c r="H139737" s="12"/>
    </row>
    <row r="139738" spans="8:8">
      <c r="H139738" s="12"/>
    </row>
    <row r="139739" spans="8:8">
      <c r="H139739" s="12"/>
    </row>
    <row r="139740" spans="8:8">
      <c r="H139740" s="12"/>
    </row>
    <row r="139741" spans="8:8">
      <c r="H139741" s="12"/>
    </row>
    <row r="139742" spans="8:8">
      <c r="H139742" s="12"/>
    </row>
    <row r="139743" spans="8:8">
      <c r="H139743" s="12"/>
    </row>
    <row r="139744" spans="8:8">
      <c r="H139744" s="12"/>
    </row>
    <row r="139745" spans="8:8">
      <c r="H139745" s="12"/>
    </row>
    <row r="139746" spans="8:8">
      <c r="H139746" s="12"/>
    </row>
    <row r="139747" spans="8:8">
      <c r="H139747" s="12"/>
    </row>
    <row r="139748" spans="8:8">
      <c r="H139748" s="12"/>
    </row>
    <row r="139749" spans="8:8">
      <c r="H139749" s="12"/>
    </row>
    <row r="139750" spans="8:8">
      <c r="H139750" s="12"/>
    </row>
    <row r="139751" spans="8:8">
      <c r="H139751" s="12"/>
    </row>
    <row r="139752" spans="8:8">
      <c r="H139752" s="12"/>
    </row>
    <row r="139753" spans="8:8">
      <c r="H139753" s="12"/>
    </row>
    <row r="139754" spans="8:8">
      <c r="H139754" s="12"/>
    </row>
    <row r="139755" spans="8:8">
      <c r="H139755" s="12"/>
    </row>
    <row r="139756" spans="8:8">
      <c r="H139756" s="12"/>
    </row>
    <row r="139757" spans="8:8">
      <c r="H139757" s="12"/>
    </row>
    <row r="139758" spans="8:8">
      <c r="H139758" s="12"/>
    </row>
    <row r="139759" spans="8:8">
      <c r="H139759" s="12"/>
    </row>
    <row r="139760" spans="8:8">
      <c r="H139760" s="12"/>
    </row>
    <row r="139761" spans="8:8">
      <c r="H139761" s="12"/>
    </row>
    <row r="139762" spans="8:8">
      <c r="H139762" s="12"/>
    </row>
    <row r="139763" spans="8:8">
      <c r="H139763" s="12"/>
    </row>
    <row r="139764" spans="8:8">
      <c r="H139764" s="12"/>
    </row>
    <row r="139765" spans="8:8">
      <c r="H139765" s="12"/>
    </row>
    <row r="139766" spans="8:8">
      <c r="H139766" s="12"/>
    </row>
    <row r="139767" spans="8:8">
      <c r="H139767" s="12"/>
    </row>
    <row r="139768" spans="8:8">
      <c r="H139768" s="12"/>
    </row>
    <row r="139769" spans="8:8">
      <c r="H139769" s="12"/>
    </row>
    <row r="139770" spans="8:8">
      <c r="H139770" s="12"/>
    </row>
    <row r="139771" spans="8:8">
      <c r="H139771" s="12"/>
    </row>
    <row r="139772" spans="8:8">
      <c r="H139772" s="12"/>
    </row>
    <row r="139773" spans="8:8">
      <c r="H139773" s="12"/>
    </row>
    <row r="139774" spans="8:8">
      <c r="H139774" s="12"/>
    </row>
    <row r="139775" spans="8:8">
      <c r="H139775" s="12"/>
    </row>
    <row r="139776" spans="8:8">
      <c r="H139776" s="12"/>
    </row>
    <row r="139777" spans="8:8">
      <c r="H139777" s="12"/>
    </row>
    <row r="139778" spans="8:8">
      <c r="H139778" s="12"/>
    </row>
    <row r="139779" spans="8:8">
      <c r="H139779" s="12"/>
    </row>
    <row r="139780" spans="8:8">
      <c r="H139780" s="12"/>
    </row>
    <row r="139781" spans="8:8">
      <c r="H139781" s="12"/>
    </row>
    <row r="139782" spans="8:8">
      <c r="H139782" s="12"/>
    </row>
    <row r="139783" spans="8:8">
      <c r="H139783" s="12"/>
    </row>
    <row r="139784" spans="8:8">
      <c r="H139784" s="12"/>
    </row>
    <row r="139785" spans="8:8">
      <c r="H139785" s="12"/>
    </row>
    <row r="139786" spans="8:8">
      <c r="H139786" s="12"/>
    </row>
    <row r="139787" spans="8:8">
      <c r="H139787" s="12"/>
    </row>
    <row r="139788" spans="8:8">
      <c r="H139788" s="12"/>
    </row>
    <row r="139789" spans="8:8">
      <c r="H139789" s="12"/>
    </row>
    <row r="139790" spans="8:8">
      <c r="H139790" s="12"/>
    </row>
    <row r="139791" spans="8:8">
      <c r="H139791" s="12"/>
    </row>
    <row r="139792" spans="8:8">
      <c r="H139792" s="12"/>
    </row>
    <row r="139793" spans="8:8">
      <c r="H139793" s="12"/>
    </row>
    <row r="139794" spans="8:8">
      <c r="H139794" s="12"/>
    </row>
    <row r="139795" spans="8:8">
      <c r="H139795" s="12"/>
    </row>
    <row r="139796" spans="8:8">
      <c r="H139796" s="12"/>
    </row>
    <row r="139797" spans="8:8">
      <c r="H139797" s="12"/>
    </row>
    <row r="139798" spans="8:8">
      <c r="H139798" s="12"/>
    </row>
    <row r="139799" spans="8:8">
      <c r="H139799" s="12"/>
    </row>
    <row r="139800" spans="8:8">
      <c r="H139800" s="12"/>
    </row>
    <row r="139801" spans="8:8">
      <c r="H139801" s="12"/>
    </row>
    <row r="139802" spans="8:8">
      <c r="H139802" s="12"/>
    </row>
    <row r="139803" spans="8:8">
      <c r="H139803" s="12"/>
    </row>
    <row r="139804" spans="8:8">
      <c r="H139804" s="12"/>
    </row>
    <row r="139805" spans="8:8">
      <c r="H139805" s="12"/>
    </row>
    <row r="139806" spans="8:8">
      <c r="H139806" s="12"/>
    </row>
    <row r="139807" spans="8:8">
      <c r="H139807" s="12"/>
    </row>
    <row r="139808" spans="8:8">
      <c r="H139808" s="12"/>
    </row>
    <row r="139809" spans="8:8">
      <c r="H139809" s="12"/>
    </row>
    <row r="139810" spans="8:8">
      <c r="H139810" s="12"/>
    </row>
    <row r="139811" spans="8:8">
      <c r="H139811" s="12"/>
    </row>
    <row r="139812" spans="8:8">
      <c r="H139812" s="12"/>
    </row>
    <row r="139813" spans="8:8">
      <c r="H139813" s="12"/>
    </row>
    <row r="139814" spans="8:8">
      <c r="H139814" s="12"/>
    </row>
    <row r="139815" spans="8:8">
      <c r="H139815" s="12"/>
    </row>
    <row r="139816" spans="8:8">
      <c r="H139816" s="12"/>
    </row>
    <row r="139817" spans="8:8">
      <c r="H139817" s="12"/>
    </row>
    <row r="139818" spans="8:8">
      <c r="H139818" s="12"/>
    </row>
    <row r="139819" spans="8:8">
      <c r="H139819" s="12"/>
    </row>
    <row r="139820" spans="8:8">
      <c r="H139820" s="12"/>
    </row>
    <row r="139821" spans="8:8">
      <c r="H139821" s="12"/>
    </row>
    <row r="139822" spans="8:8">
      <c r="H139822" s="12"/>
    </row>
    <row r="139823" spans="8:8">
      <c r="H139823" s="12"/>
    </row>
    <row r="139824" spans="8:8">
      <c r="H139824" s="12"/>
    </row>
    <row r="139825" spans="8:8">
      <c r="H139825" s="12"/>
    </row>
    <row r="139826" spans="8:8">
      <c r="H139826" s="12"/>
    </row>
    <row r="139827" spans="8:8">
      <c r="H139827" s="12"/>
    </row>
    <row r="139828" spans="8:8">
      <c r="H139828" s="12"/>
    </row>
    <row r="139829" spans="8:8">
      <c r="H139829" s="12"/>
    </row>
    <row r="139830" spans="8:8">
      <c r="H139830" s="12"/>
    </row>
    <row r="139831" spans="8:8">
      <c r="H139831" s="12"/>
    </row>
    <row r="139832" spans="8:8">
      <c r="H139832" s="12"/>
    </row>
    <row r="139833" spans="8:8">
      <c r="H139833" s="12"/>
    </row>
    <row r="139834" spans="8:8">
      <c r="H139834" s="12"/>
    </row>
    <row r="139835" spans="8:8">
      <c r="H139835" s="12"/>
    </row>
    <row r="139836" spans="8:8">
      <c r="H139836" s="12"/>
    </row>
    <row r="139837" spans="8:8">
      <c r="H139837" s="12"/>
    </row>
    <row r="139838" spans="8:8">
      <c r="H139838" s="12"/>
    </row>
    <row r="139839" spans="8:8">
      <c r="H139839" s="12"/>
    </row>
    <row r="139840" spans="8:8">
      <c r="H139840" s="12"/>
    </row>
    <row r="139841" spans="8:8">
      <c r="H139841" s="12"/>
    </row>
    <row r="139842" spans="8:8">
      <c r="H139842" s="12"/>
    </row>
    <row r="139843" spans="8:8">
      <c r="H139843" s="12"/>
    </row>
    <row r="139844" spans="8:8">
      <c r="H139844" s="12"/>
    </row>
    <row r="139845" spans="8:8">
      <c r="H139845" s="12"/>
    </row>
    <row r="139846" spans="8:8">
      <c r="H139846" s="12"/>
    </row>
    <row r="139847" spans="8:8">
      <c r="H139847" s="12"/>
    </row>
    <row r="139848" spans="8:8">
      <c r="H139848" s="12"/>
    </row>
    <row r="139849" spans="8:8">
      <c r="H139849" s="12"/>
    </row>
    <row r="139850" spans="8:8">
      <c r="H139850" s="12"/>
    </row>
    <row r="139851" spans="8:8">
      <c r="H139851" s="12"/>
    </row>
    <row r="139852" spans="8:8">
      <c r="H139852" s="12"/>
    </row>
    <row r="139853" spans="8:8">
      <c r="H139853" s="12"/>
    </row>
    <row r="139854" spans="8:8">
      <c r="H139854" s="12"/>
    </row>
    <row r="139855" spans="8:8">
      <c r="H139855" s="12"/>
    </row>
    <row r="139856" spans="8:8">
      <c r="H139856" s="12"/>
    </row>
    <row r="139857" spans="8:8">
      <c r="H139857" s="12"/>
    </row>
    <row r="139858" spans="8:8">
      <c r="H139858" s="12"/>
    </row>
    <row r="139859" spans="8:8">
      <c r="H139859" s="12"/>
    </row>
    <row r="139860" spans="8:8">
      <c r="H139860" s="12"/>
    </row>
    <row r="139861" spans="8:8">
      <c r="H139861" s="12"/>
    </row>
    <row r="139862" spans="8:8">
      <c r="H139862" s="12"/>
    </row>
    <row r="139863" spans="8:8">
      <c r="H139863" s="12"/>
    </row>
    <row r="139864" spans="8:8">
      <c r="H139864" s="12"/>
    </row>
    <row r="139865" spans="8:8">
      <c r="H139865" s="12"/>
    </row>
    <row r="139866" spans="8:8">
      <c r="H139866" s="12"/>
    </row>
    <row r="139867" spans="8:8">
      <c r="H139867" s="12"/>
    </row>
    <row r="139868" spans="8:8">
      <c r="H139868" s="12"/>
    </row>
    <row r="139869" spans="8:8">
      <c r="H139869" s="12"/>
    </row>
    <row r="139870" spans="8:8">
      <c r="H139870" s="12"/>
    </row>
    <row r="139871" spans="8:8">
      <c r="H139871" s="12"/>
    </row>
    <row r="139872" spans="8:8">
      <c r="H139872" s="12"/>
    </row>
    <row r="139873" spans="8:8">
      <c r="H139873" s="12"/>
    </row>
    <row r="139874" spans="8:8">
      <c r="H139874" s="12"/>
    </row>
    <row r="139875" spans="8:8">
      <c r="H139875" s="12"/>
    </row>
    <row r="139876" spans="8:8">
      <c r="H139876" s="12"/>
    </row>
    <row r="139877" spans="8:8">
      <c r="H139877" s="12"/>
    </row>
    <row r="139878" spans="8:8">
      <c r="H139878" s="12"/>
    </row>
    <row r="139879" spans="8:8">
      <c r="H139879" s="12"/>
    </row>
    <row r="139880" spans="8:8">
      <c r="H139880" s="12"/>
    </row>
    <row r="139881" spans="8:8">
      <c r="H139881" s="12"/>
    </row>
    <row r="139882" spans="8:8">
      <c r="H139882" s="12"/>
    </row>
    <row r="139883" spans="8:8">
      <c r="H139883" s="12"/>
    </row>
    <row r="139884" spans="8:8">
      <c r="H139884" s="12"/>
    </row>
    <row r="139885" spans="8:8">
      <c r="H139885" s="12"/>
    </row>
    <row r="139886" spans="8:8">
      <c r="H139886" s="12"/>
    </row>
    <row r="139887" spans="8:8">
      <c r="H139887" s="12"/>
    </row>
    <row r="139888" spans="8:8">
      <c r="H139888" s="12"/>
    </row>
    <row r="139889" spans="8:8">
      <c r="H139889" s="12"/>
    </row>
    <row r="139890" spans="8:8">
      <c r="H139890" s="12"/>
    </row>
    <row r="139891" spans="8:8">
      <c r="H139891" s="12"/>
    </row>
    <row r="139892" spans="8:8">
      <c r="H139892" s="12"/>
    </row>
    <row r="139893" spans="8:8">
      <c r="H139893" s="12"/>
    </row>
    <row r="139894" spans="8:8">
      <c r="H139894" s="12"/>
    </row>
    <row r="139895" spans="8:8">
      <c r="H139895" s="12"/>
    </row>
    <row r="139896" spans="8:8">
      <c r="H139896" s="12"/>
    </row>
    <row r="139897" spans="8:8">
      <c r="H139897" s="12"/>
    </row>
    <row r="139898" spans="8:8">
      <c r="H139898" s="12"/>
    </row>
    <row r="139899" spans="8:8">
      <c r="H139899" s="12"/>
    </row>
    <row r="139900" spans="8:8">
      <c r="H139900" s="12"/>
    </row>
    <row r="139901" spans="8:8">
      <c r="H139901" s="12"/>
    </row>
    <row r="139902" spans="8:8">
      <c r="H139902" s="12"/>
    </row>
    <row r="139903" spans="8:8">
      <c r="H139903" s="12"/>
    </row>
    <row r="139904" spans="8:8">
      <c r="H139904" s="12"/>
    </row>
    <row r="139905" spans="8:8">
      <c r="H139905" s="12"/>
    </row>
    <row r="139906" spans="8:8">
      <c r="H139906" s="12"/>
    </row>
    <row r="139907" spans="8:8">
      <c r="H139907" s="12"/>
    </row>
    <row r="139908" spans="8:8">
      <c r="H139908" s="12"/>
    </row>
    <row r="139909" spans="8:8">
      <c r="H139909" s="12"/>
    </row>
    <row r="139910" spans="8:8">
      <c r="H139910" s="12"/>
    </row>
    <row r="139911" spans="8:8">
      <c r="H139911" s="12"/>
    </row>
    <row r="139912" spans="8:8">
      <c r="H139912" s="12"/>
    </row>
    <row r="139913" spans="8:8">
      <c r="H139913" s="12"/>
    </row>
    <row r="139914" spans="8:8">
      <c r="H139914" s="12"/>
    </row>
    <row r="139915" spans="8:8">
      <c r="H139915" s="12"/>
    </row>
    <row r="139916" spans="8:8">
      <c r="H139916" s="12"/>
    </row>
    <row r="139917" spans="8:8">
      <c r="H139917" s="12"/>
    </row>
    <row r="139918" spans="8:8">
      <c r="H139918" s="12"/>
    </row>
    <row r="139919" spans="8:8">
      <c r="H139919" s="12"/>
    </row>
    <row r="139920" spans="8:8">
      <c r="H139920" s="12"/>
    </row>
    <row r="139921" spans="8:8">
      <c r="H139921" s="12"/>
    </row>
    <row r="139922" spans="8:8">
      <c r="H139922" s="12"/>
    </row>
    <row r="139923" spans="8:8">
      <c r="H139923" s="12"/>
    </row>
    <row r="139924" spans="8:8">
      <c r="H139924" s="12"/>
    </row>
    <row r="139925" spans="8:8">
      <c r="H139925" s="12"/>
    </row>
    <row r="139926" spans="8:8">
      <c r="H139926" s="12"/>
    </row>
    <row r="139927" spans="8:8">
      <c r="H139927" s="12"/>
    </row>
    <row r="139928" spans="8:8">
      <c r="H139928" s="12"/>
    </row>
    <row r="139929" spans="8:8">
      <c r="H139929" s="12"/>
    </row>
    <row r="139930" spans="8:8">
      <c r="H139930" s="12"/>
    </row>
    <row r="139931" spans="8:8">
      <c r="H139931" s="12"/>
    </row>
    <row r="139932" spans="8:8">
      <c r="H139932" s="12"/>
    </row>
    <row r="139933" spans="8:8">
      <c r="H139933" s="12"/>
    </row>
    <row r="139934" spans="8:8">
      <c r="H139934" s="12"/>
    </row>
    <row r="139935" spans="8:8">
      <c r="H139935" s="12"/>
    </row>
    <row r="139936" spans="8:8">
      <c r="H139936" s="12"/>
    </row>
    <row r="139937" spans="8:8">
      <c r="H139937" s="12"/>
    </row>
    <row r="139938" spans="8:8">
      <c r="H139938" s="12"/>
    </row>
    <row r="139939" spans="8:8">
      <c r="H139939" s="12"/>
    </row>
    <row r="139940" spans="8:8">
      <c r="H139940" s="12"/>
    </row>
    <row r="139941" spans="8:8">
      <c r="H139941" s="12"/>
    </row>
    <row r="139942" spans="8:8">
      <c r="H139942" s="12"/>
    </row>
    <row r="139943" spans="8:8">
      <c r="H139943" s="12"/>
    </row>
    <row r="139944" spans="8:8">
      <c r="H139944" s="12"/>
    </row>
    <row r="139945" spans="8:8">
      <c r="H139945" s="12"/>
    </row>
    <row r="139946" spans="8:8">
      <c r="H139946" s="12"/>
    </row>
    <row r="139947" spans="8:8">
      <c r="H139947" s="12"/>
    </row>
    <row r="139948" spans="8:8">
      <c r="H139948" s="12"/>
    </row>
    <row r="139949" spans="8:8">
      <c r="H139949" s="12"/>
    </row>
    <row r="139950" spans="8:8">
      <c r="H139950" s="12"/>
    </row>
    <row r="139951" spans="8:8">
      <c r="H139951" s="12"/>
    </row>
    <row r="139952" spans="8:8">
      <c r="H139952" s="12"/>
    </row>
    <row r="139953" spans="8:8">
      <c r="H139953" s="12"/>
    </row>
    <row r="139954" spans="8:8">
      <c r="H139954" s="12"/>
    </row>
    <row r="139955" spans="8:8">
      <c r="H139955" s="12"/>
    </row>
    <row r="139956" spans="8:8">
      <c r="H139956" s="12"/>
    </row>
    <row r="139957" spans="8:8">
      <c r="H139957" s="12"/>
    </row>
    <row r="139958" spans="8:8">
      <c r="H139958" s="12"/>
    </row>
    <row r="139959" spans="8:8">
      <c r="H139959" s="12"/>
    </row>
    <row r="139960" spans="8:8">
      <c r="H139960" s="12"/>
    </row>
    <row r="139961" spans="8:8">
      <c r="H139961" s="12"/>
    </row>
    <row r="139962" spans="8:8">
      <c r="H139962" s="12"/>
    </row>
    <row r="139963" spans="8:8">
      <c r="H139963" s="12"/>
    </row>
    <row r="139964" spans="8:8">
      <c r="H139964" s="12"/>
    </row>
    <row r="139965" spans="8:8">
      <c r="H139965" s="12"/>
    </row>
    <row r="139966" spans="8:8">
      <c r="H139966" s="12"/>
    </row>
    <row r="139967" spans="8:8">
      <c r="H139967" s="12"/>
    </row>
    <row r="139968" spans="8:8">
      <c r="H139968" s="12"/>
    </row>
    <row r="139969" spans="8:8">
      <c r="H139969" s="12"/>
    </row>
    <row r="139970" spans="8:8">
      <c r="H139970" s="12"/>
    </row>
    <row r="139971" spans="8:8">
      <c r="H139971" s="12"/>
    </row>
    <row r="139972" spans="8:8">
      <c r="H139972" s="12"/>
    </row>
    <row r="139973" spans="8:8">
      <c r="H139973" s="12"/>
    </row>
    <row r="139974" spans="8:8">
      <c r="H139974" s="12"/>
    </row>
    <row r="139975" spans="8:8">
      <c r="H139975" s="12"/>
    </row>
    <row r="139976" spans="8:8">
      <c r="H139976" s="12"/>
    </row>
    <row r="139977" spans="8:8">
      <c r="H139977" s="12"/>
    </row>
    <row r="139978" spans="8:8">
      <c r="H139978" s="12"/>
    </row>
    <row r="139979" spans="8:8">
      <c r="H139979" s="12"/>
    </row>
    <row r="139980" spans="8:8">
      <c r="H139980" s="12"/>
    </row>
    <row r="139981" spans="8:8">
      <c r="H139981" s="12"/>
    </row>
    <row r="139982" spans="8:8">
      <c r="H139982" s="12"/>
    </row>
    <row r="139983" spans="8:8">
      <c r="H139983" s="12"/>
    </row>
    <row r="139984" spans="8:8">
      <c r="H139984" s="12"/>
    </row>
    <row r="139985" spans="8:8">
      <c r="H139985" s="12"/>
    </row>
    <row r="139986" spans="8:8">
      <c r="H139986" s="12"/>
    </row>
    <row r="139987" spans="8:8">
      <c r="H139987" s="12"/>
    </row>
    <row r="139988" spans="8:8">
      <c r="H139988" s="12"/>
    </row>
    <row r="139989" spans="8:8">
      <c r="H139989" s="12"/>
    </row>
    <row r="139990" spans="8:8">
      <c r="H139990" s="12"/>
    </row>
    <row r="139991" spans="8:8">
      <c r="H139991" s="12"/>
    </row>
    <row r="139992" spans="8:8">
      <c r="H139992" s="12"/>
    </row>
    <row r="139993" spans="8:8">
      <c r="H139993" s="12"/>
    </row>
    <row r="139994" spans="8:8">
      <c r="H139994" s="12"/>
    </row>
    <row r="139995" spans="8:8">
      <c r="H139995" s="12"/>
    </row>
    <row r="139996" spans="8:8">
      <c r="H139996" s="12"/>
    </row>
    <row r="139997" spans="8:8">
      <c r="H139997" s="12"/>
    </row>
    <row r="139998" spans="8:8">
      <c r="H139998" s="12"/>
    </row>
    <row r="139999" spans="8:8">
      <c r="H139999" s="12"/>
    </row>
    <row r="140000" spans="8:8">
      <c r="H140000" s="12"/>
    </row>
    <row r="140001" spans="8:8">
      <c r="H140001" s="12"/>
    </row>
    <row r="140002" spans="8:8">
      <c r="H140002" s="12"/>
    </row>
    <row r="140003" spans="8:8">
      <c r="H140003" s="12"/>
    </row>
    <row r="140004" spans="8:8">
      <c r="H140004" s="12"/>
    </row>
    <row r="140005" spans="8:8">
      <c r="H140005" s="12"/>
    </row>
    <row r="140006" spans="8:8">
      <c r="H140006" s="12"/>
    </row>
    <row r="140007" spans="8:8">
      <c r="H140007" s="12"/>
    </row>
    <row r="140008" spans="8:8">
      <c r="H140008" s="12"/>
    </row>
    <row r="140009" spans="8:8">
      <c r="H140009" s="12"/>
    </row>
    <row r="140010" spans="8:8">
      <c r="H140010" s="12"/>
    </row>
    <row r="140011" spans="8:8">
      <c r="H140011" s="12"/>
    </row>
    <row r="140012" spans="8:8">
      <c r="H140012" s="12"/>
    </row>
    <row r="140013" spans="8:8">
      <c r="H140013" s="12"/>
    </row>
    <row r="140014" spans="8:8">
      <c r="H140014" s="12"/>
    </row>
    <row r="140015" spans="8:8">
      <c r="H140015" s="12"/>
    </row>
    <row r="140016" spans="8:8">
      <c r="H140016" s="12"/>
    </row>
    <row r="140017" spans="8:8">
      <c r="H140017" s="12"/>
    </row>
    <row r="140018" spans="8:8">
      <c r="H140018" s="12"/>
    </row>
    <row r="140019" spans="8:8">
      <c r="H140019" s="12"/>
    </row>
    <row r="140020" spans="8:8">
      <c r="H140020" s="12"/>
    </row>
    <row r="140021" spans="8:8">
      <c r="H140021" s="12"/>
    </row>
    <row r="140022" spans="8:8">
      <c r="H140022" s="12"/>
    </row>
    <row r="140023" spans="8:8">
      <c r="H140023" s="12"/>
    </row>
    <row r="140024" spans="8:8">
      <c r="H140024" s="12"/>
    </row>
    <row r="140025" spans="8:8">
      <c r="H140025" s="12"/>
    </row>
    <row r="140026" spans="8:8">
      <c r="H140026" s="12"/>
    </row>
    <row r="140027" spans="8:8">
      <c r="H140027" s="12"/>
    </row>
    <row r="140028" spans="8:8">
      <c r="H140028" s="12"/>
    </row>
    <row r="140029" spans="8:8">
      <c r="H140029" s="12"/>
    </row>
    <row r="140030" spans="8:8">
      <c r="H140030" s="12"/>
    </row>
    <row r="140031" spans="8:8">
      <c r="H140031" s="12"/>
    </row>
    <row r="140032" spans="8:8">
      <c r="H140032" s="12"/>
    </row>
    <row r="140033" spans="8:8">
      <c r="H140033" s="12"/>
    </row>
    <row r="140034" spans="8:8">
      <c r="H140034" s="12"/>
    </row>
    <row r="140035" spans="8:8">
      <c r="H140035" s="12"/>
    </row>
    <row r="140036" spans="8:8">
      <c r="H140036" s="12"/>
    </row>
    <row r="140037" spans="8:8">
      <c r="H140037" s="12"/>
    </row>
    <row r="140038" spans="8:8">
      <c r="H140038" s="12"/>
    </row>
    <row r="140039" spans="8:8">
      <c r="H140039" s="12"/>
    </row>
    <row r="140040" spans="8:8">
      <c r="H140040" s="12"/>
    </row>
    <row r="140041" spans="8:8">
      <c r="H140041" s="12"/>
    </row>
    <row r="140042" spans="8:8">
      <c r="H140042" s="12"/>
    </row>
    <row r="140043" spans="8:8">
      <c r="H140043" s="12"/>
    </row>
    <row r="140044" spans="8:8">
      <c r="H140044" s="12"/>
    </row>
    <row r="140045" spans="8:8">
      <c r="H140045" s="12"/>
    </row>
    <row r="140046" spans="8:8">
      <c r="H140046" s="12"/>
    </row>
    <row r="140047" spans="8:8">
      <c r="H140047" s="12"/>
    </row>
    <row r="140048" spans="8:8">
      <c r="H140048" s="12"/>
    </row>
    <row r="140049" spans="8:8">
      <c r="H140049" s="12"/>
    </row>
    <row r="140050" spans="8:8">
      <c r="H140050" s="12"/>
    </row>
    <row r="140051" spans="8:8">
      <c r="H140051" s="12"/>
    </row>
    <row r="140052" spans="8:8">
      <c r="H140052" s="12"/>
    </row>
    <row r="140053" spans="8:8">
      <c r="H140053" s="12"/>
    </row>
    <row r="140054" spans="8:8">
      <c r="H140054" s="12"/>
    </row>
    <row r="140055" spans="8:8">
      <c r="H140055" s="12"/>
    </row>
    <row r="140056" spans="8:8">
      <c r="H140056" s="12"/>
    </row>
    <row r="140057" spans="8:8">
      <c r="H140057" s="12"/>
    </row>
    <row r="140058" spans="8:8">
      <c r="H140058" s="12"/>
    </row>
    <row r="140059" spans="8:8">
      <c r="H140059" s="12"/>
    </row>
    <row r="140060" spans="8:8">
      <c r="H140060" s="12"/>
    </row>
    <row r="140061" spans="8:8">
      <c r="H140061" s="12"/>
    </row>
    <row r="140062" spans="8:8">
      <c r="H140062" s="12"/>
    </row>
    <row r="140063" spans="8:8">
      <c r="H140063" s="12"/>
    </row>
    <row r="140064" spans="8:8">
      <c r="H140064" s="12"/>
    </row>
    <row r="140065" spans="8:8">
      <c r="H140065" s="12"/>
    </row>
    <row r="140066" spans="8:8">
      <c r="H140066" s="12"/>
    </row>
    <row r="140067" spans="8:8">
      <c r="H140067" s="12"/>
    </row>
    <row r="140068" spans="8:8">
      <c r="H140068" s="12"/>
    </row>
    <row r="140069" spans="8:8">
      <c r="H140069" s="12"/>
    </row>
    <row r="140070" spans="8:8">
      <c r="H140070" s="12"/>
    </row>
    <row r="140071" spans="8:8">
      <c r="H140071" s="12"/>
    </row>
    <row r="140072" spans="8:8">
      <c r="H140072" s="12"/>
    </row>
    <row r="140073" spans="8:8">
      <c r="H140073" s="12"/>
    </row>
    <row r="140074" spans="8:8">
      <c r="H140074" s="12"/>
    </row>
    <row r="140075" spans="8:8">
      <c r="H140075" s="12"/>
    </row>
    <row r="140076" spans="8:8">
      <c r="H140076" s="12"/>
    </row>
    <row r="140077" spans="8:8">
      <c r="H140077" s="12"/>
    </row>
    <row r="140078" spans="8:8">
      <c r="H140078" s="12"/>
    </row>
    <row r="140079" spans="8:8">
      <c r="H140079" s="12"/>
    </row>
    <row r="140080" spans="8:8">
      <c r="H140080" s="12"/>
    </row>
    <row r="140081" spans="8:8">
      <c r="H140081" s="12"/>
    </row>
    <row r="140082" spans="8:8">
      <c r="H140082" s="12"/>
    </row>
    <row r="140083" spans="8:8">
      <c r="H140083" s="12"/>
    </row>
    <row r="140084" spans="8:8">
      <c r="H140084" s="12"/>
    </row>
    <row r="140085" spans="8:8">
      <c r="H140085" s="12"/>
    </row>
    <row r="140086" spans="8:8">
      <c r="H140086" s="12"/>
    </row>
    <row r="140087" spans="8:8">
      <c r="H140087" s="12"/>
    </row>
    <row r="140088" spans="8:8">
      <c r="H140088" s="12"/>
    </row>
    <row r="140089" spans="8:8">
      <c r="H140089" s="12"/>
    </row>
    <row r="140090" spans="8:8">
      <c r="H140090" s="12"/>
    </row>
    <row r="140091" spans="8:8">
      <c r="H140091" s="12"/>
    </row>
    <row r="140092" spans="8:8">
      <c r="H140092" s="12"/>
    </row>
    <row r="140093" spans="8:8">
      <c r="H140093" s="12"/>
    </row>
    <row r="140094" spans="8:8">
      <c r="H140094" s="12"/>
    </row>
    <row r="140095" spans="8:8">
      <c r="H140095" s="12"/>
    </row>
    <row r="140096" spans="8:8">
      <c r="H140096" s="12"/>
    </row>
    <row r="140097" spans="8:8">
      <c r="H140097" s="12"/>
    </row>
    <row r="140098" spans="8:8">
      <c r="H140098" s="12"/>
    </row>
    <row r="140099" spans="8:8">
      <c r="H140099" s="12"/>
    </row>
    <row r="140100" spans="8:8">
      <c r="H140100" s="12"/>
    </row>
    <row r="140101" spans="8:8">
      <c r="H140101" s="12"/>
    </row>
    <row r="140102" spans="8:8">
      <c r="H140102" s="12"/>
    </row>
    <row r="140103" spans="8:8">
      <c r="H140103" s="12"/>
    </row>
    <row r="140104" spans="8:8">
      <c r="H140104" s="12"/>
    </row>
    <row r="140105" spans="8:8">
      <c r="H140105" s="12"/>
    </row>
    <row r="140106" spans="8:8">
      <c r="H140106" s="12"/>
    </row>
    <row r="140107" spans="8:8">
      <c r="H140107" s="12"/>
    </row>
    <row r="140108" spans="8:8">
      <c r="H140108" s="12"/>
    </row>
    <row r="140109" spans="8:8">
      <c r="H140109" s="12"/>
    </row>
    <row r="140110" spans="8:8">
      <c r="H140110" s="12"/>
    </row>
    <row r="140111" spans="8:8">
      <c r="H140111" s="12"/>
    </row>
    <row r="140112" spans="8:8">
      <c r="H140112" s="12"/>
    </row>
    <row r="140113" spans="8:8">
      <c r="H140113" s="12"/>
    </row>
    <row r="140114" spans="8:8">
      <c r="H140114" s="12"/>
    </row>
    <row r="140115" spans="8:8">
      <c r="H140115" s="12"/>
    </row>
    <row r="140116" spans="8:8">
      <c r="H140116" s="12"/>
    </row>
    <row r="140117" spans="8:8">
      <c r="H140117" s="12"/>
    </row>
    <row r="140118" spans="8:8">
      <c r="H140118" s="12"/>
    </row>
    <row r="140119" spans="8:8">
      <c r="H140119" s="12"/>
    </row>
    <row r="140120" spans="8:8">
      <c r="H140120" s="12"/>
    </row>
    <row r="140121" spans="8:8">
      <c r="H140121" s="12"/>
    </row>
    <row r="140122" spans="8:8">
      <c r="H140122" s="12"/>
    </row>
    <row r="140123" spans="8:8">
      <c r="H140123" s="12"/>
    </row>
    <row r="140124" spans="8:8">
      <c r="H140124" s="12"/>
    </row>
    <row r="140125" spans="8:8">
      <c r="H140125" s="12"/>
    </row>
    <row r="140126" spans="8:8">
      <c r="H140126" s="12"/>
    </row>
    <row r="140127" spans="8:8">
      <c r="H140127" s="12"/>
    </row>
    <row r="140128" spans="8:8">
      <c r="H140128" s="12"/>
    </row>
    <row r="140129" spans="8:8">
      <c r="H140129" s="12"/>
    </row>
    <row r="140130" spans="8:8">
      <c r="H140130" s="12"/>
    </row>
    <row r="140131" spans="8:8">
      <c r="H140131" s="12"/>
    </row>
    <row r="140132" spans="8:8">
      <c r="H140132" s="12"/>
    </row>
    <row r="140133" spans="8:8">
      <c r="H140133" s="12"/>
    </row>
    <row r="140134" spans="8:8">
      <c r="H140134" s="12"/>
    </row>
    <row r="140135" spans="8:8">
      <c r="H140135" s="12"/>
    </row>
    <row r="140136" spans="8:8">
      <c r="H140136" s="12"/>
    </row>
    <row r="140137" spans="8:8">
      <c r="H140137" s="12"/>
    </row>
    <row r="140138" spans="8:8">
      <c r="H140138" s="12"/>
    </row>
    <row r="140139" spans="8:8">
      <c r="H140139" s="12"/>
    </row>
    <row r="140140" spans="8:8">
      <c r="H140140" s="12"/>
    </row>
    <row r="140141" spans="8:8">
      <c r="H140141" s="12"/>
    </row>
    <row r="140142" spans="8:8">
      <c r="H140142" s="12"/>
    </row>
    <row r="140143" spans="8:8">
      <c r="H140143" s="12"/>
    </row>
    <row r="140144" spans="8:8">
      <c r="H140144" s="12"/>
    </row>
    <row r="140145" spans="8:8">
      <c r="H140145" s="12"/>
    </row>
    <row r="140146" spans="8:8">
      <c r="H140146" s="12"/>
    </row>
    <row r="140147" spans="8:8">
      <c r="H140147" s="12"/>
    </row>
    <row r="140148" spans="8:8">
      <c r="H140148" s="12"/>
    </row>
    <row r="140149" spans="8:8">
      <c r="H140149" s="12"/>
    </row>
    <row r="140150" spans="8:8">
      <c r="H140150" s="12"/>
    </row>
    <row r="140151" spans="8:8">
      <c r="H140151" s="12"/>
    </row>
    <row r="140152" spans="8:8">
      <c r="H140152" s="12"/>
    </row>
    <row r="140153" spans="8:8">
      <c r="H140153" s="12"/>
    </row>
    <row r="140154" spans="8:8">
      <c r="H140154" s="12"/>
    </row>
    <row r="140155" spans="8:8">
      <c r="H140155" s="12"/>
    </row>
    <row r="140156" spans="8:8">
      <c r="H140156" s="12"/>
    </row>
    <row r="140157" spans="8:8">
      <c r="H140157" s="12"/>
    </row>
    <row r="140158" spans="8:8">
      <c r="H140158" s="12"/>
    </row>
    <row r="140159" spans="8:8">
      <c r="H140159" s="12"/>
    </row>
    <row r="140160" spans="8:8">
      <c r="H140160" s="12"/>
    </row>
    <row r="140161" spans="8:8">
      <c r="H140161" s="12"/>
    </row>
    <row r="140162" spans="8:8">
      <c r="H140162" s="12"/>
    </row>
    <row r="140163" spans="8:8">
      <c r="H140163" s="12"/>
    </row>
    <row r="140164" spans="8:8">
      <c r="H140164" s="12"/>
    </row>
    <row r="140165" spans="8:8">
      <c r="H140165" s="12"/>
    </row>
    <row r="140166" spans="8:8">
      <c r="H140166" s="12"/>
    </row>
    <row r="140167" spans="8:8">
      <c r="H140167" s="12"/>
    </row>
    <row r="140168" spans="8:8">
      <c r="H140168" s="12"/>
    </row>
    <row r="140169" spans="8:8">
      <c r="H140169" s="12"/>
    </row>
    <row r="140170" spans="8:8">
      <c r="H140170" s="12"/>
    </row>
    <row r="140171" spans="8:8">
      <c r="H140171" s="12"/>
    </row>
    <row r="140172" spans="8:8">
      <c r="H140172" s="12"/>
    </row>
    <row r="140173" spans="8:8">
      <c r="H140173" s="12"/>
    </row>
    <row r="140174" spans="8:8">
      <c r="H140174" s="12"/>
    </row>
    <row r="140175" spans="8:8">
      <c r="H140175" s="12"/>
    </row>
    <row r="140176" spans="8:8">
      <c r="H140176" s="12"/>
    </row>
    <row r="140177" spans="8:8">
      <c r="H140177" s="12"/>
    </row>
    <row r="140178" spans="8:8">
      <c r="H140178" s="12"/>
    </row>
    <row r="140179" spans="8:8">
      <c r="H140179" s="12"/>
    </row>
    <row r="140180" spans="8:8">
      <c r="H140180" s="12"/>
    </row>
    <row r="140181" spans="8:8">
      <c r="H140181" s="12"/>
    </row>
    <row r="140182" spans="8:8">
      <c r="H140182" s="12"/>
    </row>
    <row r="140183" spans="8:8">
      <c r="H140183" s="12"/>
    </row>
    <row r="140184" spans="8:8">
      <c r="H140184" s="12"/>
    </row>
    <row r="140185" spans="8:8">
      <c r="H140185" s="12"/>
    </row>
    <row r="140186" spans="8:8">
      <c r="H140186" s="12"/>
    </row>
    <row r="140187" spans="8:8">
      <c r="H140187" s="12"/>
    </row>
    <row r="140188" spans="8:8">
      <c r="H140188" s="12"/>
    </row>
    <row r="140189" spans="8:8">
      <c r="H140189" s="12"/>
    </row>
    <row r="140190" spans="8:8">
      <c r="H140190" s="12"/>
    </row>
    <row r="140191" spans="8:8">
      <c r="H140191" s="12"/>
    </row>
    <row r="140192" spans="8:8">
      <c r="H140192" s="12"/>
    </row>
    <row r="140193" spans="8:8">
      <c r="H140193" s="12"/>
    </row>
    <row r="140194" spans="8:8">
      <c r="H140194" s="12"/>
    </row>
    <row r="140195" spans="8:8">
      <c r="H140195" s="12"/>
    </row>
    <row r="140196" spans="8:8">
      <c r="H140196" s="12"/>
    </row>
    <row r="140197" spans="8:8">
      <c r="H140197" s="12"/>
    </row>
    <row r="140198" spans="8:8">
      <c r="H140198" s="12"/>
    </row>
    <row r="140199" spans="8:8">
      <c r="H140199" s="12"/>
    </row>
    <row r="140200" spans="8:8">
      <c r="H140200" s="12"/>
    </row>
    <row r="140201" spans="8:8">
      <c r="H140201" s="12"/>
    </row>
    <row r="140202" spans="8:8">
      <c r="H140202" s="12"/>
    </row>
    <row r="140203" spans="8:8">
      <c r="H140203" s="12"/>
    </row>
    <row r="140204" spans="8:8">
      <c r="H140204" s="12"/>
    </row>
    <row r="140205" spans="8:8">
      <c r="H140205" s="12"/>
    </row>
    <row r="140206" spans="8:8">
      <c r="H140206" s="12"/>
    </row>
    <row r="140207" spans="8:8">
      <c r="H140207" s="12"/>
    </row>
    <row r="140208" spans="8:8">
      <c r="H140208" s="12"/>
    </row>
    <row r="140209" spans="8:8">
      <c r="H140209" s="12"/>
    </row>
    <row r="140210" spans="8:8">
      <c r="H140210" s="12"/>
    </row>
    <row r="140211" spans="8:8">
      <c r="H140211" s="12"/>
    </row>
    <row r="140212" spans="8:8">
      <c r="H140212" s="12"/>
    </row>
    <row r="140213" spans="8:8">
      <c r="H140213" s="12"/>
    </row>
    <row r="140214" spans="8:8">
      <c r="H140214" s="12"/>
    </row>
    <row r="140215" spans="8:8">
      <c r="H140215" s="12"/>
    </row>
    <row r="140216" spans="8:8">
      <c r="H140216" s="12"/>
    </row>
    <row r="140217" spans="8:8">
      <c r="H140217" s="12"/>
    </row>
    <row r="140218" spans="8:8">
      <c r="H140218" s="12"/>
    </row>
    <row r="140219" spans="8:8">
      <c r="H140219" s="12"/>
    </row>
    <row r="140220" spans="8:8">
      <c r="H140220" s="12"/>
    </row>
    <row r="140221" spans="8:8">
      <c r="H140221" s="12"/>
    </row>
    <row r="140222" spans="8:8">
      <c r="H140222" s="12"/>
    </row>
    <row r="140223" spans="8:8">
      <c r="H140223" s="12"/>
    </row>
    <row r="140224" spans="8:8">
      <c r="H140224" s="12"/>
    </row>
    <row r="140225" spans="8:8">
      <c r="H140225" s="12"/>
    </row>
    <row r="140226" spans="8:8">
      <c r="H140226" s="12"/>
    </row>
    <row r="140227" spans="8:8">
      <c r="H140227" s="12"/>
    </row>
    <row r="140228" spans="8:8">
      <c r="H140228" s="12"/>
    </row>
    <row r="140229" spans="8:8">
      <c r="H140229" s="12"/>
    </row>
    <row r="140230" spans="8:8">
      <c r="H140230" s="12"/>
    </row>
    <row r="140231" spans="8:8">
      <c r="H140231" s="12"/>
    </row>
    <row r="140232" spans="8:8">
      <c r="H140232" s="12"/>
    </row>
    <row r="140233" spans="8:8">
      <c r="H140233" s="12"/>
    </row>
    <row r="140234" spans="8:8">
      <c r="H140234" s="12"/>
    </row>
    <row r="140235" spans="8:8">
      <c r="H140235" s="12"/>
    </row>
    <row r="140236" spans="8:8">
      <c r="H140236" s="12"/>
    </row>
    <row r="140237" spans="8:8">
      <c r="H140237" s="12"/>
    </row>
    <row r="140238" spans="8:8">
      <c r="H140238" s="12"/>
    </row>
    <row r="140239" spans="8:8">
      <c r="H140239" s="12"/>
    </row>
    <row r="140240" spans="8:8">
      <c r="H140240" s="12"/>
    </row>
    <row r="140241" spans="8:8">
      <c r="H140241" s="12"/>
    </row>
    <row r="140242" spans="8:8">
      <c r="H140242" s="12"/>
    </row>
    <row r="140243" spans="8:8">
      <c r="H140243" s="12"/>
    </row>
    <row r="140244" spans="8:8">
      <c r="H140244" s="12"/>
    </row>
    <row r="140245" spans="8:8">
      <c r="H140245" s="12"/>
    </row>
    <row r="140246" spans="8:8">
      <c r="H140246" s="12"/>
    </row>
    <row r="140247" spans="8:8">
      <c r="H140247" s="12"/>
    </row>
    <row r="140248" spans="8:8">
      <c r="H140248" s="12"/>
    </row>
    <row r="140249" spans="8:8">
      <c r="H140249" s="12"/>
    </row>
    <row r="140250" spans="8:8">
      <c r="H140250" s="12"/>
    </row>
    <row r="140251" spans="8:8">
      <c r="H140251" s="12"/>
    </row>
    <row r="140252" spans="8:8">
      <c r="H140252" s="12"/>
    </row>
    <row r="140253" spans="8:8">
      <c r="H140253" s="12"/>
    </row>
    <row r="140254" spans="8:8">
      <c r="H140254" s="12"/>
    </row>
    <row r="140255" spans="8:8">
      <c r="H140255" s="12"/>
    </row>
    <row r="140256" spans="8:8">
      <c r="H140256" s="12"/>
    </row>
    <row r="140257" spans="8:8">
      <c r="H140257" s="12"/>
    </row>
    <row r="140258" spans="8:8">
      <c r="H140258" s="12"/>
    </row>
    <row r="140259" spans="8:8">
      <c r="H140259" s="12"/>
    </row>
    <row r="140260" spans="8:8">
      <c r="H140260" s="12"/>
    </row>
    <row r="140261" spans="8:8">
      <c r="H140261" s="12"/>
    </row>
    <row r="140262" spans="8:8">
      <c r="H140262" s="12"/>
    </row>
    <row r="140263" spans="8:8">
      <c r="H140263" s="12"/>
    </row>
    <row r="140264" spans="8:8">
      <c r="H140264" s="12"/>
    </row>
    <row r="140265" spans="8:8">
      <c r="H140265" s="12"/>
    </row>
    <row r="140266" spans="8:8">
      <c r="H140266" s="12"/>
    </row>
    <row r="140267" spans="8:8">
      <c r="H140267" s="12"/>
    </row>
    <row r="140268" spans="8:8">
      <c r="H140268" s="12"/>
    </row>
    <row r="140269" spans="8:8">
      <c r="H140269" s="12"/>
    </row>
    <row r="140270" spans="8:8">
      <c r="H140270" s="12"/>
    </row>
    <row r="140271" spans="8:8">
      <c r="H140271" s="12"/>
    </row>
    <row r="140272" spans="8:8">
      <c r="H140272" s="12"/>
    </row>
    <row r="140273" spans="8:8">
      <c r="H140273" s="12"/>
    </row>
    <row r="140274" spans="8:8">
      <c r="H140274" s="12"/>
    </row>
    <row r="140275" spans="8:8">
      <c r="H140275" s="12"/>
    </row>
    <row r="140276" spans="8:8">
      <c r="H140276" s="12"/>
    </row>
    <row r="140277" spans="8:8">
      <c r="H140277" s="12"/>
    </row>
    <row r="140278" spans="8:8">
      <c r="H140278" s="12"/>
    </row>
    <row r="140279" spans="8:8">
      <c r="H140279" s="12"/>
    </row>
    <row r="140280" spans="8:8">
      <c r="H140280" s="12"/>
    </row>
    <row r="140281" spans="8:8">
      <c r="H140281" s="12"/>
    </row>
    <row r="140282" spans="8:8">
      <c r="H140282" s="12"/>
    </row>
    <row r="140283" spans="8:8">
      <c r="H140283" s="12"/>
    </row>
    <row r="140284" spans="8:8">
      <c r="H140284" s="12"/>
    </row>
    <row r="140285" spans="8:8">
      <c r="H140285" s="12"/>
    </row>
    <row r="140286" spans="8:8">
      <c r="H140286" s="12"/>
    </row>
    <row r="140287" spans="8:8">
      <c r="H140287" s="12"/>
    </row>
    <row r="140288" spans="8:8">
      <c r="H140288" s="12"/>
    </row>
    <row r="140289" spans="8:8">
      <c r="H140289" s="12"/>
    </row>
    <row r="140290" spans="8:8">
      <c r="H140290" s="12"/>
    </row>
    <row r="140291" spans="8:8">
      <c r="H140291" s="12"/>
    </row>
    <row r="140292" spans="8:8">
      <c r="H140292" s="12"/>
    </row>
    <row r="140293" spans="8:8">
      <c r="H140293" s="12"/>
    </row>
    <row r="140294" spans="8:8">
      <c r="H140294" s="12"/>
    </row>
    <row r="140295" spans="8:8">
      <c r="H140295" s="12"/>
    </row>
    <row r="140296" spans="8:8">
      <c r="H140296" s="12"/>
    </row>
    <row r="140297" spans="8:8">
      <c r="H140297" s="12"/>
    </row>
    <row r="140298" spans="8:8">
      <c r="H140298" s="12"/>
    </row>
    <row r="140299" spans="8:8">
      <c r="H140299" s="12"/>
    </row>
    <row r="140300" spans="8:8">
      <c r="H140300" s="12"/>
    </row>
    <row r="140301" spans="8:8">
      <c r="H140301" s="12"/>
    </row>
    <row r="140302" spans="8:8">
      <c r="H140302" s="12"/>
    </row>
    <row r="140303" spans="8:8">
      <c r="H140303" s="12"/>
    </row>
    <row r="140304" spans="8:8">
      <c r="H140304" s="12"/>
    </row>
    <row r="140305" spans="8:8">
      <c r="H140305" s="12"/>
    </row>
    <row r="140306" spans="8:8">
      <c r="H140306" s="12"/>
    </row>
    <row r="140307" spans="8:8">
      <c r="H140307" s="12"/>
    </row>
    <row r="140308" spans="8:8">
      <c r="H140308" s="12"/>
    </row>
    <row r="140309" spans="8:8">
      <c r="H140309" s="12"/>
    </row>
    <row r="140310" spans="8:8">
      <c r="H140310" s="12"/>
    </row>
    <row r="140311" spans="8:8">
      <c r="H140311" s="12"/>
    </row>
    <row r="140312" spans="8:8">
      <c r="H140312" s="12"/>
    </row>
    <row r="140313" spans="8:8">
      <c r="H140313" s="12"/>
    </row>
    <row r="140314" spans="8:8">
      <c r="H140314" s="12"/>
    </row>
    <row r="140315" spans="8:8">
      <c r="H140315" s="12"/>
    </row>
    <row r="140316" spans="8:8">
      <c r="H140316" s="12"/>
    </row>
    <row r="140317" spans="8:8">
      <c r="H140317" s="12"/>
    </row>
    <row r="140318" spans="8:8">
      <c r="H140318" s="12"/>
    </row>
    <row r="140319" spans="8:8">
      <c r="H140319" s="12"/>
    </row>
    <row r="140320" spans="8:8">
      <c r="H140320" s="12"/>
    </row>
    <row r="140321" spans="8:8">
      <c r="H140321" s="12"/>
    </row>
    <row r="140322" spans="8:8">
      <c r="H140322" s="12"/>
    </row>
    <row r="140323" spans="8:8">
      <c r="H140323" s="12"/>
    </row>
    <row r="140324" spans="8:8">
      <c r="H140324" s="12"/>
    </row>
    <row r="140325" spans="8:8">
      <c r="H140325" s="12"/>
    </row>
    <row r="140326" spans="8:8">
      <c r="H140326" s="12"/>
    </row>
    <row r="140327" spans="8:8">
      <c r="H140327" s="12"/>
    </row>
    <row r="140328" spans="8:8">
      <c r="H140328" s="12"/>
    </row>
    <row r="140329" spans="8:8">
      <c r="H140329" s="12"/>
    </row>
    <row r="140330" spans="8:8">
      <c r="H140330" s="12"/>
    </row>
    <row r="140331" spans="8:8">
      <c r="H140331" s="12"/>
    </row>
    <row r="140332" spans="8:8">
      <c r="H140332" s="12"/>
    </row>
    <row r="140333" spans="8:8">
      <c r="H140333" s="12"/>
    </row>
    <row r="140334" spans="8:8">
      <c r="H140334" s="12"/>
    </row>
    <row r="140335" spans="8:8">
      <c r="H140335" s="12"/>
    </row>
    <row r="140336" spans="8:8">
      <c r="H140336" s="12"/>
    </row>
    <row r="140337" spans="8:8">
      <c r="H140337" s="12"/>
    </row>
    <row r="140338" spans="8:8">
      <c r="H140338" s="12"/>
    </row>
    <row r="140339" spans="8:8">
      <c r="H140339" s="12"/>
    </row>
    <row r="140340" spans="8:8">
      <c r="H140340" s="12"/>
    </row>
    <row r="140341" spans="8:8">
      <c r="H140341" s="12"/>
    </row>
    <row r="140342" spans="8:8">
      <c r="H140342" s="12"/>
    </row>
    <row r="140343" spans="8:8">
      <c r="H140343" s="12"/>
    </row>
    <row r="140344" spans="8:8">
      <c r="H140344" s="12"/>
    </row>
    <row r="140345" spans="8:8">
      <c r="H140345" s="12"/>
    </row>
    <row r="140346" spans="8:8">
      <c r="H140346" s="12"/>
    </row>
    <row r="140347" spans="8:8">
      <c r="H140347" s="12"/>
    </row>
    <row r="140348" spans="8:8">
      <c r="H140348" s="12"/>
    </row>
    <row r="140349" spans="8:8">
      <c r="H140349" s="12"/>
    </row>
    <row r="140350" spans="8:8">
      <c r="H140350" s="12"/>
    </row>
    <row r="140351" spans="8:8">
      <c r="H140351" s="12"/>
    </row>
    <row r="140352" spans="8:8">
      <c r="H140352" s="12"/>
    </row>
    <row r="140353" spans="8:8">
      <c r="H140353" s="12"/>
    </row>
    <row r="140354" spans="8:8">
      <c r="H140354" s="12"/>
    </row>
    <row r="140355" spans="8:8">
      <c r="H140355" s="12"/>
    </row>
    <row r="140356" spans="8:8">
      <c r="H140356" s="12"/>
    </row>
    <row r="140357" spans="8:8">
      <c r="H140357" s="12"/>
    </row>
    <row r="140358" spans="8:8">
      <c r="H140358" s="12"/>
    </row>
    <row r="140359" spans="8:8">
      <c r="H140359" s="12"/>
    </row>
    <row r="140360" spans="8:8">
      <c r="H140360" s="12"/>
    </row>
    <row r="140361" spans="8:8">
      <c r="H140361" s="12"/>
    </row>
    <row r="140362" spans="8:8">
      <c r="H140362" s="12"/>
    </row>
    <row r="140363" spans="8:8">
      <c r="H140363" s="12"/>
    </row>
    <row r="140364" spans="8:8">
      <c r="H140364" s="12"/>
    </row>
    <row r="140365" spans="8:8">
      <c r="H140365" s="12"/>
    </row>
    <row r="140366" spans="8:8">
      <c r="H140366" s="12"/>
    </row>
    <row r="140367" spans="8:8">
      <c r="H140367" s="12"/>
    </row>
    <row r="140368" spans="8:8">
      <c r="H140368" s="12"/>
    </row>
    <row r="140369" spans="8:8">
      <c r="H140369" s="12"/>
    </row>
    <row r="140370" spans="8:8">
      <c r="H140370" s="12"/>
    </row>
    <row r="140371" spans="8:8">
      <c r="H140371" s="12"/>
    </row>
    <row r="140372" spans="8:8">
      <c r="H140372" s="12"/>
    </row>
    <row r="140373" spans="8:8">
      <c r="H140373" s="12"/>
    </row>
    <row r="140374" spans="8:8">
      <c r="H140374" s="12"/>
    </row>
    <row r="140375" spans="8:8">
      <c r="H140375" s="12"/>
    </row>
    <row r="140376" spans="8:8">
      <c r="H140376" s="12"/>
    </row>
    <row r="140377" spans="8:8">
      <c r="H140377" s="12"/>
    </row>
    <row r="140378" spans="8:8">
      <c r="H140378" s="12"/>
    </row>
    <row r="140379" spans="8:8">
      <c r="H140379" s="12"/>
    </row>
    <row r="140380" spans="8:8">
      <c r="H140380" s="12"/>
    </row>
    <row r="140381" spans="8:8">
      <c r="H140381" s="12"/>
    </row>
    <row r="140382" spans="8:8">
      <c r="H140382" s="12"/>
    </row>
    <row r="140383" spans="8:8">
      <c r="H140383" s="12"/>
    </row>
    <row r="140384" spans="8:8">
      <c r="H140384" s="12"/>
    </row>
    <row r="140385" spans="8:8">
      <c r="H140385" s="12"/>
    </row>
    <row r="140386" spans="8:8">
      <c r="H140386" s="12"/>
    </row>
    <row r="140387" spans="8:8">
      <c r="H140387" s="12"/>
    </row>
    <row r="140388" spans="8:8">
      <c r="H140388" s="12"/>
    </row>
    <row r="140389" spans="8:8">
      <c r="H140389" s="12"/>
    </row>
    <row r="140390" spans="8:8">
      <c r="H140390" s="12"/>
    </row>
    <row r="140391" spans="8:8">
      <c r="H140391" s="12"/>
    </row>
    <row r="140392" spans="8:8">
      <c r="H140392" s="12"/>
    </row>
    <row r="140393" spans="8:8">
      <c r="H140393" s="12"/>
    </row>
    <row r="140394" spans="8:8">
      <c r="H140394" s="12"/>
    </row>
    <row r="140395" spans="8:8">
      <c r="H140395" s="12"/>
    </row>
    <row r="140396" spans="8:8">
      <c r="H140396" s="12"/>
    </row>
    <row r="140397" spans="8:8">
      <c r="H140397" s="12"/>
    </row>
    <row r="140398" spans="8:8">
      <c r="H140398" s="12"/>
    </row>
    <row r="140399" spans="8:8">
      <c r="H140399" s="12"/>
    </row>
    <row r="140400" spans="8:8">
      <c r="H140400" s="12"/>
    </row>
    <row r="140401" spans="8:8">
      <c r="H140401" s="12"/>
    </row>
    <row r="140402" spans="8:8">
      <c r="H140402" s="12"/>
    </row>
    <row r="140403" spans="8:8">
      <c r="H140403" s="12"/>
    </row>
    <row r="140404" spans="8:8">
      <c r="H140404" s="12"/>
    </row>
    <row r="140405" spans="8:8">
      <c r="H140405" s="12"/>
    </row>
    <row r="140406" spans="8:8">
      <c r="H140406" s="12"/>
    </row>
    <row r="140407" spans="8:8">
      <c r="H140407" s="12"/>
    </row>
    <row r="140408" spans="8:8">
      <c r="H140408" s="12"/>
    </row>
    <row r="140409" spans="8:8">
      <c r="H140409" s="12"/>
    </row>
    <row r="140410" spans="8:8">
      <c r="H140410" s="12"/>
    </row>
    <row r="140411" spans="8:8">
      <c r="H140411" s="12"/>
    </row>
    <row r="140412" spans="8:8">
      <c r="H140412" s="12"/>
    </row>
    <row r="140413" spans="8:8">
      <c r="H140413" s="12"/>
    </row>
    <row r="140414" spans="8:8">
      <c r="H140414" s="12"/>
    </row>
    <row r="140415" spans="8:8">
      <c r="H140415" s="12"/>
    </row>
    <row r="140416" spans="8:8">
      <c r="H140416" s="12"/>
    </row>
    <row r="140417" spans="8:8">
      <c r="H140417" s="12"/>
    </row>
    <row r="140418" spans="8:8">
      <c r="H140418" s="12"/>
    </row>
    <row r="140419" spans="8:8">
      <c r="H140419" s="12"/>
    </row>
    <row r="140420" spans="8:8">
      <c r="H140420" s="12"/>
    </row>
    <row r="140421" spans="8:8">
      <c r="H140421" s="12"/>
    </row>
    <row r="140422" spans="8:8">
      <c r="H140422" s="12"/>
    </row>
    <row r="140423" spans="8:8">
      <c r="H140423" s="12"/>
    </row>
    <row r="140424" spans="8:8">
      <c r="H140424" s="12"/>
    </row>
    <row r="140425" spans="8:8">
      <c r="H140425" s="12"/>
    </row>
    <row r="140426" spans="8:8">
      <c r="H140426" s="12"/>
    </row>
    <row r="140427" spans="8:8">
      <c r="H140427" s="12"/>
    </row>
    <row r="140428" spans="8:8">
      <c r="H140428" s="12"/>
    </row>
    <row r="140429" spans="8:8">
      <c r="H140429" s="12"/>
    </row>
    <row r="140430" spans="8:8">
      <c r="H140430" s="12"/>
    </row>
    <row r="140431" spans="8:8">
      <c r="H140431" s="12"/>
    </row>
    <row r="140432" spans="8:8">
      <c r="H140432" s="12"/>
    </row>
    <row r="140433" spans="8:8">
      <c r="H140433" s="12"/>
    </row>
    <row r="140434" spans="8:8">
      <c r="H140434" s="12"/>
    </row>
    <row r="140435" spans="8:8">
      <c r="H140435" s="12"/>
    </row>
    <row r="140436" spans="8:8">
      <c r="H140436" s="12"/>
    </row>
    <row r="140437" spans="8:8">
      <c r="H140437" s="12"/>
    </row>
    <row r="140438" spans="8:8">
      <c r="H140438" s="12"/>
    </row>
    <row r="140439" spans="8:8">
      <c r="H140439" s="12"/>
    </row>
    <row r="140440" spans="8:8">
      <c r="H140440" s="12"/>
    </row>
    <row r="140441" spans="8:8">
      <c r="H140441" s="12"/>
    </row>
    <row r="140442" spans="8:8">
      <c r="H140442" s="12"/>
    </row>
    <row r="140443" spans="8:8">
      <c r="H140443" s="12"/>
    </row>
    <row r="140444" spans="8:8">
      <c r="H140444" s="12"/>
    </row>
    <row r="140445" spans="8:8">
      <c r="H140445" s="12"/>
    </row>
    <row r="140446" spans="8:8">
      <c r="H140446" s="12"/>
    </row>
    <row r="140447" spans="8:8">
      <c r="H140447" s="12"/>
    </row>
    <row r="140448" spans="8:8">
      <c r="H140448" s="12"/>
    </row>
    <row r="140449" spans="8:8">
      <c r="H140449" s="12"/>
    </row>
    <row r="140450" spans="8:8">
      <c r="H140450" s="12"/>
    </row>
    <row r="140451" spans="8:8">
      <c r="H140451" s="12"/>
    </row>
    <row r="140452" spans="8:8">
      <c r="H140452" s="12"/>
    </row>
    <row r="140453" spans="8:8">
      <c r="H140453" s="12"/>
    </row>
    <row r="140454" spans="8:8">
      <c r="H140454" s="12"/>
    </row>
    <row r="140455" spans="8:8">
      <c r="H140455" s="12"/>
    </row>
    <row r="140456" spans="8:8">
      <c r="H140456" s="12"/>
    </row>
    <row r="140457" spans="8:8">
      <c r="H140457" s="12"/>
    </row>
    <row r="140458" spans="8:8">
      <c r="H140458" s="12"/>
    </row>
    <row r="140459" spans="8:8">
      <c r="H140459" s="12"/>
    </row>
    <row r="140460" spans="8:8">
      <c r="H140460" s="12"/>
    </row>
    <row r="140461" spans="8:8">
      <c r="H140461" s="12"/>
    </row>
    <row r="140462" spans="8:8">
      <c r="H140462" s="12"/>
    </row>
    <row r="140463" spans="8:8">
      <c r="H140463" s="12"/>
    </row>
    <row r="140464" spans="8:8">
      <c r="H140464" s="12"/>
    </row>
    <row r="140465" spans="8:8">
      <c r="H140465" s="12"/>
    </row>
    <row r="140466" spans="8:8">
      <c r="H140466" s="12"/>
    </row>
    <row r="140467" spans="8:8">
      <c r="H140467" s="12"/>
    </row>
    <row r="140468" spans="8:8">
      <c r="H140468" s="12"/>
    </row>
    <row r="140469" spans="8:8">
      <c r="H140469" s="12"/>
    </row>
    <row r="140470" spans="8:8">
      <c r="H140470" s="12"/>
    </row>
    <row r="140471" spans="8:8">
      <c r="H140471" s="12"/>
    </row>
    <row r="140472" spans="8:8">
      <c r="H140472" s="12"/>
    </row>
    <row r="140473" spans="8:8">
      <c r="H140473" s="12"/>
    </row>
    <row r="140474" spans="8:8">
      <c r="H140474" s="12"/>
    </row>
    <row r="140475" spans="8:8">
      <c r="H140475" s="12"/>
    </row>
    <row r="140476" spans="8:8">
      <c r="H140476" s="12"/>
    </row>
    <row r="140477" spans="8:8">
      <c r="H140477" s="12"/>
    </row>
    <row r="140478" spans="8:8">
      <c r="H140478" s="12"/>
    </row>
    <row r="140479" spans="8:8">
      <c r="H140479" s="12"/>
    </row>
    <row r="140480" spans="8:8">
      <c r="H140480" s="12"/>
    </row>
    <row r="140481" spans="8:8">
      <c r="H140481" s="12"/>
    </row>
    <row r="140482" spans="8:8">
      <c r="H140482" s="12"/>
    </row>
    <row r="140483" spans="8:8">
      <c r="H140483" s="12"/>
    </row>
    <row r="140484" spans="8:8">
      <c r="H140484" s="12"/>
    </row>
    <row r="140485" spans="8:8">
      <c r="H140485" s="12"/>
    </row>
    <row r="140486" spans="8:8">
      <c r="H140486" s="12"/>
    </row>
    <row r="140487" spans="8:8">
      <c r="H140487" s="12"/>
    </row>
    <row r="140488" spans="8:8">
      <c r="H140488" s="12"/>
    </row>
    <row r="140489" spans="8:8">
      <c r="H140489" s="12"/>
    </row>
    <row r="140490" spans="8:8">
      <c r="H140490" s="12"/>
    </row>
    <row r="140491" spans="8:8">
      <c r="H140491" s="12"/>
    </row>
    <row r="140492" spans="8:8">
      <c r="H140492" s="12"/>
    </row>
    <row r="140493" spans="8:8">
      <c r="H140493" s="12"/>
    </row>
    <row r="140494" spans="8:8">
      <c r="H140494" s="12"/>
    </row>
    <row r="140495" spans="8:8">
      <c r="H140495" s="12"/>
    </row>
    <row r="140496" spans="8:8">
      <c r="H140496" s="12"/>
    </row>
    <row r="140497" spans="8:8">
      <c r="H140497" s="12"/>
    </row>
    <row r="140498" spans="8:8">
      <c r="H140498" s="12"/>
    </row>
    <row r="140499" spans="8:8">
      <c r="H140499" s="12"/>
    </row>
    <row r="140500" spans="8:8">
      <c r="H140500" s="12"/>
    </row>
    <row r="140501" spans="8:8">
      <c r="H140501" s="12"/>
    </row>
    <row r="140502" spans="8:8">
      <c r="H140502" s="12"/>
    </row>
    <row r="140503" spans="8:8">
      <c r="H140503" s="12"/>
    </row>
    <row r="140504" spans="8:8">
      <c r="H140504" s="12"/>
    </row>
    <row r="140505" spans="8:8">
      <c r="H140505" s="12"/>
    </row>
    <row r="140506" spans="8:8">
      <c r="H140506" s="12"/>
    </row>
    <row r="140507" spans="8:8">
      <c r="H140507" s="12"/>
    </row>
    <row r="140508" spans="8:8">
      <c r="H140508" s="12"/>
    </row>
    <row r="140509" spans="8:8">
      <c r="H140509" s="12"/>
    </row>
    <row r="140510" spans="8:8">
      <c r="H140510" s="12"/>
    </row>
    <row r="140511" spans="8:8">
      <c r="H140511" s="12"/>
    </row>
    <row r="140512" spans="8:8">
      <c r="H140512" s="12"/>
    </row>
    <row r="140513" spans="8:8">
      <c r="H140513" s="12"/>
    </row>
    <row r="140514" spans="8:8">
      <c r="H140514" s="12"/>
    </row>
    <row r="140515" spans="8:8">
      <c r="H140515" s="12"/>
    </row>
    <row r="140516" spans="8:8">
      <c r="H140516" s="12"/>
    </row>
    <row r="140517" spans="8:8">
      <c r="H140517" s="12"/>
    </row>
    <row r="140518" spans="8:8">
      <c r="H140518" s="12"/>
    </row>
    <row r="140519" spans="8:8">
      <c r="H140519" s="12"/>
    </row>
    <row r="140520" spans="8:8">
      <c r="H140520" s="12"/>
    </row>
    <row r="140521" spans="8:8">
      <c r="H140521" s="12"/>
    </row>
    <row r="140522" spans="8:8">
      <c r="H140522" s="12"/>
    </row>
    <row r="140523" spans="8:8">
      <c r="H140523" s="12"/>
    </row>
    <row r="140524" spans="8:8">
      <c r="H140524" s="12"/>
    </row>
    <row r="140525" spans="8:8">
      <c r="H140525" s="12"/>
    </row>
    <row r="140526" spans="8:8">
      <c r="H140526" s="12"/>
    </row>
    <row r="140527" spans="8:8">
      <c r="H140527" s="12"/>
    </row>
    <row r="140528" spans="8:8">
      <c r="H140528" s="12"/>
    </row>
    <row r="140529" spans="8:8">
      <c r="H140529" s="12"/>
    </row>
    <row r="140530" spans="8:8">
      <c r="H140530" s="12"/>
    </row>
    <row r="140531" spans="8:8">
      <c r="H140531" s="12"/>
    </row>
    <row r="140532" spans="8:8">
      <c r="H140532" s="12"/>
    </row>
    <row r="140533" spans="8:8">
      <c r="H140533" s="12"/>
    </row>
    <row r="140534" spans="8:8">
      <c r="H140534" s="12"/>
    </row>
    <row r="140535" spans="8:8">
      <c r="H140535" s="12"/>
    </row>
    <row r="140536" spans="8:8">
      <c r="H140536" s="12"/>
    </row>
    <row r="140537" spans="8:8">
      <c r="H140537" s="12"/>
    </row>
    <row r="140538" spans="8:8">
      <c r="H140538" s="12"/>
    </row>
    <row r="140539" spans="8:8">
      <c r="H140539" s="12"/>
    </row>
    <row r="140540" spans="8:8">
      <c r="H140540" s="12"/>
    </row>
    <row r="140541" spans="8:8">
      <c r="H140541" s="12"/>
    </row>
    <row r="140542" spans="8:8">
      <c r="H140542" s="12"/>
    </row>
    <row r="140543" spans="8:8">
      <c r="H140543" s="12"/>
    </row>
    <row r="140544" spans="8:8">
      <c r="H140544" s="12"/>
    </row>
    <row r="140545" spans="8:8">
      <c r="H140545" s="12"/>
    </row>
    <row r="140546" spans="8:8">
      <c r="H140546" s="12"/>
    </row>
    <row r="140547" spans="8:8">
      <c r="H140547" s="12"/>
    </row>
    <row r="140548" spans="8:8">
      <c r="H140548" s="12"/>
    </row>
    <row r="140549" spans="8:8">
      <c r="H140549" s="12"/>
    </row>
    <row r="140550" spans="8:8">
      <c r="H140550" s="12"/>
    </row>
    <row r="140551" spans="8:8">
      <c r="H140551" s="12"/>
    </row>
    <row r="140552" spans="8:8">
      <c r="H140552" s="12"/>
    </row>
    <row r="140553" spans="8:8">
      <c r="H140553" s="12"/>
    </row>
    <row r="140554" spans="8:8">
      <c r="H140554" s="12"/>
    </row>
    <row r="140555" spans="8:8">
      <c r="H140555" s="12"/>
    </row>
    <row r="140556" spans="8:8">
      <c r="H140556" s="12"/>
    </row>
    <row r="140557" spans="8:8">
      <c r="H140557" s="12"/>
    </row>
    <row r="140558" spans="8:8">
      <c r="H140558" s="12"/>
    </row>
    <row r="140559" spans="8:8">
      <c r="H140559" s="12"/>
    </row>
    <row r="140560" spans="8:8">
      <c r="H140560" s="12"/>
    </row>
    <row r="140561" spans="8:8">
      <c r="H140561" s="12"/>
    </row>
    <row r="140562" spans="8:8">
      <c r="H140562" s="12"/>
    </row>
    <row r="140563" spans="8:8">
      <c r="H140563" s="12"/>
    </row>
    <row r="140564" spans="8:8">
      <c r="H140564" s="12"/>
    </row>
    <row r="140565" spans="8:8">
      <c r="H140565" s="12"/>
    </row>
    <row r="140566" spans="8:8">
      <c r="H140566" s="12"/>
    </row>
    <row r="140567" spans="8:8">
      <c r="H140567" s="12"/>
    </row>
    <row r="140568" spans="8:8">
      <c r="H140568" s="12"/>
    </row>
    <row r="140569" spans="8:8">
      <c r="H140569" s="12"/>
    </row>
    <row r="140570" spans="8:8">
      <c r="H140570" s="12"/>
    </row>
    <row r="140571" spans="8:8">
      <c r="H140571" s="12"/>
    </row>
    <row r="140572" spans="8:8">
      <c r="H140572" s="12"/>
    </row>
    <row r="140573" spans="8:8">
      <c r="H140573" s="12"/>
    </row>
    <row r="140574" spans="8:8">
      <c r="H140574" s="12"/>
    </row>
    <row r="140575" spans="8:8">
      <c r="H140575" s="12"/>
    </row>
    <row r="140576" spans="8:8">
      <c r="H140576" s="12"/>
    </row>
    <row r="140577" spans="8:8">
      <c r="H140577" s="12"/>
    </row>
    <row r="140578" spans="8:8">
      <c r="H140578" s="12"/>
    </row>
    <row r="140579" spans="8:8">
      <c r="H140579" s="12"/>
    </row>
    <row r="140580" spans="8:8">
      <c r="H140580" s="12"/>
    </row>
    <row r="140581" spans="8:8">
      <c r="H140581" s="12"/>
    </row>
    <row r="140582" spans="8:8">
      <c r="H140582" s="12"/>
    </row>
    <row r="140583" spans="8:8">
      <c r="H140583" s="12"/>
    </row>
    <row r="140584" spans="8:8">
      <c r="H140584" s="12"/>
    </row>
    <row r="140585" spans="8:8">
      <c r="H140585" s="12"/>
    </row>
    <row r="140586" spans="8:8">
      <c r="H140586" s="12"/>
    </row>
    <row r="140587" spans="8:8">
      <c r="H140587" s="12"/>
    </row>
    <row r="140588" spans="8:8">
      <c r="H140588" s="12"/>
    </row>
    <row r="140589" spans="8:8">
      <c r="H140589" s="12"/>
    </row>
    <row r="140590" spans="8:8">
      <c r="H140590" s="12"/>
    </row>
    <row r="140591" spans="8:8">
      <c r="H140591" s="12"/>
    </row>
    <row r="140592" spans="8:8">
      <c r="H140592" s="12"/>
    </row>
    <row r="140593" spans="8:8">
      <c r="H140593" s="12"/>
    </row>
    <row r="140594" spans="8:8">
      <c r="H140594" s="12"/>
    </row>
    <row r="140595" spans="8:8">
      <c r="H140595" s="12"/>
    </row>
    <row r="140596" spans="8:8">
      <c r="H140596" s="12"/>
    </row>
    <row r="140597" spans="8:8">
      <c r="H140597" s="12"/>
    </row>
    <row r="140598" spans="8:8">
      <c r="H140598" s="12"/>
    </row>
    <row r="140599" spans="8:8">
      <c r="H140599" s="12"/>
    </row>
    <row r="140600" spans="8:8">
      <c r="H140600" s="12"/>
    </row>
    <row r="140601" spans="8:8">
      <c r="H140601" s="12"/>
    </row>
    <row r="140602" spans="8:8">
      <c r="H140602" s="12"/>
    </row>
    <row r="140603" spans="8:8">
      <c r="H140603" s="12"/>
    </row>
    <row r="140604" spans="8:8">
      <c r="H140604" s="12"/>
    </row>
    <row r="140605" spans="8:8">
      <c r="H140605" s="12"/>
    </row>
    <row r="140606" spans="8:8">
      <c r="H140606" s="12"/>
    </row>
    <row r="140607" spans="8:8">
      <c r="H140607" s="12"/>
    </row>
    <row r="140608" spans="8:8">
      <c r="H140608" s="12"/>
    </row>
    <row r="140609" spans="8:8">
      <c r="H140609" s="12"/>
    </row>
    <row r="140610" spans="8:8">
      <c r="H140610" s="12"/>
    </row>
    <row r="140611" spans="8:8">
      <c r="H140611" s="12"/>
    </row>
    <row r="140612" spans="8:8">
      <c r="H140612" s="12"/>
    </row>
    <row r="140613" spans="8:8">
      <c r="H140613" s="12"/>
    </row>
    <row r="140614" spans="8:8">
      <c r="H140614" s="12"/>
    </row>
    <row r="140615" spans="8:8">
      <c r="H140615" s="12"/>
    </row>
    <row r="140616" spans="8:8">
      <c r="H140616" s="12"/>
    </row>
    <row r="140617" spans="8:8">
      <c r="H140617" s="12"/>
    </row>
    <row r="140618" spans="8:8">
      <c r="H140618" s="12"/>
    </row>
    <row r="140619" spans="8:8">
      <c r="H140619" s="12"/>
    </row>
    <row r="140620" spans="8:8">
      <c r="H140620" s="12"/>
    </row>
    <row r="140621" spans="8:8">
      <c r="H140621" s="12"/>
    </row>
    <row r="140622" spans="8:8">
      <c r="H140622" s="12"/>
    </row>
    <row r="140623" spans="8:8">
      <c r="H140623" s="12"/>
    </row>
    <row r="140624" spans="8:8">
      <c r="H140624" s="12"/>
    </row>
    <row r="140625" spans="8:8">
      <c r="H140625" s="12"/>
    </row>
    <row r="140626" spans="8:8">
      <c r="H140626" s="12"/>
    </row>
    <row r="140627" spans="8:8">
      <c r="H140627" s="12"/>
    </row>
    <row r="140628" spans="8:8">
      <c r="H140628" s="12"/>
    </row>
    <row r="140629" spans="8:8">
      <c r="H140629" s="12"/>
    </row>
    <row r="140630" spans="8:8">
      <c r="H140630" s="12"/>
    </row>
    <row r="140631" spans="8:8">
      <c r="H140631" s="12"/>
    </row>
    <row r="140632" spans="8:8">
      <c r="H140632" s="12"/>
    </row>
    <row r="140633" spans="8:8">
      <c r="H140633" s="12"/>
    </row>
    <row r="140634" spans="8:8">
      <c r="H140634" s="12"/>
    </row>
    <row r="140635" spans="8:8">
      <c r="H140635" s="12"/>
    </row>
    <row r="140636" spans="8:8">
      <c r="H140636" s="12"/>
    </row>
    <row r="140637" spans="8:8">
      <c r="H140637" s="12"/>
    </row>
    <row r="140638" spans="8:8">
      <c r="H140638" s="12"/>
    </row>
    <row r="140639" spans="8:8">
      <c r="H140639" s="12"/>
    </row>
    <row r="140640" spans="8:8">
      <c r="H140640" s="12"/>
    </row>
    <row r="140641" spans="8:8">
      <c r="H140641" s="12"/>
    </row>
    <row r="140642" spans="8:8">
      <c r="H140642" s="12"/>
    </row>
    <row r="140643" spans="8:8">
      <c r="H140643" s="12"/>
    </row>
    <row r="140644" spans="8:8">
      <c r="H140644" s="12"/>
    </row>
    <row r="140645" spans="8:8">
      <c r="H140645" s="12"/>
    </row>
    <row r="140646" spans="8:8">
      <c r="H140646" s="12"/>
    </row>
    <row r="140647" spans="8:8">
      <c r="H140647" s="12"/>
    </row>
    <row r="140648" spans="8:8">
      <c r="H140648" s="12"/>
    </row>
    <row r="140649" spans="8:8">
      <c r="H140649" s="12"/>
    </row>
    <row r="140650" spans="8:8">
      <c r="H140650" s="12"/>
    </row>
    <row r="140651" spans="8:8">
      <c r="H140651" s="12"/>
    </row>
    <row r="140652" spans="8:8">
      <c r="H140652" s="12"/>
    </row>
    <row r="140653" spans="8:8">
      <c r="H140653" s="12"/>
    </row>
    <row r="140654" spans="8:8">
      <c r="H140654" s="12"/>
    </row>
    <row r="140655" spans="8:8">
      <c r="H140655" s="12"/>
    </row>
    <row r="140656" spans="8:8">
      <c r="H140656" s="12"/>
    </row>
    <row r="140657" spans="8:8">
      <c r="H140657" s="12"/>
    </row>
    <row r="140658" spans="8:8">
      <c r="H140658" s="12"/>
    </row>
    <row r="140659" spans="8:8">
      <c r="H140659" s="12"/>
    </row>
    <row r="140660" spans="8:8">
      <c r="H140660" s="12"/>
    </row>
    <row r="140661" spans="8:8">
      <c r="H140661" s="12"/>
    </row>
    <row r="140662" spans="8:8">
      <c r="H140662" s="12"/>
    </row>
    <row r="140663" spans="8:8">
      <c r="H140663" s="12"/>
    </row>
    <row r="140664" spans="8:8">
      <c r="H140664" s="12"/>
    </row>
    <row r="140665" spans="8:8">
      <c r="H140665" s="12"/>
    </row>
    <row r="140666" spans="8:8">
      <c r="H140666" s="12"/>
    </row>
    <row r="140667" spans="8:8">
      <c r="H140667" s="12"/>
    </row>
    <row r="140668" spans="8:8">
      <c r="H140668" s="12"/>
    </row>
    <row r="140669" spans="8:8">
      <c r="H140669" s="12"/>
    </row>
    <row r="140670" spans="8:8">
      <c r="H140670" s="12"/>
    </row>
    <row r="140671" spans="8:8">
      <c r="H140671" s="12"/>
    </row>
    <row r="140672" spans="8:8">
      <c r="H140672" s="12"/>
    </row>
    <row r="140673" spans="8:8">
      <c r="H140673" s="12"/>
    </row>
    <row r="140674" spans="8:8">
      <c r="H140674" s="12"/>
    </row>
    <row r="140675" spans="8:8">
      <c r="H140675" s="12"/>
    </row>
    <row r="140676" spans="8:8">
      <c r="H140676" s="12"/>
    </row>
    <row r="140677" spans="8:8">
      <c r="H140677" s="12"/>
    </row>
    <row r="140678" spans="8:8">
      <c r="H140678" s="12"/>
    </row>
    <row r="140679" spans="8:8">
      <c r="H140679" s="12"/>
    </row>
    <row r="140680" spans="8:8">
      <c r="H140680" s="12"/>
    </row>
    <row r="140681" spans="8:8">
      <c r="H140681" s="12"/>
    </row>
    <row r="140682" spans="8:8">
      <c r="H140682" s="12"/>
    </row>
    <row r="140683" spans="8:8">
      <c r="H140683" s="12"/>
    </row>
    <row r="140684" spans="8:8">
      <c r="H140684" s="12"/>
    </row>
    <row r="140685" spans="8:8">
      <c r="H140685" s="12"/>
    </row>
    <row r="140686" spans="8:8">
      <c r="H140686" s="12"/>
    </row>
    <row r="140687" spans="8:8">
      <c r="H140687" s="12"/>
    </row>
    <row r="140688" spans="8:8">
      <c r="H140688" s="12"/>
    </row>
    <row r="140689" spans="8:8">
      <c r="H140689" s="12"/>
    </row>
    <row r="140690" spans="8:8">
      <c r="H140690" s="12"/>
    </row>
    <row r="140691" spans="8:8">
      <c r="H140691" s="12"/>
    </row>
    <row r="140692" spans="8:8">
      <c r="H140692" s="12"/>
    </row>
    <row r="140693" spans="8:8">
      <c r="H140693" s="12"/>
    </row>
    <row r="140694" spans="8:8">
      <c r="H140694" s="12"/>
    </row>
    <row r="140695" spans="8:8">
      <c r="H140695" s="12"/>
    </row>
    <row r="140696" spans="8:8">
      <c r="H140696" s="12"/>
    </row>
    <row r="140697" spans="8:8">
      <c r="H140697" s="12"/>
    </row>
    <row r="140698" spans="8:8">
      <c r="H140698" s="12"/>
    </row>
    <row r="140699" spans="8:8">
      <c r="H140699" s="12"/>
    </row>
    <row r="140700" spans="8:8">
      <c r="H140700" s="12"/>
    </row>
    <row r="140701" spans="8:8">
      <c r="H140701" s="12"/>
    </row>
    <row r="140702" spans="8:8">
      <c r="H140702" s="12"/>
    </row>
    <row r="140703" spans="8:8">
      <c r="H140703" s="12"/>
    </row>
    <row r="140704" spans="8:8">
      <c r="H140704" s="12"/>
    </row>
    <row r="140705" spans="8:8">
      <c r="H140705" s="12"/>
    </row>
    <row r="140706" spans="8:8">
      <c r="H140706" s="12"/>
    </row>
    <row r="140707" spans="8:8">
      <c r="H140707" s="12"/>
    </row>
    <row r="140708" spans="8:8">
      <c r="H140708" s="12"/>
    </row>
    <row r="140709" spans="8:8">
      <c r="H140709" s="12"/>
    </row>
    <row r="140710" spans="8:8">
      <c r="H140710" s="12"/>
    </row>
    <row r="140711" spans="8:8">
      <c r="H140711" s="12"/>
    </row>
    <row r="140712" spans="8:8">
      <c r="H140712" s="12"/>
    </row>
    <row r="140713" spans="8:8">
      <c r="H140713" s="12"/>
    </row>
    <row r="140714" spans="8:8">
      <c r="H140714" s="12"/>
    </row>
    <row r="140715" spans="8:8">
      <c r="H140715" s="12"/>
    </row>
    <row r="140716" spans="8:8">
      <c r="H140716" s="12"/>
    </row>
    <row r="140717" spans="8:8">
      <c r="H140717" s="12"/>
    </row>
    <row r="140718" spans="8:8">
      <c r="H140718" s="12"/>
    </row>
    <row r="140719" spans="8:8">
      <c r="H140719" s="12"/>
    </row>
    <row r="140720" spans="8:8">
      <c r="H140720" s="12"/>
    </row>
    <row r="140721" spans="8:8">
      <c r="H140721" s="12"/>
    </row>
    <row r="140722" spans="8:8">
      <c r="H140722" s="12"/>
    </row>
    <row r="140723" spans="8:8">
      <c r="H140723" s="12"/>
    </row>
    <row r="140724" spans="8:8">
      <c r="H140724" s="12"/>
    </row>
    <row r="140725" spans="8:8">
      <c r="H140725" s="12"/>
    </row>
    <row r="140726" spans="8:8">
      <c r="H140726" s="12"/>
    </row>
    <row r="140727" spans="8:8">
      <c r="H140727" s="12"/>
    </row>
    <row r="140728" spans="8:8">
      <c r="H140728" s="12"/>
    </row>
    <row r="140729" spans="8:8">
      <c r="H140729" s="12"/>
    </row>
    <row r="140730" spans="8:8">
      <c r="H140730" s="12"/>
    </row>
    <row r="140731" spans="8:8">
      <c r="H140731" s="12"/>
    </row>
    <row r="140732" spans="8:8">
      <c r="H140732" s="12"/>
    </row>
    <row r="140733" spans="8:8">
      <c r="H140733" s="12"/>
    </row>
    <row r="140734" spans="8:8">
      <c r="H140734" s="12"/>
    </row>
    <row r="140735" spans="8:8">
      <c r="H140735" s="12"/>
    </row>
    <row r="140736" spans="8:8">
      <c r="H140736" s="12"/>
    </row>
    <row r="140737" spans="8:8">
      <c r="H140737" s="12"/>
    </row>
    <row r="140738" spans="8:8">
      <c r="H140738" s="12"/>
    </row>
    <row r="140739" spans="8:8">
      <c r="H140739" s="12"/>
    </row>
    <row r="140740" spans="8:8">
      <c r="H140740" s="12"/>
    </row>
    <row r="140741" spans="8:8">
      <c r="H140741" s="12"/>
    </row>
    <row r="140742" spans="8:8">
      <c r="H140742" s="12"/>
    </row>
    <row r="140743" spans="8:8">
      <c r="H140743" s="12"/>
    </row>
    <row r="140744" spans="8:8">
      <c r="H140744" s="12"/>
    </row>
    <row r="140745" spans="8:8">
      <c r="H140745" s="12"/>
    </row>
    <row r="140746" spans="8:8">
      <c r="H140746" s="12"/>
    </row>
    <row r="140747" spans="8:8">
      <c r="H140747" s="12"/>
    </row>
    <row r="140748" spans="8:8">
      <c r="H140748" s="12"/>
    </row>
    <row r="140749" spans="8:8">
      <c r="H140749" s="12"/>
    </row>
    <row r="140750" spans="8:8">
      <c r="H140750" s="12"/>
    </row>
    <row r="140751" spans="8:8">
      <c r="H140751" s="12"/>
    </row>
    <row r="140752" spans="8:8">
      <c r="H140752" s="12"/>
    </row>
    <row r="140753" spans="8:8">
      <c r="H140753" s="12"/>
    </row>
    <row r="140754" spans="8:8">
      <c r="H140754" s="12"/>
    </row>
    <row r="140755" spans="8:8">
      <c r="H140755" s="12"/>
    </row>
    <row r="140756" spans="8:8">
      <c r="H140756" s="12"/>
    </row>
    <row r="140757" spans="8:8">
      <c r="H140757" s="12"/>
    </row>
    <row r="140758" spans="8:8">
      <c r="H140758" s="12"/>
    </row>
    <row r="140759" spans="8:8">
      <c r="H140759" s="12"/>
    </row>
    <row r="140760" spans="8:8">
      <c r="H140760" s="12"/>
    </row>
    <row r="140761" spans="8:8">
      <c r="H140761" s="12"/>
    </row>
    <row r="140762" spans="8:8">
      <c r="H140762" s="12"/>
    </row>
    <row r="140763" spans="8:8">
      <c r="H140763" s="12"/>
    </row>
    <row r="140764" spans="8:8">
      <c r="H140764" s="12"/>
    </row>
    <row r="140765" spans="8:8">
      <c r="H140765" s="12"/>
    </row>
    <row r="140766" spans="8:8">
      <c r="H140766" s="12"/>
    </row>
    <row r="140767" spans="8:8">
      <c r="H140767" s="12"/>
    </row>
    <row r="140768" spans="8:8">
      <c r="H140768" s="12"/>
    </row>
    <row r="140769" spans="8:8">
      <c r="H140769" s="12"/>
    </row>
    <row r="140770" spans="8:8">
      <c r="H140770" s="12"/>
    </row>
    <row r="140771" spans="8:8">
      <c r="H140771" s="12"/>
    </row>
    <row r="140772" spans="8:8">
      <c r="H140772" s="12"/>
    </row>
    <row r="140773" spans="8:8">
      <c r="H140773" s="12"/>
    </row>
    <row r="140774" spans="8:8">
      <c r="H140774" s="12"/>
    </row>
    <row r="140775" spans="8:8">
      <c r="H140775" s="12"/>
    </row>
    <row r="140776" spans="8:8">
      <c r="H140776" s="12"/>
    </row>
    <row r="140777" spans="8:8">
      <c r="H140777" s="12"/>
    </row>
    <row r="140778" spans="8:8">
      <c r="H140778" s="12"/>
    </row>
    <row r="140779" spans="8:8">
      <c r="H140779" s="12"/>
    </row>
    <row r="140780" spans="8:8">
      <c r="H140780" s="12"/>
    </row>
    <row r="140781" spans="8:8">
      <c r="H140781" s="12"/>
    </row>
    <row r="140782" spans="8:8">
      <c r="H140782" s="12"/>
    </row>
    <row r="140783" spans="8:8">
      <c r="H140783" s="12"/>
    </row>
    <row r="140784" spans="8:8">
      <c r="H140784" s="12"/>
    </row>
    <row r="140785" spans="8:8">
      <c r="H140785" s="12"/>
    </row>
    <row r="140786" spans="8:8">
      <c r="H140786" s="12"/>
    </row>
    <row r="140787" spans="8:8">
      <c r="H140787" s="12"/>
    </row>
    <row r="140788" spans="8:8">
      <c r="H140788" s="12"/>
    </row>
    <row r="140789" spans="8:8">
      <c r="H140789" s="12"/>
    </row>
    <row r="140790" spans="8:8">
      <c r="H140790" s="12"/>
    </row>
    <row r="140791" spans="8:8">
      <c r="H140791" s="12"/>
    </row>
    <row r="140792" spans="8:8">
      <c r="H140792" s="12"/>
    </row>
    <row r="140793" spans="8:8">
      <c r="H140793" s="12"/>
    </row>
    <row r="140794" spans="8:8">
      <c r="H140794" s="12"/>
    </row>
    <row r="140795" spans="8:8">
      <c r="H140795" s="12"/>
    </row>
    <row r="140796" spans="8:8">
      <c r="H140796" s="12"/>
    </row>
    <row r="140797" spans="8:8">
      <c r="H140797" s="12"/>
    </row>
    <row r="140798" spans="8:8">
      <c r="H140798" s="12"/>
    </row>
    <row r="140799" spans="8:8">
      <c r="H140799" s="12"/>
    </row>
    <row r="140800" spans="8:8">
      <c r="H140800" s="12"/>
    </row>
    <row r="140801" spans="8:8">
      <c r="H140801" s="12"/>
    </row>
    <row r="140802" spans="8:8">
      <c r="H140802" s="12"/>
    </row>
    <row r="140803" spans="8:8">
      <c r="H140803" s="12"/>
    </row>
    <row r="140804" spans="8:8">
      <c r="H140804" s="12"/>
    </row>
    <row r="140805" spans="8:8">
      <c r="H140805" s="12"/>
    </row>
    <row r="140806" spans="8:8">
      <c r="H140806" s="12"/>
    </row>
    <row r="140807" spans="8:8">
      <c r="H140807" s="12"/>
    </row>
    <row r="140808" spans="8:8">
      <c r="H140808" s="12"/>
    </row>
    <row r="140809" spans="8:8">
      <c r="H140809" s="12"/>
    </row>
    <row r="140810" spans="8:8">
      <c r="H140810" s="12"/>
    </row>
    <row r="140811" spans="8:8">
      <c r="H140811" s="12"/>
    </row>
    <row r="140812" spans="8:8">
      <c r="H140812" s="12"/>
    </row>
    <row r="140813" spans="8:8">
      <c r="H140813" s="12"/>
    </row>
    <row r="140814" spans="8:8">
      <c r="H140814" s="12"/>
    </row>
    <row r="140815" spans="8:8">
      <c r="H140815" s="12"/>
    </row>
    <row r="140816" spans="8:8">
      <c r="H140816" s="12"/>
    </row>
    <row r="140817" spans="8:8">
      <c r="H140817" s="12"/>
    </row>
    <row r="140818" spans="8:8">
      <c r="H140818" s="12"/>
    </row>
    <row r="140819" spans="8:8">
      <c r="H140819" s="12"/>
    </row>
    <row r="140820" spans="8:8">
      <c r="H140820" s="12"/>
    </row>
    <row r="140821" spans="8:8">
      <c r="H140821" s="12"/>
    </row>
    <row r="140822" spans="8:8">
      <c r="H140822" s="12"/>
    </row>
    <row r="140823" spans="8:8">
      <c r="H140823" s="12"/>
    </row>
    <row r="140824" spans="8:8">
      <c r="H140824" s="12"/>
    </row>
    <row r="140825" spans="8:8">
      <c r="H140825" s="12"/>
    </row>
    <row r="140826" spans="8:8">
      <c r="H140826" s="12"/>
    </row>
    <row r="140827" spans="8:8">
      <c r="H140827" s="12"/>
    </row>
    <row r="140828" spans="8:8">
      <c r="H140828" s="12"/>
    </row>
    <row r="140829" spans="8:8">
      <c r="H140829" s="12"/>
    </row>
    <row r="140830" spans="8:8">
      <c r="H140830" s="12"/>
    </row>
    <row r="140831" spans="8:8">
      <c r="H140831" s="12"/>
    </row>
    <row r="140832" spans="8:8">
      <c r="H140832" s="12"/>
    </row>
    <row r="140833" spans="8:8">
      <c r="H140833" s="12"/>
    </row>
    <row r="140834" spans="8:8">
      <c r="H140834" s="12"/>
    </row>
    <row r="140835" spans="8:8">
      <c r="H140835" s="12"/>
    </row>
    <row r="140836" spans="8:8">
      <c r="H140836" s="12"/>
    </row>
    <row r="140837" spans="8:8">
      <c r="H140837" s="12"/>
    </row>
    <row r="140838" spans="8:8">
      <c r="H140838" s="12"/>
    </row>
    <row r="140839" spans="8:8">
      <c r="H140839" s="12"/>
    </row>
    <row r="140840" spans="8:8">
      <c r="H140840" s="12"/>
    </row>
    <row r="140841" spans="8:8">
      <c r="H140841" s="12"/>
    </row>
    <row r="140842" spans="8:8">
      <c r="H140842" s="12"/>
    </row>
    <row r="140843" spans="8:8">
      <c r="H140843" s="12"/>
    </row>
    <row r="140844" spans="8:8">
      <c r="H140844" s="12"/>
    </row>
    <row r="140845" spans="8:8">
      <c r="H140845" s="12"/>
    </row>
    <row r="140846" spans="8:8">
      <c r="H140846" s="12"/>
    </row>
    <row r="140847" spans="8:8">
      <c r="H140847" s="12"/>
    </row>
    <row r="140848" spans="8:8">
      <c r="H140848" s="12"/>
    </row>
    <row r="140849" spans="8:8">
      <c r="H140849" s="12"/>
    </row>
    <row r="140850" spans="8:8">
      <c r="H140850" s="12"/>
    </row>
    <row r="140851" spans="8:8">
      <c r="H140851" s="12"/>
    </row>
    <row r="140852" spans="8:8">
      <c r="H140852" s="12"/>
    </row>
    <row r="140853" spans="8:8">
      <c r="H140853" s="12"/>
    </row>
    <row r="140854" spans="8:8">
      <c r="H140854" s="12"/>
    </row>
    <row r="140855" spans="8:8">
      <c r="H140855" s="12"/>
    </row>
    <row r="140856" spans="8:8">
      <c r="H140856" s="12"/>
    </row>
    <row r="140857" spans="8:8">
      <c r="H140857" s="12"/>
    </row>
    <row r="140858" spans="8:8">
      <c r="H140858" s="12"/>
    </row>
    <row r="140859" spans="8:8">
      <c r="H140859" s="12"/>
    </row>
    <row r="140860" spans="8:8">
      <c r="H140860" s="12"/>
    </row>
    <row r="140861" spans="8:8">
      <c r="H140861" s="12"/>
    </row>
    <row r="140862" spans="8:8">
      <c r="H140862" s="12"/>
    </row>
    <row r="140863" spans="8:8">
      <c r="H140863" s="12"/>
    </row>
    <row r="140864" spans="8:8">
      <c r="H140864" s="12"/>
    </row>
    <row r="140865" spans="8:8">
      <c r="H140865" s="12"/>
    </row>
    <row r="140866" spans="8:8">
      <c r="H140866" s="12"/>
    </row>
    <row r="140867" spans="8:8">
      <c r="H140867" s="12"/>
    </row>
    <row r="140868" spans="8:8">
      <c r="H140868" s="12"/>
    </row>
    <row r="140869" spans="8:8">
      <c r="H140869" s="12"/>
    </row>
    <row r="140870" spans="8:8">
      <c r="H140870" s="12"/>
    </row>
    <row r="140871" spans="8:8">
      <c r="H140871" s="12"/>
    </row>
    <row r="140872" spans="8:8">
      <c r="H140872" s="12"/>
    </row>
    <row r="140873" spans="8:8">
      <c r="H140873" s="12"/>
    </row>
    <row r="140874" spans="8:8">
      <c r="H140874" s="12"/>
    </row>
    <row r="140875" spans="8:8">
      <c r="H140875" s="12"/>
    </row>
    <row r="140876" spans="8:8">
      <c r="H140876" s="12"/>
    </row>
    <row r="140877" spans="8:8">
      <c r="H140877" s="12"/>
    </row>
    <row r="140878" spans="8:8">
      <c r="H140878" s="12"/>
    </row>
    <row r="140879" spans="8:8">
      <c r="H140879" s="12"/>
    </row>
    <row r="140880" spans="8:8">
      <c r="H140880" s="12"/>
    </row>
    <row r="140881" spans="8:8">
      <c r="H140881" s="12"/>
    </row>
    <row r="140882" spans="8:8">
      <c r="H140882" s="12"/>
    </row>
    <row r="140883" spans="8:8">
      <c r="H140883" s="12"/>
    </row>
    <row r="140884" spans="8:8">
      <c r="H140884" s="12"/>
    </row>
    <row r="140885" spans="8:8">
      <c r="H140885" s="12"/>
    </row>
    <row r="140886" spans="8:8">
      <c r="H140886" s="12"/>
    </row>
    <row r="140887" spans="8:8">
      <c r="H140887" s="12"/>
    </row>
    <row r="140888" spans="8:8">
      <c r="H140888" s="12"/>
    </row>
    <row r="140889" spans="8:8">
      <c r="H140889" s="12"/>
    </row>
    <row r="140890" spans="8:8">
      <c r="H140890" s="12"/>
    </row>
    <row r="140891" spans="8:8">
      <c r="H140891" s="12"/>
    </row>
    <row r="140892" spans="8:8">
      <c r="H140892" s="12"/>
    </row>
    <row r="140893" spans="8:8">
      <c r="H140893" s="12"/>
    </row>
    <row r="140894" spans="8:8">
      <c r="H140894" s="12"/>
    </row>
    <row r="140895" spans="8:8">
      <c r="H140895" s="12"/>
    </row>
    <row r="140896" spans="8:8">
      <c r="H140896" s="12"/>
    </row>
    <row r="140897" spans="8:8">
      <c r="H140897" s="12"/>
    </row>
    <row r="140898" spans="8:8">
      <c r="H140898" s="12"/>
    </row>
    <row r="140899" spans="8:8">
      <c r="H140899" s="12"/>
    </row>
    <row r="140900" spans="8:8">
      <c r="H140900" s="12"/>
    </row>
    <row r="140901" spans="8:8">
      <c r="H140901" s="12"/>
    </row>
    <row r="140902" spans="8:8">
      <c r="H140902" s="12"/>
    </row>
    <row r="140903" spans="8:8">
      <c r="H140903" s="12"/>
    </row>
    <row r="140904" spans="8:8">
      <c r="H140904" s="12"/>
    </row>
    <row r="140905" spans="8:8">
      <c r="H140905" s="12"/>
    </row>
    <row r="140906" spans="8:8">
      <c r="H140906" s="12"/>
    </row>
    <row r="140907" spans="8:8">
      <c r="H140907" s="12"/>
    </row>
    <row r="140908" spans="8:8">
      <c r="H140908" s="12"/>
    </row>
    <row r="140909" spans="8:8">
      <c r="H140909" s="12"/>
    </row>
    <row r="140910" spans="8:8">
      <c r="H140910" s="12"/>
    </row>
    <row r="140911" spans="8:8">
      <c r="H140911" s="12"/>
    </row>
    <row r="140912" spans="8:8">
      <c r="H140912" s="12"/>
    </row>
    <row r="140913" spans="8:8">
      <c r="H140913" s="12"/>
    </row>
    <row r="140914" spans="8:8">
      <c r="H140914" s="12"/>
    </row>
    <row r="140915" spans="8:8">
      <c r="H140915" s="12"/>
    </row>
    <row r="140916" spans="8:8">
      <c r="H140916" s="12"/>
    </row>
    <row r="140917" spans="8:8">
      <c r="H140917" s="12"/>
    </row>
    <row r="140918" spans="8:8">
      <c r="H140918" s="12"/>
    </row>
    <row r="140919" spans="8:8">
      <c r="H140919" s="12"/>
    </row>
    <row r="140920" spans="8:8">
      <c r="H140920" s="12"/>
    </row>
    <row r="140921" spans="8:8">
      <c r="H140921" s="12"/>
    </row>
    <row r="140922" spans="8:8">
      <c r="H140922" s="12"/>
    </row>
    <row r="140923" spans="8:8">
      <c r="H140923" s="12"/>
    </row>
    <row r="140924" spans="8:8">
      <c r="H140924" s="12"/>
    </row>
    <row r="140925" spans="8:8">
      <c r="H140925" s="12"/>
    </row>
    <row r="140926" spans="8:8">
      <c r="H140926" s="12"/>
    </row>
    <row r="140927" spans="8:8">
      <c r="H140927" s="12"/>
    </row>
    <row r="140928" spans="8:8">
      <c r="H140928" s="12"/>
    </row>
    <row r="140929" spans="8:8">
      <c r="H140929" s="12"/>
    </row>
    <row r="140930" spans="8:8">
      <c r="H140930" s="12"/>
    </row>
    <row r="140931" spans="8:8">
      <c r="H140931" s="12"/>
    </row>
    <row r="140932" spans="8:8">
      <c r="H140932" s="12"/>
    </row>
    <row r="140933" spans="8:8">
      <c r="H140933" s="12"/>
    </row>
    <row r="140934" spans="8:8">
      <c r="H140934" s="12"/>
    </row>
    <row r="140935" spans="8:8">
      <c r="H140935" s="12"/>
    </row>
    <row r="140936" spans="8:8">
      <c r="H140936" s="12"/>
    </row>
    <row r="140937" spans="8:8">
      <c r="H140937" s="12"/>
    </row>
    <row r="140938" spans="8:8">
      <c r="H140938" s="12"/>
    </row>
    <row r="140939" spans="8:8">
      <c r="H140939" s="12"/>
    </row>
    <row r="140940" spans="8:8">
      <c r="H140940" s="12"/>
    </row>
    <row r="140941" spans="8:8">
      <c r="H140941" s="12"/>
    </row>
    <row r="140942" spans="8:8">
      <c r="H140942" s="12"/>
    </row>
    <row r="140943" spans="8:8">
      <c r="H140943" s="12"/>
    </row>
    <row r="140944" spans="8:8">
      <c r="H140944" s="12"/>
    </row>
    <row r="140945" spans="8:8">
      <c r="H140945" s="12"/>
    </row>
    <row r="140946" spans="8:8">
      <c r="H140946" s="12"/>
    </row>
    <row r="140947" spans="8:8">
      <c r="H140947" s="12"/>
    </row>
    <row r="140948" spans="8:8">
      <c r="H140948" s="12"/>
    </row>
    <row r="140949" spans="8:8">
      <c r="H140949" s="12"/>
    </row>
    <row r="140950" spans="8:8">
      <c r="H140950" s="12"/>
    </row>
    <row r="140951" spans="8:8">
      <c r="H140951" s="12"/>
    </row>
    <row r="140952" spans="8:8">
      <c r="H140952" s="12"/>
    </row>
    <row r="140953" spans="8:8">
      <c r="H140953" s="12"/>
    </row>
    <row r="140954" spans="8:8">
      <c r="H140954" s="12"/>
    </row>
    <row r="140955" spans="8:8">
      <c r="H140955" s="12"/>
    </row>
    <row r="140956" spans="8:8">
      <c r="H140956" s="12"/>
    </row>
    <row r="140957" spans="8:8">
      <c r="H140957" s="12"/>
    </row>
    <row r="140958" spans="8:8">
      <c r="H140958" s="12"/>
    </row>
    <row r="140959" spans="8:8">
      <c r="H140959" s="12"/>
    </row>
    <row r="140960" spans="8:8">
      <c r="H140960" s="12"/>
    </row>
    <row r="140961" spans="8:8">
      <c r="H140961" s="12"/>
    </row>
    <row r="140962" spans="8:8">
      <c r="H140962" s="12"/>
    </row>
    <row r="140963" spans="8:8">
      <c r="H140963" s="12"/>
    </row>
    <row r="140964" spans="8:8">
      <c r="H140964" s="12"/>
    </row>
    <row r="140965" spans="8:8">
      <c r="H140965" s="12"/>
    </row>
    <row r="140966" spans="8:8">
      <c r="H140966" s="12"/>
    </row>
    <row r="140967" spans="8:8">
      <c r="H140967" s="12"/>
    </row>
    <row r="140968" spans="8:8">
      <c r="H140968" s="12"/>
    </row>
    <row r="140969" spans="8:8">
      <c r="H140969" s="12"/>
    </row>
    <row r="140970" spans="8:8">
      <c r="H140970" s="12"/>
    </row>
    <row r="140971" spans="8:8">
      <c r="H140971" s="12"/>
    </row>
    <row r="140972" spans="8:8">
      <c r="H140972" s="12"/>
    </row>
    <row r="140973" spans="8:8">
      <c r="H140973" s="12"/>
    </row>
    <row r="140974" spans="8:8">
      <c r="H140974" s="12"/>
    </row>
    <row r="140975" spans="8:8">
      <c r="H140975" s="12"/>
    </row>
    <row r="140976" spans="8:8">
      <c r="H140976" s="12"/>
    </row>
    <row r="140977" spans="8:8">
      <c r="H140977" s="12"/>
    </row>
    <row r="140978" spans="8:8">
      <c r="H140978" s="12"/>
    </row>
    <row r="140979" spans="8:8">
      <c r="H140979" s="12"/>
    </row>
    <row r="140980" spans="8:8">
      <c r="H140980" s="12"/>
    </row>
    <row r="140981" spans="8:8">
      <c r="H140981" s="12"/>
    </row>
    <row r="140982" spans="8:8">
      <c r="H140982" s="12"/>
    </row>
    <row r="140983" spans="8:8">
      <c r="H140983" s="12"/>
    </row>
    <row r="140984" spans="8:8">
      <c r="H140984" s="12"/>
    </row>
    <row r="140985" spans="8:8">
      <c r="H140985" s="12"/>
    </row>
    <row r="140986" spans="8:8">
      <c r="H140986" s="12"/>
    </row>
    <row r="140987" spans="8:8">
      <c r="H140987" s="12"/>
    </row>
    <row r="140988" spans="8:8">
      <c r="H140988" s="12"/>
    </row>
    <row r="140989" spans="8:8">
      <c r="H140989" s="12"/>
    </row>
    <row r="140990" spans="8:8">
      <c r="H140990" s="12"/>
    </row>
    <row r="140991" spans="8:8">
      <c r="H140991" s="12"/>
    </row>
    <row r="140992" spans="8:8">
      <c r="H140992" s="12"/>
    </row>
    <row r="140993" spans="8:8">
      <c r="H140993" s="12"/>
    </row>
    <row r="140994" spans="8:8">
      <c r="H140994" s="12"/>
    </row>
    <row r="140995" spans="8:8">
      <c r="H140995" s="12"/>
    </row>
    <row r="140996" spans="8:8">
      <c r="H140996" s="12"/>
    </row>
    <row r="140997" spans="8:8">
      <c r="H140997" s="12"/>
    </row>
    <row r="140998" spans="8:8">
      <c r="H140998" s="12"/>
    </row>
    <row r="140999" spans="8:8">
      <c r="H140999" s="12"/>
    </row>
    <row r="141000" spans="8:8">
      <c r="H141000" s="12"/>
    </row>
    <row r="141001" spans="8:8">
      <c r="H141001" s="12"/>
    </row>
    <row r="141002" spans="8:8">
      <c r="H141002" s="12"/>
    </row>
    <row r="141003" spans="8:8">
      <c r="H141003" s="12"/>
    </row>
    <row r="141004" spans="8:8">
      <c r="H141004" s="12"/>
    </row>
    <row r="141005" spans="8:8">
      <c r="H141005" s="12"/>
    </row>
    <row r="141006" spans="8:8">
      <c r="H141006" s="12"/>
    </row>
    <row r="141007" spans="8:8">
      <c r="H141007" s="12"/>
    </row>
    <row r="141008" spans="8:8">
      <c r="H141008" s="12"/>
    </row>
    <row r="141009" spans="8:8">
      <c r="H141009" s="12"/>
    </row>
    <row r="141010" spans="8:8">
      <c r="H141010" s="12"/>
    </row>
    <row r="141011" spans="8:8">
      <c r="H141011" s="12"/>
    </row>
    <row r="141012" spans="8:8">
      <c r="H141012" s="12"/>
    </row>
    <row r="141013" spans="8:8">
      <c r="H141013" s="12"/>
    </row>
    <row r="141014" spans="8:8">
      <c r="H141014" s="12"/>
    </row>
    <row r="141015" spans="8:8">
      <c r="H141015" s="12"/>
    </row>
    <row r="141016" spans="8:8">
      <c r="H141016" s="12"/>
    </row>
    <row r="141017" spans="8:8">
      <c r="H141017" s="12"/>
    </row>
    <row r="141018" spans="8:8">
      <c r="H141018" s="12"/>
    </row>
    <row r="141019" spans="8:8">
      <c r="H141019" s="12"/>
    </row>
    <row r="141020" spans="8:8">
      <c r="H141020" s="12"/>
    </row>
    <row r="141021" spans="8:8">
      <c r="H141021" s="12"/>
    </row>
    <row r="141022" spans="8:8">
      <c r="H141022" s="12"/>
    </row>
    <row r="141023" spans="8:8">
      <c r="H141023" s="12"/>
    </row>
    <row r="141024" spans="8:8">
      <c r="H141024" s="12"/>
    </row>
    <row r="141025" spans="8:8">
      <c r="H141025" s="12"/>
    </row>
    <row r="141026" spans="8:8">
      <c r="H141026" s="12"/>
    </row>
    <row r="141027" spans="8:8">
      <c r="H141027" s="12"/>
    </row>
    <row r="141028" spans="8:8">
      <c r="H141028" s="12"/>
    </row>
    <row r="141029" spans="8:8">
      <c r="H141029" s="12"/>
    </row>
    <row r="141030" spans="8:8">
      <c r="H141030" s="12"/>
    </row>
    <row r="141031" spans="8:8">
      <c r="H141031" s="12"/>
    </row>
    <row r="141032" spans="8:8">
      <c r="H141032" s="12"/>
    </row>
    <row r="141033" spans="8:8">
      <c r="H141033" s="12"/>
    </row>
    <row r="141034" spans="8:8">
      <c r="H141034" s="12"/>
    </row>
    <row r="141035" spans="8:8">
      <c r="H141035" s="12"/>
    </row>
    <row r="141036" spans="8:8">
      <c r="H141036" s="12"/>
    </row>
    <row r="141037" spans="8:8">
      <c r="H141037" s="12"/>
    </row>
    <row r="141038" spans="8:8">
      <c r="H141038" s="12"/>
    </row>
    <row r="141039" spans="8:8">
      <c r="H141039" s="12"/>
    </row>
    <row r="141040" spans="8:8">
      <c r="H141040" s="12"/>
    </row>
    <row r="141041" spans="8:8">
      <c r="H141041" s="12"/>
    </row>
    <row r="141042" spans="8:8">
      <c r="H141042" s="12"/>
    </row>
    <row r="141043" spans="8:8">
      <c r="H141043" s="12"/>
    </row>
    <row r="141044" spans="8:8">
      <c r="H141044" s="12"/>
    </row>
    <row r="141045" spans="8:8">
      <c r="H141045" s="12"/>
    </row>
    <row r="141046" spans="8:8">
      <c r="H141046" s="12"/>
    </row>
    <row r="141047" spans="8:8">
      <c r="H141047" s="12"/>
    </row>
    <row r="141048" spans="8:8">
      <c r="H141048" s="12"/>
    </row>
    <row r="141049" spans="8:8">
      <c r="H141049" s="12"/>
    </row>
    <row r="141050" spans="8:8">
      <c r="H141050" s="12"/>
    </row>
    <row r="141051" spans="8:8">
      <c r="H141051" s="12"/>
    </row>
    <row r="141052" spans="8:8">
      <c r="H141052" s="12"/>
    </row>
    <row r="141053" spans="8:8">
      <c r="H141053" s="12"/>
    </row>
    <row r="141054" spans="8:8">
      <c r="H141054" s="12"/>
    </row>
    <row r="141055" spans="8:8">
      <c r="H141055" s="12"/>
    </row>
    <row r="141056" spans="8:8">
      <c r="H141056" s="12"/>
    </row>
    <row r="141057" spans="8:8">
      <c r="H141057" s="12"/>
    </row>
    <row r="141058" spans="8:8">
      <c r="H141058" s="12"/>
    </row>
    <row r="141059" spans="8:8">
      <c r="H141059" s="12"/>
    </row>
    <row r="141060" spans="8:8">
      <c r="H141060" s="12"/>
    </row>
    <row r="141061" spans="8:8">
      <c r="H141061" s="12"/>
    </row>
    <row r="141062" spans="8:8">
      <c r="H141062" s="12"/>
    </row>
    <row r="141063" spans="8:8">
      <c r="H141063" s="12"/>
    </row>
    <row r="141064" spans="8:8">
      <c r="H141064" s="12"/>
    </row>
    <row r="141065" spans="8:8">
      <c r="H141065" s="12"/>
    </row>
    <row r="141066" spans="8:8">
      <c r="H141066" s="12"/>
    </row>
    <row r="141067" spans="8:8">
      <c r="H141067" s="12"/>
    </row>
    <row r="141068" spans="8:8">
      <c r="H141068" s="12"/>
    </row>
    <row r="141069" spans="8:8">
      <c r="H141069" s="12"/>
    </row>
    <row r="141070" spans="8:8">
      <c r="H141070" s="12"/>
    </row>
    <row r="141071" spans="8:8">
      <c r="H141071" s="12"/>
    </row>
    <row r="141072" spans="8:8">
      <c r="H141072" s="12"/>
    </row>
    <row r="141073" spans="8:8">
      <c r="H141073" s="12"/>
    </row>
    <row r="141074" spans="8:8">
      <c r="H141074" s="12"/>
    </row>
    <row r="141075" spans="8:8">
      <c r="H141075" s="12"/>
    </row>
    <row r="141076" spans="8:8">
      <c r="H141076" s="12"/>
    </row>
    <row r="141077" spans="8:8">
      <c r="H141077" s="12"/>
    </row>
    <row r="141078" spans="8:8">
      <c r="H141078" s="12"/>
    </row>
    <row r="141079" spans="8:8">
      <c r="H141079" s="12"/>
    </row>
    <row r="141080" spans="8:8">
      <c r="H141080" s="12"/>
    </row>
    <row r="141081" spans="8:8">
      <c r="H141081" s="12"/>
    </row>
    <row r="141082" spans="8:8">
      <c r="H141082" s="12"/>
    </row>
    <row r="141083" spans="8:8">
      <c r="H141083" s="12"/>
    </row>
    <row r="141084" spans="8:8">
      <c r="H141084" s="12"/>
    </row>
    <row r="141085" spans="8:8">
      <c r="H141085" s="12"/>
    </row>
    <row r="141086" spans="8:8">
      <c r="H141086" s="12"/>
    </row>
    <row r="141087" spans="8:8">
      <c r="H141087" s="12"/>
    </row>
    <row r="141088" spans="8:8">
      <c r="H141088" s="12"/>
    </row>
    <row r="141089" spans="8:8">
      <c r="H141089" s="12"/>
    </row>
    <row r="141090" spans="8:8">
      <c r="H141090" s="12"/>
    </row>
    <row r="141091" spans="8:8">
      <c r="H141091" s="12"/>
    </row>
    <row r="141092" spans="8:8">
      <c r="H141092" s="12"/>
    </row>
    <row r="141093" spans="8:8">
      <c r="H141093" s="12"/>
    </row>
    <row r="141094" spans="8:8">
      <c r="H141094" s="12"/>
    </row>
    <row r="141095" spans="8:8">
      <c r="H141095" s="12"/>
    </row>
    <row r="141096" spans="8:8">
      <c r="H141096" s="12"/>
    </row>
    <row r="141097" spans="8:8">
      <c r="H141097" s="12"/>
    </row>
    <row r="141098" spans="8:8">
      <c r="H141098" s="12"/>
    </row>
    <row r="141099" spans="8:8">
      <c r="H141099" s="12"/>
    </row>
    <row r="141100" spans="8:8">
      <c r="H141100" s="12"/>
    </row>
    <row r="141101" spans="8:8">
      <c r="H141101" s="12"/>
    </row>
    <row r="141102" spans="8:8">
      <c r="H141102" s="12"/>
    </row>
    <row r="141103" spans="8:8">
      <c r="H141103" s="12"/>
    </row>
    <row r="141104" spans="8:8">
      <c r="H141104" s="12"/>
    </row>
    <row r="141105" spans="8:8">
      <c r="H141105" s="12"/>
    </row>
    <row r="141106" spans="8:8">
      <c r="H141106" s="12"/>
    </row>
    <row r="141107" spans="8:8">
      <c r="H141107" s="12"/>
    </row>
    <row r="141108" spans="8:8">
      <c r="H141108" s="12"/>
    </row>
    <row r="141109" spans="8:8">
      <c r="H141109" s="12"/>
    </row>
    <row r="141110" spans="8:8">
      <c r="H141110" s="12"/>
    </row>
    <row r="141111" spans="8:8">
      <c r="H141111" s="12"/>
    </row>
    <row r="141112" spans="8:8">
      <c r="H141112" s="12"/>
    </row>
    <row r="141113" spans="8:8">
      <c r="H141113" s="12"/>
    </row>
    <row r="141114" spans="8:8">
      <c r="H141114" s="12"/>
    </row>
    <row r="141115" spans="8:8">
      <c r="H141115" s="12"/>
    </row>
    <row r="141116" spans="8:8">
      <c r="H141116" s="12"/>
    </row>
    <row r="141117" spans="8:8">
      <c r="H141117" s="12"/>
    </row>
    <row r="141118" spans="8:8">
      <c r="H141118" s="12"/>
    </row>
    <row r="141119" spans="8:8">
      <c r="H141119" s="12"/>
    </row>
    <row r="141120" spans="8:8">
      <c r="H141120" s="12"/>
    </row>
    <row r="141121" spans="8:8">
      <c r="H141121" s="12"/>
    </row>
    <row r="141122" spans="8:8">
      <c r="H141122" s="12"/>
    </row>
    <row r="141123" spans="8:8">
      <c r="H141123" s="12"/>
    </row>
    <row r="141124" spans="8:8">
      <c r="H141124" s="12"/>
    </row>
    <row r="141125" spans="8:8">
      <c r="H141125" s="12"/>
    </row>
    <row r="141126" spans="8:8">
      <c r="H141126" s="12"/>
    </row>
    <row r="141127" spans="8:8">
      <c r="H141127" s="12"/>
    </row>
    <row r="141128" spans="8:8">
      <c r="H141128" s="12"/>
    </row>
    <row r="141129" spans="8:8">
      <c r="H141129" s="12"/>
    </row>
    <row r="141130" spans="8:8">
      <c r="H141130" s="12"/>
    </row>
    <row r="141131" spans="8:8">
      <c r="H141131" s="12"/>
    </row>
    <row r="141132" spans="8:8">
      <c r="H141132" s="12"/>
    </row>
    <row r="141133" spans="8:8">
      <c r="H141133" s="12"/>
    </row>
    <row r="141134" spans="8:8">
      <c r="H141134" s="12"/>
    </row>
    <row r="141135" spans="8:8">
      <c r="H141135" s="12"/>
    </row>
    <row r="141136" spans="8:8">
      <c r="H141136" s="12"/>
    </row>
    <row r="141137" spans="8:8">
      <c r="H141137" s="12"/>
    </row>
    <row r="141138" spans="8:8">
      <c r="H141138" s="12"/>
    </row>
    <row r="141139" spans="8:8">
      <c r="H141139" s="12"/>
    </row>
    <row r="141140" spans="8:8">
      <c r="H141140" s="12"/>
    </row>
    <row r="141141" spans="8:8">
      <c r="H141141" s="12"/>
    </row>
    <row r="141142" spans="8:8">
      <c r="H141142" s="12"/>
    </row>
    <row r="141143" spans="8:8">
      <c r="H141143" s="12"/>
    </row>
    <row r="141144" spans="8:8">
      <c r="H141144" s="12"/>
    </row>
    <row r="141145" spans="8:8">
      <c r="H141145" s="12"/>
    </row>
    <row r="141146" spans="8:8">
      <c r="H141146" s="12"/>
    </row>
    <row r="141147" spans="8:8">
      <c r="H141147" s="12"/>
    </row>
    <row r="141148" spans="8:8">
      <c r="H141148" s="12"/>
    </row>
    <row r="141149" spans="8:8">
      <c r="H141149" s="12"/>
    </row>
    <row r="141150" spans="8:8">
      <c r="H141150" s="12"/>
    </row>
    <row r="141151" spans="8:8">
      <c r="H141151" s="12"/>
    </row>
    <row r="141152" spans="8:8">
      <c r="H141152" s="12"/>
    </row>
    <row r="141153" spans="8:8">
      <c r="H141153" s="12"/>
    </row>
    <row r="141154" spans="8:8">
      <c r="H141154" s="12"/>
    </row>
    <row r="141155" spans="8:8">
      <c r="H141155" s="12"/>
    </row>
    <row r="141156" spans="8:8">
      <c r="H141156" s="12"/>
    </row>
    <row r="141157" spans="8:8">
      <c r="H141157" s="12"/>
    </row>
    <row r="141158" spans="8:8">
      <c r="H141158" s="12"/>
    </row>
    <row r="141159" spans="8:8">
      <c r="H141159" s="12"/>
    </row>
    <row r="141160" spans="8:8">
      <c r="H141160" s="12"/>
    </row>
    <row r="141161" spans="8:8">
      <c r="H141161" s="12"/>
    </row>
    <row r="141162" spans="8:8">
      <c r="H141162" s="12"/>
    </row>
    <row r="141163" spans="8:8">
      <c r="H141163" s="12"/>
    </row>
    <row r="141164" spans="8:8">
      <c r="H141164" s="12"/>
    </row>
    <row r="141165" spans="8:8">
      <c r="H141165" s="12"/>
    </row>
    <row r="141166" spans="8:8">
      <c r="H141166" s="12"/>
    </row>
    <row r="141167" spans="8:8">
      <c r="H141167" s="12"/>
    </row>
    <row r="141168" spans="8:8">
      <c r="H141168" s="12"/>
    </row>
    <row r="141169" spans="8:8">
      <c r="H141169" s="12"/>
    </row>
    <row r="141170" spans="8:8">
      <c r="H141170" s="12"/>
    </row>
    <row r="141171" spans="8:8">
      <c r="H141171" s="12"/>
    </row>
    <row r="141172" spans="8:8">
      <c r="H141172" s="12"/>
    </row>
    <row r="141173" spans="8:8">
      <c r="H141173" s="12"/>
    </row>
    <row r="141174" spans="8:8">
      <c r="H141174" s="12"/>
    </row>
    <row r="141175" spans="8:8">
      <c r="H141175" s="12"/>
    </row>
    <row r="141176" spans="8:8">
      <c r="H141176" s="12"/>
    </row>
    <row r="141177" spans="8:8">
      <c r="H141177" s="12"/>
    </row>
    <row r="141178" spans="8:8">
      <c r="H141178" s="12"/>
    </row>
    <row r="141179" spans="8:8">
      <c r="H141179" s="12"/>
    </row>
    <row r="141180" spans="8:8">
      <c r="H141180" s="12"/>
    </row>
    <row r="141181" spans="8:8">
      <c r="H141181" s="12"/>
    </row>
    <row r="141182" spans="8:8">
      <c r="H141182" s="12"/>
    </row>
    <row r="141183" spans="8:8">
      <c r="H141183" s="12"/>
    </row>
    <row r="141184" spans="8:8">
      <c r="H141184" s="12"/>
    </row>
    <row r="141185" spans="8:8">
      <c r="H141185" s="12"/>
    </row>
    <row r="141186" spans="8:8">
      <c r="H141186" s="12"/>
    </row>
    <row r="141187" spans="8:8">
      <c r="H141187" s="12"/>
    </row>
    <row r="141188" spans="8:8">
      <c r="H141188" s="12"/>
    </row>
    <row r="141189" spans="8:8">
      <c r="H141189" s="12"/>
    </row>
    <row r="141190" spans="8:8">
      <c r="H141190" s="12"/>
    </row>
    <row r="141191" spans="8:8">
      <c r="H141191" s="12"/>
    </row>
    <row r="141192" spans="8:8">
      <c r="H141192" s="12"/>
    </row>
    <row r="141193" spans="8:8">
      <c r="H141193" s="12"/>
    </row>
    <row r="141194" spans="8:8">
      <c r="H141194" s="12"/>
    </row>
    <row r="141195" spans="8:8">
      <c r="H141195" s="12"/>
    </row>
    <row r="141196" spans="8:8">
      <c r="H141196" s="12"/>
    </row>
    <row r="141197" spans="8:8">
      <c r="H141197" s="12"/>
    </row>
    <row r="141198" spans="8:8">
      <c r="H141198" s="12"/>
    </row>
    <row r="141199" spans="8:8">
      <c r="H141199" s="12"/>
    </row>
    <row r="141200" spans="8:8">
      <c r="H141200" s="12"/>
    </row>
    <row r="141201" spans="8:8">
      <c r="H141201" s="12"/>
    </row>
    <row r="141202" spans="8:8">
      <c r="H141202" s="12"/>
    </row>
    <row r="141203" spans="8:8">
      <c r="H141203" s="12"/>
    </row>
    <row r="141204" spans="8:8">
      <c r="H141204" s="12"/>
    </row>
    <row r="141205" spans="8:8">
      <c r="H141205" s="12"/>
    </row>
    <row r="141206" spans="8:8">
      <c r="H141206" s="12"/>
    </row>
    <row r="141207" spans="8:8">
      <c r="H141207" s="12"/>
    </row>
    <row r="141208" spans="8:8">
      <c r="H141208" s="12"/>
    </row>
    <row r="141209" spans="8:8">
      <c r="H141209" s="12"/>
    </row>
    <row r="141210" spans="8:8">
      <c r="H141210" s="12"/>
    </row>
    <row r="141211" spans="8:8">
      <c r="H141211" s="12"/>
    </row>
    <row r="141212" spans="8:8">
      <c r="H141212" s="12"/>
    </row>
    <row r="141213" spans="8:8">
      <c r="H141213" s="12"/>
    </row>
    <row r="141214" spans="8:8">
      <c r="H141214" s="12"/>
    </row>
    <row r="141215" spans="8:8">
      <c r="H141215" s="12"/>
    </row>
    <row r="141216" spans="8:8">
      <c r="H141216" s="12"/>
    </row>
    <row r="141217" spans="8:8">
      <c r="H141217" s="12"/>
    </row>
    <row r="141218" spans="8:8">
      <c r="H141218" s="12"/>
    </row>
    <row r="141219" spans="8:8">
      <c r="H141219" s="12"/>
    </row>
    <row r="141220" spans="8:8">
      <c r="H141220" s="12"/>
    </row>
    <row r="141221" spans="8:8">
      <c r="H141221" s="12"/>
    </row>
    <row r="141222" spans="8:8">
      <c r="H141222" s="12"/>
    </row>
    <row r="141223" spans="8:8">
      <c r="H141223" s="12"/>
    </row>
    <row r="141224" spans="8:8">
      <c r="H141224" s="12"/>
    </row>
    <row r="141225" spans="8:8">
      <c r="H141225" s="12"/>
    </row>
    <row r="141226" spans="8:8">
      <c r="H141226" s="12"/>
    </row>
    <row r="141227" spans="8:8">
      <c r="H141227" s="12"/>
    </row>
    <row r="141228" spans="8:8">
      <c r="H141228" s="12"/>
    </row>
    <row r="141229" spans="8:8">
      <c r="H141229" s="12"/>
    </row>
    <row r="141230" spans="8:8">
      <c r="H141230" s="12"/>
    </row>
    <row r="141231" spans="8:8">
      <c r="H141231" s="12"/>
    </row>
    <row r="141232" spans="8:8">
      <c r="H141232" s="12"/>
    </row>
    <row r="141233" spans="8:8">
      <c r="H141233" s="12"/>
    </row>
    <row r="141234" spans="8:8">
      <c r="H141234" s="12"/>
    </row>
    <row r="141235" spans="8:8">
      <c r="H141235" s="12"/>
    </row>
    <row r="141236" spans="8:8">
      <c r="H141236" s="12"/>
    </row>
    <row r="141237" spans="8:8">
      <c r="H141237" s="12"/>
    </row>
    <row r="141238" spans="8:8">
      <c r="H141238" s="12"/>
    </row>
    <row r="141239" spans="8:8">
      <c r="H141239" s="12"/>
    </row>
    <row r="141240" spans="8:8">
      <c r="H141240" s="12"/>
    </row>
    <row r="141241" spans="8:8">
      <c r="H141241" s="12"/>
    </row>
    <row r="141242" spans="8:8">
      <c r="H141242" s="12"/>
    </row>
    <row r="141243" spans="8:8">
      <c r="H141243" s="12"/>
    </row>
    <row r="141244" spans="8:8">
      <c r="H141244" s="12"/>
    </row>
    <row r="141245" spans="8:8">
      <c r="H141245" s="12"/>
    </row>
    <row r="141246" spans="8:8">
      <c r="H141246" s="12"/>
    </row>
    <row r="141247" spans="8:8">
      <c r="H141247" s="12"/>
    </row>
    <row r="141248" spans="8:8">
      <c r="H141248" s="12"/>
    </row>
    <row r="141249" spans="8:8">
      <c r="H141249" s="12"/>
    </row>
    <row r="141250" spans="8:8">
      <c r="H141250" s="12"/>
    </row>
    <row r="141251" spans="8:8">
      <c r="H141251" s="12"/>
    </row>
    <row r="141252" spans="8:8">
      <c r="H141252" s="12"/>
    </row>
    <row r="141253" spans="8:8">
      <c r="H141253" s="12"/>
    </row>
    <row r="141254" spans="8:8">
      <c r="H141254" s="12"/>
    </row>
    <row r="141255" spans="8:8">
      <c r="H141255" s="12"/>
    </row>
    <row r="141256" spans="8:8">
      <c r="H141256" s="12"/>
    </row>
    <row r="141257" spans="8:8">
      <c r="H141257" s="12"/>
    </row>
    <row r="141258" spans="8:8">
      <c r="H141258" s="12"/>
    </row>
    <row r="141259" spans="8:8">
      <c r="H141259" s="12"/>
    </row>
    <row r="141260" spans="8:8">
      <c r="H141260" s="12"/>
    </row>
    <row r="141261" spans="8:8">
      <c r="H141261" s="12"/>
    </row>
    <row r="141262" spans="8:8">
      <c r="H141262" s="12"/>
    </row>
    <row r="141263" spans="8:8">
      <c r="H141263" s="12"/>
    </row>
    <row r="141264" spans="8:8">
      <c r="H141264" s="12"/>
    </row>
    <row r="141265" spans="8:8">
      <c r="H141265" s="12"/>
    </row>
    <row r="141266" spans="8:8">
      <c r="H141266" s="12"/>
    </row>
    <row r="141267" spans="8:8">
      <c r="H141267" s="12"/>
    </row>
    <row r="141268" spans="8:8">
      <c r="H141268" s="12"/>
    </row>
    <row r="141269" spans="8:8">
      <c r="H141269" s="12"/>
    </row>
    <row r="141270" spans="8:8">
      <c r="H141270" s="12"/>
    </row>
    <row r="141271" spans="8:8">
      <c r="H141271" s="12"/>
    </row>
    <row r="141272" spans="8:8">
      <c r="H141272" s="12"/>
    </row>
    <row r="141273" spans="8:8">
      <c r="H141273" s="12"/>
    </row>
    <row r="141274" spans="8:8">
      <c r="H141274" s="12"/>
    </row>
    <row r="141275" spans="8:8">
      <c r="H141275" s="12"/>
    </row>
    <row r="141276" spans="8:8">
      <c r="H141276" s="12"/>
    </row>
    <row r="141277" spans="8:8">
      <c r="H141277" s="12"/>
    </row>
    <row r="141278" spans="8:8">
      <c r="H141278" s="12"/>
    </row>
    <row r="141279" spans="8:8">
      <c r="H141279" s="12"/>
    </row>
    <row r="141280" spans="8:8">
      <c r="H141280" s="12"/>
    </row>
    <row r="141281" spans="8:8">
      <c r="H141281" s="12"/>
    </row>
    <row r="141282" spans="8:8">
      <c r="H141282" s="12"/>
    </row>
    <row r="141283" spans="8:8">
      <c r="H141283" s="12"/>
    </row>
    <row r="141284" spans="8:8">
      <c r="H141284" s="12"/>
    </row>
    <row r="141285" spans="8:8">
      <c r="H141285" s="12"/>
    </row>
    <row r="141286" spans="8:8">
      <c r="H141286" s="12"/>
    </row>
    <row r="141287" spans="8:8">
      <c r="H141287" s="12"/>
    </row>
    <row r="141288" spans="8:8">
      <c r="H141288" s="12"/>
    </row>
    <row r="141289" spans="8:8">
      <c r="H141289" s="12"/>
    </row>
    <row r="141290" spans="8:8">
      <c r="H141290" s="12"/>
    </row>
    <row r="141291" spans="8:8">
      <c r="H141291" s="12"/>
    </row>
    <row r="141292" spans="8:8">
      <c r="H141292" s="12"/>
    </row>
    <row r="141293" spans="8:8">
      <c r="H141293" s="12"/>
    </row>
    <row r="141294" spans="8:8">
      <c r="H141294" s="12"/>
    </row>
    <row r="141295" spans="8:8">
      <c r="H141295" s="12"/>
    </row>
    <row r="141296" spans="8:8">
      <c r="H141296" s="12"/>
    </row>
    <row r="141297" spans="8:8">
      <c r="H141297" s="12"/>
    </row>
    <row r="141298" spans="8:8">
      <c r="H141298" s="12"/>
    </row>
    <row r="141299" spans="8:8">
      <c r="H141299" s="12"/>
    </row>
    <row r="141300" spans="8:8">
      <c r="H141300" s="12"/>
    </row>
    <row r="141301" spans="8:8">
      <c r="H141301" s="12"/>
    </row>
    <row r="141302" spans="8:8">
      <c r="H141302" s="12"/>
    </row>
    <row r="141303" spans="8:8">
      <c r="H141303" s="12"/>
    </row>
    <row r="141304" spans="8:8">
      <c r="H141304" s="12"/>
    </row>
    <row r="141305" spans="8:8">
      <c r="H141305" s="12"/>
    </row>
    <row r="141306" spans="8:8">
      <c r="H141306" s="12"/>
    </row>
    <row r="141307" spans="8:8">
      <c r="H141307" s="12"/>
    </row>
    <row r="141308" spans="8:8">
      <c r="H141308" s="12"/>
    </row>
    <row r="141309" spans="8:8">
      <c r="H141309" s="12"/>
    </row>
    <row r="141310" spans="8:8">
      <c r="H141310" s="12"/>
    </row>
    <row r="141311" spans="8:8">
      <c r="H141311" s="12"/>
    </row>
    <row r="141312" spans="8:8">
      <c r="H141312" s="12"/>
    </row>
    <row r="141313" spans="8:8">
      <c r="H141313" s="12"/>
    </row>
    <row r="141314" spans="8:8">
      <c r="H141314" s="12"/>
    </row>
    <row r="141315" spans="8:8">
      <c r="H141315" s="12"/>
    </row>
    <row r="141316" spans="8:8">
      <c r="H141316" s="12"/>
    </row>
    <row r="141317" spans="8:8">
      <c r="H141317" s="12"/>
    </row>
    <row r="141318" spans="8:8">
      <c r="H141318" s="12"/>
    </row>
    <row r="141319" spans="8:8">
      <c r="H141319" s="12"/>
    </row>
    <row r="141320" spans="8:8">
      <c r="H141320" s="12"/>
    </row>
    <row r="141321" spans="8:8">
      <c r="H141321" s="12"/>
    </row>
    <row r="141322" spans="8:8">
      <c r="H141322" s="12"/>
    </row>
    <row r="141323" spans="8:8">
      <c r="H141323" s="12"/>
    </row>
    <row r="141324" spans="8:8">
      <c r="H141324" s="12"/>
    </row>
    <row r="141325" spans="8:8">
      <c r="H141325" s="12"/>
    </row>
    <row r="141326" spans="8:8">
      <c r="H141326" s="12"/>
    </row>
    <row r="141327" spans="8:8">
      <c r="H141327" s="12"/>
    </row>
    <row r="141328" spans="8:8">
      <c r="H141328" s="12"/>
    </row>
    <row r="141329" spans="8:8">
      <c r="H141329" s="12"/>
    </row>
    <row r="141330" spans="8:8">
      <c r="H141330" s="12"/>
    </row>
    <row r="141331" spans="8:8">
      <c r="H141331" s="12"/>
    </row>
    <row r="141332" spans="8:8">
      <c r="H141332" s="12"/>
    </row>
    <row r="141333" spans="8:8">
      <c r="H141333" s="12"/>
    </row>
    <row r="141334" spans="8:8">
      <c r="H141334" s="12"/>
    </row>
    <row r="141335" spans="8:8">
      <c r="H141335" s="12"/>
    </row>
    <row r="141336" spans="8:8">
      <c r="H141336" s="12"/>
    </row>
    <row r="141337" spans="8:8">
      <c r="H141337" s="12"/>
    </row>
    <row r="141338" spans="8:8">
      <c r="H141338" s="12"/>
    </row>
    <row r="141339" spans="8:8">
      <c r="H141339" s="12"/>
    </row>
    <row r="141340" spans="8:8">
      <c r="H141340" s="12"/>
    </row>
    <row r="141341" spans="8:8">
      <c r="H141341" s="12"/>
    </row>
    <row r="141342" spans="8:8">
      <c r="H141342" s="12"/>
    </row>
    <row r="141343" spans="8:8">
      <c r="H141343" s="12"/>
    </row>
    <row r="141344" spans="8:8">
      <c r="H141344" s="12"/>
    </row>
    <row r="141345" spans="8:8">
      <c r="H141345" s="12"/>
    </row>
    <row r="141346" spans="8:8">
      <c r="H141346" s="12"/>
    </row>
    <row r="141347" spans="8:8">
      <c r="H141347" s="12"/>
    </row>
    <row r="141348" spans="8:8">
      <c r="H141348" s="12"/>
    </row>
    <row r="141349" spans="8:8">
      <c r="H141349" s="12"/>
    </row>
    <row r="141350" spans="8:8">
      <c r="H141350" s="12"/>
    </row>
    <row r="141351" spans="8:8">
      <c r="H141351" s="12"/>
    </row>
    <row r="141352" spans="8:8">
      <c r="H141352" s="12"/>
    </row>
    <row r="141353" spans="8:8">
      <c r="H141353" s="12"/>
    </row>
    <row r="141354" spans="8:8">
      <c r="H141354" s="12"/>
    </row>
    <row r="141355" spans="8:8">
      <c r="H141355" s="12"/>
    </row>
    <row r="141356" spans="8:8">
      <c r="H141356" s="12"/>
    </row>
    <row r="141357" spans="8:8">
      <c r="H141357" s="12"/>
    </row>
    <row r="141358" spans="8:8">
      <c r="H141358" s="12"/>
    </row>
    <row r="141359" spans="8:8">
      <c r="H141359" s="12"/>
    </row>
    <row r="141360" spans="8:8">
      <c r="H141360" s="12"/>
    </row>
    <row r="141361" spans="8:8">
      <c r="H141361" s="12"/>
    </row>
    <row r="141362" spans="8:8">
      <c r="H141362" s="12"/>
    </row>
    <row r="141363" spans="8:8">
      <c r="H141363" s="12"/>
    </row>
    <row r="141364" spans="8:8">
      <c r="H141364" s="12"/>
    </row>
    <row r="141365" spans="8:8">
      <c r="H141365" s="12"/>
    </row>
    <row r="141366" spans="8:8">
      <c r="H141366" s="12"/>
    </row>
    <row r="141367" spans="8:8">
      <c r="H141367" s="12"/>
    </row>
    <row r="141368" spans="8:8">
      <c r="H141368" s="12"/>
    </row>
    <row r="141369" spans="8:8">
      <c r="H141369" s="12"/>
    </row>
    <row r="141370" spans="8:8">
      <c r="H141370" s="12"/>
    </row>
    <row r="141371" spans="8:8">
      <c r="H141371" s="12"/>
    </row>
    <row r="141372" spans="8:8">
      <c r="H141372" s="12"/>
    </row>
    <row r="141373" spans="8:8">
      <c r="H141373" s="12"/>
    </row>
    <row r="141374" spans="8:8">
      <c r="H141374" s="12"/>
    </row>
    <row r="141375" spans="8:8">
      <c r="H141375" s="12"/>
    </row>
    <row r="141376" spans="8:8">
      <c r="H141376" s="12"/>
    </row>
    <row r="141377" spans="8:8">
      <c r="H141377" s="12"/>
    </row>
    <row r="141378" spans="8:8">
      <c r="H141378" s="12"/>
    </row>
    <row r="141379" spans="8:8">
      <c r="H141379" s="12"/>
    </row>
    <row r="141380" spans="8:8">
      <c r="H141380" s="12"/>
    </row>
    <row r="141381" spans="8:8">
      <c r="H141381" s="12"/>
    </row>
    <row r="141382" spans="8:8">
      <c r="H141382" s="12"/>
    </row>
    <row r="141383" spans="8:8">
      <c r="H141383" s="12"/>
    </row>
    <row r="141384" spans="8:8">
      <c r="H141384" s="12"/>
    </row>
    <row r="141385" spans="8:8">
      <c r="H141385" s="12"/>
    </row>
    <row r="141386" spans="8:8">
      <c r="H141386" s="12"/>
    </row>
    <row r="141387" spans="8:8">
      <c r="H141387" s="12"/>
    </row>
    <row r="141388" spans="8:8">
      <c r="H141388" s="12"/>
    </row>
    <row r="141389" spans="8:8">
      <c r="H141389" s="12"/>
    </row>
    <row r="141390" spans="8:8">
      <c r="H141390" s="12"/>
    </row>
    <row r="141391" spans="8:8">
      <c r="H141391" s="12"/>
    </row>
    <row r="141392" spans="8:8">
      <c r="H141392" s="12"/>
    </row>
    <row r="141393" spans="8:8">
      <c r="H141393" s="12"/>
    </row>
    <row r="141394" spans="8:8">
      <c r="H141394" s="12"/>
    </row>
    <row r="141395" spans="8:8">
      <c r="H141395" s="12"/>
    </row>
    <row r="141396" spans="8:8">
      <c r="H141396" s="12"/>
    </row>
    <row r="141397" spans="8:8">
      <c r="H141397" s="12"/>
    </row>
    <row r="141398" spans="8:8">
      <c r="H141398" s="12"/>
    </row>
    <row r="141399" spans="8:8">
      <c r="H141399" s="12"/>
    </row>
    <row r="141400" spans="8:8">
      <c r="H141400" s="12"/>
    </row>
    <row r="141401" spans="8:8">
      <c r="H141401" s="12"/>
    </row>
    <row r="141402" spans="8:8">
      <c r="H141402" s="12"/>
    </row>
    <row r="141403" spans="8:8">
      <c r="H141403" s="12"/>
    </row>
    <row r="141404" spans="8:8">
      <c r="H141404" s="12"/>
    </row>
    <row r="141405" spans="8:8">
      <c r="H141405" s="12"/>
    </row>
    <row r="141406" spans="8:8">
      <c r="H141406" s="12"/>
    </row>
    <row r="141407" spans="8:8">
      <c r="H141407" s="12"/>
    </row>
    <row r="141408" spans="8:8">
      <c r="H141408" s="12"/>
    </row>
    <row r="141409" spans="8:8">
      <c r="H141409" s="12"/>
    </row>
    <row r="141410" spans="8:8">
      <c r="H141410" s="12"/>
    </row>
    <row r="141411" spans="8:8">
      <c r="H141411" s="12"/>
    </row>
    <row r="141412" spans="8:8">
      <c r="H141412" s="12"/>
    </row>
    <row r="141413" spans="8:8">
      <c r="H141413" s="12"/>
    </row>
    <row r="141414" spans="8:8">
      <c r="H141414" s="12"/>
    </row>
    <row r="141415" spans="8:8">
      <c r="H141415" s="12"/>
    </row>
    <row r="141416" spans="8:8">
      <c r="H141416" s="12"/>
    </row>
    <row r="141417" spans="8:8">
      <c r="H141417" s="12"/>
    </row>
    <row r="141418" spans="8:8">
      <c r="H141418" s="12"/>
    </row>
    <row r="141419" spans="8:8">
      <c r="H141419" s="12"/>
    </row>
    <row r="141420" spans="8:8">
      <c r="H141420" s="12"/>
    </row>
    <row r="141421" spans="8:8">
      <c r="H141421" s="12"/>
    </row>
    <row r="141422" spans="8:8">
      <c r="H141422" s="12"/>
    </row>
    <row r="141423" spans="8:8">
      <c r="H141423" s="12"/>
    </row>
    <row r="141424" spans="8:8">
      <c r="H141424" s="12"/>
    </row>
    <row r="141425" spans="8:8">
      <c r="H141425" s="12"/>
    </row>
    <row r="141426" spans="8:8">
      <c r="H141426" s="12"/>
    </row>
    <row r="141427" spans="8:8">
      <c r="H141427" s="12"/>
    </row>
    <row r="141428" spans="8:8">
      <c r="H141428" s="12"/>
    </row>
    <row r="141429" spans="8:8">
      <c r="H141429" s="12"/>
    </row>
    <row r="141430" spans="8:8">
      <c r="H141430" s="12"/>
    </row>
    <row r="141431" spans="8:8">
      <c r="H141431" s="12"/>
    </row>
    <row r="141432" spans="8:8">
      <c r="H141432" s="12"/>
    </row>
    <row r="141433" spans="8:8">
      <c r="H141433" s="12"/>
    </row>
    <row r="141434" spans="8:8">
      <c r="H141434" s="12"/>
    </row>
    <row r="141435" spans="8:8">
      <c r="H141435" s="12"/>
    </row>
    <row r="141436" spans="8:8">
      <c r="H141436" s="12"/>
    </row>
    <row r="141437" spans="8:8">
      <c r="H141437" s="12"/>
    </row>
    <row r="141438" spans="8:8">
      <c r="H141438" s="12"/>
    </row>
    <row r="141439" spans="8:8">
      <c r="H141439" s="12"/>
    </row>
    <row r="141440" spans="8:8">
      <c r="H141440" s="12"/>
    </row>
    <row r="141441" spans="8:8">
      <c r="H141441" s="12"/>
    </row>
    <row r="141442" spans="8:8">
      <c r="H141442" s="12"/>
    </row>
    <row r="141443" spans="8:8">
      <c r="H141443" s="12"/>
    </row>
    <row r="141444" spans="8:8">
      <c r="H141444" s="12"/>
    </row>
    <row r="141445" spans="8:8">
      <c r="H141445" s="12"/>
    </row>
    <row r="141446" spans="8:8">
      <c r="H141446" s="12"/>
    </row>
    <row r="141447" spans="8:8">
      <c r="H141447" s="12"/>
    </row>
    <row r="141448" spans="8:8">
      <c r="H141448" s="12"/>
    </row>
    <row r="141449" spans="8:8">
      <c r="H141449" s="12"/>
    </row>
    <row r="141450" spans="8:8">
      <c r="H141450" s="12"/>
    </row>
    <row r="141451" spans="8:8">
      <c r="H141451" s="12"/>
    </row>
    <row r="141452" spans="8:8">
      <c r="H141452" s="12"/>
    </row>
    <row r="141453" spans="8:8">
      <c r="H141453" s="12"/>
    </row>
    <row r="141454" spans="8:8">
      <c r="H141454" s="12"/>
    </row>
    <row r="141455" spans="8:8">
      <c r="H141455" s="12"/>
    </row>
    <row r="141456" spans="8:8">
      <c r="H141456" s="12"/>
    </row>
    <row r="141457" spans="8:8">
      <c r="H141457" s="12"/>
    </row>
    <row r="141458" spans="8:8">
      <c r="H141458" s="12"/>
    </row>
    <row r="141459" spans="8:8">
      <c r="H141459" s="12"/>
    </row>
    <row r="141460" spans="8:8">
      <c r="H141460" s="12"/>
    </row>
    <row r="141461" spans="8:8">
      <c r="H141461" s="12"/>
    </row>
    <row r="141462" spans="8:8">
      <c r="H141462" s="12"/>
    </row>
    <row r="141463" spans="8:8">
      <c r="H141463" s="12"/>
    </row>
    <row r="141464" spans="8:8">
      <c r="H141464" s="12"/>
    </row>
    <row r="141465" spans="8:8">
      <c r="H141465" s="12"/>
    </row>
    <row r="141466" spans="8:8">
      <c r="H141466" s="12"/>
    </row>
    <row r="141467" spans="8:8">
      <c r="H141467" s="12"/>
    </row>
    <row r="141468" spans="8:8">
      <c r="H141468" s="12"/>
    </row>
    <row r="141469" spans="8:8">
      <c r="H141469" s="12"/>
    </row>
    <row r="141470" spans="8:8">
      <c r="H141470" s="12"/>
    </row>
    <row r="141471" spans="8:8">
      <c r="H141471" s="12"/>
    </row>
    <row r="141472" spans="8:8">
      <c r="H141472" s="12"/>
    </row>
    <row r="141473" spans="8:8">
      <c r="H141473" s="12"/>
    </row>
    <row r="141474" spans="8:8">
      <c r="H141474" s="12"/>
    </row>
    <row r="141475" spans="8:8">
      <c r="H141475" s="12"/>
    </row>
    <row r="141476" spans="8:8">
      <c r="H141476" s="12"/>
    </row>
    <row r="141477" spans="8:8">
      <c r="H141477" s="12"/>
    </row>
    <row r="141478" spans="8:8">
      <c r="H141478" s="12"/>
    </row>
    <row r="141479" spans="8:8">
      <c r="H141479" s="12"/>
    </row>
    <row r="141480" spans="8:8">
      <c r="H141480" s="12"/>
    </row>
    <row r="141481" spans="8:8">
      <c r="H141481" s="12"/>
    </row>
    <row r="141482" spans="8:8">
      <c r="H141482" s="12"/>
    </row>
    <row r="141483" spans="8:8">
      <c r="H141483" s="12"/>
    </row>
    <row r="141484" spans="8:8">
      <c r="H141484" s="12"/>
    </row>
    <row r="141485" spans="8:8">
      <c r="H141485" s="12"/>
    </row>
    <row r="141486" spans="8:8">
      <c r="H141486" s="12"/>
    </row>
    <row r="141487" spans="8:8">
      <c r="H141487" s="12"/>
    </row>
    <row r="141488" spans="8:8">
      <c r="H141488" s="12"/>
    </row>
    <row r="141489" spans="8:8">
      <c r="H141489" s="12"/>
    </row>
    <row r="141490" spans="8:8">
      <c r="H141490" s="12"/>
    </row>
    <row r="141491" spans="8:8">
      <c r="H141491" s="12"/>
    </row>
    <row r="141492" spans="8:8">
      <c r="H141492" s="12"/>
    </row>
    <row r="141493" spans="8:8">
      <c r="H141493" s="12"/>
    </row>
    <row r="141494" spans="8:8">
      <c r="H141494" s="12"/>
    </row>
    <row r="141495" spans="8:8">
      <c r="H141495" s="12"/>
    </row>
    <row r="141496" spans="8:8">
      <c r="H141496" s="12"/>
    </row>
    <row r="141497" spans="8:8">
      <c r="H141497" s="12"/>
    </row>
    <row r="141498" spans="8:8">
      <c r="H141498" s="12"/>
    </row>
    <row r="141499" spans="8:8">
      <c r="H141499" s="12"/>
    </row>
    <row r="141500" spans="8:8">
      <c r="H141500" s="12"/>
    </row>
    <row r="141501" spans="8:8">
      <c r="H141501" s="12"/>
    </row>
    <row r="141502" spans="8:8">
      <c r="H141502" s="12"/>
    </row>
    <row r="141503" spans="8:8">
      <c r="H141503" s="12"/>
    </row>
    <row r="141504" spans="8:8">
      <c r="H141504" s="12"/>
    </row>
    <row r="141505" spans="8:8">
      <c r="H141505" s="12"/>
    </row>
    <row r="141506" spans="8:8">
      <c r="H141506" s="12"/>
    </row>
    <row r="141507" spans="8:8">
      <c r="H141507" s="12"/>
    </row>
    <row r="141508" spans="8:8">
      <c r="H141508" s="12"/>
    </row>
    <row r="141509" spans="8:8">
      <c r="H141509" s="12"/>
    </row>
    <row r="141510" spans="8:8">
      <c r="H141510" s="12"/>
    </row>
    <row r="141511" spans="8:8">
      <c r="H141511" s="12"/>
    </row>
    <row r="141512" spans="8:8">
      <c r="H141512" s="12"/>
    </row>
    <row r="141513" spans="8:8">
      <c r="H141513" s="12"/>
    </row>
    <row r="141514" spans="8:8">
      <c r="H141514" s="12"/>
    </row>
    <row r="141515" spans="8:8">
      <c r="H141515" s="12"/>
    </row>
    <row r="141516" spans="8:8">
      <c r="H141516" s="12"/>
    </row>
    <row r="141517" spans="8:8">
      <c r="H141517" s="12"/>
    </row>
    <row r="141518" spans="8:8">
      <c r="H141518" s="12"/>
    </row>
    <row r="141519" spans="8:8">
      <c r="H141519" s="12"/>
    </row>
    <row r="141520" spans="8:8">
      <c r="H141520" s="12"/>
    </row>
    <row r="141521" spans="8:8">
      <c r="H141521" s="12"/>
    </row>
    <row r="141522" spans="8:8">
      <c r="H141522" s="12"/>
    </row>
    <row r="141523" spans="8:8">
      <c r="H141523" s="12"/>
    </row>
    <row r="141524" spans="8:8">
      <c r="H141524" s="12"/>
    </row>
    <row r="141525" spans="8:8">
      <c r="H141525" s="12"/>
    </row>
    <row r="141526" spans="8:8">
      <c r="H141526" s="12"/>
    </row>
    <row r="141527" spans="8:8">
      <c r="H141527" s="12"/>
    </row>
    <row r="141528" spans="8:8">
      <c r="H141528" s="12"/>
    </row>
    <row r="141529" spans="8:8">
      <c r="H141529" s="12"/>
    </row>
    <row r="141530" spans="8:8">
      <c r="H141530" s="12"/>
    </row>
    <row r="141531" spans="8:8">
      <c r="H141531" s="12"/>
    </row>
    <row r="141532" spans="8:8">
      <c r="H141532" s="12"/>
    </row>
    <row r="141533" spans="8:8">
      <c r="H141533" s="12"/>
    </row>
    <row r="141534" spans="8:8">
      <c r="H141534" s="12"/>
    </row>
    <row r="141535" spans="8:8">
      <c r="H141535" s="12"/>
    </row>
    <row r="141536" spans="8:8">
      <c r="H141536" s="12"/>
    </row>
    <row r="141537" spans="8:8">
      <c r="H141537" s="12"/>
    </row>
    <row r="141538" spans="8:8">
      <c r="H141538" s="12"/>
    </row>
    <row r="141539" spans="8:8">
      <c r="H141539" s="12"/>
    </row>
    <row r="141540" spans="8:8">
      <c r="H141540" s="12"/>
    </row>
    <row r="141541" spans="8:8">
      <c r="H141541" s="12"/>
    </row>
    <row r="141542" spans="8:8">
      <c r="H141542" s="12"/>
    </row>
    <row r="141543" spans="8:8">
      <c r="H141543" s="12"/>
    </row>
    <row r="141544" spans="8:8">
      <c r="H141544" s="12"/>
    </row>
    <row r="141545" spans="8:8">
      <c r="H141545" s="12"/>
    </row>
    <row r="141546" spans="8:8">
      <c r="H141546" s="12"/>
    </row>
    <row r="141547" spans="8:8">
      <c r="H141547" s="12"/>
    </row>
    <row r="141548" spans="8:8">
      <c r="H141548" s="12"/>
    </row>
    <row r="141549" spans="8:8">
      <c r="H141549" s="12"/>
    </row>
    <row r="141550" spans="8:8">
      <c r="H141550" s="12"/>
    </row>
    <row r="141551" spans="8:8">
      <c r="H141551" s="12"/>
    </row>
    <row r="141552" spans="8:8">
      <c r="H141552" s="12"/>
    </row>
    <row r="141553" spans="8:8">
      <c r="H141553" s="12"/>
    </row>
    <row r="141554" spans="8:8">
      <c r="H141554" s="12"/>
    </row>
    <row r="141555" spans="8:8">
      <c r="H141555" s="12"/>
    </row>
    <row r="141556" spans="8:8">
      <c r="H141556" s="12"/>
    </row>
    <row r="141557" spans="8:8">
      <c r="H141557" s="12"/>
    </row>
    <row r="141558" spans="8:8">
      <c r="H141558" s="12"/>
    </row>
    <row r="141559" spans="8:8">
      <c r="H141559" s="12"/>
    </row>
    <row r="141560" spans="8:8">
      <c r="H141560" s="12"/>
    </row>
    <row r="141561" spans="8:8">
      <c r="H141561" s="12"/>
    </row>
    <row r="141562" spans="8:8">
      <c r="H141562" s="12"/>
    </row>
    <row r="141563" spans="8:8">
      <c r="H141563" s="12"/>
    </row>
    <row r="141564" spans="8:8">
      <c r="H141564" s="12"/>
    </row>
    <row r="141565" spans="8:8">
      <c r="H141565" s="12"/>
    </row>
    <row r="141566" spans="8:8">
      <c r="H141566" s="12"/>
    </row>
    <row r="141567" spans="8:8">
      <c r="H141567" s="12"/>
    </row>
    <row r="141568" spans="8:8">
      <c r="H141568" s="12"/>
    </row>
    <row r="141569" spans="8:8">
      <c r="H141569" s="12"/>
    </row>
    <row r="141570" spans="8:8">
      <c r="H141570" s="12"/>
    </row>
    <row r="141571" spans="8:8">
      <c r="H141571" s="12"/>
    </row>
    <row r="141572" spans="8:8">
      <c r="H141572" s="12"/>
    </row>
    <row r="141573" spans="8:8">
      <c r="H141573" s="12"/>
    </row>
    <row r="141574" spans="8:8">
      <c r="H141574" s="12"/>
    </row>
    <row r="141575" spans="8:8">
      <c r="H141575" s="12"/>
    </row>
    <row r="141576" spans="8:8">
      <c r="H141576" s="12"/>
    </row>
    <row r="141577" spans="8:8">
      <c r="H141577" s="12"/>
    </row>
    <row r="141578" spans="8:8">
      <c r="H141578" s="12"/>
    </row>
    <row r="141579" spans="8:8">
      <c r="H141579" s="12"/>
    </row>
    <row r="141580" spans="8:8">
      <c r="H141580" s="12"/>
    </row>
    <row r="141581" spans="8:8">
      <c r="H141581" s="12"/>
    </row>
    <row r="141582" spans="8:8">
      <c r="H141582" s="12"/>
    </row>
    <row r="141583" spans="8:8">
      <c r="H141583" s="12"/>
    </row>
    <row r="141584" spans="8:8">
      <c r="H141584" s="12"/>
    </row>
    <row r="141585" spans="8:8">
      <c r="H141585" s="12"/>
    </row>
    <row r="141586" spans="8:8">
      <c r="H141586" s="12"/>
    </row>
    <row r="141587" spans="8:8">
      <c r="H141587" s="12"/>
    </row>
    <row r="141588" spans="8:8">
      <c r="H141588" s="12"/>
    </row>
    <row r="141589" spans="8:8">
      <c r="H141589" s="12"/>
    </row>
    <row r="141590" spans="8:8">
      <c r="H141590" s="12"/>
    </row>
    <row r="141591" spans="8:8">
      <c r="H141591" s="12"/>
    </row>
    <row r="141592" spans="8:8">
      <c r="H141592" s="12"/>
    </row>
    <row r="141593" spans="8:8">
      <c r="H141593" s="12"/>
    </row>
    <row r="141594" spans="8:8">
      <c r="H141594" s="12"/>
    </row>
    <row r="141595" spans="8:8">
      <c r="H141595" s="12"/>
    </row>
    <row r="141596" spans="8:8">
      <c r="H141596" s="12"/>
    </row>
    <row r="141597" spans="8:8">
      <c r="H141597" s="12"/>
    </row>
    <row r="141598" spans="8:8">
      <c r="H141598" s="12"/>
    </row>
    <row r="141599" spans="8:8">
      <c r="H141599" s="12"/>
    </row>
    <row r="141600" spans="8:8">
      <c r="H141600" s="12"/>
    </row>
    <row r="141601" spans="8:8">
      <c r="H141601" s="12"/>
    </row>
    <row r="141602" spans="8:8">
      <c r="H141602" s="12"/>
    </row>
    <row r="141603" spans="8:8">
      <c r="H141603" s="12"/>
    </row>
    <row r="141604" spans="8:8">
      <c r="H141604" s="12"/>
    </row>
    <row r="141605" spans="8:8">
      <c r="H141605" s="12"/>
    </row>
    <row r="141606" spans="8:8">
      <c r="H141606" s="12"/>
    </row>
    <row r="141607" spans="8:8">
      <c r="H141607" s="12"/>
    </row>
    <row r="141608" spans="8:8">
      <c r="H141608" s="12"/>
    </row>
    <row r="141609" spans="8:8">
      <c r="H141609" s="12"/>
    </row>
    <row r="141610" spans="8:8">
      <c r="H141610" s="12"/>
    </row>
    <row r="141611" spans="8:8">
      <c r="H141611" s="12"/>
    </row>
    <row r="141612" spans="8:8">
      <c r="H141612" s="12"/>
    </row>
    <row r="141613" spans="8:8">
      <c r="H141613" s="12"/>
    </row>
    <row r="141614" spans="8:8">
      <c r="H141614" s="12"/>
    </row>
    <row r="141615" spans="8:8">
      <c r="H141615" s="12"/>
    </row>
    <row r="141616" spans="8:8">
      <c r="H141616" s="12"/>
    </row>
    <row r="141617" spans="8:8">
      <c r="H141617" s="12"/>
    </row>
    <row r="141618" spans="8:8">
      <c r="H141618" s="12"/>
    </row>
    <row r="141619" spans="8:8">
      <c r="H141619" s="12"/>
    </row>
    <row r="141620" spans="8:8">
      <c r="H141620" s="12"/>
    </row>
    <row r="141621" spans="8:8">
      <c r="H141621" s="12"/>
    </row>
    <row r="141622" spans="8:8">
      <c r="H141622" s="12"/>
    </row>
    <row r="141623" spans="8:8">
      <c r="H141623" s="12"/>
    </row>
    <row r="141624" spans="8:8">
      <c r="H141624" s="12"/>
    </row>
    <row r="141625" spans="8:8">
      <c r="H141625" s="12"/>
    </row>
    <row r="141626" spans="8:8">
      <c r="H141626" s="12"/>
    </row>
    <row r="141627" spans="8:8">
      <c r="H141627" s="12"/>
    </row>
    <row r="141628" spans="8:8">
      <c r="H141628" s="12"/>
    </row>
    <row r="141629" spans="8:8">
      <c r="H141629" s="12"/>
    </row>
    <row r="141630" spans="8:8">
      <c r="H141630" s="12"/>
    </row>
    <row r="141631" spans="8:8">
      <c r="H141631" s="12"/>
    </row>
    <row r="141632" spans="8:8">
      <c r="H141632" s="12"/>
    </row>
    <row r="141633" spans="8:8">
      <c r="H141633" s="12"/>
    </row>
    <row r="141634" spans="8:8">
      <c r="H141634" s="12"/>
    </row>
    <row r="141635" spans="8:8">
      <c r="H141635" s="12"/>
    </row>
    <row r="141636" spans="8:8">
      <c r="H141636" s="12"/>
    </row>
    <row r="141637" spans="8:8">
      <c r="H141637" s="12"/>
    </row>
    <row r="141638" spans="8:8">
      <c r="H141638" s="12"/>
    </row>
    <row r="141639" spans="8:8">
      <c r="H141639" s="12"/>
    </row>
    <row r="141640" spans="8:8">
      <c r="H141640" s="12"/>
    </row>
    <row r="141641" spans="8:8">
      <c r="H141641" s="12"/>
    </row>
    <row r="141642" spans="8:8">
      <c r="H141642" s="12"/>
    </row>
    <row r="141643" spans="8:8">
      <c r="H141643" s="12"/>
    </row>
    <row r="141644" spans="8:8">
      <c r="H141644" s="12"/>
    </row>
    <row r="141645" spans="8:8">
      <c r="H141645" s="12"/>
    </row>
    <row r="141646" spans="8:8">
      <c r="H141646" s="12"/>
    </row>
    <row r="141647" spans="8:8">
      <c r="H141647" s="12"/>
    </row>
    <row r="141648" spans="8:8">
      <c r="H141648" s="12"/>
    </row>
    <row r="141649" spans="8:8">
      <c r="H141649" s="12"/>
    </row>
    <row r="141650" spans="8:8">
      <c r="H141650" s="12"/>
    </row>
    <row r="141651" spans="8:8">
      <c r="H141651" s="12"/>
    </row>
    <row r="141652" spans="8:8">
      <c r="H141652" s="12"/>
    </row>
    <row r="141653" spans="8:8">
      <c r="H141653" s="12"/>
    </row>
    <row r="141654" spans="8:8">
      <c r="H141654" s="12"/>
    </row>
    <row r="141655" spans="8:8">
      <c r="H141655" s="12"/>
    </row>
    <row r="141656" spans="8:8">
      <c r="H141656" s="12"/>
    </row>
    <row r="141657" spans="8:8">
      <c r="H141657" s="12"/>
    </row>
    <row r="141658" spans="8:8">
      <c r="H141658" s="12"/>
    </row>
    <row r="141659" spans="8:8">
      <c r="H141659" s="12"/>
    </row>
    <row r="141660" spans="8:8">
      <c r="H141660" s="12"/>
    </row>
    <row r="141661" spans="8:8">
      <c r="H141661" s="12"/>
    </row>
    <row r="141662" spans="8:8">
      <c r="H141662" s="12"/>
    </row>
    <row r="141663" spans="8:8">
      <c r="H141663" s="12"/>
    </row>
    <row r="141664" spans="8:8">
      <c r="H141664" s="12"/>
    </row>
    <row r="141665" spans="8:8">
      <c r="H141665" s="12"/>
    </row>
    <row r="141666" spans="8:8">
      <c r="H141666" s="12"/>
    </row>
    <row r="141667" spans="8:8">
      <c r="H141667" s="12"/>
    </row>
    <row r="141668" spans="8:8">
      <c r="H141668" s="12"/>
    </row>
    <row r="141669" spans="8:8">
      <c r="H141669" s="12"/>
    </row>
    <row r="141670" spans="8:8">
      <c r="H141670" s="12"/>
    </row>
    <row r="141671" spans="8:8">
      <c r="H141671" s="12"/>
    </row>
    <row r="141672" spans="8:8">
      <c r="H141672" s="12"/>
    </row>
    <row r="141673" spans="8:8">
      <c r="H141673" s="12"/>
    </row>
    <row r="141674" spans="8:8">
      <c r="H141674" s="12"/>
    </row>
    <row r="141675" spans="8:8">
      <c r="H141675" s="12"/>
    </row>
    <row r="141676" spans="8:8">
      <c r="H141676" s="12"/>
    </row>
    <row r="141677" spans="8:8">
      <c r="H141677" s="12"/>
    </row>
    <row r="141678" spans="8:8">
      <c r="H141678" s="12"/>
    </row>
    <row r="141679" spans="8:8">
      <c r="H141679" s="12"/>
    </row>
    <row r="141680" spans="8:8">
      <c r="H141680" s="12"/>
    </row>
    <row r="141681" spans="8:8">
      <c r="H141681" s="12"/>
    </row>
    <row r="141682" spans="8:8">
      <c r="H141682" s="12"/>
    </row>
    <row r="141683" spans="8:8">
      <c r="H141683" s="12"/>
    </row>
    <row r="141684" spans="8:8">
      <c r="H141684" s="12"/>
    </row>
    <row r="141685" spans="8:8">
      <c r="H141685" s="12"/>
    </row>
    <row r="141686" spans="8:8">
      <c r="H141686" s="12"/>
    </row>
    <row r="141687" spans="8:8">
      <c r="H141687" s="12"/>
    </row>
    <row r="141688" spans="8:8">
      <c r="H141688" s="12"/>
    </row>
    <row r="141689" spans="8:8">
      <c r="H141689" s="12"/>
    </row>
    <row r="141690" spans="8:8">
      <c r="H141690" s="12"/>
    </row>
    <row r="141691" spans="8:8">
      <c r="H141691" s="12"/>
    </row>
    <row r="141692" spans="8:8">
      <c r="H141692" s="12"/>
    </row>
    <row r="141693" spans="8:8">
      <c r="H141693" s="12"/>
    </row>
    <row r="141694" spans="8:8">
      <c r="H141694" s="12"/>
    </row>
    <row r="141695" spans="8:8">
      <c r="H141695" s="12"/>
    </row>
    <row r="141696" spans="8:8">
      <c r="H141696" s="12"/>
    </row>
    <row r="141697" spans="8:8">
      <c r="H141697" s="12"/>
    </row>
    <row r="141698" spans="8:8">
      <c r="H141698" s="12"/>
    </row>
    <row r="141699" spans="8:8">
      <c r="H141699" s="12"/>
    </row>
    <row r="141700" spans="8:8">
      <c r="H141700" s="12"/>
    </row>
    <row r="141701" spans="8:8">
      <c r="H141701" s="12"/>
    </row>
    <row r="141702" spans="8:8">
      <c r="H141702" s="12"/>
    </row>
    <row r="141703" spans="8:8">
      <c r="H141703" s="12"/>
    </row>
    <row r="141704" spans="8:8">
      <c r="H141704" s="12"/>
    </row>
    <row r="141705" spans="8:8">
      <c r="H141705" s="12"/>
    </row>
    <row r="141706" spans="8:8">
      <c r="H141706" s="12"/>
    </row>
    <row r="141707" spans="8:8">
      <c r="H141707" s="12"/>
    </row>
    <row r="141708" spans="8:8">
      <c r="H141708" s="12"/>
    </row>
    <row r="141709" spans="8:8">
      <c r="H141709" s="12"/>
    </row>
    <row r="141710" spans="8:8">
      <c r="H141710" s="12"/>
    </row>
    <row r="141711" spans="8:8">
      <c r="H141711" s="12"/>
    </row>
    <row r="141712" spans="8:8">
      <c r="H141712" s="12"/>
    </row>
    <row r="141713" spans="8:8">
      <c r="H141713" s="12"/>
    </row>
    <row r="141714" spans="8:8">
      <c r="H141714" s="12"/>
    </row>
    <row r="141715" spans="8:8">
      <c r="H141715" s="12"/>
    </row>
    <row r="141716" spans="8:8">
      <c r="H141716" s="12"/>
    </row>
    <row r="141717" spans="8:8">
      <c r="H141717" s="12"/>
    </row>
    <row r="141718" spans="8:8">
      <c r="H141718" s="12"/>
    </row>
    <row r="141719" spans="8:8">
      <c r="H141719" s="12"/>
    </row>
    <row r="141720" spans="8:8">
      <c r="H141720" s="12"/>
    </row>
    <row r="141721" spans="8:8">
      <c r="H141721" s="12"/>
    </row>
    <row r="141722" spans="8:8">
      <c r="H141722" s="12"/>
    </row>
    <row r="141723" spans="8:8">
      <c r="H141723" s="12"/>
    </row>
    <row r="141724" spans="8:8">
      <c r="H141724" s="12"/>
    </row>
    <row r="141725" spans="8:8">
      <c r="H141725" s="12"/>
    </row>
    <row r="141726" spans="8:8">
      <c r="H141726" s="12"/>
    </row>
    <row r="141727" spans="8:8">
      <c r="H141727" s="12"/>
    </row>
    <row r="141728" spans="8:8">
      <c r="H141728" s="12"/>
    </row>
    <row r="141729" spans="8:8">
      <c r="H141729" s="12"/>
    </row>
    <row r="141730" spans="8:8">
      <c r="H141730" s="12"/>
    </row>
    <row r="141731" spans="8:8">
      <c r="H141731" s="12"/>
    </row>
    <row r="141732" spans="8:8">
      <c r="H141732" s="12"/>
    </row>
    <row r="141733" spans="8:8">
      <c r="H141733" s="12"/>
    </row>
    <row r="141734" spans="8:8">
      <c r="H141734" s="12"/>
    </row>
    <row r="141735" spans="8:8">
      <c r="H141735" s="12"/>
    </row>
    <row r="141736" spans="8:8">
      <c r="H141736" s="12"/>
    </row>
    <row r="141737" spans="8:8">
      <c r="H141737" s="12"/>
    </row>
    <row r="141738" spans="8:8">
      <c r="H141738" s="12"/>
    </row>
    <row r="141739" spans="8:8">
      <c r="H141739" s="12"/>
    </row>
    <row r="141740" spans="8:8">
      <c r="H141740" s="12"/>
    </row>
    <row r="141741" spans="8:8">
      <c r="H141741" s="12"/>
    </row>
    <row r="141742" spans="8:8">
      <c r="H141742" s="12"/>
    </row>
    <row r="141743" spans="8:8">
      <c r="H141743" s="12"/>
    </row>
    <row r="141744" spans="8:8">
      <c r="H141744" s="12"/>
    </row>
    <row r="141745" spans="8:8">
      <c r="H141745" s="12"/>
    </row>
    <row r="141746" spans="8:8">
      <c r="H141746" s="12"/>
    </row>
    <row r="141747" spans="8:8">
      <c r="H141747" s="12"/>
    </row>
    <row r="141748" spans="8:8">
      <c r="H141748" s="12"/>
    </row>
    <row r="141749" spans="8:8">
      <c r="H141749" s="12"/>
    </row>
    <row r="141750" spans="8:8">
      <c r="H141750" s="12"/>
    </row>
    <row r="141751" spans="8:8">
      <c r="H141751" s="12"/>
    </row>
    <row r="141752" spans="8:8">
      <c r="H141752" s="12"/>
    </row>
    <row r="141753" spans="8:8">
      <c r="H141753" s="12"/>
    </row>
    <row r="141754" spans="8:8">
      <c r="H141754" s="12"/>
    </row>
    <row r="141755" spans="8:8">
      <c r="H141755" s="12"/>
    </row>
    <row r="141756" spans="8:8">
      <c r="H141756" s="12"/>
    </row>
    <row r="141757" spans="8:8">
      <c r="H141757" s="12"/>
    </row>
    <row r="141758" spans="8:8">
      <c r="H141758" s="12"/>
    </row>
    <row r="141759" spans="8:8">
      <c r="H141759" s="12"/>
    </row>
    <row r="141760" spans="8:8">
      <c r="H141760" s="12"/>
    </row>
    <row r="141761" spans="8:8">
      <c r="H141761" s="12"/>
    </row>
    <row r="141762" spans="8:8">
      <c r="H141762" s="12"/>
    </row>
    <row r="141763" spans="8:8">
      <c r="H141763" s="12"/>
    </row>
    <row r="141764" spans="8:8">
      <c r="H141764" s="12"/>
    </row>
    <row r="141765" spans="8:8">
      <c r="H141765" s="12"/>
    </row>
    <row r="141766" spans="8:8">
      <c r="H141766" s="12"/>
    </row>
    <row r="141767" spans="8:8">
      <c r="H141767" s="12"/>
    </row>
    <row r="141768" spans="8:8">
      <c r="H141768" s="12"/>
    </row>
    <row r="141769" spans="8:8">
      <c r="H141769" s="12"/>
    </row>
    <row r="141770" spans="8:8">
      <c r="H141770" s="12"/>
    </row>
    <row r="141771" spans="8:8">
      <c r="H141771" s="12"/>
    </row>
    <row r="141772" spans="8:8">
      <c r="H141772" s="12"/>
    </row>
    <row r="141773" spans="8:8">
      <c r="H141773" s="12"/>
    </row>
    <row r="141774" spans="8:8">
      <c r="H141774" s="12"/>
    </row>
    <row r="141775" spans="8:8">
      <c r="H141775" s="12"/>
    </row>
    <row r="141776" spans="8:8">
      <c r="H141776" s="12"/>
    </row>
    <row r="141777" spans="8:8">
      <c r="H141777" s="12"/>
    </row>
    <row r="141778" spans="8:8">
      <c r="H141778" s="12"/>
    </row>
    <row r="141779" spans="8:8">
      <c r="H141779" s="12"/>
    </row>
    <row r="141780" spans="8:8">
      <c r="H141780" s="12"/>
    </row>
    <row r="141781" spans="8:8">
      <c r="H141781" s="12"/>
    </row>
    <row r="141782" spans="8:8">
      <c r="H141782" s="12"/>
    </row>
    <row r="141783" spans="8:8">
      <c r="H141783" s="12"/>
    </row>
    <row r="141784" spans="8:8">
      <c r="H141784" s="12"/>
    </row>
    <row r="141785" spans="8:8">
      <c r="H141785" s="12"/>
    </row>
    <row r="141786" spans="8:8">
      <c r="H141786" s="12"/>
    </row>
    <row r="141787" spans="8:8">
      <c r="H141787" s="12"/>
    </row>
    <row r="141788" spans="8:8">
      <c r="H141788" s="12"/>
    </row>
    <row r="141789" spans="8:8">
      <c r="H141789" s="12"/>
    </row>
    <row r="141790" spans="8:8">
      <c r="H141790" s="12"/>
    </row>
    <row r="141791" spans="8:8">
      <c r="H141791" s="12"/>
    </row>
    <row r="141792" spans="8:8">
      <c r="H141792" s="12"/>
    </row>
    <row r="141793" spans="8:8">
      <c r="H141793" s="12"/>
    </row>
    <row r="141794" spans="8:8">
      <c r="H141794" s="12"/>
    </row>
    <row r="141795" spans="8:8">
      <c r="H141795" s="12"/>
    </row>
    <row r="141796" spans="8:8">
      <c r="H141796" s="12"/>
    </row>
    <row r="141797" spans="8:8">
      <c r="H141797" s="12"/>
    </row>
    <row r="141798" spans="8:8">
      <c r="H141798" s="12"/>
    </row>
    <row r="141799" spans="8:8">
      <c r="H141799" s="12"/>
    </row>
    <row r="141800" spans="8:8">
      <c r="H141800" s="12"/>
    </row>
    <row r="141801" spans="8:8">
      <c r="H141801" s="12"/>
    </row>
    <row r="141802" spans="8:8">
      <c r="H141802" s="12"/>
    </row>
    <row r="141803" spans="8:8">
      <c r="H141803" s="12"/>
    </row>
    <row r="141804" spans="8:8">
      <c r="H141804" s="12"/>
    </row>
    <row r="141805" spans="8:8">
      <c r="H141805" s="12"/>
    </row>
    <row r="141806" spans="8:8">
      <c r="H141806" s="12"/>
    </row>
    <row r="141807" spans="8:8">
      <c r="H141807" s="12"/>
    </row>
    <row r="141808" spans="8:8">
      <c r="H141808" s="12"/>
    </row>
    <row r="141809" spans="8:8">
      <c r="H141809" s="12"/>
    </row>
    <row r="141810" spans="8:8">
      <c r="H141810" s="12"/>
    </row>
    <row r="141811" spans="8:8">
      <c r="H141811" s="12"/>
    </row>
    <row r="141812" spans="8:8">
      <c r="H141812" s="12"/>
    </row>
    <row r="141813" spans="8:8">
      <c r="H141813" s="12"/>
    </row>
    <row r="141814" spans="8:8">
      <c r="H141814" s="12"/>
    </row>
    <row r="141815" spans="8:8">
      <c r="H141815" s="12"/>
    </row>
    <row r="141816" spans="8:8">
      <c r="H141816" s="12"/>
    </row>
    <row r="141817" spans="8:8">
      <c r="H141817" s="12"/>
    </row>
    <row r="141818" spans="8:8">
      <c r="H141818" s="12"/>
    </row>
    <row r="141819" spans="8:8">
      <c r="H141819" s="12"/>
    </row>
    <row r="141820" spans="8:8">
      <c r="H141820" s="12"/>
    </row>
    <row r="141821" spans="8:8">
      <c r="H141821" s="12"/>
    </row>
    <row r="141822" spans="8:8">
      <c r="H141822" s="12"/>
    </row>
    <row r="141823" spans="8:8">
      <c r="H141823" s="12"/>
    </row>
    <row r="141824" spans="8:8">
      <c r="H141824" s="12"/>
    </row>
    <row r="141825" spans="8:8">
      <c r="H141825" s="12"/>
    </row>
    <row r="141826" spans="8:8">
      <c r="H141826" s="12"/>
    </row>
    <row r="141827" spans="8:8">
      <c r="H141827" s="12"/>
    </row>
    <row r="141828" spans="8:8">
      <c r="H141828" s="12"/>
    </row>
    <row r="141829" spans="8:8">
      <c r="H141829" s="12"/>
    </row>
    <row r="141830" spans="8:8">
      <c r="H141830" s="12"/>
    </row>
    <row r="141831" spans="8:8">
      <c r="H141831" s="12"/>
    </row>
    <row r="141832" spans="8:8">
      <c r="H141832" s="12"/>
    </row>
    <row r="141833" spans="8:8">
      <c r="H141833" s="12"/>
    </row>
    <row r="141834" spans="8:8">
      <c r="H141834" s="12"/>
    </row>
    <row r="141835" spans="8:8">
      <c r="H141835" s="12"/>
    </row>
    <row r="141836" spans="8:8">
      <c r="H141836" s="12"/>
    </row>
    <row r="141837" spans="8:8">
      <c r="H141837" s="12"/>
    </row>
    <row r="141838" spans="8:8">
      <c r="H141838" s="12"/>
    </row>
    <row r="141839" spans="8:8">
      <c r="H141839" s="12"/>
    </row>
    <row r="141840" spans="8:8">
      <c r="H141840" s="12"/>
    </row>
    <row r="141841" spans="8:8">
      <c r="H141841" s="12"/>
    </row>
    <row r="141842" spans="8:8">
      <c r="H141842" s="12"/>
    </row>
    <row r="141843" spans="8:8">
      <c r="H141843" s="12"/>
    </row>
    <row r="141844" spans="8:8">
      <c r="H141844" s="12"/>
    </row>
    <row r="141845" spans="8:8">
      <c r="H141845" s="12"/>
    </row>
    <row r="141846" spans="8:8">
      <c r="H141846" s="12"/>
    </row>
    <row r="141847" spans="8:8">
      <c r="H141847" s="12"/>
    </row>
    <row r="141848" spans="8:8">
      <c r="H141848" s="12"/>
    </row>
    <row r="141849" spans="8:8">
      <c r="H141849" s="12"/>
    </row>
    <row r="141850" spans="8:8">
      <c r="H141850" s="12"/>
    </row>
    <row r="141851" spans="8:8">
      <c r="H141851" s="12"/>
    </row>
    <row r="141852" spans="8:8">
      <c r="H141852" s="12"/>
    </row>
    <row r="141853" spans="8:8">
      <c r="H141853" s="12"/>
    </row>
    <row r="141854" spans="8:8">
      <c r="H141854" s="12"/>
    </row>
    <row r="141855" spans="8:8">
      <c r="H141855" s="12"/>
    </row>
    <row r="141856" spans="8:8">
      <c r="H141856" s="12"/>
    </row>
    <row r="141857" spans="8:8">
      <c r="H141857" s="12"/>
    </row>
    <row r="141858" spans="8:8">
      <c r="H141858" s="12"/>
    </row>
    <row r="141859" spans="8:8">
      <c r="H141859" s="12"/>
    </row>
    <row r="141860" spans="8:8">
      <c r="H141860" s="12"/>
    </row>
    <row r="141861" spans="8:8">
      <c r="H141861" s="12"/>
    </row>
    <row r="141862" spans="8:8">
      <c r="H141862" s="12"/>
    </row>
    <row r="141863" spans="8:8">
      <c r="H141863" s="12"/>
    </row>
    <row r="141864" spans="8:8">
      <c r="H141864" s="12"/>
    </row>
    <row r="141865" spans="8:8">
      <c r="H141865" s="12"/>
    </row>
    <row r="141866" spans="8:8">
      <c r="H141866" s="12"/>
    </row>
    <row r="141867" spans="8:8">
      <c r="H141867" s="12"/>
    </row>
    <row r="141868" spans="8:8">
      <c r="H141868" s="12"/>
    </row>
    <row r="141869" spans="8:8">
      <c r="H141869" s="12"/>
    </row>
    <row r="141870" spans="8:8">
      <c r="H141870" s="12"/>
    </row>
    <row r="141871" spans="8:8">
      <c r="H141871" s="12"/>
    </row>
    <row r="141872" spans="8:8">
      <c r="H141872" s="12"/>
    </row>
    <row r="141873" spans="8:8">
      <c r="H141873" s="12"/>
    </row>
    <row r="141874" spans="8:8">
      <c r="H141874" s="12"/>
    </row>
    <row r="141875" spans="8:8">
      <c r="H141875" s="12"/>
    </row>
    <row r="141876" spans="8:8">
      <c r="H141876" s="12"/>
    </row>
    <row r="141877" spans="8:8">
      <c r="H141877" s="12"/>
    </row>
    <row r="141878" spans="8:8">
      <c r="H141878" s="12"/>
    </row>
    <row r="141879" spans="8:8">
      <c r="H141879" s="12"/>
    </row>
    <row r="141880" spans="8:8">
      <c r="H141880" s="12"/>
    </row>
    <row r="141881" spans="8:8">
      <c r="H141881" s="12"/>
    </row>
    <row r="141882" spans="8:8">
      <c r="H141882" s="12"/>
    </row>
    <row r="141883" spans="8:8">
      <c r="H141883" s="12"/>
    </row>
    <row r="141884" spans="8:8">
      <c r="H141884" s="12"/>
    </row>
    <row r="141885" spans="8:8">
      <c r="H141885" s="12"/>
    </row>
    <row r="141886" spans="8:8">
      <c r="H141886" s="12"/>
    </row>
    <row r="141887" spans="8:8">
      <c r="H141887" s="12"/>
    </row>
    <row r="141888" spans="8:8">
      <c r="H141888" s="12"/>
    </row>
    <row r="141889" spans="8:8">
      <c r="H141889" s="12"/>
    </row>
    <row r="141890" spans="8:8">
      <c r="H141890" s="12"/>
    </row>
    <row r="141891" spans="8:8">
      <c r="H141891" s="12"/>
    </row>
    <row r="141892" spans="8:8">
      <c r="H141892" s="12"/>
    </row>
    <row r="141893" spans="8:8">
      <c r="H141893" s="12"/>
    </row>
    <row r="141894" spans="8:8">
      <c r="H141894" s="12"/>
    </row>
    <row r="141895" spans="8:8">
      <c r="H141895" s="12"/>
    </row>
    <row r="141896" spans="8:8">
      <c r="H141896" s="12"/>
    </row>
    <row r="141897" spans="8:8">
      <c r="H141897" s="12"/>
    </row>
    <row r="141898" spans="8:8">
      <c r="H141898" s="12"/>
    </row>
    <row r="141899" spans="8:8">
      <c r="H141899" s="12"/>
    </row>
    <row r="141900" spans="8:8">
      <c r="H141900" s="12"/>
    </row>
    <row r="141901" spans="8:8">
      <c r="H141901" s="12"/>
    </row>
    <row r="141902" spans="8:8">
      <c r="H141902" s="12"/>
    </row>
    <row r="141903" spans="8:8">
      <c r="H141903" s="12"/>
    </row>
    <row r="141904" spans="8:8">
      <c r="H141904" s="12"/>
    </row>
    <row r="141905" spans="8:8">
      <c r="H141905" s="12"/>
    </row>
    <row r="141906" spans="8:8">
      <c r="H141906" s="12"/>
    </row>
    <row r="141907" spans="8:8">
      <c r="H141907" s="12"/>
    </row>
    <row r="141908" spans="8:8">
      <c r="H141908" s="12"/>
    </row>
    <row r="141909" spans="8:8">
      <c r="H141909" s="12"/>
    </row>
    <row r="141910" spans="8:8">
      <c r="H141910" s="12"/>
    </row>
    <row r="141911" spans="8:8">
      <c r="H141911" s="12"/>
    </row>
    <row r="141912" spans="8:8">
      <c r="H141912" s="12"/>
    </row>
    <row r="141913" spans="8:8">
      <c r="H141913" s="12"/>
    </row>
    <row r="141914" spans="8:8">
      <c r="H141914" s="12"/>
    </row>
    <row r="141915" spans="8:8">
      <c r="H141915" s="12"/>
    </row>
    <row r="141916" spans="8:8">
      <c r="H141916" s="12"/>
    </row>
    <row r="141917" spans="8:8">
      <c r="H141917" s="12"/>
    </row>
    <row r="141918" spans="8:8">
      <c r="H141918" s="12"/>
    </row>
    <row r="141919" spans="8:8">
      <c r="H141919" s="12"/>
    </row>
    <row r="141920" spans="8:8">
      <c r="H141920" s="12"/>
    </row>
    <row r="141921" spans="8:8">
      <c r="H141921" s="12"/>
    </row>
    <row r="141922" spans="8:8">
      <c r="H141922" s="12"/>
    </row>
    <row r="141923" spans="8:8">
      <c r="H141923" s="12"/>
    </row>
    <row r="141924" spans="8:8">
      <c r="H141924" s="12"/>
    </row>
    <row r="141925" spans="8:8">
      <c r="H141925" s="12"/>
    </row>
    <row r="141926" spans="8:8">
      <c r="H141926" s="12"/>
    </row>
    <row r="141927" spans="8:8">
      <c r="H141927" s="12"/>
    </row>
    <row r="141928" spans="8:8">
      <c r="H141928" s="12"/>
    </row>
    <row r="141929" spans="8:8">
      <c r="H141929" s="12"/>
    </row>
    <row r="141930" spans="8:8">
      <c r="H141930" s="12"/>
    </row>
    <row r="141931" spans="8:8">
      <c r="H141931" s="12"/>
    </row>
    <row r="141932" spans="8:8">
      <c r="H141932" s="12"/>
    </row>
    <row r="141933" spans="8:8">
      <c r="H141933" s="12"/>
    </row>
    <row r="141934" spans="8:8">
      <c r="H141934" s="12"/>
    </row>
    <row r="141935" spans="8:8">
      <c r="H141935" s="12"/>
    </row>
    <row r="141936" spans="8:8">
      <c r="H141936" s="12"/>
    </row>
    <row r="141937" spans="8:8">
      <c r="H141937" s="12"/>
    </row>
    <row r="141938" spans="8:8">
      <c r="H141938" s="12"/>
    </row>
    <row r="141939" spans="8:8">
      <c r="H141939" s="12"/>
    </row>
    <row r="141940" spans="8:8">
      <c r="H141940" s="12"/>
    </row>
    <row r="141941" spans="8:8">
      <c r="H141941" s="12"/>
    </row>
    <row r="141942" spans="8:8">
      <c r="H141942" s="12"/>
    </row>
    <row r="141943" spans="8:8">
      <c r="H141943" s="12"/>
    </row>
    <row r="141944" spans="8:8">
      <c r="H141944" s="12"/>
    </row>
    <row r="141945" spans="8:8">
      <c r="H141945" s="12"/>
    </row>
    <row r="141946" spans="8:8">
      <c r="H141946" s="12"/>
    </row>
    <row r="141947" spans="8:8">
      <c r="H141947" s="12"/>
    </row>
    <row r="141948" spans="8:8">
      <c r="H141948" s="12"/>
    </row>
    <row r="141949" spans="8:8">
      <c r="H141949" s="12"/>
    </row>
    <row r="141950" spans="8:8">
      <c r="H141950" s="12"/>
    </row>
    <row r="141951" spans="8:8">
      <c r="H141951" s="12"/>
    </row>
    <row r="141952" spans="8:8">
      <c r="H141952" s="12"/>
    </row>
    <row r="141953" spans="8:8">
      <c r="H141953" s="12"/>
    </row>
    <row r="141954" spans="8:8">
      <c r="H141954" s="12"/>
    </row>
    <row r="141955" spans="8:8">
      <c r="H141955" s="12"/>
    </row>
    <row r="141956" spans="8:8">
      <c r="H141956" s="12"/>
    </row>
    <row r="141957" spans="8:8">
      <c r="H141957" s="12"/>
    </row>
    <row r="141958" spans="8:8">
      <c r="H141958" s="12"/>
    </row>
    <row r="141959" spans="8:8">
      <c r="H141959" s="12"/>
    </row>
    <row r="141960" spans="8:8">
      <c r="H141960" s="12"/>
    </row>
    <row r="141961" spans="8:8">
      <c r="H141961" s="12"/>
    </row>
    <row r="141962" spans="8:8">
      <c r="H141962" s="12"/>
    </row>
    <row r="141963" spans="8:8">
      <c r="H141963" s="12"/>
    </row>
    <row r="141964" spans="8:8">
      <c r="H141964" s="12"/>
    </row>
    <row r="141965" spans="8:8">
      <c r="H141965" s="12"/>
    </row>
    <row r="141966" spans="8:8">
      <c r="H141966" s="12"/>
    </row>
    <row r="141967" spans="8:8">
      <c r="H141967" s="12"/>
    </row>
    <row r="141968" spans="8:8">
      <c r="H141968" s="12"/>
    </row>
    <row r="141969" spans="8:8">
      <c r="H141969" s="12"/>
    </row>
    <row r="141970" spans="8:8">
      <c r="H141970" s="12"/>
    </row>
    <row r="141971" spans="8:8">
      <c r="H141971" s="12"/>
    </row>
    <row r="141972" spans="8:8">
      <c r="H141972" s="12"/>
    </row>
    <row r="141973" spans="8:8">
      <c r="H141973" s="12"/>
    </row>
    <row r="141974" spans="8:8">
      <c r="H141974" s="12"/>
    </row>
    <row r="141975" spans="8:8">
      <c r="H141975" s="12"/>
    </row>
    <row r="141976" spans="8:8">
      <c r="H141976" s="12"/>
    </row>
    <row r="141977" spans="8:8">
      <c r="H141977" s="12"/>
    </row>
    <row r="141978" spans="8:8">
      <c r="H141978" s="12"/>
    </row>
    <row r="141979" spans="8:8">
      <c r="H141979" s="12"/>
    </row>
    <row r="141980" spans="8:8">
      <c r="H141980" s="12"/>
    </row>
    <row r="141981" spans="8:8">
      <c r="H141981" s="12"/>
    </row>
    <row r="141982" spans="8:8">
      <c r="H141982" s="12"/>
    </row>
    <row r="141983" spans="8:8">
      <c r="H141983" s="12"/>
    </row>
    <row r="141984" spans="8:8">
      <c r="H141984" s="12"/>
    </row>
    <row r="141985" spans="8:8">
      <c r="H141985" s="12"/>
    </row>
    <row r="141986" spans="8:8">
      <c r="H141986" s="12"/>
    </row>
    <row r="141987" spans="8:8">
      <c r="H141987" s="12"/>
    </row>
    <row r="141988" spans="8:8">
      <c r="H141988" s="12"/>
    </row>
    <row r="141989" spans="8:8">
      <c r="H141989" s="12"/>
    </row>
    <row r="141990" spans="8:8">
      <c r="H141990" s="12"/>
    </row>
    <row r="141991" spans="8:8">
      <c r="H141991" s="12"/>
    </row>
    <row r="141992" spans="8:8">
      <c r="H141992" s="12"/>
    </row>
    <row r="141993" spans="8:8">
      <c r="H141993" s="12"/>
    </row>
    <row r="141994" spans="8:8">
      <c r="H141994" s="12"/>
    </row>
    <row r="141995" spans="8:8">
      <c r="H141995" s="12"/>
    </row>
    <row r="141996" spans="8:8">
      <c r="H141996" s="12"/>
    </row>
    <row r="141997" spans="8:8">
      <c r="H141997" s="12"/>
    </row>
    <row r="141998" spans="8:8">
      <c r="H141998" s="12"/>
    </row>
    <row r="141999" spans="8:8">
      <c r="H141999" s="12"/>
    </row>
    <row r="142000" spans="8:8">
      <c r="H142000" s="12"/>
    </row>
    <row r="142001" spans="8:8">
      <c r="H142001" s="12"/>
    </row>
    <row r="142002" spans="8:8">
      <c r="H142002" s="12"/>
    </row>
    <row r="142003" spans="8:8">
      <c r="H142003" s="12"/>
    </row>
    <row r="142004" spans="8:8">
      <c r="H142004" s="12"/>
    </row>
    <row r="142005" spans="8:8">
      <c r="H142005" s="12"/>
    </row>
    <row r="142006" spans="8:8">
      <c r="H142006" s="12"/>
    </row>
    <row r="142007" spans="8:8">
      <c r="H142007" s="12"/>
    </row>
    <row r="142008" spans="8:8">
      <c r="H142008" s="12"/>
    </row>
    <row r="142009" spans="8:8">
      <c r="H142009" s="12"/>
    </row>
    <row r="142010" spans="8:8">
      <c r="H142010" s="12"/>
    </row>
    <row r="142011" spans="8:8">
      <c r="H142011" s="12"/>
    </row>
    <row r="142012" spans="8:8">
      <c r="H142012" s="12"/>
    </row>
    <row r="142013" spans="8:8">
      <c r="H142013" s="12"/>
    </row>
    <row r="142014" spans="8:8">
      <c r="H142014" s="12"/>
    </row>
    <row r="142015" spans="8:8">
      <c r="H142015" s="12"/>
    </row>
    <row r="142016" spans="8:8">
      <c r="H142016" s="12"/>
    </row>
    <row r="142017" spans="8:8">
      <c r="H142017" s="12"/>
    </row>
    <row r="142018" spans="8:8">
      <c r="H142018" s="12"/>
    </row>
    <row r="142019" spans="8:8">
      <c r="H142019" s="12"/>
    </row>
    <row r="142020" spans="8:8">
      <c r="H142020" s="12"/>
    </row>
    <row r="142021" spans="8:8">
      <c r="H142021" s="12"/>
    </row>
    <row r="142022" spans="8:8">
      <c r="H142022" s="12"/>
    </row>
    <row r="142023" spans="8:8">
      <c r="H142023" s="12"/>
    </row>
    <row r="142024" spans="8:8">
      <c r="H142024" s="12"/>
    </row>
    <row r="142025" spans="8:8">
      <c r="H142025" s="12"/>
    </row>
    <row r="142026" spans="8:8">
      <c r="H142026" s="12"/>
    </row>
    <row r="142027" spans="8:8">
      <c r="H142027" s="12"/>
    </row>
    <row r="142028" spans="8:8">
      <c r="H142028" s="12"/>
    </row>
    <row r="142029" spans="8:8">
      <c r="H142029" s="12"/>
    </row>
    <row r="142030" spans="8:8">
      <c r="H142030" s="12"/>
    </row>
    <row r="142031" spans="8:8">
      <c r="H142031" s="12"/>
    </row>
    <row r="142032" spans="8:8">
      <c r="H142032" s="12"/>
    </row>
    <row r="142033" spans="8:8">
      <c r="H142033" s="12"/>
    </row>
    <row r="142034" spans="8:8">
      <c r="H142034" s="12"/>
    </row>
    <row r="142035" spans="8:8">
      <c r="H142035" s="12"/>
    </row>
    <row r="142036" spans="8:8">
      <c r="H142036" s="12"/>
    </row>
    <row r="142037" spans="8:8">
      <c r="H142037" s="12"/>
    </row>
    <row r="142038" spans="8:8">
      <c r="H142038" s="12"/>
    </row>
    <row r="142039" spans="8:8">
      <c r="H142039" s="12"/>
    </row>
    <row r="142040" spans="8:8">
      <c r="H142040" s="12"/>
    </row>
    <row r="142041" spans="8:8">
      <c r="H142041" s="12"/>
    </row>
    <row r="142042" spans="8:8">
      <c r="H142042" s="12"/>
    </row>
    <row r="142043" spans="8:8">
      <c r="H142043" s="12"/>
    </row>
    <row r="142044" spans="8:8">
      <c r="H142044" s="12"/>
    </row>
    <row r="142045" spans="8:8">
      <c r="H142045" s="12"/>
    </row>
    <row r="142046" spans="8:8">
      <c r="H142046" s="12"/>
    </row>
    <row r="142047" spans="8:8">
      <c r="H142047" s="12"/>
    </row>
    <row r="142048" spans="8:8">
      <c r="H142048" s="12"/>
    </row>
    <row r="142049" spans="8:8">
      <c r="H142049" s="12"/>
    </row>
    <row r="142050" spans="8:8">
      <c r="H142050" s="12"/>
    </row>
    <row r="142051" spans="8:8">
      <c r="H142051" s="12"/>
    </row>
    <row r="142052" spans="8:8">
      <c r="H142052" s="12"/>
    </row>
    <row r="142053" spans="8:8">
      <c r="H142053" s="12"/>
    </row>
    <row r="142054" spans="8:8">
      <c r="H142054" s="12"/>
    </row>
    <row r="142055" spans="8:8">
      <c r="H142055" s="12"/>
    </row>
    <row r="142056" spans="8:8">
      <c r="H142056" s="12"/>
    </row>
    <row r="142057" spans="8:8">
      <c r="H142057" s="12"/>
    </row>
    <row r="142058" spans="8:8">
      <c r="H142058" s="12"/>
    </row>
    <row r="142059" spans="8:8">
      <c r="H142059" s="12"/>
    </row>
    <row r="142060" spans="8:8">
      <c r="H142060" s="12"/>
    </row>
    <row r="142061" spans="8:8">
      <c r="H142061" s="12"/>
    </row>
    <row r="142062" spans="8:8">
      <c r="H142062" s="12"/>
    </row>
    <row r="142063" spans="8:8">
      <c r="H142063" s="12"/>
    </row>
    <row r="142064" spans="8:8">
      <c r="H142064" s="12"/>
    </row>
    <row r="142065" spans="8:8">
      <c r="H142065" s="12"/>
    </row>
    <row r="142066" spans="8:8">
      <c r="H142066" s="12"/>
    </row>
    <row r="142067" spans="8:8">
      <c r="H142067" s="12"/>
    </row>
    <row r="142068" spans="8:8">
      <c r="H142068" s="12"/>
    </row>
    <row r="142069" spans="8:8">
      <c r="H142069" s="12"/>
    </row>
    <row r="142070" spans="8:8">
      <c r="H142070" s="12"/>
    </row>
    <row r="142071" spans="8:8">
      <c r="H142071" s="12"/>
    </row>
    <row r="142072" spans="8:8">
      <c r="H142072" s="12"/>
    </row>
    <row r="142073" spans="8:8">
      <c r="H142073" s="12"/>
    </row>
    <row r="142074" spans="8:8">
      <c r="H142074" s="12"/>
    </row>
    <row r="142075" spans="8:8">
      <c r="H142075" s="12"/>
    </row>
    <row r="142076" spans="8:8">
      <c r="H142076" s="12"/>
    </row>
    <row r="142077" spans="8:8">
      <c r="H142077" s="12"/>
    </row>
    <row r="142078" spans="8:8">
      <c r="H142078" s="12"/>
    </row>
    <row r="142079" spans="8:8">
      <c r="H142079" s="12"/>
    </row>
    <row r="142080" spans="8:8">
      <c r="H142080" s="12"/>
    </row>
    <row r="142081" spans="8:8">
      <c r="H142081" s="12"/>
    </row>
    <row r="142082" spans="8:8">
      <c r="H142082" s="12"/>
    </row>
    <row r="142083" spans="8:8">
      <c r="H142083" s="12"/>
    </row>
    <row r="142084" spans="8:8">
      <c r="H142084" s="12"/>
    </row>
    <row r="142085" spans="8:8">
      <c r="H142085" s="12"/>
    </row>
    <row r="142086" spans="8:8">
      <c r="H142086" s="12"/>
    </row>
    <row r="142087" spans="8:8">
      <c r="H142087" s="12"/>
    </row>
    <row r="142088" spans="8:8">
      <c r="H142088" s="12"/>
    </row>
    <row r="142089" spans="8:8">
      <c r="H142089" s="12"/>
    </row>
    <row r="142090" spans="8:8">
      <c r="H142090" s="12"/>
    </row>
    <row r="142091" spans="8:8">
      <c r="H142091" s="12"/>
    </row>
    <row r="142092" spans="8:8">
      <c r="H142092" s="12"/>
    </row>
    <row r="142093" spans="8:8">
      <c r="H142093" s="12"/>
    </row>
    <row r="142094" spans="8:8">
      <c r="H142094" s="12"/>
    </row>
    <row r="142095" spans="8:8">
      <c r="H142095" s="12"/>
    </row>
    <row r="142096" spans="8:8">
      <c r="H142096" s="12"/>
    </row>
    <row r="142097" spans="8:8">
      <c r="H142097" s="12"/>
    </row>
    <row r="142098" spans="8:8">
      <c r="H142098" s="12"/>
    </row>
    <row r="142099" spans="8:8">
      <c r="H142099" s="12"/>
    </row>
    <row r="142100" spans="8:8">
      <c r="H142100" s="12"/>
    </row>
    <row r="142101" spans="8:8">
      <c r="H142101" s="12"/>
    </row>
    <row r="142102" spans="8:8">
      <c r="H142102" s="12"/>
    </row>
    <row r="142103" spans="8:8">
      <c r="H142103" s="12"/>
    </row>
    <row r="142104" spans="8:8">
      <c r="H142104" s="12"/>
    </row>
    <row r="142105" spans="8:8">
      <c r="H142105" s="12"/>
    </row>
    <row r="142106" spans="8:8">
      <c r="H142106" s="12"/>
    </row>
    <row r="142107" spans="8:8">
      <c r="H142107" s="12"/>
    </row>
    <row r="142108" spans="8:8">
      <c r="H142108" s="12"/>
    </row>
    <row r="142109" spans="8:8">
      <c r="H142109" s="12"/>
    </row>
    <row r="142110" spans="8:8">
      <c r="H142110" s="12"/>
    </row>
    <row r="142111" spans="8:8">
      <c r="H142111" s="12"/>
    </row>
    <row r="142112" spans="8:8">
      <c r="H142112" s="12"/>
    </row>
    <row r="142113" spans="8:8">
      <c r="H142113" s="12"/>
    </row>
    <row r="142114" spans="8:8">
      <c r="H142114" s="12"/>
    </row>
    <row r="142115" spans="8:8">
      <c r="H142115" s="12"/>
    </row>
    <row r="142116" spans="8:8">
      <c r="H142116" s="12"/>
    </row>
    <row r="142117" spans="8:8">
      <c r="H142117" s="12"/>
    </row>
    <row r="142118" spans="8:8">
      <c r="H142118" s="12"/>
    </row>
    <row r="142119" spans="8:8">
      <c r="H142119" s="12"/>
    </row>
    <row r="142120" spans="8:8">
      <c r="H142120" s="12"/>
    </row>
    <row r="142121" spans="8:8">
      <c r="H142121" s="12"/>
    </row>
    <row r="142122" spans="8:8">
      <c r="H142122" s="12"/>
    </row>
    <row r="142123" spans="8:8">
      <c r="H142123" s="12"/>
    </row>
    <row r="142124" spans="8:8">
      <c r="H142124" s="12"/>
    </row>
    <row r="142125" spans="8:8">
      <c r="H142125" s="12"/>
    </row>
    <row r="142126" spans="8:8">
      <c r="H142126" s="12"/>
    </row>
    <row r="142127" spans="8:8">
      <c r="H142127" s="12"/>
    </row>
    <row r="142128" spans="8:8">
      <c r="H142128" s="12"/>
    </row>
    <row r="142129" spans="8:8">
      <c r="H142129" s="12"/>
    </row>
    <row r="142130" spans="8:8">
      <c r="H142130" s="12"/>
    </row>
    <row r="142131" spans="8:8">
      <c r="H142131" s="12"/>
    </row>
    <row r="142132" spans="8:8">
      <c r="H142132" s="12"/>
    </row>
    <row r="142133" spans="8:8">
      <c r="H142133" s="12"/>
    </row>
    <row r="142134" spans="8:8">
      <c r="H142134" s="12"/>
    </row>
    <row r="142135" spans="8:8">
      <c r="H142135" s="12"/>
    </row>
    <row r="142136" spans="8:8">
      <c r="H142136" s="12"/>
    </row>
    <row r="142137" spans="8:8">
      <c r="H142137" s="12"/>
    </row>
    <row r="142138" spans="8:8">
      <c r="H142138" s="12"/>
    </row>
    <row r="142139" spans="8:8">
      <c r="H142139" s="12"/>
    </row>
    <row r="142140" spans="8:8">
      <c r="H142140" s="12"/>
    </row>
    <row r="142141" spans="8:8">
      <c r="H142141" s="12"/>
    </row>
    <row r="142142" spans="8:8">
      <c r="H142142" s="12"/>
    </row>
    <row r="142143" spans="8:8">
      <c r="H142143" s="12"/>
    </row>
    <row r="142144" spans="8:8">
      <c r="H142144" s="12"/>
    </row>
    <row r="142145" spans="8:8">
      <c r="H142145" s="12"/>
    </row>
    <row r="142146" spans="8:8">
      <c r="H142146" s="12"/>
    </row>
    <row r="142147" spans="8:8">
      <c r="H142147" s="12"/>
    </row>
    <row r="142148" spans="8:8">
      <c r="H142148" s="12"/>
    </row>
    <row r="142149" spans="8:8">
      <c r="H142149" s="12"/>
    </row>
    <row r="142150" spans="8:8">
      <c r="H142150" s="12"/>
    </row>
    <row r="142151" spans="8:8">
      <c r="H142151" s="12"/>
    </row>
    <row r="142152" spans="8:8">
      <c r="H142152" s="12"/>
    </row>
    <row r="142153" spans="8:8">
      <c r="H142153" s="12"/>
    </row>
    <row r="142154" spans="8:8">
      <c r="H142154" s="12"/>
    </row>
    <row r="142155" spans="8:8">
      <c r="H142155" s="12"/>
    </row>
    <row r="142156" spans="8:8">
      <c r="H142156" s="12"/>
    </row>
    <row r="142157" spans="8:8">
      <c r="H142157" s="12"/>
    </row>
    <row r="142158" spans="8:8">
      <c r="H142158" s="12"/>
    </row>
    <row r="142159" spans="8:8">
      <c r="H142159" s="12"/>
    </row>
    <row r="142160" spans="8:8">
      <c r="H142160" s="12"/>
    </row>
    <row r="142161" spans="8:8">
      <c r="H142161" s="12"/>
    </row>
    <row r="142162" spans="8:8">
      <c r="H142162" s="12"/>
    </row>
    <row r="142163" spans="8:8">
      <c r="H142163" s="12"/>
    </row>
    <row r="142164" spans="8:8">
      <c r="H142164" s="12"/>
    </row>
    <row r="142165" spans="8:8">
      <c r="H142165" s="12"/>
    </row>
    <row r="142166" spans="8:8">
      <c r="H142166" s="12"/>
    </row>
    <row r="142167" spans="8:8">
      <c r="H142167" s="12"/>
    </row>
    <row r="142168" spans="8:8">
      <c r="H142168" s="12"/>
    </row>
    <row r="142169" spans="8:8">
      <c r="H142169" s="12"/>
    </row>
    <row r="142170" spans="8:8">
      <c r="H142170" s="12"/>
    </row>
    <row r="142171" spans="8:8">
      <c r="H142171" s="12"/>
    </row>
    <row r="142172" spans="8:8">
      <c r="H142172" s="12"/>
    </row>
    <row r="142173" spans="8:8">
      <c r="H142173" s="12"/>
    </row>
    <row r="142174" spans="8:8">
      <c r="H142174" s="12"/>
    </row>
    <row r="142175" spans="8:8">
      <c r="H142175" s="12"/>
    </row>
    <row r="142176" spans="8:8">
      <c r="H142176" s="12"/>
    </row>
    <row r="142177" spans="8:8">
      <c r="H142177" s="12"/>
    </row>
    <row r="142178" spans="8:8">
      <c r="H142178" s="12"/>
    </row>
    <row r="142179" spans="8:8">
      <c r="H142179" s="12"/>
    </row>
    <row r="142180" spans="8:8">
      <c r="H142180" s="12"/>
    </row>
    <row r="142181" spans="8:8">
      <c r="H142181" s="12"/>
    </row>
    <row r="142182" spans="8:8">
      <c r="H142182" s="12"/>
    </row>
    <row r="142183" spans="8:8">
      <c r="H142183" s="12"/>
    </row>
    <row r="142184" spans="8:8">
      <c r="H142184" s="12"/>
    </row>
    <row r="142185" spans="8:8">
      <c r="H142185" s="12"/>
    </row>
    <row r="142186" spans="8:8">
      <c r="H142186" s="12"/>
    </row>
    <row r="142187" spans="8:8">
      <c r="H142187" s="12"/>
    </row>
    <row r="142188" spans="8:8">
      <c r="H142188" s="12"/>
    </row>
    <row r="142189" spans="8:8">
      <c r="H142189" s="12"/>
    </row>
    <row r="142190" spans="8:8">
      <c r="H142190" s="12"/>
    </row>
    <row r="142191" spans="8:8">
      <c r="H142191" s="12"/>
    </row>
    <row r="142192" spans="8:8">
      <c r="H142192" s="12"/>
    </row>
    <row r="142193" spans="8:8">
      <c r="H142193" s="12"/>
    </row>
    <row r="142194" spans="8:8">
      <c r="H142194" s="12"/>
    </row>
    <row r="142195" spans="8:8">
      <c r="H142195" s="12"/>
    </row>
    <row r="142196" spans="8:8">
      <c r="H142196" s="12"/>
    </row>
    <row r="142197" spans="8:8">
      <c r="H142197" s="12"/>
    </row>
    <row r="142198" spans="8:8">
      <c r="H142198" s="12"/>
    </row>
    <row r="142199" spans="8:8">
      <c r="H142199" s="12"/>
    </row>
    <row r="142200" spans="8:8">
      <c r="H142200" s="12"/>
    </row>
    <row r="142201" spans="8:8">
      <c r="H142201" s="12"/>
    </row>
    <row r="142202" spans="8:8">
      <c r="H142202" s="12"/>
    </row>
    <row r="142203" spans="8:8">
      <c r="H142203" s="12"/>
    </row>
    <row r="142204" spans="8:8">
      <c r="H142204" s="12"/>
    </row>
    <row r="142205" spans="8:8">
      <c r="H142205" s="12"/>
    </row>
    <row r="142206" spans="8:8">
      <c r="H142206" s="12"/>
    </row>
    <row r="142207" spans="8:8">
      <c r="H142207" s="12"/>
    </row>
    <row r="142208" spans="8:8">
      <c r="H142208" s="12"/>
    </row>
    <row r="142209" spans="8:8">
      <c r="H142209" s="12"/>
    </row>
    <row r="142210" spans="8:8">
      <c r="H142210" s="12"/>
    </row>
    <row r="142211" spans="8:8">
      <c r="H142211" s="12"/>
    </row>
    <row r="142212" spans="8:8">
      <c r="H142212" s="12"/>
    </row>
    <row r="142213" spans="8:8">
      <c r="H142213" s="12"/>
    </row>
    <row r="142214" spans="8:8">
      <c r="H142214" s="12"/>
    </row>
    <row r="142215" spans="8:8">
      <c r="H142215" s="12"/>
    </row>
    <row r="142216" spans="8:8">
      <c r="H142216" s="12"/>
    </row>
    <row r="142217" spans="8:8">
      <c r="H142217" s="12"/>
    </row>
    <row r="142218" spans="8:8">
      <c r="H142218" s="12"/>
    </row>
    <row r="142219" spans="8:8">
      <c r="H142219" s="12"/>
    </row>
    <row r="142220" spans="8:8">
      <c r="H142220" s="12"/>
    </row>
    <row r="142221" spans="8:8">
      <c r="H142221" s="12"/>
    </row>
    <row r="142222" spans="8:8">
      <c r="H142222" s="12"/>
    </row>
    <row r="142223" spans="8:8">
      <c r="H142223" s="12"/>
    </row>
    <row r="142224" spans="8:8">
      <c r="H142224" s="12"/>
    </row>
    <row r="142225" spans="8:8">
      <c r="H142225" s="12"/>
    </row>
    <row r="142226" spans="8:8">
      <c r="H142226" s="12"/>
    </row>
    <row r="142227" spans="8:8">
      <c r="H142227" s="12"/>
    </row>
    <row r="142228" spans="8:8">
      <c r="H142228" s="12"/>
    </row>
    <row r="142229" spans="8:8">
      <c r="H142229" s="12"/>
    </row>
    <row r="142230" spans="8:8">
      <c r="H142230" s="12"/>
    </row>
    <row r="142231" spans="8:8">
      <c r="H142231" s="12"/>
    </row>
    <row r="142232" spans="8:8">
      <c r="H142232" s="12"/>
    </row>
    <row r="142233" spans="8:8">
      <c r="H142233" s="12"/>
    </row>
    <row r="142234" spans="8:8">
      <c r="H142234" s="12"/>
    </row>
    <row r="142235" spans="8:8">
      <c r="H142235" s="12"/>
    </row>
    <row r="142236" spans="8:8">
      <c r="H142236" s="12"/>
    </row>
    <row r="142237" spans="8:8">
      <c r="H142237" s="12"/>
    </row>
    <row r="142238" spans="8:8">
      <c r="H142238" s="12"/>
    </row>
    <row r="142239" spans="8:8">
      <c r="H142239" s="12"/>
    </row>
    <row r="142240" spans="8:8">
      <c r="H142240" s="12"/>
    </row>
    <row r="142241" spans="8:8">
      <c r="H142241" s="12"/>
    </row>
    <row r="142242" spans="8:8">
      <c r="H142242" s="12"/>
    </row>
    <row r="142243" spans="8:8">
      <c r="H142243" s="12"/>
    </row>
    <row r="142244" spans="8:8">
      <c r="H142244" s="12"/>
    </row>
    <row r="142245" spans="8:8">
      <c r="H142245" s="12"/>
    </row>
    <row r="142246" spans="8:8">
      <c r="H142246" s="12"/>
    </row>
    <row r="142247" spans="8:8">
      <c r="H142247" s="12"/>
    </row>
    <row r="142248" spans="8:8">
      <c r="H142248" s="12"/>
    </row>
    <row r="142249" spans="8:8">
      <c r="H142249" s="12"/>
    </row>
    <row r="142250" spans="8:8">
      <c r="H142250" s="12"/>
    </row>
    <row r="142251" spans="8:8">
      <c r="H142251" s="12"/>
    </row>
    <row r="142252" spans="8:8">
      <c r="H142252" s="12"/>
    </row>
    <row r="142253" spans="8:8">
      <c r="H142253" s="12"/>
    </row>
    <row r="142254" spans="8:8">
      <c r="H142254" s="12"/>
    </row>
    <row r="142255" spans="8:8">
      <c r="H142255" s="12"/>
    </row>
    <row r="142256" spans="8:8">
      <c r="H142256" s="12"/>
    </row>
    <row r="142257" spans="8:8">
      <c r="H142257" s="12"/>
    </row>
    <row r="142258" spans="8:8">
      <c r="H142258" s="12"/>
    </row>
    <row r="142259" spans="8:8">
      <c r="H142259" s="12"/>
    </row>
    <row r="142260" spans="8:8">
      <c r="H142260" s="12"/>
    </row>
    <row r="142261" spans="8:8">
      <c r="H142261" s="12"/>
    </row>
    <row r="142262" spans="8:8">
      <c r="H142262" s="12"/>
    </row>
    <row r="142263" spans="8:8">
      <c r="H142263" s="12"/>
    </row>
    <row r="142264" spans="8:8">
      <c r="H142264" s="12"/>
    </row>
    <row r="142265" spans="8:8">
      <c r="H142265" s="12"/>
    </row>
    <row r="142266" spans="8:8">
      <c r="H142266" s="12"/>
    </row>
    <row r="142267" spans="8:8">
      <c r="H142267" s="12"/>
    </row>
    <row r="142268" spans="8:8">
      <c r="H142268" s="12"/>
    </row>
    <row r="142269" spans="8:8">
      <c r="H142269" s="12"/>
    </row>
    <row r="142270" spans="8:8">
      <c r="H142270" s="12"/>
    </row>
    <row r="142271" spans="8:8">
      <c r="H142271" s="12"/>
    </row>
    <row r="142272" spans="8:8">
      <c r="H142272" s="12"/>
    </row>
    <row r="142273" spans="8:8">
      <c r="H142273" s="12"/>
    </row>
    <row r="142274" spans="8:8">
      <c r="H142274" s="12"/>
    </row>
    <row r="142275" spans="8:8">
      <c r="H142275" s="12"/>
    </row>
    <row r="142276" spans="8:8">
      <c r="H142276" s="12"/>
    </row>
    <row r="142277" spans="8:8">
      <c r="H142277" s="12"/>
    </row>
    <row r="142278" spans="8:8">
      <c r="H142278" s="12"/>
    </row>
    <row r="142279" spans="8:8">
      <c r="H142279" s="12"/>
    </row>
    <row r="142280" spans="8:8">
      <c r="H142280" s="12"/>
    </row>
    <row r="142281" spans="8:8">
      <c r="H142281" s="12"/>
    </row>
    <row r="142282" spans="8:8">
      <c r="H142282" s="12"/>
    </row>
    <row r="142283" spans="8:8">
      <c r="H142283" s="12"/>
    </row>
    <row r="142284" spans="8:8">
      <c r="H142284" s="12"/>
    </row>
    <row r="142285" spans="8:8">
      <c r="H142285" s="12"/>
    </row>
    <row r="142286" spans="8:8">
      <c r="H142286" s="12"/>
    </row>
    <row r="142287" spans="8:8">
      <c r="H142287" s="12"/>
    </row>
    <row r="142288" spans="8:8">
      <c r="H142288" s="12"/>
    </row>
    <row r="142289" spans="8:8">
      <c r="H142289" s="12"/>
    </row>
    <row r="142290" spans="8:8">
      <c r="H142290" s="12"/>
    </row>
    <row r="142291" spans="8:8">
      <c r="H142291" s="12"/>
    </row>
    <row r="142292" spans="8:8">
      <c r="H142292" s="12"/>
    </row>
    <row r="142293" spans="8:8">
      <c r="H142293" s="12"/>
    </row>
    <row r="142294" spans="8:8">
      <c r="H142294" s="12"/>
    </row>
    <row r="142295" spans="8:8">
      <c r="H142295" s="12"/>
    </row>
    <row r="142296" spans="8:8">
      <c r="H142296" s="12"/>
    </row>
    <row r="142297" spans="8:8">
      <c r="H142297" s="12"/>
    </row>
    <row r="142298" spans="8:8">
      <c r="H142298" s="12"/>
    </row>
    <row r="142299" spans="8:8">
      <c r="H142299" s="12"/>
    </row>
    <row r="142300" spans="8:8">
      <c r="H142300" s="12"/>
    </row>
    <row r="142301" spans="8:8">
      <c r="H142301" s="12"/>
    </row>
    <row r="142302" spans="8:8">
      <c r="H142302" s="12"/>
    </row>
    <row r="142303" spans="8:8">
      <c r="H142303" s="12"/>
    </row>
    <row r="142304" spans="8:8">
      <c r="H142304" s="12"/>
    </row>
    <row r="142305" spans="8:8">
      <c r="H142305" s="12"/>
    </row>
    <row r="142306" spans="8:8">
      <c r="H142306" s="12"/>
    </row>
    <row r="142307" spans="8:8">
      <c r="H142307" s="12"/>
    </row>
    <row r="142308" spans="8:8">
      <c r="H142308" s="12"/>
    </row>
    <row r="142309" spans="8:8">
      <c r="H142309" s="12"/>
    </row>
    <row r="142310" spans="8:8">
      <c r="H142310" s="12"/>
    </row>
    <row r="142311" spans="8:8">
      <c r="H142311" s="12"/>
    </row>
    <row r="142312" spans="8:8">
      <c r="H142312" s="12"/>
    </row>
    <row r="142313" spans="8:8">
      <c r="H142313" s="12"/>
    </row>
    <row r="142314" spans="8:8">
      <c r="H142314" s="12"/>
    </row>
    <row r="142315" spans="8:8">
      <c r="H142315" s="12"/>
    </row>
    <row r="142316" spans="8:8">
      <c r="H142316" s="12"/>
    </row>
    <row r="142317" spans="8:8">
      <c r="H142317" s="12"/>
    </row>
    <row r="142318" spans="8:8">
      <c r="H142318" s="12"/>
    </row>
    <row r="142319" spans="8:8">
      <c r="H142319" s="12"/>
    </row>
    <row r="142320" spans="8:8">
      <c r="H142320" s="12"/>
    </row>
    <row r="142321" spans="8:8">
      <c r="H142321" s="12"/>
    </row>
    <row r="142322" spans="8:8">
      <c r="H142322" s="12"/>
    </row>
    <row r="142323" spans="8:8">
      <c r="H142323" s="12"/>
    </row>
    <row r="142324" spans="8:8">
      <c r="H142324" s="12"/>
    </row>
    <row r="142325" spans="8:8">
      <c r="H142325" s="12"/>
    </row>
    <row r="142326" spans="8:8">
      <c r="H142326" s="12"/>
    </row>
    <row r="142327" spans="8:8">
      <c r="H142327" s="12"/>
    </row>
    <row r="142328" spans="8:8">
      <c r="H142328" s="12"/>
    </row>
    <row r="142329" spans="8:8">
      <c r="H142329" s="12"/>
    </row>
    <row r="142330" spans="8:8">
      <c r="H142330" s="12"/>
    </row>
    <row r="142331" spans="8:8">
      <c r="H142331" s="12"/>
    </row>
    <row r="142332" spans="8:8">
      <c r="H142332" s="12"/>
    </row>
    <row r="142333" spans="8:8">
      <c r="H142333" s="12"/>
    </row>
    <row r="142334" spans="8:8">
      <c r="H142334" s="12"/>
    </row>
    <row r="142335" spans="8:8">
      <c r="H142335" s="12"/>
    </row>
    <row r="142336" spans="8:8">
      <c r="H142336" s="12"/>
    </row>
    <row r="142337" spans="8:8">
      <c r="H142337" s="12"/>
    </row>
    <row r="142338" spans="8:8">
      <c r="H142338" s="12"/>
    </row>
    <row r="142339" spans="8:8">
      <c r="H142339" s="12"/>
    </row>
    <row r="142340" spans="8:8">
      <c r="H142340" s="12"/>
    </row>
    <row r="142341" spans="8:8">
      <c r="H142341" s="12"/>
    </row>
    <row r="142342" spans="8:8">
      <c r="H142342" s="12"/>
    </row>
    <row r="142343" spans="8:8">
      <c r="H142343" s="12"/>
    </row>
    <row r="142344" spans="8:8">
      <c r="H142344" s="12"/>
    </row>
    <row r="142345" spans="8:8">
      <c r="H142345" s="12"/>
    </row>
    <row r="142346" spans="8:8">
      <c r="H142346" s="12"/>
    </row>
    <row r="142347" spans="8:8">
      <c r="H142347" s="12"/>
    </row>
    <row r="142348" spans="8:8">
      <c r="H142348" s="12"/>
    </row>
    <row r="142349" spans="8:8">
      <c r="H142349" s="12"/>
    </row>
    <row r="142350" spans="8:8">
      <c r="H142350" s="12"/>
    </row>
    <row r="142351" spans="8:8">
      <c r="H142351" s="12"/>
    </row>
    <row r="142352" spans="8:8">
      <c r="H142352" s="12"/>
    </row>
    <row r="142353" spans="8:8">
      <c r="H142353" s="12"/>
    </row>
    <row r="142354" spans="8:8">
      <c r="H142354" s="12"/>
    </row>
    <row r="142355" spans="8:8">
      <c r="H142355" s="12"/>
    </row>
    <row r="142356" spans="8:8">
      <c r="H142356" s="12"/>
    </row>
    <row r="142357" spans="8:8">
      <c r="H142357" s="12"/>
    </row>
    <row r="142358" spans="8:8">
      <c r="H142358" s="12"/>
    </row>
    <row r="142359" spans="8:8">
      <c r="H142359" s="12"/>
    </row>
    <row r="142360" spans="8:8">
      <c r="H142360" s="12"/>
    </row>
    <row r="142361" spans="8:8">
      <c r="H142361" s="12"/>
    </row>
    <row r="142362" spans="8:8">
      <c r="H142362" s="12"/>
    </row>
    <row r="142363" spans="8:8">
      <c r="H142363" s="12"/>
    </row>
    <row r="142364" spans="8:8">
      <c r="H142364" s="12"/>
    </row>
    <row r="142365" spans="8:8">
      <c r="H142365" s="12"/>
    </row>
    <row r="142366" spans="8:8">
      <c r="H142366" s="12"/>
    </row>
    <row r="142367" spans="8:8">
      <c r="H142367" s="12"/>
    </row>
    <row r="142368" spans="8:8">
      <c r="H142368" s="12"/>
    </row>
    <row r="142369" spans="8:8">
      <c r="H142369" s="12"/>
    </row>
    <row r="142370" spans="8:8">
      <c r="H142370" s="12"/>
    </row>
    <row r="142371" spans="8:8">
      <c r="H142371" s="12"/>
    </row>
    <row r="142372" spans="8:8">
      <c r="H142372" s="12"/>
    </row>
    <row r="142373" spans="8:8">
      <c r="H142373" s="12"/>
    </row>
    <row r="142374" spans="8:8">
      <c r="H142374" s="12"/>
    </row>
    <row r="142375" spans="8:8">
      <c r="H142375" s="12"/>
    </row>
    <row r="142376" spans="8:8">
      <c r="H142376" s="12"/>
    </row>
    <row r="142377" spans="8:8">
      <c r="H142377" s="12"/>
    </row>
    <row r="142378" spans="8:8">
      <c r="H142378" s="12"/>
    </row>
    <row r="142379" spans="8:8">
      <c r="H142379" s="12"/>
    </row>
    <row r="142380" spans="8:8">
      <c r="H142380" s="12"/>
    </row>
    <row r="142381" spans="8:8">
      <c r="H142381" s="12"/>
    </row>
    <row r="142382" spans="8:8">
      <c r="H142382" s="12"/>
    </row>
    <row r="142383" spans="8:8">
      <c r="H142383" s="12"/>
    </row>
    <row r="142384" spans="8:8">
      <c r="H142384" s="12"/>
    </row>
    <row r="142385" spans="8:8">
      <c r="H142385" s="12"/>
    </row>
    <row r="142386" spans="8:8">
      <c r="H142386" s="12"/>
    </row>
    <row r="142387" spans="8:8">
      <c r="H142387" s="12"/>
    </row>
    <row r="142388" spans="8:8">
      <c r="H142388" s="12"/>
    </row>
    <row r="142389" spans="8:8">
      <c r="H142389" s="12"/>
    </row>
    <row r="142390" spans="8:8">
      <c r="H142390" s="12"/>
    </row>
    <row r="142391" spans="8:8">
      <c r="H142391" s="12"/>
    </row>
    <row r="142392" spans="8:8">
      <c r="H142392" s="12"/>
    </row>
    <row r="142393" spans="8:8">
      <c r="H142393" s="12"/>
    </row>
    <row r="142394" spans="8:8">
      <c r="H142394" s="12"/>
    </row>
    <row r="142395" spans="8:8">
      <c r="H142395" s="12"/>
    </row>
    <row r="142396" spans="8:8">
      <c r="H142396" s="12"/>
    </row>
    <row r="142397" spans="8:8">
      <c r="H142397" s="12"/>
    </row>
    <row r="142398" spans="8:8">
      <c r="H142398" s="12"/>
    </row>
    <row r="142399" spans="8:8">
      <c r="H142399" s="12"/>
    </row>
    <row r="142400" spans="8:8">
      <c r="H142400" s="12"/>
    </row>
    <row r="142401" spans="8:8">
      <c r="H142401" s="12"/>
    </row>
    <row r="142402" spans="8:8">
      <c r="H142402" s="12"/>
    </row>
    <row r="142403" spans="8:8">
      <c r="H142403" s="12"/>
    </row>
    <row r="142404" spans="8:8">
      <c r="H142404" s="12"/>
    </row>
    <row r="142405" spans="8:8">
      <c r="H142405" s="12"/>
    </row>
    <row r="142406" spans="8:8">
      <c r="H142406" s="12"/>
    </row>
    <row r="142407" spans="8:8">
      <c r="H142407" s="12"/>
    </row>
    <row r="142408" spans="8:8">
      <c r="H142408" s="12"/>
    </row>
    <row r="142409" spans="8:8">
      <c r="H142409" s="12"/>
    </row>
    <row r="142410" spans="8:8">
      <c r="H142410" s="12"/>
    </row>
    <row r="142411" spans="8:8">
      <c r="H142411" s="12"/>
    </row>
    <row r="142412" spans="8:8">
      <c r="H142412" s="12"/>
    </row>
    <row r="142413" spans="8:8">
      <c r="H142413" s="12"/>
    </row>
    <row r="142414" spans="8:8">
      <c r="H142414" s="12"/>
    </row>
    <row r="142415" spans="8:8">
      <c r="H142415" s="12"/>
    </row>
    <row r="142416" spans="8:8">
      <c r="H142416" s="12"/>
    </row>
    <row r="142417" spans="8:8">
      <c r="H142417" s="12"/>
    </row>
    <row r="142418" spans="8:8">
      <c r="H142418" s="12"/>
    </row>
    <row r="142419" spans="8:8">
      <c r="H142419" s="12"/>
    </row>
    <row r="142420" spans="8:8">
      <c r="H142420" s="12"/>
    </row>
    <row r="142421" spans="8:8">
      <c r="H142421" s="12"/>
    </row>
    <row r="142422" spans="8:8">
      <c r="H142422" s="12"/>
    </row>
    <row r="142423" spans="8:8">
      <c r="H142423" s="12"/>
    </row>
    <row r="142424" spans="8:8">
      <c r="H142424" s="12"/>
    </row>
    <row r="142425" spans="8:8">
      <c r="H142425" s="12"/>
    </row>
    <row r="142426" spans="8:8">
      <c r="H142426" s="12"/>
    </row>
    <row r="142427" spans="8:8">
      <c r="H142427" s="12"/>
    </row>
    <row r="142428" spans="8:8">
      <c r="H142428" s="12"/>
    </row>
    <row r="142429" spans="8:8">
      <c r="H142429" s="12"/>
    </row>
    <row r="142430" spans="8:8">
      <c r="H142430" s="12"/>
    </row>
    <row r="142431" spans="8:8">
      <c r="H142431" s="12"/>
    </row>
    <row r="142432" spans="8:8">
      <c r="H142432" s="12"/>
    </row>
    <row r="142433" spans="8:8">
      <c r="H142433" s="12"/>
    </row>
    <row r="142434" spans="8:8">
      <c r="H142434" s="12"/>
    </row>
    <row r="142435" spans="8:8">
      <c r="H142435" s="12"/>
    </row>
    <row r="142436" spans="8:8">
      <c r="H142436" s="12"/>
    </row>
    <row r="142437" spans="8:8">
      <c r="H142437" s="12"/>
    </row>
    <row r="142438" spans="8:8">
      <c r="H142438" s="12"/>
    </row>
    <row r="142439" spans="8:8">
      <c r="H142439" s="12"/>
    </row>
    <row r="142440" spans="8:8">
      <c r="H142440" s="12"/>
    </row>
    <row r="142441" spans="8:8">
      <c r="H142441" s="12"/>
    </row>
    <row r="142442" spans="8:8">
      <c r="H142442" s="12"/>
    </row>
    <row r="142443" spans="8:8">
      <c r="H142443" s="12"/>
    </row>
    <row r="142444" spans="8:8">
      <c r="H142444" s="12"/>
    </row>
    <row r="142445" spans="8:8">
      <c r="H142445" s="12"/>
    </row>
    <row r="142446" spans="8:8">
      <c r="H142446" s="12"/>
    </row>
    <row r="142447" spans="8:8">
      <c r="H142447" s="12"/>
    </row>
    <row r="142448" spans="8:8">
      <c r="H142448" s="12"/>
    </row>
    <row r="142449" spans="8:8">
      <c r="H142449" s="12"/>
    </row>
    <row r="142450" spans="8:8">
      <c r="H142450" s="12"/>
    </row>
    <row r="142451" spans="8:8">
      <c r="H142451" s="12"/>
    </row>
    <row r="142452" spans="8:8">
      <c r="H142452" s="12"/>
    </row>
    <row r="142453" spans="8:8">
      <c r="H142453" s="12"/>
    </row>
    <row r="142454" spans="8:8">
      <c r="H142454" s="12"/>
    </row>
    <row r="142455" spans="8:8">
      <c r="H142455" s="12"/>
    </row>
    <row r="142456" spans="8:8">
      <c r="H142456" s="12"/>
    </row>
    <row r="142457" spans="8:8">
      <c r="H142457" s="12"/>
    </row>
    <row r="142458" spans="8:8">
      <c r="H142458" s="12"/>
    </row>
    <row r="142459" spans="8:8">
      <c r="H142459" s="12"/>
    </row>
    <row r="142460" spans="8:8">
      <c r="H142460" s="12"/>
    </row>
    <row r="142461" spans="8:8">
      <c r="H142461" s="12"/>
    </row>
    <row r="142462" spans="8:8">
      <c r="H142462" s="12"/>
    </row>
    <row r="142463" spans="8:8">
      <c r="H142463" s="12"/>
    </row>
    <row r="142464" spans="8:8">
      <c r="H142464" s="12"/>
    </row>
    <row r="142465" spans="8:8">
      <c r="H142465" s="12"/>
    </row>
    <row r="142466" spans="8:8">
      <c r="H142466" s="12"/>
    </row>
    <row r="142467" spans="8:8">
      <c r="H142467" s="12"/>
    </row>
    <row r="142468" spans="8:8">
      <c r="H142468" s="12"/>
    </row>
    <row r="142469" spans="8:8">
      <c r="H142469" s="12"/>
    </row>
    <row r="142470" spans="8:8">
      <c r="H142470" s="12"/>
    </row>
    <row r="142471" spans="8:8">
      <c r="H142471" s="12"/>
    </row>
    <row r="142472" spans="8:8">
      <c r="H142472" s="12"/>
    </row>
    <row r="142473" spans="8:8">
      <c r="H142473" s="12"/>
    </row>
    <row r="142474" spans="8:8">
      <c r="H142474" s="12"/>
    </row>
    <row r="142475" spans="8:8">
      <c r="H142475" s="12"/>
    </row>
    <row r="142476" spans="8:8">
      <c r="H142476" s="12"/>
    </row>
    <row r="142477" spans="8:8">
      <c r="H142477" s="12"/>
    </row>
    <row r="142478" spans="8:8">
      <c r="H142478" s="12"/>
    </row>
    <row r="142479" spans="8:8">
      <c r="H142479" s="12"/>
    </row>
    <row r="142480" spans="8:8">
      <c r="H142480" s="12"/>
    </row>
    <row r="142481" spans="8:8">
      <c r="H142481" s="12"/>
    </row>
    <row r="142482" spans="8:8">
      <c r="H142482" s="12"/>
    </row>
    <row r="142483" spans="8:8">
      <c r="H142483" s="12"/>
    </row>
    <row r="142484" spans="8:8">
      <c r="H142484" s="12"/>
    </row>
    <row r="142485" spans="8:8">
      <c r="H142485" s="12"/>
    </row>
    <row r="142486" spans="8:8">
      <c r="H142486" s="12"/>
    </row>
    <row r="142487" spans="8:8">
      <c r="H142487" s="12"/>
    </row>
    <row r="142488" spans="8:8">
      <c r="H142488" s="12"/>
    </row>
    <row r="142489" spans="8:8">
      <c r="H142489" s="12"/>
    </row>
    <row r="142490" spans="8:8">
      <c r="H142490" s="12"/>
    </row>
    <row r="142491" spans="8:8">
      <c r="H142491" s="12"/>
    </row>
    <row r="142492" spans="8:8">
      <c r="H142492" s="12"/>
    </row>
    <row r="142493" spans="8:8">
      <c r="H142493" s="12"/>
    </row>
    <row r="142494" spans="8:8">
      <c r="H142494" s="12"/>
    </row>
    <row r="142495" spans="8:8">
      <c r="H142495" s="12"/>
    </row>
    <row r="142496" spans="8:8">
      <c r="H142496" s="12"/>
    </row>
    <row r="142497" spans="8:8">
      <c r="H142497" s="12"/>
    </row>
    <row r="142498" spans="8:8">
      <c r="H142498" s="12"/>
    </row>
    <row r="142499" spans="8:8">
      <c r="H142499" s="12"/>
    </row>
    <row r="142500" spans="8:8">
      <c r="H142500" s="12"/>
    </row>
    <row r="142501" spans="8:8">
      <c r="H142501" s="12"/>
    </row>
    <row r="142502" spans="8:8">
      <c r="H142502" s="12"/>
    </row>
    <row r="142503" spans="8:8">
      <c r="H142503" s="12"/>
    </row>
    <row r="142504" spans="8:8">
      <c r="H142504" s="12"/>
    </row>
    <row r="142505" spans="8:8">
      <c r="H142505" s="12"/>
    </row>
    <row r="142506" spans="8:8">
      <c r="H142506" s="12"/>
    </row>
    <row r="142507" spans="8:8">
      <c r="H142507" s="12"/>
    </row>
    <row r="142508" spans="8:8">
      <c r="H142508" s="12"/>
    </row>
    <row r="142509" spans="8:8">
      <c r="H142509" s="12"/>
    </row>
    <row r="142510" spans="8:8">
      <c r="H142510" s="12"/>
    </row>
    <row r="142511" spans="8:8">
      <c r="H142511" s="12"/>
    </row>
    <row r="142512" spans="8:8">
      <c r="H142512" s="12"/>
    </row>
    <row r="142513" spans="8:8">
      <c r="H142513" s="12"/>
    </row>
    <row r="142514" spans="8:8">
      <c r="H142514" s="12"/>
    </row>
    <row r="142515" spans="8:8">
      <c r="H142515" s="12"/>
    </row>
    <row r="142516" spans="8:8">
      <c r="H142516" s="12"/>
    </row>
    <row r="142517" spans="8:8">
      <c r="H142517" s="12"/>
    </row>
    <row r="142518" spans="8:8">
      <c r="H142518" s="12"/>
    </row>
    <row r="142519" spans="8:8">
      <c r="H142519" s="12"/>
    </row>
    <row r="142520" spans="8:8">
      <c r="H142520" s="12"/>
    </row>
    <row r="142521" spans="8:8">
      <c r="H142521" s="12"/>
    </row>
    <row r="142522" spans="8:8">
      <c r="H142522" s="12"/>
    </row>
    <row r="142523" spans="8:8">
      <c r="H142523" s="12"/>
    </row>
    <row r="142524" spans="8:8">
      <c r="H142524" s="12"/>
    </row>
    <row r="142525" spans="8:8">
      <c r="H142525" s="12"/>
    </row>
    <row r="142526" spans="8:8">
      <c r="H142526" s="12"/>
    </row>
    <row r="142527" spans="8:8">
      <c r="H142527" s="12"/>
    </row>
    <row r="142528" spans="8:8">
      <c r="H142528" s="12"/>
    </row>
    <row r="142529" spans="8:8">
      <c r="H142529" s="12"/>
    </row>
    <row r="142530" spans="8:8">
      <c r="H142530" s="12"/>
    </row>
    <row r="142531" spans="8:8">
      <c r="H142531" s="12"/>
    </row>
    <row r="142532" spans="8:8">
      <c r="H142532" s="12"/>
    </row>
    <row r="142533" spans="8:8">
      <c r="H142533" s="12"/>
    </row>
    <row r="142534" spans="8:8">
      <c r="H142534" s="12"/>
    </row>
    <row r="142535" spans="8:8">
      <c r="H142535" s="12"/>
    </row>
    <row r="142536" spans="8:8">
      <c r="H142536" s="12"/>
    </row>
    <row r="142537" spans="8:8">
      <c r="H142537" s="12"/>
    </row>
    <row r="142538" spans="8:8">
      <c r="H142538" s="12"/>
    </row>
    <row r="142539" spans="8:8">
      <c r="H142539" s="12"/>
    </row>
    <row r="142540" spans="8:8">
      <c r="H142540" s="12"/>
    </row>
    <row r="142541" spans="8:8">
      <c r="H142541" s="12"/>
    </row>
    <row r="142542" spans="8:8">
      <c r="H142542" s="12"/>
    </row>
    <row r="142543" spans="8:8">
      <c r="H142543" s="12"/>
    </row>
    <row r="142544" spans="8:8">
      <c r="H142544" s="12"/>
    </row>
    <row r="142545" spans="8:8">
      <c r="H142545" s="12"/>
    </row>
    <row r="142546" spans="8:8">
      <c r="H142546" s="12"/>
    </row>
    <row r="142547" spans="8:8">
      <c r="H142547" s="12"/>
    </row>
    <row r="142548" spans="8:8">
      <c r="H142548" s="12"/>
    </row>
    <row r="142549" spans="8:8">
      <c r="H142549" s="12"/>
    </row>
    <row r="142550" spans="8:8">
      <c r="H142550" s="12"/>
    </row>
    <row r="142551" spans="8:8">
      <c r="H142551" s="12"/>
    </row>
    <row r="142552" spans="8:8">
      <c r="H142552" s="12"/>
    </row>
    <row r="142553" spans="8:8">
      <c r="H142553" s="12"/>
    </row>
    <row r="142554" spans="8:8">
      <c r="H142554" s="12"/>
    </row>
    <row r="142555" spans="8:8">
      <c r="H142555" s="12"/>
    </row>
    <row r="142556" spans="8:8">
      <c r="H142556" s="12"/>
    </row>
    <row r="142557" spans="8:8">
      <c r="H142557" s="12"/>
    </row>
    <row r="142558" spans="8:8">
      <c r="H142558" s="12"/>
    </row>
    <row r="142559" spans="8:8">
      <c r="H142559" s="12"/>
    </row>
    <row r="142560" spans="8:8">
      <c r="H142560" s="12"/>
    </row>
    <row r="142561" spans="8:8">
      <c r="H142561" s="12"/>
    </row>
    <row r="142562" spans="8:8">
      <c r="H142562" s="12"/>
    </row>
    <row r="142563" spans="8:8">
      <c r="H142563" s="12"/>
    </row>
    <row r="142564" spans="8:8">
      <c r="H142564" s="12"/>
    </row>
    <row r="142565" spans="8:8">
      <c r="H142565" s="12"/>
    </row>
    <row r="142566" spans="8:8">
      <c r="H142566" s="12"/>
    </row>
    <row r="142567" spans="8:8">
      <c r="H142567" s="12"/>
    </row>
    <row r="142568" spans="8:8">
      <c r="H142568" s="12"/>
    </row>
    <row r="142569" spans="8:8">
      <c r="H142569" s="12"/>
    </row>
    <row r="142570" spans="8:8">
      <c r="H142570" s="12"/>
    </row>
    <row r="142571" spans="8:8">
      <c r="H142571" s="12"/>
    </row>
    <row r="142572" spans="8:8">
      <c r="H142572" s="12"/>
    </row>
    <row r="142573" spans="8:8">
      <c r="H142573" s="12"/>
    </row>
    <row r="142574" spans="8:8">
      <c r="H142574" s="12"/>
    </row>
    <row r="142575" spans="8:8">
      <c r="H142575" s="12"/>
    </row>
    <row r="142576" spans="8:8">
      <c r="H142576" s="12"/>
    </row>
    <row r="142577" spans="8:8">
      <c r="H142577" s="12"/>
    </row>
    <row r="142578" spans="8:8">
      <c r="H142578" s="12"/>
    </row>
    <row r="142579" spans="8:8">
      <c r="H142579" s="12"/>
    </row>
    <row r="142580" spans="8:8">
      <c r="H142580" s="12"/>
    </row>
    <row r="142581" spans="8:8">
      <c r="H142581" s="12"/>
    </row>
    <row r="142582" spans="8:8">
      <c r="H142582" s="12"/>
    </row>
    <row r="142583" spans="8:8">
      <c r="H142583" s="12"/>
    </row>
    <row r="142584" spans="8:8">
      <c r="H142584" s="12"/>
    </row>
    <row r="142585" spans="8:8">
      <c r="H142585" s="12"/>
    </row>
    <row r="142586" spans="8:8">
      <c r="H142586" s="12"/>
    </row>
    <row r="142587" spans="8:8">
      <c r="H142587" s="12"/>
    </row>
    <row r="142588" spans="8:8">
      <c r="H142588" s="12"/>
    </row>
    <row r="142589" spans="8:8">
      <c r="H142589" s="12"/>
    </row>
    <row r="142590" spans="8:8">
      <c r="H142590" s="12"/>
    </row>
    <row r="142591" spans="8:8">
      <c r="H142591" s="12"/>
    </row>
    <row r="142592" spans="8:8">
      <c r="H142592" s="12"/>
    </row>
    <row r="142593" spans="8:8">
      <c r="H142593" s="12"/>
    </row>
    <row r="142594" spans="8:8">
      <c r="H142594" s="12"/>
    </row>
    <row r="142595" spans="8:8">
      <c r="H142595" s="12"/>
    </row>
    <row r="142596" spans="8:8">
      <c r="H142596" s="12"/>
    </row>
    <row r="142597" spans="8:8">
      <c r="H142597" s="12"/>
    </row>
    <row r="142598" spans="8:8">
      <c r="H142598" s="12"/>
    </row>
    <row r="142599" spans="8:8">
      <c r="H142599" s="12"/>
    </row>
    <row r="142600" spans="8:8">
      <c r="H142600" s="12"/>
    </row>
    <row r="142601" spans="8:8">
      <c r="H142601" s="12"/>
    </row>
    <row r="142602" spans="8:8">
      <c r="H142602" s="12"/>
    </row>
    <row r="142603" spans="8:8">
      <c r="H142603" s="12"/>
    </row>
    <row r="142604" spans="8:8">
      <c r="H142604" s="12"/>
    </row>
    <row r="142605" spans="8:8">
      <c r="H142605" s="12"/>
    </row>
    <row r="142606" spans="8:8">
      <c r="H142606" s="12"/>
    </row>
    <row r="142607" spans="8:8">
      <c r="H142607" s="12"/>
    </row>
    <row r="142608" spans="8:8">
      <c r="H142608" s="12"/>
    </row>
    <row r="142609" spans="8:8">
      <c r="H142609" s="12"/>
    </row>
    <row r="142610" spans="8:8">
      <c r="H142610" s="12"/>
    </row>
    <row r="142611" spans="8:8">
      <c r="H142611" s="12"/>
    </row>
    <row r="142612" spans="8:8">
      <c r="H142612" s="12"/>
    </row>
    <row r="142613" spans="8:8">
      <c r="H142613" s="12"/>
    </row>
    <row r="142614" spans="8:8">
      <c r="H142614" s="12"/>
    </row>
    <row r="142615" spans="8:8">
      <c r="H142615" s="12"/>
    </row>
    <row r="142616" spans="8:8">
      <c r="H142616" s="12"/>
    </row>
    <row r="142617" spans="8:8">
      <c r="H142617" s="12"/>
    </row>
    <row r="142618" spans="8:8">
      <c r="H142618" s="12"/>
    </row>
    <row r="142619" spans="8:8">
      <c r="H142619" s="12"/>
    </row>
    <row r="142620" spans="8:8">
      <c r="H142620" s="12"/>
    </row>
    <row r="142621" spans="8:8">
      <c r="H142621" s="12"/>
    </row>
    <row r="142622" spans="8:8">
      <c r="H142622" s="12"/>
    </row>
    <row r="142623" spans="8:8">
      <c r="H142623" s="12"/>
    </row>
    <row r="142624" spans="8:8">
      <c r="H142624" s="12"/>
    </row>
    <row r="142625" spans="8:8">
      <c r="H142625" s="12"/>
    </row>
    <row r="142626" spans="8:8">
      <c r="H142626" s="12"/>
    </row>
    <row r="142627" spans="8:8">
      <c r="H142627" s="12"/>
    </row>
    <row r="142628" spans="8:8">
      <c r="H142628" s="12"/>
    </row>
    <row r="142629" spans="8:8">
      <c r="H142629" s="12"/>
    </row>
    <row r="142630" spans="8:8">
      <c r="H142630" s="12"/>
    </row>
    <row r="142631" spans="8:8">
      <c r="H142631" s="12"/>
    </row>
    <row r="142632" spans="8:8">
      <c r="H142632" s="12"/>
    </row>
    <row r="142633" spans="8:8">
      <c r="H142633" s="12"/>
    </row>
    <row r="142634" spans="8:8">
      <c r="H142634" s="12"/>
    </row>
    <row r="142635" spans="8:8">
      <c r="H142635" s="12"/>
    </row>
    <row r="142636" spans="8:8">
      <c r="H142636" s="12"/>
    </row>
    <row r="142637" spans="8:8">
      <c r="H142637" s="12"/>
    </row>
    <row r="142638" spans="8:8">
      <c r="H142638" s="12"/>
    </row>
    <row r="142639" spans="8:8">
      <c r="H142639" s="12"/>
    </row>
    <row r="142640" spans="8:8">
      <c r="H142640" s="12"/>
    </row>
    <row r="142641" spans="8:8">
      <c r="H142641" s="12"/>
    </row>
    <row r="142642" spans="8:8">
      <c r="H142642" s="12"/>
    </row>
    <row r="142643" spans="8:8">
      <c r="H142643" s="12"/>
    </row>
    <row r="142644" spans="8:8">
      <c r="H142644" s="12"/>
    </row>
    <row r="142645" spans="8:8">
      <c r="H142645" s="12"/>
    </row>
    <row r="142646" spans="8:8">
      <c r="H142646" s="12"/>
    </row>
    <row r="142647" spans="8:8">
      <c r="H142647" s="12"/>
    </row>
    <row r="142648" spans="8:8">
      <c r="H142648" s="12"/>
    </row>
    <row r="142649" spans="8:8">
      <c r="H142649" s="12"/>
    </row>
    <row r="142650" spans="8:8">
      <c r="H142650" s="12"/>
    </row>
    <row r="142651" spans="8:8">
      <c r="H142651" s="12"/>
    </row>
    <row r="142652" spans="8:8">
      <c r="H142652" s="12"/>
    </row>
    <row r="142653" spans="8:8">
      <c r="H142653" s="12"/>
    </row>
    <row r="142654" spans="8:8">
      <c r="H142654" s="12"/>
    </row>
    <row r="142655" spans="8:8">
      <c r="H142655" s="12"/>
    </row>
    <row r="142656" spans="8:8">
      <c r="H142656" s="12"/>
    </row>
    <row r="142657" spans="8:8">
      <c r="H142657" s="12"/>
    </row>
    <row r="142658" spans="8:8">
      <c r="H142658" s="12"/>
    </row>
    <row r="142659" spans="8:8">
      <c r="H142659" s="12"/>
    </row>
    <row r="142660" spans="8:8">
      <c r="H142660" s="12"/>
    </row>
    <row r="142661" spans="8:8">
      <c r="H142661" s="12"/>
    </row>
    <row r="142662" spans="8:8">
      <c r="H142662" s="12"/>
    </row>
    <row r="142663" spans="8:8">
      <c r="H142663" s="12"/>
    </row>
    <row r="142664" spans="8:8">
      <c r="H142664" s="12"/>
    </row>
    <row r="142665" spans="8:8">
      <c r="H142665" s="12"/>
    </row>
    <row r="142666" spans="8:8">
      <c r="H142666" s="12"/>
    </row>
    <row r="142667" spans="8:8">
      <c r="H142667" s="12"/>
    </row>
    <row r="142668" spans="8:8">
      <c r="H142668" s="12"/>
    </row>
    <row r="142669" spans="8:8">
      <c r="H142669" s="12"/>
    </row>
    <row r="142670" spans="8:8">
      <c r="H142670" s="12"/>
    </row>
    <row r="142671" spans="8:8">
      <c r="H142671" s="12"/>
    </row>
    <row r="142672" spans="8:8">
      <c r="H142672" s="12"/>
    </row>
    <row r="142673" spans="8:8">
      <c r="H142673" s="12"/>
    </row>
    <row r="142674" spans="8:8">
      <c r="H142674" s="12"/>
    </row>
    <row r="142675" spans="8:8">
      <c r="H142675" s="12"/>
    </row>
    <row r="142676" spans="8:8">
      <c r="H142676" s="12"/>
    </row>
    <row r="142677" spans="8:8">
      <c r="H142677" s="12"/>
    </row>
    <row r="142678" spans="8:8">
      <c r="H142678" s="12"/>
    </row>
    <row r="142679" spans="8:8">
      <c r="H142679" s="12"/>
    </row>
    <row r="142680" spans="8:8">
      <c r="H142680" s="12"/>
    </row>
    <row r="142681" spans="8:8">
      <c r="H142681" s="12"/>
    </row>
    <row r="142682" spans="8:8">
      <c r="H142682" s="12"/>
    </row>
    <row r="142683" spans="8:8">
      <c r="H142683" s="12"/>
    </row>
    <row r="142684" spans="8:8">
      <c r="H142684" s="12"/>
    </row>
    <row r="142685" spans="8:8">
      <c r="H142685" s="12"/>
    </row>
    <row r="142686" spans="8:8">
      <c r="H142686" s="12"/>
    </row>
    <row r="142687" spans="8:8">
      <c r="H142687" s="12"/>
    </row>
    <row r="142688" spans="8:8">
      <c r="H142688" s="12"/>
    </row>
    <row r="142689" spans="8:8">
      <c r="H142689" s="12"/>
    </row>
    <row r="142690" spans="8:8">
      <c r="H142690" s="12"/>
    </row>
    <row r="142691" spans="8:8">
      <c r="H142691" s="12"/>
    </row>
    <row r="142692" spans="8:8">
      <c r="H142692" s="12"/>
    </row>
    <row r="142693" spans="8:8">
      <c r="H142693" s="12"/>
    </row>
    <row r="142694" spans="8:8">
      <c r="H142694" s="12"/>
    </row>
    <row r="142695" spans="8:8">
      <c r="H142695" s="12"/>
    </row>
    <row r="142696" spans="8:8">
      <c r="H142696" s="12"/>
    </row>
    <row r="142697" spans="8:8">
      <c r="H142697" s="12"/>
    </row>
    <row r="142698" spans="8:8">
      <c r="H142698" s="12"/>
    </row>
    <row r="142699" spans="8:8">
      <c r="H142699" s="12"/>
    </row>
    <row r="142700" spans="8:8">
      <c r="H142700" s="12"/>
    </row>
    <row r="142701" spans="8:8">
      <c r="H142701" s="12"/>
    </row>
    <row r="142702" spans="8:8">
      <c r="H142702" s="12"/>
    </row>
    <row r="142703" spans="8:8">
      <c r="H142703" s="12"/>
    </row>
    <row r="142704" spans="8:8">
      <c r="H142704" s="12"/>
    </row>
    <row r="142705" spans="8:8">
      <c r="H142705" s="12"/>
    </row>
    <row r="142706" spans="8:8">
      <c r="H142706" s="12"/>
    </row>
    <row r="142707" spans="8:8">
      <c r="H142707" s="12"/>
    </row>
    <row r="142708" spans="8:8">
      <c r="H142708" s="12"/>
    </row>
    <row r="142709" spans="8:8">
      <c r="H142709" s="12"/>
    </row>
    <row r="142710" spans="8:8">
      <c r="H142710" s="12"/>
    </row>
    <row r="142711" spans="8:8">
      <c r="H142711" s="12"/>
    </row>
    <row r="142712" spans="8:8">
      <c r="H142712" s="12"/>
    </row>
    <row r="142713" spans="8:8">
      <c r="H142713" s="12"/>
    </row>
    <row r="142714" spans="8:8">
      <c r="H142714" s="12"/>
    </row>
    <row r="142715" spans="8:8">
      <c r="H142715" s="12"/>
    </row>
    <row r="142716" spans="8:8">
      <c r="H142716" s="12"/>
    </row>
    <row r="142717" spans="8:8">
      <c r="H142717" s="12"/>
    </row>
    <row r="142718" spans="8:8">
      <c r="H142718" s="12"/>
    </row>
    <row r="142719" spans="8:8">
      <c r="H142719" s="12"/>
    </row>
    <row r="142720" spans="8:8">
      <c r="H142720" s="12"/>
    </row>
    <row r="142721" spans="8:8">
      <c r="H142721" s="12"/>
    </row>
    <row r="142722" spans="8:8">
      <c r="H142722" s="12"/>
    </row>
    <row r="142723" spans="8:8">
      <c r="H142723" s="12"/>
    </row>
    <row r="142724" spans="8:8">
      <c r="H142724" s="12"/>
    </row>
    <row r="142725" spans="8:8">
      <c r="H142725" s="12"/>
    </row>
    <row r="142726" spans="8:8">
      <c r="H142726" s="12"/>
    </row>
    <row r="142727" spans="8:8">
      <c r="H142727" s="12"/>
    </row>
    <row r="142728" spans="8:8">
      <c r="H142728" s="12"/>
    </row>
    <row r="142729" spans="8:8">
      <c r="H142729" s="12"/>
    </row>
    <row r="142730" spans="8:8">
      <c r="H142730" s="12"/>
    </row>
    <row r="142731" spans="8:8">
      <c r="H142731" s="12"/>
    </row>
    <row r="142732" spans="8:8">
      <c r="H142732" s="12"/>
    </row>
    <row r="142733" spans="8:8">
      <c r="H142733" s="12"/>
    </row>
    <row r="142734" spans="8:8">
      <c r="H142734" s="12"/>
    </row>
    <row r="142735" spans="8:8">
      <c r="H142735" s="12"/>
    </row>
    <row r="142736" spans="8:8">
      <c r="H142736" s="12"/>
    </row>
    <row r="142737" spans="8:8">
      <c r="H142737" s="12"/>
    </row>
    <row r="142738" spans="8:8">
      <c r="H142738" s="12"/>
    </row>
    <row r="142739" spans="8:8">
      <c r="H142739" s="12"/>
    </row>
    <row r="142740" spans="8:8">
      <c r="H142740" s="12"/>
    </row>
    <row r="142741" spans="8:8">
      <c r="H142741" s="12"/>
    </row>
    <row r="142742" spans="8:8">
      <c r="H142742" s="12"/>
    </row>
    <row r="142743" spans="8:8">
      <c r="H142743" s="12"/>
    </row>
    <row r="142744" spans="8:8">
      <c r="H142744" s="12"/>
    </row>
    <row r="142745" spans="8:8">
      <c r="H142745" s="12"/>
    </row>
    <row r="142746" spans="8:8">
      <c r="H142746" s="12"/>
    </row>
    <row r="142747" spans="8:8">
      <c r="H142747" s="12"/>
    </row>
    <row r="142748" spans="8:8">
      <c r="H142748" s="12"/>
    </row>
    <row r="142749" spans="8:8">
      <c r="H142749" s="12"/>
    </row>
    <row r="142750" spans="8:8">
      <c r="H142750" s="12"/>
    </row>
    <row r="142751" spans="8:8">
      <c r="H142751" s="12"/>
    </row>
    <row r="142752" spans="8:8">
      <c r="H142752" s="12"/>
    </row>
    <row r="142753" spans="8:8">
      <c r="H142753" s="12"/>
    </row>
    <row r="142754" spans="8:8">
      <c r="H142754" s="12"/>
    </row>
    <row r="142755" spans="8:8">
      <c r="H142755" s="12"/>
    </row>
    <row r="142756" spans="8:8">
      <c r="H142756" s="12"/>
    </row>
    <row r="142757" spans="8:8">
      <c r="H142757" s="12"/>
    </row>
    <row r="142758" spans="8:8">
      <c r="H142758" s="12"/>
    </row>
    <row r="142759" spans="8:8">
      <c r="H142759" s="12"/>
    </row>
    <row r="142760" spans="8:8">
      <c r="H142760" s="12"/>
    </row>
    <row r="142761" spans="8:8">
      <c r="H142761" s="12"/>
    </row>
    <row r="142762" spans="8:8">
      <c r="H142762" s="12"/>
    </row>
    <row r="142763" spans="8:8">
      <c r="H142763" s="12"/>
    </row>
    <row r="142764" spans="8:8">
      <c r="H142764" s="12"/>
    </row>
    <row r="142765" spans="8:8">
      <c r="H142765" s="12"/>
    </row>
    <row r="142766" spans="8:8">
      <c r="H142766" s="12"/>
    </row>
    <row r="142767" spans="8:8">
      <c r="H142767" s="12"/>
    </row>
    <row r="142768" spans="8:8">
      <c r="H142768" s="12"/>
    </row>
    <row r="142769" spans="8:8">
      <c r="H142769" s="12"/>
    </row>
    <row r="142770" spans="8:8">
      <c r="H142770" s="12"/>
    </row>
    <row r="142771" spans="8:8">
      <c r="H142771" s="12"/>
    </row>
    <row r="142772" spans="8:8">
      <c r="H142772" s="12"/>
    </row>
    <row r="142773" spans="8:8">
      <c r="H142773" s="12"/>
    </row>
    <row r="142774" spans="8:8">
      <c r="H142774" s="12"/>
    </row>
    <row r="142775" spans="8:8">
      <c r="H142775" s="12"/>
    </row>
    <row r="142776" spans="8:8">
      <c r="H142776" s="12"/>
    </row>
    <row r="142777" spans="8:8">
      <c r="H142777" s="12"/>
    </row>
    <row r="142778" spans="8:8">
      <c r="H142778" s="12"/>
    </row>
    <row r="142779" spans="8:8">
      <c r="H142779" s="12"/>
    </row>
    <row r="142780" spans="8:8">
      <c r="H142780" s="12"/>
    </row>
    <row r="142781" spans="8:8">
      <c r="H142781" s="12"/>
    </row>
    <row r="142782" spans="8:8">
      <c r="H142782" s="12"/>
    </row>
    <row r="142783" spans="8:8">
      <c r="H142783" s="12"/>
    </row>
    <row r="142784" spans="8:8">
      <c r="H142784" s="12"/>
    </row>
    <row r="142785" spans="8:8">
      <c r="H142785" s="12"/>
    </row>
    <row r="142786" spans="8:8">
      <c r="H142786" s="12"/>
    </row>
    <row r="142787" spans="8:8">
      <c r="H142787" s="12"/>
    </row>
    <row r="142788" spans="8:8">
      <c r="H142788" s="12"/>
    </row>
    <row r="142789" spans="8:8">
      <c r="H142789" s="12"/>
    </row>
    <row r="142790" spans="8:8">
      <c r="H142790" s="12"/>
    </row>
    <row r="142791" spans="8:8">
      <c r="H142791" s="12"/>
    </row>
    <row r="142792" spans="8:8">
      <c r="H142792" s="12"/>
    </row>
    <row r="142793" spans="8:8">
      <c r="H142793" s="12"/>
    </row>
    <row r="142794" spans="8:8">
      <c r="H142794" s="12"/>
    </row>
    <row r="142795" spans="8:8">
      <c r="H142795" s="12"/>
    </row>
    <row r="142796" spans="8:8">
      <c r="H142796" s="12"/>
    </row>
    <row r="142797" spans="8:8">
      <c r="H142797" s="12"/>
    </row>
    <row r="142798" spans="8:8">
      <c r="H142798" s="12"/>
    </row>
    <row r="142799" spans="8:8">
      <c r="H142799" s="12"/>
    </row>
    <row r="142800" spans="8:8">
      <c r="H142800" s="12"/>
    </row>
    <row r="142801" spans="8:8">
      <c r="H142801" s="12"/>
    </row>
    <row r="142802" spans="8:8">
      <c r="H142802" s="12"/>
    </row>
    <row r="142803" spans="8:8">
      <c r="H142803" s="12"/>
    </row>
    <row r="142804" spans="8:8">
      <c r="H142804" s="12"/>
    </row>
    <row r="142805" spans="8:8">
      <c r="H142805" s="12"/>
    </row>
    <row r="142806" spans="8:8">
      <c r="H142806" s="12"/>
    </row>
    <row r="142807" spans="8:8">
      <c r="H142807" s="12"/>
    </row>
    <row r="142808" spans="8:8">
      <c r="H142808" s="12"/>
    </row>
    <row r="142809" spans="8:8">
      <c r="H142809" s="12"/>
    </row>
    <row r="142810" spans="8:8">
      <c r="H142810" s="12"/>
    </row>
    <row r="142811" spans="8:8">
      <c r="H142811" s="12"/>
    </row>
    <row r="142812" spans="8:8">
      <c r="H142812" s="12"/>
    </row>
    <row r="142813" spans="8:8">
      <c r="H142813" s="12"/>
    </row>
    <row r="142814" spans="8:8">
      <c r="H142814" s="12"/>
    </row>
    <row r="142815" spans="8:8">
      <c r="H142815" s="12"/>
    </row>
    <row r="142816" spans="8:8">
      <c r="H142816" s="12"/>
    </row>
    <row r="142817" spans="8:8">
      <c r="H142817" s="12"/>
    </row>
    <row r="142818" spans="8:8">
      <c r="H142818" s="12"/>
    </row>
    <row r="142819" spans="8:8">
      <c r="H142819" s="12"/>
    </row>
    <row r="142820" spans="8:8">
      <c r="H142820" s="12"/>
    </row>
    <row r="142821" spans="8:8">
      <c r="H142821" s="12"/>
    </row>
    <row r="142822" spans="8:8">
      <c r="H142822" s="12"/>
    </row>
    <row r="142823" spans="8:8">
      <c r="H142823" s="12"/>
    </row>
    <row r="142824" spans="8:8">
      <c r="H142824" s="12"/>
    </row>
    <row r="142825" spans="8:8">
      <c r="H142825" s="12"/>
    </row>
    <row r="142826" spans="8:8">
      <c r="H142826" s="12"/>
    </row>
    <row r="142827" spans="8:8">
      <c r="H142827" s="12"/>
    </row>
    <row r="142828" spans="8:8">
      <c r="H142828" s="12"/>
    </row>
    <row r="142829" spans="8:8">
      <c r="H142829" s="12"/>
    </row>
    <row r="142830" spans="8:8">
      <c r="H142830" s="12"/>
    </row>
    <row r="142831" spans="8:8">
      <c r="H142831" s="12"/>
    </row>
    <row r="142832" spans="8:8">
      <c r="H142832" s="12"/>
    </row>
    <row r="142833" spans="8:8">
      <c r="H142833" s="12"/>
    </row>
    <row r="142834" spans="8:8">
      <c r="H142834" s="12"/>
    </row>
    <row r="142835" spans="8:8">
      <c r="H142835" s="12"/>
    </row>
    <row r="142836" spans="8:8">
      <c r="H142836" s="12"/>
    </row>
    <row r="142837" spans="8:8">
      <c r="H142837" s="12"/>
    </row>
    <row r="142838" spans="8:8">
      <c r="H142838" s="12"/>
    </row>
    <row r="142839" spans="8:8">
      <c r="H142839" s="12"/>
    </row>
    <row r="142840" spans="8:8">
      <c r="H142840" s="12"/>
    </row>
    <row r="142841" spans="8:8">
      <c r="H142841" s="12"/>
    </row>
    <row r="142842" spans="8:8">
      <c r="H142842" s="12"/>
    </row>
    <row r="142843" spans="8:8">
      <c r="H142843" s="12"/>
    </row>
    <row r="142844" spans="8:8">
      <c r="H142844" s="12"/>
    </row>
    <row r="142845" spans="8:8">
      <c r="H142845" s="12"/>
    </row>
    <row r="142846" spans="8:8">
      <c r="H142846" s="12"/>
    </row>
    <row r="142847" spans="8:8">
      <c r="H142847" s="12"/>
    </row>
    <row r="142848" spans="8:8">
      <c r="H142848" s="12"/>
    </row>
    <row r="142849" spans="8:8">
      <c r="H142849" s="12"/>
    </row>
    <row r="142850" spans="8:8">
      <c r="H142850" s="12"/>
    </row>
    <row r="142851" spans="8:8">
      <c r="H142851" s="12"/>
    </row>
    <row r="142852" spans="8:8">
      <c r="H142852" s="12"/>
    </row>
    <row r="142853" spans="8:8">
      <c r="H142853" s="12"/>
    </row>
    <row r="142854" spans="8:8">
      <c r="H142854" s="12"/>
    </row>
    <row r="142855" spans="8:8">
      <c r="H142855" s="12"/>
    </row>
    <row r="142856" spans="8:8">
      <c r="H142856" s="12"/>
    </row>
    <row r="142857" spans="8:8">
      <c r="H142857" s="12"/>
    </row>
    <row r="142858" spans="8:8">
      <c r="H142858" s="12"/>
    </row>
    <row r="142859" spans="8:8">
      <c r="H142859" s="12"/>
    </row>
    <row r="142860" spans="8:8">
      <c r="H142860" s="12"/>
    </row>
    <row r="142861" spans="8:8">
      <c r="H142861" s="12"/>
    </row>
    <row r="142862" spans="8:8">
      <c r="H142862" s="12"/>
    </row>
    <row r="142863" spans="8:8">
      <c r="H142863" s="12"/>
    </row>
    <row r="142864" spans="8:8">
      <c r="H142864" s="12"/>
    </row>
    <row r="142865" spans="8:8">
      <c r="H142865" s="12"/>
    </row>
    <row r="142866" spans="8:8">
      <c r="H142866" s="12"/>
    </row>
    <row r="142867" spans="8:8">
      <c r="H142867" s="12"/>
    </row>
    <row r="142868" spans="8:8">
      <c r="H142868" s="12"/>
    </row>
    <row r="142869" spans="8:8">
      <c r="H142869" s="12"/>
    </row>
    <row r="142870" spans="8:8">
      <c r="H142870" s="12"/>
    </row>
    <row r="142871" spans="8:8">
      <c r="H142871" s="12"/>
    </row>
    <row r="142872" spans="8:8">
      <c r="H142872" s="12"/>
    </row>
    <row r="142873" spans="8:8">
      <c r="H142873" s="12"/>
    </row>
    <row r="142874" spans="8:8">
      <c r="H142874" s="12"/>
    </row>
    <row r="142875" spans="8:8">
      <c r="H142875" s="12"/>
    </row>
    <row r="142876" spans="8:8">
      <c r="H142876" s="12"/>
    </row>
    <row r="142877" spans="8:8">
      <c r="H142877" s="12"/>
    </row>
    <row r="142878" spans="8:8">
      <c r="H142878" s="12"/>
    </row>
    <row r="142879" spans="8:8">
      <c r="H142879" s="12"/>
    </row>
    <row r="142880" spans="8:8">
      <c r="H142880" s="12"/>
    </row>
    <row r="142881" spans="8:8">
      <c r="H142881" s="12"/>
    </row>
    <row r="142882" spans="8:8">
      <c r="H142882" s="12"/>
    </row>
    <row r="142883" spans="8:8">
      <c r="H142883" s="12"/>
    </row>
    <row r="142884" spans="8:8">
      <c r="H142884" s="12"/>
    </row>
    <row r="142885" spans="8:8">
      <c r="H142885" s="12"/>
    </row>
    <row r="142886" spans="8:8">
      <c r="H142886" s="12"/>
    </row>
    <row r="142887" spans="8:8">
      <c r="H142887" s="12"/>
    </row>
    <row r="142888" spans="8:8">
      <c r="H142888" s="12"/>
    </row>
    <row r="142889" spans="8:8">
      <c r="H142889" s="12"/>
    </row>
    <row r="142890" spans="8:8">
      <c r="H142890" s="12"/>
    </row>
    <row r="142891" spans="8:8">
      <c r="H142891" s="12"/>
    </row>
    <row r="142892" spans="8:8">
      <c r="H142892" s="12"/>
    </row>
    <row r="142893" spans="8:8">
      <c r="H142893" s="12"/>
    </row>
    <row r="142894" spans="8:8">
      <c r="H142894" s="12"/>
    </row>
    <row r="142895" spans="8:8">
      <c r="H142895" s="12"/>
    </row>
    <row r="142896" spans="8:8">
      <c r="H142896" s="12"/>
    </row>
    <row r="142897" spans="8:8">
      <c r="H142897" s="12"/>
    </row>
    <row r="142898" spans="8:8">
      <c r="H142898" s="12"/>
    </row>
    <row r="142899" spans="8:8">
      <c r="H142899" s="12"/>
    </row>
    <row r="142900" spans="8:8">
      <c r="H142900" s="12"/>
    </row>
    <row r="142901" spans="8:8">
      <c r="H142901" s="12"/>
    </row>
    <row r="142902" spans="8:8">
      <c r="H142902" s="12"/>
    </row>
    <row r="142903" spans="8:8">
      <c r="H142903" s="12"/>
    </row>
    <row r="142904" spans="8:8">
      <c r="H142904" s="12"/>
    </row>
    <row r="142905" spans="8:8">
      <c r="H142905" s="12"/>
    </row>
    <row r="142906" spans="8:8">
      <c r="H142906" s="12"/>
    </row>
    <row r="142907" spans="8:8">
      <c r="H142907" s="12"/>
    </row>
    <row r="142908" spans="8:8">
      <c r="H142908" s="12"/>
    </row>
    <row r="142909" spans="8:8">
      <c r="H142909" s="12"/>
    </row>
    <row r="142910" spans="8:8">
      <c r="H142910" s="12"/>
    </row>
    <row r="142911" spans="8:8">
      <c r="H142911" s="12"/>
    </row>
    <row r="142912" spans="8:8">
      <c r="H142912" s="12"/>
    </row>
    <row r="142913" spans="8:8">
      <c r="H142913" s="12"/>
    </row>
    <row r="142914" spans="8:8">
      <c r="H142914" s="12"/>
    </row>
    <row r="142915" spans="8:8">
      <c r="H142915" s="12"/>
    </row>
    <row r="142916" spans="8:8">
      <c r="H142916" s="12"/>
    </row>
    <row r="142917" spans="8:8">
      <c r="H142917" s="12"/>
    </row>
    <row r="142918" spans="8:8">
      <c r="H142918" s="12"/>
    </row>
    <row r="142919" spans="8:8">
      <c r="H142919" s="12"/>
    </row>
    <row r="142920" spans="8:8">
      <c r="H142920" s="12"/>
    </row>
    <row r="142921" spans="8:8">
      <c r="H142921" s="12"/>
    </row>
    <row r="142922" spans="8:8">
      <c r="H142922" s="12"/>
    </row>
    <row r="142923" spans="8:8">
      <c r="H142923" s="12"/>
    </row>
    <row r="142924" spans="8:8">
      <c r="H142924" s="12"/>
    </row>
    <row r="142925" spans="8:8">
      <c r="H142925" s="12"/>
    </row>
    <row r="142926" spans="8:8">
      <c r="H142926" s="12"/>
    </row>
    <row r="142927" spans="8:8">
      <c r="H142927" s="12"/>
    </row>
    <row r="142928" spans="8:8">
      <c r="H142928" s="12"/>
    </row>
    <row r="142929" spans="8:8">
      <c r="H142929" s="12"/>
    </row>
    <row r="142930" spans="8:8">
      <c r="H142930" s="12"/>
    </row>
    <row r="142931" spans="8:8">
      <c r="H142931" s="12"/>
    </row>
    <row r="142932" spans="8:8">
      <c r="H142932" s="12"/>
    </row>
    <row r="142933" spans="8:8">
      <c r="H142933" s="12"/>
    </row>
    <row r="142934" spans="8:8">
      <c r="H142934" s="12"/>
    </row>
    <row r="142935" spans="8:8">
      <c r="H142935" s="12"/>
    </row>
    <row r="142936" spans="8:8">
      <c r="H142936" s="12"/>
    </row>
    <row r="142937" spans="8:8">
      <c r="H142937" s="12"/>
    </row>
    <row r="142938" spans="8:8">
      <c r="H142938" s="12"/>
    </row>
    <row r="142939" spans="8:8">
      <c r="H142939" s="12"/>
    </row>
    <row r="142940" spans="8:8">
      <c r="H142940" s="12"/>
    </row>
    <row r="142941" spans="8:8">
      <c r="H142941" s="12"/>
    </row>
    <row r="142942" spans="8:8">
      <c r="H142942" s="12"/>
    </row>
    <row r="142943" spans="8:8">
      <c r="H142943" s="12"/>
    </row>
    <row r="142944" spans="8:8">
      <c r="H142944" s="12"/>
    </row>
    <row r="142945" spans="8:8">
      <c r="H142945" s="12"/>
    </row>
    <row r="142946" spans="8:8">
      <c r="H142946" s="12"/>
    </row>
    <row r="142947" spans="8:8">
      <c r="H142947" s="12"/>
    </row>
    <row r="142948" spans="8:8">
      <c r="H142948" s="12"/>
    </row>
    <row r="142949" spans="8:8">
      <c r="H142949" s="12"/>
    </row>
    <row r="142950" spans="8:8">
      <c r="H142950" s="12"/>
    </row>
    <row r="142951" spans="8:8">
      <c r="H142951" s="12"/>
    </row>
    <row r="142952" spans="8:8">
      <c r="H142952" s="12"/>
    </row>
    <row r="142953" spans="8:8">
      <c r="H142953" s="12"/>
    </row>
    <row r="142954" spans="8:8">
      <c r="H142954" s="12"/>
    </row>
    <row r="142955" spans="8:8">
      <c r="H142955" s="12"/>
    </row>
    <row r="142956" spans="8:8">
      <c r="H142956" s="12"/>
    </row>
    <row r="142957" spans="8:8">
      <c r="H142957" s="12"/>
    </row>
    <row r="142958" spans="8:8">
      <c r="H142958" s="12"/>
    </row>
    <row r="142959" spans="8:8">
      <c r="H142959" s="12"/>
    </row>
    <row r="142960" spans="8:8">
      <c r="H142960" s="12"/>
    </row>
    <row r="142961" spans="8:8">
      <c r="H142961" s="12"/>
    </row>
    <row r="142962" spans="8:8">
      <c r="H142962" s="12"/>
    </row>
    <row r="142963" spans="8:8">
      <c r="H142963" s="12"/>
    </row>
    <row r="142964" spans="8:8">
      <c r="H142964" s="12"/>
    </row>
    <row r="142965" spans="8:8">
      <c r="H142965" s="12"/>
    </row>
    <row r="142966" spans="8:8">
      <c r="H142966" s="12"/>
    </row>
    <row r="142967" spans="8:8">
      <c r="H142967" s="12"/>
    </row>
    <row r="142968" spans="8:8">
      <c r="H142968" s="12"/>
    </row>
    <row r="142969" spans="8:8">
      <c r="H142969" s="12"/>
    </row>
    <row r="142970" spans="8:8">
      <c r="H142970" s="12"/>
    </row>
    <row r="142971" spans="8:8">
      <c r="H142971" s="12"/>
    </row>
    <row r="142972" spans="8:8">
      <c r="H142972" s="12"/>
    </row>
    <row r="142973" spans="8:8">
      <c r="H142973" s="12"/>
    </row>
    <row r="142974" spans="8:8">
      <c r="H142974" s="12"/>
    </row>
    <row r="142975" spans="8:8">
      <c r="H142975" s="12"/>
    </row>
    <row r="142976" spans="8:8">
      <c r="H142976" s="12"/>
    </row>
    <row r="142977" spans="8:8">
      <c r="H142977" s="12"/>
    </row>
    <row r="142978" spans="8:8">
      <c r="H142978" s="12"/>
    </row>
    <row r="142979" spans="8:8">
      <c r="H142979" s="12"/>
    </row>
    <row r="142980" spans="8:8">
      <c r="H142980" s="12"/>
    </row>
    <row r="142981" spans="8:8">
      <c r="H142981" s="12"/>
    </row>
    <row r="142982" spans="8:8">
      <c r="H142982" s="12"/>
    </row>
    <row r="142983" spans="8:8">
      <c r="H142983" s="12"/>
    </row>
    <row r="142984" spans="8:8">
      <c r="H142984" s="12"/>
    </row>
    <row r="142985" spans="8:8">
      <c r="H142985" s="12"/>
    </row>
    <row r="142986" spans="8:8">
      <c r="H142986" s="12"/>
    </row>
    <row r="142987" spans="8:8">
      <c r="H142987" s="12"/>
    </row>
    <row r="142988" spans="8:8">
      <c r="H142988" s="12"/>
    </row>
    <row r="142989" spans="8:8">
      <c r="H142989" s="12"/>
    </row>
    <row r="142990" spans="8:8">
      <c r="H142990" s="12"/>
    </row>
    <row r="142991" spans="8:8">
      <c r="H142991" s="12"/>
    </row>
    <row r="142992" spans="8:8">
      <c r="H142992" s="12"/>
    </row>
    <row r="142993" spans="8:8">
      <c r="H142993" s="12"/>
    </row>
    <row r="142994" spans="8:8">
      <c r="H142994" s="12"/>
    </row>
    <row r="142995" spans="8:8">
      <c r="H142995" s="12"/>
    </row>
    <row r="142996" spans="8:8">
      <c r="H142996" s="12"/>
    </row>
    <row r="142997" spans="8:8">
      <c r="H142997" s="12"/>
    </row>
    <row r="142998" spans="8:8">
      <c r="H142998" s="12"/>
    </row>
    <row r="142999" spans="8:8">
      <c r="H142999" s="12"/>
    </row>
    <row r="143000" spans="8:8">
      <c r="H143000" s="12"/>
    </row>
    <row r="143001" spans="8:8">
      <c r="H143001" s="12"/>
    </row>
    <row r="143002" spans="8:8">
      <c r="H143002" s="12"/>
    </row>
    <row r="143003" spans="8:8">
      <c r="H143003" s="12"/>
    </row>
    <row r="143004" spans="8:8">
      <c r="H143004" s="12"/>
    </row>
    <row r="143005" spans="8:8">
      <c r="H143005" s="12"/>
    </row>
    <row r="143006" spans="8:8">
      <c r="H143006" s="12"/>
    </row>
    <row r="143007" spans="8:8">
      <c r="H143007" s="12"/>
    </row>
    <row r="143008" spans="8:8">
      <c r="H143008" s="12"/>
    </row>
    <row r="143009" spans="8:8">
      <c r="H143009" s="12"/>
    </row>
    <row r="143010" spans="8:8">
      <c r="H143010" s="12"/>
    </row>
    <row r="143011" spans="8:8">
      <c r="H143011" s="12"/>
    </row>
    <row r="143012" spans="8:8">
      <c r="H143012" s="12"/>
    </row>
    <row r="143013" spans="8:8">
      <c r="H143013" s="12"/>
    </row>
    <row r="143014" spans="8:8">
      <c r="H143014" s="12"/>
    </row>
    <row r="143015" spans="8:8">
      <c r="H143015" s="12"/>
    </row>
    <row r="143016" spans="8:8">
      <c r="H143016" s="12"/>
    </row>
    <row r="143017" spans="8:8">
      <c r="H143017" s="12"/>
    </row>
    <row r="143018" spans="8:8">
      <c r="H143018" s="12"/>
    </row>
    <row r="143019" spans="8:8">
      <c r="H143019" s="12"/>
    </row>
    <row r="143020" spans="8:8">
      <c r="H143020" s="12"/>
    </row>
    <row r="143021" spans="8:8">
      <c r="H143021" s="12"/>
    </row>
    <row r="143022" spans="8:8">
      <c r="H143022" s="12"/>
    </row>
    <row r="143023" spans="8:8">
      <c r="H143023" s="12"/>
    </row>
    <row r="143024" spans="8:8">
      <c r="H143024" s="12"/>
    </row>
    <row r="143025" spans="8:8">
      <c r="H143025" s="12"/>
    </row>
    <row r="143026" spans="8:8">
      <c r="H143026" s="12"/>
    </row>
    <row r="143027" spans="8:8">
      <c r="H143027" s="12"/>
    </row>
    <row r="143028" spans="8:8">
      <c r="H143028" s="12"/>
    </row>
    <row r="143029" spans="8:8">
      <c r="H143029" s="12"/>
    </row>
    <row r="143030" spans="8:8">
      <c r="H143030" s="12"/>
    </row>
    <row r="143031" spans="8:8">
      <c r="H143031" s="12"/>
    </row>
    <row r="143032" spans="8:8">
      <c r="H143032" s="12"/>
    </row>
    <row r="143033" spans="8:8">
      <c r="H143033" s="12"/>
    </row>
    <row r="143034" spans="8:8">
      <c r="H143034" s="12"/>
    </row>
    <row r="143035" spans="8:8">
      <c r="H143035" s="12"/>
    </row>
    <row r="143036" spans="8:8">
      <c r="H143036" s="12"/>
    </row>
    <row r="143037" spans="8:8">
      <c r="H143037" s="12"/>
    </row>
    <row r="143038" spans="8:8">
      <c r="H143038" s="12"/>
    </row>
    <row r="143039" spans="8:8">
      <c r="H143039" s="12"/>
    </row>
    <row r="143040" spans="8:8">
      <c r="H143040" s="12"/>
    </row>
    <row r="143041" spans="8:8">
      <c r="H143041" s="12"/>
    </row>
    <row r="143042" spans="8:8">
      <c r="H143042" s="12"/>
    </row>
    <row r="143043" spans="8:8">
      <c r="H143043" s="12"/>
    </row>
    <row r="143044" spans="8:8">
      <c r="H143044" s="12"/>
    </row>
    <row r="143045" spans="8:8">
      <c r="H143045" s="12"/>
    </row>
    <row r="143046" spans="8:8">
      <c r="H143046" s="12"/>
    </row>
    <row r="143047" spans="8:8">
      <c r="H143047" s="12"/>
    </row>
    <row r="143048" spans="8:8">
      <c r="H143048" s="12"/>
    </row>
    <row r="143049" spans="8:8">
      <c r="H143049" s="12"/>
    </row>
    <row r="143050" spans="8:8">
      <c r="H143050" s="12"/>
    </row>
    <row r="143051" spans="8:8">
      <c r="H143051" s="12"/>
    </row>
    <row r="143052" spans="8:8">
      <c r="H143052" s="12"/>
    </row>
    <row r="143053" spans="8:8">
      <c r="H143053" s="12"/>
    </row>
    <row r="143054" spans="8:8">
      <c r="H143054" s="12"/>
    </row>
    <row r="143055" spans="8:8">
      <c r="H143055" s="12"/>
    </row>
    <row r="143056" spans="8:8">
      <c r="H143056" s="12"/>
    </row>
    <row r="143057" spans="8:8">
      <c r="H143057" s="12"/>
    </row>
    <row r="143058" spans="8:8">
      <c r="H143058" s="12"/>
    </row>
    <row r="143059" spans="8:8">
      <c r="H143059" s="12"/>
    </row>
    <row r="143060" spans="8:8">
      <c r="H143060" s="12"/>
    </row>
    <row r="143061" spans="8:8">
      <c r="H143061" s="12"/>
    </row>
    <row r="143062" spans="8:8">
      <c r="H143062" s="12"/>
    </row>
    <row r="143063" spans="8:8">
      <c r="H143063" s="12"/>
    </row>
    <row r="143064" spans="8:8">
      <c r="H143064" s="12"/>
    </row>
    <row r="143065" spans="8:8">
      <c r="H143065" s="12"/>
    </row>
    <row r="143066" spans="8:8">
      <c r="H143066" s="12"/>
    </row>
    <row r="143067" spans="8:8">
      <c r="H143067" s="12"/>
    </row>
    <row r="143068" spans="8:8">
      <c r="H143068" s="12"/>
    </row>
    <row r="143069" spans="8:8">
      <c r="H143069" s="12"/>
    </row>
    <row r="143070" spans="8:8">
      <c r="H143070" s="12"/>
    </row>
    <row r="143071" spans="8:8">
      <c r="H143071" s="12"/>
    </row>
    <row r="143072" spans="8:8">
      <c r="H143072" s="12"/>
    </row>
    <row r="143073" spans="8:8">
      <c r="H143073" s="12"/>
    </row>
    <row r="143074" spans="8:8">
      <c r="H143074" s="12"/>
    </row>
    <row r="143075" spans="8:8">
      <c r="H143075" s="12"/>
    </row>
    <row r="143076" spans="8:8">
      <c r="H143076" s="12"/>
    </row>
    <row r="143077" spans="8:8">
      <c r="H143077" s="12"/>
    </row>
    <row r="143078" spans="8:8">
      <c r="H143078" s="12"/>
    </row>
    <row r="143079" spans="8:8">
      <c r="H143079" s="12"/>
    </row>
    <row r="143080" spans="8:8">
      <c r="H143080" s="12"/>
    </row>
    <row r="143081" spans="8:8">
      <c r="H143081" s="12"/>
    </row>
    <row r="143082" spans="8:8">
      <c r="H143082" s="12"/>
    </row>
    <row r="143083" spans="8:8">
      <c r="H143083" s="12"/>
    </row>
    <row r="143084" spans="8:8">
      <c r="H143084" s="12"/>
    </row>
    <row r="143085" spans="8:8">
      <c r="H143085" s="12"/>
    </row>
    <row r="143086" spans="8:8">
      <c r="H143086" s="12"/>
    </row>
    <row r="143087" spans="8:8">
      <c r="H143087" s="12"/>
    </row>
    <row r="143088" spans="8:8">
      <c r="H143088" s="12"/>
    </row>
    <row r="143089" spans="8:8">
      <c r="H143089" s="12"/>
    </row>
    <row r="143090" spans="8:8">
      <c r="H143090" s="12"/>
    </row>
    <row r="143091" spans="8:8">
      <c r="H143091" s="12"/>
    </row>
    <row r="143092" spans="8:8">
      <c r="H143092" s="12"/>
    </row>
    <row r="143093" spans="8:8">
      <c r="H143093" s="12"/>
    </row>
    <row r="143094" spans="8:8">
      <c r="H143094" s="12"/>
    </row>
    <row r="143095" spans="8:8">
      <c r="H143095" s="12"/>
    </row>
    <row r="143096" spans="8:8">
      <c r="H143096" s="12"/>
    </row>
    <row r="143097" spans="8:8">
      <c r="H143097" s="12"/>
    </row>
    <row r="143098" spans="8:8">
      <c r="H143098" s="12"/>
    </row>
    <row r="143099" spans="8:8">
      <c r="H143099" s="12"/>
    </row>
    <row r="143100" spans="8:8">
      <c r="H143100" s="12"/>
    </row>
    <row r="143101" spans="8:8">
      <c r="H143101" s="12"/>
    </row>
    <row r="143102" spans="8:8">
      <c r="H143102" s="12"/>
    </row>
    <row r="143103" spans="8:8">
      <c r="H143103" s="12"/>
    </row>
    <row r="143104" spans="8:8">
      <c r="H143104" s="12"/>
    </row>
    <row r="143105" spans="8:8">
      <c r="H143105" s="12"/>
    </row>
    <row r="143106" spans="8:8">
      <c r="H143106" s="12"/>
    </row>
    <row r="143107" spans="8:8">
      <c r="H143107" s="12"/>
    </row>
    <row r="143108" spans="8:8">
      <c r="H143108" s="12"/>
    </row>
    <row r="143109" spans="8:8">
      <c r="H143109" s="12"/>
    </row>
    <row r="143110" spans="8:8">
      <c r="H143110" s="12"/>
    </row>
    <row r="143111" spans="8:8">
      <c r="H143111" s="12"/>
    </row>
    <row r="143112" spans="8:8">
      <c r="H143112" s="12"/>
    </row>
    <row r="143113" spans="8:8">
      <c r="H143113" s="12"/>
    </row>
    <row r="143114" spans="8:8">
      <c r="H143114" s="12"/>
    </row>
    <row r="143115" spans="8:8">
      <c r="H143115" s="12"/>
    </row>
    <row r="143116" spans="8:8">
      <c r="H143116" s="12"/>
    </row>
    <row r="143117" spans="8:8">
      <c r="H143117" s="12"/>
    </row>
    <row r="143118" spans="8:8">
      <c r="H143118" s="12"/>
    </row>
    <row r="143119" spans="8:8">
      <c r="H143119" s="12"/>
    </row>
    <row r="143120" spans="8:8">
      <c r="H143120" s="12"/>
    </row>
    <row r="143121" spans="8:8">
      <c r="H143121" s="12"/>
    </row>
    <row r="143122" spans="8:8">
      <c r="H143122" s="12"/>
    </row>
    <row r="143123" spans="8:8">
      <c r="H143123" s="12"/>
    </row>
    <row r="143124" spans="8:8">
      <c r="H143124" s="12"/>
    </row>
    <row r="143125" spans="8:8">
      <c r="H143125" s="12"/>
    </row>
    <row r="143126" spans="8:8">
      <c r="H143126" s="12"/>
    </row>
    <row r="143127" spans="8:8">
      <c r="H143127" s="12"/>
    </row>
    <row r="143128" spans="8:8">
      <c r="H143128" s="12"/>
    </row>
    <row r="143129" spans="8:8">
      <c r="H143129" s="12"/>
    </row>
    <row r="143130" spans="8:8">
      <c r="H143130" s="12"/>
    </row>
    <row r="143131" spans="8:8">
      <c r="H143131" s="12"/>
    </row>
    <row r="143132" spans="8:8">
      <c r="H143132" s="12"/>
    </row>
    <row r="143133" spans="8:8">
      <c r="H143133" s="12"/>
    </row>
    <row r="143134" spans="8:8">
      <c r="H143134" s="12"/>
    </row>
    <row r="143135" spans="8:8">
      <c r="H143135" s="12"/>
    </row>
    <row r="143136" spans="8:8">
      <c r="H143136" s="12"/>
    </row>
    <row r="143137" spans="8:8">
      <c r="H143137" s="12"/>
    </row>
    <row r="143138" spans="8:8">
      <c r="H143138" s="12"/>
    </row>
    <row r="143139" spans="8:8">
      <c r="H143139" s="12"/>
    </row>
    <row r="143140" spans="8:8">
      <c r="H143140" s="12"/>
    </row>
    <row r="143141" spans="8:8">
      <c r="H143141" s="12"/>
    </row>
    <row r="143142" spans="8:8">
      <c r="H143142" s="12"/>
    </row>
    <row r="143143" spans="8:8">
      <c r="H143143" s="12"/>
    </row>
    <row r="143144" spans="8:8">
      <c r="H143144" s="12"/>
    </row>
    <row r="143145" spans="8:8">
      <c r="H143145" s="12"/>
    </row>
    <row r="143146" spans="8:8">
      <c r="H143146" s="12"/>
    </row>
    <row r="143147" spans="8:8">
      <c r="H143147" s="12"/>
    </row>
    <row r="143148" spans="8:8">
      <c r="H143148" s="12"/>
    </row>
    <row r="143149" spans="8:8">
      <c r="H143149" s="12"/>
    </row>
    <row r="143150" spans="8:8">
      <c r="H143150" s="12"/>
    </row>
    <row r="143151" spans="8:8">
      <c r="H143151" s="12"/>
    </row>
    <row r="143152" spans="8:8">
      <c r="H143152" s="12"/>
    </row>
    <row r="143153" spans="8:8">
      <c r="H143153" s="12"/>
    </row>
    <row r="143154" spans="8:8">
      <c r="H143154" s="12"/>
    </row>
    <row r="143155" spans="8:8">
      <c r="H143155" s="12"/>
    </row>
    <row r="143156" spans="8:8">
      <c r="H143156" s="12"/>
    </row>
    <row r="143157" spans="8:8">
      <c r="H143157" s="12"/>
    </row>
    <row r="143158" spans="8:8">
      <c r="H143158" s="12"/>
    </row>
    <row r="143159" spans="8:8">
      <c r="H143159" s="12"/>
    </row>
    <row r="143160" spans="8:8">
      <c r="H143160" s="12"/>
    </row>
    <row r="143161" spans="8:8">
      <c r="H143161" s="12"/>
    </row>
    <row r="143162" spans="8:8">
      <c r="H143162" s="12"/>
    </row>
    <row r="143163" spans="8:8">
      <c r="H143163" s="12"/>
    </row>
    <row r="143164" spans="8:8">
      <c r="H143164" s="12"/>
    </row>
    <row r="143165" spans="8:8">
      <c r="H143165" s="12"/>
    </row>
    <row r="143166" spans="8:8">
      <c r="H143166" s="12"/>
    </row>
    <row r="143167" spans="8:8">
      <c r="H143167" s="12"/>
    </row>
    <row r="143168" spans="8:8">
      <c r="H143168" s="12"/>
    </row>
    <row r="143169" spans="8:8">
      <c r="H143169" s="12"/>
    </row>
    <row r="143170" spans="8:8">
      <c r="H143170" s="12"/>
    </row>
    <row r="143171" spans="8:8">
      <c r="H143171" s="12"/>
    </row>
    <row r="143172" spans="8:8">
      <c r="H143172" s="12"/>
    </row>
    <row r="143173" spans="8:8">
      <c r="H143173" s="12"/>
    </row>
    <row r="143174" spans="8:8">
      <c r="H143174" s="12"/>
    </row>
    <row r="143175" spans="8:8">
      <c r="H143175" s="12"/>
    </row>
    <row r="143176" spans="8:8">
      <c r="H143176" s="12"/>
    </row>
    <row r="143177" spans="8:8">
      <c r="H143177" s="12"/>
    </row>
    <row r="143178" spans="8:8">
      <c r="H143178" s="12"/>
    </row>
    <row r="143179" spans="8:8">
      <c r="H143179" s="12"/>
    </row>
    <row r="143180" spans="8:8">
      <c r="H143180" s="12"/>
    </row>
    <row r="143181" spans="8:8">
      <c r="H143181" s="12"/>
    </row>
    <row r="143182" spans="8:8">
      <c r="H143182" s="12"/>
    </row>
    <row r="143183" spans="8:8">
      <c r="H143183" s="12"/>
    </row>
    <row r="143184" spans="8:8">
      <c r="H143184" s="12"/>
    </row>
    <row r="143185" spans="8:8">
      <c r="H143185" s="12"/>
    </row>
    <row r="143186" spans="8:8">
      <c r="H143186" s="12"/>
    </row>
    <row r="143187" spans="8:8">
      <c r="H143187" s="12"/>
    </row>
    <row r="143188" spans="8:8">
      <c r="H143188" s="12"/>
    </row>
    <row r="143189" spans="8:8">
      <c r="H143189" s="12"/>
    </row>
    <row r="143190" spans="8:8">
      <c r="H143190" s="12"/>
    </row>
    <row r="143191" spans="8:8">
      <c r="H143191" s="12"/>
    </row>
    <row r="143192" spans="8:8">
      <c r="H143192" s="12"/>
    </row>
    <row r="143193" spans="8:8">
      <c r="H143193" s="12"/>
    </row>
    <row r="143194" spans="8:8">
      <c r="H143194" s="12"/>
    </row>
    <row r="143195" spans="8:8">
      <c r="H143195" s="12"/>
    </row>
    <row r="143196" spans="8:8">
      <c r="H143196" s="12"/>
    </row>
    <row r="143197" spans="8:8">
      <c r="H143197" s="12"/>
    </row>
    <row r="143198" spans="8:8">
      <c r="H143198" s="12"/>
    </row>
    <row r="143199" spans="8:8">
      <c r="H143199" s="12"/>
    </row>
    <row r="143200" spans="8:8">
      <c r="H143200" s="12"/>
    </row>
    <row r="143201" spans="8:8">
      <c r="H143201" s="12"/>
    </row>
    <row r="143202" spans="8:8">
      <c r="H143202" s="12"/>
    </row>
    <row r="143203" spans="8:8">
      <c r="H143203" s="12"/>
    </row>
    <row r="143204" spans="8:8">
      <c r="H143204" s="12"/>
    </row>
    <row r="143205" spans="8:8">
      <c r="H143205" s="12"/>
    </row>
    <row r="143206" spans="8:8">
      <c r="H143206" s="12"/>
    </row>
    <row r="143207" spans="8:8">
      <c r="H143207" s="12"/>
    </row>
    <row r="143208" spans="8:8">
      <c r="H143208" s="12"/>
    </row>
    <row r="143209" spans="8:8">
      <c r="H143209" s="12"/>
    </row>
    <row r="143210" spans="8:8">
      <c r="H143210" s="12"/>
    </row>
    <row r="143211" spans="8:8">
      <c r="H143211" s="12"/>
    </row>
    <row r="143212" spans="8:8">
      <c r="H143212" s="12"/>
    </row>
    <row r="143213" spans="8:8">
      <c r="H143213" s="12"/>
    </row>
    <row r="143214" spans="8:8">
      <c r="H143214" s="12"/>
    </row>
    <row r="143215" spans="8:8">
      <c r="H143215" s="12"/>
    </row>
    <row r="143216" spans="8:8">
      <c r="H143216" s="12"/>
    </row>
    <row r="143217" spans="8:8">
      <c r="H143217" s="12"/>
    </row>
    <row r="143218" spans="8:8">
      <c r="H143218" s="12"/>
    </row>
    <row r="143219" spans="8:8">
      <c r="H143219" s="12"/>
    </row>
    <row r="143220" spans="8:8">
      <c r="H143220" s="12"/>
    </row>
    <row r="143221" spans="8:8">
      <c r="H143221" s="12"/>
    </row>
    <row r="143222" spans="8:8">
      <c r="H143222" s="12"/>
    </row>
    <row r="143223" spans="8:8">
      <c r="H143223" s="12"/>
    </row>
    <row r="143224" spans="8:8">
      <c r="H143224" s="12"/>
    </row>
    <row r="143225" spans="8:8">
      <c r="H143225" s="12"/>
    </row>
    <row r="143226" spans="8:8">
      <c r="H143226" s="12"/>
    </row>
    <row r="143227" spans="8:8">
      <c r="H143227" s="12"/>
    </row>
    <row r="143228" spans="8:8">
      <c r="H143228" s="12"/>
    </row>
    <row r="143229" spans="8:8">
      <c r="H143229" s="12"/>
    </row>
    <row r="143230" spans="8:8">
      <c r="H143230" s="12"/>
    </row>
    <row r="143231" spans="8:8">
      <c r="H143231" s="12"/>
    </row>
    <row r="143232" spans="8:8">
      <c r="H143232" s="12"/>
    </row>
    <row r="143233" spans="8:8">
      <c r="H143233" s="12"/>
    </row>
    <row r="143234" spans="8:8">
      <c r="H143234" s="12"/>
    </row>
    <row r="143235" spans="8:8">
      <c r="H143235" s="12"/>
    </row>
    <row r="143236" spans="8:8">
      <c r="H143236" s="12"/>
    </row>
    <row r="143237" spans="8:8">
      <c r="H143237" s="12"/>
    </row>
    <row r="143238" spans="8:8">
      <c r="H143238" s="12"/>
    </row>
    <row r="143239" spans="8:8">
      <c r="H143239" s="12"/>
    </row>
    <row r="143240" spans="8:8">
      <c r="H143240" s="12"/>
    </row>
    <row r="143241" spans="8:8">
      <c r="H143241" s="12"/>
    </row>
    <row r="143242" spans="8:8">
      <c r="H143242" s="12"/>
    </row>
    <row r="143243" spans="8:8">
      <c r="H143243" s="12"/>
    </row>
    <row r="143244" spans="8:8">
      <c r="H143244" s="12"/>
    </row>
    <row r="143245" spans="8:8">
      <c r="H143245" s="12"/>
    </row>
    <row r="143246" spans="8:8">
      <c r="H143246" s="12"/>
    </row>
    <row r="143247" spans="8:8">
      <c r="H143247" s="12"/>
    </row>
    <row r="143248" spans="8:8">
      <c r="H143248" s="12"/>
    </row>
    <row r="143249" spans="8:8">
      <c r="H143249" s="12"/>
    </row>
    <row r="143250" spans="8:8">
      <c r="H143250" s="12"/>
    </row>
    <row r="143251" spans="8:8">
      <c r="H143251" s="12"/>
    </row>
    <row r="143252" spans="8:8">
      <c r="H143252" s="12"/>
    </row>
    <row r="143253" spans="8:8">
      <c r="H143253" s="12"/>
    </row>
    <row r="143254" spans="8:8">
      <c r="H143254" s="12"/>
    </row>
    <row r="143255" spans="8:8">
      <c r="H143255" s="12"/>
    </row>
    <row r="143256" spans="8:8">
      <c r="H143256" s="12"/>
    </row>
    <row r="143257" spans="8:8">
      <c r="H143257" s="12"/>
    </row>
    <row r="143258" spans="8:8">
      <c r="H143258" s="12"/>
    </row>
    <row r="143259" spans="8:8">
      <c r="H143259" s="12"/>
    </row>
    <row r="143260" spans="8:8">
      <c r="H143260" s="12"/>
    </row>
    <row r="143261" spans="8:8">
      <c r="H143261" s="12"/>
    </row>
    <row r="143262" spans="8:8">
      <c r="H143262" s="12"/>
    </row>
    <row r="143263" spans="8:8">
      <c r="H143263" s="12"/>
    </row>
    <row r="143264" spans="8:8">
      <c r="H143264" s="12"/>
    </row>
    <row r="143265" spans="8:8">
      <c r="H143265" s="12"/>
    </row>
    <row r="143266" spans="8:8">
      <c r="H143266" s="12"/>
    </row>
    <row r="143267" spans="8:8">
      <c r="H143267" s="12"/>
    </row>
    <row r="143268" spans="8:8">
      <c r="H143268" s="12"/>
    </row>
    <row r="143269" spans="8:8">
      <c r="H143269" s="12"/>
    </row>
    <row r="143270" spans="8:8">
      <c r="H143270" s="12"/>
    </row>
    <row r="143271" spans="8:8">
      <c r="H143271" s="12"/>
    </row>
    <row r="143272" spans="8:8">
      <c r="H143272" s="12"/>
    </row>
    <row r="143273" spans="8:8">
      <c r="H143273" s="12"/>
    </row>
    <row r="143274" spans="8:8">
      <c r="H143274" s="12"/>
    </row>
    <row r="143275" spans="8:8">
      <c r="H143275" s="12"/>
    </row>
    <row r="143276" spans="8:8">
      <c r="H143276" s="12"/>
    </row>
    <row r="143277" spans="8:8">
      <c r="H143277" s="12"/>
    </row>
    <row r="143278" spans="8:8">
      <c r="H143278" s="12"/>
    </row>
    <row r="143279" spans="8:8">
      <c r="H143279" s="12"/>
    </row>
    <row r="143280" spans="8:8">
      <c r="H143280" s="12"/>
    </row>
    <row r="143281" spans="8:8">
      <c r="H143281" s="12"/>
    </row>
    <row r="143282" spans="8:8">
      <c r="H143282" s="12"/>
    </row>
    <row r="143283" spans="8:8">
      <c r="H143283" s="12"/>
    </row>
    <row r="143284" spans="8:8">
      <c r="H143284" s="12"/>
    </row>
    <row r="143285" spans="8:8">
      <c r="H143285" s="12"/>
    </row>
    <row r="143286" spans="8:8">
      <c r="H143286" s="12"/>
    </row>
    <row r="143287" spans="8:8">
      <c r="H143287" s="12"/>
    </row>
    <row r="143288" spans="8:8">
      <c r="H143288" s="12"/>
    </row>
    <row r="143289" spans="8:8">
      <c r="H143289" s="12"/>
    </row>
    <row r="143290" spans="8:8">
      <c r="H143290" s="12"/>
    </row>
    <row r="143291" spans="8:8">
      <c r="H143291" s="12"/>
    </row>
    <row r="143292" spans="8:8">
      <c r="H143292" s="12"/>
    </row>
    <row r="143293" spans="8:8">
      <c r="H143293" s="12"/>
    </row>
    <row r="143294" spans="8:8">
      <c r="H143294" s="12"/>
    </row>
    <row r="143295" spans="8:8">
      <c r="H143295" s="12"/>
    </row>
    <row r="143296" spans="8:8">
      <c r="H143296" s="12"/>
    </row>
    <row r="143297" spans="8:8">
      <c r="H143297" s="12"/>
    </row>
    <row r="143298" spans="8:8">
      <c r="H143298" s="12"/>
    </row>
    <row r="143299" spans="8:8">
      <c r="H143299" s="12"/>
    </row>
    <row r="143300" spans="8:8">
      <c r="H143300" s="12"/>
    </row>
    <row r="143301" spans="8:8">
      <c r="H143301" s="12"/>
    </row>
    <row r="143302" spans="8:8">
      <c r="H143302" s="12"/>
    </row>
    <row r="143303" spans="8:8">
      <c r="H143303" s="12"/>
    </row>
    <row r="143304" spans="8:8">
      <c r="H143304" s="12"/>
    </row>
    <row r="143305" spans="8:8">
      <c r="H143305" s="12"/>
    </row>
    <row r="143306" spans="8:8">
      <c r="H143306" s="12"/>
    </row>
    <row r="143307" spans="8:8">
      <c r="H143307" s="12"/>
    </row>
    <row r="143308" spans="8:8">
      <c r="H143308" s="12"/>
    </row>
    <row r="143309" spans="8:8">
      <c r="H143309" s="12"/>
    </row>
    <row r="143310" spans="8:8">
      <c r="H143310" s="12"/>
    </row>
    <row r="143311" spans="8:8">
      <c r="H143311" s="12"/>
    </row>
    <row r="143312" spans="8:8">
      <c r="H143312" s="12"/>
    </row>
    <row r="143313" spans="8:8">
      <c r="H143313" s="12"/>
    </row>
    <row r="143314" spans="8:8">
      <c r="H143314" s="12"/>
    </row>
    <row r="143315" spans="8:8">
      <c r="H143315" s="12"/>
    </row>
    <row r="143316" spans="8:8">
      <c r="H143316" s="12"/>
    </row>
    <row r="143317" spans="8:8">
      <c r="H143317" s="12"/>
    </row>
    <row r="143318" spans="8:8">
      <c r="H143318" s="12"/>
    </row>
    <row r="143319" spans="8:8">
      <c r="H143319" s="12"/>
    </row>
    <row r="143320" spans="8:8">
      <c r="H143320" s="12"/>
    </row>
    <row r="143321" spans="8:8">
      <c r="H143321" s="12"/>
    </row>
    <row r="143322" spans="8:8">
      <c r="H143322" s="12"/>
    </row>
    <row r="143323" spans="8:8">
      <c r="H143323" s="12"/>
    </row>
    <row r="143324" spans="8:8">
      <c r="H143324" s="12"/>
    </row>
    <row r="143325" spans="8:8">
      <c r="H143325" s="12"/>
    </row>
    <row r="143326" spans="8:8">
      <c r="H143326" s="12"/>
    </row>
    <row r="143327" spans="8:8">
      <c r="H143327" s="12"/>
    </row>
    <row r="143328" spans="8:8">
      <c r="H143328" s="12"/>
    </row>
    <row r="143329" spans="8:8">
      <c r="H143329" s="12"/>
    </row>
    <row r="143330" spans="8:8">
      <c r="H143330" s="12"/>
    </row>
    <row r="143331" spans="8:8">
      <c r="H143331" s="12"/>
    </row>
    <row r="143332" spans="8:8">
      <c r="H143332" s="12"/>
    </row>
    <row r="143333" spans="8:8">
      <c r="H143333" s="12"/>
    </row>
    <row r="143334" spans="8:8">
      <c r="H143334" s="12"/>
    </row>
    <row r="143335" spans="8:8">
      <c r="H143335" s="12"/>
    </row>
    <row r="143336" spans="8:8">
      <c r="H143336" s="12"/>
    </row>
    <row r="143337" spans="8:8">
      <c r="H143337" s="12"/>
    </row>
    <row r="143338" spans="8:8">
      <c r="H143338" s="12"/>
    </row>
    <row r="143339" spans="8:8">
      <c r="H143339" s="12"/>
    </row>
    <row r="143340" spans="8:8">
      <c r="H143340" s="12"/>
    </row>
    <row r="143341" spans="8:8">
      <c r="H143341" s="12"/>
    </row>
    <row r="143342" spans="8:8">
      <c r="H143342" s="12"/>
    </row>
    <row r="143343" spans="8:8">
      <c r="H143343" s="12"/>
    </row>
    <row r="143344" spans="8:8">
      <c r="H143344" s="12"/>
    </row>
    <row r="143345" spans="8:8">
      <c r="H143345" s="12"/>
    </row>
    <row r="143346" spans="8:8">
      <c r="H143346" s="12"/>
    </row>
    <row r="143347" spans="8:8">
      <c r="H143347" s="12"/>
    </row>
    <row r="143348" spans="8:8">
      <c r="H143348" s="12"/>
    </row>
    <row r="143349" spans="8:8">
      <c r="H143349" s="12"/>
    </row>
    <row r="143350" spans="8:8">
      <c r="H143350" s="12"/>
    </row>
    <row r="143351" spans="8:8">
      <c r="H143351" s="12"/>
    </row>
    <row r="143352" spans="8:8">
      <c r="H143352" s="12"/>
    </row>
    <row r="143353" spans="8:8">
      <c r="H143353" s="12"/>
    </row>
    <row r="143354" spans="8:8">
      <c r="H143354" s="12"/>
    </row>
    <row r="143355" spans="8:8">
      <c r="H143355" s="12"/>
    </row>
    <row r="143356" spans="8:8">
      <c r="H143356" s="12"/>
    </row>
    <row r="143357" spans="8:8">
      <c r="H143357" s="12"/>
    </row>
    <row r="143358" spans="8:8">
      <c r="H143358" s="12"/>
    </row>
    <row r="143359" spans="8:8">
      <c r="H143359" s="12"/>
    </row>
    <row r="143360" spans="8:8">
      <c r="H143360" s="12"/>
    </row>
    <row r="143361" spans="8:8">
      <c r="H143361" s="12"/>
    </row>
    <row r="143362" spans="8:8">
      <c r="H143362" s="12"/>
    </row>
    <row r="143363" spans="8:8">
      <c r="H143363" s="12"/>
    </row>
    <row r="143364" spans="8:8">
      <c r="H143364" s="12"/>
    </row>
    <row r="143365" spans="8:8">
      <c r="H143365" s="12"/>
    </row>
    <row r="143366" spans="8:8">
      <c r="H143366" s="12"/>
    </row>
    <row r="143367" spans="8:8">
      <c r="H143367" s="12"/>
    </row>
    <row r="143368" spans="8:8">
      <c r="H143368" s="12"/>
    </row>
    <row r="143369" spans="8:8">
      <c r="H143369" s="12"/>
    </row>
    <row r="143370" spans="8:8">
      <c r="H143370" s="12"/>
    </row>
    <row r="143371" spans="8:8">
      <c r="H143371" s="12"/>
    </row>
    <row r="143372" spans="8:8">
      <c r="H143372" s="12"/>
    </row>
    <row r="143373" spans="8:8">
      <c r="H143373" s="12"/>
    </row>
    <row r="143374" spans="8:8">
      <c r="H143374" s="12"/>
    </row>
    <row r="143375" spans="8:8">
      <c r="H143375" s="12"/>
    </row>
    <row r="143376" spans="8:8">
      <c r="H143376" s="12"/>
    </row>
    <row r="143377" spans="8:8">
      <c r="H143377" s="12"/>
    </row>
    <row r="143378" spans="8:8">
      <c r="H143378" s="12"/>
    </row>
    <row r="143379" spans="8:8">
      <c r="H143379" s="12"/>
    </row>
    <row r="143380" spans="8:8">
      <c r="H143380" s="12"/>
    </row>
    <row r="143381" spans="8:8">
      <c r="H143381" s="12"/>
    </row>
    <row r="143382" spans="8:8">
      <c r="H143382" s="12"/>
    </row>
    <row r="143383" spans="8:8">
      <c r="H143383" s="12"/>
    </row>
    <row r="143384" spans="8:8">
      <c r="H143384" s="12"/>
    </row>
    <row r="143385" spans="8:8">
      <c r="H143385" s="12"/>
    </row>
    <row r="143386" spans="8:8">
      <c r="H143386" s="12"/>
    </row>
    <row r="143387" spans="8:8">
      <c r="H143387" s="12"/>
    </row>
    <row r="143388" spans="8:8">
      <c r="H143388" s="12"/>
    </row>
    <row r="143389" spans="8:8">
      <c r="H143389" s="12"/>
    </row>
    <row r="143390" spans="8:8">
      <c r="H143390" s="12"/>
    </row>
    <row r="143391" spans="8:8">
      <c r="H143391" s="12"/>
    </row>
    <row r="143392" spans="8:8">
      <c r="H143392" s="12"/>
    </row>
    <row r="143393" spans="8:8">
      <c r="H143393" s="12"/>
    </row>
    <row r="143394" spans="8:8">
      <c r="H143394" s="12"/>
    </row>
    <row r="143395" spans="8:8">
      <c r="H143395" s="12"/>
    </row>
    <row r="143396" spans="8:8">
      <c r="H143396" s="12"/>
    </row>
    <row r="143397" spans="8:8">
      <c r="H143397" s="12"/>
    </row>
    <row r="143398" spans="8:8">
      <c r="H143398" s="12"/>
    </row>
    <row r="143399" spans="8:8">
      <c r="H143399" s="12"/>
    </row>
    <row r="143400" spans="8:8">
      <c r="H143400" s="12"/>
    </row>
    <row r="143401" spans="8:8">
      <c r="H143401" s="12"/>
    </row>
    <row r="143402" spans="8:8">
      <c r="H143402" s="12"/>
    </row>
    <row r="143403" spans="8:8">
      <c r="H143403" s="12"/>
    </row>
    <row r="143404" spans="8:8">
      <c r="H143404" s="12"/>
    </row>
    <row r="143405" spans="8:8">
      <c r="H143405" s="12"/>
    </row>
    <row r="143406" spans="8:8">
      <c r="H143406" s="12"/>
    </row>
    <row r="143407" spans="8:8">
      <c r="H143407" s="12"/>
    </row>
    <row r="143408" spans="8:8">
      <c r="H143408" s="12"/>
    </row>
    <row r="143409" spans="8:8">
      <c r="H143409" s="12"/>
    </row>
    <row r="143410" spans="8:8">
      <c r="H143410" s="12"/>
    </row>
    <row r="143411" spans="8:8">
      <c r="H143411" s="12"/>
    </row>
    <row r="143412" spans="8:8">
      <c r="H143412" s="12"/>
    </row>
    <row r="143413" spans="8:8">
      <c r="H143413" s="12"/>
    </row>
    <row r="143414" spans="8:8">
      <c r="H143414" s="12"/>
    </row>
    <row r="143415" spans="8:8">
      <c r="H143415" s="12"/>
    </row>
    <row r="143416" spans="8:8">
      <c r="H143416" s="12"/>
    </row>
    <row r="143417" spans="8:8">
      <c r="H143417" s="12"/>
    </row>
    <row r="143418" spans="8:8">
      <c r="H143418" s="12"/>
    </row>
    <row r="143419" spans="8:8">
      <c r="H143419" s="12"/>
    </row>
    <row r="143420" spans="8:8">
      <c r="H143420" s="12"/>
    </row>
    <row r="143421" spans="8:8">
      <c r="H143421" s="12"/>
    </row>
    <row r="143422" spans="8:8">
      <c r="H143422" s="12"/>
    </row>
    <row r="143423" spans="8:8">
      <c r="H143423" s="12"/>
    </row>
    <row r="143424" spans="8:8">
      <c r="H143424" s="12"/>
    </row>
    <row r="143425" spans="8:8">
      <c r="H143425" s="12"/>
    </row>
    <row r="143426" spans="8:8">
      <c r="H143426" s="12"/>
    </row>
    <row r="143427" spans="8:8">
      <c r="H143427" s="12"/>
    </row>
    <row r="143428" spans="8:8">
      <c r="H143428" s="12"/>
    </row>
    <row r="143429" spans="8:8">
      <c r="H143429" s="12"/>
    </row>
    <row r="143430" spans="8:8">
      <c r="H143430" s="12"/>
    </row>
    <row r="143431" spans="8:8">
      <c r="H143431" s="12"/>
    </row>
    <row r="143432" spans="8:8">
      <c r="H143432" s="12"/>
    </row>
    <row r="143433" spans="8:8">
      <c r="H143433" s="12"/>
    </row>
    <row r="143434" spans="8:8">
      <c r="H143434" s="12"/>
    </row>
    <row r="143435" spans="8:8">
      <c r="H143435" s="12"/>
    </row>
    <row r="143436" spans="8:8">
      <c r="H143436" s="12"/>
    </row>
    <row r="143437" spans="8:8">
      <c r="H143437" s="12"/>
    </row>
    <row r="143438" spans="8:8">
      <c r="H143438" s="12"/>
    </row>
    <row r="143439" spans="8:8">
      <c r="H143439" s="12"/>
    </row>
    <row r="143440" spans="8:8">
      <c r="H143440" s="12"/>
    </row>
    <row r="143441" spans="8:8">
      <c r="H143441" s="12"/>
    </row>
    <row r="143442" spans="8:8">
      <c r="H143442" s="12"/>
    </row>
    <row r="143443" spans="8:8">
      <c r="H143443" s="12"/>
    </row>
    <row r="143444" spans="8:8">
      <c r="H143444" s="12"/>
    </row>
    <row r="143445" spans="8:8">
      <c r="H143445" s="12"/>
    </row>
    <row r="143446" spans="8:8">
      <c r="H143446" s="12"/>
    </row>
    <row r="143447" spans="8:8">
      <c r="H143447" s="12"/>
    </row>
    <row r="143448" spans="8:8">
      <c r="H143448" s="12"/>
    </row>
    <row r="143449" spans="8:8">
      <c r="H143449" s="12"/>
    </row>
    <row r="143450" spans="8:8">
      <c r="H143450" s="12"/>
    </row>
    <row r="143451" spans="8:8">
      <c r="H143451" s="12"/>
    </row>
    <row r="143452" spans="8:8">
      <c r="H143452" s="12"/>
    </row>
    <row r="143453" spans="8:8">
      <c r="H143453" s="12"/>
    </row>
    <row r="143454" spans="8:8">
      <c r="H143454" s="12"/>
    </row>
    <row r="143455" spans="8:8">
      <c r="H143455" s="12"/>
    </row>
    <row r="143456" spans="8:8">
      <c r="H143456" s="12"/>
    </row>
    <row r="143457" spans="8:8">
      <c r="H143457" s="12"/>
    </row>
    <row r="143458" spans="8:8">
      <c r="H143458" s="12"/>
    </row>
    <row r="143459" spans="8:8">
      <c r="H143459" s="12"/>
    </row>
    <row r="143460" spans="8:8">
      <c r="H143460" s="12"/>
    </row>
    <row r="143461" spans="8:8">
      <c r="H143461" s="12"/>
    </row>
    <row r="143462" spans="8:8">
      <c r="H143462" s="12"/>
    </row>
    <row r="143463" spans="8:8">
      <c r="H143463" s="12"/>
    </row>
    <row r="143464" spans="8:8">
      <c r="H143464" s="12"/>
    </row>
    <row r="143465" spans="8:8">
      <c r="H143465" s="12"/>
    </row>
    <row r="143466" spans="8:8">
      <c r="H143466" s="12"/>
    </row>
    <row r="143467" spans="8:8">
      <c r="H143467" s="12"/>
    </row>
    <row r="143468" spans="8:8">
      <c r="H143468" s="12"/>
    </row>
    <row r="143469" spans="8:8">
      <c r="H143469" s="12"/>
    </row>
    <row r="143470" spans="8:8">
      <c r="H143470" s="12"/>
    </row>
    <row r="143471" spans="8:8">
      <c r="H143471" s="12"/>
    </row>
    <row r="143472" spans="8:8">
      <c r="H143472" s="12"/>
    </row>
    <row r="143473" spans="8:8">
      <c r="H143473" s="12"/>
    </row>
    <row r="143474" spans="8:8">
      <c r="H143474" s="12"/>
    </row>
    <row r="143475" spans="8:8">
      <c r="H143475" s="12"/>
    </row>
    <row r="143476" spans="8:8">
      <c r="H143476" s="12"/>
    </row>
    <row r="143477" spans="8:8">
      <c r="H143477" s="12"/>
    </row>
    <row r="143478" spans="8:8">
      <c r="H143478" s="12"/>
    </row>
    <row r="143479" spans="8:8">
      <c r="H143479" s="12"/>
    </row>
    <row r="143480" spans="8:8">
      <c r="H143480" s="12"/>
    </row>
    <row r="143481" spans="8:8">
      <c r="H143481" s="12"/>
    </row>
    <row r="143482" spans="8:8">
      <c r="H143482" s="12"/>
    </row>
    <row r="143483" spans="8:8">
      <c r="H143483" s="12"/>
    </row>
    <row r="143484" spans="8:8">
      <c r="H143484" s="12"/>
    </row>
    <row r="143485" spans="8:8">
      <c r="H143485" s="12"/>
    </row>
    <row r="143486" spans="8:8">
      <c r="H143486" s="12"/>
    </row>
    <row r="143487" spans="8:8">
      <c r="H143487" s="12"/>
    </row>
    <row r="143488" spans="8:8">
      <c r="H143488" s="12"/>
    </row>
    <row r="143489" spans="8:8">
      <c r="H143489" s="12"/>
    </row>
    <row r="143490" spans="8:8">
      <c r="H143490" s="12"/>
    </row>
    <row r="143491" spans="8:8">
      <c r="H143491" s="12"/>
    </row>
    <row r="143492" spans="8:8">
      <c r="H143492" s="12"/>
    </row>
    <row r="143493" spans="8:8">
      <c r="H143493" s="12"/>
    </row>
    <row r="143494" spans="8:8">
      <c r="H143494" s="12"/>
    </row>
    <row r="143495" spans="8:8">
      <c r="H143495" s="12"/>
    </row>
    <row r="143496" spans="8:8">
      <c r="H143496" s="12"/>
    </row>
    <row r="143497" spans="8:8">
      <c r="H143497" s="12"/>
    </row>
    <row r="143498" spans="8:8">
      <c r="H143498" s="12"/>
    </row>
    <row r="143499" spans="8:8">
      <c r="H143499" s="12"/>
    </row>
    <row r="143500" spans="8:8">
      <c r="H143500" s="12"/>
    </row>
    <row r="143501" spans="8:8">
      <c r="H143501" s="12"/>
    </row>
    <row r="143502" spans="8:8">
      <c r="H143502" s="12"/>
    </row>
    <row r="143503" spans="8:8">
      <c r="H143503" s="12"/>
    </row>
    <row r="143504" spans="8:8">
      <c r="H143504" s="12"/>
    </row>
    <row r="143505" spans="8:8">
      <c r="H143505" s="12"/>
    </row>
    <row r="143506" spans="8:8">
      <c r="H143506" s="12"/>
    </row>
    <row r="143507" spans="8:8">
      <c r="H143507" s="12"/>
    </row>
    <row r="143508" spans="8:8">
      <c r="H143508" s="12"/>
    </row>
    <row r="143509" spans="8:8">
      <c r="H143509" s="12"/>
    </row>
    <row r="143510" spans="8:8">
      <c r="H143510" s="12"/>
    </row>
    <row r="143511" spans="8:8">
      <c r="H143511" s="12"/>
    </row>
    <row r="143512" spans="8:8">
      <c r="H143512" s="12"/>
    </row>
    <row r="143513" spans="8:8">
      <c r="H143513" s="12"/>
    </row>
    <row r="143514" spans="8:8">
      <c r="H143514" s="12"/>
    </row>
    <row r="143515" spans="8:8">
      <c r="H143515" s="12"/>
    </row>
    <row r="143516" spans="8:8">
      <c r="H143516" s="12"/>
    </row>
    <row r="143517" spans="8:8">
      <c r="H143517" s="12"/>
    </row>
    <row r="143518" spans="8:8">
      <c r="H143518" s="12"/>
    </row>
    <row r="143519" spans="8:8">
      <c r="H143519" s="12"/>
    </row>
    <row r="143520" spans="8:8">
      <c r="H143520" s="12"/>
    </row>
    <row r="143521" spans="8:8">
      <c r="H143521" s="12"/>
    </row>
    <row r="143522" spans="8:8">
      <c r="H143522" s="12"/>
    </row>
    <row r="143523" spans="8:8">
      <c r="H143523" s="12"/>
    </row>
    <row r="143524" spans="8:8">
      <c r="H143524" s="12"/>
    </row>
    <row r="143525" spans="8:8">
      <c r="H143525" s="12"/>
    </row>
    <row r="143526" spans="8:8">
      <c r="H143526" s="12"/>
    </row>
    <row r="143527" spans="8:8">
      <c r="H143527" s="12"/>
    </row>
    <row r="143528" spans="8:8">
      <c r="H143528" s="12"/>
    </row>
    <row r="143529" spans="8:8">
      <c r="H143529" s="12"/>
    </row>
    <row r="143530" spans="8:8">
      <c r="H143530" s="12"/>
    </row>
    <row r="143531" spans="8:8">
      <c r="H143531" s="12"/>
    </row>
    <row r="143532" spans="8:8">
      <c r="H143532" s="12"/>
    </row>
    <row r="143533" spans="8:8">
      <c r="H143533" s="12"/>
    </row>
    <row r="143534" spans="8:8">
      <c r="H143534" s="12"/>
    </row>
    <row r="143535" spans="8:8">
      <c r="H143535" s="12"/>
    </row>
    <row r="143536" spans="8:8">
      <c r="H143536" s="12"/>
    </row>
    <row r="143537" spans="8:8">
      <c r="H143537" s="12"/>
    </row>
    <row r="143538" spans="8:8">
      <c r="H143538" s="12"/>
    </row>
    <row r="143539" spans="8:8">
      <c r="H143539" s="12"/>
    </row>
    <row r="143540" spans="8:8">
      <c r="H143540" s="12"/>
    </row>
    <row r="143541" spans="8:8">
      <c r="H143541" s="12"/>
    </row>
    <row r="143542" spans="8:8">
      <c r="H143542" s="12"/>
    </row>
    <row r="143543" spans="8:8">
      <c r="H143543" s="12"/>
    </row>
    <row r="143544" spans="8:8">
      <c r="H143544" s="12"/>
    </row>
    <row r="143545" spans="8:8">
      <c r="H143545" s="12"/>
    </row>
    <row r="143546" spans="8:8">
      <c r="H143546" s="12"/>
    </row>
    <row r="143547" spans="8:8">
      <c r="H143547" s="12"/>
    </row>
    <row r="143548" spans="8:8">
      <c r="H143548" s="12"/>
    </row>
    <row r="143549" spans="8:8">
      <c r="H143549" s="12"/>
    </row>
    <row r="143550" spans="8:8">
      <c r="H143550" s="12"/>
    </row>
    <row r="143551" spans="8:8">
      <c r="H143551" s="12"/>
    </row>
    <row r="143552" spans="8:8">
      <c r="H143552" s="12"/>
    </row>
    <row r="143553" spans="8:8">
      <c r="H143553" s="12"/>
    </row>
    <row r="143554" spans="8:8">
      <c r="H143554" s="12"/>
    </row>
    <row r="143555" spans="8:8">
      <c r="H143555" s="12"/>
    </row>
    <row r="143556" spans="8:8">
      <c r="H143556" s="12"/>
    </row>
    <row r="143557" spans="8:8">
      <c r="H143557" s="12"/>
    </row>
    <row r="143558" spans="8:8">
      <c r="H143558" s="12"/>
    </row>
    <row r="143559" spans="8:8">
      <c r="H143559" s="12"/>
    </row>
    <row r="143560" spans="8:8">
      <c r="H143560" s="12"/>
    </row>
    <row r="143561" spans="8:8">
      <c r="H143561" s="12"/>
    </row>
    <row r="143562" spans="8:8">
      <c r="H143562" s="12"/>
    </row>
    <row r="143563" spans="8:8">
      <c r="H143563" s="12"/>
    </row>
    <row r="143564" spans="8:8">
      <c r="H143564" s="12"/>
    </row>
    <row r="143565" spans="8:8">
      <c r="H143565" s="12"/>
    </row>
    <row r="143566" spans="8:8">
      <c r="H143566" s="12"/>
    </row>
    <row r="143567" spans="8:8">
      <c r="H143567" s="12"/>
    </row>
    <row r="143568" spans="8:8">
      <c r="H143568" s="12"/>
    </row>
    <row r="143569" spans="8:8">
      <c r="H143569" s="12"/>
    </row>
    <row r="143570" spans="8:8">
      <c r="H143570" s="12"/>
    </row>
    <row r="143571" spans="8:8">
      <c r="H143571" s="12"/>
    </row>
    <row r="143572" spans="8:8">
      <c r="H143572" s="12"/>
    </row>
    <row r="143573" spans="8:8">
      <c r="H143573" s="12"/>
    </row>
    <row r="143574" spans="8:8">
      <c r="H143574" s="12"/>
    </row>
    <row r="143575" spans="8:8">
      <c r="H143575" s="12"/>
    </row>
    <row r="143576" spans="8:8">
      <c r="H143576" s="12"/>
    </row>
    <row r="143577" spans="8:8">
      <c r="H143577" s="12"/>
    </row>
    <row r="143578" spans="8:8">
      <c r="H143578" s="12"/>
    </row>
    <row r="143579" spans="8:8">
      <c r="H143579" s="12"/>
    </row>
    <row r="143580" spans="8:8">
      <c r="H143580" s="12"/>
    </row>
    <row r="143581" spans="8:8">
      <c r="H143581" s="12"/>
    </row>
    <row r="143582" spans="8:8">
      <c r="H143582" s="12"/>
    </row>
    <row r="143583" spans="8:8">
      <c r="H143583" s="12"/>
    </row>
    <row r="143584" spans="8:8">
      <c r="H143584" s="12"/>
    </row>
    <row r="143585" spans="8:8">
      <c r="H143585" s="12"/>
    </row>
    <row r="143586" spans="8:8">
      <c r="H143586" s="12"/>
    </row>
    <row r="143587" spans="8:8">
      <c r="H143587" s="12"/>
    </row>
    <row r="143588" spans="8:8">
      <c r="H143588" s="12"/>
    </row>
    <row r="143589" spans="8:8">
      <c r="H143589" s="12"/>
    </row>
    <row r="143590" spans="8:8">
      <c r="H143590" s="12"/>
    </row>
    <row r="143591" spans="8:8">
      <c r="H143591" s="12"/>
    </row>
    <row r="143592" spans="8:8">
      <c r="H143592" s="12"/>
    </row>
    <row r="143593" spans="8:8">
      <c r="H143593" s="12"/>
    </row>
    <row r="143594" spans="8:8">
      <c r="H143594" s="12"/>
    </row>
    <row r="143595" spans="8:8">
      <c r="H143595" s="12"/>
    </row>
    <row r="143596" spans="8:8">
      <c r="H143596" s="12"/>
    </row>
    <row r="143597" spans="8:8">
      <c r="H143597" s="12"/>
    </row>
    <row r="143598" spans="8:8">
      <c r="H143598" s="12"/>
    </row>
    <row r="143599" spans="8:8">
      <c r="H143599" s="12"/>
    </row>
    <row r="143600" spans="8:8">
      <c r="H143600" s="12"/>
    </row>
    <row r="143601" spans="8:8">
      <c r="H143601" s="12"/>
    </row>
    <row r="143602" spans="8:8">
      <c r="H143602" s="12"/>
    </row>
    <row r="143603" spans="8:8">
      <c r="H143603" s="12"/>
    </row>
    <row r="143604" spans="8:8">
      <c r="H143604" s="12"/>
    </row>
    <row r="143605" spans="8:8">
      <c r="H143605" s="12"/>
    </row>
    <row r="143606" spans="8:8">
      <c r="H143606" s="12"/>
    </row>
    <row r="143607" spans="8:8">
      <c r="H143607" s="12"/>
    </row>
    <row r="143608" spans="8:8">
      <c r="H143608" s="12"/>
    </row>
    <row r="143609" spans="8:8">
      <c r="H143609" s="12"/>
    </row>
    <row r="143610" spans="8:8">
      <c r="H143610" s="12"/>
    </row>
    <row r="143611" spans="8:8">
      <c r="H143611" s="12"/>
    </row>
    <row r="143612" spans="8:8">
      <c r="H143612" s="12"/>
    </row>
    <row r="143613" spans="8:8">
      <c r="H143613" s="12"/>
    </row>
    <row r="143614" spans="8:8">
      <c r="H143614" s="12"/>
    </row>
    <row r="143615" spans="8:8">
      <c r="H143615" s="12"/>
    </row>
    <row r="143616" spans="8:8">
      <c r="H143616" s="12"/>
    </row>
    <row r="143617" spans="8:8">
      <c r="H143617" s="12"/>
    </row>
    <row r="143618" spans="8:8">
      <c r="H143618" s="12"/>
    </row>
    <row r="143619" spans="8:8">
      <c r="H143619" s="12"/>
    </row>
    <row r="143620" spans="8:8">
      <c r="H143620" s="12"/>
    </row>
    <row r="143621" spans="8:8">
      <c r="H143621" s="12"/>
    </row>
    <row r="143622" spans="8:8">
      <c r="H143622" s="12"/>
    </row>
    <row r="143623" spans="8:8">
      <c r="H143623" s="12"/>
    </row>
    <row r="143624" spans="8:8">
      <c r="H143624" s="12"/>
    </row>
    <row r="143625" spans="8:8">
      <c r="H143625" s="12"/>
    </row>
    <row r="143626" spans="8:8">
      <c r="H143626" s="12"/>
    </row>
    <row r="143627" spans="8:8">
      <c r="H143627" s="12"/>
    </row>
    <row r="143628" spans="8:8">
      <c r="H143628" s="12"/>
    </row>
    <row r="143629" spans="8:8">
      <c r="H143629" s="12"/>
    </row>
    <row r="143630" spans="8:8">
      <c r="H143630" s="12"/>
    </row>
    <row r="143631" spans="8:8">
      <c r="H143631" s="12"/>
    </row>
    <row r="143632" spans="8:8">
      <c r="H143632" s="12"/>
    </row>
    <row r="143633" spans="8:8">
      <c r="H143633" s="12"/>
    </row>
    <row r="143634" spans="8:8">
      <c r="H143634" s="12"/>
    </row>
    <row r="143635" spans="8:8">
      <c r="H143635" s="12"/>
    </row>
    <row r="143636" spans="8:8">
      <c r="H143636" s="12"/>
    </row>
    <row r="143637" spans="8:8">
      <c r="H143637" s="12"/>
    </row>
    <row r="143638" spans="8:8">
      <c r="H143638" s="12"/>
    </row>
    <row r="143639" spans="8:8">
      <c r="H143639" s="12"/>
    </row>
    <row r="143640" spans="8:8">
      <c r="H143640" s="12"/>
    </row>
    <row r="143641" spans="8:8">
      <c r="H143641" s="12"/>
    </row>
    <row r="143642" spans="8:8">
      <c r="H143642" s="12"/>
    </row>
    <row r="143643" spans="8:8">
      <c r="H143643" s="12"/>
    </row>
    <row r="143644" spans="8:8">
      <c r="H143644" s="12"/>
    </row>
    <row r="143645" spans="8:8">
      <c r="H143645" s="12"/>
    </row>
    <row r="143646" spans="8:8">
      <c r="H143646" s="12"/>
    </row>
    <row r="143647" spans="8:8">
      <c r="H143647" s="12"/>
    </row>
    <row r="143648" spans="8:8">
      <c r="H143648" s="12"/>
    </row>
    <row r="143649" spans="8:8">
      <c r="H143649" s="12"/>
    </row>
    <row r="143650" spans="8:8">
      <c r="H143650" s="12"/>
    </row>
    <row r="143651" spans="8:8">
      <c r="H143651" s="12"/>
    </row>
    <row r="143652" spans="8:8">
      <c r="H143652" s="12"/>
    </row>
    <row r="143653" spans="8:8">
      <c r="H143653" s="12"/>
    </row>
    <row r="143654" spans="8:8">
      <c r="H143654" s="12"/>
    </row>
    <row r="143655" spans="8:8">
      <c r="H143655" s="12"/>
    </row>
    <row r="143656" spans="8:8">
      <c r="H143656" s="12"/>
    </row>
    <row r="143657" spans="8:8">
      <c r="H143657" s="12"/>
    </row>
    <row r="143658" spans="8:8">
      <c r="H143658" s="12"/>
    </row>
    <row r="143659" spans="8:8">
      <c r="H143659" s="12"/>
    </row>
    <row r="143660" spans="8:8">
      <c r="H143660" s="12"/>
    </row>
    <row r="143661" spans="8:8">
      <c r="H143661" s="12"/>
    </row>
    <row r="143662" spans="8:8">
      <c r="H143662" s="12"/>
    </row>
    <row r="143663" spans="8:8">
      <c r="H143663" s="12"/>
    </row>
    <row r="143664" spans="8:8">
      <c r="H143664" s="12"/>
    </row>
    <row r="143665" spans="8:8">
      <c r="H143665" s="12"/>
    </row>
    <row r="143666" spans="8:8">
      <c r="H143666" s="12"/>
    </row>
    <row r="143667" spans="8:8">
      <c r="H143667" s="12"/>
    </row>
    <row r="143668" spans="8:8">
      <c r="H143668" s="12"/>
    </row>
    <row r="143669" spans="8:8">
      <c r="H143669" s="12"/>
    </row>
    <row r="143670" spans="8:8">
      <c r="H143670" s="12"/>
    </row>
    <row r="143671" spans="8:8">
      <c r="H143671" s="12"/>
    </row>
    <row r="143672" spans="8:8">
      <c r="H143672" s="12"/>
    </row>
    <row r="143673" spans="8:8">
      <c r="H143673" s="12"/>
    </row>
    <row r="143674" spans="8:8">
      <c r="H143674" s="12"/>
    </row>
    <row r="143675" spans="8:8">
      <c r="H143675" s="12"/>
    </row>
    <row r="143676" spans="8:8">
      <c r="H143676" s="12"/>
    </row>
    <row r="143677" spans="8:8">
      <c r="H143677" s="12"/>
    </row>
    <row r="143678" spans="8:8">
      <c r="H143678" s="12"/>
    </row>
    <row r="143679" spans="8:8">
      <c r="H143679" s="12"/>
    </row>
    <row r="143680" spans="8:8">
      <c r="H143680" s="12"/>
    </row>
    <row r="143681" spans="8:8">
      <c r="H143681" s="12"/>
    </row>
    <row r="143682" spans="8:8">
      <c r="H143682" s="12"/>
    </row>
    <row r="143683" spans="8:8">
      <c r="H143683" s="12"/>
    </row>
    <row r="143684" spans="8:8">
      <c r="H143684" s="12"/>
    </row>
    <row r="143685" spans="8:8">
      <c r="H143685" s="12"/>
    </row>
    <row r="143686" spans="8:8">
      <c r="H143686" s="12"/>
    </row>
    <row r="143687" spans="8:8">
      <c r="H143687" s="12"/>
    </row>
    <row r="143688" spans="8:8">
      <c r="H143688" s="12"/>
    </row>
    <row r="143689" spans="8:8">
      <c r="H143689" s="12"/>
    </row>
    <row r="143690" spans="8:8">
      <c r="H143690" s="12"/>
    </row>
    <row r="143691" spans="8:8">
      <c r="H143691" s="12"/>
    </row>
    <row r="143692" spans="8:8">
      <c r="H143692" s="12"/>
    </row>
    <row r="143693" spans="8:8">
      <c r="H143693" s="12"/>
    </row>
    <row r="143694" spans="8:8">
      <c r="H143694" s="12"/>
    </row>
    <row r="143695" spans="8:8">
      <c r="H143695" s="12"/>
    </row>
    <row r="143696" spans="8:8">
      <c r="H143696" s="12"/>
    </row>
    <row r="143697" spans="8:8">
      <c r="H143697" s="12"/>
    </row>
    <row r="143698" spans="8:8">
      <c r="H143698" s="12"/>
    </row>
    <row r="143699" spans="8:8">
      <c r="H143699" s="12"/>
    </row>
    <row r="143700" spans="8:8">
      <c r="H143700" s="12"/>
    </row>
    <row r="143701" spans="8:8">
      <c r="H143701" s="12"/>
    </row>
    <row r="143702" spans="8:8">
      <c r="H143702" s="12"/>
    </row>
    <row r="143703" spans="8:8">
      <c r="H143703" s="12"/>
    </row>
    <row r="143704" spans="8:8">
      <c r="H143704" s="12"/>
    </row>
    <row r="143705" spans="8:8">
      <c r="H143705" s="12"/>
    </row>
    <row r="143706" spans="8:8">
      <c r="H143706" s="12"/>
    </row>
    <row r="143707" spans="8:8">
      <c r="H143707" s="12"/>
    </row>
    <row r="143708" spans="8:8">
      <c r="H143708" s="12"/>
    </row>
    <row r="143709" spans="8:8">
      <c r="H143709" s="12"/>
    </row>
    <row r="143710" spans="8:8">
      <c r="H143710" s="12"/>
    </row>
    <row r="143711" spans="8:8">
      <c r="H143711" s="12"/>
    </row>
    <row r="143712" spans="8:8">
      <c r="H143712" s="12"/>
    </row>
    <row r="143713" spans="8:8">
      <c r="H143713" s="12"/>
    </row>
    <row r="143714" spans="8:8">
      <c r="H143714" s="12"/>
    </row>
    <row r="143715" spans="8:8">
      <c r="H143715" s="12"/>
    </row>
    <row r="143716" spans="8:8">
      <c r="H143716" s="12"/>
    </row>
    <row r="143717" spans="8:8">
      <c r="H143717" s="12"/>
    </row>
    <row r="143718" spans="8:8">
      <c r="H143718" s="12"/>
    </row>
    <row r="143719" spans="8:8">
      <c r="H143719" s="12"/>
    </row>
    <row r="143720" spans="8:8">
      <c r="H143720" s="12"/>
    </row>
    <row r="143721" spans="8:8">
      <c r="H143721" s="12"/>
    </row>
    <row r="143722" spans="8:8">
      <c r="H143722" s="12"/>
    </row>
    <row r="143723" spans="8:8">
      <c r="H143723" s="12"/>
    </row>
    <row r="143724" spans="8:8">
      <c r="H143724" s="12"/>
    </row>
    <row r="143725" spans="8:8">
      <c r="H143725" s="12"/>
    </row>
    <row r="143726" spans="8:8">
      <c r="H143726" s="12"/>
    </row>
    <row r="143727" spans="8:8">
      <c r="H143727" s="12"/>
    </row>
    <row r="143728" spans="8:8">
      <c r="H143728" s="12"/>
    </row>
    <row r="143729" spans="8:8">
      <c r="H143729" s="12"/>
    </row>
    <row r="143730" spans="8:8">
      <c r="H143730" s="12"/>
    </row>
    <row r="143731" spans="8:8">
      <c r="H143731" s="12"/>
    </row>
    <row r="143732" spans="8:8">
      <c r="H143732" s="12"/>
    </row>
    <row r="143733" spans="8:8">
      <c r="H143733" s="12"/>
    </row>
    <row r="143734" spans="8:8">
      <c r="H143734" s="12"/>
    </row>
    <row r="143735" spans="8:8">
      <c r="H143735" s="12"/>
    </row>
    <row r="143736" spans="8:8">
      <c r="H143736" s="12"/>
    </row>
    <row r="143737" spans="8:8">
      <c r="H143737" s="12"/>
    </row>
    <row r="143738" spans="8:8">
      <c r="H143738" s="12"/>
    </row>
    <row r="143739" spans="8:8">
      <c r="H143739" s="12"/>
    </row>
    <row r="143740" spans="8:8">
      <c r="H143740" s="12"/>
    </row>
    <row r="143741" spans="8:8">
      <c r="H143741" s="12"/>
    </row>
    <row r="143742" spans="8:8">
      <c r="H143742" s="12"/>
    </row>
    <row r="143743" spans="8:8">
      <c r="H143743" s="12"/>
    </row>
    <row r="143744" spans="8:8">
      <c r="H143744" s="12"/>
    </row>
    <row r="143745" spans="8:8">
      <c r="H143745" s="12"/>
    </row>
    <row r="143746" spans="8:8">
      <c r="H143746" s="12"/>
    </row>
    <row r="143747" spans="8:8">
      <c r="H143747" s="12"/>
    </row>
    <row r="143748" spans="8:8">
      <c r="H143748" s="12"/>
    </row>
    <row r="143749" spans="8:8">
      <c r="H143749" s="12"/>
    </row>
    <row r="143750" spans="8:8">
      <c r="H143750" s="12"/>
    </row>
    <row r="143751" spans="8:8">
      <c r="H143751" s="12"/>
    </row>
    <row r="143752" spans="8:8">
      <c r="H143752" s="12"/>
    </row>
    <row r="143753" spans="8:8">
      <c r="H143753" s="12"/>
    </row>
    <row r="143754" spans="8:8">
      <c r="H143754" s="12"/>
    </row>
    <row r="143755" spans="8:8">
      <c r="H143755" s="12"/>
    </row>
    <row r="143756" spans="8:8">
      <c r="H143756" s="12"/>
    </row>
    <row r="143757" spans="8:8">
      <c r="H143757" s="12"/>
    </row>
    <row r="143758" spans="8:8">
      <c r="H143758" s="12"/>
    </row>
    <row r="143759" spans="8:8">
      <c r="H143759" s="12"/>
    </row>
    <row r="143760" spans="8:8">
      <c r="H143760" s="12"/>
    </row>
    <row r="143761" spans="8:8">
      <c r="H143761" s="12"/>
    </row>
    <row r="143762" spans="8:8">
      <c r="H143762" s="12"/>
    </row>
    <row r="143763" spans="8:8">
      <c r="H143763" s="12"/>
    </row>
    <row r="143764" spans="8:8">
      <c r="H143764" s="12"/>
    </row>
    <row r="143765" spans="8:8">
      <c r="H143765" s="12"/>
    </row>
    <row r="143766" spans="8:8">
      <c r="H143766" s="12"/>
    </row>
    <row r="143767" spans="8:8">
      <c r="H143767" s="12"/>
    </row>
    <row r="143768" spans="8:8">
      <c r="H143768" s="12"/>
    </row>
    <row r="143769" spans="8:8">
      <c r="H143769" s="12"/>
    </row>
    <row r="143770" spans="8:8">
      <c r="H143770" s="12"/>
    </row>
    <row r="143771" spans="8:8">
      <c r="H143771" s="12"/>
    </row>
    <row r="143772" spans="8:8">
      <c r="H143772" s="12"/>
    </row>
    <row r="143773" spans="8:8">
      <c r="H143773" s="12"/>
    </row>
    <row r="143774" spans="8:8">
      <c r="H143774" s="12"/>
    </row>
    <row r="143775" spans="8:8">
      <c r="H143775" s="12"/>
    </row>
    <row r="143776" spans="8:8">
      <c r="H143776" s="12"/>
    </row>
    <row r="143777" spans="8:8">
      <c r="H143777" s="12"/>
    </row>
    <row r="143778" spans="8:8">
      <c r="H143778" s="12"/>
    </row>
    <row r="143779" spans="8:8">
      <c r="H143779" s="12"/>
    </row>
    <row r="143780" spans="8:8">
      <c r="H143780" s="12"/>
    </row>
    <row r="143781" spans="8:8">
      <c r="H143781" s="12"/>
    </row>
    <row r="143782" spans="8:8">
      <c r="H143782" s="12"/>
    </row>
    <row r="143783" spans="8:8">
      <c r="H143783" s="12"/>
    </row>
    <row r="143784" spans="8:8">
      <c r="H143784" s="12"/>
    </row>
    <row r="143785" spans="8:8">
      <c r="H143785" s="12"/>
    </row>
    <row r="143786" spans="8:8">
      <c r="H143786" s="12"/>
    </row>
    <row r="143787" spans="8:8">
      <c r="H143787" s="12"/>
    </row>
    <row r="143788" spans="8:8">
      <c r="H143788" s="12"/>
    </row>
    <row r="143789" spans="8:8">
      <c r="H143789" s="12"/>
    </row>
    <row r="143790" spans="8:8">
      <c r="H143790" s="12"/>
    </row>
    <row r="143791" spans="8:8">
      <c r="H143791" s="12"/>
    </row>
    <row r="143792" spans="8:8">
      <c r="H143792" s="12"/>
    </row>
    <row r="143793" spans="8:8">
      <c r="H143793" s="12"/>
    </row>
    <row r="143794" spans="8:8">
      <c r="H143794" s="12"/>
    </row>
    <row r="143795" spans="8:8">
      <c r="H143795" s="12"/>
    </row>
    <row r="143796" spans="8:8">
      <c r="H143796" s="12"/>
    </row>
    <row r="143797" spans="8:8">
      <c r="H143797" s="12"/>
    </row>
    <row r="143798" spans="8:8">
      <c r="H143798" s="12"/>
    </row>
    <row r="143799" spans="8:8">
      <c r="H143799" s="12"/>
    </row>
    <row r="143800" spans="8:8">
      <c r="H143800" s="12"/>
    </row>
    <row r="143801" spans="8:8">
      <c r="H143801" s="12"/>
    </row>
    <row r="143802" spans="8:8">
      <c r="H143802" s="12"/>
    </row>
    <row r="143803" spans="8:8">
      <c r="H143803" s="12"/>
    </row>
    <row r="143804" spans="8:8">
      <c r="H143804" s="12"/>
    </row>
    <row r="143805" spans="8:8">
      <c r="H143805" s="12"/>
    </row>
    <row r="143806" spans="8:8">
      <c r="H143806" s="12"/>
    </row>
    <row r="143807" spans="8:8">
      <c r="H143807" s="12"/>
    </row>
    <row r="143808" spans="8:8">
      <c r="H143808" s="12"/>
    </row>
    <row r="143809" spans="8:8">
      <c r="H143809" s="12"/>
    </row>
    <row r="143810" spans="8:8">
      <c r="H143810" s="12"/>
    </row>
    <row r="143811" spans="8:8">
      <c r="H143811" s="12"/>
    </row>
    <row r="143812" spans="8:8">
      <c r="H143812" s="12"/>
    </row>
    <row r="143813" spans="8:8">
      <c r="H143813" s="12"/>
    </row>
    <row r="143814" spans="8:8">
      <c r="H143814" s="12"/>
    </row>
    <row r="143815" spans="8:8">
      <c r="H143815" s="12"/>
    </row>
    <row r="143816" spans="8:8">
      <c r="H143816" s="12"/>
    </row>
    <row r="143817" spans="8:8">
      <c r="H143817" s="12"/>
    </row>
    <row r="143818" spans="8:8">
      <c r="H143818" s="12"/>
    </row>
    <row r="143819" spans="8:8">
      <c r="H143819" s="12"/>
    </row>
    <row r="143820" spans="8:8">
      <c r="H143820" s="12"/>
    </row>
    <row r="143821" spans="8:8">
      <c r="H143821" s="12"/>
    </row>
    <row r="143822" spans="8:8">
      <c r="H143822" s="12"/>
    </row>
    <row r="143823" spans="8:8">
      <c r="H143823" s="12"/>
    </row>
    <row r="143824" spans="8:8">
      <c r="H143824" s="12"/>
    </row>
    <row r="143825" spans="8:8">
      <c r="H143825" s="12"/>
    </row>
    <row r="143826" spans="8:8">
      <c r="H143826" s="12"/>
    </row>
    <row r="143827" spans="8:8">
      <c r="H143827" s="12"/>
    </row>
    <row r="143828" spans="8:8">
      <c r="H143828" s="12"/>
    </row>
    <row r="143829" spans="8:8">
      <c r="H143829" s="12"/>
    </row>
    <row r="143830" spans="8:8">
      <c r="H143830" s="12"/>
    </row>
    <row r="143831" spans="8:8">
      <c r="H143831" s="12"/>
    </row>
    <row r="143832" spans="8:8">
      <c r="H143832" s="12"/>
    </row>
    <row r="143833" spans="8:8">
      <c r="H143833" s="12"/>
    </row>
    <row r="143834" spans="8:8">
      <c r="H143834" s="12"/>
    </row>
    <row r="143835" spans="8:8">
      <c r="H143835" s="12"/>
    </row>
    <row r="143836" spans="8:8">
      <c r="H143836" s="12"/>
    </row>
    <row r="143837" spans="8:8">
      <c r="H143837" s="12"/>
    </row>
    <row r="143838" spans="8:8">
      <c r="H143838" s="12"/>
    </row>
    <row r="143839" spans="8:8">
      <c r="H143839" s="12"/>
    </row>
    <row r="143840" spans="8:8">
      <c r="H143840" s="12"/>
    </row>
    <row r="143841" spans="8:8">
      <c r="H143841" s="12"/>
    </row>
    <row r="143842" spans="8:8">
      <c r="H143842" s="12"/>
    </row>
    <row r="143843" spans="8:8">
      <c r="H143843" s="12"/>
    </row>
    <row r="143844" spans="8:8">
      <c r="H143844" s="12"/>
    </row>
    <row r="143845" spans="8:8">
      <c r="H143845" s="12"/>
    </row>
    <row r="143846" spans="8:8">
      <c r="H143846" s="12"/>
    </row>
    <row r="143847" spans="8:8">
      <c r="H143847" s="12"/>
    </row>
    <row r="143848" spans="8:8">
      <c r="H143848" s="12"/>
    </row>
    <row r="143849" spans="8:8">
      <c r="H143849" s="12"/>
    </row>
    <row r="143850" spans="8:8">
      <c r="H143850" s="12"/>
    </row>
    <row r="143851" spans="8:8">
      <c r="H143851" s="12"/>
    </row>
    <row r="143852" spans="8:8">
      <c r="H143852" s="12"/>
    </row>
    <row r="143853" spans="8:8">
      <c r="H143853" s="12"/>
    </row>
    <row r="143854" spans="8:8">
      <c r="H143854" s="12"/>
    </row>
    <row r="143855" spans="8:8">
      <c r="H143855" s="12"/>
    </row>
    <row r="143856" spans="8:8">
      <c r="H143856" s="12"/>
    </row>
    <row r="143857" spans="8:8">
      <c r="H143857" s="12"/>
    </row>
    <row r="143858" spans="8:8">
      <c r="H143858" s="12"/>
    </row>
    <row r="143859" spans="8:8">
      <c r="H143859" s="12"/>
    </row>
    <row r="143860" spans="8:8">
      <c r="H143860" s="12"/>
    </row>
    <row r="143861" spans="8:8">
      <c r="H143861" s="12"/>
    </row>
    <row r="143862" spans="8:8">
      <c r="H143862" s="12"/>
    </row>
    <row r="143863" spans="8:8">
      <c r="H143863" s="12"/>
    </row>
    <row r="143864" spans="8:8">
      <c r="H143864" s="12"/>
    </row>
    <row r="143865" spans="8:8">
      <c r="H143865" s="12"/>
    </row>
    <row r="143866" spans="8:8">
      <c r="H143866" s="12"/>
    </row>
    <row r="143867" spans="8:8">
      <c r="H143867" s="12"/>
    </row>
    <row r="143868" spans="8:8">
      <c r="H143868" s="12"/>
    </row>
    <row r="143869" spans="8:8">
      <c r="H143869" s="12"/>
    </row>
    <row r="143870" spans="8:8">
      <c r="H143870" s="12"/>
    </row>
    <row r="143871" spans="8:8">
      <c r="H143871" s="12"/>
    </row>
    <row r="143872" spans="8:8">
      <c r="H143872" s="12"/>
    </row>
    <row r="143873" spans="8:8">
      <c r="H143873" s="12"/>
    </row>
    <row r="143874" spans="8:8">
      <c r="H143874" s="12"/>
    </row>
    <row r="143875" spans="8:8">
      <c r="H143875" s="12"/>
    </row>
    <row r="143876" spans="8:8">
      <c r="H143876" s="12"/>
    </row>
    <row r="143877" spans="8:8">
      <c r="H143877" s="12"/>
    </row>
    <row r="143878" spans="8:8">
      <c r="H143878" s="12"/>
    </row>
    <row r="143879" spans="8:8">
      <c r="H143879" s="12"/>
    </row>
    <row r="143880" spans="8:8">
      <c r="H143880" s="12"/>
    </row>
    <row r="143881" spans="8:8">
      <c r="H143881" s="12"/>
    </row>
    <row r="143882" spans="8:8">
      <c r="H143882" s="12"/>
    </row>
    <row r="143883" spans="8:8">
      <c r="H143883" s="12"/>
    </row>
    <row r="143884" spans="8:8">
      <c r="H143884" s="12"/>
    </row>
    <row r="143885" spans="8:8">
      <c r="H143885" s="12"/>
    </row>
    <row r="143886" spans="8:8">
      <c r="H143886" s="12"/>
    </row>
    <row r="143887" spans="8:8">
      <c r="H143887" s="12"/>
    </row>
    <row r="143888" spans="8:8">
      <c r="H143888" s="12"/>
    </row>
    <row r="143889" spans="8:8">
      <c r="H143889" s="12"/>
    </row>
    <row r="143890" spans="8:8">
      <c r="H143890" s="12"/>
    </row>
    <row r="143891" spans="8:8">
      <c r="H143891" s="12"/>
    </row>
    <row r="143892" spans="8:8">
      <c r="H143892" s="12"/>
    </row>
    <row r="143893" spans="8:8">
      <c r="H143893" s="12"/>
    </row>
    <row r="143894" spans="8:8">
      <c r="H143894" s="12"/>
    </row>
    <row r="143895" spans="8:8">
      <c r="H143895" s="12"/>
    </row>
    <row r="143896" spans="8:8">
      <c r="H143896" s="12"/>
    </row>
    <row r="143897" spans="8:8">
      <c r="H143897" s="12"/>
    </row>
    <row r="143898" spans="8:8">
      <c r="H143898" s="12"/>
    </row>
    <row r="143899" spans="8:8">
      <c r="H143899" s="12"/>
    </row>
    <row r="143900" spans="8:8">
      <c r="H143900" s="12"/>
    </row>
    <row r="143901" spans="8:8">
      <c r="H143901" s="12"/>
    </row>
    <row r="143902" spans="8:8">
      <c r="H143902" s="12"/>
    </row>
    <row r="143903" spans="8:8">
      <c r="H143903" s="12"/>
    </row>
    <row r="143904" spans="8:8">
      <c r="H143904" s="12"/>
    </row>
    <row r="143905" spans="8:8">
      <c r="H143905" s="12"/>
    </row>
    <row r="143906" spans="8:8">
      <c r="H143906" s="12"/>
    </row>
    <row r="143907" spans="8:8">
      <c r="H143907" s="12"/>
    </row>
    <row r="143908" spans="8:8">
      <c r="H143908" s="12"/>
    </row>
    <row r="143909" spans="8:8">
      <c r="H143909" s="12"/>
    </row>
    <row r="143910" spans="8:8">
      <c r="H143910" s="12"/>
    </row>
    <row r="143911" spans="8:8">
      <c r="H143911" s="12"/>
    </row>
    <row r="143912" spans="8:8">
      <c r="H143912" s="12"/>
    </row>
    <row r="143913" spans="8:8">
      <c r="H143913" s="12"/>
    </row>
    <row r="143914" spans="8:8">
      <c r="H143914" s="12"/>
    </row>
    <row r="143915" spans="8:8">
      <c r="H143915" s="12"/>
    </row>
    <row r="143916" spans="8:8">
      <c r="H143916" s="12"/>
    </row>
    <row r="143917" spans="8:8">
      <c r="H143917" s="12"/>
    </row>
    <row r="143918" spans="8:8">
      <c r="H143918" s="12"/>
    </row>
    <row r="143919" spans="8:8">
      <c r="H143919" s="12"/>
    </row>
    <row r="143920" spans="8:8">
      <c r="H143920" s="12"/>
    </row>
    <row r="143921" spans="8:8">
      <c r="H143921" s="12"/>
    </row>
    <row r="143922" spans="8:8">
      <c r="H143922" s="12"/>
    </row>
    <row r="143923" spans="8:8">
      <c r="H143923" s="12"/>
    </row>
    <row r="143924" spans="8:8">
      <c r="H143924" s="12"/>
    </row>
    <row r="143925" spans="8:8">
      <c r="H143925" s="12"/>
    </row>
    <row r="143926" spans="8:8">
      <c r="H143926" s="12"/>
    </row>
    <row r="143927" spans="8:8">
      <c r="H143927" s="12"/>
    </row>
    <row r="143928" spans="8:8">
      <c r="H143928" s="12"/>
    </row>
    <row r="143929" spans="8:8">
      <c r="H143929" s="12"/>
    </row>
    <row r="143930" spans="8:8">
      <c r="H143930" s="12"/>
    </row>
    <row r="143931" spans="8:8">
      <c r="H143931" s="12"/>
    </row>
    <row r="143932" spans="8:8">
      <c r="H143932" s="12"/>
    </row>
    <row r="143933" spans="8:8">
      <c r="H143933" s="12"/>
    </row>
    <row r="143934" spans="8:8">
      <c r="H143934" s="12"/>
    </row>
    <row r="143935" spans="8:8">
      <c r="H143935" s="12"/>
    </row>
    <row r="143936" spans="8:8">
      <c r="H143936" s="12"/>
    </row>
    <row r="143937" spans="8:8">
      <c r="H143937" s="12"/>
    </row>
    <row r="143938" spans="8:8">
      <c r="H143938" s="12"/>
    </row>
    <row r="143939" spans="8:8">
      <c r="H143939" s="12"/>
    </row>
    <row r="143940" spans="8:8">
      <c r="H143940" s="12"/>
    </row>
    <row r="143941" spans="8:8">
      <c r="H143941" s="12"/>
    </row>
    <row r="143942" spans="8:8">
      <c r="H143942" s="12"/>
    </row>
    <row r="143943" spans="8:8">
      <c r="H143943" s="12"/>
    </row>
    <row r="143944" spans="8:8">
      <c r="H143944" s="12"/>
    </row>
    <row r="143945" spans="8:8">
      <c r="H143945" s="12"/>
    </row>
    <row r="143946" spans="8:8">
      <c r="H143946" s="12"/>
    </row>
    <row r="143947" spans="8:8">
      <c r="H143947" s="12"/>
    </row>
    <row r="143948" spans="8:8">
      <c r="H143948" s="12"/>
    </row>
    <row r="143949" spans="8:8">
      <c r="H143949" s="12"/>
    </row>
    <row r="143950" spans="8:8">
      <c r="H143950" s="12"/>
    </row>
    <row r="143951" spans="8:8">
      <c r="H143951" s="12"/>
    </row>
    <row r="143952" spans="8:8">
      <c r="H143952" s="12"/>
    </row>
    <row r="143953" spans="8:8">
      <c r="H143953" s="12"/>
    </row>
    <row r="143954" spans="8:8">
      <c r="H143954" s="12"/>
    </row>
    <row r="143955" spans="8:8">
      <c r="H143955" s="12"/>
    </row>
    <row r="143956" spans="8:8">
      <c r="H143956" s="12"/>
    </row>
    <row r="143957" spans="8:8">
      <c r="H143957" s="12"/>
    </row>
    <row r="143958" spans="8:8">
      <c r="H143958" s="12"/>
    </row>
    <row r="143959" spans="8:8">
      <c r="H143959" s="12"/>
    </row>
    <row r="143960" spans="8:8">
      <c r="H143960" s="12"/>
    </row>
    <row r="143961" spans="8:8">
      <c r="H143961" s="12"/>
    </row>
    <row r="143962" spans="8:8">
      <c r="H143962" s="12"/>
    </row>
    <row r="143963" spans="8:8">
      <c r="H143963" s="12"/>
    </row>
    <row r="143964" spans="8:8">
      <c r="H143964" s="12"/>
    </row>
    <row r="143965" spans="8:8">
      <c r="H143965" s="12"/>
    </row>
    <row r="143966" spans="8:8">
      <c r="H143966" s="12"/>
    </row>
    <row r="143967" spans="8:8">
      <c r="H143967" s="12"/>
    </row>
    <row r="143968" spans="8:8">
      <c r="H143968" s="12"/>
    </row>
    <row r="143969" spans="8:8">
      <c r="H143969" s="12"/>
    </row>
    <row r="143970" spans="8:8">
      <c r="H143970" s="12"/>
    </row>
    <row r="143971" spans="8:8">
      <c r="H143971" s="12"/>
    </row>
    <row r="143972" spans="8:8">
      <c r="H143972" s="12"/>
    </row>
    <row r="143973" spans="8:8">
      <c r="H143973" s="12"/>
    </row>
    <row r="143974" spans="8:8">
      <c r="H143974" s="12"/>
    </row>
    <row r="143975" spans="8:8">
      <c r="H143975" s="12"/>
    </row>
    <row r="143976" spans="8:8">
      <c r="H143976" s="12"/>
    </row>
    <row r="143977" spans="8:8">
      <c r="H143977" s="12"/>
    </row>
    <row r="143978" spans="8:8">
      <c r="H143978" s="12"/>
    </row>
    <row r="143979" spans="8:8">
      <c r="H143979" s="12"/>
    </row>
    <row r="143980" spans="8:8">
      <c r="H143980" s="12"/>
    </row>
    <row r="143981" spans="8:8">
      <c r="H143981" s="12"/>
    </row>
    <row r="143982" spans="8:8">
      <c r="H143982" s="12"/>
    </row>
    <row r="143983" spans="8:8">
      <c r="H143983" s="12"/>
    </row>
    <row r="143984" spans="8:8">
      <c r="H143984" s="12"/>
    </row>
    <row r="143985" spans="8:8">
      <c r="H143985" s="12"/>
    </row>
    <row r="143986" spans="8:8">
      <c r="H143986" s="12"/>
    </row>
    <row r="143987" spans="8:8">
      <c r="H143987" s="12"/>
    </row>
    <row r="143988" spans="8:8">
      <c r="H143988" s="12"/>
    </row>
    <row r="143989" spans="8:8">
      <c r="H143989" s="12"/>
    </row>
    <row r="143990" spans="8:8">
      <c r="H143990" s="12"/>
    </row>
    <row r="143991" spans="8:8">
      <c r="H143991" s="12"/>
    </row>
    <row r="143992" spans="8:8">
      <c r="H143992" s="12"/>
    </row>
    <row r="143993" spans="8:8">
      <c r="H143993" s="12"/>
    </row>
    <row r="143994" spans="8:8">
      <c r="H143994" s="12"/>
    </row>
    <row r="143995" spans="8:8">
      <c r="H143995" s="12"/>
    </row>
    <row r="143996" spans="8:8">
      <c r="H143996" s="12"/>
    </row>
    <row r="143997" spans="8:8">
      <c r="H143997" s="12"/>
    </row>
    <row r="143998" spans="8:8">
      <c r="H143998" s="12"/>
    </row>
    <row r="143999" spans="8:8">
      <c r="H143999" s="12"/>
    </row>
    <row r="144000" spans="8:8">
      <c r="H144000" s="12"/>
    </row>
    <row r="144001" spans="8:8">
      <c r="H144001" s="12"/>
    </row>
    <row r="144002" spans="8:8">
      <c r="H144002" s="12"/>
    </row>
    <row r="144003" spans="8:8">
      <c r="H144003" s="12"/>
    </row>
    <row r="144004" spans="8:8">
      <c r="H144004" s="12"/>
    </row>
    <row r="144005" spans="8:8">
      <c r="H144005" s="12"/>
    </row>
    <row r="144006" spans="8:8">
      <c r="H144006" s="12"/>
    </row>
    <row r="144007" spans="8:8">
      <c r="H144007" s="12"/>
    </row>
    <row r="144008" spans="8:8">
      <c r="H144008" s="12"/>
    </row>
    <row r="144009" spans="8:8">
      <c r="H144009" s="12"/>
    </row>
    <row r="144010" spans="8:8">
      <c r="H144010" s="12"/>
    </row>
    <row r="144011" spans="8:8">
      <c r="H144011" s="12"/>
    </row>
    <row r="144012" spans="8:8">
      <c r="H144012" s="12"/>
    </row>
    <row r="144013" spans="8:8">
      <c r="H144013" s="12"/>
    </row>
    <row r="144014" spans="8:8">
      <c r="H144014" s="12"/>
    </row>
    <row r="144015" spans="8:8">
      <c r="H144015" s="12"/>
    </row>
    <row r="144016" spans="8:8">
      <c r="H144016" s="12"/>
    </row>
    <row r="144017" spans="8:8">
      <c r="H144017" s="12"/>
    </row>
    <row r="144018" spans="8:8">
      <c r="H144018" s="12"/>
    </row>
    <row r="144019" spans="8:8">
      <c r="H144019" s="12"/>
    </row>
    <row r="144020" spans="8:8">
      <c r="H144020" s="12"/>
    </row>
    <row r="144021" spans="8:8">
      <c r="H144021" s="12"/>
    </row>
    <row r="144022" spans="8:8">
      <c r="H144022" s="12"/>
    </row>
    <row r="144023" spans="8:8">
      <c r="H144023" s="12"/>
    </row>
    <row r="144024" spans="8:8">
      <c r="H144024" s="12"/>
    </row>
    <row r="144025" spans="8:8">
      <c r="H144025" s="12"/>
    </row>
    <row r="144026" spans="8:8">
      <c r="H144026" s="12"/>
    </row>
    <row r="144027" spans="8:8">
      <c r="H144027" s="12"/>
    </row>
    <row r="144028" spans="8:8">
      <c r="H144028" s="12"/>
    </row>
    <row r="144029" spans="8:8">
      <c r="H144029" s="12"/>
    </row>
    <row r="144030" spans="8:8">
      <c r="H144030" s="12"/>
    </row>
    <row r="144031" spans="8:8">
      <c r="H144031" s="12"/>
    </row>
    <row r="144032" spans="8:8">
      <c r="H144032" s="12"/>
    </row>
    <row r="144033" spans="8:8">
      <c r="H144033" s="12"/>
    </row>
    <row r="144034" spans="8:8">
      <c r="H144034" s="12"/>
    </row>
    <row r="144035" spans="8:8">
      <c r="H144035" s="12"/>
    </row>
    <row r="144036" spans="8:8">
      <c r="H144036" s="12"/>
    </row>
    <row r="144037" spans="8:8">
      <c r="H144037" s="12"/>
    </row>
    <row r="144038" spans="8:8">
      <c r="H144038" s="12"/>
    </row>
    <row r="144039" spans="8:8">
      <c r="H144039" s="12"/>
    </row>
    <row r="144040" spans="8:8">
      <c r="H144040" s="12"/>
    </row>
    <row r="144041" spans="8:8">
      <c r="H144041" s="12"/>
    </row>
    <row r="144042" spans="8:8">
      <c r="H144042" s="12"/>
    </row>
    <row r="144043" spans="8:8">
      <c r="H144043" s="12"/>
    </row>
    <row r="144044" spans="8:8">
      <c r="H144044" s="12"/>
    </row>
    <row r="144045" spans="8:8">
      <c r="H144045" s="12"/>
    </row>
    <row r="144046" spans="8:8">
      <c r="H144046" s="12"/>
    </row>
    <row r="144047" spans="8:8">
      <c r="H144047" s="12"/>
    </row>
    <row r="144048" spans="8:8">
      <c r="H144048" s="12"/>
    </row>
    <row r="144049" spans="8:8">
      <c r="H144049" s="12"/>
    </row>
    <row r="144050" spans="8:8">
      <c r="H144050" s="12"/>
    </row>
    <row r="144051" spans="8:8">
      <c r="H144051" s="12"/>
    </row>
    <row r="144052" spans="8:8">
      <c r="H144052" s="12"/>
    </row>
    <row r="144053" spans="8:8">
      <c r="H144053" s="12"/>
    </row>
    <row r="144054" spans="8:8">
      <c r="H144054" s="12"/>
    </row>
    <row r="144055" spans="8:8">
      <c r="H144055" s="12"/>
    </row>
    <row r="144056" spans="8:8">
      <c r="H144056" s="12"/>
    </row>
    <row r="144057" spans="8:8">
      <c r="H144057" s="12"/>
    </row>
    <row r="144058" spans="8:8">
      <c r="H144058" s="12"/>
    </row>
    <row r="144059" spans="8:8">
      <c r="H144059" s="12"/>
    </row>
    <row r="144060" spans="8:8">
      <c r="H144060" s="12"/>
    </row>
    <row r="144061" spans="8:8">
      <c r="H144061" s="12"/>
    </row>
    <row r="144062" spans="8:8">
      <c r="H144062" s="12"/>
    </row>
    <row r="144063" spans="8:8">
      <c r="H144063" s="12"/>
    </row>
    <row r="144064" spans="8:8">
      <c r="H144064" s="12"/>
    </row>
    <row r="144065" spans="8:8">
      <c r="H144065" s="12"/>
    </row>
    <row r="144066" spans="8:8">
      <c r="H144066" s="12"/>
    </row>
    <row r="144067" spans="8:8">
      <c r="H144067" s="12"/>
    </row>
    <row r="144068" spans="8:8">
      <c r="H144068" s="12"/>
    </row>
    <row r="144069" spans="8:8">
      <c r="H144069" s="12"/>
    </row>
    <row r="144070" spans="8:8">
      <c r="H144070" s="12"/>
    </row>
    <row r="144071" spans="8:8">
      <c r="H144071" s="12"/>
    </row>
    <row r="144072" spans="8:8">
      <c r="H144072" s="12"/>
    </row>
    <row r="144073" spans="8:8">
      <c r="H144073" s="12"/>
    </row>
    <row r="144074" spans="8:8">
      <c r="H144074" s="12"/>
    </row>
    <row r="144075" spans="8:8">
      <c r="H144075" s="12"/>
    </row>
    <row r="144076" spans="8:8">
      <c r="H144076" s="12"/>
    </row>
    <row r="144077" spans="8:8">
      <c r="H144077" s="12"/>
    </row>
    <row r="144078" spans="8:8">
      <c r="H144078" s="12"/>
    </row>
    <row r="144079" spans="8:8">
      <c r="H144079" s="12"/>
    </row>
    <row r="144080" spans="8:8">
      <c r="H144080" s="12"/>
    </row>
    <row r="144081" spans="8:8">
      <c r="H144081" s="12"/>
    </row>
    <row r="144082" spans="8:8">
      <c r="H144082" s="12"/>
    </row>
    <row r="144083" spans="8:8">
      <c r="H144083" s="12"/>
    </row>
    <row r="144084" spans="8:8">
      <c r="H144084" s="12"/>
    </row>
    <row r="144085" spans="8:8">
      <c r="H144085" s="12"/>
    </row>
    <row r="144086" spans="8:8">
      <c r="H144086" s="12"/>
    </row>
    <row r="144087" spans="8:8">
      <c r="H144087" s="12"/>
    </row>
    <row r="144088" spans="8:8">
      <c r="H144088" s="12"/>
    </row>
    <row r="144089" spans="8:8">
      <c r="H144089" s="12"/>
    </row>
    <row r="144090" spans="8:8">
      <c r="H144090" s="12"/>
    </row>
    <row r="144091" spans="8:8">
      <c r="H144091" s="12"/>
    </row>
    <row r="144092" spans="8:8">
      <c r="H144092" s="12"/>
    </row>
    <row r="144093" spans="8:8">
      <c r="H144093" s="12"/>
    </row>
    <row r="144094" spans="8:8">
      <c r="H144094" s="12"/>
    </row>
    <row r="144095" spans="8:8">
      <c r="H144095" s="12"/>
    </row>
    <row r="144096" spans="8:8">
      <c r="H144096" s="12"/>
    </row>
    <row r="144097" spans="8:8">
      <c r="H144097" s="12"/>
    </row>
    <row r="144098" spans="8:8">
      <c r="H144098" s="12"/>
    </row>
    <row r="144099" spans="8:8">
      <c r="H144099" s="12"/>
    </row>
    <row r="144100" spans="8:8">
      <c r="H144100" s="12"/>
    </row>
    <row r="144101" spans="8:8">
      <c r="H144101" s="12"/>
    </row>
    <row r="144102" spans="8:8">
      <c r="H144102" s="12"/>
    </row>
    <row r="144103" spans="8:8">
      <c r="H144103" s="12"/>
    </row>
    <row r="144104" spans="8:8">
      <c r="H144104" s="12"/>
    </row>
    <row r="144105" spans="8:8">
      <c r="H144105" s="12"/>
    </row>
    <row r="144106" spans="8:8">
      <c r="H144106" s="12"/>
    </row>
    <row r="144107" spans="8:8">
      <c r="H144107" s="12"/>
    </row>
    <row r="144108" spans="8:8">
      <c r="H144108" s="12"/>
    </row>
    <row r="144109" spans="8:8">
      <c r="H144109" s="12"/>
    </row>
    <row r="144110" spans="8:8">
      <c r="H144110" s="12"/>
    </row>
    <row r="144111" spans="8:8">
      <c r="H144111" s="12"/>
    </row>
    <row r="144112" spans="8:8">
      <c r="H144112" s="12"/>
    </row>
    <row r="144113" spans="8:8">
      <c r="H144113" s="12"/>
    </row>
    <row r="144114" spans="8:8">
      <c r="H144114" s="12"/>
    </row>
    <row r="144115" spans="8:8">
      <c r="H144115" s="12"/>
    </row>
    <row r="144116" spans="8:8">
      <c r="H144116" s="12"/>
    </row>
    <row r="144117" spans="8:8">
      <c r="H144117" s="12"/>
    </row>
    <row r="144118" spans="8:8">
      <c r="H144118" s="12"/>
    </row>
    <row r="144119" spans="8:8">
      <c r="H144119" s="12"/>
    </row>
    <row r="144120" spans="8:8">
      <c r="H144120" s="12"/>
    </row>
    <row r="144121" spans="8:8">
      <c r="H144121" s="12"/>
    </row>
    <row r="144122" spans="8:8">
      <c r="H144122" s="12"/>
    </row>
    <row r="144123" spans="8:8">
      <c r="H144123" s="12"/>
    </row>
    <row r="144124" spans="8:8">
      <c r="H144124" s="12"/>
    </row>
    <row r="144125" spans="8:8">
      <c r="H144125" s="12"/>
    </row>
    <row r="144126" spans="8:8">
      <c r="H144126" s="12"/>
    </row>
    <row r="144127" spans="8:8">
      <c r="H144127" s="12"/>
    </row>
    <row r="144128" spans="8:8">
      <c r="H144128" s="12"/>
    </row>
    <row r="144129" spans="8:8">
      <c r="H144129" s="12"/>
    </row>
    <row r="144130" spans="8:8">
      <c r="H144130" s="12"/>
    </row>
    <row r="144131" spans="8:8">
      <c r="H144131" s="12"/>
    </row>
    <row r="144132" spans="8:8">
      <c r="H144132" s="12"/>
    </row>
    <row r="144133" spans="8:8">
      <c r="H144133" s="12"/>
    </row>
    <row r="144134" spans="8:8">
      <c r="H144134" s="12"/>
    </row>
    <row r="144135" spans="8:8">
      <c r="H144135" s="12"/>
    </row>
    <row r="144136" spans="8:8">
      <c r="H144136" s="12"/>
    </row>
    <row r="144137" spans="8:8">
      <c r="H144137" s="12"/>
    </row>
    <row r="144138" spans="8:8">
      <c r="H144138" s="12"/>
    </row>
    <row r="144139" spans="8:8">
      <c r="H144139" s="12"/>
    </row>
    <row r="144140" spans="8:8">
      <c r="H144140" s="12"/>
    </row>
    <row r="144141" spans="8:8">
      <c r="H144141" s="12"/>
    </row>
    <row r="144142" spans="8:8">
      <c r="H144142" s="12"/>
    </row>
    <row r="144143" spans="8:8">
      <c r="H144143" s="12"/>
    </row>
    <row r="144144" spans="8:8">
      <c r="H144144" s="12"/>
    </row>
    <row r="144145" spans="8:8">
      <c r="H144145" s="12"/>
    </row>
    <row r="144146" spans="8:8">
      <c r="H144146" s="12"/>
    </row>
    <row r="144147" spans="8:8">
      <c r="H144147" s="12"/>
    </row>
    <row r="144148" spans="8:8">
      <c r="H144148" s="12"/>
    </row>
    <row r="144149" spans="8:8">
      <c r="H144149" s="12"/>
    </row>
    <row r="144150" spans="8:8">
      <c r="H144150" s="12"/>
    </row>
    <row r="144151" spans="8:8">
      <c r="H144151" s="12"/>
    </row>
    <row r="144152" spans="8:8">
      <c r="H144152" s="12"/>
    </row>
    <row r="144153" spans="8:8">
      <c r="H144153" s="12"/>
    </row>
    <row r="144154" spans="8:8">
      <c r="H144154" s="12"/>
    </row>
    <row r="144155" spans="8:8">
      <c r="H144155" s="12"/>
    </row>
    <row r="144156" spans="8:8">
      <c r="H144156" s="12"/>
    </row>
    <row r="144157" spans="8:8">
      <c r="H144157" s="12"/>
    </row>
    <row r="144158" spans="8:8">
      <c r="H144158" s="12"/>
    </row>
    <row r="144159" spans="8:8">
      <c r="H144159" s="12"/>
    </row>
    <row r="144160" spans="8:8">
      <c r="H144160" s="12"/>
    </row>
    <row r="144161" spans="8:8">
      <c r="H144161" s="12"/>
    </row>
    <row r="144162" spans="8:8">
      <c r="H144162" s="12"/>
    </row>
    <row r="144163" spans="8:8">
      <c r="H144163" s="12"/>
    </row>
    <row r="144164" spans="8:8">
      <c r="H144164" s="12"/>
    </row>
    <row r="144165" spans="8:8">
      <c r="H144165" s="12"/>
    </row>
    <row r="144166" spans="8:8">
      <c r="H144166" s="12"/>
    </row>
    <row r="144167" spans="8:8">
      <c r="H144167" s="12"/>
    </row>
    <row r="144168" spans="8:8">
      <c r="H144168" s="12"/>
    </row>
    <row r="144169" spans="8:8">
      <c r="H144169" s="12"/>
    </row>
    <row r="144170" spans="8:8">
      <c r="H144170" s="12"/>
    </row>
    <row r="144171" spans="8:8">
      <c r="H144171" s="12"/>
    </row>
    <row r="144172" spans="8:8">
      <c r="H144172" s="12"/>
    </row>
    <row r="144173" spans="8:8">
      <c r="H144173" s="12"/>
    </row>
    <row r="144174" spans="8:8">
      <c r="H144174" s="12"/>
    </row>
    <row r="144175" spans="8:8">
      <c r="H144175" s="12"/>
    </row>
    <row r="144176" spans="8:8">
      <c r="H144176" s="12"/>
    </row>
    <row r="144177" spans="8:8">
      <c r="H144177" s="12"/>
    </row>
    <row r="144178" spans="8:8">
      <c r="H144178" s="12"/>
    </row>
    <row r="144179" spans="8:8">
      <c r="H144179" s="12"/>
    </row>
    <row r="144180" spans="8:8">
      <c r="H144180" s="12"/>
    </row>
    <row r="144181" spans="8:8">
      <c r="H144181" s="12"/>
    </row>
    <row r="144182" spans="8:8">
      <c r="H144182" s="12"/>
    </row>
    <row r="144183" spans="8:8">
      <c r="H144183" s="12"/>
    </row>
    <row r="144184" spans="8:8">
      <c r="H144184" s="12"/>
    </row>
    <row r="144185" spans="8:8">
      <c r="H144185" s="12"/>
    </row>
    <row r="144186" spans="8:8">
      <c r="H144186" s="12"/>
    </row>
    <row r="144187" spans="8:8">
      <c r="H144187" s="12"/>
    </row>
    <row r="144188" spans="8:8">
      <c r="H144188" s="12"/>
    </row>
    <row r="144189" spans="8:8">
      <c r="H144189" s="12"/>
    </row>
    <row r="144190" spans="8:8">
      <c r="H144190" s="12"/>
    </row>
    <row r="144191" spans="8:8">
      <c r="H144191" s="12"/>
    </row>
    <row r="144192" spans="8:8">
      <c r="H144192" s="12"/>
    </row>
    <row r="144193" spans="8:8">
      <c r="H144193" s="12"/>
    </row>
    <row r="144194" spans="8:8">
      <c r="H144194" s="12"/>
    </row>
    <row r="144195" spans="8:8">
      <c r="H144195" s="12"/>
    </row>
    <row r="144196" spans="8:8">
      <c r="H144196" s="12"/>
    </row>
    <row r="144197" spans="8:8">
      <c r="H144197" s="12"/>
    </row>
    <row r="144198" spans="8:8">
      <c r="H144198" s="12"/>
    </row>
    <row r="144199" spans="8:8">
      <c r="H144199" s="12"/>
    </row>
    <row r="144200" spans="8:8">
      <c r="H144200" s="12"/>
    </row>
    <row r="144201" spans="8:8">
      <c r="H144201" s="12"/>
    </row>
    <row r="144202" spans="8:8">
      <c r="H144202" s="12"/>
    </row>
    <row r="144203" spans="8:8">
      <c r="H144203" s="12"/>
    </row>
    <row r="144204" spans="8:8">
      <c r="H144204" s="12"/>
    </row>
    <row r="144205" spans="8:8">
      <c r="H144205" s="12"/>
    </row>
    <row r="144206" spans="8:8">
      <c r="H144206" s="12"/>
    </row>
    <row r="144207" spans="8:8">
      <c r="H144207" s="12"/>
    </row>
    <row r="144208" spans="8:8">
      <c r="H144208" s="12"/>
    </row>
    <row r="144209" spans="8:8">
      <c r="H144209" s="12"/>
    </row>
    <row r="144210" spans="8:8">
      <c r="H144210" s="12"/>
    </row>
    <row r="144211" spans="8:8">
      <c r="H144211" s="12"/>
    </row>
    <row r="144212" spans="8:8">
      <c r="H144212" s="12"/>
    </row>
    <row r="144213" spans="8:8">
      <c r="H144213" s="12"/>
    </row>
    <row r="144214" spans="8:8">
      <c r="H144214" s="12"/>
    </row>
    <row r="144215" spans="8:8">
      <c r="H144215" s="12"/>
    </row>
    <row r="144216" spans="8:8">
      <c r="H144216" s="12"/>
    </row>
    <row r="144217" spans="8:8">
      <c r="H144217" s="12"/>
    </row>
    <row r="144218" spans="8:8">
      <c r="H144218" s="12"/>
    </row>
    <row r="144219" spans="8:8">
      <c r="H144219" s="12"/>
    </row>
    <row r="144220" spans="8:8">
      <c r="H144220" s="12"/>
    </row>
    <row r="144221" spans="8:8">
      <c r="H144221" s="12"/>
    </row>
    <row r="144222" spans="8:8">
      <c r="H144222" s="12"/>
    </row>
    <row r="144223" spans="8:8">
      <c r="H144223" s="12"/>
    </row>
    <row r="144224" spans="8:8">
      <c r="H144224" s="12"/>
    </row>
    <row r="144225" spans="8:8">
      <c r="H144225" s="12"/>
    </row>
    <row r="144226" spans="8:8">
      <c r="H144226" s="12"/>
    </row>
    <row r="144227" spans="8:8">
      <c r="H144227" s="12"/>
    </row>
    <row r="144228" spans="8:8">
      <c r="H144228" s="12"/>
    </row>
    <row r="144229" spans="8:8">
      <c r="H144229" s="12"/>
    </row>
    <row r="144230" spans="8:8">
      <c r="H144230" s="12"/>
    </row>
    <row r="144231" spans="8:8">
      <c r="H144231" s="12"/>
    </row>
    <row r="144232" spans="8:8">
      <c r="H144232" s="12"/>
    </row>
    <row r="144233" spans="8:8">
      <c r="H144233" s="12"/>
    </row>
    <row r="144234" spans="8:8">
      <c r="H144234" s="12"/>
    </row>
    <row r="144235" spans="8:8">
      <c r="H144235" s="12"/>
    </row>
    <row r="144236" spans="8:8">
      <c r="H144236" s="12"/>
    </row>
    <row r="144237" spans="8:8">
      <c r="H144237" s="12"/>
    </row>
    <row r="144238" spans="8:8">
      <c r="H144238" s="12"/>
    </row>
    <row r="144239" spans="8:8">
      <c r="H144239" s="12"/>
    </row>
    <row r="144240" spans="8:8">
      <c r="H144240" s="12"/>
    </row>
    <row r="144241" spans="8:8">
      <c r="H144241" s="12"/>
    </row>
    <row r="144242" spans="8:8">
      <c r="H144242" s="12"/>
    </row>
    <row r="144243" spans="8:8">
      <c r="H144243" s="12"/>
    </row>
    <row r="144244" spans="8:8">
      <c r="H144244" s="12"/>
    </row>
    <row r="144245" spans="8:8">
      <c r="H144245" s="12"/>
    </row>
    <row r="144246" spans="8:8">
      <c r="H144246" s="12"/>
    </row>
    <row r="144247" spans="8:8">
      <c r="H144247" s="12"/>
    </row>
    <row r="144248" spans="8:8">
      <c r="H144248" s="12"/>
    </row>
    <row r="144249" spans="8:8">
      <c r="H144249" s="12"/>
    </row>
    <row r="144250" spans="8:8">
      <c r="H144250" s="12"/>
    </row>
    <row r="144251" spans="8:8">
      <c r="H144251" s="12"/>
    </row>
    <row r="144252" spans="8:8">
      <c r="H144252" s="12"/>
    </row>
    <row r="144253" spans="8:8">
      <c r="H144253" s="12"/>
    </row>
    <row r="144254" spans="8:8">
      <c r="H144254" s="12"/>
    </row>
    <row r="144255" spans="8:8">
      <c r="H144255" s="12"/>
    </row>
    <row r="144256" spans="8:8">
      <c r="H144256" s="12"/>
    </row>
    <row r="144257" spans="8:8">
      <c r="H144257" s="12"/>
    </row>
    <row r="144258" spans="8:8">
      <c r="H144258" s="12"/>
    </row>
    <row r="144259" spans="8:8">
      <c r="H144259" s="12"/>
    </row>
    <row r="144260" spans="8:8">
      <c r="H144260" s="12"/>
    </row>
    <row r="144261" spans="8:8">
      <c r="H144261" s="12"/>
    </row>
    <row r="144262" spans="8:8">
      <c r="H144262" s="12"/>
    </row>
    <row r="144263" spans="8:8">
      <c r="H144263" s="12"/>
    </row>
    <row r="144264" spans="8:8">
      <c r="H144264" s="12"/>
    </row>
    <row r="144265" spans="8:8">
      <c r="H144265" s="12"/>
    </row>
    <row r="144266" spans="8:8">
      <c r="H144266" s="12"/>
    </row>
    <row r="144267" spans="8:8">
      <c r="H144267" s="12"/>
    </row>
    <row r="144268" spans="8:8">
      <c r="H144268" s="12"/>
    </row>
    <row r="144269" spans="8:8">
      <c r="H144269" s="12"/>
    </row>
    <row r="144270" spans="8:8">
      <c r="H144270" s="12"/>
    </row>
    <row r="144271" spans="8:8">
      <c r="H144271" s="12"/>
    </row>
    <row r="144272" spans="8:8">
      <c r="H144272" s="12"/>
    </row>
    <row r="144273" spans="8:8">
      <c r="H144273" s="12"/>
    </row>
    <row r="144274" spans="8:8">
      <c r="H144274" s="12"/>
    </row>
    <row r="144275" spans="8:8">
      <c r="H144275" s="12"/>
    </row>
    <row r="144276" spans="8:8">
      <c r="H144276" s="12"/>
    </row>
    <row r="144277" spans="8:8">
      <c r="H144277" s="12"/>
    </row>
    <row r="144278" spans="8:8">
      <c r="H144278" s="12"/>
    </row>
    <row r="144279" spans="8:8">
      <c r="H144279" s="12"/>
    </row>
    <row r="144280" spans="8:8">
      <c r="H144280" s="12"/>
    </row>
    <row r="144281" spans="8:8">
      <c r="H144281" s="12"/>
    </row>
    <row r="144282" spans="8:8">
      <c r="H144282" s="12"/>
    </row>
    <row r="144283" spans="8:8">
      <c r="H144283" s="12"/>
    </row>
    <row r="144284" spans="8:8">
      <c r="H144284" s="12"/>
    </row>
    <row r="144285" spans="8:8">
      <c r="H144285" s="12"/>
    </row>
    <row r="144286" spans="8:8">
      <c r="H144286" s="12"/>
    </row>
    <row r="144287" spans="8:8">
      <c r="H144287" s="12"/>
    </row>
    <row r="144288" spans="8:8">
      <c r="H144288" s="12"/>
    </row>
    <row r="144289" spans="8:8">
      <c r="H144289" s="12"/>
    </row>
    <row r="144290" spans="8:8">
      <c r="H144290" s="12"/>
    </row>
    <row r="144291" spans="8:8">
      <c r="H144291" s="12"/>
    </row>
    <row r="144292" spans="8:8">
      <c r="H144292" s="12"/>
    </row>
    <row r="144293" spans="8:8">
      <c r="H144293" s="12"/>
    </row>
    <row r="144294" spans="8:8">
      <c r="H144294" s="12"/>
    </row>
    <row r="144295" spans="8:8">
      <c r="H144295" s="12"/>
    </row>
    <row r="144296" spans="8:8">
      <c r="H144296" s="12"/>
    </row>
    <row r="144297" spans="8:8">
      <c r="H144297" s="12"/>
    </row>
    <row r="144298" spans="8:8">
      <c r="H144298" s="12"/>
    </row>
    <row r="144299" spans="8:8">
      <c r="H144299" s="12"/>
    </row>
    <row r="144300" spans="8:8">
      <c r="H144300" s="12"/>
    </row>
    <row r="144301" spans="8:8">
      <c r="H144301" s="12"/>
    </row>
    <row r="144302" spans="8:8">
      <c r="H144302" s="12"/>
    </row>
    <row r="144303" spans="8:8">
      <c r="H144303" s="12"/>
    </row>
    <row r="144304" spans="8:8">
      <c r="H144304" s="12"/>
    </row>
    <row r="144305" spans="8:8">
      <c r="H144305" s="12"/>
    </row>
    <row r="144306" spans="8:8">
      <c r="H144306" s="12"/>
    </row>
    <row r="144307" spans="8:8">
      <c r="H144307" s="12"/>
    </row>
    <row r="144308" spans="8:8">
      <c r="H144308" s="12"/>
    </row>
    <row r="144309" spans="8:8">
      <c r="H144309" s="12"/>
    </row>
    <row r="144310" spans="8:8">
      <c r="H144310" s="12"/>
    </row>
    <row r="144311" spans="8:8">
      <c r="H144311" s="12"/>
    </row>
    <row r="144312" spans="8:8">
      <c r="H144312" s="12"/>
    </row>
    <row r="144313" spans="8:8">
      <c r="H144313" s="12"/>
    </row>
    <row r="144314" spans="8:8">
      <c r="H144314" s="12"/>
    </row>
    <row r="144315" spans="8:8">
      <c r="H144315" s="12"/>
    </row>
    <row r="144316" spans="8:8">
      <c r="H144316" s="12"/>
    </row>
    <row r="144317" spans="8:8">
      <c r="H144317" s="12"/>
    </row>
    <row r="144318" spans="8:8">
      <c r="H144318" s="12"/>
    </row>
    <row r="144319" spans="8:8">
      <c r="H144319" s="12"/>
    </row>
    <row r="144320" spans="8:8">
      <c r="H144320" s="12"/>
    </row>
    <row r="144321" spans="8:8">
      <c r="H144321" s="12"/>
    </row>
    <row r="144322" spans="8:8">
      <c r="H144322" s="12"/>
    </row>
    <row r="144323" spans="8:8">
      <c r="H144323" s="12"/>
    </row>
    <row r="144324" spans="8:8">
      <c r="H144324" s="12"/>
    </row>
    <row r="144325" spans="8:8">
      <c r="H144325" s="12"/>
    </row>
    <row r="144326" spans="8:8">
      <c r="H144326" s="12"/>
    </row>
    <row r="144327" spans="8:8">
      <c r="H144327" s="12"/>
    </row>
    <row r="144328" spans="8:8">
      <c r="H144328" s="12"/>
    </row>
    <row r="144329" spans="8:8">
      <c r="H144329" s="12"/>
    </row>
    <row r="144330" spans="8:8">
      <c r="H144330" s="12"/>
    </row>
    <row r="144331" spans="8:8">
      <c r="H144331" s="12"/>
    </row>
    <row r="144332" spans="8:8">
      <c r="H144332" s="12"/>
    </row>
    <row r="144333" spans="8:8">
      <c r="H144333" s="12"/>
    </row>
    <row r="144334" spans="8:8">
      <c r="H144334" s="12"/>
    </row>
    <row r="144335" spans="8:8">
      <c r="H144335" s="12"/>
    </row>
    <row r="144336" spans="8:8">
      <c r="H144336" s="12"/>
    </row>
    <row r="144337" spans="8:8">
      <c r="H144337" s="12"/>
    </row>
    <row r="144338" spans="8:8">
      <c r="H144338" s="12"/>
    </row>
    <row r="144339" spans="8:8">
      <c r="H144339" s="12"/>
    </row>
    <row r="144340" spans="8:8">
      <c r="H144340" s="12"/>
    </row>
    <row r="144341" spans="8:8">
      <c r="H144341" s="12"/>
    </row>
    <row r="144342" spans="8:8">
      <c r="H144342" s="12"/>
    </row>
    <row r="144343" spans="8:8">
      <c r="H144343" s="12"/>
    </row>
    <row r="144344" spans="8:8">
      <c r="H144344" s="12"/>
    </row>
    <row r="144345" spans="8:8">
      <c r="H144345" s="12"/>
    </row>
    <row r="144346" spans="8:8">
      <c r="H144346" s="12"/>
    </row>
    <row r="144347" spans="8:8">
      <c r="H144347" s="12"/>
    </row>
    <row r="144348" spans="8:8">
      <c r="H144348" s="12"/>
    </row>
    <row r="144349" spans="8:8">
      <c r="H144349" s="12"/>
    </row>
    <row r="144350" spans="8:8">
      <c r="H144350" s="12"/>
    </row>
    <row r="144351" spans="8:8">
      <c r="H144351" s="12"/>
    </row>
    <row r="144352" spans="8:8">
      <c r="H144352" s="12"/>
    </row>
    <row r="144353" spans="8:8">
      <c r="H144353" s="12"/>
    </row>
    <row r="144354" spans="8:8">
      <c r="H144354" s="12"/>
    </row>
    <row r="144355" spans="8:8">
      <c r="H144355" s="12"/>
    </row>
    <row r="144356" spans="8:8">
      <c r="H144356" s="12"/>
    </row>
    <row r="144357" spans="8:8">
      <c r="H144357" s="12"/>
    </row>
    <row r="144358" spans="8:8">
      <c r="H144358" s="12"/>
    </row>
    <row r="144359" spans="8:8">
      <c r="H144359" s="12"/>
    </row>
    <row r="144360" spans="8:8">
      <c r="H144360" s="12"/>
    </row>
    <row r="144361" spans="8:8">
      <c r="H144361" s="12"/>
    </row>
    <row r="144362" spans="8:8">
      <c r="H144362" s="12"/>
    </row>
    <row r="144363" spans="8:8">
      <c r="H144363" s="12"/>
    </row>
    <row r="144364" spans="8:8">
      <c r="H144364" s="12"/>
    </row>
    <row r="144365" spans="8:8">
      <c r="H144365" s="12"/>
    </row>
    <row r="144366" spans="8:8">
      <c r="H144366" s="12"/>
    </row>
    <row r="144367" spans="8:8">
      <c r="H144367" s="12"/>
    </row>
    <row r="144368" spans="8:8">
      <c r="H144368" s="12"/>
    </row>
    <row r="144369" spans="8:8">
      <c r="H144369" s="12"/>
    </row>
    <row r="144370" spans="8:8">
      <c r="H144370" s="12"/>
    </row>
    <row r="144371" spans="8:8">
      <c r="H144371" s="12"/>
    </row>
    <row r="144372" spans="8:8">
      <c r="H144372" s="12"/>
    </row>
    <row r="144373" spans="8:8">
      <c r="H144373" s="12"/>
    </row>
    <row r="144374" spans="8:8">
      <c r="H144374" s="12"/>
    </row>
    <row r="144375" spans="8:8">
      <c r="H144375" s="12"/>
    </row>
    <row r="144376" spans="8:8">
      <c r="H144376" s="12"/>
    </row>
    <row r="144377" spans="8:8">
      <c r="H144377" s="12"/>
    </row>
    <row r="144378" spans="8:8">
      <c r="H144378" s="12"/>
    </row>
    <row r="144379" spans="8:8">
      <c r="H144379" s="12"/>
    </row>
    <row r="144380" spans="8:8">
      <c r="H144380" s="12"/>
    </row>
    <row r="144381" spans="8:8">
      <c r="H144381" s="12"/>
    </row>
    <row r="144382" spans="8:8">
      <c r="H144382" s="12"/>
    </row>
    <row r="144383" spans="8:8">
      <c r="H144383" s="12"/>
    </row>
    <row r="144384" spans="8:8">
      <c r="H144384" s="12"/>
    </row>
    <row r="144385" spans="8:8">
      <c r="H144385" s="12"/>
    </row>
    <row r="144386" spans="8:8">
      <c r="H144386" s="12"/>
    </row>
    <row r="144387" spans="8:8">
      <c r="H144387" s="12"/>
    </row>
    <row r="144388" spans="8:8">
      <c r="H144388" s="12"/>
    </row>
    <row r="144389" spans="8:8">
      <c r="H144389" s="12"/>
    </row>
    <row r="144390" spans="8:8">
      <c r="H144390" s="12"/>
    </row>
    <row r="144391" spans="8:8">
      <c r="H144391" s="12"/>
    </row>
    <row r="144392" spans="8:8">
      <c r="H144392" s="12"/>
    </row>
    <row r="144393" spans="8:8">
      <c r="H144393" s="12"/>
    </row>
    <row r="144394" spans="8:8">
      <c r="H144394" s="12"/>
    </row>
    <row r="144395" spans="8:8">
      <c r="H144395" s="12"/>
    </row>
    <row r="144396" spans="8:8">
      <c r="H144396" s="12"/>
    </row>
    <row r="144397" spans="8:8">
      <c r="H144397" s="12"/>
    </row>
    <row r="144398" spans="8:8">
      <c r="H144398" s="12"/>
    </row>
    <row r="144399" spans="8:8">
      <c r="H144399" s="12"/>
    </row>
    <row r="144400" spans="8:8">
      <c r="H144400" s="12"/>
    </row>
    <row r="144401" spans="8:8">
      <c r="H144401" s="12"/>
    </row>
    <row r="144402" spans="8:8">
      <c r="H144402" s="12"/>
    </row>
    <row r="144403" spans="8:8">
      <c r="H144403" s="12"/>
    </row>
    <row r="144404" spans="8:8">
      <c r="H144404" s="12"/>
    </row>
    <row r="144405" spans="8:8">
      <c r="H144405" s="12"/>
    </row>
    <row r="144406" spans="8:8">
      <c r="H144406" s="12"/>
    </row>
    <row r="144407" spans="8:8">
      <c r="H144407" s="12"/>
    </row>
    <row r="144408" spans="8:8">
      <c r="H144408" s="12"/>
    </row>
    <row r="144409" spans="8:8">
      <c r="H144409" s="12"/>
    </row>
    <row r="144410" spans="8:8">
      <c r="H144410" s="12"/>
    </row>
    <row r="144411" spans="8:8">
      <c r="H144411" s="12"/>
    </row>
    <row r="144412" spans="8:8">
      <c r="H144412" s="12"/>
    </row>
    <row r="144413" spans="8:8">
      <c r="H144413" s="12"/>
    </row>
    <row r="144414" spans="8:8">
      <c r="H144414" s="12"/>
    </row>
    <row r="144415" spans="8:8">
      <c r="H144415" s="12"/>
    </row>
    <row r="144416" spans="8:8">
      <c r="H144416" s="12"/>
    </row>
    <row r="144417" spans="8:8">
      <c r="H144417" s="12"/>
    </row>
    <row r="144418" spans="8:8">
      <c r="H144418" s="12"/>
    </row>
    <row r="144419" spans="8:8">
      <c r="H144419" s="12"/>
    </row>
    <row r="144420" spans="8:8">
      <c r="H144420" s="12"/>
    </row>
    <row r="144421" spans="8:8">
      <c r="H144421" s="12"/>
    </row>
    <row r="144422" spans="8:8">
      <c r="H144422" s="12"/>
    </row>
    <row r="144423" spans="8:8">
      <c r="H144423" s="12"/>
    </row>
    <row r="144424" spans="8:8">
      <c r="H144424" s="12"/>
    </row>
    <row r="144425" spans="8:8">
      <c r="H144425" s="12"/>
    </row>
    <row r="144426" spans="8:8">
      <c r="H144426" s="12"/>
    </row>
    <row r="144427" spans="8:8">
      <c r="H144427" s="12"/>
    </row>
    <row r="144428" spans="8:8">
      <c r="H144428" s="12"/>
    </row>
    <row r="144429" spans="8:8">
      <c r="H144429" s="12"/>
    </row>
    <row r="144430" spans="8:8">
      <c r="H144430" s="12"/>
    </row>
    <row r="144431" spans="8:8">
      <c r="H144431" s="12"/>
    </row>
    <row r="144432" spans="8:8">
      <c r="H144432" s="12"/>
    </row>
    <row r="144433" spans="8:8">
      <c r="H144433" s="12"/>
    </row>
    <row r="144434" spans="8:8">
      <c r="H144434" s="12"/>
    </row>
    <row r="144435" spans="8:8">
      <c r="H144435" s="12"/>
    </row>
    <row r="144436" spans="8:8">
      <c r="H144436" s="12"/>
    </row>
    <row r="144437" spans="8:8">
      <c r="H144437" s="12"/>
    </row>
    <row r="144438" spans="8:8">
      <c r="H144438" s="12"/>
    </row>
    <row r="144439" spans="8:8">
      <c r="H144439" s="12"/>
    </row>
    <row r="144440" spans="8:8">
      <c r="H144440" s="12"/>
    </row>
    <row r="144441" spans="8:8">
      <c r="H144441" s="12"/>
    </row>
    <row r="144442" spans="8:8">
      <c r="H144442" s="12"/>
    </row>
    <row r="144443" spans="8:8">
      <c r="H144443" s="12"/>
    </row>
    <row r="144444" spans="8:8">
      <c r="H144444" s="12"/>
    </row>
    <row r="144445" spans="8:8">
      <c r="H144445" s="12"/>
    </row>
    <row r="144446" spans="8:8">
      <c r="H144446" s="12"/>
    </row>
    <row r="144447" spans="8:8">
      <c r="H144447" s="12"/>
    </row>
    <row r="144448" spans="8:8">
      <c r="H144448" s="12"/>
    </row>
    <row r="144449" spans="8:8">
      <c r="H144449" s="12"/>
    </row>
    <row r="144450" spans="8:8">
      <c r="H144450" s="12"/>
    </row>
    <row r="144451" spans="8:8">
      <c r="H144451" s="12"/>
    </row>
    <row r="144452" spans="8:8">
      <c r="H144452" s="12"/>
    </row>
    <row r="144453" spans="8:8">
      <c r="H144453" s="12"/>
    </row>
    <row r="144454" spans="8:8">
      <c r="H144454" s="12"/>
    </row>
    <row r="144455" spans="8:8">
      <c r="H144455" s="12"/>
    </row>
    <row r="144456" spans="8:8">
      <c r="H144456" s="12"/>
    </row>
    <row r="144457" spans="8:8">
      <c r="H144457" s="12"/>
    </row>
    <row r="144458" spans="8:8">
      <c r="H144458" s="12"/>
    </row>
    <row r="144459" spans="8:8">
      <c r="H144459" s="12"/>
    </row>
    <row r="144460" spans="8:8">
      <c r="H144460" s="12"/>
    </row>
    <row r="144461" spans="8:8">
      <c r="H144461" s="12"/>
    </row>
    <row r="144462" spans="8:8">
      <c r="H144462" s="12"/>
    </row>
    <row r="144463" spans="8:8">
      <c r="H144463" s="12"/>
    </row>
    <row r="144464" spans="8:8">
      <c r="H144464" s="12"/>
    </row>
    <row r="144465" spans="8:8">
      <c r="H144465" s="12"/>
    </row>
    <row r="144466" spans="8:8">
      <c r="H144466" s="12"/>
    </row>
    <row r="144467" spans="8:8">
      <c r="H144467" s="12"/>
    </row>
    <row r="144468" spans="8:8">
      <c r="H144468" s="12"/>
    </row>
    <row r="144469" spans="8:8">
      <c r="H144469" s="12"/>
    </row>
    <row r="144470" spans="8:8">
      <c r="H144470" s="12"/>
    </row>
    <row r="144471" spans="8:8">
      <c r="H144471" s="12"/>
    </row>
    <row r="144472" spans="8:8">
      <c r="H144472" s="12"/>
    </row>
    <row r="144473" spans="8:8">
      <c r="H144473" s="12"/>
    </row>
    <row r="144474" spans="8:8">
      <c r="H144474" s="12"/>
    </row>
    <row r="144475" spans="8:8">
      <c r="H144475" s="12"/>
    </row>
    <row r="144476" spans="8:8">
      <c r="H144476" s="12"/>
    </row>
    <row r="144477" spans="8:8">
      <c r="H144477" s="12"/>
    </row>
    <row r="144478" spans="8:8">
      <c r="H144478" s="12"/>
    </row>
    <row r="144479" spans="8:8">
      <c r="H144479" s="12"/>
    </row>
    <row r="144480" spans="8:8">
      <c r="H144480" s="12"/>
    </row>
    <row r="144481" spans="8:8">
      <c r="H144481" s="12"/>
    </row>
    <row r="144482" spans="8:8">
      <c r="H144482" s="12"/>
    </row>
    <row r="144483" spans="8:8">
      <c r="H144483" s="12"/>
    </row>
    <row r="144484" spans="8:8">
      <c r="H144484" s="12"/>
    </row>
    <row r="144485" spans="8:8">
      <c r="H144485" s="12"/>
    </row>
    <row r="144486" spans="8:8">
      <c r="H144486" s="12"/>
    </row>
    <row r="144487" spans="8:8">
      <c r="H144487" s="12"/>
    </row>
    <row r="144488" spans="8:8">
      <c r="H144488" s="12"/>
    </row>
    <row r="144489" spans="8:8">
      <c r="H144489" s="12"/>
    </row>
    <row r="144490" spans="8:8">
      <c r="H144490" s="12"/>
    </row>
    <row r="144491" spans="8:8">
      <c r="H144491" s="12"/>
    </row>
    <row r="144492" spans="8:8">
      <c r="H144492" s="12"/>
    </row>
    <row r="144493" spans="8:8">
      <c r="H144493" s="12"/>
    </row>
    <row r="144494" spans="8:8">
      <c r="H144494" s="12"/>
    </row>
    <row r="144495" spans="8:8">
      <c r="H144495" s="12"/>
    </row>
    <row r="144496" spans="8:8">
      <c r="H144496" s="12"/>
    </row>
    <row r="144497" spans="8:8">
      <c r="H144497" s="12"/>
    </row>
    <row r="144498" spans="8:8">
      <c r="H144498" s="12"/>
    </row>
    <row r="144499" spans="8:8">
      <c r="H144499" s="12"/>
    </row>
    <row r="144500" spans="8:8">
      <c r="H144500" s="12"/>
    </row>
    <row r="144501" spans="8:8">
      <c r="H144501" s="12"/>
    </row>
    <row r="144502" spans="8:8">
      <c r="H144502" s="12"/>
    </row>
    <row r="144503" spans="8:8">
      <c r="H144503" s="12"/>
    </row>
    <row r="144504" spans="8:8">
      <c r="H144504" s="12"/>
    </row>
    <row r="144505" spans="8:8">
      <c r="H144505" s="12"/>
    </row>
    <row r="144506" spans="8:8">
      <c r="H144506" s="12"/>
    </row>
    <row r="144507" spans="8:8">
      <c r="H144507" s="12"/>
    </row>
    <row r="144508" spans="8:8">
      <c r="H144508" s="12"/>
    </row>
    <row r="144509" spans="8:8">
      <c r="H144509" s="12"/>
    </row>
    <row r="144510" spans="8:8">
      <c r="H144510" s="12"/>
    </row>
    <row r="144511" spans="8:8">
      <c r="H144511" s="12"/>
    </row>
    <row r="144512" spans="8:8">
      <c r="H144512" s="12"/>
    </row>
    <row r="144513" spans="8:8">
      <c r="H144513" s="12"/>
    </row>
    <row r="144514" spans="8:8">
      <c r="H144514" s="12"/>
    </row>
    <row r="144515" spans="8:8">
      <c r="H144515" s="12"/>
    </row>
    <row r="144516" spans="8:8">
      <c r="H144516" s="12"/>
    </row>
    <row r="144517" spans="8:8">
      <c r="H144517" s="12"/>
    </row>
    <row r="144518" spans="8:8">
      <c r="H144518" s="12"/>
    </row>
    <row r="144519" spans="8:8">
      <c r="H144519" s="12"/>
    </row>
    <row r="144520" spans="8:8">
      <c r="H144520" s="12"/>
    </row>
    <row r="144521" spans="8:8">
      <c r="H144521" s="12"/>
    </row>
    <row r="144522" spans="8:8">
      <c r="H144522" s="12"/>
    </row>
    <row r="144523" spans="8:8">
      <c r="H144523" s="12"/>
    </row>
    <row r="144524" spans="8:8">
      <c r="H144524" s="12"/>
    </row>
    <row r="144525" spans="8:8">
      <c r="H144525" s="12"/>
    </row>
    <row r="144526" spans="8:8">
      <c r="H144526" s="12"/>
    </row>
    <row r="144527" spans="8:8">
      <c r="H144527" s="12"/>
    </row>
    <row r="144528" spans="8:8">
      <c r="H144528" s="12"/>
    </row>
    <row r="144529" spans="8:8">
      <c r="H144529" s="12"/>
    </row>
    <row r="144530" spans="8:8">
      <c r="H144530" s="12"/>
    </row>
    <row r="144531" spans="8:8">
      <c r="H144531" s="12"/>
    </row>
    <row r="144532" spans="8:8">
      <c r="H144532" s="12"/>
    </row>
    <row r="144533" spans="8:8">
      <c r="H144533" s="12"/>
    </row>
    <row r="144534" spans="8:8">
      <c r="H144534" s="12"/>
    </row>
    <row r="144535" spans="8:8">
      <c r="H144535" s="12"/>
    </row>
    <row r="144536" spans="8:8">
      <c r="H144536" s="12"/>
    </row>
    <row r="144537" spans="8:8">
      <c r="H144537" s="12"/>
    </row>
    <row r="144538" spans="8:8">
      <c r="H144538" s="12"/>
    </row>
    <row r="144539" spans="8:8">
      <c r="H144539" s="12"/>
    </row>
    <row r="144540" spans="8:8">
      <c r="H144540" s="12"/>
    </row>
    <row r="144541" spans="8:8">
      <c r="H144541" s="12"/>
    </row>
    <row r="144542" spans="8:8">
      <c r="H144542" s="12"/>
    </row>
    <row r="144543" spans="8:8">
      <c r="H144543" s="12"/>
    </row>
    <row r="144544" spans="8:8">
      <c r="H144544" s="12"/>
    </row>
    <row r="144545" spans="8:8">
      <c r="H144545" s="12"/>
    </row>
    <row r="144546" spans="8:8">
      <c r="H144546" s="12"/>
    </row>
    <row r="144547" spans="8:8">
      <c r="H144547" s="12"/>
    </row>
    <row r="144548" spans="8:8">
      <c r="H144548" s="12"/>
    </row>
    <row r="144549" spans="8:8">
      <c r="H144549" s="12"/>
    </row>
    <row r="144550" spans="8:8">
      <c r="H144550" s="12"/>
    </row>
    <row r="144551" spans="8:8">
      <c r="H144551" s="12"/>
    </row>
    <row r="144552" spans="8:8">
      <c r="H144552" s="12"/>
    </row>
    <row r="144553" spans="8:8">
      <c r="H144553" s="12"/>
    </row>
    <row r="144554" spans="8:8">
      <c r="H144554" s="12"/>
    </row>
    <row r="144555" spans="8:8">
      <c r="H144555" s="12"/>
    </row>
    <row r="144556" spans="8:8">
      <c r="H144556" s="12"/>
    </row>
    <row r="144557" spans="8:8">
      <c r="H144557" s="12"/>
    </row>
    <row r="144558" spans="8:8">
      <c r="H144558" s="12"/>
    </row>
    <row r="144559" spans="8:8">
      <c r="H144559" s="12"/>
    </row>
    <row r="144560" spans="8:8">
      <c r="H144560" s="12"/>
    </row>
    <row r="144561" spans="8:8">
      <c r="H144561" s="12"/>
    </row>
    <row r="144562" spans="8:8">
      <c r="H144562" s="12"/>
    </row>
    <row r="144563" spans="8:8">
      <c r="H144563" s="12"/>
    </row>
    <row r="144564" spans="8:8">
      <c r="H144564" s="12"/>
    </row>
    <row r="144565" spans="8:8">
      <c r="H144565" s="12"/>
    </row>
    <row r="144566" spans="8:8">
      <c r="H144566" s="12"/>
    </row>
    <row r="144567" spans="8:8">
      <c r="H144567" s="12"/>
    </row>
    <row r="144568" spans="8:8">
      <c r="H144568" s="12"/>
    </row>
    <row r="144569" spans="8:8">
      <c r="H144569" s="12"/>
    </row>
    <row r="144570" spans="8:8">
      <c r="H144570" s="12"/>
    </row>
    <row r="144571" spans="8:8">
      <c r="H144571" s="12"/>
    </row>
    <row r="144572" spans="8:8">
      <c r="H144572" s="12"/>
    </row>
    <row r="144573" spans="8:8">
      <c r="H144573" s="12"/>
    </row>
    <row r="144574" spans="8:8">
      <c r="H144574" s="12"/>
    </row>
    <row r="144575" spans="8:8">
      <c r="H144575" s="12"/>
    </row>
    <row r="144576" spans="8:8">
      <c r="H144576" s="12"/>
    </row>
    <row r="144577" spans="8:8">
      <c r="H144577" s="12"/>
    </row>
    <row r="144578" spans="8:8">
      <c r="H144578" s="12"/>
    </row>
    <row r="144579" spans="8:8">
      <c r="H144579" s="12"/>
    </row>
    <row r="144580" spans="8:8">
      <c r="H144580" s="12"/>
    </row>
    <row r="144581" spans="8:8">
      <c r="H144581" s="12"/>
    </row>
    <row r="144582" spans="8:8">
      <c r="H144582" s="12"/>
    </row>
    <row r="144583" spans="8:8">
      <c r="H144583" s="12"/>
    </row>
    <row r="144584" spans="8:8">
      <c r="H144584" s="12"/>
    </row>
    <row r="144585" spans="8:8">
      <c r="H144585" s="12"/>
    </row>
    <row r="144586" spans="8:8">
      <c r="H144586" s="12"/>
    </row>
    <row r="144587" spans="8:8">
      <c r="H144587" s="12"/>
    </row>
    <row r="144588" spans="8:8">
      <c r="H144588" s="12"/>
    </row>
    <row r="144589" spans="8:8">
      <c r="H144589" s="12"/>
    </row>
    <row r="144590" spans="8:8">
      <c r="H144590" s="12"/>
    </row>
    <row r="144591" spans="8:8">
      <c r="H144591" s="12"/>
    </row>
    <row r="144592" spans="8:8">
      <c r="H144592" s="12"/>
    </row>
    <row r="144593" spans="8:8">
      <c r="H144593" s="12"/>
    </row>
    <row r="144594" spans="8:8">
      <c r="H144594" s="12"/>
    </row>
    <row r="144595" spans="8:8">
      <c r="H144595" s="12"/>
    </row>
    <row r="144596" spans="8:8">
      <c r="H144596" s="12"/>
    </row>
    <row r="144597" spans="8:8">
      <c r="H144597" s="12"/>
    </row>
    <row r="144598" spans="8:8">
      <c r="H144598" s="12"/>
    </row>
    <row r="144599" spans="8:8">
      <c r="H144599" s="12"/>
    </row>
    <row r="144600" spans="8:8">
      <c r="H144600" s="12"/>
    </row>
    <row r="144601" spans="8:8">
      <c r="H144601" s="12"/>
    </row>
    <row r="144602" spans="8:8">
      <c r="H144602" s="12"/>
    </row>
    <row r="144603" spans="8:8">
      <c r="H144603" s="12"/>
    </row>
    <row r="144604" spans="8:8">
      <c r="H144604" s="12"/>
    </row>
    <row r="144605" spans="8:8">
      <c r="H144605" s="12"/>
    </row>
    <row r="144606" spans="8:8">
      <c r="H144606" s="12"/>
    </row>
    <row r="144607" spans="8:8">
      <c r="H144607" s="12"/>
    </row>
    <row r="144608" spans="8:8">
      <c r="H144608" s="12"/>
    </row>
    <row r="144609" spans="8:8">
      <c r="H144609" s="12"/>
    </row>
    <row r="144610" spans="8:8">
      <c r="H144610" s="12"/>
    </row>
    <row r="144611" spans="8:8">
      <c r="H144611" s="12"/>
    </row>
    <row r="144612" spans="8:8">
      <c r="H144612" s="12"/>
    </row>
    <row r="144613" spans="8:8">
      <c r="H144613" s="12"/>
    </row>
    <row r="144614" spans="8:8">
      <c r="H144614" s="12"/>
    </row>
    <row r="144615" spans="8:8">
      <c r="H144615" s="12"/>
    </row>
    <row r="144616" spans="8:8">
      <c r="H144616" s="12"/>
    </row>
    <row r="144617" spans="8:8">
      <c r="H144617" s="12"/>
    </row>
    <row r="144618" spans="8:8">
      <c r="H144618" s="12"/>
    </row>
    <row r="144619" spans="8:8">
      <c r="H144619" s="12"/>
    </row>
    <row r="144620" spans="8:8">
      <c r="H144620" s="12"/>
    </row>
    <row r="144621" spans="8:8">
      <c r="H144621" s="12"/>
    </row>
    <row r="144622" spans="8:8">
      <c r="H144622" s="12"/>
    </row>
    <row r="144623" spans="8:8">
      <c r="H144623" s="12"/>
    </row>
    <row r="144624" spans="8:8">
      <c r="H144624" s="12"/>
    </row>
    <row r="144625" spans="8:8">
      <c r="H144625" s="12"/>
    </row>
    <row r="144626" spans="8:8">
      <c r="H144626" s="12"/>
    </row>
    <row r="144627" spans="8:8">
      <c r="H144627" s="12"/>
    </row>
    <row r="144628" spans="8:8">
      <c r="H144628" s="12"/>
    </row>
    <row r="144629" spans="8:8">
      <c r="H144629" s="12"/>
    </row>
    <row r="144630" spans="8:8">
      <c r="H144630" s="12"/>
    </row>
    <row r="144631" spans="8:8">
      <c r="H144631" s="12"/>
    </row>
    <row r="144632" spans="8:8">
      <c r="H144632" s="12"/>
    </row>
    <row r="144633" spans="8:8">
      <c r="H144633" s="12"/>
    </row>
    <row r="144634" spans="8:8">
      <c r="H144634" s="12"/>
    </row>
    <row r="144635" spans="8:8">
      <c r="H144635" s="12"/>
    </row>
    <row r="144636" spans="8:8">
      <c r="H144636" s="12"/>
    </row>
    <row r="144637" spans="8:8">
      <c r="H144637" s="12"/>
    </row>
    <row r="144638" spans="8:8">
      <c r="H144638" s="12"/>
    </row>
    <row r="144639" spans="8:8">
      <c r="H144639" s="12"/>
    </row>
    <row r="144640" spans="8:8">
      <c r="H144640" s="12"/>
    </row>
    <row r="144641" spans="8:8">
      <c r="H144641" s="12"/>
    </row>
    <row r="144642" spans="8:8">
      <c r="H144642" s="12"/>
    </row>
    <row r="144643" spans="8:8">
      <c r="H144643" s="12"/>
    </row>
    <row r="144644" spans="8:8">
      <c r="H144644" s="12"/>
    </row>
    <row r="144645" spans="8:8">
      <c r="H144645" s="12"/>
    </row>
    <row r="144646" spans="8:8">
      <c r="H144646" s="12"/>
    </row>
    <row r="144647" spans="8:8">
      <c r="H144647" s="12"/>
    </row>
    <row r="144648" spans="8:8">
      <c r="H144648" s="12"/>
    </row>
    <row r="144649" spans="8:8">
      <c r="H144649" s="12"/>
    </row>
    <row r="144650" spans="8:8">
      <c r="H144650" s="12"/>
    </row>
    <row r="144651" spans="8:8">
      <c r="H144651" s="12"/>
    </row>
    <row r="144652" spans="8:8">
      <c r="H144652" s="12"/>
    </row>
    <row r="144653" spans="8:8">
      <c r="H144653" s="12"/>
    </row>
    <row r="144654" spans="8:8">
      <c r="H144654" s="12"/>
    </row>
    <row r="144655" spans="8:8">
      <c r="H144655" s="12"/>
    </row>
    <row r="144656" spans="8:8">
      <c r="H144656" s="12"/>
    </row>
    <row r="144657" spans="8:8">
      <c r="H144657" s="12"/>
    </row>
    <row r="144658" spans="8:8">
      <c r="H144658" s="12"/>
    </row>
    <row r="144659" spans="8:8">
      <c r="H144659" s="12"/>
    </row>
    <row r="144660" spans="8:8">
      <c r="H144660" s="12"/>
    </row>
    <row r="144661" spans="8:8">
      <c r="H144661" s="12"/>
    </row>
    <row r="144662" spans="8:8">
      <c r="H144662" s="12"/>
    </row>
    <row r="144663" spans="8:8">
      <c r="H144663" s="12"/>
    </row>
    <row r="144664" spans="8:8">
      <c r="H144664" s="12"/>
    </row>
    <row r="144665" spans="8:8">
      <c r="H144665" s="12"/>
    </row>
    <row r="144666" spans="8:8">
      <c r="H144666" s="12"/>
    </row>
    <row r="144667" spans="8:8">
      <c r="H144667" s="12"/>
    </row>
    <row r="144668" spans="8:8">
      <c r="H144668" s="12"/>
    </row>
    <row r="144669" spans="8:8">
      <c r="H144669" s="12"/>
    </row>
    <row r="144670" spans="8:8">
      <c r="H144670" s="12"/>
    </row>
    <row r="144671" spans="8:8">
      <c r="H144671" s="12"/>
    </row>
    <row r="144672" spans="8:8">
      <c r="H144672" s="12"/>
    </row>
    <row r="144673" spans="8:8">
      <c r="H144673" s="12"/>
    </row>
    <row r="144674" spans="8:8">
      <c r="H144674" s="12"/>
    </row>
    <row r="144675" spans="8:8">
      <c r="H144675" s="12"/>
    </row>
    <row r="144676" spans="8:8">
      <c r="H144676" s="12"/>
    </row>
    <row r="144677" spans="8:8">
      <c r="H144677" s="12"/>
    </row>
    <row r="144678" spans="8:8">
      <c r="H144678" s="12"/>
    </row>
    <row r="144679" spans="8:8">
      <c r="H144679" s="12"/>
    </row>
    <row r="144680" spans="8:8">
      <c r="H144680" s="12"/>
    </row>
    <row r="144681" spans="8:8">
      <c r="H144681" s="12"/>
    </row>
    <row r="144682" spans="8:8">
      <c r="H144682" s="12"/>
    </row>
    <row r="144683" spans="8:8">
      <c r="H144683" s="12"/>
    </row>
    <row r="144684" spans="8:8">
      <c r="H144684" s="12"/>
    </row>
    <row r="144685" spans="8:8">
      <c r="H144685" s="12"/>
    </row>
    <row r="144686" spans="8:8">
      <c r="H144686" s="12"/>
    </row>
    <row r="144687" spans="8:8">
      <c r="H144687" s="12"/>
    </row>
    <row r="144688" spans="8:8">
      <c r="H144688" s="12"/>
    </row>
    <row r="144689" spans="8:8">
      <c r="H144689" s="12"/>
    </row>
    <row r="144690" spans="8:8">
      <c r="H144690" s="12"/>
    </row>
    <row r="144691" spans="8:8">
      <c r="H144691" s="12"/>
    </row>
    <row r="144692" spans="8:8">
      <c r="H144692" s="12"/>
    </row>
    <row r="144693" spans="8:8">
      <c r="H144693" s="12"/>
    </row>
    <row r="144694" spans="8:8">
      <c r="H144694" s="12"/>
    </row>
    <row r="144695" spans="8:8">
      <c r="H144695" s="12"/>
    </row>
    <row r="144696" spans="8:8">
      <c r="H144696" s="12"/>
    </row>
    <row r="144697" spans="8:8">
      <c r="H144697" s="12"/>
    </row>
    <row r="144698" spans="8:8">
      <c r="H144698" s="12"/>
    </row>
    <row r="144699" spans="8:8">
      <c r="H144699" s="12"/>
    </row>
    <row r="144700" spans="8:8">
      <c r="H144700" s="12"/>
    </row>
    <row r="144701" spans="8:8">
      <c r="H144701" s="12"/>
    </row>
    <row r="144702" spans="8:8">
      <c r="H144702" s="12"/>
    </row>
    <row r="144703" spans="8:8">
      <c r="H144703" s="12"/>
    </row>
    <row r="144704" spans="8:8">
      <c r="H144704" s="12"/>
    </row>
    <row r="144705" spans="8:8">
      <c r="H144705" s="12"/>
    </row>
    <row r="144706" spans="8:8">
      <c r="H144706" s="12"/>
    </row>
    <row r="144707" spans="8:8">
      <c r="H144707" s="12"/>
    </row>
    <row r="144708" spans="8:8">
      <c r="H144708" s="12"/>
    </row>
    <row r="144709" spans="8:8">
      <c r="H144709" s="12"/>
    </row>
    <row r="144710" spans="8:8">
      <c r="H144710" s="12"/>
    </row>
    <row r="144711" spans="8:8">
      <c r="H144711" s="12"/>
    </row>
    <row r="144712" spans="8:8">
      <c r="H144712" s="12"/>
    </row>
    <row r="144713" spans="8:8">
      <c r="H144713" s="12"/>
    </row>
    <row r="144714" spans="8:8">
      <c r="H144714" s="12"/>
    </row>
    <row r="144715" spans="8:8">
      <c r="H144715" s="12"/>
    </row>
    <row r="144716" spans="8:8">
      <c r="H144716" s="12"/>
    </row>
    <row r="144717" spans="8:8">
      <c r="H144717" s="12"/>
    </row>
    <row r="144718" spans="8:8">
      <c r="H144718" s="12"/>
    </row>
    <row r="144719" spans="8:8">
      <c r="H144719" s="12"/>
    </row>
    <row r="144720" spans="8:8">
      <c r="H144720" s="12"/>
    </row>
    <row r="144721" spans="8:8">
      <c r="H144721" s="12"/>
    </row>
    <row r="144722" spans="8:8">
      <c r="H144722" s="12"/>
    </row>
    <row r="144723" spans="8:8">
      <c r="H144723" s="12"/>
    </row>
    <row r="144724" spans="8:8">
      <c r="H144724" s="12"/>
    </row>
    <row r="144725" spans="8:8">
      <c r="H144725" s="12"/>
    </row>
    <row r="144726" spans="8:8">
      <c r="H144726" s="12"/>
    </row>
    <row r="144727" spans="8:8">
      <c r="H144727" s="12"/>
    </row>
    <row r="144728" spans="8:8">
      <c r="H144728" s="12"/>
    </row>
    <row r="144729" spans="8:8">
      <c r="H144729" s="12"/>
    </row>
    <row r="144730" spans="8:8">
      <c r="H144730" s="12"/>
    </row>
    <row r="144731" spans="8:8">
      <c r="H144731" s="12"/>
    </row>
    <row r="144732" spans="8:8">
      <c r="H144732" s="12"/>
    </row>
    <row r="144733" spans="8:8">
      <c r="H144733" s="12"/>
    </row>
    <row r="144734" spans="8:8">
      <c r="H144734" s="12"/>
    </row>
    <row r="144735" spans="8:8">
      <c r="H144735" s="12"/>
    </row>
    <row r="144736" spans="8:8">
      <c r="H144736" s="12"/>
    </row>
    <row r="144737" spans="8:8">
      <c r="H144737" s="12"/>
    </row>
    <row r="144738" spans="8:8">
      <c r="H144738" s="12"/>
    </row>
    <row r="144739" spans="8:8">
      <c r="H144739" s="12"/>
    </row>
    <row r="144740" spans="8:8">
      <c r="H144740" s="12"/>
    </row>
    <row r="144741" spans="8:8">
      <c r="H144741" s="12"/>
    </row>
    <row r="144742" spans="8:8">
      <c r="H144742" s="12"/>
    </row>
    <row r="144743" spans="8:8">
      <c r="H144743" s="12"/>
    </row>
    <row r="144744" spans="8:8">
      <c r="H144744" s="12"/>
    </row>
    <row r="144745" spans="8:8">
      <c r="H144745" s="12"/>
    </row>
    <row r="144746" spans="8:8">
      <c r="H144746" s="12"/>
    </row>
    <row r="144747" spans="8:8">
      <c r="H144747" s="12"/>
    </row>
    <row r="144748" spans="8:8">
      <c r="H144748" s="12"/>
    </row>
    <row r="144749" spans="8:8">
      <c r="H144749" s="12"/>
    </row>
    <row r="144750" spans="8:8">
      <c r="H144750" s="12"/>
    </row>
    <row r="144751" spans="8:8">
      <c r="H144751" s="12"/>
    </row>
    <row r="144752" spans="8:8">
      <c r="H144752" s="12"/>
    </row>
    <row r="144753" spans="8:8">
      <c r="H144753" s="12"/>
    </row>
    <row r="144754" spans="8:8">
      <c r="H144754" s="12"/>
    </row>
    <row r="144755" spans="8:8">
      <c r="H144755" s="12"/>
    </row>
    <row r="144756" spans="8:8">
      <c r="H144756" s="12"/>
    </row>
    <row r="144757" spans="8:8">
      <c r="H144757" s="12"/>
    </row>
    <row r="144758" spans="8:8">
      <c r="H144758" s="12"/>
    </row>
    <row r="144759" spans="8:8">
      <c r="H144759" s="12"/>
    </row>
    <row r="144760" spans="8:8">
      <c r="H144760" s="12"/>
    </row>
    <row r="144761" spans="8:8">
      <c r="H144761" s="12"/>
    </row>
    <row r="144762" spans="8:8">
      <c r="H144762" s="12"/>
    </row>
    <row r="144763" spans="8:8">
      <c r="H144763" s="12"/>
    </row>
    <row r="144764" spans="8:8">
      <c r="H144764" s="12"/>
    </row>
    <row r="144765" spans="8:8">
      <c r="H144765" s="12"/>
    </row>
    <row r="144766" spans="8:8">
      <c r="H144766" s="12"/>
    </row>
    <row r="144767" spans="8:8">
      <c r="H144767" s="12"/>
    </row>
    <row r="144768" spans="8:8">
      <c r="H144768" s="12"/>
    </row>
    <row r="144769" spans="8:8">
      <c r="H144769" s="12"/>
    </row>
    <row r="144770" spans="8:8">
      <c r="H144770" s="12"/>
    </row>
    <row r="144771" spans="8:8">
      <c r="H144771" s="12"/>
    </row>
    <row r="144772" spans="8:8">
      <c r="H144772" s="12"/>
    </row>
    <row r="144773" spans="8:8">
      <c r="H144773" s="12"/>
    </row>
    <row r="144774" spans="8:8">
      <c r="H144774" s="12"/>
    </row>
    <row r="144775" spans="8:8">
      <c r="H144775" s="12"/>
    </row>
    <row r="144776" spans="8:8">
      <c r="H144776" s="12"/>
    </row>
    <row r="144777" spans="8:8">
      <c r="H144777" s="12"/>
    </row>
    <row r="144778" spans="8:8">
      <c r="H144778" s="12"/>
    </row>
    <row r="144779" spans="8:8">
      <c r="H144779" s="12"/>
    </row>
    <row r="144780" spans="8:8">
      <c r="H144780" s="12"/>
    </row>
    <row r="144781" spans="8:8">
      <c r="H144781" s="12"/>
    </row>
    <row r="144782" spans="8:8">
      <c r="H144782" s="12"/>
    </row>
    <row r="144783" spans="8:8">
      <c r="H144783" s="12"/>
    </row>
    <row r="144784" spans="8:8">
      <c r="H144784" s="12"/>
    </row>
    <row r="144785" spans="8:8">
      <c r="H144785" s="12"/>
    </row>
    <row r="144786" spans="8:8">
      <c r="H144786" s="12"/>
    </row>
    <row r="144787" spans="8:8">
      <c r="H144787" s="12"/>
    </row>
    <row r="144788" spans="8:8">
      <c r="H144788" s="12"/>
    </row>
    <row r="144789" spans="8:8">
      <c r="H144789" s="12"/>
    </row>
    <row r="144790" spans="8:8">
      <c r="H144790" s="12"/>
    </row>
    <row r="144791" spans="8:8">
      <c r="H144791" s="12"/>
    </row>
    <row r="144792" spans="8:8">
      <c r="H144792" s="12"/>
    </row>
    <row r="144793" spans="8:8">
      <c r="H144793" s="12"/>
    </row>
    <row r="144794" spans="8:8">
      <c r="H144794" s="12"/>
    </row>
    <row r="144795" spans="8:8">
      <c r="H144795" s="12"/>
    </row>
    <row r="144796" spans="8:8">
      <c r="H144796" s="12"/>
    </row>
    <row r="144797" spans="8:8">
      <c r="H144797" s="12"/>
    </row>
    <row r="144798" spans="8:8">
      <c r="H144798" s="12"/>
    </row>
    <row r="144799" spans="8:8">
      <c r="H144799" s="12"/>
    </row>
    <row r="144800" spans="8:8">
      <c r="H144800" s="12"/>
    </row>
    <row r="144801" spans="8:8">
      <c r="H144801" s="12"/>
    </row>
    <row r="144802" spans="8:8">
      <c r="H144802" s="12"/>
    </row>
    <row r="144803" spans="8:8">
      <c r="H144803" s="12"/>
    </row>
    <row r="144804" spans="8:8">
      <c r="H144804" s="12"/>
    </row>
    <row r="144805" spans="8:8">
      <c r="H144805" s="12"/>
    </row>
    <row r="144806" spans="8:8">
      <c r="H144806" s="12"/>
    </row>
    <row r="144807" spans="8:8">
      <c r="H144807" s="12"/>
    </row>
    <row r="144808" spans="8:8">
      <c r="H144808" s="12"/>
    </row>
    <row r="144809" spans="8:8">
      <c r="H144809" s="12"/>
    </row>
    <row r="144810" spans="8:8">
      <c r="H144810" s="12"/>
    </row>
    <row r="144811" spans="8:8">
      <c r="H144811" s="12"/>
    </row>
    <row r="144812" spans="8:8">
      <c r="H144812" s="12"/>
    </row>
    <row r="144813" spans="8:8">
      <c r="H144813" s="12"/>
    </row>
    <row r="144814" spans="8:8">
      <c r="H144814" s="12"/>
    </row>
    <row r="144815" spans="8:8">
      <c r="H144815" s="12"/>
    </row>
    <row r="144816" spans="8:8">
      <c r="H144816" s="12"/>
    </row>
    <row r="144817" spans="8:8">
      <c r="H144817" s="12"/>
    </row>
    <row r="144818" spans="8:8">
      <c r="H144818" s="12"/>
    </row>
    <row r="144819" spans="8:8">
      <c r="H144819" s="12"/>
    </row>
    <row r="144820" spans="8:8">
      <c r="H144820" s="12"/>
    </row>
    <row r="144821" spans="8:8">
      <c r="H144821" s="12"/>
    </row>
    <row r="144822" spans="8:8">
      <c r="H144822" s="12"/>
    </row>
    <row r="144823" spans="8:8">
      <c r="H144823" s="12"/>
    </row>
    <row r="144824" spans="8:8">
      <c r="H144824" s="12"/>
    </row>
    <row r="144825" spans="8:8">
      <c r="H144825" s="12"/>
    </row>
    <row r="144826" spans="8:8">
      <c r="H144826" s="12"/>
    </row>
    <row r="144827" spans="8:8">
      <c r="H144827" s="12"/>
    </row>
    <row r="144828" spans="8:8">
      <c r="H144828" s="12"/>
    </row>
    <row r="144829" spans="8:8">
      <c r="H144829" s="12"/>
    </row>
    <row r="144830" spans="8:8">
      <c r="H144830" s="12"/>
    </row>
    <row r="144831" spans="8:8">
      <c r="H144831" s="12"/>
    </row>
    <row r="144832" spans="8:8">
      <c r="H144832" s="12"/>
    </row>
    <row r="144833" spans="8:8">
      <c r="H144833" s="12"/>
    </row>
    <row r="144834" spans="8:8">
      <c r="H144834" s="12"/>
    </row>
    <row r="144835" spans="8:8">
      <c r="H144835" s="12"/>
    </row>
    <row r="144836" spans="8:8">
      <c r="H144836" s="12"/>
    </row>
    <row r="144837" spans="8:8">
      <c r="H144837" s="12"/>
    </row>
    <row r="144838" spans="8:8">
      <c r="H144838" s="12"/>
    </row>
    <row r="144839" spans="8:8">
      <c r="H144839" s="12"/>
    </row>
    <row r="144840" spans="8:8">
      <c r="H144840" s="12"/>
    </row>
    <row r="144841" spans="8:8">
      <c r="H144841" s="12"/>
    </row>
    <row r="144842" spans="8:8">
      <c r="H144842" s="12"/>
    </row>
    <row r="144843" spans="8:8">
      <c r="H144843" s="12"/>
    </row>
    <row r="144844" spans="8:8">
      <c r="H144844" s="12"/>
    </row>
    <row r="144845" spans="8:8">
      <c r="H144845" s="12"/>
    </row>
    <row r="144846" spans="8:8">
      <c r="H144846" s="12"/>
    </row>
    <row r="144847" spans="8:8">
      <c r="H144847" s="12"/>
    </row>
    <row r="144848" spans="8:8">
      <c r="H144848" s="12"/>
    </row>
    <row r="144849" spans="8:8">
      <c r="H144849" s="12"/>
    </row>
    <row r="144850" spans="8:8">
      <c r="H144850" s="12"/>
    </row>
    <row r="144851" spans="8:8">
      <c r="H144851" s="12"/>
    </row>
    <row r="144852" spans="8:8">
      <c r="H144852" s="12"/>
    </row>
    <row r="144853" spans="8:8">
      <c r="H144853" s="12"/>
    </row>
    <row r="144854" spans="8:8">
      <c r="H144854" s="12"/>
    </row>
    <row r="144855" spans="8:8">
      <c r="H144855" s="12"/>
    </row>
    <row r="144856" spans="8:8">
      <c r="H144856" s="12"/>
    </row>
    <row r="144857" spans="8:8">
      <c r="H144857" s="12"/>
    </row>
    <row r="144858" spans="8:8">
      <c r="H144858" s="12"/>
    </row>
    <row r="144859" spans="8:8">
      <c r="H144859" s="12"/>
    </row>
    <row r="144860" spans="8:8">
      <c r="H144860" s="12"/>
    </row>
    <row r="144861" spans="8:8">
      <c r="H144861" s="12"/>
    </row>
    <row r="144862" spans="8:8">
      <c r="H144862" s="12"/>
    </row>
    <row r="144863" spans="8:8">
      <c r="H144863" s="12"/>
    </row>
    <row r="144864" spans="8:8">
      <c r="H144864" s="12"/>
    </row>
    <row r="144865" spans="8:8">
      <c r="H144865" s="12"/>
    </row>
    <row r="144866" spans="8:8">
      <c r="H144866" s="12"/>
    </row>
    <row r="144867" spans="8:8">
      <c r="H144867" s="12"/>
    </row>
    <row r="144868" spans="8:8">
      <c r="H144868" s="12"/>
    </row>
    <row r="144869" spans="8:8">
      <c r="H144869" s="12"/>
    </row>
    <row r="144870" spans="8:8">
      <c r="H144870" s="12"/>
    </row>
    <row r="144871" spans="8:8">
      <c r="H144871" s="12"/>
    </row>
    <row r="144872" spans="8:8">
      <c r="H144872" s="12"/>
    </row>
    <row r="144873" spans="8:8">
      <c r="H144873" s="12"/>
    </row>
    <row r="144874" spans="8:8">
      <c r="H144874" s="12"/>
    </row>
    <row r="144875" spans="8:8">
      <c r="H144875" s="12"/>
    </row>
    <row r="144876" spans="8:8">
      <c r="H144876" s="12"/>
    </row>
    <row r="144877" spans="8:8">
      <c r="H144877" s="12"/>
    </row>
    <row r="144878" spans="8:8">
      <c r="H144878" s="12"/>
    </row>
    <row r="144879" spans="8:8">
      <c r="H144879" s="12"/>
    </row>
    <row r="144880" spans="8:8">
      <c r="H144880" s="12"/>
    </row>
    <row r="144881" spans="8:8">
      <c r="H144881" s="12"/>
    </row>
    <row r="144882" spans="8:8">
      <c r="H144882" s="12"/>
    </row>
    <row r="144883" spans="8:8">
      <c r="H144883" s="12"/>
    </row>
    <row r="144884" spans="8:8">
      <c r="H144884" s="12"/>
    </row>
    <row r="144885" spans="8:8">
      <c r="H144885" s="12"/>
    </row>
    <row r="144886" spans="8:8">
      <c r="H144886" s="12"/>
    </row>
    <row r="144887" spans="8:8">
      <c r="H144887" s="12"/>
    </row>
    <row r="144888" spans="8:8">
      <c r="H144888" s="12"/>
    </row>
    <row r="144889" spans="8:8">
      <c r="H144889" s="12"/>
    </row>
    <row r="144890" spans="8:8">
      <c r="H144890" s="12"/>
    </row>
    <row r="144891" spans="8:8">
      <c r="H144891" s="12"/>
    </row>
    <row r="144892" spans="8:8">
      <c r="H144892" s="12"/>
    </row>
    <row r="144893" spans="8:8">
      <c r="H144893" s="12"/>
    </row>
    <row r="144894" spans="8:8">
      <c r="H144894" s="12"/>
    </row>
    <row r="144895" spans="8:8">
      <c r="H144895" s="12"/>
    </row>
    <row r="144896" spans="8:8">
      <c r="H144896" s="12"/>
    </row>
    <row r="144897" spans="8:8">
      <c r="H144897" s="12"/>
    </row>
    <row r="144898" spans="8:8">
      <c r="H144898" s="12"/>
    </row>
    <row r="144899" spans="8:8">
      <c r="H144899" s="12"/>
    </row>
    <row r="144900" spans="8:8">
      <c r="H144900" s="12"/>
    </row>
    <row r="144901" spans="8:8">
      <c r="H144901" s="12"/>
    </row>
    <row r="144902" spans="8:8">
      <c r="H144902" s="12"/>
    </row>
    <row r="144903" spans="8:8">
      <c r="H144903" s="12"/>
    </row>
    <row r="144904" spans="8:8">
      <c r="H144904" s="12"/>
    </row>
    <row r="144905" spans="8:8">
      <c r="H144905" s="12"/>
    </row>
    <row r="144906" spans="8:8">
      <c r="H144906" s="12"/>
    </row>
    <row r="144907" spans="8:8">
      <c r="H144907" s="12"/>
    </row>
    <row r="144908" spans="8:8">
      <c r="H144908" s="12"/>
    </row>
    <row r="144909" spans="8:8">
      <c r="H144909" s="12"/>
    </row>
    <row r="144910" spans="8:8">
      <c r="H144910" s="12"/>
    </row>
    <row r="144911" spans="8:8">
      <c r="H144911" s="12"/>
    </row>
    <row r="144912" spans="8:8">
      <c r="H144912" s="12"/>
    </row>
    <row r="144913" spans="8:8">
      <c r="H144913" s="12"/>
    </row>
    <row r="144914" spans="8:8">
      <c r="H144914" s="12"/>
    </row>
    <row r="144915" spans="8:8">
      <c r="H144915" s="12"/>
    </row>
    <row r="144916" spans="8:8">
      <c r="H144916" s="12"/>
    </row>
    <row r="144917" spans="8:8">
      <c r="H144917" s="12"/>
    </row>
    <row r="144918" spans="8:8">
      <c r="H144918" s="12"/>
    </row>
    <row r="144919" spans="8:8">
      <c r="H144919" s="12"/>
    </row>
    <row r="144920" spans="8:8">
      <c r="H144920" s="12"/>
    </row>
    <row r="144921" spans="8:8">
      <c r="H144921" s="12"/>
    </row>
    <row r="144922" spans="8:8">
      <c r="H144922" s="12"/>
    </row>
    <row r="144923" spans="8:8">
      <c r="H144923" s="12"/>
    </row>
    <row r="144924" spans="8:8">
      <c r="H144924" s="12"/>
    </row>
    <row r="144925" spans="8:8">
      <c r="H144925" s="12"/>
    </row>
    <row r="144926" spans="8:8">
      <c r="H144926" s="12"/>
    </row>
    <row r="144927" spans="8:8">
      <c r="H144927" s="12"/>
    </row>
    <row r="144928" spans="8:8">
      <c r="H144928" s="12"/>
    </row>
    <row r="144929" spans="8:8">
      <c r="H144929" s="12"/>
    </row>
    <row r="144930" spans="8:8">
      <c r="H144930" s="12"/>
    </row>
    <row r="144931" spans="8:8">
      <c r="H144931" s="12"/>
    </row>
    <row r="144932" spans="8:8">
      <c r="H144932" s="12"/>
    </row>
    <row r="144933" spans="8:8">
      <c r="H144933" s="12"/>
    </row>
    <row r="144934" spans="8:8">
      <c r="H144934" s="12"/>
    </row>
    <row r="144935" spans="8:8">
      <c r="H144935" s="12"/>
    </row>
    <row r="144936" spans="8:8">
      <c r="H144936" s="12"/>
    </row>
    <row r="144937" spans="8:8">
      <c r="H144937" s="12"/>
    </row>
    <row r="144938" spans="8:8">
      <c r="H144938" s="12"/>
    </row>
    <row r="144939" spans="8:8">
      <c r="H144939" s="12"/>
    </row>
    <row r="144940" spans="8:8">
      <c r="H144940" s="12"/>
    </row>
    <row r="144941" spans="8:8">
      <c r="H144941" s="12"/>
    </row>
    <row r="144942" spans="8:8">
      <c r="H144942" s="12"/>
    </row>
    <row r="144943" spans="8:8">
      <c r="H144943" s="12"/>
    </row>
    <row r="144944" spans="8:8">
      <c r="H144944" s="12"/>
    </row>
    <row r="144945" spans="8:8">
      <c r="H144945" s="12"/>
    </row>
    <row r="144946" spans="8:8">
      <c r="H144946" s="12"/>
    </row>
    <row r="144947" spans="8:8">
      <c r="H144947" s="12"/>
    </row>
    <row r="144948" spans="8:8">
      <c r="H144948" s="12"/>
    </row>
    <row r="144949" spans="8:8">
      <c r="H144949" s="12"/>
    </row>
    <row r="144950" spans="8:8">
      <c r="H144950" s="12"/>
    </row>
    <row r="144951" spans="8:8">
      <c r="H144951" s="12"/>
    </row>
    <row r="144952" spans="8:8">
      <c r="H144952" s="12"/>
    </row>
    <row r="144953" spans="8:8">
      <c r="H144953" s="12"/>
    </row>
    <row r="144954" spans="8:8">
      <c r="H144954" s="12"/>
    </row>
    <row r="144955" spans="8:8">
      <c r="H144955" s="12"/>
    </row>
    <row r="144956" spans="8:8">
      <c r="H144956" s="12"/>
    </row>
    <row r="144957" spans="8:8">
      <c r="H144957" s="12"/>
    </row>
    <row r="144958" spans="8:8">
      <c r="H144958" s="12"/>
    </row>
    <row r="144959" spans="8:8">
      <c r="H144959" s="12"/>
    </row>
    <row r="144960" spans="8:8">
      <c r="H144960" s="12"/>
    </row>
    <row r="144961" spans="8:8">
      <c r="H144961" s="12"/>
    </row>
    <row r="144962" spans="8:8">
      <c r="H144962" s="12"/>
    </row>
    <row r="144963" spans="8:8">
      <c r="H144963" s="12"/>
    </row>
    <row r="144964" spans="8:8">
      <c r="H144964" s="12"/>
    </row>
    <row r="144965" spans="8:8">
      <c r="H144965" s="12"/>
    </row>
    <row r="144966" spans="8:8">
      <c r="H144966" s="12"/>
    </row>
    <row r="144967" spans="8:8">
      <c r="H144967" s="12"/>
    </row>
    <row r="144968" spans="8:8">
      <c r="H144968" s="12"/>
    </row>
    <row r="144969" spans="8:8">
      <c r="H144969" s="12"/>
    </row>
    <row r="144970" spans="8:8">
      <c r="H144970" s="12"/>
    </row>
    <row r="144971" spans="8:8">
      <c r="H144971" s="12"/>
    </row>
    <row r="144972" spans="8:8">
      <c r="H144972" s="12"/>
    </row>
    <row r="144973" spans="8:8">
      <c r="H144973" s="12"/>
    </row>
    <row r="144974" spans="8:8">
      <c r="H144974" s="12"/>
    </row>
    <row r="144975" spans="8:8">
      <c r="H144975" s="12"/>
    </row>
    <row r="144976" spans="8:8">
      <c r="H144976" s="12"/>
    </row>
    <row r="144977" spans="8:8">
      <c r="H144977" s="12"/>
    </row>
    <row r="144978" spans="8:8">
      <c r="H144978" s="12"/>
    </row>
    <row r="144979" spans="8:8">
      <c r="H144979" s="12"/>
    </row>
    <row r="144980" spans="8:8">
      <c r="H144980" s="12"/>
    </row>
    <row r="144981" spans="8:8">
      <c r="H144981" s="12"/>
    </row>
    <row r="144982" spans="8:8">
      <c r="H144982" s="12"/>
    </row>
    <row r="144983" spans="8:8">
      <c r="H144983" s="12"/>
    </row>
    <row r="144984" spans="8:8">
      <c r="H144984" s="12"/>
    </row>
    <row r="144985" spans="8:8">
      <c r="H144985" s="12"/>
    </row>
    <row r="144986" spans="8:8">
      <c r="H144986" s="12"/>
    </row>
    <row r="144987" spans="8:8">
      <c r="H144987" s="12"/>
    </row>
    <row r="144988" spans="8:8">
      <c r="H144988" s="12"/>
    </row>
    <row r="144989" spans="8:8">
      <c r="H144989" s="12"/>
    </row>
    <row r="144990" spans="8:8">
      <c r="H144990" s="12"/>
    </row>
    <row r="144991" spans="8:8">
      <c r="H144991" s="12"/>
    </row>
    <row r="144992" spans="8:8">
      <c r="H144992" s="12"/>
    </row>
    <row r="144993" spans="8:8">
      <c r="H144993" s="12"/>
    </row>
    <row r="144994" spans="8:8">
      <c r="H144994" s="12"/>
    </row>
    <row r="144995" spans="8:8">
      <c r="H144995" s="12"/>
    </row>
    <row r="144996" spans="8:8">
      <c r="H144996" s="12"/>
    </row>
    <row r="144997" spans="8:8">
      <c r="H144997" s="12"/>
    </row>
    <row r="144998" spans="8:8">
      <c r="H144998" s="12"/>
    </row>
    <row r="144999" spans="8:8">
      <c r="H144999" s="12"/>
    </row>
    <row r="145000" spans="8:8">
      <c r="H145000" s="12"/>
    </row>
    <row r="145001" spans="8:8">
      <c r="H145001" s="12"/>
    </row>
    <row r="145002" spans="8:8">
      <c r="H145002" s="12"/>
    </row>
    <row r="145003" spans="8:8">
      <c r="H145003" s="12"/>
    </row>
    <row r="145004" spans="8:8">
      <c r="H145004" s="12"/>
    </row>
    <row r="145005" spans="8:8">
      <c r="H145005" s="12"/>
    </row>
    <row r="145006" spans="8:8">
      <c r="H145006" s="12"/>
    </row>
    <row r="145007" spans="8:8">
      <c r="H145007" s="12"/>
    </row>
    <row r="145008" spans="8:8">
      <c r="H145008" s="12"/>
    </row>
    <row r="145009" spans="8:8">
      <c r="H145009" s="12"/>
    </row>
    <row r="145010" spans="8:8">
      <c r="H145010" s="12"/>
    </row>
    <row r="145011" spans="8:8">
      <c r="H145011" s="12"/>
    </row>
    <row r="145012" spans="8:8">
      <c r="H145012" s="12"/>
    </row>
    <row r="145013" spans="8:8">
      <c r="H145013" s="12"/>
    </row>
    <row r="145014" spans="8:8">
      <c r="H145014" s="12"/>
    </row>
    <row r="145015" spans="8:8">
      <c r="H145015" s="12"/>
    </row>
    <row r="145016" spans="8:8">
      <c r="H145016" s="12"/>
    </row>
    <row r="145017" spans="8:8">
      <c r="H145017" s="12"/>
    </row>
    <row r="145018" spans="8:8">
      <c r="H145018" s="12"/>
    </row>
    <row r="145019" spans="8:8">
      <c r="H145019" s="12"/>
    </row>
    <row r="145020" spans="8:8">
      <c r="H145020" s="12"/>
    </row>
    <row r="145021" spans="8:8">
      <c r="H145021" s="12"/>
    </row>
    <row r="145022" spans="8:8">
      <c r="H145022" s="12"/>
    </row>
    <row r="145023" spans="8:8">
      <c r="H145023" s="12"/>
    </row>
    <row r="145024" spans="8:8">
      <c r="H145024" s="12"/>
    </row>
    <row r="145025" spans="8:8">
      <c r="H145025" s="12"/>
    </row>
    <row r="145026" spans="8:8">
      <c r="H145026" s="12"/>
    </row>
    <row r="145027" spans="8:8">
      <c r="H145027" s="12"/>
    </row>
    <row r="145028" spans="8:8">
      <c r="H145028" s="12"/>
    </row>
    <row r="145029" spans="8:8">
      <c r="H145029" s="12"/>
    </row>
    <row r="145030" spans="8:8">
      <c r="H145030" s="12"/>
    </row>
    <row r="145031" spans="8:8">
      <c r="H145031" s="12"/>
    </row>
    <row r="145032" spans="8:8">
      <c r="H145032" s="12"/>
    </row>
    <row r="145033" spans="8:8">
      <c r="H145033" s="12"/>
    </row>
    <row r="145034" spans="8:8">
      <c r="H145034" s="12"/>
    </row>
    <row r="145035" spans="8:8">
      <c r="H145035" s="12"/>
    </row>
    <row r="145036" spans="8:8">
      <c r="H145036" s="12"/>
    </row>
    <row r="145037" spans="8:8">
      <c r="H145037" s="12"/>
    </row>
    <row r="145038" spans="8:8">
      <c r="H145038" s="12"/>
    </row>
    <row r="145039" spans="8:8">
      <c r="H145039" s="12"/>
    </row>
    <row r="145040" spans="8:8">
      <c r="H145040" s="12"/>
    </row>
    <row r="145041" spans="8:8">
      <c r="H145041" s="12"/>
    </row>
    <row r="145042" spans="8:8">
      <c r="H145042" s="12"/>
    </row>
    <row r="145043" spans="8:8">
      <c r="H145043" s="12"/>
    </row>
    <row r="145044" spans="8:8">
      <c r="H145044" s="12"/>
    </row>
    <row r="145045" spans="8:8">
      <c r="H145045" s="12"/>
    </row>
    <row r="145046" spans="8:8">
      <c r="H145046" s="12"/>
    </row>
    <row r="145047" spans="8:8">
      <c r="H145047" s="12"/>
    </row>
    <row r="145048" spans="8:8">
      <c r="H145048" s="12"/>
    </row>
    <row r="145049" spans="8:8">
      <c r="H145049" s="12"/>
    </row>
    <row r="145050" spans="8:8">
      <c r="H145050" s="12"/>
    </row>
    <row r="145051" spans="8:8">
      <c r="H145051" s="12"/>
    </row>
    <row r="145052" spans="8:8">
      <c r="H145052" s="12"/>
    </row>
    <row r="145053" spans="8:8">
      <c r="H145053" s="12"/>
    </row>
    <row r="145054" spans="8:8">
      <c r="H145054" s="12"/>
    </row>
    <row r="145055" spans="8:8">
      <c r="H145055" s="12"/>
    </row>
    <row r="145056" spans="8:8">
      <c r="H145056" s="12"/>
    </row>
    <row r="145057" spans="8:8">
      <c r="H145057" s="12"/>
    </row>
    <row r="145058" spans="8:8">
      <c r="H145058" s="12"/>
    </row>
    <row r="145059" spans="8:8">
      <c r="H145059" s="12"/>
    </row>
    <row r="145060" spans="8:8">
      <c r="H145060" s="12"/>
    </row>
    <row r="145061" spans="8:8">
      <c r="H145061" s="12"/>
    </row>
    <row r="145062" spans="8:8">
      <c r="H145062" s="12"/>
    </row>
    <row r="145063" spans="8:8">
      <c r="H145063" s="12"/>
    </row>
    <row r="145064" spans="8:8">
      <c r="H145064" s="12"/>
    </row>
    <row r="145065" spans="8:8">
      <c r="H145065" s="12"/>
    </row>
    <row r="145066" spans="8:8">
      <c r="H145066" s="12"/>
    </row>
    <row r="145067" spans="8:8">
      <c r="H145067" s="12"/>
    </row>
    <row r="145068" spans="8:8">
      <c r="H145068" s="12"/>
    </row>
    <row r="145069" spans="8:8">
      <c r="H145069" s="12"/>
    </row>
    <row r="145070" spans="8:8">
      <c r="H145070" s="12"/>
    </row>
    <row r="145071" spans="8:8">
      <c r="H145071" s="12"/>
    </row>
    <row r="145072" spans="8:8">
      <c r="H145072" s="12"/>
    </row>
    <row r="145073" spans="8:8">
      <c r="H145073" s="12"/>
    </row>
    <row r="145074" spans="8:8">
      <c r="H145074" s="12"/>
    </row>
    <row r="145075" spans="8:8">
      <c r="H145075" s="12"/>
    </row>
    <row r="145076" spans="8:8">
      <c r="H145076" s="12"/>
    </row>
    <row r="145077" spans="8:8">
      <c r="H145077" s="12"/>
    </row>
    <row r="145078" spans="8:8">
      <c r="H145078" s="12"/>
    </row>
    <row r="145079" spans="8:8">
      <c r="H145079" s="12"/>
    </row>
    <row r="145080" spans="8:8">
      <c r="H145080" s="12"/>
    </row>
    <row r="145081" spans="8:8">
      <c r="H145081" s="12"/>
    </row>
    <row r="145082" spans="8:8">
      <c r="H145082" s="12"/>
    </row>
    <row r="145083" spans="8:8">
      <c r="H145083" s="12"/>
    </row>
    <row r="145084" spans="8:8">
      <c r="H145084" s="12"/>
    </row>
    <row r="145085" spans="8:8">
      <c r="H145085" s="12"/>
    </row>
    <row r="145086" spans="8:8">
      <c r="H145086" s="12"/>
    </row>
    <row r="145087" spans="8:8">
      <c r="H145087" s="12"/>
    </row>
    <row r="145088" spans="8:8">
      <c r="H145088" s="12"/>
    </row>
    <row r="145089" spans="8:8">
      <c r="H145089" s="12"/>
    </row>
    <row r="145090" spans="8:8">
      <c r="H145090" s="12"/>
    </row>
    <row r="145091" spans="8:8">
      <c r="H145091" s="12"/>
    </row>
    <row r="145092" spans="8:8">
      <c r="H145092" s="12"/>
    </row>
    <row r="145093" spans="8:8">
      <c r="H145093" s="12"/>
    </row>
    <row r="145094" spans="8:8">
      <c r="H145094" s="12"/>
    </row>
    <row r="145095" spans="8:8">
      <c r="H145095" s="12"/>
    </row>
    <row r="145096" spans="8:8">
      <c r="H145096" s="12"/>
    </row>
    <row r="145097" spans="8:8">
      <c r="H145097" s="12"/>
    </row>
    <row r="145098" spans="8:8">
      <c r="H145098" s="12"/>
    </row>
    <row r="145099" spans="8:8">
      <c r="H145099" s="12"/>
    </row>
    <row r="145100" spans="8:8">
      <c r="H145100" s="12"/>
    </row>
    <row r="145101" spans="8:8">
      <c r="H145101" s="12"/>
    </row>
    <row r="145102" spans="8:8">
      <c r="H145102" s="12"/>
    </row>
    <row r="145103" spans="8:8">
      <c r="H145103" s="12"/>
    </row>
    <row r="145104" spans="8:8">
      <c r="H145104" s="12"/>
    </row>
    <row r="145105" spans="8:8">
      <c r="H145105" s="12"/>
    </row>
    <row r="145106" spans="8:8">
      <c r="H145106" s="12"/>
    </row>
    <row r="145107" spans="8:8">
      <c r="H145107" s="12"/>
    </row>
    <row r="145108" spans="8:8">
      <c r="H145108" s="12"/>
    </row>
    <row r="145109" spans="8:8">
      <c r="H145109" s="12"/>
    </row>
    <row r="145110" spans="8:8">
      <c r="H145110" s="12"/>
    </row>
    <row r="145111" spans="8:8">
      <c r="H145111" s="12"/>
    </row>
    <row r="145112" spans="8:8">
      <c r="H145112" s="12"/>
    </row>
    <row r="145113" spans="8:8">
      <c r="H145113" s="12"/>
    </row>
    <row r="145114" spans="8:8">
      <c r="H145114" s="12"/>
    </row>
    <row r="145115" spans="8:8">
      <c r="H145115" s="12"/>
    </row>
    <row r="145116" spans="8:8">
      <c r="H145116" s="12"/>
    </row>
    <row r="145117" spans="8:8">
      <c r="H145117" s="12"/>
    </row>
    <row r="145118" spans="8:8">
      <c r="H145118" s="12"/>
    </row>
    <row r="145119" spans="8:8">
      <c r="H145119" s="12"/>
    </row>
    <row r="145120" spans="8:8">
      <c r="H145120" s="12"/>
    </row>
    <row r="145121" spans="8:8">
      <c r="H145121" s="12"/>
    </row>
    <row r="145122" spans="8:8">
      <c r="H145122" s="12"/>
    </row>
    <row r="145123" spans="8:8">
      <c r="H145123" s="12"/>
    </row>
    <row r="145124" spans="8:8">
      <c r="H145124" s="12"/>
    </row>
    <row r="145125" spans="8:8">
      <c r="H145125" s="12"/>
    </row>
    <row r="145126" spans="8:8">
      <c r="H145126" s="12"/>
    </row>
    <row r="145127" spans="8:8">
      <c r="H145127" s="12"/>
    </row>
    <row r="145128" spans="8:8">
      <c r="H145128" s="12"/>
    </row>
    <row r="145129" spans="8:8">
      <c r="H145129" s="12"/>
    </row>
    <row r="145130" spans="8:8">
      <c r="H145130" s="12"/>
    </row>
    <row r="145131" spans="8:8">
      <c r="H145131" s="12"/>
    </row>
    <row r="145132" spans="8:8">
      <c r="H145132" s="12"/>
    </row>
    <row r="145133" spans="8:8">
      <c r="H145133" s="12"/>
    </row>
    <row r="145134" spans="8:8">
      <c r="H145134" s="12"/>
    </row>
    <row r="145135" spans="8:8">
      <c r="H145135" s="12"/>
    </row>
    <row r="145136" spans="8:8">
      <c r="H145136" s="12"/>
    </row>
    <row r="145137" spans="8:8">
      <c r="H145137" s="12"/>
    </row>
    <row r="145138" spans="8:8">
      <c r="H145138" s="12"/>
    </row>
    <row r="145139" spans="8:8">
      <c r="H145139" s="12"/>
    </row>
    <row r="145140" spans="8:8">
      <c r="H145140" s="12"/>
    </row>
    <row r="145141" spans="8:8">
      <c r="H145141" s="12"/>
    </row>
    <row r="145142" spans="8:8">
      <c r="H145142" s="12"/>
    </row>
    <row r="145143" spans="8:8">
      <c r="H145143" s="12"/>
    </row>
    <row r="145144" spans="8:8">
      <c r="H145144" s="12"/>
    </row>
    <row r="145145" spans="8:8">
      <c r="H145145" s="12"/>
    </row>
    <row r="145146" spans="8:8">
      <c r="H145146" s="12"/>
    </row>
    <row r="145147" spans="8:8">
      <c r="H145147" s="12"/>
    </row>
    <row r="145148" spans="8:8">
      <c r="H145148" s="12"/>
    </row>
    <row r="145149" spans="8:8">
      <c r="H145149" s="12"/>
    </row>
    <row r="145150" spans="8:8">
      <c r="H145150" s="12"/>
    </row>
    <row r="145151" spans="8:8">
      <c r="H145151" s="12"/>
    </row>
    <row r="145152" spans="8:8">
      <c r="H145152" s="12"/>
    </row>
    <row r="145153" spans="8:8">
      <c r="H145153" s="12"/>
    </row>
    <row r="145154" spans="8:8">
      <c r="H145154" s="12"/>
    </row>
    <row r="145155" spans="8:8">
      <c r="H145155" s="12"/>
    </row>
    <row r="145156" spans="8:8">
      <c r="H145156" s="12"/>
    </row>
    <row r="145157" spans="8:8">
      <c r="H145157" s="12"/>
    </row>
    <row r="145158" spans="8:8">
      <c r="H145158" s="12"/>
    </row>
    <row r="145159" spans="8:8">
      <c r="H145159" s="12"/>
    </row>
    <row r="145160" spans="8:8">
      <c r="H145160" s="12"/>
    </row>
    <row r="145161" spans="8:8">
      <c r="H145161" s="12"/>
    </row>
    <row r="145162" spans="8:8">
      <c r="H145162" s="12"/>
    </row>
    <row r="145163" spans="8:8">
      <c r="H145163" s="12"/>
    </row>
    <row r="145164" spans="8:8">
      <c r="H145164" s="12"/>
    </row>
    <row r="145165" spans="8:8">
      <c r="H145165" s="12"/>
    </row>
    <row r="145166" spans="8:8">
      <c r="H145166" s="12"/>
    </row>
    <row r="145167" spans="8:8">
      <c r="H145167" s="12"/>
    </row>
    <row r="145168" spans="8:8">
      <c r="H145168" s="12"/>
    </row>
    <row r="145169" spans="8:8">
      <c r="H145169" s="12"/>
    </row>
    <row r="145170" spans="8:8">
      <c r="H145170" s="12"/>
    </row>
    <row r="145171" spans="8:8">
      <c r="H145171" s="12"/>
    </row>
    <row r="145172" spans="8:8">
      <c r="H145172" s="12"/>
    </row>
    <row r="145173" spans="8:8">
      <c r="H145173" s="12"/>
    </row>
    <row r="145174" spans="8:8">
      <c r="H145174" s="12"/>
    </row>
    <row r="145175" spans="8:8">
      <c r="H145175" s="12"/>
    </row>
    <row r="145176" spans="8:8">
      <c r="H145176" s="12"/>
    </row>
    <row r="145177" spans="8:8">
      <c r="H145177" s="12"/>
    </row>
    <row r="145178" spans="8:8">
      <c r="H145178" s="12"/>
    </row>
    <row r="145179" spans="8:8">
      <c r="H145179" s="12"/>
    </row>
    <row r="145180" spans="8:8">
      <c r="H145180" s="12"/>
    </row>
    <row r="145181" spans="8:8">
      <c r="H145181" s="12"/>
    </row>
    <row r="145182" spans="8:8">
      <c r="H145182" s="12"/>
    </row>
    <row r="145183" spans="8:8">
      <c r="H145183" s="12"/>
    </row>
    <row r="145184" spans="8:8">
      <c r="H145184" s="12"/>
    </row>
    <row r="145185" spans="8:8">
      <c r="H145185" s="12"/>
    </row>
    <row r="145186" spans="8:8">
      <c r="H145186" s="12"/>
    </row>
    <row r="145187" spans="8:8">
      <c r="H145187" s="12"/>
    </row>
    <row r="145188" spans="8:8">
      <c r="H145188" s="12"/>
    </row>
    <row r="145189" spans="8:8">
      <c r="H145189" s="12"/>
    </row>
    <row r="145190" spans="8:8">
      <c r="H145190" s="12"/>
    </row>
    <row r="145191" spans="8:8">
      <c r="H145191" s="12"/>
    </row>
    <row r="145192" spans="8:8">
      <c r="H145192" s="12"/>
    </row>
    <row r="145193" spans="8:8">
      <c r="H145193" s="12"/>
    </row>
    <row r="145194" spans="8:8">
      <c r="H145194" s="12"/>
    </row>
    <row r="145195" spans="8:8">
      <c r="H145195" s="12"/>
    </row>
    <row r="145196" spans="8:8">
      <c r="H145196" s="12"/>
    </row>
    <row r="145197" spans="8:8">
      <c r="H145197" s="12"/>
    </row>
    <row r="145198" spans="8:8">
      <c r="H145198" s="12"/>
    </row>
    <row r="145199" spans="8:8">
      <c r="H145199" s="12"/>
    </row>
    <row r="145200" spans="8:8">
      <c r="H145200" s="12"/>
    </row>
    <row r="145201" spans="8:8">
      <c r="H145201" s="12"/>
    </row>
    <row r="145202" spans="8:8">
      <c r="H145202" s="12"/>
    </row>
    <row r="145203" spans="8:8">
      <c r="H145203" s="12"/>
    </row>
    <row r="145204" spans="8:8">
      <c r="H145204" s="12"/>
    </row>
    <row r="145205" spans="8:8">
      <c r="H145205" s="12"/>
    </row>
    <row r="145206" spans="8:8">
      <c r="H145206" s="12"/>
    </row>
    <row r="145207" spans="8:8">
      <c r="H145207" s="12"/>
    </row>
    <row r="145208" spans="8:8">
      <c r="H145208" s="12"/>
    </row>
    <row r="145209" spans="8:8">
      <c r="H145209" s="12"/>
    </row>
    <row r="145210" spans="8:8">
      <c r="H145210" s="12"/>
    </row>
    <row r="145211" spans="8:8">
      <c r="H145211" s="12"/>
    </row>
    <row r="145212" spans="8:8">
      <c r="H145212" s="12"/>
    </row>
    <row r="145213" spans="8:8">
      <c r="H145213" s="12"/>
    </row>
    <row r="145214" spans="8:8">
      <c r="H145214" s="12"/>
    </row>
    <row r="145215" spans="8:8">
      <c r="H145215" s="12"/>
    </row>
    <row r="145216" spans="8:8">
      <c r="H145216" s="12"/>
    </row>
    <row r="145217" spans="8:8">
      <c r="H145217" s="12"/>
    </row>
    <row r="145218" spans="8:8">
      <c r="H145218" s="12"/>
    </row>
    <row r="145219" spans="8:8">
      <c r="H145219" s="12"/>
    </row>
    <row r="145220" spans="8:8">
      <c r="H145220" s="12"/>
    </row>
    <row r="145221" spans="8:8">
      <c r="H145221" s="12"/>
    </row>
    <row r="145222" spans="8:8">
      <c r="H145222" s="12"/>
    </row>
    <row r="145223" spans="8:8">
      <c r="H145223" s="12"/>
    </row>
    <row r="145224" spans="8:8">
      <c r="H145224" s="12"/>
    </row>
    <row r="145225" spans="8:8">
      <c r="H145225" s="12"/>
    </row>
    <row r="145226" spans="8:8">
      <c r="H145226" s="12"/>
    </row>
    <row r="145227" spans="8:8">
      <c r="H145227" s="12"/>
    </row>
    <row r="145228" spans="8:8">
      <c r="H145228" s="12"/>
    </row>
    <row r="145229" spans="8:8">
      <c r="H145229" s="12"/>
    </row>
    <row r="145230" spans="8:8">
      <c r="H145230" s="12"/>
    </row>
    <row r="145231" spans="8:8">
      <c r="H145231" s="12"/>
    </row>
    <row r="145232" spans="8:8">
      <c r="H145232" s="12"/>
    </row>
    <row r="145233" spans="8:8">
      <c r="H145233" s="12"/>
    </row>
    <row r="145234" spans="8:8">
      <c r="H145234" s="12"/>
    </row>
    <row r="145235" spans="8:8">
      <c r="H145235" s="12"/>
    </row>
    <row r="145236" spans="8:8">
      <c r="H145236" s="12"/>
    </row>
    <row r="145237" spans="8:8">
      <c r="H145237" s="12"/>
    </row>
    <row r="145238" spans="8:8">
      <c r="H145238" s="12"/>
    </row>
    <row r="145239" spans="8:8">
      <c r="H145239" s="12"/>
    </row>
    <row r="145240" spans="8:8">
      <c r="H145240" s="12"/>
    </row>
    <row r="145241" spans="8:8">
      <c r="H145241" s="12"/>
    </row>
    <row r="145242" spans="8:8">
      <c r="H145242" s="12"/>
    </row>
    <row r="145243" spans="8:8">
      <c r="H145243" s="12"/>
    </row>
    <row r="145244" spans="8:8">
      <c r="H145244" s="12"/>
    </row>
    <row r="145245" spans="8:8">
      <c r="H145245" s="12"/>
    </row>
    <row r="145246" spans="8:8">
      <c r="H145246" s="12"/>
    </row>
    <row r="145247" spans="8:8">
      <c r="H145247" s="12"/>
    </row>
    <row r="145248" spans="8:8">
      <c r="H145248" s="12"/>
    </row>
    <row r="145249" spans="8:8">
      <c r="H145249" s="12"/>
    </row>
    <row r="145250" spans="8:8">
      <c r="H145250" s="12"/>
    </row>
    <row r="145251" spans="8:8">
      <c r="H145251" s="12"/>
    </row>
    <row r="145252" spans="8:8">
      <c r="H145252" s="12"/>
    </row>
    <row r="145253" spans="8:8">
      <c r="H145253" s="12"/>
    </row>
    <row r="145254" spans="8:8">
      <c r="H145254" s="12"/>
    </row>
    <row r="145255" spans="8:8">
      <c r="H145255" s="12"/>
    </row>
    <row r="145256" spans="8:8">
      <c r="H145256" s="12"/>
    </row>
    <row r="145257" spans="8:8">
      <c r="H145257" s="12"/>
    </row>
    <row r="145258" spans="8:8">
      <c r="H145258" s="12"/>
    </row>
    <row r="145259" spans="8:8">
      <c r="H145259" s="12"/>
    </row>
    <row r="145260" spans="8:8">
      <c r="H145260" s="12"/>
    </row>
    <row r="145261" spans="8:8">
      <c r="H145261" s="12"/>
    </row>
    <row r="145262" spans="8:8">
      <c r="H145262" s="12"/>
    </row>
    <row r="145263" spans="8:8">
      <c r="H145263" s="12"/>
    </row>
    <row r="145264" spans="8:8">
      <c r="H145264" s="12"/>
    </row>
    <row r="145265" spans="8:8">
      <c r="H145265" s="12"/>
    </row>
    <row r="145266" spans="8:8">
      <c r="H145266" s="12"/>
    </row>
    <row r="145267" spans="8:8">
      <c r="H145267" s="12"/>
    </row>
    <row r="145268" spans="8:8">
      <c r="H145268" s="12"/>
    </row>
    <row r="145269" spans="8:8">
      <c r="H145269" s="12"/>
    </row>
    <row r="145270" spans="8:8">
      <c r="H145270" s="12"/>
    </row>
    <row r="145271" spans="8:8">
      <c r="H145271" s="12"/>
    </row>
    <row r="145272" spans="8:8">
      <c r="H145272" s="12"/>
    </row>
    <row r="145273" spans="8:8">
      <c r="H145273" s="12"/>
    </row>
    <row r="145274" spans="8:8">
      <c r="H145274" s="12"/>
    </row>
    <row r="145275" spans="8:8">
      <c r="H145275" s="12"/>
    </row>
    <row r="145276" spans="8:8">
      <c r="H145276" s="12"/>
    </row>
    <row r="145277" spans="8:8">
      <c r="H145277" s="12"/>
    </row>
    <row r="145278" spans="8:8">
      <c r="H145278" s="12"/>
    </row>
    <row r="145279" spans="8:8">
      <c r="H145279" s="12"/>
    </row>
    <row r="145280" spans="8:8">
      <c r="H145280" s="12"/>
    </row>
    <row r="145281" spans="8:8">
      <c r="H145281" s="12"/>
    </row>
    <row r="145282" spans="8:8">
      <c r="H145282" s="12"/>
    </row>
    <row r="145283" spans="8:8">
      <c r="H145283" s="12"/>
    </row>
    <row r="145284" spans="8:8">
      <c r="H145284" s="12"/>
    </row>
    <row r="145285" spans="8:8">
      <c r="H145285" s="12"/>
    </row>
    <row r="145286" spans="8:8">
      <c r="H145286" s="12"/>
    </row>
    <row r="145287" spans="8:8">
      <c r="H145287" s="12"/>
    </row>
    <row r="145288" spans="8:8">
      <c r="H145288" s="12"/>
    </row>
    <row r="145289" spans="8:8">
      <c r="H145289" s="12"/>
    </row>
    <row r="145290" spans="8:8">
      <c r="H145290" s="12"/>
    </row>
    <row r="145291" spans="8:8">
      <c r="H145291" s="12"/>
    </row>
    <row r="145292" spans="8:8">
      <c r="H145292" s="12"/>
    </row>
    <row r="145293" spans="8:8">
      <c r="H145293" s="12"/>
    </row>
    <row r="145294" spans="8:8">
      <c r="H145294" s="12"/>
    </row>
    <row r="145295" spans="8:8">
      <c r="H145295" s="12"/>
    </row>
    <row r="145296" spans="8:8">
      <c r="H145296" s="12"/>
    </row>
    <row r="145297" spans="8:8">
      <c r="H145297" s="12"/>
    </row>
    <row r="145298" spans="8:8">
      <c r="H145298" s="12"/>
    </row>
    <row r="145299" spans="8:8">
      <c r="H145299" s="12"/>
    </row>
    <row r="145300" spans="8:8">
      <c r="H145300" s="12"/>
    </row>
    <row r="145301" spans="8:8">
      <c r="H145301" s="12"/>
    </row>
    <row r="145302" spans="8:8">
      <c r="H145302" s="12"/>
    </row>
    <row r="145303" spans="8:8">
      <c r="H145303" s="12"/>
    </row>
    <row r="145304" spans="8:8">
      <c r="H145304" s="12"/>
    </row>
    <row r="145305" spans="8:8">
      <c r="H145305" s="12"/>
    </row>
    <row r="145306" spans="8:8">
      <c r="H145306" s="12"/>
    </row>
    <row r="145307" spans="8:8">
      <c r="H145307" s="12"/>
    </row>
    <row r="145308" spans="8:8">
      <c r="H145308" s="12"/>
    </row>
    <row r="145309" spans="8:8">
      <c r="H145309" s="12"/>
    </row>
    <row r="145310" spans="8:8">
      <c r="H145310" s="12"/>
    </row>
    <row r="145311" spans="8:8">
      <c r="H145311" s="12"/>
    </row>
    <row r="145312" spans="8:8">
      <c r="H145312" s="12"/>
    </row>
    <row r="145313" spans="8:8">
      <c r="H145313" s="12"/>
    </row>
    <row r="145314" spans="8:8">
      <c r="H145314" s="12"/>
    </row>
    <row r="145315" spans="8:8">
      <c r="H145315" s="12"/>
    </row>
    <row r="145316" spans="8:8">
      <c r="H145316" s="12"/>
    </row>
    <row r="145317" spans="8:8">
      <c r="H145317" s="12"/>
    </row>
    <row r="145318" spans="8:8">
      <c r="H145318" s="12"/>
    </row>
    <row r="145319" spans="8:8">
      <c r="H145319" s="12"/>
    </row>
    <row r="145320" spans="8:8">
      <c r="H145320" s="12"/>
    </row>
    <row r="145321" spans="8:8">
      <c r="H145321" s="12"/>
    </row>
    <row r="145322" spans="8:8">
      <c r="H145322" s="12"/>
    </row>
    <row r="145323" spans="8:8">
      <c r="H145323" s="12"/>
    </row>
    <row r="145324" spans="8:8">
      <c r="H145324" s="12"/>
    </row>
    <row r="145325" spans="8:8">
      <c r="H145325" s="12"/>
    </row>
    <row r="145326" spans="8:8">
      <c r="H145326" s="12"/>
    </row>
    <row r="145327" spans="8:8">
      <c r="H145327" s="12"/>
    </row>
    <row r="145328" spans="8:8">
      <c r="H145328" s="12"/>
    </row>
    <row r="145329" spans="8:8">
      <c r="H145329" s="12"/>
    </row>
    <row r="145330" spans="8:8">
      <c r="H145330" s="12"/>
    </row>
    <row r="145331" spans="8:8">
      <c r="H145331" s="12"/>
    </row>
    <row r="145332" spans="8:8">
      <c r="H145332" s="12"/>
    </row>
    <row r="145333" spans="8:8">
      <c r="H145333" s="12"/>
    </row>
    <row r="145334" spans="8:8">
      <c r="H145334" s="12"/>
    </row>
    <row r="145335" spans="8:8">
      <c r="H145335" s="12"/>
    </row>
    <row r="145336" spans="8:8">
      <c r="H145336" s="12"/>
    </row>
    <row r="145337" spans="8:8">
      <c r="H145337" s="12"/>
    </row>
    <row r="145338" spans="8:8">
      <c r="H145338" s="12"/>
    </row>
    <row r="145339" spans="8:8">
      <c r="H145339" s="12"/>
    </row>
    <row r="145340" spans="8:8">
      <c r="H145340" s="12"/>
    </row>
    <row r="145341" spans="8:8">
      <c r="H145341" s="12"/>
    </row>
    <row r="145342" spans="8:8">
      <c r="H145342" s="12"/>
    </row>
    <row r="145343" spans="8:8">
      <c r="H145343" s="12"/>
    </row>
    <row r="145344" spans="8:8">
      <c r="H145344" s="12"/>
    </row>
    <row r="145345" spans="8:8">
      <c r="H145345" s="12"/>
    </row>
    <row r="145346" spans="8:8">
      <c r="H145346" s="12"/>
    </row>
    <row r="145347" spans="8:8">
      <c r="H145347" s="12"/>
    </row>
    <row r="145348" spans="8:8">
      <c r="H145348" s="12"/>
    </row>
    <row r="145349" spans="8:8">
      <c r="H145349" s="12"/>
    </row>
    <row r="145350" spans="8:8">
      <c r="H145350" s="12"/>
    </row>
    <row r="145351" spans="8:8">
      <c r="H145351" s="12"/>
    </row>
    <row r="145352" spans="8:8">
      <c r="H145352" s="12"/>
    </row>
    <row r="145353" spans="8:8">
      <c r="H145353" s="12"/>
    </row>
    <row r="145354" spans="8:8">
      <c r="H145354" s="12"/>
    </row>
    <row r="145355" spans="8:8">
      <c r="H145355" s="12"/>
    </row>
    <row r="145356" spans="8:8">
      <c r="H145356" s="12"/>
    </row>
    <row r="145357" spans="8:8">
      <c r="H145357" s="12"/>
    </row>
    <row r="145358" spans="8:8">
      <c r="H145358" s="12"/>
    </row>
    <row r="145359" spans="8:8">
      <c r="H145359" s="12"/>
    </row>
    <row r="145360" spans="8:8">
      <c r="H145360" s="12"/>
    </row>
    <row r="145361" spans="8:8">
      <c r="H145361" s="12"/>
    </row>
    <row r="145362" spans="8:8">
      <c r="H145362" s="12"/>
    </row>
    <row r="145363" spans="8:8">
      <c r="H145363" s="12"/>
    </row>
    <row r="145364" spans="8:8">
      <c r="H145364" s="12"/>
    </row>
    <row r="145365" spans="8:8">
      <c r="H145365" s="12"/>
    </row>
    <row r="145366" spans="8:8">
      <c r="H145366" s="12"/>
    </row>
    <row r="145367" spans="8:8">
      <c r="H145367" s="12"/>
    </row>
    <row r="145368" spans="8:8">
      <c r="H145368" s="12"/>
    </row>
    <row r="145369" spans="8:8">
      <c r="H145369" s="12"/>
    </row>
    <row r="145370" spans="8:8">
      <c r="H145370" s="12"/>
    </row>
    <row r="145371" spans="8:8">
      <c r="H145371" s="12"/>
    </row>
    <row r="145372" spans="8:8">
      <c r="H145372" s="12"/>
    </row>
    <row r="145373" spans="8:8">
      <c r="H145373" s="12"/>
    </row>
    <row r="145374" spans="8:8">
      <c r="H145374" s="12"/>
    </row>
    <row r="145375" spans="8:8">
      <c r="H145375" s="12"/>
    </row>
    <row r="145376" spans="8:8">
      <c r="H145376" s="12"/>
    </row>
    <row r="145377" spans="8:8">
      <c r="H145377" s="12"/>
    </row>
    <row r="145378" spans="8:8">
      <c r="H145378" s="12"/>
    </row>
    <row r="145379" spans="8:8">
      <c r="H145379" s="12"/>
    </row>
    <row r="145380" spans="8:8">
      <c r="H145380" s="12"/>
    </row>
    <row r="145381" spans="8:8">
      <c r="H145381" s="12"/>
    </row>
    <row r="145382" spans="8:8">
      <c r="H145382" s="12"/>
    </row>
    <row r="145383" spans="8:8">
      <c r="H145383" s="12"/>
    </row>
    <row r="145384" spans="8:8">
      <c r="H145384" s="12"/>
    </row>
    <row r="145385" spans="8:8">
      <c r="H145385" s="12"/>
    </row>
    <row r="145386" spans="8:8">
      <c r="H145386" s="12"/>
    </row>
    <row r="145387" spans="8:8">
      <c r="H145387" s="12"/>
    </row>
    <row r="145388" spans="8:8">
      <c r="H145388" s="12"/>
    </row>
    <row r="145389" spans="8:8">
      <c r="H145389" s="12"/>
    </row>
    <row r="145390" spans="8:8">
      <c r="H145390" s="12"/>
    </row>
    <row r="145391" spans="8:8">
      <c r="H145391" s="12"/>
    </row>
    <row r="145392" spans="8:8">
      <c r="H145392" s="12"/>
    </row>
    <row r="145393" spans="8:8">
      <c r="H145393" s="12"/>
    </row>
    <row r="145394" spans="8:8">
      <c r="H145394" s="12"/>
    </row>
    <row r="145395" spans="8:8">
      <c r="H145395" s="12"/>
    </row>
    <row r="145396" spans="8:8">
      <c r="H145396" s="12"/>
    </row>
    <row r="145397" spans="8:8">
      <c r="H145397" s="12"/>
    </row>
    <row r="145398" spans="8:8">
      <c r="H145398" s="12"/>
    </row>
    <row r="145399" spans="8:8">
      <c r="H145399" s="12"/>
    </row>
    <row r="145400" spans="8:8">
      <c r="H145400" s="12"/>
    </row>
    <row r="145401" spans="8:8">
      <c r="H145401" s="12"/>
    </row>
    <row r="145402" spans="8:8">
      <c r="H145402" s="12"/>
    </row>
    <row r="145403" spans="8:8">
      <c r="H145403" s="12"/>
    </row>
    <row r="145404" spans="8:8">
      <c r="H145404" s="12"/>
    </row>
    <row r="145405" spans="8:8">
      <c r="H145405" s="12"/>
    </row>
    <row r="145406" spans="8:8">
      <c r="H145406" s="12"/>
    </row>
    <row r="145407" spans="8:8">
      <c r="H145407" s="12"/>
    </row>
    <row r="145408" spans="8:8">
      <c r="H145408" s="12"/>
    </row>
    <row r="145409" spans="8:8">
      <c r="H145409" s="12"/>
    </row>
    <row r="145410" spans="8:8">
      <c r="H145410" s="12"/>
    </row>
    <row r="145411" spans="8:8">
      <c r="H145411" s="12"/>
    </row>
    <row r="145412" spans="8:8">
      <c r="H145412" s="12"/>
    </row>
    <row r="145413" spans="8:8">
      <c r="H145413" s="12"/>
    </row>
    <row r="145414" spans="8:8">
      <c r="H145414" s="12"/>
    </row>
    <row r="145415" spans="8:8">
      <c r="H145415" s="12"/>
    </row>
    <row r="145416" spans="8:8">
      <c r="H145416" s="12"/>
    </row>
    <row r="145417" spans="8:8">
      <c r="H145417" s="12"/>
    </row>
    <row r="145418" spans="8:8">
      <c r="H145418" s="12"/>
    </row>
    <row r="145419" spans="8:8">
      <c r="H145419" s="12"/>
    </row>
    <row r="145420" spans="8:8">
      <c r="H145420" s="12"/>
    </row>
    <row r="145421" spans="8:8">
      <c r="H145421" s="12"/>
    </row>
    <row r="145422" spans="8:8">
      <c r="H145422" s="12"/>
    </row>
    <row r="145423" spans="8:8">
      <c r="H145423" s="12"/>
    </row>
    <row r="145424" spans="8:8">
      <c r="H145424" s="12"/>
    </row>
    <row r="145425" spans="8:8">
      <c r="H145425" s="12"/>
    </row>
    <row r="145426" spans="8:8">
      <c r="H145426" s="12"/>
    </row>
    <row r="145427" spans="8:8">
      <c r="H145427" s="12"/>
    </row>
    <row r="145428" spans="8:8">
      <c r="H145428" s="12"/>
    </row>
    <row r="145429" spans="8:8">
      <c r="H145429" s="12"/>
    </row>
    <row r="145430" spans="8:8">
      <c r="H145430" s="12"/>
    </row>
    <row r="145431" spans="8:8">
      <c r="H145431" s="12"/>
    </row>
    <row r="145432" spans="8:8">
      <c r="H145432" s="12"/>
    </row>
    <row r="145433" spans="8:8">
      <c r="H145433" s="12"/>
    </row>
    <row r="145434" spans="8:8">
      <c r="H145434" s="12"/>
    </row>
    <row r="145435" spans="8:8">
      <c r="H145435" s="12"/>
    </row>
    <row r="145436" spans="8:8">
      <c r="H145436" s="12"/>
    </row>
    <row r="145437" spans="8:8">
      <c r="H145437" s="12"/>
    </row>
    <row r="145438" spans="8:8">
      <c r="H145438" s="12"/>
    </row>
    <row r="145439" spans="8:8">
      <c r="H145439" s="12"/>
    </row>
    <row r="145440" spans="8:8">
      <c r="H145440" s="12"/>
    </row>
    <row r="145441" spans="8:8">
      <c r="H145441" s="12"/>
    </row>
    <row r="145442" spans="8:8">
      <c r="H145442" s="12"/>
    </row>
    <row r="145443" spans="8:8">
      <c r="H145443" s="12"/>
    </row>
    <row r="145444" spans="8:8">
      <c r="H145444" s="12"/>
    </row>
    <row r="145445" spans="8:8">
      <c r="H145445" s="12"/>
    </row>
    <row r="145446" spans="8:8">
      <c r="H145446" s="12"/>
    </row>
    <row r="145447" spans="8:8">
      <c r="H145447" s="12"/>
    </row>
    <row r="145448" spans="8:8">
      <c r="H145448" s="12"/>
    </row>
    <row r="145449" spans="8:8">
      <c r="H145449" s="12"/>
    </row>
    <row r="145450" spans="8:8">
      <c r="H145450" s="12"/>
    </row>
    <row r="145451" spans="8:8">
      <c r="H145451" s="12"/>
    </row>
    <row r="145452" spans="8:8">
      <c r="H145452" s="12"/>
    </row>
    <row r="145453" spans="8:8">
      <c r="H145453" s="12"/>
    </row>
    <row r="145454" spans="8:8">
      <c r="H145454" s="12"/>
    </row>
    <row r="145455" spans="8:8">
      <c r="H145455" s="12"/>
    </row>
    <row r="145456" spans="8:8">
      <c r="H145456" s="12"/>
    </row>
    <row r="145457" spans="8:8">
      <c r="H145457" s="12"/>
    </row>
    <row r="145458" spans="8:8">
      <c r="H145458" s="12"/>
    </row>
    <row r="145459" spans="8:8">
      <c r="H145459" s="12"/>
    </row>
    <row r="145460" spans="8:8">
      <c r="H145460" s="12"/>
    </row>
    <row r="145461" spans="8:8">
      <c r="H145461" s="12"/>
    </row>
    <row r="145462" spans="8:8">
      <c r="H145462" s="12"/>
    </row>
    <row r="145463" spans="8:8">
      <c r="H145463" s="12"/>
    </row>
    <row r="145464" spans="8:8">
      <c r="H145464" s="12"/>
    </row>
    <row r="145465" spans="8:8">
      <c r="H145465" s="12"/>
    </row>
    <row r="145466" spans="8:8">
      <c r="H145466" s="12"/>
    </row>
    <row r="145467" spans="8:8">
      <c r="H145467" s="12"/>
    </row>
    <row r="145468" spans="8:8">
      <c r="H145468" s="12"/>
    </row>
    <row r="145469" spans="8:8">
      <c r="H145469" s="12"/>
    </row>
    <row r="145470" spans="8:8">
      <c r="H145470" s="12"/>
    </row>
    <row r="145471" spans="8:8">
      <c r="H145471" s="12"/>
    </row>
    <row r="145472" spans="8:8">
      <c r="H145472" s="12"/>
    </row>
    <row r="145473" spans="8:8">
      <c r="H145473" s="12"/>
    </row>
    <row r="145474" spans="8:8">
      <c r="H145474" s="12"/>
    </row>
    <row r="145475" spans="8:8">
      <c r="H145475" s="12"/>
    </row>
    <row r="145476" spans="8:8">
      <c r="H145476" s="12"/>
    </row>
    <row r="145477" spans="8:8">
      <c r="H145477" s="12"/>
    </row>
    <row r="145478" spans="8:8">
      <c r="H145478" s="12"/>
    </row>
    <row r="145479" spans="8:8">
      <c r="H145479" s="12"/>
    </row>
    <row r="145480" spans="8:8">
      <c r="H145480" s="12"/>
    </row>
    <row r="145481" spans="8:8">
      <c r="H145481" s="12"/>
    </row>
    <row r="145482" spans="8:8">
      <c r="H145482" s="12"/>
    </row>
    <row r="145483" spans="8:8">
      <c r="H145483" s="12"/>
    </row>
    <row r="145484" spans="8:8">
      <c r="H145484" s="12"/>
    </row>
    <row r="145485" spans="8:8">
      <c r="H145485" s="12"/>
    </row>
    <row r="145486" spans="8:8">
      <c r="H145486" s="12"/>
    </row>
    <row r="145487" spans="8:8">
      <c r="H145487" s="12"/>
    </row>
    <row r="145488" spans="8:8">
      <c r="H145488" s="12"/>
    </row>
    <row r="145489" spans="8:8">
      <c r="H145489" s="12"/>
    </row>
    <row r="145490" spans="8:8">
      <c r="H145490" s="12"/>
    </row>
    <row r="145491" spans="8:8">
      <c r="H145491" s="12"/>
    </row>
    <row r="145492" spans="8:8">
      <c r="H145492" s="12"/>
    </row>
    <row r="145493" spans="8:8">
      <c r="H145493" s="12"/>
    </row>
    <row r="145494" spans="8:8">
      <c r="H145494" s="12"/>
    </row>
    <row r="145495" spans="8:8">
      <c r="H145495" s="12"/>
    </row>
    <row r="145496" spans="8:8">
      <c r="H145496" s="12"/>
    </row>
    <row r="145497" spans="8:8">
      <c r="H145497" s="12"/>
    </row>
    <row r="145498" spans="8:8">
      <c r="H145498" s="12"/>
    </row>
    <row r="145499" spans="8:8">
      <c r="H145499" s="12"/>
    </row>
    <row r="145500" spans="8:8">
      <c r="H145500" s="12"/>
    </row>
    <row r="145501" spans="8:8">
      <c r="H145501" s="12"/>
    </row>
    <row r="145502" spans="8:8">
      <c r="H145502" s="12"/>
    </row>
    <row r="145503" spans="8:8">
      <c r="H145503" s="12"/>
    </row>
    <row r="145504" spans="8:8">
      <c r="H145504" s="12"/>
    </row>
    <row r="145505" spans="8:8">
      <c r="H145505" s="12"/>
    </row>
    <row r="145506" spans="8:8">
      <c r="H145506" s="12"/>
    </row>
    <row r="145507" spans="8:8">
      <c r="H145507" s="12"/>
    </row>
    <row r="145508" spans="8:8">
      <c r="H145508" s="12"/>
    </row>
    <row r="145509" spans="8:8">
      <c r="H145509" s="12"/>
    </row>
    <row r="145510" spans="8:8">
      <c r="H145510" s="12"/>
    </row>
    <row r="145511" spans="8:8">
      <c r="H145511" s="12"/>
    </row>
    <row r="145512" spans="8:8">
      <c r="H145512" s="12"/>
    </row>
    <row r="145513" spans="8:8">
      <c r="H145513" s="12"/>
    </row>
    <row r="145514" spans="8:8">
      <c r="H145514" s="12"/>
    </row>
    <row r="145515" spans="8:8">
      <c r="H145515" s="12"/>
    </row>
    <row r="145516" spans="8:8">
      <c r="H145516" s="12"/>
    </row>
    <row r="145517" spans="8:8">
      <c r="H145517" s="12"/>
    </row>
    <row r="145518" spans="8:8">
      <c r="H145518" s="12"/>
    </row>
    <row r="145519" spans="8:8">
      <c r="H145519" s="12"/>
    </row>
    <row r="145520" spans="8:8">
      <c r="H145520" s="12"/>
    </row>
    <row r="145521" spans="8:8">
      <c r="H145521" s="12"/>
    </row>
    <row r="145522" spans="8:8">
      <c r="H145522" s="12"/>
    </row>
    <row r="145523" spans="8:8">
      <c r="H145523" s="12"/>
    </row>
    <row r="145524" spans="8:8">
      <c r="H145524" s="12"/>
    </row>
    <row r="145525" spans="8:8">
      <c r="H145525" s="12"/>
    </row>
    <row r="145526" spans="8:8">
      <c r="H145526" s="12"/>
    </row>
    <row r="145527" spans="8:8">
      <c r="H145527" s="12"/>
    </row>
    <row r="145528" spans="8:8">
      <c r="H145528" s="12"/>
    </row>
    <row r="145529" spans="8:8">
      <c r="H145529" s="12"/>
    </row>
    <row r="145530" spans="8:8">
      <c r="H145530" s="12"/>
    </row>
    <row r="145531" spans="8:8">
      <c r="H145531" s="12"/>
    </row>
    <row r="145532" spans="8:8">
      <c r="H145532" s="12"/>
    </row>
    <row r="145533" spans="8:8">
      <c r="H145533" s="12"/>
    </row>
    <row r="145534" spans="8:8">
      <c r="H145534" s="12"/>
    </row>
    <row r="145535" spans="8:8">
      <c r="H145535" s="12"/>
    </row>
    <row r="145536" spans="8:8">
      <c r="H145536" s="12"/>
    </row>
    <row r="145537" spans="8:8">
      <c r="H145537" s="12"/>
    </row>
    <row r="145538" spans="8:8">
      <c r="H145538" s="12"/>
    </row>
    <row r="145539" spans="8:8">
      <c r="H145539" s="12"/>
    </row>
    <row r="145540" spans="8:8">
      <c r="H145540" s="12"/>
    </row>
    <row r="145541" spans="8:8">
      <c r="H145541" s="12"/>
    </row>
    <row r="145542" spans="8:8">
      <c r="H145542" s="12"/>
    </row>
    <row r="145543" spans="8:8">
      <c r="H145543" s="12"/>
    </row>
    <row r="145544" spans="8:8">
      <c r="H145544" s="12"/>
    </row>
    <row r="145545" spans="8:8">
      <c r="H145545" s="12"/>
    </row>
    <row r="145546" spans="8:8">
      <c r="H145546" s="12"/>
    </row>
    <row r="145547" spans="8:8">
      <c r="H145547" s="12"/>
    </row>
    <row r="145548" spans="8:8">
      <c r="H145548" s="12"/>
    </row>
    <row r="145549" spans="8:8">
      <c r="H145549" s="12"/>
    </row>
    <row r="145550" spans="8:8">
      <c r="H145550" s="12"/>
    </row>
    <row r="145551" spans="8:8">
      <c r="H145551" s="12"/>
    </row>
    <row r="145552" spans="8:8">
      <c r="H145552" s="12"/>
    </row>
    <row r="145553" spans="8:8">
      <c r="H145553" s="12"/>
    </row>
    <row r="145554" spans="8:8">
      <c r="H145554" s="12"/>
    </row>
    <row r="145555" spans="8:8">
      <c r="H145555" s="12"/>
    </row>
    <row r="145556" spans="8:8">
      <c r="H145556" s="12"/>
    </row>
    <row r="145557" spans="8:8">
      <c r="H145557" s="12"/>
    </row>
    <row r="145558" spans="8:8">
      <c r="H145558" s="12"/>
    </row>
    <row r="145559" spans="8:8">
      <c r="H145559" s="12"/>
    </row>
    <row r="145560" spans="8:8">
      <c r="H145560" s="12"/>
    </row>
    <row r="145561" spans="8:8">
      <c r="H145561" s="12"/>
    </row>
    <row r="145562" spans="8:8">
      <c r="H145562" s="12"/>
    </row>
    <row r="145563" spans="8:8">
      <c r="H145563" s="12"/>
    </row>
    <row r="145564" spans="8:8">
      <c r="H145564" s="12"/>
    </row>
    <row r="145565" spans="8:8">
      <c r="H145565" s="12"/>
    </row>
    <row r="145566" spans="8:8">
      <c r="H145566" s="12"/>
    </row>
    <row r="145567" spans="8:8">
      <c r="H145567" s="12"/>
    </row>
    <row r="145568" spans="8:8">
      <c r="H145568" s="12"/>
    </row>
    <row r="145569" spans="8:8">
      <c r="H145569" s="12"/>
    </row>
    <row r="145570" spans="8:8">
      <c r="H145570" s="12"/>
    </row>
    <row r="145571" spans="8:8">
      <c r="H145571" s="12"/>
    </row>
    <row r="145572" spans="8:8">
      <c r="H145572" s="12"/>
    </row>
    <row r="145573" spans="8:8">
      <c r="H145573" s="12"/>
    </row>
    <row r="145574" spans="8:8">
      <c r="H145574" s="12"/>
    </row>
    <row r="145575" spans="8:8">
      <c r="H145575" s="12"/>
    </row>
    <row r="145576" spans="8:8">
      <c r="H145576" s="12"/>
    </row>
    <row r="145577" spans="8:8">
      <c r="H145577" s="12"/>
    </row>
    <row r="145578" spans="8:8">
      <c r="H145578" s="12"/>
    </row>
    <row r="145579" spans="8:8">
      <c r="H145579" s="12"/>
    </row>
    <row r="145580" spans="8:8">
      <c r="H145580" s="12"/>
    </row>
    <row r="145581" spans="8:8">
      <c r="H145581" s="12"/>
    </row>
    <row r="145582" spans="8:8">
      <c r="H145582" s="12"/>
    </row>
    <row r="145583" spans="8:8">
      <c r="H145583" s="12"/>
    </row>
    <row r="145584" spans="8:8">
      <c r="H145584" s="12"/>
    </row>
    <row r="145585" spans="8:8">
      <c r="H145585" s="12"/>
    </row>
    <row r="145586" spans="8:8">
      <c r="H145586" s="12"/>
    </row>
    <row r="145587" spans="8:8">
      <c r="H145587" s="12"/>
    </row>
    <row r="145588" spans="8:8">
      <c r="H145588" s="12"/>
    </row>
    <row r="145589" spans="8:8">
      <c r="H145589" s="12"/>
    </row>
    <row r="145590" spans="8:8">
      <c r="H145590" s="12"/>
    </row>
    <row r="145591" spans="8:8">
      <c r="H145591" s="12"/>
    </row>
    <row r="145592" spans="8:8">
      <c r="H145592" s="12"/>
    </row>
    <row r="145593" spans="8:8">
      <c r="H145593" s="12"/>
    </row>
    <row r="145594" spans="8:8">
      <c r="H145594" s="12"/>
    </row>
    <row r="145595" spans="8:8">
      <c r="H145595" s="12"/>
    </row>
    <row r="145596" spans="8:8">
      <c r="H145596" s="12"/>
    </row>
    <row r="145597" spans="8:8">
      <c r="H145597" s="12"/>
    </row>
    <row r="145598" spans="8:8">
      <c r="H145598" s="12"/>
    </row>
    <row r="145599" spans="8:8">
      <c r="H145599" s="12"/>
    </row>
    <row r="145600" spans="8:8">
      <c r="H145600" s="12"/>
    </row>
    <row r="145601" spans="8:8">
      <c r="H145601" s="12"/>
    </row>
    <row r="145602" spans="8:8">
      <c r="H145602" s="12"/>
    </row>
    <row r="145603" spans="8:8">
      <c r="H145603" s="12"/>
    </row>
    <row r="145604" spans="8:8">
      <c r="H145604" s="12"/>
    </row>
    <row r="145605" spans="8:8">
      <c r="H145605" s="12"/>
    </row>
    <row r="145606" spans="8:8">
      <c r="H145606" s="12"/>
    </row>
    <row r="145607" spans="8:8">
      <c r="H145607" s="12"/>
    </row>
    <row r="145608" spans="8:8">
      <c r="H145608" s="12"/>
    </row>
    <row r="145609" spans="8:8">
      <c r="H145609" s="12"/>
    </row>
    <row r="145610" spans="8:8">
      <c r="H145610" s="12"/>
    </row>
    <row r="145611" spans="8:8">
      <c r="H145611" s="12"/>
    </row>
    <row r="145612" spans="8:8">
      <c r="H145612" s="12"/>
    </row>
    <row r="145613" spans="8:8">
      <c r="H145613" s="12"/>
    </row>
    <row r="145614" spans="8:8">
      <c r="H145614" s="12"/>
    </row>
    <row r="145615" spans="8:8">
      <c r="H145615" s="12"/>
    </row>
    <row r="145616" spans="8:8">
      <c r="H145616" s="12"/>
    </row>
    <row r="145617" spans="8:8">
      <c r="H145617" s="12"/>
    </row>
    <row r="145618" spans="8:8">
      <c r="H145618" s="12"/>
    </row>
    <row r="145619" spans="8:8">
      <c r="H145619" s="12"/>
    </row>
    <row r="145620" spans="8:8">
      <c r="H145620" s="12"/>
    </row>
    <row r="145621" spans="8:8">
      <c r="H145621" s="12"/>
    </row>
    <row r="145622" spans="8:8">
      <c r="H145622" s="12"/>
    </row>
    <row r="145623" spans="8:8">
      <c r="H145623" s="12"/>
    </row>
    <row r="145624" spans="8:8">
      <c r="H145624" s="12"/>
    </row>
    <row r="145625" spans="8:8">
      <c r="H145625" s="12"/>
    </row>
    <row r="145626" spans="8:8">
      <c r="H145626" s="12"/>
    </row>
    <row r="145627" spans="8:8">
      <c r="H145627" s="12"/>
    </row>
    <row r="145628" spans="8:8">
      <c r="H145628" s="12"/>
    </row>
    <row r="145629" spans="8:8">
      <c r="H145629" s="12"/>
    </row>
    <row r="145630" spans="8:8">
      <c r="H145630" s="12"/>
    </row>
    <row r="145631" spans="8:8">
      <c r="H145631" s="12"/>
    </row>
    <row r="145632" spans="8:8">
      <c r="H145632" s="12"/>
    </row>
    <row r="145633" spans="8:8">
      <c r="H145633" s="12"/>
    </row>
    <row r="145634" spans="8:8">
      <c r="H145634" s="12"/>
    </row>
    <row r="145635" spans="8:8">
      <c r="H145635" s="12"/>
    </row>
    <row r="145636" spans="8:8">
      <c r="H145636" s="12"/>
    </row>
    <row r="145637" spans="8:8">
      <c r="H145637" s="12"/>
    </row>
    <row r="145638" spans="8:8">
      <c r="H145638" s="12"/>
    </row>
    <row r="145639" spans="8:8">
      <c r="H145639" s="12"/>
    </row>
    <row r="145640" spans="8:8">
      <c r="H145640" s="12"/>
    </row>
    <row r="145641" spans="8:8">
      <c r="H145641" s="12"/>
    </row>
    <row r="145642" spans="8:8">
      <c r="H145642" s="12"/>
    </row>
    <row r="145643" spans="8:8">
      <c r="H145643" s="12"/>
    </row>
    <row r="145644" spans="8:8">
      <c r="H145644" s="12"/>
    </row>
    <row r="145645" spans="8:8">
      <c r="H145645" s="12"/>
    </row>
    <row r="145646" spans="8:8">
      <c r="H145646" s="12"/>
    </row>
    <row r="145647" spans="8:8">
      <c r="H145647" s="12"/>
    </row>
    <row r="145648" spans="8:8">
      <c r="H145648" s="12"/>
    </row>
    <row r="145649" spans="8:8">
      <c r="H145649" s="12"/>
    </row>
    <row r="145650" spans="8:8">
      <c r="H145650" s="12"/>
    </row>
    <row r="145651" spans="8:8">
      <c r="H145651" s="12"/>
    </row>
    <row r="145652" spans="8:8">
      <c r="H145652" s="12"/>
    </row>
    <row r="145653" spans="8:8">
      <c r="H145653" s="12"/>
    </row>
    <row r="145654" spans="8:8">
      <c r="H145654" s="12"/>
    </row>
    <row r="145655" spans="8:8">
      <c r="H145655" s="12"/>
    </row>
    <row r="145656" spans="8:8">
      <c r="H145656" s="12"/>
    </row>
    <row r="145657" spans="8:8">
      <c r="H145657" s="12"/>
    </row>
    <row r="145658" spans="8:8">
      <c r="H145658" s="12"/>
    </row>
    <row r="145659" spans="8:8">
      <c r="H145659" s="12"/>
    </row>
    <row r="145660" spans="8:8">
      <c r="H145660" s="12"/>
    </row>
    <row r="145661" spans="8:8">
      <c r="H145661" s="12"/>
    </row>
    <row r="145662" spans="8:8">
      <c r="H145662" s="12"/>
    </row>
    <row r="145663" spans="8:8">
      <c r="H145663" s="12"/>
    </row>
    <row r="145664" spans="8:8">
      <c r="H145664" s="12"/>
    </row>
    <row r="145665" spans="8:8">
      <c r="H145665" s="12"/>
    </row>
    <row r="145666" spans="8:8">
      <c r="H145666" s="12"/>
    </row>
    <row r="145667" spans="8:8">
      <c r="H145667" s="12"/>
    </row>
    <row r="145668" spans="8:8">
      <c r="H145668" s="12"/>
    </row>
    <row r="145669" spans="8:8">
      <c r="H145669" s="12"/>
    </row>
    <row r="145670" spans="8:8">
      <c r="H145670" s="12"/>
    </row>
    <row r="145671" spans="8:8">
      <c r="H145671" s="12"/>
    </row>
    <row r="145672" spans="8:8">
      <c r="H145672" s="12"/>
    </row>
    <row r="145673" spans="8:8">
      <c r="H145673" s="12"/>
    </row>
    <row r="145674" spans="8:8">
      <c r="H145674" s="12"/>
    </row>
    <row r="145675" spans="8:8">
      <c r="H145675" s="12"/>
    </row>
    <row r="145676" spans="8:8">
      <c r="H145676" s="12"/>
    </row>
    <row r="145677" spans="8:8">
      <c r="H145677" s="12"/>
    </row>
    <row r="145678" spans="8:8">
      <c r="H145678" s="12"/>
    </row>
    <row r="145679" spans="8:8">
      <c r="H145679" s="12"/>
    </row>
    <row r="145680" spans="8:8">
      <c r="H145680" s="12"/>
    </row>
    <row r="145681" spans="8:8">
      <c r="H145681" s="12"/>
    </row>
    <row r="145682" spans="8:8">
      <c r="H145682" s="12"/>
    </row>
    <row r="145683" spans="8:8">
      <c r="H145683" s="12"/>
    </row>
    <row r="145684" spans="8:8">
      <c r="H145684" s="12"/>
    </row>
    <row r="145685" spans="8:8">
      <c r="H145685" s="12"/>
    </row>
    <row r="145686" spans="8:8">
      <c r="H145686" s="12"/>
    </row>
    <row r="145687" spans="8:8">
      <c r="H145687" s="12"/>
    </row>
    <row r="145688" spans="8:8">
      <c r="H145688" s="12"/>
    </row>
    <row r="145689" spans="8:8">
      <c r="H145689" s="12"/>
    </row>
    <row r="145690" spans="8:8">
      <c r="H145690" s="12"/>
    </row>
    <row r="145691" spans="8:8">
      <c r="H145691" s="12"/>
    </row>
    <row r="145692" spans="8:8">
      <c r="H145692" s="12"/>
    </row>
    <row r="145693" spans="8:8">
      <c r="H145693" s="12"/>
    </row>
    <row r="145694" spans="8:8">
      <c r="H145694" s="12"/>
    </row>
    <row r="145695" spans="8:8">
      <c r="H145695" s="12"/>
    </row>
    <row r="145696" spans="8:8">
      <c r="H145696" s="12"/>
    </row>
    <row r="145697" spans="8:8">
      <c r="H145697" s="12"/>
    </row>
    <row r="145698" spans="8:8">
      <c r="H145698" s="12"/>
    </row>
    <row r="145699" spans="8:8">
      <c r="H145699" s="12"/>
    </row>
    <row r="145700" spans="8:8">
      <c r="H145700" s="12"/>
    </row>
    <row r="145701" spans="8:8">
      <c r="H145701" s="12"/>
    </row>
    <row r="145702" spans="8:8">
      <c r="H145702" s="12"/>
    </row>
    <row r="145703" spans="8:8">
      <c r="H145703" s="12"/>
    </row>
    <row r="145704" spans="8:8">
      <c r="H145704" s="12"/>
    </row>
    <row r="145705" spans="8:8">
      <c r="H145705" s="12"/>
    </row>
    <row r="145706" spans="8:8">
      <c r="H145706" s="12"/>
    </row>
    <row r="145707" spans="8:8">
      <c r="H145707" s="12"/>
    </row>
    <row r="145708" spans="8:8">
      <c r="H145708" s="12"/>
    </row>
    <row r="145709" spans="8:8">
      <c r="H145709" s="12"/>
    </row>
    <row r="145710" spans="8:8">
      <c r="H145710" s="12"/>
    </row>
    <row r="145711" spans="8:8">
      <c r="H145711" s="12"/>
    </row>
    <row r="145712" spans="8:8">
      <c r="H145712" s="12"/>
    </row>
    <row r="145713" spans="8:8">
      <c r="H145713" s="12"/>
    </row>
    <row r="145714" spans="8:8">
      <c r="H145714" s="12"/>
    </row>
    <row r="145715" spans="8:8">
      <c r="H145715" s="12"/>
    </row>
    <row r="145716" spans="8:8">
      <c r="H145716" s="12"/>
    </row>
    <row r="145717" spans="8:8">
      <c r="H145717" s="12"/>
    </row>
    <row r="145718" spans="8:8">
      <c r="H145718" s="12"/>
    </row>
    <row r="145719" spans="8:8">
      <c r="H145719" s="12"/>
    </row>
    <row r="145720" spans="8:8">
      <c r="H145720" s="12"/>
    </row>
    <row r="145721" spans="8:8">
      <c r="H145721" s="12"/>
    </row>
    <row r="145722" spans="8:8">
      <c r="H145722" s="12"/>
    </row>
    <row r="145723" spans="8:8">
      <c r="H145723" s="12"/>
    </row>
    <row r="145724" spans="8:8">
      <c r="H145724" s="12"/>
    </row>
    <row r="145725" spans="8:8">
      <c r="H145725" s="12"/>
    </row>
    <row r="145726" spans="8:8">
      <c r="H145726" s="12"/>
    </row>
    <row r="145727" spans="8:8">
      <c r="H145727" s="12"/>
    </row>
    <row r="145728" spans="8:8">
      <c r="H145728" s="12"/>
    </row>
    <row r="145729" spans="8:8">
      <c r="H145729" s="12"/>
    </row>
    <row r="145730" spans="8:8">
      <c r="H145730" s="12"/>
    </row>
    <row r="145731" spans="8:8">
      <c r="H145731" s="12"/>
    </row>
    <row r="145732" spans="8:8">
      <c r="H145732" s="12"/>
    </row>
    <row r="145733" spans="8:8">
      <c r="H145733" s="12"/>
    </row>
    <row r="145734" spans="8:8">
      <c r="H145734" s="12"/>
    </row>
    <row r="145735" spans="8:8">
      <c r="H145735" s="12"/>
    </row>
    <row r="145736" spans="8:8">
      <c r="H145736" s="12"/>
    </row>
    <row r="145737" spans="8:8">
      <c r="H145737" s="12"/>
    </row>
    <row r="145738" spans="8:8">
      <c r="H145738" s="12"/>
    </row>
    <row r="145739" spans="8:8">
      <c r="H145739" s="12"/>
    </row>
    <row r="145740" spans="8:8">
      <c r="H145740" s="12"/>
    </row>
    <row r="145741" spans="8:8">
      <c r="H145741" s="12"/>
    </row>
    <row r="145742" spans="8:8">
      <c r="H145742" s="12"/>
    </row>
    <row r="145743" spans="8:8">
      <c r="H145743" s="12"/>
    </row>
    <row r="145744" spans="8:8">
      <c r="H145744" s="12"/>
    </row>
    <row r="145745" spans="8:8">
      <c r="H145745" s="12"/>
    </row>
    <row r="145746" spans="8:8">
      <c r="H145746" s="12"/>
    </row>
    <row r="145747" spans="8:8">
      <c r="H145747" s="12"/>
    </row>
    <row r="145748" spans="8:8">
      <c r="H145748" s="12"/>
    </row>
    <row r="145749" spans="8:8">
      <c r="H145749" s="12"/>
    </row>
    <row r="145750" spans="8:8">
      <c r="H145750" s="12"/>
    </row>
    <row r="145751" spans="8:8">
      <c r="H145751" s="12"/>
    </row>
    <row r="145752" spans="8:8">
      <c r="H145752" s="12"/>
    </row>
    <row r="145753" spans="8:8">
      <c r="H145753" s="12"/>
    </row>
    <row r="145754" spans="8:8">
      <c r="H145754" s="12"/>
    </row>
    <row r="145755" spans="8:8">
      <c r="H145755" s="12"/>
    </row>
    <row r="145756" spans="8:8">
      <c r="H145756" s="12"/>
    </row>
    <row r="145757" spans="8:8">
      <c r="H145757" s="12"/>
    </row>
    <row r="145758" spans="8:8">
      <c r="H145758" s="12"/>
    </row>
    <row r="145759" spans="8:8">
      <c r="H145759" s="12"/>
    </row>
    <row r="145760" spans="8:8">
      <c r="H145760" s="12"/>
    </row>
    <row r="145761" spans="8:8">
      <c r="H145761" s="12"/>
    </row>
    <row r="145762" spans="8:8">
      <c r="H145762" s="12"/>
    </row>
    <row r="145763" spans="8:8">
      <c r="H145763" s="12"/>
    </row>
    <row r="145764" spans="8:8">
      <c r="H145764" s="12"/>
    </row>
    <row r="145765" spans="8:8">
      <c r="H145765" s="12"/>
    </row>
    <row r="145766" spans="8:8">
      <c r="H145766" s="12"/>
    </row>
    <row r="145767" spans="8:8">
      <c r="H145767" s="12"/>
    </row>
    <row r="145768" spans="8:8">
      <c r="H145768" s="12"/>
    </row>
    <row r="145769" spans="8:8">
      <c r="H145769" s="12"/>
    </row>
    <row r="145770" spans="8:8">
      <c r="H145770" s="12"/>
    </row>
    <row r="145771" spans="8:8">
      <c r="H145771" s="12"/>
    </row>
    <row r="145772" spans="8:8">
      <c r="H145772" s="12"/>
    </row>
    <row r="145773" spans="8:8">
      <c r="H145773" s="12"/>
    </row>
    <row r="145774" spans="8:8">
      <c r="H145774" s="12"/>
    </row>
    <row r="145775" spans="8:8">
      <c r="H145775" s="12"/>
    </row>
    <row r="145776" spans="8:8">
      <c r="H145776" s="12"/>
    </row>
    <row r="145777" spans="8:8">
      <c r="H145777" s="12"/>
    </row>
    <row r="145778" spans="8:8">
      <c r="H145778" s="12"/>
    </row>
    <row r="145779" spans="8:8">
      <c r="H145779" s="12"/>
    </row>
    <row r="145780" spans="8:8">
      <c r="H145780" s="12"/>
    </row>
    <row r="145781" spans="8:8">
      <c r="H145781" s="12"/>
    </row>
    <row r="145782" spans="8:8">
      <c r="H145782" s="12"/>
    </row>
    <row r="145783" spans="8:8">
      <c r="H145783" s="12"/>
    </row>
    <row r="145784" spans="8:8">
      <c r="H145784" s="12"/>
    </row>
    <row r="145785" spans="8:8">
      <c r="H145785" s="12"/>
    </row>
    <row r="145786" spans="8:8">
      <c r="H145786" s="12"/>
    </row>
    <row r="145787" spans="8:8">
      <c r="H145787" s="12"/>
    </row>
    <row r="145788" spans="8:8">
      <c r="H145788" s="12"/>
    </row>
    <row r="145789" spans="8:8">
      <c r="H145789" s="12"/>
    </row>
    <row r="145790" spans="8:8">
      <c r="H145790" s="12"/>
    </row>
    <row r="145791" spans="8:8">
      <c r="H145791" s="12"/>
    </row>
    <row r="145792" spans="8:8">
      <c r="H145792" s="12"/>
    </row>
    <row r="145793" spans="8:8">
      <c r="H145793" s="12"/>
    </row>
    <row r="145794" spans="8:8">
      <c r="H145794" s="12"/>
    </row>
    <row r="145795" spans="8:8">
      <c r="H145795" s="12"/>
    </row>
    <row r="145796" spans="8:8">
      <c r="H145796" s="12"/>
    </row>
    <row r="145797" spans="8:8">
      <c r="H145797" s="12"/>
    </row>
    <row r="145798" spans="8:8">
      <c r="H145798" s="12"/>
    </row>
    <row r="145799" spans="8:8">
      <c r="H145799" s="12"/>
    </row>
    <row r="145800" spans="8:8">
      <c r="H145800" s="12"/>
    </row>
    <row r="145801" spans="8:8">
      <c r="H145801" s="12"/>
    </row>
    <row r="145802" spans="8:8">
      <c r="H145802" s="12"/>
    </row>
    <row r="145803" spans="8:8">
      <c r="H145803" s="12"/>
    </row>
    <row r="145804" spans="8:8">
      <c r="H145804" s="12"/>
    </row>
    <row r="145805" spans="8:8">
      <c r="H145805" s="12"/>
    </row>
    <row r="145806" spans="8:8">
      <c r="H145806" s="12"/>
    </row>
    <row r="145807" spans="8:8">
      <c r="H145807" s="12"/>
    </row>
    <row r="145808" spans="8:8">
      <c r="H145808" s="12"/>
    </row>
    <row r="145809" spans="8:8">
      <c r="H145809" s="12"/>
    </row>
    <row r="145810" spans="8:8">
      <c r="H145810" s="12"/>
    </row>
    <row r="145811" spans="8:8">
      <c r="H145811" s="12"/>
    </row>
    <row r="145812" spans="8:8">
      <c r="H145812" s="12"/>
    </row>
    <row r="145813" spans="8:8">
      <c r="H145813" s="12"/>
    </row>
    <row r="145814" spans="8:8">
      <c r="H145814" s="12"/>
    </row>
    <row r="145815" spans="8:8">
      <c r="H145815" s="12"/>
    </row>
    <row r="145816" spans="8:8">
      <c r="H145816" s="12"/>
    </row>
    <row r="145817" spans="8:8">
      <c r="H145817" s="12"/>
    </row>
    <row r="145818" spans="8:8">
      <c r="H145818" s="12"/>
    </row>
    <row r="145819" spans="8:8">
      <c r="H145819" s="12"/>
    </row>
    <row r="145820" spans="8:8">
      <c r="H145820" s="12"/>
    </row>
    <row r="145821" spans="8:8">
      <c r="H145821" s="12"/>
    </row>
    <row r="145822" spans="8:8">
      <c r="H145822" s="12"/>
    </row>
    <row r="145823" spans="8:8">
      <c r="H145823" s="12"/>
    </row>
    <row r="145824" spans="8:8">
      <c r="H145824" s="12"/>
    </row>
    <row r="145825" spans="8:8">
      <c r="H145825" s="12"/>
    </row>
    <row r="145826" spans="8:8">
      <c r="H145826" s="12"/>
    </row>
    <row r="145827" spans="8:8">
      <c r="H145827" s="12"/>
    </row>
    <row r="145828" spans="8:8">
      <c r="H145828" s="12"/>
    </row>
    <row r="145829" spans="8:8">
      <c r="H145829" s="12"/>
    </row>
    <row r="145830" spans="8:8">
      <c r="H145830" s="12"/>
    </row>
    <row r="145831" spans="8:8">
      <c r="H145831" s="12"/>
    </row>
    <row r="145832" spans="8:8">
      <c r="H145832" s="12"/>
    </row>
    <row r="145833" spans="8:8">
      <c r="H145833" s="12"/>
    </row>
    <row r="145834" spans="8:8">
      <c r="H145834" s="12"/>
    </row>
    <row r="145835" spans="8:8">
      <c r="H145835" s="12"/>
    </row>
    <row r="145836" spans="8:8">
      <c r="H145836" s="12"/>
    </row>
    <row r="145837" spans="8:8">
      <c r="H145837" s="12"/>
    </row>
    <row r="145838" spans="8:8">
      <c r="H145838" s="12"/>
    </row>
    <row r="145839" spans="8:8">
      <c r="H145839" s="12"/>
    </row>
    <row r="145840" spans="8:8">
      <c r="H145840" s="12"/>
    </row>
    <row r="145841" spans="8:8">
      <c r="H145841" s="12"/>
    </row>
    <row r="145842" spans="8:8">
      <c r="H145842" s="12"/>
    </row>
    <row r="145843" spans="8:8">
      <c r="H145843" s="12"/>
    </row>
    <row r="145844" spans="8:8">
      <c r="H145844" s="12"/>
    </row>
    <row r="145845" spans="8:8">
      <c r="H145845" s="12"/>
    </row>
    <row r="145846" spans="8:8">
      <c r="H145846" s="12"/>
    </row>
    <row r="145847" spans="8:8">
      <c r="H145847" s="12"/>
    </row>
    <row r="145848" spans="8:8">
      <c r="H145848" s="12"/>
    </row>
    <row r="145849" spans="8:8">
      <c r="H145849" s="12"/>
    </row>
    <row r="145850" spans="8:8">
      <c r="H145850" s="12"/>
    </row>
    <row r="145851" spans="8:8">
      <c r="H145851" s="12"/>
    </row>
    <row r="145852" spans="8:8">
      <c r="H145852" s="12"/>
    </row>
    <row r="145853" spans="8:8">
      <c r="H145853" s="12"/>
    </row>
    <row r="145854" spans="8:8">
      <c r="H145854" s="12"/>
    </row>
    <row r="145855" spans="8:8">
      <c r="H145855" s="12"/>
    </row>
    <row r="145856" spans="8:8">
      <c r="H145856" s="12"/>
    </row>
    <row r="145857" spans="8:8">
      <c r="H145857" s="12"/>
    </row>
    <row r="145858" spans="8:8">
      <c r="H145858" s="12"/>
    </row>
    <row r="145859" spans="8:8">
      <c r="H145859" s="12"/>
    </row>
    <row r="145860" spans="8:8">
      <c r="H145860" s="12"/>
    </row>
    <row r="145861" spans="8:8">
      <c r="H145861" s="12"/>
    </row>
    <row r="145862" spans="8:8">
      <c r="H145862" s="12"/>
    </row>
    <row r="145863" spans="8:8">
      <c r="H145863" s="12"/>
    </row>
    <row r="145864" spans="8:8">
      <c r="H145864" s="12"/>
    </row>
    <row r="145865" spans="8:8">
      <c r="H145865" s="12"/>
    </row>
    <row r="145866" spans="8:8">
      <c r="H145866" s="12"/>
    </row>
    <row r="145867" spans="8:8">
      <c r="H145867" s="12"/>
    </row>
    <row r="145868" spans="8:8">
      <c r="H145868" s="12"/>
    </row>
    <row r="145869" spans="8:8">
      <c r="H145869" s="12"/>
    </row>
    <row r="145870" spans="8:8">
      <c r="H145870" s="12"/>
    </row>
    <row r="145871" spans="8:8">
      <c r="H145871" s="12"/>
    </row>
    <row r="145872" spans="8:8">
      <c r="H145872" s="12"/>
    </row>
    <row r="145873" spans="8:8">
      <c r="H145873" s="12"/>
    </row>
    <row r="145874" spans="8:8">
      <c r="H145874" s="12"/>
    </row>
    <row r="145875" spans="8:8">
      <c r="H145875" s="12"/>
    </row>
    <row r="145876" spans="8:8">
      <c r="H145876" s="12"/>
    </row>
    <row r="145877" spans="8:8">
      <c r="H145877" s="12"/>
    </row>
    <row r="145878" spans="8:8">
      <c r="H145878" s="12"/>
    </row>
    <row r="145879" spans="8:8">
      <c r="H145879" s="12"/>
    </row>
    <row r="145880" spans="8:8">
      <c r="H145880" s="12"/>
    </row>
    <row r="145881" spans="8:8">
      <c r="H145881" s="12"/>
    </row>
    <row r="145882" spans="8:8">
      <c r="H145882" s="12"/>
    </row>
    <row r="145883" spans="8:8">
      <c r="H145883" s="12"/>
    </row>
    <row r="145884" spans="8:8">
      <c r="H145884" s="12"/>
    </row>
    <row r="145885" spans="8:8">
      <c r="H145885" s="12"/>
    </row>
    <row r="145886" spans="8:8">
      <c r="H145886" s="12"/>
    </row>
    <row r="145887" spans="8:8">
      <c r="H145887" s="12"/>
    </row>
    <row r="145888" spans="8:8">
      <c r="H145888" s="12"/>
    </row>
    <row r="145889" spans="8:8">
      <c r="H145889" s="12"/>
    </row>
    <row r="145890" spans="8:8">
      <c r="H145890" s="12"/>
    </row>
    <row r="145891" spans="8:8">
      <c r="H145891" s="12"/>
    </row>
    <row r="145892" spans="8:8">
      <c r="H145892" s="12"/>
    </row>
    <row r="145893" spans="8:8">
      <c r="H145893" s="12"/>
    </row>
    <row r="145894" spans="8:8">
      <c r="H145894" s="12"/>
    </row>
    <row r="145895" spans="8:8">
      <c r="H145895" s="12"/>
    </row>
    <row r="145896" spans="8:8">
      <c r="H145896" s="12"/>
    </row>
    <row r="145897" spans="8:8">
      <c r="H145897" s="12"/>
    </row>
    <row r="145898" spans="8:8">
      <c r="H145898" s="12"/>
    </row>
    <row r="145899" spans="8:8">
      <c r="H145899" s="12"/>
    </row>
    <row r="145900" spans="8:8">
      <c r="H145900" s="12"/>
    </row>
    <row r="145901" spans="8:8">
      <c r="H145901" s="12"/>
    </row>
    <row r="145902" spans="8:8">
      <c r="H145902" s="12"/>
    </row>
    <row r="145903" spans="8:8">
      <c r="H145903" s="12"/>
    </row>
    <row r="145904" spans="8:8">
      <c r="H145904" s="12"/>
    </row>
    <row r="145905" spans="8:8">
      <c r="H145905" s="12"/>
    </row>
    <row r="145906" spans="8:8">
      <c r="H145906" s="12"/>
    </row>
    <row r="145907" spans="8:8">
      <c r="H145907" s="12"/>
    </row>
    <row r="145908" spans="8:8">
      <c r="H145908" s="12"/>
    </row>
    <row r="145909" spans="8:8">
      <c r="H145909" s="12"/>
    </row>
    <row r="145910" spans="8:8">
      <c r="H145910" s="12"/>
    </row>
    <row r="145911" spans="8:8">
      <c r="H145911" s="12"/>
    </row>
    <row r="145912" spans="8:8">
      <c r="H145912" s="12"/>
    </row>
    <row r="145913" spans="8:8">
      <c r="H145913" s="12"/>
    </row>
    <row r="145914" spans="8:8">
      <c r="H145914" s="12"/>
    </row>
    <row r="145915" spans="8:8">
      <c r="H145915" s="12"/>
    </row>
    <row r="145916" spans="8:8">
      <c r="H145916" s="12"/>
    </row>
    <row r="145917" spans="8:8">
      <c r="H145917" s="12"/>
    </row>
    <row r="145918" spans="8:8">
      <c r="H145918" s="12"/>
    </row>
    <row r="145919" spans="8:8">
      <c r="H145919" s="12"/>
    </row>
    <row r="145920" spans="8:8">
      <c r="H145920" s="12"/>
    </row>
    <row r="145921" spans="8:8">
      <c r="H145921" s="12"/>
    </row>
    <row r="145922" spans="8:8">
      <c r="H145922" s="12"/>
    </row>
    <row r="145923" spans="8:8">
      <c r="H145923" s="12"/>
    </row>
    <row r="145924" spans="8:8">
      <c r="H145924" s="12"/>
    </row>
    <row r="145925" spans="8:8">
      <c r="H145925" s="12"/>
    </row>
    <row r="145926" spans="8:8">
      <c r="H145926" s="12"/>
    </row>
    <row r="145927" spans="8:8">
      <c r="H145927" s="12"/>
    </row>
    <row r="145928" spans="8:8">
      <c r="H145928" s="12"/>
    </row>
    <row r="145929" spans="8:8">
      <c r="H145929" s="12"/>
    </row>
    <row r="145930" spans="8:8">
      <c r="H145930" s="12"/>
    </row>
    <row r="145931" spans="8:8">
      <c r="H145931" s="12"/>
    </row>
    <row r="145932" spans="8:8">
      <c r="H145932" s="12"/>
    </row>
    <row r="145933" spans="8:8">
      <c r="H145933" s="12"/>
    </row>
    <row r="145934" spans="8:8">
      <c r="H145934" s="12"/>
    </row>
    <row r="145935" spans="8:8">
      <c r="H145935" s="12"/>
    </row>
    <row r="145936" spans="8:8">
      <c r="H145936" s="12"/>
    </row>
    <row r="145937" spans="8:8">
      <c r="H145937" s="12"/>
    </row>
    <row r="145938" spans="8:8">
      <c r="H145938" s="12"/>
    </row>
    <row r="145939" spans="8:8">
      <c r="H145939" s="12"/>
    </row>
    <row r="145940" spans="8:8">
      <c r="H145940" s="12"/>
    </row>
    <row r="145941" spans="8:8">
      <c r="H145941" s="12"/>
    </row>
    <row r="145942" spans="8:8">
      <c r="H145942" s="12"/>
    </row>
    <row r="145943" spans="8:8">
      <c r="H145943" s="12"/>
    </row>
    <row r="145944" spans="8:8">
      <c r="H145944" s="12"/>
    </row>
    <row r="145945" spans="8:8">
      <c r="H145945" s="12"/>
    </row>
    <row r="145946" spans="8:8">
      <c r="H145946" s="12"/>
    </row>
    <row r="145947" spans="8:8">
      <c r="H145947" s="12"/>
    </row>
    <row r="145948" spans="8:8">
      <c r="H145948" s="12"/>
    </row>
    <row r="145949" spans="8:8">
      <c r="H145949" s="12"/>
    </row>
    <row r="145950" spans="8:8">
      <c r="H145950" s="12"/>
    </row>
    <row r="145951" spans="8:8">
      <c r="H145951" s="12"/>
    </row>
    <row r="145952" spans="8:8">
      <c r="H145952" s="12"/>
    </row>
    <row r="145953" spans="8:8">
      <c r="H145953" s="12"/>
    </row>
    <row r="145954" spans="8:8">
      <c r="H145954" s="12"/>
    </row>
    <row r="145955" spans="8:8">
      <c r="H145955" s="12"/>
    </row>
    <row r="145956" spans="8:8">
      <c r="H145956" s="12"/>
    </row>
    <row r="145957" spans="8:8">
      <c r="H145957" s="12"/>
    </row>
    <row r="145958" spans="8:8">
      <c r="H145958" s="12"/>
    </row>
    <row r="145959" spans="8:8">
      <c r="H145959" s="12"/>
    </row>
    <row r="145960" spans="8:8">
      <c r="H145960" s="12"/>
    </row>
    <row r="145961" spans="8:8">
      <c r="H145961" s="12"/>
    </row>
    <row r="145962" spans="8:8">
      <c r="H145962" s="12"/>
    </row>
    <row r="145963" spans="8:8">
      <c r="H145963" s="12"/>
    </row>
    <row r="145964" spans="8:8">
      <c r="H145964" s="12"/>
    </row>
    <row r="145965" spans="8:8">
      <c r="H145965" s="12"/>
    </row>
    <row r="145966" spans="8:8">
      <c r="H145966" s="12"/>
    </row>
    <row r="145967" spans="8:8">
      <c r="H145967" s="12"/>
    </row>
    <row r="145968" spans="8:8">
      <c r="H145968" s="12"/>
    </row>
    <row r="145969" spans="8:8">
      <c r="H145969" s="12"/>
    </row>
    <row r="145970" spans="8:8">
      <c r="H145970" s="12"/>
    </row>
    <row r="145971" spans="8:8">
      <c r="H145971" s="12"/>
    </row>
    <row r="145972" spans="8:8">
      <c r="H145972" s="12"/>
    </row>
    <row r="145973" spans="8:8">
      <c r="H145973" s="12"/>
    </row>
    <row r="145974" spans="8:8">
      <c r="H145974" s="12"/>
    </row>
    <row r="145975" spans="8:8">
      <c r="H145975" s="12"/>
    </row>
    <row r="145976" spans="8:8">
      <c r="H145976" s="12"/>
    </row>
    <row r="145977" spans="8:8">
      <c r="H145977" s="12"/>
    </row>
    <row r="145978" spans="8:8">
      <c r="H145978" s="12"/>
    </row>
    <row r="145979" spans="8:8">
      <c r="H145979" s="12"/>
    </row>
    <row r="145980" spans="8:8">
      <c r="H145980" s="12"/>
    </row>
    <row r="145981" spans="8:8">
      <c r="H145981" s="12"/>
    </row>
    <row r="145982" spans="8:8">
      <c r="H145982" s="12"/>
    </row>
    <row r="145983" spans="8:8">
      <c r="H145983" s="12"/>
    </row>
    <row r="145984" spans="8:8">
      <c r="H145984" s="12"/>
    </row>
    <row r="145985" spans="8:8">
      <c r="H145985" s="12"/>
    </row>
    <row r="145986" spans="8:8">
      <c r="H145986" s="12"/>
    </row>
    <row r="145987" spans="8:8">
      <c r="H145987" s="12"/>
    </row>
    <row r="145988" spans="8:8">
      <c r="H145988" s="12"/>
    </row>
    <row r="145989" spans="8:8">
      <c r="H145989" s="12"/>
    </row>
    <row r="145990" spans="8:8">
      <c r="H145990" s="12"/>
    </row>
    <row r="145991" spans="8:8">
      <c r="H145991" s="12"/>
    </row>
    <row r="145992" spans="8:8">
      <c r="H145992" s="12"/>
    </row>
    <row r="145993" spans="8:8">
      <c r="H145993" s="12"/>
    </row>
    <row r="145994" spans="8:8">
      <c r="H145994" s="12"/>
    </row>
    <row r="145995" spans="8:8">
      <c r="H145995" s="12"/>
    </row>
    <row r="145996" spans="8:8">
      <c r="H145996" s="12"/>
    </row>
    <row r="145997" spans="8:8">
      <c r="H145997" s="12"/>
    </row>
    <row r="145998" spans="8:8">
      <c r="H145998" s="12"/>
    </row>
    <row r="145999" spans="8:8">
      <c r="H145999" s="12"/>
    </row>
    <row r="146000" spans="8:8">
      <c r="H146000" s="12"/>
    </row>
    <row r="146001" spans="8:8">
      <c r="H146001" s="12"/>
    </row>
    <row r="146002" spans="8:8">
      <c r="H146002" s="12"/>
    </row>
    <row r="146003" spans="8:8">
      <c r="H146003" s="12"/>
    </row>
    <row r="146004" spans="8:8">
      <c r="H146004" s="12"/>
    </row>
    <row r="146005" spans="8:8">
      <c r="H146005" s="12"/>
    </row>
    <row r="146006" spans="8:8">
      <c r="H146006" s="12"/>
    </row>
    <row r="146007" spans="8:8">
      <c r="H146007" s="12"/>
    </row>
    <row r="146008" spans="8:8">
      <c r="H146008" s="12"/>
    </row>
    <row r="146009" spans="8:8">
      <c r="H146009" s="12"/>
    </row>
    <row r="146010" spans="8:8">
      <c r="H146010" s="12"/>
    </row>
    <row r="146011" spans="8:8">
      <c r="H146011" s="12"/>
    </row>
    <row r="146012" spans="8:8">
      <c r="H146012" s="12"/>
    </row>
    <row r="146013" spans="8:8">
      <c r="H146013" s="12"/>
    </row>
    <row r="146014" spans="8:8">
      <c r="H146014" s="12"/>
    </row>
    <row r="146015" spans="8:8">
      <c r="H146015" s="12"/>
    </row>
    <row r="146016" spans="8:8">
      <c r="H146016" s="12"/>
    </row>
    <row r="146017" spans="8:8">
      <c r="H146017" s="12"/>
    </row>
    <row r="146018" spans="8:8">
      <c r="H146018" s="12"/>
    </row>
    <row r="146019" spans="8:8">
      <c r="H146019" s="12"/>
    </row>
    <row r="146020" spans="8:8">
      <c r="H146020" s="12"/>
    </row>
    <row r="146021" spans="8:8">
      <c r="H146021" s="12"/>
    </row>
    <row r="146022" spans="8:8">
      <c r="H146022" s="12"/>
    </row>
    <row r="146023" spans="8:8">
      <c r="H146023" s="12"/>
    </row>
    <row r="146024" spans="8:8">
      <c r="H146024" s="12"/>
    </row>
    <row r="146025" spans="8:8">
      <c r="H146025" s="12"/>
    </row>
    <row r="146026" spans="8:8">
      <c r="H146026" s="12"/>
    </row>
    <row r="146027" spans="8:8">
      <c r="H146027" s="12"/>
    </row>
    <row r="146028" spans="8:8">
      <c r="H146028" s="12"/>
    </row>
    <row r="146029" spans="8:8">
      <c r="H146029" s="12"/>
    </row>
    <row r="146030" spans="8:8">
      <c r="H146030" s="12"/>
    </row>
    <row r="146031" spans="8:8">
      <c r="H146031" s="12"/>
    </row>
    <row r="146032" spans="8:8">
      <c r="H146032" s="12"/>
    </row>
    <row r="146033" spans="8:8">
      <c r="H146033" s="12"/>
    </row>
    <row r="146034" spans="8:8">
      <c r="H146034" s="12"/>
    </row>
    <row r="146035" spans="8:8">
      <c r="H146035" s="12"/>
    </row>
    <row r="146036" spans="8:8">
      <c r="H146036" s="12"/>
    </row>
    <row r="146037" spans="8:8">
      <c r="H146037" s="12"/>
    </row>
    <row r="146038" spans="8:8">
      <c r="H146038" s="12"/>
    </row>
    <row r="146039" spans="8:8">
      <c r="H146039" s="12"/>
    </row>
    <row r="146040" spans="8:8">
      <c r="H146040" s="12"/>
    </row>
    <row r="146041" spans="8:8">
      <c r="H146041" s="12"/>
    </row>
    <row r="146042" spans="8:8">
      <c r="H146042" s="12"/>
    </row>
    <row r="146043" spans="8:8">
      <c r="H146043" s="12"/>
    </row>
    <row r="146044" spans="8:8">
      <c r="H146044" s="12"/>
    </row>
    <row r="146045" spans="8:8">
      <c r="H146045" s="12"/>
    </row>
    <row r="146046" spans="8:8">
      <c r="H146046" s="12"/>
    </row>
    <row r="146047" spans="8:8">
      <c r="H146047" s="12"/>
    </row>
    <row r="146048" spans="8:8">
      <c r="H146048" s="12"/>
    </row>
    <row r="146049" spans="8:8">
      <c r="H146049" s="12"/>
    </row>
    <row r="146050" spans="8:8">
      <c r="H146050" s="12"/>
    </row>
    <row r="146051" spans="8:8">
      <c r="H146051" s="12"/>
    </row>
    <row r="146052" spans="8:8">
      <c r="H146052" s="12"/>
    </row>
    <row r="146053" spans="8:8">
      <c r="H146053" s="12"/>
    </row>
    <row r="146054" spans="8:8">
      <c r="H146054" s="12"/>
    </row>
    <row r="146055" spans="8:8">
      <c r="H146055" s="12"/>
    </row>
    <row r="146056" spans="8:8">
      <c r="H146056" s="12"/>
    </row>
    <row r="146057" spans="8:8">
      <c r="H146057" s="12"/>
    </row>
    <row r="146058" spans="8:8">
      <c r="H146058" s="12"/>
    </row>
    <row r="146059" spans="8:8">
      <c r="H146059" s="12"/>
    </row>
    <row r="146060" spans="8:8">
      <c r="H146060" s="12"/>
    </row>
    <row r="146061" spans="8:8">
      <c r="H146061" s="12"/>
    </row>
    <row r="146062" spans="8:8">
      <c r="H146062" s="12"/>
    </row>
    <row r="146063" spans="8:8">
      <c r="H146063" s="12"/>
    </row>
    <row r="146064" spans="8:8">
      <c r="H146064" s="12"/>
    </row>
    <row r="146065" spans="8:8">
      <c r="H146065" s="12"/>
    </row>
    <row r="146066" spans="8:8">
      <c r="H146066" s="12"/>
    </row>
    <row r="146067" spans="8:8">
      <c r="H146067" s="12"/>
    </row>
    <row r="146068" spans="8:8">
      <c r="H146068" s="12"/>
    </row>
    <row r="146069" spans="8:8">
      <c r="H146069" s="12"/>
    </row>
    <row r="146070" spans="8:8">
      <c r="H146070" s="12"/>
    </row>
    <row r="146071" spans="8:8">
      <c r="H146071" s="12"/>
    </row>
    <row r="146072" spans="8:8">
      <c r="H146072" s="12"/>
    </row>
    <row r="146073" spans="8:8">
      <c r="H146073" s="12"/>
    </row>
    <row r="146074" spans="8:8">
      <c r="H146074" s="12"/>
    </row>
    <row r="146075" spans="8:8">
      <c r="H146075" s="12"/>
    </row>
    <row r="146076" spans="8:8">
      <c r="H146076" s="12"/>
    </row>
    <row r="146077" spans="8:8">
      <c r="H146077" s="12"/>
    </row>
    <row r="146078" spans="8:8">
      <c r="H146078" s="12"/>
    </row>
    <row r="146079" spans="8:8">
      <c r="H146079" s="12"/>
    </row>
    <row r="146080" spans="8:8">
      <c r="H146080" s="12"/>
    </row>
    <row r="146081" spans="8:8">
      <c r="H146081" s="12"/>
    </row>
    <row r="146082" spans="8:8">
      <c r="H146082" s="12"/>
    </row>
    <row r="146083" spans="8:8">
      <c r="H146083" s="12"/>
    </row>
    <row r="146084" spans="8:8">
      <c r="H146084" s="12"/>
    </row>
    <row r="146085" spans="8:8">
      <c r="H146085" s="12"/>
    </row>
    <row r="146086" spans="8:8">
      <c r="H146086" s="12"/>
    </row>
    <row r="146087" spans="8:8">
      <c r="H146087" s="12"/>
    </row>
    <row r="146088" spans="8:8">
      <c r="H146088" s="12"/>
    </row>
    <row r="146089" spans="8:8">
      <c r="H146089" s="12"/>
    </row>
    <row r="146090" spans="8:8">
      <c r="H146090" s="12"/>
    </row>
    <row r="146091" spans="8:8">
      <c r="H146091" s="12"/>
    </row>
    <row r="146092" spans="8:8">
      <c r="H146092" s="12"/>
    </row>
    <row r="146093" spans="8:8">
      <c r="H146093" s="12"/>
    </row>
    <row r="146094" spans="8:8">
      <c r="H146094" s="12"/>
    </row>
    <row r="146095" spans="8:8">
      <c r="H146095" s="12"/>
    </row>
    <row r="146096" spans="8:8">
      <c r="H146096" s="12"/>
    </row>
    <row r="146097" spans="8:8">
      <c r="H146097" s="12"/>
    </row>
    <row r="146098" spans="8:8">
      <c r="H146098" s="12"/>
    </row>
    <row r="146099" spans="8:8">
      <c r="H146099" s="12"/>
    </row>
    <row r="146100" spans="8:8">
      <c r="H146100" s="12"/>
    </row>
    <row r="146101" spans="8:8">
      <c r="H146101" s="12"/>
    </row>
    <row r="146102" spans="8:8">
      <c r="H146102" s="12"/>
    </row>
    <row r="146103" spans="8:8">
      <c r="H146103" s="12"/>
    </row>
    <row r="146104" spans="8:8">
      <c r="H146104" s="12"/>
    </row>
    <row r="146105" spans="8:8">
      <c r="H146105" s="12"/>
    </row>
    <row r="146106" spans="8:8">
      <c r="H146106" s="12"/>
    </row>
    <row r="146107" spans="8:8">
      <c r="H146107" s="12"/>
    </row>
    <row r="146108" spans="8:8">
      <c r="H146108" s="12"/>
    </row>
    <row r="146109" spans="8:8">
      <c r="H146109" s="12"/>
    </row>
    <row r="146110" spans="8:8">
      <c r="H146110" s="12"/>
    </row>
    <row r="146111" spans="8:8">
      <c r="H146111" s="12"/>
    </row>
    <row r="146112" spans="8:8">
      <c r="H146112" s="12"/>
    </row>
    <row r="146113" spans="8:8">
      <c r="H146113" s="12"/>
    </row>
    <row r="146114" spans="8:8">
      <c r="H146114" s="12"/>
    </row>
    <row r="146115" spans="8:8">
      <c r="H146115" s="12"/>
    </row>
    <row r="146116" spans="8:8">
      <c r="H146116" s="12"/>
    </row>
    <row r="146117" spans="8:8">
      <c r="H146117" s="12"/>
    </row>
    <row r="146118" spans="8:8">
      <c r="H146118" s="12"/>
    </row>
    <row r="146119" spans="8:8">
      <c r="H146119" s="12"/>
    </row>
    <row r="146120" spans="8:8">
      <c r="H146120" s="12"/>
    </row>
    <row r="146121" spans="8:8">
      <c r="H146121" s="12"/>
    </row>
    <row r="146122" spans="8:8">
      <c r="H146122" s="12"/>
    </row>
    <row r="146123" spans="8:8">
      <c r="H146123" s="12"/>
    </row>
    <row r="146124" spans="8:8">
      <c r="H146124" s="12"/>
    </row>
    <row r="146125" spans="8:8">
      <c r="H146125" s="12"/>
    </row>
    <row r="146126" spans="8:8">
      <c r="H146126" s="12"/>
    </row>
    <row r="146127" spans="8:8">
      <c r="H146127" s="12"/>
    </row>
    <row r="146128" spans="8:8">
      <c r="H146128" s="12"/>
    </row>
    <row r="146129" spans="8:8">
      <c r="H146129" s="12"/>
    </row>
    <row r="146130" spans="8:8">
      <c r="H146130" s="12"/>
    </row>
    <row r="146131" spans="8:8">
      <c r="H146131" s="12"/>
    </row>
    <row r="146132" spans="8:8">
      <c r="H146132" s="12"/>
    </row>
    <row r="146133" spans="8:8">
      <c r="H146133" s="12"/>
    </row>
    <row r="146134" spans="8:8">
      <c r="H146134" s="12"/>
    </row>
    <row r="146135" spans="8:8">
      <c r="H146135" s="12"/>
    </row>
    <row r="146136" spans="8:8">
      <c r="H146136" s="12"/>
    </row>
    <row r="146137" spans="8:8">
      <c r="H146137" s="12"/>
    </row>
    <row r="146138" spans="8:8">
      <c r="H146138" s="12"/>
    </row>
    <row r="146139" spans="8:8">
      <c r="H146139" s="12"/>
    </row>
    <row r="146140" spans="8:8">
      <c r="H146140" s="12"/>
    </row>
    <row r="146141" spans="8:8">
      <c r="H146141" s="12"/>
    </row>
    <row r="146142" spans="8:8">
      <c r="H146142" s="12"/>
    </row>
    <row r="146143" spans="8:8">
      <c r="H146143" s="12"/>
    </row>
    <row r="146144" spans="8:8">
      <c r="H146144" s="12"/>
    </row>
    <row r="146145" spans="8:8">
      <c r="H146145" s="12"/>
    </row>
    <row r="146146" spans="8:8">
      <c r="H146146" s="12"/>
    </row>
    <row r="146147" spans="8:8">
      <c r="H146147" s="12"/>
    </row>
    <row r="146148" spans="8:8">
      <c r="H146148" s="12"/>
    </row>
    <row r="146149" spans="8:8">
      <c r="H146149" s="12"/>
    </row>
    <row r="146150" spans="8:8">
      <c r="H146150" s="12"/>
    </row>
    <row r="146151" spans="8:8">
      <c r="H146151" s="12"/>
    </row>
    <row r="146152" spans="8:8">
      <c r="H146152" s="12"/>
    </row>
    <row r="146153" spans="8:8">
      <c r="H146153" s="12"/>
    </row>
    <row r="146154" spans="8:8">
      <c r="H146154" s="12"/>
    </row>
    <row r="146155" spans="8:8">
      <c r="H146155" s="12"/>
    </row>
    <row r="146156" spans="8:8">
      <c r="H146156" s="12"/>
    </row>
    <row r="146157" spans="8:8">
      <c r="H146157" s="12"/>
    </row>
    <row r="146158" spans="8:8">
      <c r="H146158" s="12"/>
    </row>
    <row r="146159" spans="8:8">
      <c r="H146159" s="12"/>
    </row>
    <row r="146160" spans="8:8">
      <c r="H146160" s="12"/>
    </row>
    <row r="146161" spans="8:8">
      <c r="H146161" s="12"/>
    </row>
    <row r="146162" spans="8:8">
      <c r="H146162" s="12"/>
    </row>
    <row r="146163" spans="8:8">
      <c r="H146163" s="12"/>
    </row>
    <row r="146164" spans="8:8">
      <c r="H146164" s="12"/>
    </row>
    <row r="146165" spans="8:8">
      <c r="H146165" s="12"/>
    </row>
    <row r="146166" spans="8:8">
      <c r="H146166" s="12"/>
    </row>
    <row r="146167" spans="8:8">
      <c r="H146167" s="12"/>
    </row>
    <row r="146168" spans="8:8">
      <c r="H146168" s="12"/>
    </row>
    <row r="146169" spans="8:8">
      <c r="H146169" s="12"/>
    </row>
    <row r="146170" spans="8:8">
      <c r="H146170" s="12"/>
    </row>
    <row r="146171" spans="8:8">
      <c r="H146171" s="12"/>
    </row>
    <row r="146172" spans="8:8">
      <c r="H146172" s="12"/>
    </row>
    <row r="146173" spans="8:8">
      <c r="H146173" s="12"/>
    </row>
    <row r="146174" spans="8:8">
      <c r="H146174" s="12"/>
    </row>
    <row r="146175" spans="8:8">
      <c r="H146175" s="12"/>
    </row>
    <row r="146176" spans="8:8">
      <c r="H146176" s="12"/>
    </row>
    <row r="146177" spans="8:8">
      <c r="H146177" s="12"/>
    </row>
    <row r="146178" spans="8:8">
      <c r="H146178" s="12"/>
    </row>
    <row r="146179" spans="8:8">
      <c r="H146179" s="12"/>
    </row>
    <row r="146180" spans="8:8">
      <c r="H146180" s="12"/>
    </row>
    <row r="146181" spans="8:8">
      <c r="H146181" s="12"/>
    </row>
    <row r="146182" spans="8:8">
      <c r="H146182" s="12"/>
    </row>
    <row r="146183" spans="8:8">
      <c r="H146183" s="12"/>
    </row>
    <row r="146184" spans="8:8">
      <c r="H146184" s="12"/>
    </row>
    <row r="146185" spans="8:8">
      <c r="H146185" s="12"/>
    </row>
    <row r="146186" spans="8:8">
      <c r="H146186" s="12"/>
    </row>
    <row r="146187" spans="8:8">
      <c r="H146187" s="12"/>
    </row>
    <row r="146188" spans="8:8">
      <c r="H146188" s="12"/>
    </row>
    <row r="146189" spans="8:8">
      <c r="H146189" s="12"/>
    </row>
    <row r="146190" spans="8:8">
      <c r="H146190" s="12"/>
    </row>
    <row r="146191" spans="8:8">
      <c r="H146191" s="12"/>
    </row>
    <row r="146192" spans="8:8">
      <c r="H146192" s="12"/>
    </row>
    <row r="146193" spans="8:8">
      <c r="H146193" s="12"/>
    </row>
    <row r="146194" spans="8:8">
      <c r="H146194" s="12"/>
    </row>
    <row r="146195" spans="8:8">
      <c r="H146195" s="12"/>
    </row>
    <row r="146196" spans="8:8">
      <c r="H146196" s="12"/>
    </row>
    <row r="146197" spans="8:8">
      <c r="H146197" s="12"/>
    </row>
    <row r="146198" spans="8:8">
      <c r="H146198" s="12"/>
    </row>
    <row r="146199" spans="8:8">
      <c r="H146199" s="12"/>
    </row>
    <row r="146200" spans="8:8">
      <c r="H146200" s="12"/>
    </row>
    <row r="146201" spans="8:8">
      <c r="H146201" s="12"/>
    </row>
    <row r="146202" spans="8:8">
      <c r="H146202" s="12"/>
    </row>
    <row r="146203" spans="8:8">
      <c r="H146203" s="12"/>
    </row>
    <row r="146204" spans="8:8">
      <c r="H146204" s="12"/>
    </row>
    <row r="146205" spans="8:8">
      <c r="H146205" s="12"/>
    </row>
    <row r="146206" spans="8:8">
      <c r="H146206" s="12"/>
    </row>
    <row r="146207" spans="8:8">
      <c r="H146207" s="12"/>
    </row>
    <row r="146208" spans="8:8">
      <c r="H146208" s="12"/>
    </row>
    <row r="146209" spans="8:8">
      <c r="H146209" s="12"/>
    </row>
    <row r="146210" spans="8:8">
      <c r="H146210" s="12"/>
    </row>
    <row r="146211" spans="8:8">
      <c r="H146211" s="12"/>
    </row>
    <row r="146212" spans="8:8">
      <c r="H146212" s="12"/>
    </row>
    <row r="146213" spans="8:8">
      <c r="H146213" s="12"/>
    </row>
    <row r="146214" spans="8:8">
      <c r="H146214" s="12"/>
    </row>
    <row r="146215" spans="8:8">
      <c r="H146215" s="12"/>
    </row>
    <row r="146216" spans="8:8">
      <c r="H146216" s="12"/>
    </row>
    <row r="146217" spans="8:8">
      <c r="H146217" s="12"/>
    </row>
    <row r="146218" spans="8:8">
      <c r="H146218" s="12"/>
    </row>
    <row r="146219" spans="8:8">
      <c r="H146219" s="12"/>
    </row>
    <row r="146220" spans="8:8">
      <c r="H146220" s="12"/>
    </row>
    <row r="146221" spans="8:8">
      <c r="H146221" s="12"/>
    </row>
    <row r="146222" spans="8:8">
      <c r="H146222" s="12"/>
    </row>
    <row r="146223" spans="8:8">
      <c r="H146223" s="12"/>
    </row>
    <row r="146224" spans="8:8">
      <c r="H146224" s="12"/>
    </row>
    <row r="146225" spans="8:8">
      <c r="H146225" s="12"/>
    </row>
    <row r="146226" spans="8:8">
      <c r="H146226" s="12"/>
    </row>
    <row r="146227" spans="8:8">
      <c r="H146227" s="12"/>
    </row>
    <row r="146228" spans="8:8">
      <c r="H146228" s="12"/>
    </row>
    <row r="146229" spans="8:8">
      <c r="H146229" s="12"/>
    </row>
    <row r="146230" spans="8:8">
      <c r="H146230" s="12"/>
    </row>
    <row r="146231" spans="8:8">
      <c r="H146231" s="12"/>
    </row>
    <row r="146232" spans="8:8">
      <c r="H146232" s="12"/>
    </row>
    <row r="146233" spans="8:8">
      <c r="H146233" s="12"/>
    </row>
    <row r="146234" spans="8:8">
      <c r="H146234" s="12"/>
    </row>
    <row r="146235" spans="8:8">
      <c r="H146235" s="12"/>
    </row>
    <row r="146236" spans="8:8">
      <c r="H146236" s="12"/>
    </row>
    <row r="146237" spans="8:8">
      <c r="H146237" s="12"/>
    </row>
    <row r="146238" spans="8:8">
      <c r="H146238" s="12"/>
    </row>
    <row r="146239" spans="8:8">
      <c r="H146239" s="12"/>
    </row>
    <row r="146240" spans="8:8">
      <c r="H146240" s="12"/>
    </row>
    <row r="146241" spans="8:8">
      <c r="H146241" s="12"/>
    </row>
    <row r="146242" spans="8:8">
      <c r="H146242" s="12"/>
    </row>
    <row r="146243" spans="8:8">
      <c r="H146243" s="12"/>
    </row>
    <row r="146244" spans="8:8">
      <c r="H146244" s="12"/>
    </row>
    <row r="146245" spans="8:8">
      <c r="H146245" s="12"/>
    </row>
    <row r="146246" spans="8:8">
      <c r="H146246" s="12"/>
    </row>
    <row r="146247" spans="8:8">
      <c r="H146247" s="12"/>
    </row>
    <row r="146248" spans="8:8">
      <c r="H146248" s="12"/>
    </row>
    <row r="146249" spans="8:8">
      <c r="H146249" s="12"/>
    </row>
    <row r="146250" spans="8:8">
      <c r="H146250" s="12"/>
    </row>
    <row r="146251" spans="8:8">
      <c r="H146251" s="12"/>
    </row>
    <row r="146252" spans="8:8">
      <c r="H146252" s="12"/>
    </row>
    <row r="146253" spans="8:8">
      <c r="H146253" s="12"/>
    </row>
    <row r="146254" spans="8:8">
      <c r="H146254" s="12"/>
    </row>
    <row r="146255" spans="8:8">
      <c r="H146255" s="12"/>
    </row>
    <row r="146256" spans="8:8">
      <c r="H146256" s="12"/>
    </row>
    <row r="146257" spans="8:8">
      <c r="H146257" s="12"/>
    </row>
    <row r="146258" spans="8:8">
      <c r="H146258" s="12"/>
    </row>
    <row r="146259" spans="8:8">
      <c r="H146259" s="12"/>
    </row>
    <row r="146260" spans="8:8">
      <c r="H146260" s="12"/>
    </row>
    <row r="146261" spans="8:8">
      <c r="H146261" s="12"/>
    </row>
    <row r="146262" spans="8:8">
      <c r="H146262" s="12"/>
    </row>
    <row r="146263" spans="8:8">
      <c r="H146263" s="12"/>
    </row>
    <row r="146264" spans="8:8">
      <c r="H146264" s="12"/>
    </row>
    <row r="146265" spans="8:8">
      <c r="H146265" s="12"/>
    </row>
    <row r="146266" spans="8:8">
      <c r="H146266" s="12"/>
    </row>
    <row r="146267" spans="8:8">
      <c r="H146267" s="12"/>
    </row>
    <row r="146268" spans="8:8">
      <c r="H146268" s="12"/>
    </row>
    <row r="146269" spans="8:8">
      <c r="H146269" s="12"/>
    </row>
    <row r="146270" spans="8:8">
      <c r="H146270" s="12"/>
    </row>
    <row r="146271" spans="8:8">
      <c r="H146271" s="12"/>
    </row>
    <row r="146272" spans="8:8">
      <c r="H146272" s="12"/>
    </row>
    <row r="146273" spans="8:8">
      <c r="H146273" s="12"/>
    </row>
    <row r="146274" spans="8:8">
      <c r="H146274" s="12"/>
    </row>
    <row r="146275" spans="8:8">
      <c r="H146275" s="12"/>
    </row>
    <row r="146276" spans="8:8">
      <c r="H146276" s="12"/>
    </row>
    <row r="146277" spans="8:8">
      <c r="H146277" s="12"/>
    </row>
    <row r="146278" spans="8:8">
      <c r="H146278" s="12"/>
    </row>
    <row r="146279" spans="8:8">
      <c r="H146279" s="12"/>
    </row>
    <row r="146280" spans="8:8">
      <c r="H146280" s="12"/>
    </row>
    <row r="146281" spans="8:8">
      <c r="H146281" s="12"/>
    </row>
    <row r="146282" spans="8:8">
      <c r="H146282" s="12"/>
    </row>
    <row r="146283" spans="8:8">
      <c r="H146283" s="12"/>
    </row>
    <row r="146284" spans="8:8">
      <c r="H146284" s="12"/>
    </row>
    <row r="146285" spans="8:8">
      <c r="H146285" s="12"/>
    </row>
    <row r="146286" spans="8:8">
      <c r="H146286" s="12"/>
    </row>
    <row r="146287" spans="8:8">
      <c r="H146287" s="12"/>
    </row>
    <row r="146288" spans="8:8">
      <c r="H146288" s="12"/>
    </row>
    <row r="146289" spans="8:8">
      <c r="H146289" s="12"/>
    </row>
    <row r="146290" spans="8:8">
      <c r="H146290" s="12"/>
    </row>
    <row r="146291" spans="8:8">
      <c r="H146291" s="12"/>
    </row>
    <row r="146292" spans="8:8">
      <c r="H146292" s="12"/>
    </row>
    <row r="146293" spans="8:8">
      <c r="H146293" s="12"/>
    </row>
    <row r="146294" spans="8:8">
      <c r="H146294" s="12"/>
    </row>
    <row r="146295" spans="8:8">
      <c r="H146295" s="12"/>
    </row>
    <row r="146296" spans="8:8">
      <c r="H146296" s="12"/>
    </row>
    <row r="146297" spans="8:8">
      <c r="H146297" s="12"/>
    </row>
    <row r="146298" spans="8:8">
      <c r="H146298" s="12"/>
    </row>
    <row r="146299" spans="8:8">
      <c r="H146299" s="12"/>
    </row>
    <row r="146300" spans="8:8">
      <c r="H146300" s="12"/>
    </row>
    <row r="146301" spans="8:8">
      <c r="H146301" s="12"/>
    </row>
    <row r="146302" spans="8:8">
      <c r="H146302" s="12"/>
    </row>
    <row r="146303" spans="8:8">
      <c r="H146303" s="12"/>
    </row>
    <row r="146304" spans="8:8">
      <c r="H146304" s="12"/>
    </row>
    <row r="146305" spans="8:8">
      <c r="H146305" s="12"/>
    </row>
    <row r="146306" spans="8:8">
      <c r="H146306" s="12"/>
    </row>
    <row r="146307" spans="8:8">
      <c r="H146307" s="12"/>
    </row>
    <row r="146308" spans="8:8">
      <c r="H146308" s="12"/>
    </row>
    <row r="146309" spans="8:8">
      <c r="H146309" s="12"/>
    </row>
    <row r="146310" spans="8:8">
      <c r="H146310" s="12"/>
    </row>
    <row r="146311" spans="8:8">
      <c r="H146311" s="12"/>
    </row>
    <row r="146312" spans="8:8">
      <c r="H146312" s="12"/>
    </row>
    <row r="146313" spans="8:8">
      <c r="H146313" s="12"/>
    </row>
    <row r="146314" spans="8:8">
      <c r="H146314" s="12"/>
    </row>
    <row r="146315" spans="8:8">
      <c r="H146315" s="12"/>
    </row>
    <row r="146316" spans="8:8">
      <c r="H146316" s="12"/>
    </row>
    <row r="146317" spans="8:8">
      <c r="H146317" s="12"/>
    </row>
    <row r="146318" spans="8:8">
      <c r="H146318" s="12"/>
    </row>
    <row r="146319" spans="8:8">
      <c r="H146319" s="12"/>
    </row>
    <row r="146320" spans="8:8">
      <c r="H146320" s="12"/>
    </row>
    <row r="146321" spans="8:8">
      <c r="H146321" s="12"/>
    </row>
    <row r="146322" spans="8:8">
      <c r="H146322" s="12"/>
    </row>
    <row r="146323" spans="8:8">
      <c r="H146323" s="12"/>
    </row>
    <row r="146324" spans="8:8">
      <c r="H146324" s="12"/>
    </row>
    <row r="146325" spans="8:8">
      <c r="H146325" s="12"/>
    </row>
    <row r="146326" spans="8:8">
      <c r="H146326" s="12"/>
    </row>
    <row r="146327" spans="8:8">
      <c r="H146327" s="12"/>
    </row>
    <row r="146328" spans="8:8">
      <c r="H146328" s="12"/>
    </row>
    <row r="146329" spans="8:8">
      <c r="H146329" s="12"/>
    </row>
    <row r="146330" spans="8:8">
      <c r="H146330" s="12"/>
    </row>
    <row r="146331" spans="8:8">
      <c r="H146331" s="12"/>
    </row>
    <row r="146332" spans="8:8">
      <c r="H146332" s="12"/>
    </row>
    <row r="146333" spans="8:8">
      <c r="H146333" s="12"/>
    </row>
    <row r="146334" spans="8:8">
      <c r="H146334" s="12"/>
    </row>
    <row r="146335" spans="8:8">
      <c r="H146335" s="12"/>
    </row>
    <row r="146336" spans="8:8">
      <c r="H146336" s="12"/>
    </row>
    <row r="146337" spans="8:8">
      <c r="H146337" s="12"/>
    </row>
    <row r="146338" spans="8:8">
      <c r="H146338" s="12"/>
    </row>
    <row r="146339" spans="8:8">
      <c r="H146339" s="12"/>
    </row>
    <row r="146340" spans="8:8">
      <c r="H146340" s="12"/>
    </row>
    <row r="146341" spans="8:8">
      <c r="H146341" s="12"/>
    </row>
    <row r="146342" spans="8:8">
      <c r="H146342" s="12"/>
    </row>
    <row r="146343" spans="8:8">
      <c r="H146343" s="12"/>
    </row>
    <row r="146344" spans="8:8">
      <c r="H146344" s="12"/>
    </row>
    <row r="146345" spans="8:8">
      <c r="H146345" s="12"/>
    </row>
    <row r="146346" spans="8:8">
      <c r="H146346" s="12"/>
    </row>
    <row r="146347" spans="8:8">
      <c r="H146347" s="12"/>
    </row>
    <row r="146348" spans="8:8">
      <c r="H146348" s="12"/>
    </row>
    <row r="146349" spans="8:8">
      <c r="H146349" s="12"/>
    </row>
    <row r="146350" spans="8:8">
      <c r="H146350" s="12"/>
    </row>
    <row r="146351" spans="8:8">
      <c r="H146351" s="12"/>
    </row>
    <row r="146352" spans="8:8">
      <c r="H146352" s="12"/>
    </row>
    <row r="146353" spans="8:8">
      <c r="H146353" s="12"/>
    </row>
    <row r="146354" spans="8:8">
      <c r="H146354" s="12"/>
    </row>
    <row r="146355" spans="8:8">
      <c r="H146355" s="12"/>
    </row>
    <row r="146356" spans="8:8">
      <c r="H146356" s="12"/>
    </row>
    <row r="146357" spans="8:8">
      <c r="H146357" s="12"/>
    </row>
    <row r="146358" spans="8:8">
      <c r="H146358" s="12"/>
    </row>
    <row r="146359" spans="8:8">
      <c r="H146359" s="12"/>
    </row>
    <row r="146360" spans="8:8">
      <c r="H146360" s="12"/>
    </row>
    <row r="146361" spans="8:8">
      <c r="H146361" s="12"/>
    </row>
    <row r="146362" spans="8:8">
      <c r="H146362" s="12"/>
    </row>
    <row r="146363" spans="8:8">
      <c r="H146363" s="12"/>
    </row>
    <row r="146364" spans="8:8">
      <c r="H146364" s="12"/>
    </row>
    <row r="146365" spans="8:8">
      <c r="H146365" s="12"/>
    </row>
    <row r="146366" spans="8:8">
      <c r="H146366" s="12"/>
    </row>
    <row r="146367" spans="8:8">
      <c r="H146367" s="12"/>
    </row>
    <row r="146368" spans="8:8">
      <c r="H146368" s="12"/>
    </row>
    <row r="146369" spans="8:8">
      <c r="H146369" s="12"/>
    </row>
    <row r="146370" spans="8:8">
      <c r="H146370" s="12"/>
    </row>
    <row r="146371" spans="8:8">
      <c r="H146371" s="12"/>
    </row>
    <row r="146372" spans="8:8">
      <c r="H146372" s="12"/>
    </row>
    <row r="146373" spans="8:8">
      <c r="H146373" s="12"/>
    </row>
    <row r="146374" spans="8:8">
      <c r="H146374" s="12"/>
    </row>
    <row r="146375" spans="8:8">
      <c r="H146375" s="12"/>
    </row>
    <row r="146376" spans="8:8">
      <c r="H146376" s="12"/>
    </row>
    <row r="146377" spans="8:8">
      <c r="H146377" s="12"/>
    </row>
    <row r="146378" spans="8:8">
      <c r="H146378" s="12"/>
    </row>
    <row r="146379" spans="8:8">
      <c r="H146379" s="12"/>
    </row>
    <row r="146380" spans="8:8">
      <c r="H146380" s="12"/>
    </row>
    <row r="146381" spans="8:8">
      <c r="H146381" s="12"/>
    </row>
    <row r="146382" spans="8:8">
      <c r="H146382" s="12"/>
    </row>
    <row r="146383" spans="8:8">
      <c r="H146383" s="12"/>
    </row>
    <row r="146384" spans="8:8">
      <c r="H146384" s="12"/>
    </row>
    <row r="146385" spans="8:8">
      <c r="H146385" s="12"/>
    </row>
    <row r="146386" spans="8:8">
      <c r="H146386" s="12"/>
    </row>
    <row r="146387" spans="8:8">
      <c r="H146387" s="12"/>
    </row>
    <row r="146388" spans="8:8">
      <c r="H146388" s="12"/>
    </row>
    <row r="146389" spans="8:8">
      <c r="H146389" s="12"/>
    </row>
    <row r="146390" spans="8:8">
      <c r="H146390" s="12"/>
    </row>
    <row r="146391" spans="8:8">
      <c r="H146391" s="12"/>
    </row>
    <row r="146392" spans="8:8">
      <c r="H146392" s="12"/>
    </row>
    <row r="146393" spans="8:8">
      <c r="H146393" s="12"/>
    </row>
    <row r="146394" spans="8:8">
      <c r="H146394" s="12"/>
    </row>
    <row r="146395" spans="8:8">
      <c r="H146395" s="12"/>
    </row>
    <row r="146396" spans="8:8">
      <c r="H146396" s="12"/>
    </row>
    <row r="146397" spans="8:8">
      <c r="H146397" s="12"/>
    </row>
    <row r="146398" spans="8:8">
      <c r="H146398" s="12"/>
    </row>
    <row r="146399" spans="8:8">
      <c r="H146399" s="12"/>
    </row>
    <row r="146400" spans="8:8">
      <c r="H146400" s="12"/>
    </row>
    <row r="146401" spans="8:8">
      <c r="H146401" s="12"/>
    </row>
    <row r="146402" spans="8:8">
      <c r="H146402" s="12"/>
    </row>
    <row r="146403" spans="8:8">
      <c r="H146403" s="12"/>
    </row>
    <row r="146404" spans="8:8">
      <c r="H146404" s="12"/>
    </row>
    <row r="146405" spans="8:8">
      <c r="H146405" s="12"/>
    </row>
    <row r="146406" spans="8:8">
      <c r="H146406" s="12"/>
    </row>
    <row r="146407" spans="8:8">
      <c r="H146407" s="12"/>
    </row>
    <row r="146408" spans="8:8">
      <c r="H146408" s="12"/>
    </row>
    <row r="146409" spans="8:8">
      <c r="H146409" s="12"/>
    </row>
    <row r="146410" spans="8:8">
      <c r="H146410" s="12"/>
    </row>
    <row r="146411" spans="8:8">
      <c r="H146411" s="12"/>
    </row>
    <row r="146412" spans="8:8">
      <c r="H146412" s="12"/>
    </row>
    <row r="146413" spans="8:8">
      <c r="H146413" s="12"/>
    </row>
    <row r="146414" spans="8:8">
      <c r="H146414" s="12"/>
    </row>
    <row r="146415" spans="8:8">
      <c r="H146415" s="12"/>
    </row>
    <row r="146416" spans="8:8">
      <c r="H146416" s="12"/>
    </row>
    <row r="146417" spans="8:8">
      <c r="H146417" s="12"/>
    </row>
    <row r="146418" spans="8:8">
      <c r="H146418" s="12"/>
    </row>
    <row r="146419" spans="8:8">
      <c r="H146419" s="12"/>
    </row>
    <row r="146420" spans="8:8">
      <c r="H146420" s="12"/>
    </row>
    <row r="146421" spans="8:8">
      <c r="H146421" s="12"/>
    </row>
    <row r="146422" spans="8:8">
      <c r="H146422" s="12"/>
    </row>
    <row r="146423" spans="8:8">
      <c r="H146423" s="12"/>
    </row>
    <row r="146424" spans="8:8">
      <c r="H146424" s="12"/>
    </row>
    <row r="146425" spans="8:8">
      <c r="H146425" s="12"/>
    </row>
    <row r="146426" spans="8:8">
      <c r="H146426" s="12"/>
    </row>
    <row r="146427" spans="8:8">
      <c r="H146427" s="12"/>
    </row>
    <row r="146428" spans="8:8">
      <c r="H146428" s="12"/>
    </row>
    <row r="146429" spans="8:8">
      <c r="H146429" s="12"/>
    </row>
    <row r="146430" spans="8:8">
      <c r="H146430" s="12"/>
    </row>
    <row r="146431" spans="8:8">
      <c r="H146431" s="12"/>
    </row>
    <row r="146432" spans="8:8">
      <c r="H146432" s="12"/>
    </row>
    <row r="146433" spans="8:8">
      <c r="H146433" s="12"/>
    </row>
    <row r="146434" spans="8:8">
      <c r="H146434" s="12"/>
    </row>
    <row r="146435" spans="8:8">
      <c r="H146435" s="12"/>
    </row>
    <row r="146436" spans="8:8">
      <c r="H146436" s="12"/>
    </row>
    <row r="146437" spans="8:8">
      <c r="H146437" s="12"/>
    </row>
    <row r="146438" spans="8:8">
      <c r="H146438" s="12"/>
    </row>
    <row r="146439" spans="8:8">
      <c r="H146439" s="12"/>
    </row>
    <row r="146440" spans="8:8">
      <c r="H146440" s="12"/>
    </row>
    <row r="146441" spans="8:8">
      <c r="H146441" s="12"/>
    </row>
    <row r="146442" spans="8:8">
      <c r="H146442" s="12"/>
    </row>
    <row r="146443" spans="8:8">
      <c r="H146443" s="12"/>
    </row>
    <row r="146444" spans="8:8">
      <c r="H146444" s="12"/>
    </row>
    <row r="146445" spans="8:8">
      <c r="H146445" s="12"/>
    </row>
    <row r="146446" spans="8:8">
      <c r="H146446" s="12"/>
    </row>
    <row r="146447" spans="8:8">
      <c r="H146447" s="12"/>
    </row>
    <row r="146448" spans="8:8">
      <c r="H146448" s="12"/>
    </row>
    <row r="146449" spans="8:8">
      <c r="H146449" s="12"/>
    </row>
    <row r="146450" spans="8:8">
      <c r="H146450" s="12"/>
    </row>
    <row r="146451" spans="8:8">
      <c r="H146451" s="12"/>
    </row>
    <row r="146452" spans="8:8">
      <c r="H146452" s="12"/>
    </row>
    <row r="146453" spans="8:8">
      <c r="H146453" s="12"/>
    </row>
    <row r="146454" spans="8:8">
      <c r="H146454" s="12"/>
    </row>
    <row r="146455" spans="8:8">
      <c r="H146455" s="12"/>
    </row>
    <row r="146456" spans="8:8">
      <c r="H146456" s="12"/>
    </row>
    <row r="146457" spans="8:8">
      <c r="H146457" s="12"/>
    </row>
    <row r="146458" spans="8:8">
      <c r="H146458" s="12"/>
    </row>
    <row r="146459" spans="8:8">
      <c r="H146459" s="12"/>
    </row>
    <row r="146460" spans="8:8">
      <c r="H146460" s="12"/>
    </row>
    <row r="146461" spans="8:8">
      <c r="H146461" s="12"/>
    </row>
    <row r="146462" spans="8:8">
      <c r="H146462" s="12"/>
    </row>
    <row r="146463" spans="8:8">
      <c r="H146463" s="12"/>
    </row>
    <row r="146464" spans="8:8">
      <c r="H146464" s="12"/>
    </row>
    <row r="146465" spans="8:8">
      <c r="H146465" s="12"/>
    </row>
    <row r="146466" spans="8:8">
      <c r="H146466" s="12"/>
    </row>
    <row r="146467" spans="8:8">
      <c r="H146467" s="12"/>
    </row>
    <row r="146468" spans="8:8">
      <c r="H146468" s="12"/>
    </row>
    <row r="146469" spans="8:8">
      <c r="H146469" s="12"/>
    </row>
    <row r="146470" spans="8:8">
      <c r="H146470" s="12"/>
    </row>
    <row r="146471" spans="8:8">
      <c r="H146471" s="12"/>
    </row>
    <row r="146472" spans="8:8">
      <c r="H146472" s="12"/>
    </row>
    <row r="146473" spans="8:8">
      <c r="H146473" s="12"/>
    </row>
    <row r="146474" spans="8:8">
      <c r="H146474" s="12"/>
    </row>
    <row r="146475" spans="8:8">
      <c r="H146475" s="12"/>
    </row>
    <row r="146476" spans="8:8">
      <c r="H146476" s="12"/>
    </row>
    <row r="146477" spans="8:8">
      <c r="H146477" s="12"/>
    </row>
    <row r="146478" spans="8:8">
      <c r="H146478" s="12"/>
    </row>
    <row r="146479" spans="8:8">
      <c r="H146479" s="12"/>
    </row>
    <row r="146480" spans="8:8">
      <c r="H146480" s="12"/>
    </row>
    <row r="146481" spans="8:8">
      <c r="H146481" s="12"/>
    </row>
    <row r="146482" spans="8:8">
      <c r="H146482" s="12"/>
    </row>
    <row r="146483" spans="8:8">
      <c r="H146483" s="12"/>
    </row>
    <row r="146484" spans="8:8">
      <c r="H146484" s="12"/>
    </row>
    <row r="146485" spans="8:8">
      <c r="H146485" s="12"/>
    </row>
    <row r="146486" spans="8:8">
      <c r="H146486" s="12"/>
    </row>
    <row r="146487" spans="8:8">
      <c r="H146487" s="12"/>
    </row>
    <row r="146488" spans="8:8">
      <c r="H146488" s="12"/>
    </row>
    <row r="146489" spans="8:8">
      <c r="H146489" s="12"/>
    </row>
    <row r="146490" spans="8:8">
      <c r="H146490" s="12"/>
    </row>
    <row r="146491" spans="8:8">
      <c r="H146491" s="12"/>
    </row>
    <row r="146492" spans="8:8">
      <c r="H146492" s="12"/>
    </row>
    <row r="146493" spans="8:8">
      <c r="H146493" s="12"/>
    </row>
    <row r="146494" spans="8:8">
      <c r="H146494" s="12"/>
    </row>
    <row r="146495" spans="8:8">
      <c r="H146495" s="12"/>
    </row>
    <row r="146496" spans="8:8">
      <c r="H146496" s="12"/>
    </row>
    <row r="146497" spans="8:8">
      <c r="H146497" s="12"/>
    </row>
    <row r="146498" spans="8:8">
      <c r="H146498" s="12"/>
    </row>
    <row r="146499" spans="8:8">
      <c r="H146499" s="12"/>
    </row>
    <row r="146500" spans="8:8">
      <c r="H146500" s="12"/>
    </row>
    <row r="146501" spans="8:8">
      <c r="H146501" s="12"/>
    </row>
    <row r="146502" spans="8:8">
      <c r="H146502" s="12"/>
    </row>
    <row r="146503" spans="8:8">
      <c r="H146503" s="12"/>
    </row>
    <row r="146504" spans="8:8">
      <c r="H146504" s="12"/>
    </row>
    <row r="146505" spans="8:8">
      <c r="H146505" s="12"/>
    </row>
    <row r="146506" spans="8:8">
      <c r="H146506" s="12"/>
    </row>
    <row r="146507" spans="8:8">
      <c r="H146507" s="12"/>
    </row>
    <row r="146508" spans="8:8">
      <c r="H146508" s="12"/>
    </row>
    <row r="146509" spans="8:8">
      <c r="H146509" s="12"/>
    </row>
    <row r="146510" spans="8:8">
      <c r="H146510" s="12"/>
    </row>
    <row r="146511" spans="8:8">
      <c r="H146511" s="12"/>
    </row>
    <row r="146512" spans="8:8">
      <c r="H146512" s="12"/>
    </row>
    <row r="146513" spans="8:8">
      <c r="H146513" s="12"/>
    </row>
    <row r="146514" spans="8:8">
      <c r="H146514" s="12"/>
    </row>
    <row r="146515" spans="8:8">
      <c r="H146515" s="12"/>
    </row>
    <row r="146516" spans="8:8">
      <c r="H146516" s="12"/>
    </row>
    <row r="146517" spans="8:8">
      <c r="H146517" s="12"/>
    </row>
    <row r="146518" spans="8:8">
      <c r="H146518" s="12"/>
    </row>
    <row r="146519" spans="8:8">
      <c r="H146519" s="12"/>
    </row>
    <row r="146520" spans="8:8">
      <c r="H146520" s="12"/>
    </row>
    <row r="146521" spans="8:8">
      <c r="H146521" s="12"/>
    </row>
    <row r="146522" spans="8:8">
      <c r="H146522" s="12"/>
    </row>
    <row r="146523" spans="8:8">
      <c r="H146523" s="12"/>
    </row>
    <row r="146524" spans="8:8">
      <c r="H146524" s="12"/>
    </row>
    <row r="146525" spans="8:8">
      <c r="H146525" s="12"/>
    </row>
    <row r="146526" spans="8:8">
      <c r="H146526" s="12"/>
    </row>
    <row r="146527" spans="8:8">
      <c r="H146527" s="12"/>
    </row>
    <row r="146528" spans="8:8">
      <c r="H146528" s="12"/>
    </row>
    <row r="146529" spans="8:8">
      <c r="H146529" s="12"/>
    </row>
    <row r="146530" spans="8:8">
      <c r="H146530" s="12"/>
    </row>
    <row r="146531" spans="8:8">
      <c r="H146531" s="12"/>
    </row>
    <row r="146532" spans="8:8">
      <c r="H146532" s="12"/>
    </row>
    <row r="146533" spans="8:8">
      <c r="H146533" s="12"/>
    </row>
    <row r="146534" spans="8:8">
      <c r="H146534" s="12"/>
    </row>
    <row r="146535" spans="8:8">
      <c r="H146535" s="12"/>
    </row>
    <row r="146536" spans="8:8">
      <c r="H146536" s="12"/>
    </row>
    <row r="146537" spans="8:8">
      <c r="H146537" s="12"/>
    </row>
    <row r="146538" spans="8:8">
      <c r="H146538" s="12"/>
    </row>
    <row r="146539" spans="8:8">
      <c r="H146539" s="12"/>
    </row>
    <row r="146540" spans="8:8">
      <c r="H146540" s="12"/>
    </row>
    <row r="146541" spans="8:8">
      <c r="H146541" s="12"/>
    </row>
    <row r="146542" spans="8:8">
      <c r="H146542" s="12"/>
    </row>
    <row r="146543" spans="8:8">
      <c r="H146543" s="12"/>
    </row>
    <row r="146544" spans="8:8">
      <c r="H146544" s="12"/>
    </row>
    <row r="146545" spans="8:8">
      <c r="H146545" s="12"/>
    </row>
    <row r="146546" spans="8:8">
      <c r="H146546" s="12"/>
    </row>
    <row r="146547" spans="8:8">
      <c r="H146547" s="12"/>
    </row>
    <row r="146548" spans="8:8">
      <c r="H146548" s="12"/>
    </row>
    <row r="146549" spans="8:8">
      <c r="H146549" s="12"/>
    </row>
    <row r="146550" spans="8:8">
      <c r="H146550" s="12"/>
    </row>
    <row r="146551" spans="8:8">
      <c r="H146551" s="12"/>
    </row>
    <row r="146552" spans="8:8">
      <c r="H146552" s="12"/>
    </row>
    <row r="146553" spans="8:8">
      <c r="H146553" s="12"/>
    </row>
    <row r="146554" spans="8:8">
      <c r="H146554" s="12"/>
    </row>
    <row r="146555" spans="8:8">
      <c r="H146555" s="12"/>
    </row>
    <row r="146556" spans="8:8">
      <c r="H146556" s="12"/>
    </row>
    <row r="146557" spans="8:8">
      <c r="H146557" s="12"/>
    </row>
    <row r="146558" spans="8:8">
      <c r="H146558" s="12"/>
    </row>
    <row r="146559" spans="8:8">
      <c r="H146559" s="12"/>
    </row>
    <row r="146560" spans="8:8">
      <c r="H146560" s="12"/>
    </row>
    <row r="146561" spans="8:8">
      <c r="H146561" s="12"/>
    </row>
    <row r="146562" spans="8:8">
      <c r="H146562" s="12"/>
    </row>
    <row r="146563" spans="8:8">
      <c r="H146563" s="12"/>
    </row>
    <row r="146564" spans="8:8">
      <c r="H146564" s="12"/>
    </row>
    <row r="146565" spans="8:8">
      <c r="H146565" s="12"/>
    </row>
    <row r="146566" spans="8:8">
      <c r="H146566" s="12"/>
    </row>
    <row r="146567" spans="8:8">
      <c r="H146567" s="12"/>
    </row>
    <row r="146568" spans="8:8">
      <c r="H146568" s="12"/>
    </row>
    <row r="146569" spans="8:8">
      <c r="H146569" s="12"/>
    </row>
    <row r="146570" spans="8:8">
      <c r="H146570" s="12"/>
    </row>
    <row r="146571" spans="8:8">
      <c r="H146571" s="12"/>
    </row>
    <row r="146572" spans="8:8">
      <c r="H146572" s="12"/>
    </row>
    <row r="146573" spans="8:8">
      <c r="H146573" s="12"/>
    </row>
    <row r="146574" spans="8:8">
      <c r="H146574" s="12"/>
    </row>
    <row r="146575" spans="8:8">
      <c r="H146575" s="12"/>
    </row>
    <row r="146576" spans="8:8">
      <c r="H146576" s="12"/>
    </row>
    <row r="146577" spans="8:8">
      <c r="H146577" s="12"/>
    </row>
    <row r="146578" spans="8:8">
      <c r="H146578" s="12"/>
    </row>
    <row r="146579" spans="8:8">
      <c r="H146579" s="12"/>
    </row>
    <row r="146580" spans="8:8">
      <c r="H146580" s="12"/>
    </row>
    <row r="146581" spans="8:8">
      <c r="H146581" s="12"/>
    </row>
    <row r="146582" spans="8:8">
      <c r="H146582" s="12"/>
    </row>
    <row r="146583" spans="8:8">
      <c r="H146583" s="12"/>
    </row>
    <row r="146584" spans="8:8">
      <c r="H146584" s="12"/>
    </row>
    <row r="146585" spans="8:8">
      <c r="H146585" s="12"/>
    </row>
    <row r="146586" spans="8:8">
      <c r="H146586" s="12"/>
    </row>
    <row r="146587" spans="8:8">
      <c r="H146587" s="12"/>
    </row>
    <row r="146588" spans="8:8">
      <c r="H146588" s="12"/>
    </row>
    <row r="146589" spans="8:8">
      <c r="H146589" s="12"/>
    </row>
    <row r="146590" spans="8:8">
      <c r="H146590" s="12"/>
    </row>
    <row r="146591" spans="8:8">
      <c r="H146591" s="12"/>
    </row>
    <row r="146592" spans="8:8">
      <c r="H146592" s="12"/>
    </row>
    <row r="146593" spans="8:8">
      <c r="H146593" s="12"/>
    </row>
    <row r="146594" spans="8:8">
      <c r="H146594" s="12"/>
    </row>
    <row r="146595" spans="8:8">
      <c r="H146595" s="12"/>
    </row>
    <row r="146596" spans="8:8">
      <c r="H146596" s="12"/>
    </row>
    <row r="146597" spans="8:8">
      <c r="H146597" s="12"/>
    </row>
    <row r="146598" spans="8:8">
      <c r="H146598" s="12"/>
    </row>
    <row r="146599" spans="8:8">
      <c r="H146599" s="12"/>
    </row>
    <row r="146600" spans="8:8">
      <c r="H146600" s="12"/>
    </row>
    <row r="146601" spans="8:8">
      <c r="H146601" s="12"/>
    </row>
    <row r="146602" spans="8:8">
      <c r="H146602" s="12"/>
    </row>
    <row r="146603" spans="8:8">
      <c r="H146603" s="12"/>
    </row>
    <row r="146604" spans="8:8">
      <c r="H146604" s="12"/>
    </row>
    <row r="146605" spans="8:8">
      <c r="H146605" s="12"/>
    </row>
    <row r="146606" spans="8:8">
      <c r="H146606" s="12"/>
    </row>
    <row r="146607" spans="8:8">
      <c r="H146607" s="12"/>
    </row>
    <row r="146608" spans="8:8">
      <c r="H146608" s="12"/>
    </row>
    <row r="146609" spans="8:8">
      <c r="H146609" s="12"/>
    </row>
    <row r="146610" spans="8:8">
      <c r="H146610" s="12"/>
    </row>
    <row r="146611" spans="8:8">
      <c r="H146611" s="12"/>
    </row>
    <row r="146612" spans="8:8">
      <c r="H146612" s="12"/>
    </row>
    <row r="146613" spans="8:8">
      <c r="H146613" s="12"/>
    </row>
    <row r="146614" spans="8:8">
      <c r="H146614" s="12"/>
    </row>
    <row r="146615" spans="8:8">
      <c r="H146615" s="12"/>
    </row>
    <row r="146616" spans="8:8">
      <c r="H146616" s="12"/>
    </row>
    <row r="146617" spans="8:8">
      <c r="H146617" s="12"/>
    </row>
    <row r="146618" spans="8:8">
      <c r="H146618" s="12"/>
    </row>
    <row r="146619" spans="8:8">
      <c r="H146619" s="12"/>
    </row>
    <row r="146620" spans="8:8">
      <c r="H146620" s="12"/>
    </row>
    <row r="146621" spans="8:8">
      <c r="H146621" s="12"/>
    </row>
    <row r="146622" spans="8:8">
      <c r="H146622" s="12"/>
    </row>
    <row r="146623" spans="8:8">
      <c r="H146623" s="12"/>
    </row>
    <row r="146624" spans="8:8">
      <c r="H146624" s="12"/>
    </row>
    <row r="146625" spans="8:8">
      <c r="H146625" s="12"/>
    </row>
    <row r="146626" spans="8:8">
      <c r="H146626" s="12"/>
    </row>
    <row r="146627" spans="8:8">
      <c r="H146627" s="12"/>
    </row>
    <row r="146628" spans="8:8">
      <c r="H146628" s="12"/>
    </row>
    <row r="146629" spans="8:8">
      <c r="H146629" s="12"/>
    </row>
    <row r="146630" spans="8:8">
      <c r="H146630" s="12"/>
    </row>
    <row r="146631" spans="8:8">
      <c r="H146631" s="12"/>
    </row>
    <row r="146632" spans="8:8">
      <c r="H146632" s="12"/>
    </row>
    <row r="146633" spans="8:8">
      <c r="H146633" s="12"/>
    </row>
    <row r="146634" spans="8:8">
      <c r="H146634" s="12"/>
    </row>
    <row r="146635" spans="8:8">
      <c r="H146635" s="12"/>
    </row>
    <row r="146636" spans="8:8">
      <c r="H146636" s="12"/>
    </row>
    <row r="146637" spans="8:8">
      <c r="H146637" s="12"/>
    </row>
    <row r="146638" spans="8:8">
      <c r="H146638" s="12"/>
    </row>
    <row r="146639" spans="8:8">
      <c r="H146639" s="12"/>
    </row>
    <row r="146640" spans="8:8">
      <c r="H146640" s="12"/>
    </row>
    <row r="146641" spans="8:8">
      <c r="H146641" s="12"/>
    </row>
    <row r="146642" spans="8:8">
      <c r="H146642" s="12"/>
    </row>
    <row r="146643" spans="8:8">
      <c r="H146643" s="12"/>
    </row>
    <row r="146644" spans="8:8">
      <c r="H146644" s="12"/>
    </row>
    <row r="146645" spans="8:8">
      <c r="H146645" s="12"/>
    </row>
    <row r="146646" spans="8:8">
      <c r="H146646" s="12"/>
    </row>
    <row r="146647" spans="8:8">
      <c r="H146647" s="12"/>
    </row>
    <row r="146648" spans="8:8">
      <c r="H146648" s="12"/>
    </row>
    <row r="146649" spans="8:8">
      <c r="H146649" s="12"/>
    </row>
    <row r="146650" spans="8:8">
      <c r="H146650" s="12"/>
    </row>
    <row r="146651" spans="8:8">
      <c r="H146651" s="12"/>
    </row>
    <row r="146652" spans="8:8">
      <c r="H146652" s="12"/>
    </row>
    <row r="146653" spans="8:8">
      <c r="H146653" s="12"/>
    </row>
    <row r="146654" spans="8:8">
      <c r="H146654" s="12"/>
    </row>
    <row r="146655" spans="8:8">
      <c r="H146655" s="12"/>
    </row>
    <row r="146656" spans="8:8">
      <c r="H146656" s="12"/>
    </row>
    <row r="146657" spans="8:8">
      <c r="H146657" s="12"/>
    </row>
    <row r="146658" spans="8:8">
      <c r="H146658" s="12"/>
    </row>
    <row r="146659" spans="8:8">
      <c r="H146659" s="12"/>
    </row>
    <row r="146660" spans="8:8">
      <c r="H146660" s="12"/>
    </row>
    <row r="146661" spans="8:8">
      <c r="H146661" s="12"/>
    </row>
    <row r="146662" spans="8:8">
      <c r="H146662" s="12"/>
    </row>
    <row r="146663" spans="8:8">
      <c r="H146663" s="12"/>
    </row>
    <row r="146664" spans="8:8">
      <c r="H146664" s="12"/>
    </row>
    <row r="146665" spans="8:8">
      <c r="H146665" s="12"/>
    </row>
    <row r="146666" spans="8:8">
      <c r="H146666" s="12"/>
    </row>
    <row r="146667" spans="8:8">
      <c r="H146667" s="12"/>
    </row>
    <row r="146668" spans="8:8">
      <c r="H146668" s="12"/>
    </row>
    <row r="146669" spans="8:8">
      <c r="H146669" s="12"/>
    </row>
    <row r="146670" spans="8:8">
      <c r="H146670" s="12"/>
    </row>
    <row r="146671" spans="8:8">
      <c r="H146671" s="12"/>
    </row>
    <row r="146672" spans="8:8">
      <c r="H146672" s="12"/>
    </row>
    <row r="146673" spans="8:8">
      <c r="H146673" s="12"/>
    </row>
    <row r="146674" spans="8:8">
      <c r="H146674" s="12"/>
    </row>
    <row r="146675" spans="8:8">
      <c r="H146675" s="12"/>
    </row>
    <row r="146676" spans="8:8">
      <c r="H146676" s="12"/>
    </row>
    <row r="146677" spans="8:8">
      <c r="H146677" s="12"/>
    </row>
    <row r="146678" spans="8:8">
      <c r="H146678" s="12"/>
    </row>
    <row r="146679" spans="8:8">
      <c r="H146679" s="12"/>
    </row>
    <row r="146680" spans="8:8">
      <c r="H146680" s="12"/>
    </row>
    <row r="146681" spans="8:8">
      <c r="H146681" s="12"/>
    </row>
    <row r="146682" spans="8:8">
      <c r="H146682" s="12"/>
    </row>
    <row r="146683" spans="8:8">
      <c r="H146683" s="12"/>
    </row>
    <row r="146684" spans="8:8">
      <c r="H146684" s="12"/>
    </row>
    <row r="146685" spans="8:8">
      <c r="H146685" s="12"/>
    </row>
    <row r="146686" spans="8:8">
      <c r="H146686" s="12"/>
    </row>
    <row r="146687" spans="8:8">
      <c r="H146687" s="12"/>
    </row>
    <row r="146688" spans="8:8">
      <c r="H146688" s="12"/>
    </row>
    <row r="146689" spans="8:8">
      <c r="H146689" s="12"/>
    </row>
    <row r="146690" spans="8:8">
      <c r="H146690" s="12"/>
    </row>
    <row r="146691" spans="8:8">
      <c r="H146691" s="12"/>
    </row>
    <row r="146692" spans="8:8">
      <c r="H146692" s="12"/>
    </row>
    <row r="146693" spans="8:8">
      <c r="H146693" s="12"/>
    </row>
    <row r="146694" spans="8:8">
      <c r="H146694" s="12"/>
    </row>
    <row r="146695" spans="8:8">
      <c r="H146695" s="12"/>
    </row>
    <row r="146696" spans="8:8">
      <c r="H146696" s="12"/>
    </row>
    <row r="146697" spans="8:8">
      <c r="H146697" s="12"/>
    </row>
    <row r="146698" spans="8:8">
      <c r="H146698" s="12"/>
    </row>
    <row r="146699" spans="8:8">
      <c r="H146699" s="12"/>
    </row>
    <row r="146700" spans="8:8">
      <c r="H146700" s="12"/>
    </row>
    <row r="146701" spans="8:8">
      <c r="H146701" s="12"/>
    </row>
    <row r="146702" spans="8:8">
      <c r="H146702" s="12"/>
    </row>
    <row r="146703" spans="8:8">
      <c r="H146703" s="12"/>
    </row>
    <row r="146704" spans="8:8">
      <c r="H146704" s="12"/>
    </row>
    <row r="146705" spans="8:8">
      <c r="H146705" s="12"/>
    </row>
    <row r="146706" spans="8:8">
      <c r="H146706" s="12"/>
    </row>
    <row r="146707" spans="8:8">
      <c r="H146707" s="12"/>
    </row>
    <row r="146708" spans="8:8">
      <c r="H146708" s="12"/>
    </row>
    <row r="146709" spans="8:8">
      <c r="H146709" s="12"/>
    </row>
    <row r="146710" spans="8:8">
      <c r="H146710" s="12"/>
    </row>
    <row r="146711" spans="8:8">
      <c r="H146711" s="12"/>
    </row>
    <row r="146712" spans="8:8">
      <c r="H146712" s="12"/>
    </row>
    <row r="146713" spans="8:8">
      <c r="H146713" s="12"/>
    </row>
    <row r="146714" spans="8:8">
      <c r="H146714" s="12"/>
    </row>
    <row r="146715" spans="8:8">
      <c r="H146715" s="12"/>
    </row>
    <row r="146716" spans="8:8">
      <c r="H146716" s="12"/>
    </row>
    <row r="146717" spans="8:8">
      <c r="H146717" s="12"/>
    </row>
    <row r="146718" spans="8:8">
      <c r="H146718" s="12"/>
    </row>
    <row r="146719" spans="8:8">
      <c r="H146719" s="12"/>
    </row>
    <row r="146720" spans="8:8">
      <c r="H146720" s="12"/>
    </row>
    <row r="146721" spans="8:8">
      <c r="H146721" s="12"/>
    </row>
    <row r="146722" spans="8:8">
      <c r="H146722" s="12"/>
    </row>
    <row r="146723" spans="8:8">
      <c r="H146723" s="12"/>
    </row>
    <row r="146724" spans="8:8">
      <c r="H146724" s="12"/>
    </row>
    <row r="146725" spans="8:8">
      <c r="H146725" s="12"/>
    </row>
    <row r="146726" spans="8:8">
      <c r="H146726" s="12"/>
    </row>
    <row r="146727" spans="8:8">
      <c r="H146727" s="12"/>
    </row>
    <row r="146728" spans="8:8">
      <c r="H146728" s="12"/>
    </row>
    <row r="146729" spans="8:8">
      <c r="H146729" s="12"/>
    </row>
    <row r="146730" spans="8:8">
      <c r="H146730" s="12"/>
    </row>
    <row r="146731" spans="8:8">
      <c r="H146731" s="12"/>
    </row>
    <row r="146732" spans="8:8">
      <c r="H146732" s="12"/>
    </row>
    <row r="146733" spans="8:8">
      <c r="H146733" s="12"/>
    </row>
    <row r="146734" spans="8:8">
      <c r="H146734" s="12"/>
    </row>
    <row r="146735" spans="8:8">
      <c r="H146735" s="12"/>
    </row>
    <row r="146736" spans="8:8">
      <c r="H146736" s="12"/>
    </row>
    <row r="146737" spans="8:8">
      <c r="H146737" s="12"/>
    </row>
    <row r="146738" spans="8:8">
      <c r="H146738" s="12"/>
    </row>
    <row r="146739" spans="8:8">
      <c r="H146739" s="12"/>
    </row>
    <row r="146740" spans="8:8">
      <c r="H146740" s="12"/>
    </row>
    <row r="146741" spans="8:8">
      <c r="H146741" s="12"/>
    </row>
    <row r="146742" spans="8:8">
      <c r="H146742" s="12"/>
    </row>
    <row r="146743" spans="8:8">
      <c r="H146743" s="12"/>
    </row>
    <row r="146744" spans="8:8">
      <c r="H146744" s="12"/>
    </row>
    <row r="146745" spans="8:8">
      <c r="H146745" s="12"/>
    </row>
    <row r="146746" spans="8:8">
      <c r="H146746" s="12"/>
    </row>
    <row r="146747" spans="8:8">
      <c r="H146747" s="12"/>
    </row>
    <row r="146748" spans="8:8">
      <c r="H146748" s="12"/>
    </row>
    <row r="146749" spans="8:8">
      <c r="H146749" s="12"/>
    </row>
    <row r="146750" spans="8:8">
      <c r="H146750" s="12"/>
    </row>
    <row r="146751" spans="8:8">
      <c r="H146751" s="12"/>
    </row>
    <row r="146752" spans="8:8">
      <c r="H146752" s="12"/>
    </row>
    <row r="146753" spans="8:8">
      <c r="H146753" s="12"/>
    </row>
    <row r="146754" spans="8:8">
      <c r="H146754" s="12"/>
    </row>
    <row r="146755" spans="8:8">
      <c r="H146755" s="12"/>
    </row>
    <row r="146756" spans="8:8">
      <c r="H146756" s="12"/>
    </row>
    <row r="146757" spans="8:8">
      <c r="H146757" s="12"/>
    </row>
    <row r="146758" spans="8:8">
      <c r="H146758" s="12"/>
    </row>
    <row r="146759" spans="8:8">
      <c r="H146759" s="12"/>
    </row>
    <row r="146760" spans="8:8">
      <c r="H146760" s="12"/>
    </row>
    <row r="146761" spans="8:8">
      <c r="H146761" s="12"/>
    </row>
    <row r="146762" spans="8:8">
      <c r="H146762" s="12"/>
    </row>
    <row r="146763" spans="8:8">
      <c r="H146763" s="12"/>
    </row>
    <row r="146764" spans="8:8">
      <c r="H146764" s="12"/>
    </row>
    <row r="146765" spans="8:8">
      <c r="H146765" s="12"/>
    </row>
    <row r="146766" spans="8:8">
      <c r="H146766" s="12"/>
    </row>
    <row r="146767" spans="8:8">
      <c r="H146767" s="12"/>
    </row>
    <row r="146768" spans="8:8">
      <c r="H146768" s="12"/>
    </row>
    <row r="146769" spans="8:8">
      <c r="H146769" s="12"/>
    </row>
    <row r="146770" spans="8:8">
      <c r="H146770" s="12"/>
    </row>
    <row r="146771" spans="8:8">
      <c r="H146771" s="12"/>
    </row>
    <row r="146772" spans="8:8">
      <c r="H146772" s="12"/>
    </row>
    <row r="146773" spans="8:8">
      <c r="H146773" s="12"/>
    </row>
    <row r="146774" spans="8:8">
      <c r="H146774" s="12"/>
    </row>
    <row r="146775" spans="8:8">
      <c r="H146775" s="12"/>
    </row>
    <row r="146776" spans="8:8">
      <c r="H146776" s="12"/>
    </row>
    <row r="146777" spans="8:8">
      <c r="H146777" s="12"/>
    </row>
    <row r="146778" spans="8:8">
      <c r="H146778" s="12"/>
    </row>
    <row r="146779" spans="8:8">
      <c r="H146779" s="12"/>
    </row>
    <row r="146780" spans="8:8">
      <c r="H146780" s="12"/>
    </row>
    <row r="146781" spans="8:8">
      <c r="H146781" s="12"/>
    </row>
    <row r="146782" spans="8:8">
      <c r="H146782" s="12"/>
    </row>
    <row r="146783" spans="8:8">
      <c r="H146783" s="12"/>
    </row>
    <row r="146784" spans="8:8">
      <c r="H146784" s="12"/>
    </row>
    <row r="146785" spans="8:8">
      <c r="H146785" s="12"/>
    </row>
    <row r="146786" spans="8:8">
      <c r="H146786" s="12"/>
    </row>
    <row r="146787" spans="8:8">
      <c r="H146787" s="12"/>
    </row>
    <row r="146788" spans="8:8">
      <c r="H146788" s="12"/>
    </row>
    <row r="146789" spans="8:8">
      <c r="H146789" s="12"/>
    </row>
    <row r="146790" spans="8:8">
      <c r="H146790" s="12"/>
    </row>
    <row r="146791" spans="8:8">
      <c r="H146791" s="12"/>
    </row>
    <row r="146792" spans="8:8">
      <c r="H146792" s="12"/>
    </row>
    <row r="146793" spans="8:8">
      <c r="H146793" s="12"/>
    </row>
    <row r="146794" spans="8:8">
      <c r="H146794" s="12"/>
    </row>
    <row r="146795" spans="8:8">
      <c r="H146795" s="12"/>
    </row>
    <row r="146796" spans="8:8">
      <c r="H146796" s="12"/>
    </row>
    <row r="146797" spans="8:8">
      <c r="H146797" s="12"/>
    </row>
    <row r="146798" spans="8:8">
      <c r="H146798" s="12"/>
    </row>
    <row r="146799" spans="8:8">
      <c r="H146799" s="12"/>
    </row>
    <row r="146800" spans="8:8">
      <c r="H146800" s="12"/>
    </row>
    <row r="146801" spans="8:8">
      <c r="H146801" s="12"/>
    </row>
    <row r="146802" spans="8:8">
      <c r="H146802" s="12"/>
    </row>
    <row r="146803" spans="8:8">
      <c r="H146803" s="12"/>
    </row>
    <row r="146804" spans="8:8">
      <c r="H146804" s="12"/>
    </row>
    <row r="146805" spans="8:8">
      <c r="H146805" s="12"/>
    </row>
    <row r="146806" spans="8:8">
      <c r="H146806" s="12"/>
    </row>
    <row r="146807" spans="8:8">
      <c r="H146807" s="12"/>
    </row>
    <row r="146808" spans="8:8">
      <c r="H146808" s="12"/>
    </row>
    <row r="146809" spans="8:8">
      <c r="H146809" s="12"/>
    </row>
    <row r="146810" spans="8:8">
      <c r="H146810" s="12"/>
    </row>
    <row r="146811" spans="8:8">
      <c r="H146811" s="12"/>
    </row>
    <row r="146812" spans="8:8">
      <c r="H146812" s="12"/>
    </row>
    <row r="146813" spans="8:8">
      <c r="H146813" s="12"/>
    </row>
    <row r="146814" spans="8:8">
      <c r="H146814" s="12"/>
    </row>
    <row r="146815" spans="8:8">
      <c r="H146815" s="12"/>
    </row>
    <row r="146816" spans="8:8">
      <c r="H146816" s="12"/>
    </row>
    <row r="146817" spans="8:8">
      <c r="H146817" s="12"/>
    </row>
    <row r="146818" spans="8:8">
      <c r="H146818" s="12"/>
    </row>
    <row r="146819" spans="8:8">
      <c r="H146819" s="12"/>
    </row>
    <row r="146820" spans="8:8">
      <c r="H146820" s="12"/>
    </row>
    <row r="146821" spans="8:8">
      <c r="H146821" s="12"/>
    </row>
    <row r="146822" spans="8:8">
      <c r="H146822" s="12"/>
    </row>
    <row r="146823" spans="8:8">
      <c r="H146823" s="12"/>
    </row>
    <row r="146824" spans="8:8">
      <c r="H146824" s="12"/>
    </row>
    <row r="146825" spans="8:8">
      <c r="H146825" s="12"/>
    </row>
    <row r="146826" spans="8:8">
      <c r="H146826" s="12"/>
    </row>
    <row r="146827" spans="8:8">
      <c r="H146827" s="12"/>
    </row>
    <row r="146828" spans="8:8">
      <c r="H146828" s="12"/>
    </row>
    <row r="146829" spans="8:8">
      <c r="H146829" s="12"/>
    </row>
    <row r="146830" spans="8:8">
      <c r="H146830" s="12"/>
    </row>
    <row r="146831" spans="8:8">
      <c r="H146831" s="12"/>
    </row>
    <row r="146832" spans="8:8">
      <c r="H146832" s="12"/>
    </row>
    <row r="146833" spans="8:8">
      <c r="H146833" s="12"/>
    </row>
    <row r="146834" spans="8:8">
      <c r="H146834" s="12"/>
    </row>
    <row r="146835" spans="8:8">
      <c r="H146835" s="12"/>
    </row>
    <row r="146836" spans="8:8">
      <c r="H146836" s="12"/>
    </row>
    <row r="146837" spans="8:8">
      <c r="H146837" s="12"/>
    </row>
    <row r="146838" spans="8:8">
      <c r="H146838" s="12"/>
    </row>
    <row r="146839" spans="8:8">
      <c r="H146839" s="12"/>
    </row>
    <row r="146840" spans="8:8">
      <c r="H146840" s="12"/>
    </row>
    <row r="146841" spans="8:8">
      <c r="H146841" s="12"/>
    </row>
    <row r="146842" spans="8:8">
      <c r="H146842" s="12"/>
    </row>
    <row r="146843" spans="8:8">
      <c r="H146843" s="12"/>
    </row>
    <row r="146844" spans="8:8">
      <c r="H146844" s="12"/>
    </row>
    <row r="146845" spans="8:8">
      <c r="H146845" s="12"/>
    </row>
    <row r="146846" spans="8:8">
      <c r="H146846" s="12"/>
    </row>
    <row r="146847" spans="8:8">
      <c r="H146847" s="12"/>
    </row>
    <row r="146848" spans="8:8">
      <c r="H146848" s="12"/>
    </row>
    <row r="146849" spans="8:8">
      <c r="H146849" s="12"/>
    </row>
    <row r="146850" spans="8:8">
      <c r="H146850" s="12"/>
    </row>
    <row r="146851" spans="8:8">
      <c r="H146851" s="12"/>
    </row>
    <row r="146852" spans="8:8">
      <c r="H146852" s="12"/>
    </row>
    <row r="146853" spans="8:8">
      <c r="H146853" s="12"/>
    </row>
    <row r="146854" spans="8:8">
      <c r="H146854" s="12"/>
    </row>
    <row r="146855" spans="8:8">
      <c r="H146855" s="12"/>
    </row>
    <row r="146856" spans="8:8">
      <c r="H146856" s="12"/>
    </row>
    <row r="146857" spans="8:8">
      <c r="H146857" s="12"/>
    </row>
    <row r="146858" spans="8:8">
      <c r="H146858" s="12"/>
    </row>
    <row r="146859" spans="8:8">
      <c r="H146859" s="12"/>
    </row>
    <row r="146860" spans="8:8">
      <c r="H146860" s="12"/>
    </row>
    <row r="146861" spans="8:8">
      <c r="H146861" s="12"/>
    </row>
    <row r="146862" spans="8:8">
      <c r="H146862" s="12"/>
    </row>
    <row r="146863" spans="8:8">
      <c r="H146863" s="12"/>
    </row>
    <row r="146864" spans="8:8">
      <c r="H146864" s="12"/>
    </row>
    <row r="146865" spans="8:8">
      <c r="H146865" s="12"/>
    </row>
    <row r="146866" spans="8:8">
      <c r="H146866" s="12"/>
    </row>
    <row r="146867" spans="8:8">
      <c r="H146867" s="12"/>
    </row>
    <row r="146868" spans="8:8">
      <c r="H146868" s="12"/>
    </row>
    <row r="146869" spans="8:8">
      <c r="H146869" s="12"/>
    </row>
    <row r="146870" spans="8:8">
      <c r="H146870" s="12"/>
    </row>
    <row r="146871" spans="8:8">
      <c r="H146871" s="12"/>
    </row>
    <row r="146872" spans="8:8">
      <c r="H146872" s="12"/>
    </row>
    <row r="146873" spans="8:8">
      <c r="H146873" s="12"/>
    </row>
    <row r="146874" spans="8:8">
      <c r="H146874" s="12"/>
    </row>
    <row r="146875" spans="8:8">
      <c r="H146875" s="12"/>
    </row>
    <row r="146876" spans="8:8">
      <c r="H146876" s="12"/>
    </row>
    <row r="146877" spans="8:8">
      <c r="H146877" s="12"/>
    </row>
    <row r="146878" spans="8:8">
      <c r="H146878" s="12"/>
    </row>
    <row r="146879" spans="8:8">
      <c r="H146879" s="12"/>
    </row>
    <row r="146880" spans="8:8">
      <c r="H146880" s="12"/>
    </row>
    <row r="146881" spans="8:8">
      <c r="H146881" s="12"/>
    </row>
    <row r="146882" spans="8:8">
      <c r="H146882" s="12"/>
    </row>
    <row r="146883" spans="8:8">
      <c r="H146883" s="12"/>
    </row>
    <row r="146884" spans="8:8">
      <c r="H146884" s="12"/>
    </row>
    <row r="146885" spans="8:8">
      <c r="H146885" s="12"/>
    </row>
    <row r="146886" spans="8:8">
      <c r="H146886" s="12"/>
    </row>
    <row r="146887" spans="8:8">
      <c r="H146887" s="12"/>
    </row>
    <row r="146888" spans="8:8">
      <c r="H146888" s="12"/>
    </row>
    <row r="146889" spans="8:8">
      <c r="H146889" s="12"/>
    </row>
    <row r="146890" spans="8:8">
      <c r="H146890" s="12"/>
    </row>
    <row r="146891" spans="8:8">
      <c r="H146891" s="12"/>
    </row>
    <row r="146892" spans="8:8">
      <c r="H146892" s="12"/>
    </row>
    <row r="146893" spans="8:8">
      <c r="H146893" s="12"/>
    </row>
    <row r="146894" spans="8:8">
      <c r="H146894" s="12"/>
    </row>
    <row r="146895" spans="8:8">
      <c r="H146895" s="12"/>
    </row>
    <row r="146896" spans="8:8">
      <c r="H146896" s="12"/>
    </row>
    <row r="146897" spans="8:8">
      <c r="H146897" s="12"/>
    </row>
    <row r="146898" spans="8:8">
      <c r="H146898" s="12"/>
    </row>
    <row r="146899" spans="8:8">
      <c r="H146899" s="12"/>
    </row>
    <row r="146900" spans="8:8">
      <c r="H146900" s="12"/>
    </row>
    <row r="146901" spans="8:8">
      <c r="H146901" s="12"/>
    </row>
    <row r="146902" spans="8:8">
      <c r="H146902" s="12"/>
    </row>
    <row r="146903" spans="8:8">
      <c r="H146903" s="12"/>
    </row>
    <row r="146904" spans="8:8">
      <c r="H146904" s="12"/>
    </row>
    <row r="146905" spans="8:8">
      <c r="H146905" s="12"/>
    </row>
    <row r="146906" spans="8:8">
      <c r="H146906" s="12"/>
    </row>
    <row r="146907" spans="8:8">
      <c r="H146907" s="12"/>
    </row>
    <row r="146908" spans="8:8">
      <c r="H146908" s="12"/>
    </row>
    <row r="146909" spans="8:8">
      <c r="H146909" s="12"/>
    </row>
    <row r="146910" spans="8:8">
      <c r="H146910" s="12"/>
    </row>
    <row r="146911" spans="8:8">
      <c r="H146911" s="12"/>
    </row>
    <row r="146912" spans="8:8">
      <c r="H146912" s="12"/>
    </row>
    <row r="146913" spans="8:8">
      <c r="H146913" s="12"/>
    </row>
    <row r="146914" spans="8:8">
      <c r="H146914" s="12"/>
    </row>
    <row r="146915" spans="8:8">
      <c r="H146915" s="12"/>
    </row>
    <row r="146916" spans="8:8">
      <c r="H146916" s="12"/>
    </row>
    <row r="146917" spans="8:8">
      <c r="H146917" s="12"/>
    </row>
    <row r="146918" spans="8:8">
      <c r="H146918" s="12"/>
    </row>
    <row r="146919" spans="8:8">
      <c r="H146919" s="12"/>
    </row>
    <row r="146920" spans="8:8">
      <c r="H146920" s="12"/>
    </row>
    <row r="146921" spans="8:8">
      <c r="H146921" s="12"/>
    </row>
    <row r="146922" spans="8:8">
      <c r="H146922" s="12"/>
    </row>
    <row r="146923" spans="8:8">
      <c r="H146923" s="12"/>
    </row>
    <row r="146924" spans="8:8">
      <c r="H146924" s="12"/>
    </row>
    <row r="146925" spans="8:8">
      <c r="H146925" s="12"/>
    </row>
    <row r="146926" spans="8:8">
      <c r="H146926" s="12"/>
    </row>
    <row r="146927" spans="8:8">
      <c r="H146927" s="12"/>
    </row>
    <row r="146928" spans="8:8">
      <c r="H146928" s="12"/>
    </row>
    <row r="146929" spans="8:8">
      <c r="H146929" s="12"/>
    </row>
    <row r="146930" spans="8:8">
      <c r="H146930" s="12"/>
    </row>
    <row r="146931" spans="8:8">
      <c r="H146931" s="12"/>
    </row>
    <row r="146932" spans="8:8">
      <c r="H146932" s="12"/>
    </row>
    <row r="146933" spans="8:8">
      <c r="H146933" s="12"/>
    </row>
    <row r="146934" spans="8:8">
      <c r="H146934" s="12"/>
    </row>
    <row r="146935" spans="8:8">
      <c r="H146935" s="12"/>
    </row>
    <row r="146936" spans="8:8">
      <c r="H146936" s="12"/>
    </row>
    <row r="146937" spans="8:8">
      <c r="H146937" s="12"/>
    </row>
    <row r="146938" spans="8:8">
      <c r="H146938" s="12"/>
    </row>
    <row r="146939" spans="8:8">
      <c r="H146939" s="12"/>
    </row>
    <row r="146940" spans="8:8">
      <c r="H146940" s="12"/>
    </row>
    <row r="146941" spans="8:8">
      <c r="H146941" s="12"/>
    </row>
    <row r="146942" spans="8:8">
      <c r="H146942" s="12"/>
    </row>
    <row r="146943" spans="8:8">
      <c r="H146943" s="12"/>
    </row>
    <row r="146944" spans="8:8">
      <c r="H146944" s="12"/>
    </row>
    <row r="146945" spans="8:8">
      <c r="H146945" s="12"/>
    </row>
    <row r="146946" spans="8:8">
      <c r="H146946" s="12"/>
    </row>
    <row r="146947" spans="8:8">
      <c r="H146947" s="12"/>
    </row>
    <row r="146948" spans="8:8">
      <c r="H146948" s="12"/>
    </row>
    <row r="146949" spans="8:8">
      <c r="H146949" s="12"/>
    </row>
    <row r="146950" spans="8:8">
      <c r="H146950" s="12"/>
    </row>
    <row r="146951" spans="8:8">
      <c r="H146951" s="12"/>
    </row>
    <row r="146952" spans="8:8">
      <c r="H146952" s="12"/>
    </row>
    <row r="146953" spans="8:8">
      <c r="H146953" s="12"/>
    </row>
    <row r="146954" spans="8:8">
      <c r="H146954" s="12"/>
    </row>
    <row r="146955" spans="8:8">
      <c r="H146955" s="12"/>
    </row>
    <row r="146956" spans="8:8">
      <c r="H146956" s="12"/>
    </row>
    <row r="146957" spans="8:8">
      <c r="H146957" s="12"/>
    </row>
    <row r="146958" spans="8:8">
      <c r="H146958" s="12"/>
    </row>
    <row r="146959" spans="8:8">
      <c r="H146959" s="12"/>
    </row>
    <row r="146960" spans="8:8">
      <c r="H146960" s="12"/>
    </row>
    <row r="146961" spans="8:8">
      <c r="H146961" s="12"/>
    </row>
    <row r="146962" spans="8:8">
      <c r="H146962" s="12"/>
    </row>
    <row r="146963" spans="8:8">
      <c r="H146963" s="12"/>
    </row>
    <row r="146964" spans="8:8">
      <c r="H146964" s="12"/>
    </row>
    <row r="146965" spans="8:8">
      <c r="H146965" s="12"/>
    </row>
    <row r="146966" spans="8:8">
      <c r="H146966" s="12"/>
    </row>
    <row r="146967" spans="8:8">
      <c r="H146967" s="12"/>
    </row>
    <row r="146968" spans="8:8">
      <c r="H146968" s="12"/>
    </row>
    <row r="146969" spans="8:8">
      <c r="H146969" s="12"/>
    </row>
    <row r="146970" spans="8:8">
      <c r="H146970" s="12"/>
    </row>
    <row r="146971" spans="8:8">
      <c r="H146971" s="12"/>
    </row>
    <row r="146972" spans="8:8">
      <c r="H146972" s="12"/>
    </row>
    <row r="146973" spans="8:8">
      <c r="H146973" s="12"/>
    </row>
    <row r="146974" spans="8:8">
      <c r="H146974" s="12"/>
    </row>
    <row r="146975" spans="8:8">
      <c r="H146975" s="12"/>
    </row>
    <row r="146976" spans="8:8">
      <c r="H146976" s="12"/>
    </row>
    <row r="146977" spans="8:8">
      <c r="H146977" s="12"/>
    </row>
    <row r="146978" spans="8:8">
      <c r="H146978" s="12"/>
    </row>
    <row r="146979" spans="8:8">
      <c r="H146979" s="12"/>
    </row>
    <row r="146980" spans="8:8">
      <c r="H146980" s="12"/>
    </row>
    <row r="146981" spans="8:8">
      <c r="H146981" s="12"/>
    </row>
    <row r="146982" spans="8:8">
      <c r="H146982" s="12"/>
    </row>
    <row r="146983" spans="8:8">
      <c r="H146983" s="12"/>
    </row>
    <row r="146984" spans="8:8">
      <c r="H146984" s="12"/>
    </row>
    <row r="146985" spans="8:8">
      <c r="H146985" s="12"/>
    </row>
    <row r="146986" spans="8:8">
      <c r="H146986" s="12"/>
    </row>
    <row r="146987" spans="8:8">
      <c r="H146987" s="12"/>
    </row>
    <row r="146988" spans="8:8">
      <c r="H146988" s="12"/>
    </row>
    <row r="146989" spans="8:8">
      <c r="H146989" s="12"/>
    </row>
    <row r="146990" spans="8:8">
      <c r="H146990" s="12"/>
    </row>
    <row r="146991" spans="8:8">
      <c r="H146991" s="12"/>
    </row>
    <row r="146992" spans="8:8">
      <c r="H146992" s="12"/>
    </row>
    <row r="146993" spans="8:8">
      <c r="H146993" s="12"/>
    </row>
    <row r="146994" spans="8:8">
      <c r="H146994" s="12"/>
    </row>
    <row r="146995" spans="8:8">
      <c r="H146995" s="12"/>
    </row>
    <row r="146996" spans="8:8">
      <c r="H146996" s="12"/>
    </row>
    <row r="146997" spans="8:8">
      <c r="H146997" s="12"/>
    </row>
    <row r="146998" spans="8:8">
      <c r="H146998" s="12"/>
    </row>
    <row r="146999" spans="8:8">
      <c r="H146999" s="12"/>
    </row>
    <row r="147000" spans="8:8">
      <c r="H147000" s="12"/>
    </row>
    <row r="147001" spans="8:8">
      <c r="H147001" s="12"/>
    </row>
    <row r="147002" spans="8:8">
      <c r="H147002" s="12"/>
    </row>
    <row r="147003" spans="8:8">
      <c r="H147003" s="12"/>
    </row>
    <row r="147004" spans="8:8">
      <c r="H147004" s="12"/>
    </row>
    <row r="147005" spans="8:8">
      <c r="H147005" s="12"/>
    </row>
    <row r="147006" spans="8:8">
      <c r="H147006" s="12"/>
    </row>
    <row r="147007" spans="8:8">
      <c r="H147007" s="12"/>
    </row>
    <row r="147008" spans="8:8">
      <c r="H147008" s="12"/>
    </row>
    <row r="147009" spans="8:8">
      <c r="H147009" s="12"/>
    </row>
    <row r="147010" spans="8:8">
      <c r="H147010" s="12"/>
    </row>
    <row r="147011" spans="8:8">
      <c r="H147011" s="12"/>
    </row>
    <row r="147012" spans="8:8">
      <c r="H147012" s="12"/>
    </row>
    <row r="147013" spans="8:8">
      <c r="H147013" s="12"/>
    </row>
    <row r="147014" spans="8:8">
      <c r="H147014" s="12"/>
    </row>
    <row r="147015" spans="8:8">
      <c r="H147015" s="12"/>
    </row>
    <row r="147016" spans="8:8">
      <c r="H147016" s="12"/>
    </row>
    <row r="147017" spans="8:8">
      <c r="H147017" s="12"/>
    </row>
    <row r="147018" spans="8:8">
      <c r="H147018" s="12"/>
    </row>
    <row r="147019" spans="8:8">
      <c r="H147019" s="12"/>
    </row>
    <row r="147020" spans="8:8">
      <c r="H147020" s="12"/>
    </row>
    <row r="147021" spans="8:8">
      <c r="H147021" s="12"/>
    </row>
    <row r="147022" spans="8:8">
      <c r="H147022" s="12"/>
    </row>
    <row r="147023" spans="8:8">
      <c r="H147023" s="12"/>
    </row>
    <row r="147024" spans="8:8">
      <c r="H147024" s="12"/>
    </row>
    <row r="147025" spans="8:8">
      <c r="H147025" s="12"/>
    </row>
    <row r="147026" spans="8:8">
      <c r="H147026" s="12"/>
    </row>
    <row r="147027" spans="8:8">
      <c r="H147027" s="12"/>
    </row>
    <row r="147028" spans="8:8">
      <c r="H147028" s="12"/>
    </row>
    <row r="147029" spans="8:8">
      <c r="H147029" s="12"/>
    </row>
    <row r="147030" spans="8:8">
      <c r="H147030" s="12"/>
    </row>
    <row r="147031" spans="8:8">
      <c r="H147031" s="12"/>
    </row>
    <row r="147032" spans="8:8">
      <c r="H147032" s="12"/>
    </row>
    <row r="147033" spans="8:8">
      <c r="H147033" s="12"/>
    </row>
    <row r="147034" spans="8:8">
      <c r="H147034" s="12"/>
    </row>
    <row r="147035" spans="8:8">
      <c r="H147035" s="12"/>
    </row>
    <row r="147036" spans="8:8">
      <c r="H147036" s="12"/>
    </row>
    <row r="147037" spans="8:8">
      <c r="H147037" s="12"/>
    </row>
    <row r="147038" spans="8:8">
      <c r="H147038" s="12"/>
    </row>
    <row r="147039" spans="8:8">
      <c r="H147039" s="12"/>
    </row>
    <row r="147040" spans="8:8">
      <c r="H147040" s="12"/>
    </row>
    <row r="147041" spans="8:8">
      <c r="H147041" s="12"/>
    </row>
    <row r="147042" spans="8:8">
      <c r="H147042" s="12"/>
    </row>
    <row r="147043" spans="8:8">
      <c r="H147043" s="12"/>
    </row>
    <row r="147044" spans="8:8">
      <c r="H147044" s="12"/>
    </row>
    <row r="147045" spans="8:8">
      <c r="H147045" s="12"/>
    </row>
    <row r="147046" spans="8:8">
      <c r="H147046" s="12"/>
    </row>
    <row r="147047" spans="8:8">
      <c r="H147047" s="12"/>
    </row>
    <row r="147048" spans="8:8">
      <c r="H147048" s="12"/>
    </row>
    <row r="147049" spans="8:8">
      <c r="H147049" s="12"/>
    </row>
    <row r="147050" spans="8:8">
      <c r="H147050" s="12"/>
    </row>
    <row r="147051" spans="8:8">
      <c r="H147051" s="12"/>
    </row>
    <row r="147052" spans="8:8">
      <c r="H147052" s="12"/>
    </row>
    <row r="147053" spans="8:8">
      <c r="H147053" s="12"/>
    </row>
    <row r="147054" spans="8:8">
      <c r="H147054" s="12"/>
    </row>
    <row r="147055" spans="8:8">
      <c r="H147055" s="12"/>
    </row>
    <row r="147056" spans="8:8">
      <c r="H147056" s="12"/>
    </row>
    <row r="147057" spans="8:8">
      <c r="H147057" s="12"/>
    </row>
    <row r="147058" spans="8:8">
      <c r="H147058" s="12"/>
    </row>
    <row r="147059" spans="8:8">
      <c r="H147059" s="12"/>
    </row>
    <row r="147060" spans="8:8">
      <c r="H147060" s="12"/>
    </row>
    <row r="147061" spans="8:8">
      <c r="H147061" s="12"/>
    </row>
    <row r="147062" spans="8:8">
      <c r="H147062" s="12"/>
    </row>
    <row r="147063" spans="8:8">
      <c r="H147063" s="12"/>
    </row>
    <row r="147064" spans="8:8">
      <c r="H147064" s="12"/>
    </row>
    <row r="147065" spans="8:8">
      <c r="H147065" s="12"/>
    </row>
    <row r="147066" spans="8:8">
      <c r="H147066" s="12"/>
    </row>
    <row r="147067" spans="8:8">
      <c r="H147067" s="12"/>
    </row>
    <row r="147068" spans="8:8">
      <c r="H147068" s="12"/>
    </row>
    <row r="147069" spans="8:8">
      <c r="H147069" s="12"/>
    </row>
    <row r="147070" spans="8:8">
      <c r="H147070" s="12"/>
    </row>
    <row r="147071" spans="8:8">
      <c r="H147071" s="12"/>
    </row>
    <row r="147072" spans="8:8">
      <c r="H147072" s="12"/>
    </row>
    <row r="147073" spans="8:8">
      <c r="H147073" s="12"/>
    </row>
    <row r="147074" spans="8:8">
      <c r="H147074" s="12"/>
    </row>
    <row r="147075" spans="8:8">
      <c r="H147075" s="12"/>
    </row>
    <row r="147076" spans="8:8">
      <c r="H147076" s="12"/>
    </row>
    <row r="147077" spans="8:8">
      <c r="H147077" s="12"/>
    </row>
    <row r="147078" spans="8:8">
      <c r="H147078" s="12"/>
    </row>
    <row r="147079" spans="8:8">
      <c r="H147079" s="12"/>
    </row>
    <row r="147080" spans="8:8">
      <c r="H147080" s="12"/>
    </row>
    <row r="147081" spans="8:8">
      <c r="H147081" s="12"/>
    </row>
    <row r="147082" spans="8:8">
      <c r="H147082" s="12"/>
    </row>
    <row r="147083" spans="8:8">
      <c r="H147083" s="12"/>
    </row>
    <row r="147084" spans="8:8">
      <c r="H147084" s="12"/>
    </row>
    <row r="147085" spans="8:8">
      <c r="H147085" s="12"/>
    </row>
    <row r="147086" spans="8:8">
      <c r="H147086" s="12"/>
    </row>
    <row r="147087" spans="8:8">
      <c r="H147087" s="12"/>
    </row>
    <row r="147088" spans="8:8">
      <c r="H147088" s="12"/>
    </row>
    <row r="147089" spans="8:8">
      <c r="H147089" s="12"/>
    </row>
    <row r="147090" spans="8:8">
      <c r="H147090" s="12"/>
    </row>
    <row r="147091" spans="8:8">
      <c r="H147091" s="12"/>
    </row>
    <row r="147092" spans="8:8">
      <c r="H147092" s="12"/>
    </row>
    <row r="147093" spans="8:8">
      <c r="H147093" s="12"/>
    </row>
    <row r="147094" spans="8:8">
      <c r="H147094" s="12"/>
    </row>
    <row r="147095" spans="8:8">
      <c r="H147095" s="12"/>
    </row>
    <row r="147096" spans="8:8">
      <c r="H147096" s="12"/>
    </row>
    <row r="147097" spans="8:8">
      <c r="H147097" s="12"/>
    </row>
    <row r="147098" spans="8:8">
      <c r="H147098" s="12"/>
    </row>
    <row r="147099" spans="8:8">
      <c r="H147099" s="12"/>
    </row>
    <row r="147100" spans="8:8">
      <c r="H147100" s="12"/>
    </row>
    <row r="147101" spans="8:8">
      <c r="H147101" s="12"/>
    </row>
    <row r="147102" spans="8:8">
      <c r="H147102" s="12"/>
    </row>
    <row r="147103" spans="8:8">
      <c r="H147103" s="12"/>
    </row>
    <row r="147104" spans="8:8">
      <c r="H147104" s="12"/>
    </row>
    <row r="147105" spans="8:8">
      <c r="H147105" s="12"/>
    </row>
    <row r="147106" spans="8:8">
      <c r="H147106" s="12"/>
    </row>
    <row r="147107" spans="8:8">
      <c r="H147107" s="12"/>
    </row>
    <row r="147108" spans="8:8">
      <c r="H147108" s="12"/>
    </row>
    <row r="147109" spans="8:8">
      <c r="H147109" s="12"/>
    </row>
    <row r="147110" spans="8:8">
      <c r="H147110" s="12"/>
    </row>
    <row r="147111" spans="8:8">
      <c r="H147111" s="12"/>
    </row>
    <row r="147112" spans="8:8">
      <c r="H147112" s="12"/>
    </row>
    <row r="147113" spans="8:8">
      <c r="H147113" s="12"/>
    </row>
    <row r="147114" spans="8:8">
      <c r="H147114" s="12"/>
    </row>
    <row r="147115" spans="8:8">
      <c r="H147115" s="12"/>
    </row>
    <row r="147116" spans="8:8">
      <c r="H147116" s="12"/>
    </row>
    <row r="147117" spans="8:8">
      <c r="H147117" s="12"/>
    </row>
    <row r="147118" spans="8:8">
      <c r="H147118" s="12"/>
    </row>
    <row r="147119" spans="8:8">
      <c r="H147119" s="12"/>
    </row>
    <row r="147120" spans="8:8">
      <c r="H147120" s="12"/>
    </row>
    <row r="147121" spans="8:8">
      <c r="H147121" s="12"/>
    </row>
    <row r="147122" spans="8:8">
      <c r="H147122" s="12"/>
    </row>
    <row r="147123" spans="8:8">
      <c r="H147123" s="12"/>
    </row>
    <row r="147124" spans="8:8">
      <c r="H147124" s="12"/>
    </row>
    <row r="147125" spans="8:8">
      <c r="H147125" s="12"/>
    </row>
    <row r="147126" spans="8:8">
      <c r="H147126" s="12"/>
    </row>
    <row r="147127" spans="8:8">
      <c r="H147127" s="12"/>
    </row>
    <row r="147128" spans="8:8">
      <c r="H147128" s="12"/>
    </row>
    <row r="147129" spans="8:8">
      <c r="H147129" s="12"/>
    </row>
    <row r="147130" spans="8:8">
      <c r="H147130" s="12"/>
    </row>
    <row r="147131" spans="8:8">
      <c r="H147131" s="12"/>
    </row>
    <row r="147132" spans="8:8">
      <c r="H147132" s="12"/>
    </row>
    <row r="147133" spans="8:8">
      <c r="H147133" s="12"/>
    </row>
    <row r="147134" spans="8:8">
      <c r="H147134" s="12"/>
    </row>
    <row r="147135" spans="8:8">
      <c r="H147135" s="12"/>
    </row>
    <row r="147136" spans="8:8">
      <c r="H147136" s="12"/>
    </row>
    <row r="147137" spans="8:8">
      <c r="H147137" s="12"/>
    </row>
    <row r="147138" spans="8:8">
      <c r="H147138" s="12"/>
    </row>
    <row r="147139" spans="8:8">
      <c r="H147139" s="12"/>
    </row>
    <row r="147140" spans="8:8">
      <c r="H147140" s="12"/>
    </row>
    <row r="147141" spans="8:8">
      <c r="H147141" s="12"/>
    </row>
    <row r="147142" spans="8:8">
      <c r="H147142" s="12"/>
    </row>
    <row r="147143" spans="8:8">
      <c r="H147143" s="12"/>
    </row>
    <row r="147144" spans="8:8">
      <c r="H147144" s="12"/>
    </row>
    <row r="147145" spans="8:8">
      <c r="H147145" s="12"/>
    </row>
    <row r="147146" spans="8:8">
      <c r="H147146" s="12"/>
    </row>
    <row r="147147" spans="8:8">
      <c r="H147147" s="12"/>
    </row>
    <row r="147148" spans="8:8">
      <c r="H147148" s="12"/>
    </row>
    <row r="147149" spans="8:8">
      <c r="H147149" s="12"/>
    </row>
    <row r="147150" spans="8:8">
      <c r="H147150" s="12"/>
    </row>
    <row r="147151" spans="8:8">
      <c r="H147151" s="12"/>
    </row>
    <row r="147152" spans="8:8">
      <c r="H147152" s="12"/>
    </row>
    <row r="147153" spans="8:8">
      <c r="H147153" s="12"/>
    </row>
    <row r="147154" spans="8:8">
      <c r="H147154" s="12"/>
    </row>
    <row r="147155" spans="8:8">
      <c r="H147155" s="12"/>
    </row>
    <row r="147156" spans="8:8">
      <c r="H147156" s="12"/>
    </row>
    <row r="147157" spans="8:8">
      <c r="H147157" s="12"/>
    </row>
    <row r="147158" spans="8:8">
      <c r="H147158" s="12"/>
    </row>
    <row r="147159" spans="8:8">
      <c r="H147159" s="12"/>
    </row>
    <row r="147160" spans="8:8">
      <c r="H147160" s="12"/>
    </row>
    <row r="147161" spans="8:8">
      <c r="H147161" s="12"/>
    </row>
    <row r="147162" spans="8:8">
      <c r="H147162" s="12"/>
    </row>
    <row r="147163" spans="8:8">
      <c r="H147163" s="12"/>
    </row>
    <row r="147164" spans="8:8">
      <c r="H147164" s="12"/>
    </row>
    <row r="147165" spans="8:8">
      <c r="H147165" s="12"/>
    </row>
    <row r="147166" spans="8:8">
      <c r="H147166" s="12"/>
    </row>
    <row r="147167" spans="8:8">
      <c r="H147167" s="12"/>
    </row>
    <row r="147168" spans="8:8">
      <c r="H147168" s="12"/>
    </row>
    <row r="147169" spans="8:8">
      <c r="H147169" s="12"/>
    </row>
    <row r="147170" spans="8:8">
      <c r="H147170" s="12"/>
    </row>
    <row r="147171" spans="8:8">
      <c r="H147171" s="12"/>
    </row>
    <row r="147172" spans="8:8">
      <c r="H147172" s="12"/>
    </row>
    <row r="147173" spans="8:8">
      <c r="H147173" s="12"/>
    </row>
    <row r="147174" spans="8:8">
      <c r="H147174" s="12"/>
    </row>
    <row r="147175" spans="8:8">
      <c r="H147175" s="12"/>
    </row>
    <row r="147176" spans="8:8">
      <c r="H147176" s="12"/>
    </row>
    <row r="147177" spans="8:8">
      <c r="H147177" s="12"/>
    </row>
    <row r="147178" spans="8:8">
      <c r="H147178" s="12"/>
    </row>
    <row r="147179" spans="8:8">
      <c r="H147179" s="12"/>
    </row>
    <row r="147180" spans="8:8">
      <c r="H147180" s="12"/>
    </row>
    <row r="147181" spans="8:8">
      <c r="H147181" s="12"/>
    </row>
    <row r="147182" spans="8:8">
      <c r="H147182" s="12"/>
    </row>
    <row r="147183" spans="8:8">
      <c r="H147183" s="12"/>
    </row>
    <row r="147184" spans="8:8">
      <c r="H147184" s="12"/>
    </row>
    <row r="147185" spans="8:8">
      <c r="H147185" s="12"/>
    </row>
    <row r="147186" spans="8:8">
      <c r="H147186" s="12"/>
    </row>
    <row r="147187" spans="8:8">
      <c r="H147187" s="12"/>
    </row>
    <row r="147188" spans="8:8">
      <c r="H147188" s="12"/>
    </row>
    <row r="147189" spans="8:8">
      <c r="H147189" s="12"/>
    </row>
    <row r="147190" spans="8:8">
      <c r="H147190" s="12"/>
    </row>
    <row r="147191" spans="8:8">
      <c r="H147191" s="12"/>
    </row>
    <row r="147192" spans="8:8">
      <c r="H147192" s="12"/>
    </row>
    <row r="147193" spans="8:8">
      <c r="H147193" s="12"/>
    </row>
    <row r="147194" spans="8:8">
      <c r="H147194" s="12"/>
    </row>
    <row r="147195" spans="8:8">
      <c r="H147195" s="12"/>
    </row>
    <row r="147196" spans="8:8">
      <c r="H147196" s="12"/>
    </row>
    <row r="147197" spans="8:8">
      <c r="H147197" s="12"/>
    </row>
    <row r="147198" spans="8:8">
      <c r="H147198" s="12"/>
    </row>
    <row r="147199" spans="8:8">
      <c r="H147199" s="12"/>
    </row>
    <row r="147200" spans="8:8">
      <c r="H147200" s="12"/>
    </row>
    <row r="147201" spans="8:8">
      <c r="H147201" s="12"/>
    </row>
    <row r="147202" spans="8:8">
      <c r="H147202" s="12"/>
    </row>
    <row r="147203" spans="8:8">
      <c r="H147203" s="12"/>
    </row>
    <row r="147204" spans="8:8">
      <c r="H147204" s="12"/>
    </row>
    <row r="147205" spans="8:8">
      <c r="H147205" s="12"/>
    </row>
    <row r="147206" spans="8:8">
      <c r="H147206" s="12"/>
    </row>
    <row r="147207" spans="8:8">
      <c r="H147207" s="12"/>
    </row>
    <row r="147208" spans="8:8">
      <c r="H147208" s="12"/>
    </row>
    <row r="147209" spans="8:8">
      <c r="H147209" s="12"/>
    </row>
    <row r="147210" spans="8:8">
      <c r="H147210" s="12"/>
    </row>
    <row r="147211" spans="8:8">
      <c r="H147211" s="12"/>
    </row>
    <row r="147212" spans="8:8">
      <c r="H147212" s="12"/>
    </row>
    <row r="147213" spans="8:8">
      <c r="H147213" s="12"/>
    </row>
    <row r="147214" spans="8:8">
      <c r="H147214" s="12"/>
    </row>
    <row r="147215" spans="8:8">
      <c r="H147215" s="12"/>
    </row>
    <row r="147216" spans="8:8">
      <c r="H147216" s="12"/>
    </row>
    <row r="147217" spans="8:8">
      <c r="H147217" s="12"/>
    </row>
    <row r="147218" spans="8:8">
      <c r="H147218" s="12"/>
    </row>
    <row r="147219" spans="8:8">
      <c r="H147219" s="12"/>
    </row>
    <row r="147220" spans="8:8">
      <c r="H147220" s="12"/>
    </row>
    <row r="147221" spans="8:8">
      <c r="H147221" s="12"/>
    </row>
    <row r="147222" spans="8:8">
      <c r="H147222" s="12"/>
    </row>
    <row r="147223" spans="8:8">
      <c r="H147223" s="12"/>
    </row>
    <row r="147224" spans="8:8">
      <c r="H147224" s="12"/>
    </row>
    <row r="147225" spans="8:8">
      <c r="H147225" s="12"/>
    </row>
    <row r="147226" spans="8:8">
      <c r="H147226" s="12"/>
    </row>
    <row r="147227" spans="8:8">
      <c r="H147227" s="12"/>
    </row>
    <row r="147228" spans="8:8">
      <c r="H147228" s="12"/>
    </row>
    <row r="147229" spans="8:8">
      <c r="H147229" s="12"/>
    </row>
    <row r="147230" spans="8:8">
      <c r="H147230" s="12"/>
    </row>
    <row r="147231" spans="8:8">
      <c r="H147231" s="12"/>
    </row>
    <row r="147232" spans="8:8">
      <c r="H147232" s="12"/>
    </row>
    <row r="147233" spans="8:8">
      <c r="H147233" s="12"/>
    </row>
    <row r="147234" spans="8:8">
      <c r="H147234" s="12"/>
    </row>
    <row r="147235" spans="8:8">
      <c r="H147235" s="12"/>
    </row>
    <row r="147236" spans="8:8">
      <c r="H147236" s="12"/>
    </row>
    <row r="147237" spans="8:8">
      <c r="H147237" s="12"/>
    </row>
    <row r="147238" spans="8:8">
      <c r="H147238" s="12"/>
    </row>
    <row r="147239" spans="8:8">
      <c r="H147239" s="12"/>
    </row>
    <row r="147240" spans="8:8">
      <c r="H147240" s="12"/>
    </row>
    <row r="147241" spans="8:8">
      <c r="H147241" s="12"/>
    </row>
    <row r="147242" spans="8:8">
      <c r="H147242" s="12"/>
    </row>
    <row r="147243" spans="8:8">
      <c r="H147243" s="12"/>
    </row>
    <row r="147244" spans="8:8">
      <c r="H147244" s="12"/>
    </row>
    <row r="147245" spans="8:8">
      <c r="H147245" s="12"/>
    </row>
    <row r="147246" spans="8:8">
      <c r="H147246" s="12"/>
    </row>
    <row r="147247" spans="8:8">
      <c r="H147247" s="12"/>
    </row>
    <row r="147248" spans="8:8">
      <c r="H147248" s="12"/>
    </row>
    <row r="147249" spans="8:8">
      <c r="H147249" s="12"/>
    </row>
    <row r="147250" spans="8:8">
      <c r="H147250" s="12"/>
    </row>
    <row r="147251" spans="8:8">
      <c r="H147251" s="12"/>
    </row>
    <row r="147252" spans="8:8">
      <c r="H147252" s="12"/>
    </row>
    <row r="147253" spans="8:8">
      <c r="H147253" s="12"/>
    </row>
    <row r="147254" spans="8:8">
      <c r="H147254" s="12"/>
    </row>
    <row r="147255" spans="8:8">
      <c r="H147255" s="12"/>
    </row>
    <row r="147256" spans="8:8">
      <c r="H147256" s="12"/>
    </row>
    <row r="147257" spans="8:8">
      <c r="H147257" s="12"/>
    </row>
    <row r="147258" spans="8:8">
      <c r="H147258" s="12"/>
    </row>
    <row r="147259" spans="8:8">
      <c r="H147259" s="12"/>
    </row>
    <row r="147260" spans="8:8">
      <c r="H147260" s="12"/>
    </row>
    <row r="147261" spans="8:8">
      <c r="H147261" s="12"/>
    </row>
    <row r="147262" spans="8:8">
      <c r="H147262" s="12"/>
    </row>
    <row r="147263" spans="8:8">
      <c r="H147263" s="12"/>
    </row>
    <row r="147264" spans="8:8">
      <c r="H147264" s="12"/>
    </row>
    <row r="147265" spans="8:8">
      <c r="H147265" s="12"/>
    </row>
    <row r="147266" spans="8:8">
      <c r="H147266" s="12"/>
    </row>
    <row r="147267" spans="8:8">
      <c r="H147267" s="12"/>
    </row>
    <row r="147268" spans="8:8">
      <c r="H147268" s="12"/>
    </row>
    <row r="147269" spans="8:8">
      <c r="H147269" s="12"/>
    </row>
    <row r="147270" spans="8:8">
      <c r="H147270" s="12"/>
    </row>
    <row r="147271" spans="8:8">
      <c r="H147271" s="12"/>
    </row>
    <row r="147272" spans="8:8">
      <c r="H147272" s="12"/>
    </row>
    <row r="147273" spans="8:8">
      <c r="H147273" s="12"/>
    </row>
    <row r="147274" spans="8:8">
      <c r="H147274" s="12"/>
    </row>
    <row r="147275" spans="8:8">
      <c r="H147275" s="12"/>
    </row>
    <row r="147276" spans="8:8">
      <c r="H147276" s="12"/>
    </row>
    <row r="147277" spans="8:8">
      <c r="H147277" s="12"/>
    </row>
    <row r="147278" spans="8:8">
      <c r="H147278" s="12"/>
    </row>
    <row r="147279" spans="8:8">
      <c r="H147279" s="12"/>
    </row>
    <row r="147280" spans="8:8">
      <c r="H147280" s="12"/>
    </row>
    <row r="147281" spans="8:8">
      <c r="H147281" s="12"/>
    </row>
    <row r="147282" spans="8:8">
      <c r="H147282" s="12"/>
    </row>
    <row r="147283" spans="8:8">
      <c r="H147283" s="12"/>
    </row>
    <row r="147284" spans="8:8">
      <c r="H147284" s="12"/>
    </row>
    <row r="147285" spans="8:8">
      <c r="H147285" s="12"/>
    </row>
    <row r="147286" spans="8:8">
      <c r="H147286" s="12"/>
    </row>
    <row r="147287" spans="8:8">
      <c r="H147287" s="12"/>
    </row>
    <row r="147288" spans="8:8">
      <c r="H147288" s="12"/>
    </row>
    <row r="147289" spans="8:8">
      <c r="H147289" s="12"/>
    </row>
    <row r="147290" spans="8:8">
      <c r="H147290" s="12"/>
    </row>
    <row r="147291" spans="8:8">
      <c r="H147291" s="12"/>
    </row>
    <row r="147292" spans="8:8">
      <c r="H147292" s="12"/>
    </row>
    <row r="147293" spans="8:8">
      <c r="H147293" s="12"/>
    </row>
    <row r="147294" spans="8:8">
      <c r="H147294" s="12"/>
    </row>
    <row r="147295" spans="8:8">
      <c r="H147295" s="12"/>
    </row>
    <row r="147296" spans="8:8">
      <c r="H147296" s="12"/>
    </row>
    <row r="147297" spans="8:8">
      <c r="H147297" s="12"/>
    </row>
    <row r="147298" spans="8:8">
      <c r="H147298" s="12"/>
    </row>
    <row r="147299" spans="8:8">
      <c r="H147299" s="12"/>
    </row>
    <row r="147300" spans="8:8">
      <c r="H147300" s="12"/>
    </row>
    <row r="147301" spans="8:8">
      <c r="H147301" s="12"/>
    </row>
    <row r="147302" spans="8:8">
      <c r="H147302" s="12"/>
    </row>
    <row r="147303" spans="8:8">
      <c r="H147303" s="12"/>
    </row>
    <row r="147304" spans="8:8">
      <c r="H147304" s="12"/>
    </row>
    <row r="147305" spans="8:8">
      <c r="H147305" s="12"/>
    </row>
    <row r="147306" spans="8:8">
      <c r="H147306" s="12"/>
    </row>
    <row r="147307" spans="8:8">
      <c r="H147307" s="12"/>
    </row>
    <row r="147308" spans="8:8">
      <c r="H147308" s="12"/>
    </row>
    <row r="147309" spans="8:8">
      <c r="H147309" s="12"/>
    </row>
    <row r="147310" spans="8:8">
      <c r="H147310" s="12"/>
    </row>
    <row r="147311" spans="8:8">
      <c r="H147311" s="12"/>
    </row>
    <row r="147312" spans="8:8">
      <c r="H147312" s="12"/>
    </row>
    <row r="147313" spans="8:8">
      <c r="H147313" s="12"/>
    </row>
    <row r="147314" spans="8:8">
      <c r="H147314" s="12"/>
    </row>
    <row r="147315" spans="8:8">
      <c r="H147315" s="12"/>
    </row>
    <row r="147316" spans="8:8">
      <c r="H147316" s="12"/>
    </row>
    <row r="147317" spans="8:8">
      <c r="H147317" s="12"/>
    </row>
    <row r="147318" spans="8:8">
      <c r="H147318" s="12"/>
    </row>
    <row r="147319" spans="8:8">
      <c r="H147319" s="12"/>
    </row>
    <row r="147320" spans="8:8">
      <c r="H147320" s="12"/>
    </row>
    <row r="147321" spans="8:8">
      <c r="H147321" s="12"/>
    </row>
    <row r="147322" spans="8:8">
      <c r="H147322" s="12"/>
    </row>
    <row r="147323" spans="8:8">
      <c r="H147323" s="12"/>
    </row>
    <row r="147324" spans="8:8">
      <c r="H147324" s="12"/>
    </row>
    <row r="147325" spans="8:8">
      <c r="H147325" s="12"/>
    </row>
    <row r="147326" spans="8:8">
      <c r="H147326" s="12"/>
    </row>
    <row r="147327" spans="8:8">
      <c r="H147327" s="12"/>
    </row>
    <row r="147328" spans="8:8">
      <c r="H147328" s="12"/>
    </row>
    <row r="147329" spans="8:8">
      <c r="H147329" s="12"/>
    </row>
    <row r="147330" spans="8:8">
      <c r="H147330" s="12"/>
    </row>
    <row r="147331" spans="8:8">
      <c r="H147331" s="12"/>
    </row>
    <row r="147332" spans="8:8">
      <c r="H147332" s="12"/>
    </row>
    <row r="147333" spans="8:8">
      <c r="H147333" s="12"/>
    </row>
    <row r="147334" spans="8:8">
      <c r="H147334" s="12"/>
    </row>
    <row r="147335" spans="8:8">
      <c r="H147335" s="12"/>
    </row>
    <row r="147336" spans="8:8">
      <c r="H147336" s="12"/>
    </row>
    <row r="147337" spans="8:8">
      <c r="H147337" s="12"/>
    </row>
    <row r="147338" spans="8:8">
      <c r="H147338" s="12"/>
    </row>
    <row r="147339" spans="8:8">
      <c r="H147339" s="12"/>
    </row>
    <row r="147340" spans="8:8">
      <c r="H147340" s="12"/>
    </row>
    <row r="147341" spans="8:8">
      <c r="H147341" s="12"/>
    </row>
    <row r="147342" spans="8:8">
      <c r="H147342" s="12"/>
    </row>
    <row r="147343" spans="8:8">
      <c r="H147343" s="12"/>
    </row>
    <row r="147344" spans="8:8">
      <c r="H147344" s="12"/>
    </row>
    <row r="147345" spans="8:8">
      <c r="H147345" s="12"/>
    </row>
    <row r="147346" spans="8:8">
      <c r="H147346" s="12"/>
    </row>
    <row r="147347" spans="8:8">
      <c r="H147347" s="12"/>
    </row>
    <row r="147348" spans="8:8">
      <c r="H147348" s="12"/>
    </row>
    <row r="147349" spans="8:8">
      <c r="H147349" s="12"/>
    </row>
    <row r="147350" spans="8:8">
      <c r="H147350" s="12"/>
    </row>
    <row r="147351" spans="8:8">
      <c r="H147351" s="12"/>
    </row>
    <row r="147352" spans="8:8">
      <c r="H147352" s="12"/>
    </row>
    <row r="147353" spans="8:8">
      <c r="H147353" s="12"/>
    </row>
    <row r="147354" spans="8:8">
      <c r="H147354" s="12"/>
    </row>
    <row r="147355" spans="8:8">
      <c r="H147355" s="12"/>
    </row>
    <row r="147356" spans="8:8">
      <c r="H147356" s="12"/>
    </row>
    <row r="147357" spans="8:8">
      <c r="H147357" s="12"/>
    </row>
    <row r="147358" spans="8:8">
      <c r="H147358" s="12"/>
    </row>
    <row r="147359" spans="8:8">
      <c r="H147359" s="12"/>
    </row>
    <row r="147360" spans="8:8">
      <c r="H147360" s="12"/>
    </row>
    <row r="147361" spans="8:8">
      <c r="H147361" s="12"/>
    </row>
    <row r="147362" spans="8:8">
      <c r="H147362" s="12"/>
    </row>
    <row r="147363" spans="8:8">
      <c r="H147363" s="12"/>
    </row>
    <row r="147364" spans="8:8">
      <c r="H147364" s="12"/>
    </row>
    <row r="147365" spans="8:8">
      <c r="H147365" s="12"/>
    </row>
    <row r="147366" spans="8:8">
      <c r="H147366" s="12"/>
    </row>
    <row r="147367" spans="8:8">
      <c r="H147367" s="12"/>
    </row>
    <row r="147368" spans="8:8">
      <c r="H147368" s="12"/>
    </row>
    <row r="147369" spans="8:8">
      <c r="H147369" s="12"/>
    </row>
    <row r="147370" spans="8:8">
      <c r="H147370" s="12"/>
    </row>
    <row r="147371" spans="8:8">
      <c r="H147371" s="12"/>
    </row>
    <row r="147372" spans="8:8">
      <c r="H147372" s="12"/>
    </row>
    <row r="147373" spans="8:8">
      <c r="H147373" s="12"/>
    </row>
    <row r="147374" spans="8:8">
      <c r="H147374" s="12"/>
    </row>
    <row r="147375" spans="8:8">
      <c r="H147375" s="12"/>
    </row>
    <row r="147376" spans="8:8">
      <c r="H147376" s="12"/>
    </row>
    <row r="147377" spans="8:8">
      <c r="H147377" s="12"/>
    </row>
    <row r="147378" spans="8:8">
      <c r="H147378" s="12"/>
    </row>
    <row r="147379" spans="8:8">
      <c r="H147379" s="12"/>
    </row>
    <row r="147380" spans="8:8">
      <c r="H147380" s="12"/>
    </row>
    <row r="147381" spans="8:8">
      <c r="H147381" s="12"/>
    </row>
    <row r="147382" spans="8:8">
      <c r="H147382" s="12"/>
    </row>
    <row r="147383" spans="8:8">
      <c r="H147383" s="12"/>
    </row>
    <row r="147384" spans="8:8">
      <c r="H147384" s="12"/>
    </row>
    <row r="147385" spans="8:8">
      <c r="H147385" s="12"/>
    </row>
    <row r="147386" spans="8:8">
      <c r="H147386" s="12"/>
    </row>
    <row r="147387" spans="8:8">
      <c r="H147387" s="12"/>
    </row>
    <row r="147388" spans="8:8">
      <c r="H147388" s="12"/>
    </row>
    <row r="147389" spans="8:8">
      <c r="H147389" s="12"/>
    </row>
    <row r="147390" spans="8:8">
      <c r="H147390" s="12"/>
    </row>
    <row r="147391" spans="8:8">
      <c r="H147391" s="12"/>
    </row>
    <row r="147392" spans="8:8">
      <c r="H147392" s="12"/>
    </row>
    <row r="147393" spans="8:8">
      <c r="H147393" s="12"/>
    </row>
    <row r="147394" spans="8:8">
      <c r="H147394" s="12"/>
    </row>
    <row r="147395" spans="8:8">
      <c r="H147395" s="12"/>
    </row>
    <row r="147396" spans="8:8">
      <c r="H147396" s="12"/>
    </row>
    <row r="147397" spans="8:8">
      <c r="H147397" s="12"/>
    </row>
    <row r="147398" spans="8:8">
      <c r="H147398" s="12"/>
    </row>
    <row r="147399" spans="8:8">
      <c r="H147399" s="12"/>
    </row>
    <row r="147400" spans="8:8">
      <c r="H147400" s="12"/>
    </row>
    <row r="147401" spans="8:8">
      <c r="H147401" s="12"/>
    </row>
    <row r="147402" spans="8:8">
      <c r="H147402" s="12"/>
    </row>
    <row r="147403" spans="8:8">
      <c r="H147403" s="12"/>
    </row>
    <row r="147404" spans="8:8">
      <c r="H147404" s="12"/>
    </row>
    <row r="147405" spans="8:8">
      <c r="H147405" s="12"/>
    </row>
    <row r="147406" spans="8:8">
      <c r="H147406" s="12"/>
    </row>
    <row r="147407" spans="8:8">
      <c r="H147407" s="12"/>
    </row>
    <row r="147408" spans="8:8">
      <c r="H147408" s="12"/>
    </row>
    <row r="147409" spans="8:8">
      <c r="H147409" s="12"/>
    </row>
    <row r="147410" spans="8:8">
      <c r="H147410" s="12"/>
    </row>
    <row r="147411" spans="8:8">
      <c r="H147411" s="12"/>
    </row>
    <row r="147412" spans="8:8">
      <c r="H147412" s="12"/>
    </row>
    <row r="147413" spans="8:8">
      <c r="H147413" s="12"/>
    </row>
    <row r="147414" spans="8:8">
      <c r="H147414" s="12"/>
    </row>
    <row r="147415" spans="8:8">
      <c r="H147415" s="12"/>
    </row>
    <row r="147416" spans="8:8">
      <c r="H147416" s="12"/>
    </row>
    <row r="147417" spans="8:8">
      <c r="H147417" s="12"/>
    </row>
    <row r="147418" spans="8:8">
      <c r="H147418" s="12"/>
    </row>
    <row r="147419" spans="8:8">
      <c r="H147419" s="12"/>
    </row>
    <row r="147420" spans="8:8">
      <c r="H147420" s="12"/>
    </row>
    <row r="147421" spans="8:8">
      <c r="H147421" s="12"/>
    </row>
    <row r="147422" spans="8:8">
      <c r="H147422" s="12"/>
    </row>
    <row r="147423" spans="8:8">
      <c r="H147423" s="12"/>
    </row>
    <row r="147424" spans="8:8">
      <c r="H147424" s="12"/>
    </row>
    <row r="147425" spans="8:8">
      <c r="H147425" s="12"/>
    </row>
    <row r="147426" spans="8:8">
      <c r="H147426" s="12"/>
    </row>
    <row r="147427" spans="8:8">
      <c r="H147427" s="12"/>
    </row>
    <row r="147428" spans="8:8">
      <c r="H147428" s="12"/>
    </row>
    <row r="147429" spans="8:8">
      <c r="H147429" s="12"/>
    </row>
    <row r="147430" spans="8:8">
      <c r="H147430" s="12"/>
    </row>
    <row r="147431" spans="8:8">
      <c r="H147431" s="12"/>
    </row>
    <row r="147432" spans="8:8">
      <c r="H147432" s="12"/>
    </row>
    <row r="147433" spans="8:8">
      <c r="H147433" s="12"/>
    </row>
    <row r="147434" spans="8:8">
      <c r="H147434" s="12"/>
    </row>
    <row r="147435" spans="8:8">
      <c r="H147435" s="12"/>
    </row>
    <row r="147436" spans="8:8">
      <c r="H147436" s="12"/>
    </row>
    <row r="147437" spans="8:8">
      <c r="H147437" s="12"/>
    </row>
    <row r="147438" spans="8:8">
      <c r="H147438" s="12"/>
    </row>
    <row r="147439" spans="8:8">
      <c r="H147439" s="12"/>
    </row>
    <row r="147440" spans="8:8">
      <c r="H147440" s="12"/>
    </row>
    <row r="147441" spans="8:8">
      <c r="H147441" s="12"/>
    </row>
    <row r="147442" spans="8:8">
      <c r="H147442" s="12"/>
    </row>
    <row r="147443" spans="8:8">
      <c r="H147443" s="12"/>
    </row>
    <row r="147444" spans="8:8">
      <c r="H147444" s="12"/>
    </row>
    <row r="147445" spans="8:8">
      <c r="H147445" s="12"/>
    </row>
    <row r="147446" spans="8:8">
      <c r="H147446" s="12"/>
    </row>
    <row r="147447" spans="8:8">
      <c r="H147447" s="12"/>
    </row>
    <row r="147448" spans="8:8">
      <c r="H147448" s="12"/>
    </row>
    <row r="147449" spans="8:8">
      <c r="H147449" s="12"/>
    </row>
    <row r="147450" spans="8:8">
      <c r="H147450" s="12"/>
    </row>
    <row r="147451" spans="8:8">
      <c r="H147451" s="12"/>
    </row>
    <row r="147452" spans="8:8">
      <c r="H147452" s="12"/>
    </row>
    <row r="147453" spans="8:8">
      <c r="H147453" s="12"/>
    </row>
    <row r="147454" spans="8:8">
      <c r="H147454" s="12"/>
    </row>
    <row r="147455" spans="8:8">
      <c r="H147455" s="12"/>
    </row>
    <row r="147456" spans="8:8">
      <c r="H147456" s="12"/>
    </row>
    <row r="147457" spans="8:8">
      <c r="H147457" s="12"/>
    </row>
    <row r="147458" spans="8:8">
      <c r="H147458" s="12"/>
    </row>
    <row r="147459" spans="8:8">
      <c r="H147459" s="12"/>
    </row>
    <row r="147460" spans="8:8">
      <c r="H147460" s="12"/>
    </row>
    <row r="147461" spans="8:8">
      <c r="H147461" s="12"/>
    </row>
    <row r="147462" spans="8:8">
      <c r="H147462" s="12"/>
    </row>
    <row r="147463" spans="8:8">
      <c r="H147463" s="12"/>
    </row>
    <row r="147464" spans="8:8">
      <c r="H147464" s="12"/>
    </row>
    <row r="147465" spans="8:8">
      <c r="H147465" s="12"/>
    </row>
    <row r="147466" spans="8:8">
      <c r="H147466" s="12"/>
    </row>
    <row r="147467" spans="8:8">
      <c r="H147467" s="12"/>
    </row>
    <row r="147468" spans="8:8">
      <c r="H147468" s="12"/>
    </row>
    <row r="147469" spans="8:8">
      <c r="H147469" s="12"/>
    </row>
    <row r="147470" spans="8:8">
      <c r="H147470" s="12"/>
    </row>
    <row r="147471" spans="8:8">
      <c r="H147471" s="12"/>
    </row>
    <row r="147472" spans="8:8">
      <c r="H147472" s="12"/>
    </row>
    <row r="147473" spans="8:8">
      <c r="H147473" s="12"/>
    </row>
    <row r="147474" spans="8:8">
      <c r="H147474" s="12"/>
    </row>
    <row r="147475" spans="8:8">
      <c r="H147475" s="12"/>
    </row>
    <row r="147476" spans="8:8">
      <c r="H147476" s="12"/>
    </row>
    <row r="147477" spans="8:8">
      <c r="H147477" s="12"/>
    </row>
    <row r="147478" spans="8:8">
      <c r="H147478" s="12"/>
    </row>
    <row r="147479" spans="8:8">
      <c r="H147479" s="12"/>
    </row>
    <row r="147480" spans="8:8">
      <c r="H147480" s="12"/>
    </row>
    <row r="147481" spans="8:8">
      <c r="H147481" s="12"/>
    </row>
    <row r="147482" spans="8:8">
      <c r="H147482" s="12"/>
    </row>
    <row r="147483" spans="8:8">
      <c r="H147483" s="12"/>
    </row>
    <row r="147484" spans="8:8">
      <c r="H147484" s="12"/>
    </row>
    <row r="147485" spans="8:8">
      <c r="H147485" s="12"/>
    </row>
    <row r="147486" spans="8:8">
      <c r="H147486" s="12"/>
    </row>
    <row r="147487" spans="8:8">
      <c r="H147487" s="12"/>
    </row>
    <row r="147488" spans="8:8">
      <c r="H147488" s="12"/>
    </row>
    <row r="147489" spans="8:8">
      <c r="H147489" s="12"/>
    </row>
    <row r="147490" spans="8:8">
      <c r="H147490" s="12"/>
    </row>
    <row r="147491" spans="8:8">
      <c r="H147491" s="12"/>
    </row>
    <row r="147492" spans="8:8">
      <c r="H147492" s="12"/>
    </row>
    <row r="147493" spans="8:8">
      <c r="H147493" s="12"/>
    </row>
    <row r="147494" spans="8:8">
      <c r="H147494" s="12"/>
    </row>
    <row r="147495" spans="8:8">
      <c r="H147495" s="12"/>
    </row>
    <row r="147496" spans="8:8">
      <c r="H147496" s="12"/>
    </row>
    <row r="147497" spans="8:8">
      <c r="H147497" s="12"/>
    </row>
    <row r="147498" spans="8:8">
      <c r="H147498" s="12"/>
    </row>
    <row r="147499" spans="8:8">
      <c r="H147499" s="12"/>
    </row>
    <row r="147500" spans="8:8">
      <c r="H147500" s="12"/>
    </row>
    <row r="147501" spans="8:8">
      <c r="H147501" s="12"/>
    </row>
    <row r="147502" spans="8:8">
      <c r="H147502" s="12"/>
    </row>
    <row r="147503" spans="8:8">
      <c r="H147503" s="12"/>
    </row>
    <row r="147504" spans="8:8">
      <c r="H147504" s="12"/>
    </row>
    <row r="147505" spans="8:8">
      <c r="H147505" s="12"/>
    </row>
    <row r="147506" spans="8:8">
      <c r="H147506" s="12"/>
    </row>
    <row r="147507" spans="8:8">
      <c r="H147507" s="12"/>
    </row>
    <row r="147508" spans="8:8">
      <c r="H147508" s="12"/>
    </row>
    <row r="147509" spans="8:8">
      <c r="H147509" s="12"/>
    </row>
    <row r="147510" spans="8:8">
      <c r="H147510" s="12"/>
    </row>
    <row r="147511" spans="8:8">
      <c r="H147511" s="12"/>
    </row>
    <row r="147512" spans="8:8">
      <c r="H147512" s="12"/>
    </row>
    <row r="147513" spans="8:8">
      <c r="H147513" s="12"/>
    </row>
    <row r="147514" spans="8:8">
      <c r="H147514" s="12"/>
    </row>
    <row r="147515" spans="8:8">
      <c r="H147515" s="12"/>
    </row>
    <row r="147516" spans="8:8">
      <c r="H147516" s="12"/>
    </row>
    <row r="147517" spans="8:8">
      <c r="H147517" s="12"/>
    </row>
    <row r="147518" spans="8:8">
      <c r="H147518" s="12"/>
    </row>
    <row r="147519" spans="8:8">
      <c r="H147519" s="12"/>
    </row>
    <row r="147520" spans="8:8">
      <c r="H147520" s="12"/>
    </row>
    <row r="147521" spans="8:8">
      <c r="H147521" s="12"/>
    </row>
    <row r="147522" spans="8:8">
      <c r="H147522" s="12"/>
    </row>
    <row r="147523" spans="8:8">
      <c r="H147523" s="12"/>
    </row>
    <row r="147524" spans="8:8">
      <c r="H147524" s="12"/>
    </row>
    <row r="147525" spans="8:8">
      <c r="H147525" s="12"/>
    </row>
    <row r="147526" spans="8:8">
      <c r="H147526" s="12"/>
    </row>
    <row r="147527" spans="8:8">
      <c r="H147527" s="12"/>
    </row>
    <row r="147528" spans="8:8">
      <c r="H147528" s="12"/>
    </row>
    <row r="147529" spans="8:8">
      <c r="H147529" s="12"/>
    </row>
    <row r="147530" spans="8:8">
      <c r="H147530" s="12"/>
    </row>
    <row r="147531" spans="8:8">
      <c r="H147531" s="12"/>
    </row>
    <row r="147532" spans="8:8">
      <c r="H147532" s="12"/>
    </row>
    <row r="147533" spans="8:8">
      <c r="H147533" s="12"/>
    </row>
    <row r="147534" spans="8:8">
      <c r="H147534" s="12"/>
    </row>
    <row r="147535" spans="8:8">
      <c r="H147535" s="12"/>
    </row>
    <row r="147536" spans="8:8">
      <c r="H147536" s="12"/>
    </row>
    <row r="147537" spans="8:8">
      <c r="H147537" s="12"/>
    </row>
    <row r="147538" spans="8:8">
      <c r="H147538" s="12"/>
    </row>
    <row r="147539" spans="8:8">
      <c r="H147539" s="12"/>
    </row>
    <row r="147540" spans="8:8">
      <c r="H147540" s="12"/>
    </row>
    <row r="147541" spans="8:8">
      <c r="H147541" s="12"/>
    </row>
    <row r="147542" spans="8:8">
      <c r="H147542" s="12"/>
    </row>
    <row r="147543" spans="8:8">
      <c r="H147543" s="12"/>
    </row>
    <row r="147544" spans="8:8">
      <c r="H147544" s="12"/>
    </row>
    <row r="147545" spans="8:8">
      <c r="H147545" s="12"/>
    </row>
    <row r="147546" spans="8:8">
      <c r="H147546" s="12"/>
    </row>
    <row r="147547" spans="8:8">
      <c r="H147547" s="12"/>
    </row>
    <row r="147548" spans="8:8">
      <c r="H147548" s="12"/>
    </row>
    <row r="147549" spans="8:8">
      <c r="H147549" s="12"/>
    </row>
    <row r="147550" spans="8:8">
      <c r="H147550" s="12"/>
    </row>
    <row r="147551" spans="8:8">
      <c r="H147551" s="12"/>
    </row>
    <row r="147552" spans="8:8">
      <c r="H147552" s="12"/>
    </row>
    <row r="147553" spans="8:8">
      <c r="H147553" s="12"/>
    </row>
    <row r="147554" spans="8:8">
      <c r="H147554" s="12"/>
    </row>
    <row r="147555" spans="8:8">
      <c r="H147555" s="12"/>
    </row>
    <row r="147556" spans="8:8">
      <c r="H147556" s="12"/>
    </row>
    <row r="147557" spans="8:8">
      <c r="H147557" s="12"/>
    </row>
    <row r="147558" spans="8:8">
      <c r="H147558" s="12"/>
    </row>
    <row r="147559" spans="8:8">
      <c r="H147559" s="12"/>
    </row>
    <row r="147560" spans="8:8">
      <c r="H147560" s="12"/>
    </row>
    <row r="147561" spans="8:8">
      <c r="H147561" s="12"/>
    </row>
    <row r="147562" spans="8:8">
      <c r="H147562" s="12"/>
    </row>
    <row r="147563" spans="8:8">
      <c r="H147563" s="12"/>
    </row>
    <row r="147564" spans="8:8">
      <c r="H147564" s="12"/>
    </row>
    <row r="147565" spans="8:8">
      <c r="H147565" s="12"/>
    </row>
    <row r="147566" spans="8:8">
      <c r="H147566" s="12"/>
    </row>
    <row r="147567" spans="8:8">
      <c r="H147567" s="12"/>
    </row>
    <row r="147568" spans="8:8">
      <c r="H147568" s="12"/>
    </row>
    <row r="147569" spans="8:8">
      <c r="H147569" s="12"/>
    </row>
    <row r="147570" spans="8:8">
      <c r="H147570" s="12"/>
    </row>
    <row r="147571" spans="8:8">
      <c r="H147571" s="12"/>
    </row>
    <row r="147572" spans="8:8">
      <c r="H147572" s="12"/>
    </row>
    <row r="147573" spans="8:8">
      <c r="H147573" s="12"/>
    </row>
    <row r="147574" spans="8:8">
      <c r="H147574" s="12"/>
    </row>
    <row r="147575" spans="8:8">
      <c r="H147575" s="12"/>
    </row>
    <row r="147576" spans="8:8">
      <c r="H147576" s="12"/>
    </row>
    <row r="147577" spans="8:8">
      <c r="H147577" s="12"/>
    </row>
    <row r="147578" spans="8:8">
      <c r="H147578" s="12"/>
    </row>
    <row r="147579" spans="8:8">
      <c r="H147579" s="12"/>
    </row>
    <row r="147580" spans="8:8">
      <c r="H147580" s="12"/>
    </row>
    <row r="147581" spans="8:8">
      <c r="H147581" s="12"/>
    </row>
    <row r="147582" spans="8:8">
      <c r="H147582" s="12"/>
    </row>
    <row r="147583" spans="8:8">
      <c r="H147583" s="12"/>
    </row>
    <row r="147584" spans="8:8">
      <c r="H147584" s="12"/>
    </row>
    <row r="147585" spans="8:8">
      <c r="H147585" s="12"/>
    </row>
    <row r="147586" spans="8:8">
      <c r="H147586" s="12"/>
    </row>
    <row r="147587" spans="8:8">
      <c r="H147587" s="12"/>
    </row>
    <row r="147588" spans="8:8">
      <c r="H147588" s="12"/>
    </row>
    <row r="147589" spans="8:8">
      <c r="H147589" s="12"/>
    </row>
    <row r="147590" spans="8:8">
      <c r="H147590" s="12"/>
    </row>
    <row r="147591" spans="8:8">
      <c r="H147591" s="12"/>
    </row>
    <row r="147592" spans="8:8">
      <c r="H147592" s="12"/>
    </row>
    <row r="147593" spans="8:8">
      <c r="H147593" s="12"/>
    </row>
    <row r="147594" spans="8:8">
      <c r="H147594" s="12"/>
    </row>
    <row r="147595" spans="8:8">
      <c r="H147595" s="12"/>
    </row>
    <row r="147596" spans="8:8">
      <c r="H147596" s="12"/>
    </row>
    <row r="147597" spans="8:8">
      <c r="H147597" s="12"/>
    </row>
    <row r="147598" spans="8:8">
      <c r="H147598" s="12"/>
    </row>
    <row r="147599" spans="8:8">
      <c r="H147599" s="12"/>
    </row>
    <row r="147600" spans="8:8">
      <c r="H147600" s="12"/>
    </row>
    <row r="147601" spans="8:8">
      <c r="H147601" s="12"/>
    </row>
    <row r="147602" spans="8:8">
      <c r="H147602" s="12"/>
    </row>
    <row r="147603" spans="8:8">
      <c r="H147603" s="12"/>
    </row>
    <row r="147604" spans="8:8">
      <c r="H147604" s="12"/>
    </row>
    <row r="147605" spans="8:8">
      <c r="H147605" s="12"/>
    </row>
    <row r="147606" spans="8:8">
      <c r="H147606" s="12"/>
    </row>
    <row r="147607" spans="8:8">
      <c r="H147607" s="12"/>
    </row>
    <row r="147608" spans="8:8">
      <c r="H147608" s="12"/>
    </row>
    <row r="147609" spans="8:8">
      <c r="H147609" s="12"/>
    </row>
    <row r="147610" spans="8:8">
      <c r="H147610" s="12"/>
    </row>
    <row r="147611" spans="8:8">
      <c r="H147611" s="12"/>
    </row>
    <row r="147612" spans="8:8">
      <c r="H147612" s="12"/>
    </row>
    <row r="147613" spans="8:8">
      <c r="H147613" s="12"/>
    </row>
    <row r="147614" spans="8:8">
      <c r="H147614" s="12"/>
    </row>
    <row r="147615" spans="8:8">
      <c r="H147615" s="12"/>
    </row>
    <row r="147616" spans="8:8">
      <c r="H147616" s="12"/>
    </row>
    <row r="147617" spans="8:8">
      <c r="H147617" s="12"/>
    </row>
    <row r="147618" spans="8:8">
      <c r="H147618" s="12"/>
    </row>
    <row r="147619" spans="8:8">
      <c r="H147619" s="12"/>
    </row>
    <row r="147620" spans="8:8">
      <c r="H147620" s="12"/>
    </row>
    <row r="147621" spans="8:8">
      <c r="H147621" s="12"/>
    </row>
    <row r="147622" spans="8:8">
      <c r="H147622" s="12"/>
    </row>
    <row r="147623" spans="8:8">
      <c r="H147623" s="12"/>
    </row>
    <row r="147624" spans="8:8">
      <c r="H147624" s="12"/>
    </row>
    <row r="147625" spans="8:8">
      <c r="H147625" s="12"/>
    </row>
    <row r="147626" spans="8:8">
      <c r="H147626" s="12"/>
    </row>
    <row r="147627" spans="8:8">
      <c r="H147627" s="12"/>
    </row>
    <row r="147628" spans="8:8">
      <c r="H147628" s="12"/>
    </row>
    <row r="147629" spans="8:8">
      <c r="H147629" s="12"/>
    </row>
    <row r="147630" spans="8:8">
      <c r="H147630" s="12"/>
    </row>
    <row r="147631" spans="8:8">
      <c r="H147631" s="12"/>
    </row>
    <row r="147632" spans="8:8">
      <c r="H147632" s="12"/>
    </row>
    <row r="147633" spans="8:8">
      <c r="H147633" s="12"/>
    </row>
    <row r="147634" spans="8:8">
      <c r="H147634" s="12"/>
    </row>
    <row r="147635" spans="8:8">
      <c r="H147635" s="12"/>
    </row>
    <row r="147636" spans="8:8">
      <c r="H147636" s="12"/>
    </row>
    <row r="147637" spans="8:8">
      <c r="H147637" s="12"/>
    </row>
    <row r="147638" spans="8:8">
      <c r="H147638" s="12"/>
    </row>
    <row r="147639" spans="8:8">
      <c r="H147639" s="12"/>
    </row>
    <row r="147640" spans="8:8">
      <c r="H147640" s="12"/>
    </row>
    <row r="147641" spans="8:8">
      <c r="H147641" s="12"/>
    </row>
    <row r="147642" spans="8:8">
      <c r="H147642" s="12"/>
    </row>
    <row r="147643" spans="8:8">
      <c r="H147643" s="12"/>
    </row>
    <row r="147644" spans="8:8">
      <c r="H147644" s="12"/>
    </row>
    <row r="147645" spans="8:8">
      <c r="H147645" s="12"/>
    </row>
    <row r="147646" spans="8:8">
      <c r="H147646" s="12"/>
    </row>
    <row r="147647" spans="8:8">
      <c r="H147647" s="12"/>
    </row>
    <row r="147648" spans="8:8">
      <c r="H147648" s="12"/>
    </row>
    <row r="147649" spans="8:8">
      <c r="H147649" s="12"/>
    </row>
    <row r="147650" spans="8:8">
      <c r="H147650" s="12"/>
    </row>
    <row r="147651" spans="8:8">
      <c r="H147651" s="12"/>
    </row>
    <row r="147652" spans="8:8">
      <c r="H147652" s="12"/>
    </row>
    <row r="147653" spans="8:8">
      <c r="H147653" s="12"/>
    </row>
    <row r="147654" spans="8:8">
      <c r="H147654" s="12"/>
    </row>
    <row r="147655" spans="8:8">
      <c r="H147655" s="12"/>
    </row>
    <row r="147656" spans="8:8">
      <c r="H147656" s="12"/>
    </row>
    <row r="147657" spans="8:8">
      <c r="H147657" s="12"/>
    </row>
    <row r="147658" spans="8:8">
      <c r="H147658" s="12"/>
    </row>
    <row r="147659" spans="8:8">
      <c r="H147659" s="12"/>
    </row>
    <row r="147660" spans="8:8">
      <c r="H147660" s="12"/>
    </row>
    <row r="147661" spans="8:8">
      <c r="H147661" s="12"/>
    </row>
    <row r="147662" spans="8:8">
      <c r="H147662" s="12"/>
    </row>
    <row r="147663" spans="8:8">
      <c r="H147663" s="12"/>
    </row>
    <row r="147664" spans="8:8">
      <c r="H147664" s="12"/>
    </row>
    <row r="147665" spans="8:8">
      <c r="H147665" s="12"/>
    </row>
    <row r="147666" spans="8:8">
      <c r="H147666" s="12"/>
    </row>
    <row r="147667" spans="8:8">
      <c r="H147667" s="12"/>
    </row>
    <row r="147668" spans="8:8">
      <c r="H147668" s="12"/>
    </row>
    <row r="147669" spans="8:8">
      <c r="H147669" s="12"/>
    </row>
    <row r="147670" spans="8:8">
      <c r="H147670" s="12"/>
    </row>
    <row r="147671" spans="8:8">
      <c r="H147671" s="12"/>
    </row>
    <row r="147672" spans="8:8">
      <c r="H147672" s="12"/>
    </row>
    <row r="147673" spans="8:8">
      <c r="H147673" s="12"/>
    </row>
    <row r="147674" spans="8:8">
      <c r="H147674" s="12"/>
    </row>
    <row r="147675" spans="8:8">
      <c r="H147675" s="12"/>
    </row>
    <row r="147676" spans="8:8">
      <c r="H147676" s="12"/>
    </row>
    <row r="147677" spans="8:8">
      <c r="H147677" s="12"/>
    </row>
    <row r="147678" spans="8:8">
      <c r="H147678" s="12"/>
    </row>
    <row r="147679" spans="8:8">
      <c r="H147679" s="12"/>
    </row>
    <row r="147680" spans="8:8">
      <c r="H147680" s="12"/>
    </row>
    <row r="147681" spans="8:8">
      <c r="H147681" s="12"/>
    </row>
    <row r="147682" spans="8:8">
      <c r="H147682" s="12"/>
    </row>
    <row r="147683" spans="8:8">
      <c r="H147683" s="12"/>
    </row>
    <row r="147684" spans="8:8">
      <c r="H147684" s="12"/>
    </row>
    <row r="147685" spans="8:8">
      <c r="H147685" s="12"/>
    </row>
    <row r="147686" spans="8:8">
      <c r="H147686" s="12"/>
    </row>
    <row r="147687" spans="8:8">
      <c r="H147687" s="12"/>
    </row>
    <row r="147688" spans="8:8">
      <c r="H147688" s="12"/>
    </row>
    <row r="147689" spans="8:8">
      <c r="H147689" s="12"/>
    </row>
    <row r="147690" spans="8:8">
      <c r="H147690" s="12"/>
    </row>
    <row r="147691" spans="8:8">
      <c r="H147691" s="12"/>
    </row>
    <row r="147692" spans="8:8">
      <c r="H147692" s="12"/>
    </row>
    <row r="147693" spans="8:8">
      <c r="H147693" s="12"/>
    </row>
    <row r="147694" spans="8:8">
      <c r="H147694" s="12"/>
    </row>
    <row r="147695" spans="8:8">
      <c r="H147695" s="12"/>
    </row>
    <row r="147696" spans="8:8">
      <c r="H147696" s="12"/>
    </row>
    <row r="147697" spans="8:8">
      <c r="H147697" s="12"/>
    </row>
    <row r="147698" spans="8:8">
      <c r="H147698" s="12"/>
    </row>
    <row r="147699" spans="8:8">
      <c r="H147699" s="12"/>
    </row>
    <row r="147700" spans="8:8">
      <c r="H147700" s="12"/>
    </row>
    <row r="147701" spans="8:8">
      <c r="H147701" s="12"/>
    </row>
    <row r="147702" spans="8:8">
      <c r="H147702" s="12"/>
    </row>
    <row r="147703" spans="8:8">
      <c r="H147703" s="12"/>
    </row>
    <row r="147704" spans="8:8">
      <c r="H147704" s="12"/>
    </row>
    <row r="147705" spans="8:8">
      <c r="H147705" s="12"/>
    </row>
    <row r="147706" spans="8:8">
      <c r="H147706" s="12"/>
    </row>
    <row r="147707" spans="8:8">
      <c r="H147707" s="12"/>
    </row>
    <row r="147708" spans="8:8">
      <c r="H147708" s="12"/>
    </row>
    <row r="147709" spans="8:8">
      <c r="H147709" s="12"/>
    </row>
    <row r="147710" spans="8:8">
      <c r="H147710" s="12"/>
    </row>
    <row r="147711" spans="8:8">
      <c r="H147711" s="12"/>
    </row>
    <row r="147712" spans="8:8">
      <c r="H147712" s="12"/>
    </row>
    <row r="147713" spans="8:8">
      <c r="H147713" s="12"/>
    </row>
    <row r="147714" spans="8:8">
      <c r="H147714" s="12"/>
    </row>
    <row r="147715" spans="8:8">
      <c r="H147715" s="12"/>
    </row>
    <row r="147716" spans="8:8">
      <c r="H147716" s="12"/>
    </row>
    <row r="147717" spans="8:8">
      <c r="H147717" s="12"/>
    </row>
    <row r="147718" spans="8:8">
      <c r="H147718" s="12"/>
    </row>
    <row r="147719" spans="8:8">
      <c r="H147719" s="12"/>
    </row>
    <row r="147720" spans="8:8">
      <c r="H147720" s="12"/>
    </row>
    <row r="147721" spans="8:8">
      <c r="H147721" s="12"/>
    </row>
    <row r="147722" spans="8:8">
      <c r="H147722" s="12"/>
    </row>
    <row r="147723" spans="8:8">
      <c r="H147723" s="12"/>
    </row>
    <row r="147724" spans="8:8">
      <c r="H147724" s="12"/>
    </row>
    <row r="147725" spans="8:8">
      <c r="H147725" s="12"/>
    </row>
    <row r="147726" spans="8:8">
      <c r="H147726" s="12"/>
    </row>
    <row r="147727" spans="8:8">
      <c r="H147727" s="12"/>
    </row>
    <row r="147728" spans="8:8">
      <c r="H147728" s="12"/>
    </row>
    <row r="147729" spans="8:8">
      <c r="H147729" s="12"/>
    </row>
    <row r="147730" spans="8:8">
      <c r="H147730" s="12"/>
    </row>
    <row r="147731" spans="8:8">
      <c r="H147731" s="12"/>
    </row>
    <row r="147732" spans="8:8">
      <c r="H147732" s="12"/>
    </row>
    <row r="147733" spans="8:8">
      <c r="H147733" s="12"/>
    </row>
    <row r="147734" spans="8:8">
      <c r="H147734" s="12"/>
    </row>
    <row r="147735" spans="8:8">
      <c r="H147735" s="12"/>
    </row>
    <row r="147736" spans="8:8">
      <c r="H147736" s="12"/>
    </row>
    <row r="147737" spans="8:8">
      <c r="H147737" s="12"/>
    </row>
    <row r="147738" spans="8:8">
      <c r="H147738" s="12"/>
    </row>
    <row r="147739" spans="8:8">
      <c r="H147739" s="12"/>
    </row>
    <row r="147740" spans="8:8">
      <c r="H147740" s="12"/>
    </row>
    <row r="147741" spans="8:8">
      <c r="H147741" s="12"/>
    </row>
    <row r="147742" spans="8:8">
      <c r="H147742" s="12"/>
    </row>
    <row r="147743" spans="8:8">
      <c r="H147743" s="12"/>
    </row>
    <row r="147744" spans="8:8">
      <c r="H147744" s="12"/>
    </row>
    <row r="147745" spans="8:8">
      <c r="H147745" s="12"/>
    </row>
    <row r="147746" spans="8:8">
      <c r="H147746" s="12"/>
    </row>
    <row r="147747" spans="8:8">
      <c r="H147747" s="12"/>
    </row>
    <row r="147748" spans="8:8">
      <c r="H147748" s="12"/>
    </row>
    <row r="147749" spans="8:8">
      <c r="H147749" s="12"/>
    </row>
    <row r="147750" spans="8:8">
      <c r="H147750" s="12"/>
    </row>
    <row r="147751" spans="8:8">
      <c r="H147751" s="12"/>
    </row>
    <row r="147752" spans="8:8">
      <c r="H147752" s="12"/>
    </row>
    <row r="147753" spans="8:8">
      <c r="H147753" s="12"/>
    </row>
    <row r="147754" spans="8:8">
      <c r="H147754" s="12"/>
    </row>
    <row r="147755" spans="8:8">
      <c r="H147755" s="12"/>
    </row>
    <row r="147756" spans="8:8">
      <c r="H147756" s="12"/>
    </row>
    <row r="147757" spans="8:8">
      <c r="H147757" s="12"/>
    </row>
    <row r="147758" spans="8:8">
      <c r="H147758" s="12"/>
    </row>
    <row r="147759" spans="8:8">
      <c r="H147759" s="12"/>
    </row>
    <row r="147760" spans="8:8">
      <c r="H147760" s="12"/>
    </row>
    <row r="147761" spans="8:8">
      <c r="H147761" s="12"/>
    </row>
    <row r="147762" spans="8:8">
      <c r="H147762" s="12"/>
    </row>
    <row r="147763" spans="8:8">
      <c r="H147763" s="12"/>
    </row>
    <row r="147764" spans="8:8">
      <c r="H147764" s="12"/>
    </row>
    <row r="147765" spans="8:8">
      <c r="H147765" s="12"/>
    </row>
    <row r="147766" spans="8:8">
      <c r="H147766" s="12"/>
    </row>
    <row r="147767" spans="8:8">
      <c r="H147767" s="12"/>
    </row>
    <row r="147768" spans="8:8">
      <c r="H147768" s="12"/>
    </row>
    <row r="147769" spans="8:8">
      <c r="H147769" s="12"/>
    </row>
    <row r="147770" spans="8:8">
      <c r="H147770" s="12"/>
    </row>
    <row r="147771" spans="8:8">
      <c r="H147771" s="12"/>
    </row>
    <row r="147772" spans="8:8">
      <c r="H147772" s="12"/>
    </row>
    <row r="147773" spans="8:8">
      <c r="H147773" s="12"/>
    </row>
    <row r="147774" spans="8:8">
      <c r="H147774" s="12"/>
    </row>
    <row r="147775" spans="8:8">
      <c r="H147775" s="12"/>
    </row>
    <row r="147776" spans="8:8">
      <c r="H147776" s="12"/>
    </row>
    <row r="147777" spans="8:8">
      <c r="H147777" s="12"/>
    </row>
    <row r="147778" spans="8:8">
      <c r="H147778" s="12"/>
    </row>
    <row r="147779" spans="8:8">
      <c r="H147779" s="12"/>
    </row>
    <row r="147780" spans="8:8">
      <c r="H147780" s="12"/>
    </row>
    <row r="147781" spans="8:8">
      <c r="H147781" s="12"/>
    </row>
    <row r="147782" spans="8:8">
      <c r="H147782" s="12"/>
    </row>
    <row r="147783" spans="8:8">
      <c r="H147783" s="12"/>
    </row>
    <row r="147784" spans="8:8">
      <c r="H147784" s="12"/>
    </row>
    <row r="147785" spans="8:8">
      <c r="H147785" s="12"/>
    </row>
    <row r="147786" spans="8:8">
      <c r="H147786" s="12"/>
    </row>
    <row r="147787" spans="8:8">
      <c r="H147787" s="12"/>
    </row>
    <row r="147788" spans="8:8">
      <c r="H147788" s="12"/>
    </row>
    <row r="147789" spans="8:8">
      <c r="H147789" s="12"/>
    </row>
    <row r="147790" spans="8:8">
      <c r="H147790" s="12"/>
    </row>
    <row r="147791" spans="8:8">
      <c r="H147791" s="12"/>
    </row>
    <row r="147792" spans="8:8">
      <c r="H147792" s="12"/>
    </row>
    <row r="147793" spans="8:8">
      <c r="H147793" s="12"/>
    </row>
    <row r="147794" spans="8:8">
      <c r="H147794" s="12"/>
    </row>
    <row r="147795" spans="8:8">
      <c r="H147795" s="12"/>
    </row>
    <row r="147796" spans="8:8">
      <c r="H147796" s="12"/>
    </row>
    <row r="147797" spans="8:8">
      <c r="H147797" s="12"/>
    </row>
    <row r="147798" spans="8:8">
      <c r="H147798" s="12"/>
    </row>
    <row r="147799" spans="8:8">
      <c r="H147799" s="12"/>
    </row>
    <row r="147800" spans="8:8">
      <c r="H147800" s="12"/>
    </row>
    <row r="147801" spans="8:8">
      <c r="H147801" s="12"/>
    </row>
    <row r="147802" spans="8:8">
      <c r="H147802" s="12"/>
    </row>
    <row r="147803" spans="8:8">
      <c r="H147803" s="12"/>
    </row>
    <row r="147804" spans="8:8">
      <c r="H147804" s="12"/>
    </row>
    <row r="147805" spans="8:8">
      <c r="H147805" s="12"/>
    </row>
    <row r="147806" spans="8:8">
      <c r="H147806" s="12"/>
    </row>
    <row r="147807" spans="8:8">
      <c r="H147807" s="12"/>
    </row>
    <row r="147808" spans="8:8">
      <c r="H147808" s="12"/>
    </row>
    <row r="147809" spans="8:8">
      <c r="H147809" s="12"/>
    </row>
    <row r="147810" spans="8:8">
      <c r="H147810" s="12"/>
    </row>
    <row r="147811" spans="8:8">
      <c r="H147811" s="12"/>
    </row>
    <row r="147812" spans="8:8">
      <c r="H147812" s="12"/>
    </row>
    <row r="147813" spans="8:8">
      <c r="H147813" s="12"/>
    </row>
    <row r="147814" spans="8:8">
      <c r="H147814" s="12"/>
    </row>
    <row r="147815" spans="8:8">
      <c r="H147815" s="12"/>
    </row>
    <row r="147816" spans="8:8">
      <c r="H147816" s="12"/>
    </row>
    <row r="147817" spans="8:8">
      <c r="H147817" s="12"/>
    </row>
    <row r="147818" spans="8:8">
      <c r="H147818" s="12"/>
    </row>
    <row r="147819" spans="8:8">
      <c r="H147819" s="12"/>
    </row>
    <row r="147820" spans="8:8">
      <c r="H147820" s="12"/>
    </row>
    <row r="147821" spans="8:8">
      <c r="H147821" s="12"/>
    </row>
    <row r="147822" spans="8:8">
      <c r="H147822" s="12"/>
    </row>
    <row r="147823" spans="8:8">
      <c r="H147823" s="12"/>
    </row>
    <row r="147824" spans="8:8">
      <c r="H147824" s="12"/>
    </row>
    <row r="147825" spans="8:8">
      <c r="H147825" s="12"/>
    </row>
    <row r="147826" spans="8:8">
      <c r="H147826" s="12"/>
    </row>
    <row r="147827" spans="8:8">
      <c r="H147827" s="12"/>
    </row>
    <row r="147828" spans="8:8">
      <c r="H147828" s="12"/>
    </row>
    <row r="147829" spans="8:8">
      <c r="H147829" s="12"/>
    </row>
    <row r="147830" spans="8:8">
      <c r="H147830" s="12"/>
    </row>
    <row r="147831" spans="8:8">
      <c r="H147831" s="12"/>
    </row>
    <row r="147832" spans="8:8">
      <c r="H147832" s="12"/>
    </row>
    <row r="147833" spans="8:8">
      <c r="H147833" s="12"/>
    </row>
    <row r="147834" spans="8:8">
      <c r="H147834" s="12"/>
    </row>
    <row r="147835" spans="8:8">
      <c r="H147835" s="12"/>
    </row>
    <row r="147836" spans="8:8">
      <c r="H147836" s="12"/>
    </row>
    <row r="147837" spans="8:8">
      <c r="H147837" s="12"/>
    </row>
    <row r="147838" spans="8:8">
      <c r="H147838" s="12"/>
    </row>
    <row r="147839" spans="8:8">
      <c r="H147839" s="12"/>
    </row>
    <row r="147840" spans="8:8">
      <c r="H147840" s="12"/>
    </row>
    <row r="147841" spans="8:8">
      <c r="H147841" s="12"/>
    </row>
    <row r="147842" spans="8:8">
      <c r="H147842" s="12"/>
    </row>
    <row r="147843" spans="8:8">
      <c r="H147843" s="12"/>
    </row>
    <row r="147844" spans="8:8">
      <c r="H147844" s="12"/>
    </row>
    <row r="147845" spans="8:8">
      <c r="H147845" s="12"/>
    </row>
    <row r="147846" spans="8:8">
      <c r="H147846" s="12"/>
    </row>
    <row r="147847" spans="8:8">
      <c r="H147847" s="12"/>
    </row>
    <row r="147848" spans="8:8">
      <c r="H147848" s="12"/>
    </row>
    <row r="147849" spans="8:8">
      <c r="H147849" s="12"/>
    </row>
    <row r="147850" spans="8:8">
      <c r="H147850" s="12"/>
    </row>
    <row r="147851" spans="8:8">
      <c r="H147851" s="12"/>
    </row>
    <row r="147852" spans="8:8">
      <c r="H147852" s="12"/>
    </row>
    <row r="147853" spans="8:8">
      <c r="H147853" s="12"/>
    </row>
    <row r="147854" spans="8:8">
      <c r="H147854" s="12"/>
    </row>
    <row r="147855" spans="8:8">
      <c r="H147855" s="12"/>
    </row>
    <row r="147856" spans="8:8">
      <c r="H147856" s="12"/>
    </row>
    <row r="147857" spans="8:8">
      <c r="H147857" s="12"/>
    </row>
    <row r="147858" spans="8:8">
      <c r="H147858" s="12"/>
    </row>
    <row r="147859" spans="8:8">
      <c r="H147859" s="12"/>
    </row>
    <row r="147860" spans="8:8">
      <c r="H147860" s="12"/>
    </row>
    <row r="147861" spans="8:8">
      <c r="H147861" s="12"/>
    </row>
    <row r="147862" spans="8:8">
      <c r="H147862" s="12"/>
    </row>
    <row r="147863" spans="8:8">
      <c r="H147863" s="12"/>
    </row>
    <row r="147864" spans="8:8">
      <c r="H147864" s="12"/>
    </row>
    <row r="147865" spans="8:8">
      <c r="H147865" s="12"/>
    </row>
    <row r="147866" spans="8:8">
      <c r="H147866" s="12"/>
    </row>
    <row r="147867" spans="8:8">
      <c r="H147867" s="12"/>
    </row>
    <row r="147868" spans="8:8">
      <c r="H147868" s="12"/>
    </row>
    <row r="147869" spans="8:8">
      <c r="H147869" s="12"/>
    </row>
    <row r="147870" spans="8:8">
      <c r="H147870" s="12"/>
    </row>
    <row r="147871" spans="8:8">
      <c r="H147871" s="12"/>
    </row>
    <row r="147872" spans="8:8">
      <c r="H147872" s="12"/>
    </row>
    <row r="147873" spans="8:8">
      <c r="H147873" s="12"/>
    </row>
    <row r="147874" spans="8:8">
      <c r="H147874" s="12"/>
    </row>
    <row r="147875" spans="8:8">
      <c r="H147875" s="12"/>
    </row>
    <row r="147876" spans="8:8">
      <c r="H147876" s="12"/>
    </row>
    <row r="147877" spans="8:8">
      <c r="H147877" s="12"/>
    </row>
    <row r="147878" spans="8:8">
      <c r="H147878" s="12"/>
    </row>
    <row r="147879" spans="8:8">
      <c r="H147879" s="12"/>
    </row>
    <row r="147880" spans="8:8">
      <c r="H147880" s="12"/>
    </row>
    <row r="147881" spans="8:8">
      <c r="H147881" s="12"/>
    </row>
    <row r="147882" spans="8:8">
      <c r="H147882" s="12"/>
    </row>
    <row r="147883" spans="8:8">
      <c r="H147883" s="12"/>
    </row>
    <row r="147884" spans="8:8">
      <c r="H147884" s="12"/>
    </row>
    <row r="147885" spans="8:8">
      <c r="H147885" s="12"/>
    </row>
    <row r="147886" spans="8:8">
      <c r="H147886" s="12"/>
    </row>
    <row r="147887" spans="8:8">
      <c r="H147887" s="12"/>
    </row>
    <row r="147888" spans="8:8">
      <c r="H147888" s="12"/>
    </row>
    <row r="147889" spans="8:8">
      <c r="H147889" s="12"/>
    </row>
    <row r="147890" spans="8:8">
      <c r="H147890" s="12"/>
    </row>
    <row r="147891" spans="8:8">
      <c r="H147891" s="12"/>
    </row>
    <row r="147892" spans="8:8">
      <c r="H147892" s="12"/>
    </row>
    <row r="147893" spans="8:8">
      <c r="H147893" s="12"/>
    </row>
    <row r="147894" spans="8:8">
      <c r="H147894" s="12"/>
    </row>
    <row r="147895" spans="8:8">
      <c r="H147895" s="12"/>
    </row>
    <row r="147896" spans="8:8">
      <c r="H147896" s="12"/>
    </row>
    <row r="147897" spans="8:8">
      <c r="H147897" s="12"/>
    </row>
    <row r="147898" spans="8:8">
      <c r="H147898" s="12"/>
    </row>
    <row r="147899" spans="8:8">
      <c r="H147899" s="12"/>
    </row>
    <row r="147900" spans="8:8">
      <c r="H147900" s="12"/>
    </row>
    <row r="147901" spans="8:8">
      <c r="H147901" s="12"/>
    </row>
    <row r="147902" spans="8:8">
      <c r="H147902" s="12"/>
    </row>
    <row r="147903" spans="8:8">
      <c r="H147903" s="12"/>
    </row>
    <row r="147904" spans="8:8">
      <c r="H147904" s="12"/>
    </row>
    <row r="147905" spans="8:8">
      <c r="H147905" s="12"/>
    </row>
    <row r="147906" spans="8:8">
      <c r="H147906" s="12"/>
    </row>
    <row r="147907" spans="8:8">
      <c r="H147907" s="12"/>
    </row>
    <row r="147908" spans="8:8">
      <c r="H147908" s="12"/>
    </row>
    <row r="147909" spans="8:8">
      <c r="H147909" s="12"/>
    </row>
    <row r="147910" spans="8:8">
      <c r="H147910" s="12"/>
    </row>
    <row r="147911" spans="8:8">
      <c r="H147911" s="12"/>
    </row>
    <row r="147912" spans="8:8">
      <c r="H147912" s="12"/>
    </row>
    <row r="147913" spans="8:8">
      <c r="H147913" s="12"/>
    </row>
    <row r="147914" spans="8:8">
      <c r="H147914" s="12"/>
    </row>
    <row r="147915" spans="8:8">
      <c r="H147915" s="12"/>
    </row>
    <row r="147916" spans="8:8">
      <c r="H147916" s="12"/>
    </row>
    <row r="147917" spans="8:8">
      <c r="H147917" s="12"/>
    </row>
    <row r="147918" spans="8:8">
      <c r="H147918" s="12"/>
    </row>
    <row r="147919" spans="8:8">
      <c r="H147919" s="12"/>
    </row>
    <row r="147920" spans="8:8">
      <c r="H147920" s="12"/>
    </row>
    <row r="147921" spans="8:8">
      <c r="H147921" s="12"/>
    </row>
    <row r="147922" spans="8:8">
      <c r="H147922" s="12"/>
    </row>
    <row r="147923" spans="8:8">
      <c r="H147923" s="12"/>
    </row>
    <row r="147924" spans="8:8">
      <c r="H147924" s="12"/>
    </row>
    <row r="147925" spans="8:8">
      <c r="H147925" s="12"/>
    </row>
    <row r="147926" spans="8:8">
      <c r="H147926" s="12"/>
    </row>
    <row r="147927" spans="8:8">
      <c r="H147927" s="12"/>
    </row>
    <row r="147928" spans="8:8">
      <c r="H147928" s="12"/>
    </row>
    <row r="147929" spans="8:8">
      <c r="H147929" s="12"/>
    </row>
    <row r="147930" spans="8:8">
      <c r="H147930" s="12"/>
    </row>
    <row r="147931" spans="8:8">
      <c r="H147931" s="12"/>
    </row>
    <row r="147932" spans="8:8">
      <c r="H147932" s="12"/>
    </row>
    <row r="147933" spans="8:8">
      <c r="H147933" s="12"/>
    </row>
    <row r="147934" spans="8:8">
      <c r="H147934" s="12"/>
    </row>
    <row r="147935" spans="8:8">
      <c r="H147935" s="12"/>
    </row>
    <row r="147936" spans="8:8">
      <c r="H147936" s="12"/>
    </row>
    <row r="147937" spans="8:8">
      <c r="H147937" s="12"/>
    </row>
    <row r="147938" spans="8:8">
      <c r="H147938" s="12"/>
    </row>
    <row r="147939" spans="8:8">
      <c r="H147939" s="12"/>
    </row>
    <row r="147940" spans="8:8">
      <c r="H147940" s="12"/>
    </row>
    <row r="147941" spans="8:8">
      <c r="H147941" s="12"/>
    </row>
    <row r="147942" spans="8:8">
      <c r="H147942" s="12"/>
    </row>
    <row r="147943" spans="8:8">
      <c r="H147943" s="12"/>
    </row>
    <row r="147944" spans="8:8">
      <c r="H147944" s="12"/>
    </row>
    <row r="147945" spans="8:8">
      <c r="H147945" s="12"/>
    </row>
    <row r="147946" spans="8:8">
      <c r="H147946" s="12"/>
    </row>
    <row r="147947" spans="8:8">
      <c r="H147947" s="12"/>
    </row>
    <row r="147948" spans="8:8">
      <c r="H147948" s="12"/>
    </row>
    <row r="147949" spans="8:8">
      <c r="H147949" s="12"/>
    </row>
    <row r="147950" spans="8:8">
      <c r="H147950" s="12"/>
    </row>
    <row r="147951" spans="8:8">
      <c r="H147951" s="12"/>
    </row>
    <row r="147952" spans="8:8">
      <c r="H147952" s="12"/>
    </row>
    <row r="147953" spans="8:8">
      <c r="H147953" s="12"/>
    </row>
    <row r="147954" spans="8:8">
      <c r="H147954" s="12"/>
    </row>
    <row r="147955" spans="8:8">
      <c r="H147955" s="12"/>
    </row>
    <row r="147956" spans="8:8">
      <c r="H147956" s="12"/>
    </row>
    <row r="147957" spans="8:8">
      <c r="H147957" s="12"/>
    </row>
    <row r="147958" spans="8:8">
      <c r="H147958" s="12"/>
    </row>
    <row r="147959" spans="8:8">
      <c r="H147959" s="12"/>
    </row>
    <row r="147960" spans="8:8">
      <c r="H147960" s="12"/>
    </row>
    <row r="147961" spans="8:8">
      <c r="H147961" s="12"/>
    </row>
    <row r="147962" spans="8:8">
      <c r="H147962" s="12"/>
    </row>
    <row r="147963" spans="8:8">
      <c r="H147963" s="12"/>
    </row>
    <row r="147964" spans="8:8">
      <c r="H147964" s="12"/>
    </row>
    <row r="147965" spans="8:8">
      <c r="H147965" s="12"/>
    </row>
    <row r="147966" spans="8:8">
      <c r="H147966" s="12"/>
    </row>
    <row r="147967" spans="8:8">
      <c r="H147967" s="12"/>
    </row>
    <row r="147968" spans="8:8">
      <c r="H147968" s="12"/>
    </row>
    <row r="147969" spans="8:8">
      <c r="H147969" s="12"/>
    </row>
    <row r="147970" spans="8:8">
      <c r="H147970" s="12"/>
    </row>
    <row r="147971" spans="8:8">
      <c r="H147971" s="12"/>
    </row>
    <row r="147972" spans="8:8">
      <c r="H147972" s="12"/>
    </row>
    <row r="147973" spans="8:8">
      <c r="H147973" s="12"/>
    </row>
    <row r="147974" spans="8:8">
      <c r="H147974" s="12"/>
    </row>
    <row r="147975" spans="8:8">
      <c r="H147975" s="12"/>
    </row>
    <row r="147976" spans="8:8">
      <c r="H147976" s="12"/>
    </row>
    <row r="147977" spans="8:8">
      <c r="H147977" s="12"/>
    </row>
    <row r="147978" spans="8:8">
      <c r="H147978" s="12"/>
    </row>
    <row r="147979" spans="8:8">
      <c r="H147979" s="12"/>
    </row>
    <row r="147980" spans="8:8">
      <c r="H147980" s="12"/>
    </row>
    <row r="147981" spans="8:8">
      <c r="H147981" s="12"/>
    </row>
    <row r="147982" spans="8:8">
      <c r="H147982" s="12"/>
    </row>
    <row r="147983" spans="8:8">
      <c r="H147983" s="12"/>
    </row>
    <row r="147984" spans="8:8">
      <c r="H147984" s="12"/>
    </row>
    <row r="147985" spans="8:8">
      <c r="H147985" s="12"/>
    </row>
    <row r="147986" spans="8:8">
      <c r="H147986" s="12"/>
    </row>
    <row r="147987" spans="8:8">
      <c r="H147987" s="12"/>
    </row>
    <row r="147988" spans="8:8">
      <c r="H147988" s="12"/>
    </row>
    <row r="147989" spans="8:8">
      <c r="H147989" s="12"/>
    </row>
    <row r="147990" spans="8:8">
      <c r="H147990" s="12"/>
    </row>
    <row r="147991" spans="8:8">
      <c r="H147991" s="12"/>
    </row>
    <row r="147992" spans="8:8">
      <c r="H147992" s="12"/>
    </row>
    <row r="147993" spans="8:8">
      <c r="H147993" s="12"/>
    </row>
    <row r="147994" spans="8:8">
      <c r="H147994" s="12"/>
    </row>
    <row r="147995" spans="8:8">
      <c r="H147995" s="12"/>
    </row>
    <row r="147996" spans="8:8">
      <c r="H147996" s="12"/>
    </row>
    <row r="147997" spans="8:8">
      <c r="H147997" s="12"/>
    </row>
    <row r="147998" spans="8:8">
      <c r="H147998" s="12"/>
    </row>
    <row r="147999" spans="8:8">
      <c r="H147999" s="12"/>
    </row>
    <row r="148000" spans="8:8">
      <c r="H148000" s="12"/>
    </row>
    <row r="148001" spans="8:8">
      <c r="H148001" s="12"/>
    </row>
    <row r="148002" spans="8:8">
      <c r="H148002" s="12"/>
    </row>
    <row r="148003" spans="8:8">
      <c r="H148003" s="12"/>
    </row>
    <row r="148004" spans="8:8">
      <c r="H148004" s="12"/>
    </row>
    <row r="148005" spans="8:8">
      <c r="H148005" s="12"/>
    </row>
    <row r="148006" spans="8:8">
      <c r="H148006" s="12"/>
    </row>
    <row r="148007" spans="8:8">
      <c r="H148007" s="12"/>
    </row>
    <row r="148008" spans="8:8">
      <c r="H148008" s="12"/>
    </row>
    <row r="148009" spans="8:8">
      <c r="H148009" s="12"/>
    </row>
    <row r="148010" spans="8:8">
      <c r="H148010" s="12"/>
    </row>
    <row r="148011" spans="8:8">
      <c r="H148011" s="12"/>
    </row>
    <row r="148012" spans="8:8">
      <c r="H148012" s="12"/>
    </row>
    <row r="148013" spans="8:8">
      <c r="H148013" s="12"/>
    </row>
    <row r="148014" spans="8:8">
      <c r="H148014" s="12"/>
    </row>
    <row r="148015" spans="8:8">
      <c r="H148015" s="12"/>
    </row>
    <row r="148016" spans="8:8">
      <c r="H148016" s="12"/>
    </row>
    <row r="148017" spans="8:8">
      <c r="H148017" s="12"/>
    </row>
    <row r="148018" spans="8:8">
      <c r="H148018" s="12"/>
    </row>
    <row r="148019" spans="8:8">
      <c r="H148019" s="12"/>
    </row>
    <row r="148020" spans="8:8">
      <c r="H148020" s="12"/>
    </row>
    <row r="148021" spans="8:8">
      <c r="H148021" s="12"/>
    </row>
    <row r="148022" spans="8:8">
      <c r="H148022" s="12"/>
    </row>
    <row r="148023" spans="8:8">
      <c r="H148023" s="12"/>
    </row>
    <row r="148024" spans="8:8">
      <c r="H148024" s="12"/>
    </row>
    <row r="148025" spans="8:8">
      <c r="H148025" s="12"/>
    </row>
    <row r="148026" spans="8:8">
      <c r="H148026" s="12"/>
    </row>
    <row r="148027" spans="8:8">
      <c r="H148027" s="12"/>
    </row>
    <row r="148028" spans="8:8">
      <c r="H148028" s="12"/>
    </row>
    <row r="148029" spans="8:8">
      <c r="H148029" s="12"/>
    </row>
    <row r="148030" spans="8:8">
      <c r="H148030" s="12"/>
    </row>
    <row r="148031" spans="8:8">
      <c r="H148031" s="12"/>
    </row>
    <row r="148032" spans="8:8">
      <c r="H148032" s="12"/>
    </row>
    <row r="148033" spans="8:8">
      <c r="H148033" s="12"/>
    </row>
    <row r="148034" spans="8:8">
      <c r="H148034" s="12"/>
    </row>
    <row r="148035" spans="8:8">
      <c r="H148035" s="12"/>
    </row>
    <row r="148036" spans="8:8">
      <c r="H148036" s="12"/>
    </row>
    <row r="148037" spans="8:8">
      <c r="H148037" s="12"/>
    </row>
    <row r="148038" spans="8:8">
      <c r="H148038" s="12"/>
    </row>
    <row r="148039" spans="8:8">
      <c r="H148039" s="12"/>
    </row>
    <row r="148040" spans="8:8">
      <c r="H148040" s="12"/>
    </row>
    <row r="148041" spans="8:8">
      <c r="H148041" s="12"/>
    </row>
    <row r="148042" spans="8:8">
      <c r="H148042" s="12"/>
    </row>
    <row r="148043" spans="8:8">
      <c r="H148043" s="12"/>
    </row>
    <row r="148044" spans="8:8">
      <c r="H148044" s="12"/>
    </row>
    <row r="148045" spans="8:8">
      <c r="H148045" s="12"/>
    </row>
    <row r="148046" spans="8:8">
      <c r="H148046" s="12"/>
    </row>
    <row r="148047" spans="8:8">
      <c r="H148047" s="12"/>
    </row>
    <row r="148048" spans="8:8">
      <c r="H148048" s="12"/>
    </row>
    <row r="148049" spans="8:8">
      <c r="H148049" s="12"/>
    </row>
    <row r="148050" spans="8:8">
      <c r="H148050" s="12"/>
    </row>
    <row r="148051" spans="8:8">
      <c r="H148051" s="12"/>
    </row>
    <row r="148052" spans="8:8">
      <c r="H148052" s="12"/>
    </row>
    <row r="148053" spans="8:8">
      <c r="H148053" s="12"/>
    </row>
    <row r="148054" spans="8:8">
      <c r="H148054" s="12"/>
    </row>
    <row r="148055" spans="8:8">
      <c r="H148055" s="12"/>
    </row>
    <row r="148056" spans="8:8">
      <c r="H148056" s="12"/>
    </row>
    <row r="148057" spans="8:8">
      <c r="H148057" s="12"/>
    </row>
    <row r="148058" spans="8:8">
      <c r="H148058" s="12"/>
    </row>
    <row r="148059" spans="8:8">
      <c r="H148059" s="12"/>
    </row>
    <row r="148060" spans="8:8">
      <c r="H148060" s="12"/>
    </row>
    <row r="148061" spans="8:8">
      <c r="H148061" s="12"/>
    </row>
    <row r="148062" spans="8:8">
      <c r="H148062" s="12"/>
    </row>
    <row r="148063" spans="8:8">
      <c r="H148063" s="12"/>
    </row>
    <row r="148064" spans="8:8">
      <c r="H148064" s="12"/>
    </row>
    <row r="148065" spans="8:8">
      <c r="H148065" s="12"/>
    </row>
    <row r="148066" spans="8:8">
      <c r="H148066" s="12"/>
    </row>
    <row r="148067" spans="8:8">
      <c r="H148067" s="12"/>
    </row>
    <row r="148068" spans="8:8">
      <c r="H148068" s="12"/>
    </row>
    <row r="148069" spans="8:8">
      <c r="H148069" s="12"/>
    </row>
    <row r="148070" spans="8:8">
      <c r="H148070" s="12"/>
    </row>
    <row r="148071" spans="8:8">
      <c r="H148071" s="12"/>
    </row>
    <row r="148072" spans="8:8">
      <c r="H148072" s="12"/>
    </row>
    <row r="148073" spans="8:8">
      <c r="H148073" s="12"/>
    </row>
    <row r="148074" spans="8:8">
      <c r="H148074" s="12"/>
    </row>
    <row r="148075" spans="8:8">
      <c r="H148075" s="12"/>
    </row>
    <row r="148076" spans="8:8">
      <c r="H148076" s="12"/>
    </row>
    <row r="148077" spans="8:8">
      <c r="H148077" s="12"/>
    </row>
    <row r="148078" spans="8:8">
      <c r="H148078" s="12"/>
    </row>
    <row r="148079" spans="8:8">
      <c r="H148079" s="12"/>
    </row>
    <row r="148080" spans="8:8">
      <c r="H148080" s="12"/>
    </row>
    <row r="148081" spans="8:8">
      <c r="H148081" s="12"/>
    </row>
    <row r="148082" spans="8:8">
      <c r="H148082" s="12"/>
    </row>
    <row r="148083" spans="8:8">
      <c r="H148083" s="12"/>
    </row>
    <row r="148084" spans="8:8">
      <c r="H148084" s="12"/>
    </row>
    <row r="148085" spans="8:8">
      <c r="H148085" s="12"/>
    </row>
    <row r="148086" spans="8:8">
      <c r="H148086" s="12"/>
    </row>
    <row r="148087" spans="8:8">
      <c r="H148087" s="12"/>
    </row>
    <row r="148088" spans="8:8">
      <c r="H148088" s="12"/>
    </row>
    <row r="148089" spans="8:8">
      <c r="H148089" s="12"/>
    </row>
    <row r="148090" spans="8:8">
      <c r="H148090" s="12"/>
    </row>
    <row r="148091" spans="8:8">
      <c r="H148091" s="12"/>
    </row>
    <row r="148092" spans="8:8">
      <c r="H148092" s="12"/>
    </row>
    <row r="148093" spans="8:8">
      <c r="H148093" s="12"/>
    </row>
    <row r="148094" spans="8:8">
      <c r="H148094" s="12"/>
    </row>
    <row r="148095" spans="8:8">
      <c r="H148095" s="12"/>
    </row>
    <row r="148096" spans="8:8">
      <c r="H148096" s="12"/>
    </row>
    <row r="148097" spans="8:8">
      <c r="H148097" s="12"/>
    </row>
    <row r="148098" spans="8:8">
      <c r="H148098" s="12"/>
    </row>
    <row r="148099" spans="8:8">
      <c r="H148099" s="12"/>
    </row>
    <row r="148100" spans="8:8">
      <c r="H148100" s="12"/>
    </row>
    <row r="148101" spans="8:8">
      <c r="H148101" s="12"/>
    </row>
    <row r="148102" spans="8:8">
      <c r="H148102" s="12"/>
    </row>
    <row r="148103" spans="8:8">
      <c r="H148103" s="12"/>
    </row>
    <row r="148104" spans="8:8">
      <c r="H148104" s="12"/>
    </row>
    <row r="148105" spans="8:8">
      <c r="H148105" s="12"/>
    </row>
    <row r="148106" spans="8:8">
      <c r="H148106" s="12"/>
    </row>
    <row r="148107" spans="8:8">
      <c r="H148107" s="12"/>
    </row>
    <row r="148108" spans="8:8">
      <c r="H148108" s="12"/>
    </row>
    <row r="148109" spans="8:8">
      <c r="H148109" s="12"/>
    </row>
    <row r="148110" spans="8:8">
      <c r="H148110" s="12"/>
    </row>
    <row r="148111" spans="8:8">
      <c r="H148111" s="12"/>
    </row>
    <row r="148112" spans="8:8">
      <c r="H148112" s="12"/>
    </row>
    <row r="148113" spans="8:8">
      <c r="H148113" s="12"/>
    </row>
    <row r="148114" spans="8:8">
      <c r="H148114" s="12"/>
    </row>
    <row r="148115" spans="8:8">
      <c r="H148115" s="12"/>
    </row>
    <row r="148116" spans="8:8">
      <c r="H148116" s="12"/>
    </row>
    <row r="148117" spans="8:8">
      <c r="H148117" s="12"/>
    </row>
    <row r="148118" spans="8:8">
      <c r="H148118" s="12"/>
    </row>
    <row r="148119" spans="8:8">
      <c r="H148119" s="12"/>
    </row>
    <row r="148120" spans="8:8">
      <c r="H148120" s="12"/>
    </row>
    <row r="148121" spans="8:8">
      <c r="H148121" s="12"/>
    </row>
    <row r="148122" spans="8:8">
      <c r="H148122" s="12"/>
    </row>
    <row r="148123" spans="8:8">
      <c r="H148123" s="12"/>
    </row>
    <row r="148124" spans="8:8">
      <c r="H148124" s="12"/>
    </row>
    <row r="148125" spans="8:8">
      <c r="H148125" s="12"/>
    </row>
    <row r="148126" spans="8:8">
      <c r="H148126" s="12"/>
    </row>
    <row r="148127" spans="8:8">
      <c r="H148127" s="12"/>
    </row>
    <row r="148128" spans="8:8">
      <c r="H148128" s="12"/>
    </row>
    <row r="148129" spans="8:8">
      <c r="H148129" s="12"/>
    </row>
    <row r="148130" spans="8:8">
      <c r="H148130" s="12"/>
    </row>
    <row r="148131" spans="8:8">
      <c r="H148131" s="12"/>
    </row>
    <row r="148132" spans="8:8">
      <c r="H148132" s="12"/>
    </row>
    <row r="148133" spans="8:8">
      <c r="H148133" s="12"/>
    </row>
    <row r="148134" spans="8:8">
      <c r="H148134" s="12"/>
    </row>
    <row r="148135" spans="8:8">
      <c r="H148135" s="12"/>
    </row>
    <row r="148136" spans="8:8">
      <c r="H148136" s="12"/>
    </row>
    <row r="148137" spans="8:8">
      <c r="H148137" s="12"/>
    </row>
    <row r="148138" spans="8:8">
      <c r="H148138" s="12"/>
    </row>
    <row r="148139" spans="8:8">
      <c r="H148139" s="12"/>
    </row>
    <row r="148140" spans="8:8">
      <c r="H148140" s="12"/>
    </row>
    <row r="148141" spans="8:8">
      <c r="H148141" s="12"/>
    </row>
    <row r="148142" spans="8:8">
      <c r="H148142" s="12"/>
    </row>
    <row r="148143" spans="8:8">
      <c r="H148143" s="12"/>
    </row>
    <row r="148144" spans="8:8">
      <c r="H148144" s="12"/>
    </row>
    <row r="148145" spans="8:8">
      <c r="H148145" s="12"/>
    </row>
    <row r="148146" spans="8:8">
      <c r="H148146" s="12"/>
    </row>
    <row r="148147" spans="8:8">
      <c r="H148147" s="12"/>
    </row>
    <row r="148148" spans="8:8">
      <c r="H148148" s="12"/>
    </row>
    <row r="148149" spans="8:8">
      <c r="H148149" s="12"/>
    </row>
    <row r="148150" spans="8:8">
      <c r="H148150" s="12"/>
    </row>
    <row r="148151" spans="8:8">
      <c r="H148151" s="12"/>
    </row>
    <row r="148152" spans="8:8">
      <c r="H148152" s="12"/>
    </row>
    <row r="148153" spans="8:8">
      <c r="H148153" s="12"/>
    </row>
    <row r="148154" spans="8:8">
      <c r="H148154" s="12"/>
    </row>
    <row r="148155" spans="8:8">
      <c r="H148155" s="12"/>
    </row>
    <row r="148156" spans="8:8">
      <c r="H148156" s="12"/>
    </row>
    <row r="148157" spans="8:8">
      <c r="H148157" s="12"/>
    </row>
    <row r="148158" spans="8:8">
      <c r="H148158" s="12"/>
    </row>
    <row r="148159" spans="8:8">
      <c r="H148159" s="12"/>
    </row>
    <row r="148160" spans="8:8">
      <c r="H148160" s="12"/>
    </row>
    <row r="148161" spans="8:8">
      <c r="H148161" s="12"/>
    </row>
    <row r="148162" spans="8:8">
      <c r="H148162" s="12"/>
    </row>
    <row r="148163" spans="8:8">
      <c r="H148163" s="12"/>
    </row>
    <row r="148164" spans="8:8">
      <c r="H148164" s="12"/>
    </row>
    <row r="148165" spans="8:8">
      <c r="H148165" s="12"/>
    </row>
    <row r="148166" spans="8:8">
      <c r="H148166" s="12"/>
    </row>
    <row r="148167" spans="8:8">
      <c r="H148167" s="12"/>
    </row>
    <row r="148168" spans="8:8">
      <c r="H148168" s="12"/>
    </row>
    <row r="148169" spans="8:8">
      <c r="H148169" s="12"/>
    </row>
    <row r="148170" spans="8:8">
      <c r="H148170" s="12"/>
    </row>
    <row r="148171" spans="8:8">
      <c r="H148171" s="12"/>
    </row>
    <row r="148172" spans="8:8">
      <c r="H148172" s="12"/>
    </row>
    <row r="148173" spans="8:8">
      <c r="H148173" s="12"/>
    </row>
    <row r="148174" spans="8:8">
      <c r="H148174" s="12"/>
    </row>
    <row r="148175" spans="8:8">
      <c r="H148175" s="12"/>
    </row>
    <row r="148176" spans="8:8">
      <c r="H148176" s="12"/>
    </row>
    <row r="148177" spans="8:8">
      <c r="H148177" s="12"/>
    </row>
    <row r="148178" spans="8:8">
      <c r="H148178" s="12"/>
    </row>
    <row r="148179" spans="8:8">
      <c r="H148179" s="12"/>
    </row>
    <row r="148180" spans="8:8">
      <c r="H148180" s="12"/>
    </row>
    <row r="148181" spans="8:8">
      <c r="H148181" s="12"/>
    </row>
    <row r="148182" spans="8:8">
      <c r="H148182" s="12"/>
    </row>
    <row r="148183" spans="8:8">
      <c r="H148183" s="12"/>
    </row>
    <row r="148184" spans="8:8">
      <c r="H148184" s="12"/>
    </row>
    <row r="148185" spans="8:8">
      <c r="H148185" s="12"/>
    </row>
    <row r="148186" spans="8:8">
      <c r="H148186" s="12"/>
    </row>
    <row r="148187" spans="8:8">
      <c r="H148187" s="12"/>
    </row>
    <row r="148188" spans="8:8">
      <c r="H148188" s="12"/>
    </row>
    <row r="148189" spans="8:8">
      <c r="H148189" s="12"/>
    </row>
    <row r="148190" spans="8:8">
      <c r="H148190" s="12"/>
    </row>
    <row r="148191" spans="8:8">
      <c r="H148191" s="12"/>
    </row>
    <row r="148192" spans="8:8">
      <c r="H148192" s="12"/>
    </row>
    <row r="148193" spans="8:8">
      <c r="H148193" s="12"/>
    </row>
    <row r="148194" spans="8:8">
      <c r="H148194" s="12"/>
    </row>
    <row r="148195" spans="8:8">
      <c r="H148195" s="12"/>
    </row>
    <row r="148196" spans="8:8">
      <c r="H148196" s="12"/>
    </row>
    <row r="148197" spans="8:8">
      <c r="H148197" s="12"/>
    </row>
    <row r="148198" spans="8:8">
      <c r="H148198" s="12"/>
    </row>
    <row r="148199" spans="8:8">
      <c r="H148199" s="12"/>
    </row>
    <row r="148200" spans="8:8">
      <c r="H148200" s="12"/>
    </row>
    <row r="148201" spans="8:8">
      <c r="H148201" s="12"/>
    </row>
    <row r="148202" spans="8:8">
      <c r="H148202" s="12"/>
    </row>
    <row r="148203" spans="8:8">
      <c r="H148203" s="12"/>
    </row>
    <row r="148204" spans="8:8">
      <c r="H148204" s="12"/>
    </row>
    <row r="148205" spans="8:8">
      <c r="H148205" s="12"/>
    </row>
    <row r="148206" spans="8:8">
      <c r="H148206" s="12"/>
    </row>
    <row r="148207" spans="8:8">
      <c r="H148207" s="12"/>
    </row>
    <row r="148208" spans="8:8">
      <c r="H148208" s="12"/>
    </row>
    <row r="148209" spans="8:8">
      <c r="H148209" s="12"/>
    </row>
    <row r="148210" spans="8:8">
      <c r="H148210" s="12"/>
    </row>
    <row r="148211" spans="8:8">
      <c r="H148211" s="12"/>
    </row>
    <row r="148212" spans="8:8">
      <c r="H148212" s="12"/>
    </row>
    <row r="148213" spans="8:8">
      <c r="H148213" s="12"/>
    </row>
    <row r="148214" spans="8:8">
      <c r="H148214" s="12"/>
    </row>
    <row r="148215" spans="8:8">
      <c r="H148215" s="12"/>
    </row>
    <row r="148216" spans="8:8">
      <c r="H148216" s="12"/>
    </row>
    <row r="148217" spans="8:8">
      <c r="H148217" s="12"/>
    </row>
    <row r="148218" spans="8:8">
      <c r="H148218" s="12"/>
    </row>
    <row r="148219" spans="8:8">
      <c r="H148219" s="12"/>
    </row>
    <row r="148220" spans="8:8">
      <c r="H148220" s="12"/>
    </row>
    <row r="148221" spans="8:8">
      <c r="H148221" s="12"/>
    </row>
    <row r="148222" spans="8:8">
      <c r="H148222" s="12"/>
    </row>
    <row r="148223" spans="8:8">
      <c r="H148223" s="12"/>
    </row>
    <row r="148224" spans="8:8">
      <c r="H148224" s="12"/>
    </row>
    <row r="148225" spans="8:8">
      <c r="H148225" s="12"/>
    </row>
    <row r="148226" spans="8:8">
      <c r="H148226" s="12"/>
    </row>
    <row r="148227" spans="8:8">
      <c r="H148227" s="12"/>
    </row>
    <row r="148228" spans="8:8">
      <c r="H148228" s="12"/>
    </row>
    <row r="148229" spans="8:8">
      <c r="H148229" s="12"/>
    </row>
    <row r="148230" spans="8:8">
      <c r="H148230" s="12"/>
    </row>
    <row r="148231" spans="8:8">
      <c r="H148231" s="12"/>
    </row>
    <row r="148232" spans="8:8">
      <c r="H148232" s="12"/>
    </row>
    <row r="148233" spans="8:8">
      <c r="H148233" s="12"/>
    </row>
    <row r="148234" spans="8:8">
      <c r="H148234" s="12"/>
    </row>
    <row r="148235" spans="8:8">
      <c r="H148235" s="12"/>
    </row>
    <row r="148236" spans="8:8">
      <c r="H148236" s="12"/>
    </row>
    <row r="148237" spans="8:8">
      <c r="H148237" s="12"/>
    </row>
    <row r="148238" spans="8:8">
      <c r="H148238" s="12"/>
    </row>
    <row r="148239" spans="8:8">
      <c r="H148239" s="12"/>
    </row>
    <row r="148240" spans="8:8">
      <c r="H148240" s="12"/>
    </row>
    <row r="148241" spans="8:8">
      <c r="H148241" s="12"/>
    </row>
    <row r="148242" spans="8:8">
      <c r="H148242" s="12"/>
    </row>
    <row r="148243" spans="8:8">
      <c r="H148243" s="12"/>
    </row>
    <row r="148244" spans="8:8">
      <c r="H148244" s="12"/>
    </row>
    <row r="148245" spans="8:8">
      <c r="H148245" s="12"/>
    </row>
    <row r="148246" spans="8:8">
      <c r="H148246" s="12"/>
    </row>
    <row r="148247" spans="8:8">
      <c r="H148247" s="12"/>
    </row>
    <row r="148248" spans="8:8">
      <c r="H148248" s="12"/>
    </row>
    <row r="148249" spans="8:8">
      <c r="H148249" s="12"/>
    </row>
    <row r="148250" spans="8:8">
      <c r="H148250" s="12"/>
    </row>
    <row r="148251" spans="8:8">
      <c r="H148251" s="12"/>
    </row>
    <row r="148252" spans="8:8">
      <c r="H148252" s="12"/>
    </row>
    <row r="148253" spans="8:8">
      <c r="H148253" s="12"/>
    </row>
    <row r="148254" spans="8:8">
      <c r="H148254" s="12"/>
    </row>
    <row r="148255" spans="8:8">
      <c r="H148255" s="12"/>
    </row>
    <row r="148256" spans="8:8">
      <c r="H148256" s="12"/>
    </row>
    <row r="148257" spans="8:8">
      <c r="H148257" s="12"/>
    </row>
    <row r="148258" spans="8:8">
      <c r="H148258" s="12"/>
    </row>
    <row r="148259" spans="8:8">
      <c r="H148259" s="12"/>
    </row>
    <row r="148260" spans="8:8">
      <c r="H148260" s="12"/>
    </row>
    <row r="148261" spans="8:8">
      <c r="H148261" s="12"/>
    </row>
    <row r="148262" spans="8:8">
      <c r="H148262" s="12"/>
    </row>
    <row r="148263" spans="8:8">
      <c r="H148263" s="12"/>
    </row>
    <row r="148264" spans="8:8">
      <c r="H148264" s="12"/>
    </row>
    <row r="148265" spans="8:8">
      <c r="H148265" s="12"/>
    </row>
    <row r="148266" spans="8:8">
      <c r="H148266" s="12"/>
    </row>
    <row r="148267" spans="8:8">
      <c r="H148267" s="12"/>
    </row>
    <row r="148268" spans="8:8">
      <c r="H148268" s="12"/>
    </row>
    <row r="148269" spans="8:8">
      <c r="H148269" s="12"/>
    </row>
    <row r="148270" spans="8:8">
      <c r="H148270" s="12"/>
    </row>
    <row r="148271" spans="8:8">
      <c r="H148271" s="12"/>
    </row>
    <row r="148272" spans="8:8">
      <c r="H148272" s="12"/>
    </row>
    <row r="148273" spans="8:8">
      <c r="H148273" s="12"/>
    </row>
    <row r="148274" spans="8:8">
      <c r="H148274" s="12"/>
    </row>
    <row r="148275" spans="8:8">
      <c r="H148275" s="12"/>
    </row>
    <row r="148276" spans="8:8">
      <c r="H148276" s="12"/>
    </row>
    <row r="148277" spans="8:8">
      <c r="H148277" s="12"/>
    </row>
    <row r="148278" spans="8:8">
      <c r="H148278" s="12"/>
    </row>
    <row r="148279" spans="8:8">
      <c r="H148279" s="12"/>
    </row>
    <row r="148280" spans="8:8">
      <c r="H148280" s="12"/>
    </row>
    <row r="148281" spans="8:8">
      <c r="H148281" s="12"/>
    </row>
    <row r="148282" spans="8:8">
      <c r="H148282" s="12"/>
    </row>
    <row r="148283" spans="8:8">
      <c r="H148283" s="12"/>
    </row>
    <row r="148284" spans="8:8">
      <c r="H148284" s="12"/>
    </row>
    <row r="148285" spans="8:8">
      <c r="H148285" s="12"/>
    </row>
    <row r="148286" spans="8:8">
      <c r="H148286" s="12"/>
    </row>
    <row r="148287" spans="8:8">
      <c r="H148287" s="12"/>
    </row>
    <row r="148288" spans="8:8">
      <c r="H148288" s="12"/>
    </row>
    <row r="148289" spans="8:8">
      <c r="H148289" s="12"/>
    </row>
    <row r="148290" spans="8:8">
      <c r="H148290" s="12"/>
    </row>
    <row r="148291" spans="8:8">
      <c r="H148291" s="12"/>
    </row>
    <row r="148292" spans="8:8">
      <c r="H148292" s="12"/>
    </row>
    <row r="148293" spans="8:8">
      <c r="H148293" s="12"/>
    </row>
    <row r="148294" spans="8:8">
      <c r="H148294" s="12"/>
    </row>
    <row r="148295" spans="8:8">
      <c r="H148295" s="12"/>
    </row>
    <row r="148296" spans="8:8">
      <c r="H148296" s="12"/>
    </row>
    <row r="148297" spans="8:8">
      <c r="H148297" s="12"/>
    </row>
    <row r="148298" spans="8:8">
      <c r="H148298" s="12"/>
    </row>
    <row r="148299" spans="8:8">
      <c r="H148299" s="12"/>
    </row>
    <row r="148300" spans="8:8">
      <c r="H148300" s="12"/>
    </row>
    <row r="148301" spans="8:8">
      <c r="H148301" s="12"/>
    </row>
    <row r="148302" spans="8:8">
      <c r="H148302" s="12"/>
    </row>
    <row r="148303" spans="8:8">
      <c r="H148303" s="12"/>
    </row>
    <row r="148304" spans="8:8">
      <c r="H148304" s="12"/>
    </row>
    <row r="148305" spans="8:8">
      <c r="H148305" s="12"/>
    </row>
    <row r="148306" spans="8:8">
      <c r="H148306" s="12"/>
    </row>
    <row r="148307" spans="8:8">
      <c r="H148307" s="12"/>
    </row>
    <row r="148308" spans="8:8">
      <c r="H148308" s="12"/>
    </row>
    <row r="148309" spans="8:8">
      <c r="H148309" s="12"/>
    </row>
    <row r="148310" spans="8:8">
      <c r="H148310" s="12"/>
    </row>
    <row r="148311" spans="8:8">
      <c r="H148311" s="12"/>
    </row>
    <row r="148312" spans="8:8">
      <c r="H148312" s="12"/>
    </row>
    <row r="148313" spans="8:8">
      <c r="H148313" s="12"/>
    </row>
    <row r="148314" spans="8:8">
      <c r="H148314" s="12"/>
    </row>
    <row r="148315" spans="8:8">
      <c r="H148315" s="12"/>
    </row>
    <row r="148316" spans="8:8">
      <c r="H148316" s="12"/>
    </row>
    <row r="148317" spans="8:8">
      <c r="H148317" s="12"/>
    </row>
    <row r="148318" spans="8:8">
      <c r="H148318" s="12"/>
    </row>
    <row r="148319" spans="8:8">
      <c r="H148319" s="12"/>
    </row>
    <row r="148320" spans="8:8">
      <c r="H148320" s="12"/>
    </row>
    <row r="148321" spans="8:8">
      <c r="H148321" s="12"/>
    </row>
    <row r="148322" spans="8:8">
      <c r="H148322" s="12"/>
    </row>
    <row r="148323" spans="8:8">
      <c r="H148323" s="12"/>
    </row>
    <row r="148324" spans="8:8">
      <c r="H148324" s="12"/>
    </row>
    <row r="148325" spans="8:8">
      <c r="H148325" s="12"/>
    </row>
    <row r="148326" spans="8:8">
      <c r="H148326" s="12"/>
    </row>
    <row r="148327" spans="8:8">
      <c r="H148327" s="12"/>
    </row>
    <row r="148328" spans="8:8">
      <c r="H148328" s="12"/>
    </row>
    <row r="148329" spans="8:8">
      <c r="H148329" s="12"/>
    </row>
    <row r="148330" spans="8:8">
      <c r="H148330" s="12"/>
    </row>
    <row r="148331" spans="8:8">
      <c r="H148331" s="12"/>
    </row>
    <row r="148332" spans="8:8">
      <c r="H148332" s="12"/>
    </row>
    <row r="148333" spans="8:8">
      <c r="H148333" s="12"/>
    </row>
    <row r="148334" spans="8:8">
      <c r="H148334" s="12"/>
    </row>
    <row r="148335" spans="8:8">
      <c r="H148335" s="12"/>
    </row>
    <row r="148336" spans="8:8">
      <c r="H148336" s="12"/>
    </row>
    <row r="148337" spans="8:8">
      <c r="H148337" s="12"/>
    </row>
    <row r="148338" spans="8:8">
      <c r="H148338" s="12"/>
    </row>
    <row r="148339" spans="8:8">
      <c r="H148339" s="12"/>
    </row>
    <row r="148340" spans="8:8">
      <c r="H148340" s="12"/>
    </row>
    <row r="148341" spans="8:8">
      <c r="H148341" s="12"/>
    </row>
    <row r="148342" spans="8:8">
      <c r="H148342" s="12"/>
    </row>
    <row r="148343" spans="8:8">
      <c r="H148343" s="12"/>
    </row>
    <row r="148344" spans="8:8">
      <c r="H148344" s="12"/>
    </row>
    <row r="148345" spans="8:8">
      <c r="H148345" s="12"/>
    </row>
    <row r="148346" spans="8:8">
      <c r="H148346" s="12"/>
    </row>
    <row r="148347" spans="8:8">
      <c r="H148347" s="12"/>
    </row>
    <row r="148348" spans="8:8">
      <c r="H148348" s="12"/>
    </row>
    <row r="148349" spans="8:8">
      <c r="H148349" s="12"/>
    </row>
    <row r="148350" spans="8:8">
      <c r="H148350" s="12"/>
    </row>
    <row r="148351" spans="8:8">
      <c r="H148351" s="12"/>
    </row>
    <row r="148352" spans="8:8">
      <c r="H148352" s="12"/>
    </row>
    <row r="148353" spans="8:8">
      <c r="H148353" s="12"/>
    </row>
    <row r="148354" spans="8:8">
      <c r="H148354" s="12"/>
    </row>
    <row r="148355" spans="8:8">
      <c r="H148355" s="12"/>
    </row>
    <row r="148356" spans="8:8">
      <c r="H148356" s="12"/>
    </row>
    <row r="148357" spans="8:8">
      <c r="H148357" s="12"/>
    </row>
    <row r="148358" spans="8:8">
      <c r="H148358" s="12"/>
    </row>
    <row r="148359" spans="8:8">
      <c r="H148359" s="12"/>
    </row>
    <row r="148360" spans="8:8">
      <c r="H148360" s="12"/>
    </row>
    <row r="148361" spans="8:8">
      <c r="H148361" s="12"/>
    </row>
    <row r="148362" spans="8:8">
      <c r="H148362" s="12"/>
    </row>
    <row r="148363" spans="8:8">
      <c r="H148363" s="12"/>
    </row>
    <row r="148364" spans="8:8">
      <c r="H148364" s="12"/>
    </row>
    <row r="148365" spans="8:8">
      <c r="H148365" s="12"/>
    </row>
    <row r="148366" spans="8:8">
      <c r="H148366" s="12"/>
    </row>
    <row r="148367" spans="8:8">
      <c r="H148367" s="12"/>
    </row>
    <row r="148368" spans="8:8">
      <c r="H148368" s="12"/>
    </row>
    <row r="148369" spans="8:8">
      <c r="H148369" s="12"/>
    </row>
    <row r="148370" spans="8:8">
      <c r="H148370" s="12"/>
    </row>
    <row r="148371" spans="8:8">
      <c r="H148371" s="12"/>
    </row>
    <row r="148372" spans="8:8">
      <c r="H148372" s="12"/>
    </row>
    <row r="148373" spans="8:8">
      <c r="H148373" s="12"/>
    </row>
    <row r="148374" spans="8:8">
      <c r="H148374" s="12"/>
    </row>
    <row r="148375" spans="8:8">
      <c r="H148375" s="12"/>
    </row>
    <row r="148376" spans="8:8">
      <c r="H148376" s="12"/>
    </row>
    <row r="148377" spans="8:8">
      <c r="H148377" s="12"/>
    </row>
    <row r="148378" spans="8:8">
      <c r="H148378" s="12"/>
    </row>
    <row r="148379" spans="8:8">
      <c r="H148379" s="12"/>
    </row>
    <row r="148380" spans="8:8">
      <c r="H148380" s="12"/>
    </row>
    <row r="148381" spans="8:8">
      <c r="H148381" s="12"/>
    </row>
    <row r="148382" spans="8:8">
      <c r="H148382" s="12"/>
    </row>
    <row r="148383" spans="8:8">
      <c r="H148383" s="12"/>
    </row>
    <row r="148384" spans="8:8">
      <c r="H148384" s="12"/>
    </row>
    <row r="148385" spans="8:8">
      <c r="H148385" s="12"/>
    </row>
    <row r="148386" spans="8:8">
      <c r="H148386" s="12"/>
    </row>
    <row r="148387" spans="8:8">
      <c r="H148387" s="12"/>
    </row>
    <row r="148388" spans="8:8">
      <c r="H148388" s="12"/>
    </row>
    <row r="148389" spans="8:8">
      <c r="H148389" s="12"/>
    </row>
    <row r="148390" spans="8:8">
      <c r="H148390" s="12"/>
    </row>
    <row r="148391" spans="8:8">
      <c r="H148391" s="12"/>
    </row>
    <row r="148392" spans="8:8">
      <c r="H148392" s="12"/>
    </row>
    <row r="148393" spans="8:8">
      <c r="H148393" s="12"/>
    </row>
    <row r="148394" spans="8:8">
      <c r="H148394" s="12"/>
    </row>
    <row r="148395" spans="8:8">
      <c r="H148395" s="12"/>
    </row>
    <row r="148396" spans="8:8">
      <c r="H148396" s="12"/>
    </row>
    <row r="148397" spans="8:8">
      <c r="H148397" s="12"/>
    </row>
    <row r="148398" spans="8:8">
      <c r="H148398" s="12"/>
    </row>
    <row r="148399" spans="8:8">
      <c r="H148399" s="12"/>
    </row>
    <row r="148400" spans="8:8">
      <c r="H148400" s="12"/>
    </row>
    <row r="148401" spans="8:8">
      <c r="H148401" s="12"/>
    </row>
    <row r="148402" spans="8:8">
      <c r="H148402" s="12"/>
    </row>
    <row r="148403" spans="8:8">
      <c r="H148403" s="12"/>
    </row>
    <row r="148404" spans="8:8">
      <c r="H148404" s="12"/>
    </row>
    <row r="148405" spans="8:8">
      <c r="H148405" s="12"/>
    </row>
    <row r="148406" spans="8:8">
      <c r="H148406" s="12"/>
    </row>
    <row r="148407" spans="8:8">
      <c r="H148407" s="12"/>
    </row>
    <row r="148408" spans="8:8">
      <c r="H148408" s="12"/>
    </row>
    <row r="148409" spans="8:8">
      <c r="H148409" s="12"/>
    </row>
    <row r="148410" spans="8:8">
      <c r="H148410" s="12"/>
    </row>
    <row r="148411" spans="8:8">
      <c r="H148411" s="12"/>
    </row>
    <row r="148412" spans="8:8">
      <c r="H148412" s="12"/>
    </row>
    <row r="148413" spans="8:8">
      <c r="H148413" s="12"/>
    </row>
    <row r="148414" spans="8:8">
      <c r="H148414" s="12"/>
    </row>
    <row r="148415" spans="8:8">
      <c r="H148415" s="12"/>
    </row>
    <row r="148416" spans="8:8">
      <c r="H148416" s="12"/>
    </row>
    <row r="148417" spans="8:8">
      <c r="H148417" s="12"/>
    </row>
    <row r="148418" spans="8:8">
      <c r="H148418" s="12"/>
    </row>
    <row r="148419" spans="8:8">
      <c r="H148419" s="12"/>
    </row>
    <row r="148420" spans="8:8">
      <c r="H148420" s="12"/>
    </row>
    <row r="148421" spans="8:8">
      <c r="H148421" s="12"/>
    </row>
    <row r="148422" spans="8:8">
      <c r="H148422" s="12"/>
    </row>
    <row r="148423" spans="8:8">
      <c r="H148423" s="12"/>
    </row>
    <row r="148424" spans="8:8">
      <c r="H148424" s="12"/>
    </row>
    <row r="148425" spans="8:8">
      <c r="H148425" s="12"/>
    </row>
    <row r="148426" spans="8:8">
      <c r="H148426" s="12"/>
    </row>
    <row r="148427" spans="8:8">
      <c r="H148427" s="12"/>
    </row>
    <row r="148428" spans="8:8">
      <c r="H148428" s="12"/>
    </row>
    <row r="148429" spans="8:8">
      <c r="H148429" s="12"/>
    </row>
    <row r="148430" spans="8:8">
      <c r="H148430" s="12"/>
    </row>
    <row r="148431" spans="8:8">
      <c r="H148431" s="12"/>
    </row>
    <row r="148432" spans="8:8">
      <c r="H148432" s="12"/>
    </row>
    <row r="148433" spans="8:8">
      <c r="H148433" s="12"/>
    </row>
    <row r="148434" spans="8:8">
      <c r="H148434" s="12"/>
    </row>
    <row r="148435" spans="8:8">
      <c r="H148435" s="12"/>
    </row>
    <row r="148436" spans="8:8">
      <c r="H148436" s="12"/>
    </row>
    <row r="148437" spans="8:8">
      <c r="H148437" s="12"/>
    </row>
    <row r="148438" spans="8:8">
      <c r="H148438" s="12"/>
    </row>
    <row r="148439" spans="8:8">
      <c r="H148439" s="12"/>
    </row>
    <row r="148440" spans="8:8">
      <c r="H148440" s="12"/>
    </row>
    <row r="148441" spans="8:8">
      <c r="H148441" s="12"/>
    </row>
    <row r="148442" spans="8:8">
      <c r="H148442" s="12"/>
    </row>
    <row r="148443" spans="8:8">
      <c r="H148443" s="12"/>
    </row>
    <row r="148444" spans="8:8">
      <c r="H148444" s="12"/>
    </row>
    <row r="148445" spans="8:8">
      <c r="H148445" s="12"/>
    </row>
    <row r="148446" spans="8:8">
      <c r="H148446" s="12"/>
    </row>
    <row r="148447" spans="8:8">
      <c r="H148447" s="12"/>
    </row>
    <row r="148448" spans="8:8">
      <c r="H148448" s="12"/>
    </row>
    <row r="148449" spans="8:8">
      <c r="H148449" s="12"/>
    </row>
    <row r="148450" spans="8:8">
      <c r="H148450" s="12"/>
    </row>
    <row r="148451" spans="8:8">
      <c r="H148451" s="12"/>
    </row>
    <row r="148452" spans="8:8">
      <c r="H148452" s="12"/>
    </row>
    <row r="148453" spans="8:8">
      <c r="H148453" s="12"/>
    </row>
    <row r="148454" spans="8:8">
      <c r="H148454" s="12"/>
    </row>
    <row r="148455" spans="8:8">
      <c r="H148455" s="12"/>
    </row>
    <row r="148456" spans="8:8">
      <c r="H148456" s="12"/>
    </row>
    <row r="148457" spans="8:8">
      <c r="H148457" s="12"/>
    </row>
    <row r="148458" spans="8:8">
      <c r="H148458" s="12"/>
    </row>
    <row r="148459" spans="8:8">
      <c r="H148459" s="12"/>
    </row>
    <row r="148460" spans="8:8">
      <c r="H148460" s="12"/>
    </row>
    <row r="148461" spans="8:8">
      <c r="H148461" s="12"/>
    </row>
    <row r="148462" spans="8:8">
      <c r="H148462" s="12"/>
    </row>
    <row r="148463" spans="8:8">
      <c r="H148463" s="12"/>
    </row>
    <row r="148464" spans="8:8">
      <c r="H148464" s="12"/>
    </row>
    <row r="148465" spans="8:8">
      <c r="H148465" s="12"/>
    </row>
    <row r="148466" spans="8:8">
      <c r="H148466" s="12"/>
    </row>
    <row r="148467" spans="8:8">
      <c r="H148467" s="12"/>
    </row>
    <row r="148468" spans="8:8">
      <c r="H148468" s="12"/>
    </row>
    <row r="148469" spans="8:8">
      <c r="H148469" s="12"/>
    </row>
    <row r="148470" spans="8:8">
      <c r="H148470" s="12"/>
    </row>
    <row r="148471" spans="8:8">
      <c r="H148471" s="12"/>
    </row>
    <row r="148472" spans="8:8">
      <c r="H148472" s="12"/>
    </row>
    <row r="148473" spans="8:8">
      <c r="H148473" s="12"/>
    </row>
    <row r="148474" spans="8:8">
      <c r="H148474" s="12"/>
    </row>
    <row r="148475" spans="8:8">
      <c r="H148475" s="12"/>
    </row>
    <row r="148476" spans="8:8">
      <c r="H148476" s="12"/>
    </row>
    <row r="148477" spans="8:8">
      <c r="H148477" s="12"/>
    </row>
    <row r="148478" spans="8:8">
      <c r="H148478" s="12"/>
    </row>
    <row r="148479" spans="8:8">
      <c r="H148479" s="12"/>
    </row>
    <row r="148480" spans="8:8">
      <c r="H148480" s="12"/>
    </row>
    <row r="148481" spans="8:8">
      <c r="H148481" s="12"/>
    </row>
    <row r="148482" spans="8:8">
      <c r="H148482" s="12"/>
    </row>
    <row r="148483" spans="8:8">
      <c r="H148483" s="12"/>
    </row>
    <row r="148484" spans="8:8">
      <c r="H148484" s="12"/>
    </row>
    <row r="148485" spans="8:8">
      <c r="H148485" s="12"/>
    </row>
    <row r="148486" spans="8:8">
      <c r="H148486" s="12"/>
    </row>
    <row r="148487" spans="8:8">
      <c r="H148487" s="12"/>
    </row>
    <row r="148488" spans="8:8">
      <c r="H148488" s="12"/>
    </row>
    <row r="148489" spans="8:8">
      <c r="H148489" s="12"/>
    </row>
    <row r="148490" spans="8:8">
      <c r="H148490" s="12"/>
    </row>
    <row r="148491" spans="8:8">
      <c r="H148491" s="12"/>
    </row>
    <row r="148492" spans="8:8">
      <c r="H148492" s="12"/>
    </row>
    <row r="148493" spans="8:8">
      <c r="H148493" s="12"/>
    </row>
    <row r="148494" spans="8:8">
      <c r="H148494" s="12"/>
    </row>
    <row r="148495" spans="8:8">
      <c r="H148495" s="12"/>
    </row>
    <row r="148496" spans="8:8">
      <c r="H148496" s="12"/>
    </row>
    <row r="148497" spans="8:8">
      <c r="H148497" s="12"/>
    </row>
    <row r="148498" spans="8:8">
      <c r="H148498" s="12"/>
    </row>
    <row r="148499" spans="8:8">
      <c r="H148499" s="12"/>
    </row>
    <row r="148500" spans="8:8">
      <c r="H148500" s="12"/>
    </row>
    <row r="148501" spans="8:8">
      <c r="H148501" s="12"/>
    </row>
    <row r="148502" spans="8:8">
      <c r="H148502" s="12"/>
    </row>
    <row r="148503" spans="8:8">
      <c r="H148503" s="12"/>
    </row>
    <row r="148504" spans="8:8">
      <c r="H148504" s="12"/>
    </row>
    <row r="148505" spans="8:8">
      <c r="H148505" s="12"/>
    </row>
    <row r="148506" spans="8:8">
      <c r="H148506" s="12"/>
    </row>
    <row r="148507" spans="8:8">
      <c r="H148507" s="12"/>
    </row>
    <row r="148508" spans="8:8">
      <c r="H148508" s="12"/>
    </row>
    <row r="148509" spans="8:8">
      <c r="H148509" s="12"/>
    </row>
    <row r="148510" spans="8:8">
      <c r="H148510" s="12"/>
    </row>
    <row r="148511" spans="8:8">
      <c r="H148511" s="12"/>
    </row>
    <row r="148512" spans="8:8">
      <c r="H148512" s="12"/>
    </row>
    <row r="148513" spans="8:8">
      <c r="H148513" s="12"/>
    </row>
    <row r="148514" spans="8:8">
      <c r="H148514" s="12"/>
    </row>
    <row r="148515" spans="8:8">
      <c r="H148515" s="12"/>
    </row>
    <row r="148516" spans="8:8">
      <c r="H148516" s="12"/>
    </row>
    <row r="148517" spans="8:8">
      <c r="H148517" s="12"/>
    </row>
    <row r="148518" spans="8:8">
      <c r="H148518" s="12"/>
    </row>
    <row r="148519" spans="8:8">
      <c r="H148519" s="12"/>
    </row>
    <row r="148520" spans="8:8">
      <c r="H148520" s="12"/>
    </row>
    <row r="148521" spans="8:8">
      <c r="H148521" s="12"/>
    </row>
    <row r="148522" spans="8:8">
      <c r="H148522" s="12"/>
    </row>
    <row r="148523" spans="8:8">
      <c r="H148523" s="12"/>
    </row>
    <row r="148524" spans="8:8">
      <c r="H148524" s="12"/>
    </row>
    <row r="148525" spans="8:8">
      <c r="H148525" s="12"/>
    </row>
    <row r="148526" spans="8:8">
      <c r="H148526" s="12"/>
    </row>
    <row r="148527" spans="8:8">
      <c r="H148527" s="12"/>
    </row>
    <row r="148528" spans="8:8">
      <c r="H148528" s="12"/>
    </row>
    <row r="148529" spans="8:8">
      <c r="H148529" s="12"/>
    </row>
    <row r="148530" spans="8:8">
      <c r="H148530" s="12"/>
    </row>
    <row r="148531" spans="8:8">
      <c r="H148531" s="12"/>
    </row>
    <row r="148532" spans="8:8">
      <c r="H148532" s="12"/>
    </row>
    <row r="148533" spans="8:8">
      <c r="H148533" s="12"/>
    </row>
    <row r="148534" spans="8:8">
      <c r="H148534" s="12"/>
    </row>
    <row r="148535" spans="8:8">
      <c r="H148535" s="12"/>
    </row>
    <row r="148536" spans="8:8">
      <c r="H148536" s="12"/>
    </row>
    <row r="148537" spans="8:8">
      <c r="H148537" s="12"/>
    </row>
    <row r="148538" spans="8:8">
      <c r="H148538" s="12"/>
    </row>
    <row r="148539" spans="8:8">
      <c r="H148539" s="12"/>
    </row>
    <row r="148540" spans="8:8">
      <c r="H148540" s="12"/>
    </row>
    <row r="148541" spans="8:8">
      <c r="H148541" s="12"/>
    </row>
    <row r="148542" spans="8:8">
      <c r="H148542" s="12"/>
    </row>
    <row r="148543" spans="8:8">
      <c r="H148543" s="12"/>
    </row>
    <row r="148544" spans="8:8">
      <c r="H148544" s="12"/>
    </row>
    <row r="148545" spans="8:8">
      <c r="H148545" s="12"/>
    </row>
    <row r="148546" spans="8:8">
      <c r="H148546" s="12"/>
    </row>
    <row r="148547" spans="8:8">
      <c r="H148547" s="12"/>
    </row>
    <row r="148548" spans="8:8">
      <c r="H148548" s="12"/>
    </row>
    <row r="148549" spans="8:8">
      <c r="H148549" s="12"/>
    </row>
    <row r="148550" spans="8:8">
      <c r="H148550" s="12"/>
    </row>
    <row r="148551" spans="8:8">
      <c r="H148551" s="12"/>
    </row>
    <row r="148552" spans="8:8">
      <c r="H148552" s="12"/>
    </row>
    <row r="148553" spans="8:8">
      <c r="H148553" s="12"/>
    </row>
    <row r="148554" spans="8:8">
      <c r="H148554" s="12"/>
    </row>
    <row r="148555" spans="8:8">
      <c r="H148555" s="12"/>
    </row>
    <row r="148556" spans="8:8">
      <c r="H148556" s="12"/>
    </row>
    <row r="148557" spans="8:8">
      <c r="H148557" s="12"/>
    </row>
    <row r="148558" spans="8:8">
      <c r="H148558" s="12"/>
    </row>
    <row r="148559" spans="8:8">
      <c r="H148559" s="12"/>
    </row>
    <row r="148560" spans="8:8">
      <c r="H148560" s="12"/>
    </row>
    <row r="148561" spans="8:8">
      <c r="H148561" s="12"/>
    </row>
    <row r="148562" spans="8:8">
      <c r="H148562" s="12"/>
    </row>
    <row r="148563" spans="8:8">
      <c r="H148563" s="12"/>
    </row>
    <row r="148564" spans="8:8">
      <c r="H148564" s="12"/>
    </row>
    <row r="148565" spans="8:8">
      <c r="H148565" s="12"/>
    </row>
    <row r="148566" spans="8:8">
      <c r="H148566" s="12"/>
    </row>
    <row r="148567" spans="8:8">
      <c r="H148567" s="12"/>
    </row>
    <row r="148568" spans="8:8">
      <c r="H148568" s="12"/>
    </row>
    <row r="148569" spans="8:8">
      <c r="H148569" s="12"/>
    </row>
    <row r="148570" spans="8:8">
      <c r="H148570" s="12"/>
    </row>
    <row r="148571" spans="8:8">
      <c r="H148571" s="12"/>
    </row>
    <row r="148572" spans="8:8">
      <c r="H148572" s="12"/>
    </row>
    <row r="148573" spans="8:8">
      <c r="H148573" s="12"/>
    </row>
    <row r="148574" spans="8:8">
      <c r="H148574" s="12"/>
    </row>
    <row r="148575" spans="8:8">
      <c r="H148575" s="12"/>
    </row>
    <row r="148576" spans="8:8">
      <c r="H148576" s="12"/>
    </row>
    <row r="148577" spans="8:8">
      <c r="H148577" s="12"/>
    </row>
    <row r="148578" spans="8:8">
      <c r="H148578" s="12"/>
    </row>
    <row r="148579" spans="8:8">
      <c r="H148579" s="12"/>
    </row>
    <row r="148580" spans="8:8">
      <c r="H148580" s="12"/>
    </row>
    <row r="148581" spans="8:8">
      <c r="H148581" s="12"/>
    </row>
    <row r="148582" spans="8:8">
      <c r="H148582" s="12"/>
    </row>
    <row r="148583" spans="8:8">
      <c r="H148583" s="12"/>
    </row>
    <row r="148584" spans="8:8">
      <c r="H148584" s="12"/>
    </row>
    <row r="148585" spans="8:8">
      <c r="H148585" s="12"/>
    </row>
    <row r="148586" spans="8:8">
      <c r="H148586" s="12"/>
    </row>
    <row r="148587" spans="8:8">
      <c r="H148587" s="12"/>
    </row>
    <row r="148588" spans="8:8">
      <c r="H148588" s="12"/>
    </row>
    <row r="148589" spans="8:8">
      <c r="H148589" s="12"/>
    </row>
    <row r="148590" spans="8:8">
      <c r="H148590" s="12"/>
    </row>
    <row r="148591" spans="8:8">
      <c r="H148591" s="12"/>
    </row>
    <row r="148592" spans="8:8">
      <c r="H148592" s="12"/>
    </row>
    <row r="148593" spans="8:8">
      <c r="H148593" s="12"/>
    </row>
    <row r="148594" spans="8:8">
      <c r="H148594" s="12"/>
    </row>
    <row r="148595" spans="8:8">
      <c r="H148595" s="12"/>
    </row>
    <row r="148596" spans="8:8">
      <c r="H148596" s="12"/>
    </row>
    <row r="148597" spans="8:8">
      <c r="H148597" s="12"/>
    </row>
    <row r="148598" spans="8:8">
      <c r="H148598" s="12"/>
    </row>
    <row r="148599" spans="8:8">
      <c r="H148599" s="12"/>
    </row>
    <row r="148600" spans="8:8">
      <c r="H148600" s="12"/>
    </row>
    <row r="148601" spans="8:8">
      <c r="H148601" s="12"/>
    </row>
    <row r="148602" spans="8:8">
      <c r="H148602" s="12"/>
    </row>
    <row r="148603" spans="8:8">
      <c r="H148603" s="12"/>
    </row>
    <row r="148604" spans="8:8">
      <c r="H148604" s="12"/>
    </row>
    <row r="148605" spans="8:8">
      <c r="H148605" s="12"/>
    </row>
    <row r="148606" spans="8:8">
      <c r="H148606" s="12"/>
    </row>
    <row r="148607" spans="8:8">
      <c r="H148607" s="12"/>
    </row>
    <row r="148608" spans="8:8">
      <c r="H148608" s="12"/>
    </row>
    <row r="148609" spans="8:8">
      <c r="H148609" s="12"/>
    </row>
    <row r="148610" spans="8:8">
      <c r="H148610" s="12"/>
    </row>
    <row r="148611" spans="8:8">
      <c r="H148611" s="12"/>
    </row>
    <row r="148612" spans="8:8">
      <c r="H148612" s="12"/>
    </row>
    <row r="148613" spans="8:8">
      <c r="H148613" s="12"/>
    </row>
    <row r="148614" spans="8:8">
      <c r="H148614" s="12"/>
    </row>
    <row r="148615" spans="8:8">
      <c r="H148615" s="12"/>
    </row>
    <row r="148616" spans="8:8">
      <c r="H148616" s="12"/>
    </row>
    <row r="148617" spans="8:8">
      <c r="H148617" s="12"/>
    </row>
    <row r="148618" spans="8:8">
      <c r="H148618" s="12"/>
    </row>
    <row r="148619" spans="8:8">
      <c r="H148619" s="12"/>
    </row>
    <row r="148620" spans="8:8">
      <c r="H148620" s="12"/>
    </row>
    <row r="148621" spans="8:8">
      <c r="H148621" s="12"/>
    </row>
    <row r="148622" spans="8:8">
      <c r="H148622" s="12"/>
    </row>
    <row r="148623" spans="8:8">
      <c r="H148623" s="12"/>
    </row>
    <row r="148624" spans="8:8">
      <c r="H148624" s="12"/>
    </row>
    <row r="148625" spans="8:8">
      <c r="H148625" s="12"/>
    </row>
    <row r="148626" spans="8:8">
      <c r="H148626" s="12"/>
    </row>
    <row r="148627" spans="8:8">
      <c r="H148627" s="12"/>
    </row>
    <row r="148628" spans="8:8">
      <c r="H148628" s="12"/>
    </row>
    <row r="148629" spans="8:8">
      <c r="H148629" s="12"/>
    </row>
    <row r="148630" spans="8:8">
      <c r="H148630" s="12"/>
    </row>
    <row r="148631" spans="8:8">
      <c r="H148631" s="12"/>
    </row>
    <row r="148632" spans="8:8">
      <c r="H148632" s="12"/>
    </row>
    <row r="148633" spans="8:8">
      <c r="H148633" s="12"/>
    </row>
    <row r="148634" spans="8:8">
      <c r="H148634" s="12"/>
    </row>
    <row r="148635" spans="8:8">
      <c r="H148635" s="12"/>
    </row>
    <row r="148636" spans="8:8">
      <c r="H148636" s="12"/>
    </row>
    <row r="148637" spans="8:8">
      <c r="H148637" s="12"/>
    </row>
    <row r="148638" spans="8:8">
      <c r="H148638" s="12"/>
    </row>
    <row r="148639" spans="8:8">
      <c r="H148639" s="12"/>
    </row>
    <row r="148640" spans="8:8">
      <c r="H148640" s="12"/>
    </row>
    <row r="148641" spans="8:8">
      <c r="H148641" s="12"/>
    </row>
    <row r="148642" spans="8:8">
      <c r="H148642" s="12"/>
    </row>
    <row r="148643" spans="8:8">
      <c r="H148643" s="12"/>
    </row>
    <row r="148644" spans="8:8">
      <c r="H148644" s="12"/>
    </row>
    <row r="148645" spans="8:8">
      <c r="H148645" s="12"/>
    </row>
    <row r="148646" spans="8:8">
      <c r="H148646" s="12"/>
    </row>
    <row r="148647" spans="8:8">
      <c r="H148647" s="12"/>
    </row>
    <row r="148648" spans="8:8">
      <c r="H148648" s="12"/>
    </row>
    <row r="148649" spans="8:8">
      <c r="H148649" s="12"/>
    </row>
    <row r="148650" spans="8:8">
      <c r="H148650" s="12"/>
    </row>
    <row r="148651" spans="8:8">
      <c r="H148651" s="12"/>
    </row>
    <row r="148652" spans="8:8">
      <c r="H148652" s="12"/>
    </row>
    <row r="148653" spans="8:8">
      <c r="H148653" s="12"/>
    </row>
    <row r="148654" spans="8:8">
      <c r="H148654" s="12"/>
    </row>
    <row r="148655" spans="8:8">
      <c r="H148655" s="12"/>
    </row>
    <row r="148656" spans="8:8">
      <c r="H148656" s="12"/>
    </row>
    <row r="148657" spans="8:8">
      <c r="H148657" s="12"/>
    </row>
    <row r="148658" spans="8:8">
      <c r="H148658" s="12"/>
    </row>
    <row r="148659" spans="8:8">
      <c r="H148659" s="12"/>
    </row>
    <row r="148660" spans="8:8">
      <c r="H148660" s="12"/>
    </row>
    <row r="148661" spans="8:8">
      <c r="H148661" s="12"/>
    </row>
    <row r="148662" spans="8:8">
      <c r="H148662" s="12"/>
    </row>
    <row r="148663" spans="8:8">
      <c r="H148663" s="12"/>
    </row>
    <row r="148664" spans="8:8">
      <c r="H148664" s="12"/>
    </row>
    <row r="148665" spans="8:8">
      <c r="H148665" s="12"/>
    </row>
    <row r="148666" spans="8:8">
      <c r="H148666" s="12"/>
    </row>
    <row r="148667" spans="8:8">
      <c r="H148667" s="12"/>
    </row>
    <row r="148668" spans="8:8">
      <c r="H148668" s="12"/>
    </row>
    <row r="148669" spans="8:8">
      <c r="H148669" s="12"/>
    </row>
    <row r="148670" spans="8:8">
      <c r="H148670" s="12"/>
    </row>
    <row r="148671" spans="8:8">
      <c r="H148671" s="12"/>
    </row>
    <row r="148672" spans="8:8">
      <c r="H148672" s="12"/>
    </row>
    <row r="148673" spans="8:8">
      <c r="H148673" s="12"/>
    </row>
    <row r="148674" spans="8:8">
      <c r="H148674" s="12"/>
    </row>
    <row r="148675" spans="8:8">
      <c r="H148675" s="12"/>
    </row>
    <row r="148676" spans="8:8">
      <c r="H148676" s="12"/>
    </row>
    <row r="148677" spans="8:8">
      <c r="H148677" s="12"/>
    </row>
    <row r="148678" spans="8:8">
      <c r="H148678" s="12"/>
    </row>
    <row r="148679" spans="8:8">
      <c r="H148679" s="12"/>
    </row>
    <row r="148680" spans="8:8">
      <c r="H148680" s="12"/>
    </row>
    <row r="148681" spans="8:8">
      <c r="H148681" s="12"/>
    </row>
    <row r="148682" spans="8:8">
      <c r="H148682" s="12"/>
    </row>
    <row r="148683" spans="8:8">
      <c r="H148683" s="12"/>
    </row>
    <row r="148684" spans="8:8">
      <c r="H148684" s="12"/>
    </row>
    <row r="148685" spans="8:8">
      <c r="H148685" s="12"/>
    </row>
    <row r="148686" spans="8:8">
      <c r="H148686" s="12"/>
    </row>
    <row r="148687" spans="8:8">
      <c r="H148687" s="12"/>
    </row>
    <row r="148688" spans="8:8">
      <c r="H148688" s="12"/>
    </row>
    <row r="148689" spans="8:8">
      <c r="H148689" s="12"/>
    </row>
    <row r="148690" spans="8:8">
      <c r="H148690" s="12"/>
    </row>
    <row r="148691" spans="8:8">
      <c r="H148691" s="12"/>
    </row>
    <row r="148692" spans="8:8">
      <c r="H148692" s="12"/>
    </row>
    <row r="148693" spans="8:8">
      <c r="H148693" s="12"/>
    </row>
    <row r="148694" spans="8:8">
      <c r="H148694" s="12"/>
    </row>
    <row r="148695" spans="8:8">
      <c r="H148695" s="12"/>
    </row>
    <row r="148696" spans="8:8">
      <c r="H148696" s="12"/>
    </row>
    <row r="148697" spans="8:8">
      <c r="H148697" s="12"/>
    </row>
    <row r="148698" spans="8:8">
      <c r="H148698" s="12"/>
    </row>
    <row r="148699" spans="8:8">
      <c r="H148699" s="12"/>
    </row>
    <row r="148700" spans="8:8">
      <c r="H148700" s="12"/>
    </row>
    <row r="148701" spans="8:8">
      <c r="H148701" s="12"/>
    </row>
    <row r="148702" spans="8:8">
      <c r="H148702" s="12"/>
    </row>
    <row r="148703" spans="8:8">
      <c r="H148703" s="12"/>
    </row>
    <row r="148704" spans="8:8">
      <c r="H148704" s="12"/>
    </row>
    <row r="148705" spans="8:8">
      <c r="H148705" s="12"/>
    </row>
    <row r="148706" spans="8:8">
      <c r="H148706" s="12"/>
    </row>
    <row r="148707" spans="8:8">
      <c r="H148707" s="12"/>
    </row>
    <row r="148708" spans="8:8">
      <c r="H148708" s="12"/>
    </row>
    <row r="148709" spans="8:8">
      <c r="H148709" s="12"/>
    </row>
    <row r="148710" spans="8:8">
      <c r="H148710" s="12"/>
    </row>
    <row r="148711" spans="8:8">
      <c r="H148711" s="12"/>
    </row>
    <row r="148712" spans="8:8">
      <c r="H148712" s="12"/>
    </row>
    <row r="148713" spans="8:8">
      <c r="H148713" s="12"/>
    </row>
    <row r="148714" spans="8:8">
      <c r="H148714" s="12"/>
    </row>
    <row r="148715" spans="8:8">
      <c r="H148715" s="12"/>
    </row>
    <row r="148716" spans="8:8">
      <c r="H148716" s="12"/>
    </row>
    <row r="148717" spans="8:8">
      <c r="H148717" s="12"/>
    </row>
    <row r="148718" spans="8:8">
      <c r="H148718" s="12"/>
    </row>
    <row r="148719" spans="8:8">
      <c r="H148719" s="12"/>
    </row>
    <row r="148720" spans="8:8">
      <c r="H148720" s="12"/>
    </row>
    <row r="148721" spans="8:8">
      <c r="H148721" s="12"/>
    </row>
    <row r="148722" spans="8:8">
      <c r="H148722" s="12"/>
    </row>
    <row r="148723" spans="8:8">
      <c r="H148723" s="12"/>
    </row>
    <row r="148724" spans="8:8">
      <c r="H148724" s="12"/>
    </row>
    <row r="148725" spans="8:8">
      <c r="H148725" s="12"/>
    </row>
    <row r="148726" spans="8:8">
      <c r="H148726" s="12"/>
    </row>
    <row r="148727" spans="8:8">
      <c r="H148727" s="12"/>
    </row>
    <row r="148728" spans="8:8">
      <c r="H148728" s="12"/>
    </row>
    <row r="148729" spans="8:8">
      <c r="H148729" s="12"/>
    </row>
    <row r="148730" spans="8:8">
      <c r="H148730" s="12"/>
    </row>
    <row r="148731" spans="8:8">
      <c r="H148731" s="12"/>
    </row>
    <row r="148732" spans="8:8">
      <c r="H148732" s="12"/>
    </row>
    <row r="148733" spans="8:8">
      <c r="H148733" s="12"/>
    </row>
    <row r="148734" spans="8:8">
      <c r="H148734" s="12"/>
    </row>
    <row r="148735" spans="8:8">
      <c r="H148735" s="12"/>
    </row>
    <row r="148736" spans="8:8">
      <c r="H148736" s="12"/>
    </row>
    <row r="148737" spans="8:8">
      <c r="H148737" s="12"/>
    </row>
    <row r="148738" spans="8:8">
      <c r="H148738" s="12"/>
    </row>
    <row r="148739" spans="8:8">
      <c r="H148739" s="12"/>
    </row>
    <row r="148740" spans="8:8">
      <c r="H148740" s="12"/>
    </row>
    <row r="148741" spans="8:8">
      <c r="H148741" s="12"/>
    </row>
    <row r="148742" spans="8:8">
      <c r="H148742" s="12"/>
    </row>
    <row r="148743" spans="8:8">
      <c r="H148743" s="12"/>
    </row>
    <row r="148744" spans="8:8">
      <c r="H148744" s="12"/>
    </row>
    <row r="148745" spans="8:8">
      <c r="H148745" s="12"/>
    </row>
    <row r="148746" spans="8:8">
      <c r="H148746" s="12"/>
    </row>
    <row r="148747" spans="8:8">
      <c r="H148747" s="12"/>
    </row>
    <row r="148748" spans="8:8">
      <c r="H148748" s="12"/>
    </row>
    <row r="148749" spans="8:8">
      <c r="H148749" s="12"/>
    </row>
    <row r="148750" spans="8:8">
      <c r="H148750" s="12"/>
    </row>
    <row r="148751" spans="8:8">
      <c r="H148751" s="12"/>
    </row>
    <row r="148752" spans="8:8">
      <c r="H148752" s="12"/>
    </row>
    <row r="148753" spans="8:8">
      <c r="H148753" s="12"/>
    </row>
    <row r="148754" spans="8:8">
      <c r="H148754" s="12"/>
    </row>
    <row r="148755" spans="8:8">
      <c r="H148755" s="12"/>
    </row>
    <row r="148756" spans="8:8">
      <c r="H148756" s="12"/>
    </row>
    <row r="148757" spans="8:8">
      <c r="H148757" s="12"/>
    </row>
    <row r="148758" spans="8:8">
      <c r="H148758" s="12"/>
    </row>
    <row r="148759" spans="8:8">
      <c r="H148759" s="12"/>
    </row>
    <row r="148760" spans="8:8">
      <c r="H148760" s="12"/>
    </row>
    <row r="148761" spans="8:8">
      <c r="H148761" s="12"/>
    </row>
    <row r="148762" spans="8:8">
      <c r="H148762" s="12"/>
    </row>
    <row r="148763" spans="8:8">
      <c r="H148763" s="12"/>
    </row>
    <row r="148764" spans="8:8">
      <c r="H148764" s="12"/>
    </row>
    <row r="148765" spans="8:8">
      <c r="H148765" s="12"/>
    </row>
    <row r="148766" spans="8:8">
      <c r="H148766" s="12"/>
    </row>
    <row r="148767" spans="8:8">
      <c r="H148767" s="12"/>
    </row>
    <row r="148768" spans="8:8">
      <c r="H148768" s="12"/>
    </row>
    <row r="148769" spans="8:8">
      <c r="H148769" s="12"/>
    </row>
    <row r="148770" spans="8:8">
      <c r="H148770" s="12"/>
    </row>
    <row r="148771" spans="8:8">
      <c r="H148771" s="12"/>
    </row>
    <row r="148772" spans="8:8">
      <c r="H148772" s="12"/>
    </row>
    <row r="148773" spans="8:8">
      <c r="H148773" s="12"/>
    </row>
    <row r="148774" spans="8:8">
      <c r="H148774" s="12"/>
    </row>
    <row r="148775" spans="8:8">
      <c r="H148775" s="12"/>
    </row>
    <row r="148776" spans="8:8">
      <c r="H148776" s="12"/>
    </row>
    <row r="148777" spans="8:8">
      <c r="H148777" s="12"/>
    </row>
    <row r="148778" spans="8:8">
      <c r="H148778" s="12"/>
    </row>
    <row r="148779" spans="8:8">
      <c r="H148779" s="12"/>
    </row>
    <row r="148780" spans="8:8">
      <c r="H148780" s="12"/>
    </row>
    <row r="148781" spans="8:8">
      <c r="H148781" s="12"/>
    </row>
    <row r="148782" spans="8:8">
      <c r="H148782" s="12"/>
    </row>
    <row r="148783" spans="8:8">
      <c r="H148783" s="12"/>
    </row>
    <row r="148784" spans="8:8">
      <c r="H148784" s="12"/>
    </row>
    <row r="148785" spans="8:8">
      <c r="H148785" s="12"/>
    </row>
    <row r="148786" spans="8:8">
      <c r="H148786" s="12"/>
    </row>
    <row r="148787" spans="8:8">
      <c r="H148787" s="12"/>
    </row>
    <row r="148788" spans="8:8">
      <c r="H148788" s="12"/>
    </row>
    <row r="148789" spans="8:8">
      <c r="H148789" s="12"/>
    </row>
    <row r="148790" spans="8:8">
      <c r="H148790" s="12"/>
    </row>
    <row r="148791" spans="8:8">
      <c r="H148791" s="12"/>
    </row>
    <row r="148792" spans="8:8">
      <c r="H148792" s="12"/>
    </row>
    <row r="148793" spans="8:8">
      <c r="H148793" s="12"/>
    </row>
    <row r="148794" spans="8:8">
      <c r="H148794" s="12"/>
    </row>
    <row r="148795" spans="8:8">
      <c r="H148795" s="12"/>
    </row>
    <row r="148796" spans="8:8">
      <c r="H148796" s="12"/>
    </row>
    <row r="148797" spans="8:8">
      <c r="H148797" s="12"/>
    </row>
    <row r="148798" spans="8:8">
      <c r="H148798" s="12"/>
    </row>
    <row r="148799" spans="8:8">
      <c r="H148799" s="12"/>
    </row>
    <row r="148800" spans="8:8">
      <c r="H148800" s="12"/>
    </row>
    <row r="148801" spans="8:8">
      <c r="H148801" s="12"/>
    </row>
    <row r="148802" spans="8:8">
      <c r="H148802" s="12"/>
    </row>
    <row r="148803" spans="8:8">
      <c r="H148803" s="12"/>
    </row>
    <row r="148804" spans="8:8">
      <c r="H148804" s="12"/>
    </row>
    <row r="148805" spans="8:8">
      <c r="H148805" s="12"/>
    </row>
    <row r="148806" spans="8:8">
      <c r="H148806" s="12"/>
    </row>
    <row r="148807" spans="8:8">
      <c r="H148807" s="12"/>
    </row>
    <row r="148808" spans="8:8">
      <c r="H148808" s="12"/>
    </row>
    <row r="148809" spans="8:8">
      <c r="H148809" s="12"/>
    </row>
    <row r="148810" spans="8:8">
      <c r="H148810" s="12"/>
    </row>
    <row r="148811" spans="8:8">
      <c r="H148811" s="12"/>
    </row>
    <row r="148812" spans="8:8">
      <c r="H148812" s="12"/>
    </row>
    <row r="148813" spans="8:8">
      <c r="H148813" s="12"/>
    </row>
    <row r="148814" spans="8:8">
      <c r="H148814" s="12"/>
    </row>
    <row r="148815" spans="8:8">
      <c r="H148815" s="12"/>
    </row>
    <row r="148816" spans="8:8">
      <c r="H148816" s="12"/>
    </row>
    <row r="148817" spans="8:8">
      <c r="H148817" s="12"/>
    </row>
    <row r="148818" spans="8:8">
      <c r="H148818" s="12"/>
    </row>
    <row r="148819" spans="8:8">
      <c r="H148819" s="12"/>
    </row>
    <row r="148820" spans="8:8">
      <c r="H148820" s="12"/>
    </row>
    <row r="148821" spans="8:8">
      <c r="H148821" s="12"/>
    </row>
    <row r="148822" spans="8:8">
      <c r="H148822" s="12"/>
    </row>
    <row r="148823" spans="8:8">
      <c r="H148823" s="12"/>
    </row>
    <row r="148824" spans="8:8">
      <c r="H148824" s="12"/>
    </row>
    <row r="148825" spans="8:8">
      <c r="H148825" s="12"/>
    </row>
    <row r="148826" spans="8:8">
      <c r="H148826" s="12"/>
    </row>
    <row r="148827" spans="8:8">
      <c r="H148827" s="12"/>
    </row>
    <row r="148828" spans="8:8">
      <c r="H148828" s="12"/>
    </row>
    <row r="148829" spans="8:8">
      <c r="H148829" s="12"/>
    </row>
    <row r="148830" spans="8:8">
      <c r="H148830" s="12"/>
    </row>
    <row r="148831" spans="8:8">
      <c r="H148831" s="12"/>
    </row>
    <row r="148832" spans="8:8">
      <c r="H148832" s="12"/>
    </row>
    <row r="148833" spans="8:8">
      <c r="H148833" s="12"/>
    </row>
    <row r="148834" spans="8:8">
      <c r="H148834" s="12"/>
    </row>
    <row r="148835" spans="8:8">
      <c r="H148835" s="12"/>
    </row>
    <row r="148836" spans="8:8">
      <c r="H148836" s="12"/>
    </row>
    <row r="148837" spans="8:8">
      <c r="H148837" s="12"/>
    </row>
    <row r="148838" spans="8:8">
      <c r="H148838" s="12"/>
    </row>
    <row r="148839" spans="8:8">
      <c r="H148839" s="12"/>
    </row>
    <row r="148840" spans="8:8">
      <c r="H148840" s="12"/>
    </row>
    <row r="148841" spans="8:8">
      <c r="H148841" s="12"/>
    </row>
    <row r="148842" spans="8:8">
      <c r="H148842" s="12"/>
    </row>
    <row r="148843" spans="8:8">
      <c r="H148843" s="12"/>
    </row>
    <row r="148844" spans="8:8">
      <c r="H148844" s="12"/>
    </row>
    <row r="148845" spans="8:8">
      <c r="H148845" s="12"/>
    </row>
    <row r="148846" spans="8:8">
      <c r="H148846" s="12"/>
    </row>
    <row r="148847" spans="8:8">
      <c r="H148847" s="12"/>
    </row>
    <row r="148848" spans="8:8">
      <c r="H148848" s="12"/>
    </row>
    <row r="148849" spans="8:8">
      <c r="H148849" s="12"/>
    </row>
    <row r="148850" spans="8:8">
      <c r="H148850" s="12"/>
    </row>
    <row r="148851" spans="8:8">
      <c r="H148851" s="12"/>
    </row>
    <row r="148852" spans="8:8">
      <c r="H148852" s="12"/>
    </row>
    <row r="148853" spans="8:8">
      <c r="H148853" s="12"/>
    </row>
    <row r="148854" spans="8:8">
      <c r="H148854" s="12"/>
    </row>
    <row r="148855" spans="8:8">
      <c r="H148855" s="12"/>
    </row>
    <row r="148856" spans="8:8">
      <c r="H148856" s="12"/>
    </row>
    <row r="148857" spans="8:8">
      <c r="H148857" s="12"/>
    </row>
    <row r="148858" spans="8:8">
      <c r="H148858" s="12"/>
    </row>
    <row r="148859" spans="8:8">
      <c r="H148859" s="12"/>
    </row>
    <row r="148860" spans="8:8">
      <c r="H148860" s="12"/>
    </row>
    <row r="148861" spans="8:8">
      <c r="H148861" s="12"/>
    </row>
    <row r="148862" spans="8:8">
      <c r="H148862" s="12"/>
    </row>
    <row r="148863" spans="8:8">
      <c r="H148863" s="12"/>
    </row>
    <row r="148864" spans="8:8">
      <c r="H148864" s="12"/>
    </row>
    <row r="148865" spans="8:8">
      <c r="H148865" s="12"/>
    </row>
    <row r="148866" spans="8:8">
      <c r="H148866" s="12"/>
    </row>
    <row r="148867" spans="8:8">
      <c r="H148867" s="12"/>
    </row>
    <row r="148868" spans="8:8">
      <c r="H148868" s="12"/>
    </row>
    <row r="148869" spans="8:8">
      <c r="H148869" s="12"/>
    </row>
    <row r="148870" spans="8:8">
      <c r="H148870" s="12"/>
    </row>
    <row r="148871" spans="8:8">
      <c r="H148871" s="12"/>
    </row>
    <row r="148872" spans="8:8">
      <c r="H148872" s="12"/>
    </row>
    <row r="148873" spans="8:8">
      <c r="H148873" s="12"/>
    </row>
    <row r="148874" spans="8:8">
      <c r="H148874" s="12"/>
    </row>
    <row r="148875" spans="8:8">
      <c r="H148875" s="12"/>
    </row>
    <row r="148876" spans="8:8">
      <c r="H148876" s="12"/>
    </row>
    <row r="148877" spans="8:8">
      <c r="H148877" s="12"/>
    </row>
    <row r="148878" spans="8:8">
      <c r="H148878" s="12"/>
    </row>
    <row r="148879" spans="8:8">
      <c r="H148879" s="12"/>
    </row>
    <row r="148880" spans="8:8">
      <c r="H148880" s="12"/>
    </row>
    <row r="148881" spans="8:8">
      <c r="H148881" s="12"/>
    </row>
    <row r="148882" spans="8:8">
      <c r="H148882" s="12"/>
    </row>
    <row r="148883" spans="8:8">
      <c r="H148883" s="12"/>
    </row>
    <row r="148884" spans="8:8">
      <c r="H148884" s="12"/>
    </row>
    <row r="148885" spans="8:8">
      <c r="H148885" s="12"/>
    </row>
    <row r="148886" spans="8:8">
      <c r="H148886" s="12"/>
    </row>
    <row r="148887" spans="8:8">
      <c r="H148887" s="12"/>
    </row>
    <row r="148888" spans="8:8">
      <c r="H148888" s="12"/>
    </row>
    <row r="148889" spans="8:8">
      <c r="H148889" s="12"/>
    </row>
    <row r="148890" spans="8:8">
      <c r="H148890" s="12"/>
    </row>
    <row r="148891" spans="8:8">
      <c r="H148891" s="12"/>
    </row>
    <row r="148892" spans="8:8">
      <c r="H148892" s="12"/>
    </row>
    <row r="148893" spans="8:8">
      <c r="H148893" s="12"/>
    </row>
    <row r="148894" spans="8:8">
      <c r="H148894" s="12"/>
    </row>
    <row r="148895" spans="8:8">
      <c r="H148895" s="12"/>
    </row>
    <row r="148896" spans="8:8">
      <c r="H148896" s="12"/>
    </row>
    <row r="148897" spans="8:8">
      <c r="H148897" s="12"/>
    </row>
    <row r="148898" spans="8:8">
      <c r="H148898" s="12"/>
    </row>
    <row r="148899" spans="8:8">
      <c r="H148899" s="12"/>
    </row>
    <row r="148900" spans="8:8">
      <c r="H148900" s="12"/>
    </row>
    <row r="148901" spans="8:8">
      <c r="H148901" s="12"/>
    </row>
    <row r="148902" spans="8:8">
      <c r="H148902" s="12"/>
    </row>
    <row r="148903" spans="8:8">
      <c r="H148903" s="12"/>
    </row>
    <row r="148904" spans="8:8">
      <c r="H148904" s="12"/>
    </row>
    <row r="148905" spans="8:8">
      <c r="H148905" s="12"/>
    </row>
    <row r="148906" spans="8:8">
      <c r="H148906" s="12"/>
    </row>
    <row r="148907" spans="8:8">
      <c r="H148907" s="12"/>
    </row>
    <row r="148908" spans="8:8">
      <c r="H148908" s="12"/>
    </row>
    <row r="148909" spans="8:8">
      <c r="H148909" s="12"/>
    </row>
    <row r="148910" spans="8:8">
      <c r="H148910" s="12"/>
    </row>
    <row r="148911" spans="8:8">
      <c r="H148911" s="12"/>
    </row>
    <row r="148912" spans="8:8">
      <c r="H148912" s="12"/>
    </row>
    <row r="148913" spans="8:8">
      <c r="H148913" s="12"/>
    </row>
    <row r="148914" spans="8:8">
      <c r="H148914" s="12"/>
    </row>
    <row r="148915" spans="8:8">
      <c r="H148915" s="12"/>
    </row>
    <row r="148916" spans="8:8">
      <c r="H148916" s="12"/>
    </row>
    <row r="148917" spans="8:8">
      <c r="H148917" s="12"/>
    </row>
    <row r="148918" spans="8:8">
      <c r="H148918" s="12"/>
    </row>
    <row r="148919" spans="8:8">
      <c r="H148919" s="12"/>
    </row>
    <row r="148920" spans="8:8">
      <c r="H148920" s="12"/>
    </row>
    <row r="148921" spans="8:8">
      <c r="H148921" s="12"/>
    </row>
    <row r="148922" spans="8:8">
      <c r="H148922" s="12"/>
    </row>
    <row r="148923" spans="8:8">
      <c r="H148923" s="12"/>
    </row>
    <row r="148924" spans="8:8">
      <c r="H148924" s="12"/>
    </row>
    <row r="148925" spans="8:8">
      <c r="H148925" s="12"/>
    </row>
    <row r="148926" spans="8:8">
      <c r="H148926" s="12"/>
    </row>
    <row r="148927" spans="8:8">
      <c r="H148927" s="12"/>
    </row>
    <row r="148928" spans="8:8">
      <c r="H148928" s="12"/>
    </row>
    <row r="148929" spans="8:8">
      <c r="H148929" s="12"/>
    </row>
    <row r="148930" spans="8:8">
      <c r="H148930" s="12"/>
    </row>
    <row r="148931" spans="8:8">
      <c r="H148931" s="12"/>
    </row>
    <row r="148932" spans="8:8">
      <c r="H148932" s="12"/>
    </row>
    <row r="148933" spans="8:8">
      <c r="H148933" s="12"/>
    </row>
    <row r="148934" spans="8:8">
      <c r="H148934" s="12"/>
    </row>
    <row r="148935" spans="8:8">
      <c r="H148935" s="12"/>
    </row>
    <row r="148936" spans="8:8">
      <c r="H148936" s="12"/>
    </row>
    <row r="148937" spans="8:8">
      <c r="H148937" s="12"/>
    </row>
    <row r="148938" spans="8:8">
      <c r="H148938" s="12"/>
    </row>
    <row r="148939" spans="8:8">
      <c r="H148939" s="12"/>
    </row>
    <row r="148940" spans="8:8">
      <c r="H148940" s="12"/>
    </row>
    <row r="148941" spans="8:8">
      <c r="H148941" s="12"/>
    </row>
    <row r="148942" spans="8:8">
      <c r="H148942" s="12"/>
    </row>
    <row r="148943" spans="8:8">
      <c r="H148943" s="12"/>
    </row>
    <row r="148944" spans="8:8">
      <c r="H148944" s="12"/>
    </row>
    <row r="148945" spans="8:8">
      <c r="H148945" s="12"/>
    </row>
    <row r="148946" spans="8:8">
      <c r="H148946" s="12"/>
    </row>
    <row r="148947" spans="8:8">
      <c r="H148947" s="12"/>
    </row>
    <row r="148948" spans="8:8">
      <c r="H148948" s="12"/>
    </row>
    <row r="148949" spans="8:8">
      <c r="H148949" s="12"/>
    </row>
    <row r="148950" spans="8:8">
      <c r="H148950" s="12"/>
    </row>
    <row r="148951" spans="8:8">
      <c r="H148951" s="12"/>
    </row>
    <row r="148952" spans="8:8">
      <c r="H148952" s="12"/>
    </row>
    <row r="148953" spans="8:8">
      <c r="H148953" s="12"/>
    </row>
    <row r="148954" spans="8:8">
      <c r="H148954" s="12"/>
    </row>
    <row r="148955" spans="8:8">
      <c r="H148955" s="12"/>
    </row>
    <row r="148956" spans="8:8">
      <c r="H148956" s="12"/>
    </row>
    <row r="148957" spans="8:8">
      <c r="H148957" s="12"/>
    </row>
    <row r="148958" spans="8:8">
      <c r="H148958" s="12"/>
    </row>
    <row r="148959" spans="8:8">
      <c r="H148959" s="12"/>
    </row>
    <row r="148960" spans="8:8">
      <c r="H148960" s="12"/>
    </row>
    <row r="148961" spans="8:8">
      <c r="H148961" s="12"/>
    </row>
    <row r="148962" spans="8:8">
      <c r="H148962" s="12"/>
    </row>
    <row r="148963" spans="8:8">
      <c r="H148963" s="12"/>
    </row>
    <row r="148964" spans="8:8">
      <c r="H148964" s="12"/>
    </row>
    <row r="148965" spans="8:8">
      <c r="H148965" s="12"/>
    </row>
    <row r="148966" spans="8:8">
      <c r="H148966" s="12"/>
    </row>
    <row r="148967" spans="8:8">
      <c r="H148967" s="12"/>
    </row>
    <row r="148968" spans="8:8">
      <c r="H148968" s="12"/>
    </row>
    <row r="148969" spans="8:8">
      <c r="H148969" s="12"/>
    </row>
    <row r="148970" spans="8:8">
      <c r="H148970" s="12"/>
    </row>
    <row r="148971" spans="8:8">
      <c r="H148971" s="12"/>
    </row>
    <row r="148972" spans="8:8">
      <c r="H148972" s="12"/>
    </row>
    <row r="148973" spans="8:8">
      <c r="H148973" s="12"/>
    </row>
    <row r="148974" spans="8:8">
      <c r="H148974" s="12"/>
    </row>
    <row r="148975" spans="8:8">
      <c r="H148975" s="12"/>
    </row>
    <row r="148976" spans="8:8">
      <c r="H148976" s="12"/>
    </row>
    <row r="148977" spans="8:8">
      <c r="H148977" s="12"/>
    </row>
    <row r="148978" spans="8:8">
      <c r="H148978" s="12"/>
    </row>
    <row r="148979" spans="8:8">
      <c r="H148979" s="12"/>
    </row>
    <row r="148980" spans="8:8">
      <c r="H148980" s="12"/>
    </row>
    <row r="148981" spans="8:8">
      <c r="H148981" s="12"/>
    </row>
    <row r="148982" spans="8:8">
      <c r="H148982" s="12"/>
    </row>
    <row r="148983" spans="8:8">
      <c r="H148983" s="12"/>
    </row>
    <row r="148984" spans="8:8">
      <c r="H148984" s="12"/>
    </row>
    <row r="148985" spans="8:8">
      <c r="H148985" s="12"/>
    </row>
    <row r="148986" spans="8:8">
      <c r="H148986" s="12"/>
    </row>
    <row r="148987" spans="8:8">
      <c r="H148987" s="12"/>
    </row>
    <row r="148988" spans="8:8">
      <c r="H148988" s="12"/>
    </row>
    <row r="148989" spans="8:8">
      <c r="H148989" s="12"/>
    </row>
    <row r="148990" spans="8:8">
      <c r="H148990" s="12"/>
    </row>
    <row r="148991" spans="8:8">
      <c r="H148991" s="12"/>
    </row>
    <row r="148992" spans="8:8">
      <c r="H148992" s="12"/>
    </row>
    <row r="148993" spans="8:8">
      <c r="H148993" s="12"/>
    </row>
    <row r="148994" spans="8:8">
      <c r="H148994" s="12"/>
    </row>
    <row r="148995" spans="8:8">
      <c r="H148995" s="12"/>
    </row>
    <row r="148996" spans="8:8">
      <c r="H148996" s="12"/>
    </row>
    <row r="148997" spans="8:8">
      <c r="H148997" s="12"/>
    </row>
    <row r="148998" spans="8:8">
      <c r="H148998" s="12"/>
    </row>
    <row r="148999" spans="8:8">
      <c r="H148999" s="12"/>
    </row>
    <row r="149000" spans="8:8">
      <c r="H149000" s="12"/>
    </row>
    <row r="149001" spans="8:8">
      <c r="H149001" s="12"/>
    </row>
    <row r="149002" spans="8:8">
      <c r="H149002" s="12"/>
    </row>
    <row r="149003" spans="8:8">
      <c r="H149003" s="12"/>
    </row>
    <row r="149004" spans="8:8">
      <c r="H149004" s="12"/>
    </row>
    <row r="149005" spans="8:8">
      <c r="H149005" s="12"/>
    </row>
    <row r="149006" spans="8:8">
      <c r="H149006" s="12"/>
    </row>
    <row r="149007" spans="8:8">
      <c r="H149007" s="12"/>
    </row>
    <row r="149008" spans="8:8">
      <c r="H149008" s="12"/>
    </row>
    <row r="149009" spans="8:8">
      <c r="H149009" s="12"/>
    </row>
    <row r="149010" spans="8:8">
      <c r="H149010" s="12"/>
    </row>
    <row r="149011" spans="8:8">
      <c r="H149011" s="12"/>
    </row>
    <row r="149012" spans="8:8">
      <c r="H149012" s="12"/>
    </row>
    <row r="149013" spans="8:8">
      <c r="H149013" s="12"/>
    </row>
    <row r="149014" spans="8:8">
      <c r="H149014" s="12"/>
    </row>
    <row r="149015" spans="8:8">
      <c r="H149015" s="12"/>
    </row>
    <row r="149016" spans="8:8">
      <c r="H149016" s="12"/>
    </row>
    <row r="149017" spans="8:8">
      <c r="H149017" s="12"/>
    </row>
    <row r="149018" spans="8:8">
      <c r="H149018" s="12"/>
    </row>
    <row r="149019" spans="8:8">
      <c r="H149019" s="12"/>
    </row>
    <row r="149020" spans="8:8">
      <c r="H149020" s="12"/>
    </row>
    <row r="149021" spans="8:8">
      <c r="H149021" s="12"/>
    </row>
    <row r="149022" spans="8:8">
      <c r="H149022" s="12"/>
    </row>
    <row r="149023" spans="8:8">
      <c r="H149023" s="12"/>
    </row>
    <row r="149024" spans="8:8">
      <c r="H149024" s="12"/>
    </row>
    <row r="149025" spans="8:8">
      <c r="H149025" s="12"/>
    </row>
    <row r="149026" spans="8:8">
      <c r="H149026" s="12"/>
    </row>
    <row r="149027" spans="8:8">
      <c r="H149027" s="12"/>
    </row>
    <row r="149028" spans="8:8">
      <c r="H149028" s="12"/>
    </row>
    <row r="149029" spans="8:8">
      <c r="H149029" s="12"/>
    </row>
    <row r="149030" spans="8:8">
      <c r="H149030" s="12"/>
    </row>
    <row r="149031" spans="8:8">
      <c r="H149031" s="12"/>
    </row>
    <row r="149032" spans="8:8">
      <c r="H149032" s="12"/>
    </row>
    <row r="149033" spans="8:8">
      <c r="H149033" s="12"/>
    </row>
    <row r="149034" spans="8:8">
      <c r="H149034" s="12"/>
    </row>
    <row r="149035" spans="8:8">
      <c r="H149035" s="12"/>
    </row>
    <row r="149036" spans="8:8">
      <c r="H149036" s="12"/>
    </row>
    <row r="149037" spans="8:8">
      <c r="H149037" s="12"/>
    </row>
    <row r="149038" spans="8:8">
      <c r="H149038" s="12"/>
    </row>
    <row r="149039" spans="8:8">
      <c r="H149039" s="12"/>
    </row>
    <row r="149040" spans="8:8">
      <c r="H149040" s="12"/>
    </row>
    <row r="149041" spans="8:8">
      <c r="H149041" s="12"/>
    </row>
    <row r="149042" spans="8:8">
      <c r="H149042" s="12"/>
    </row>
    <row r="149043" spans="8:8">
      <c r="H149043" s="12"/>
    </row>
    <row r="149044" spans="8:8">
      <c r="H149044" s="12"/>
    </row>
    <row r="149045" spans="8:8">
      <c r="H149045" s="12"/>
    </row>
    <row r="149046" spans="8:8">
      <c r="H149046" s="12"/>
    </row>
    <row r="149047" spans="8:8">
      <c r="H149047" s="12"/>
    </row>
    <row r="149048" spans="8:8">
      <c r="H149048" s="12"/>
    </row>
    <row r="149049" spans="8:8">
      <c r="H149049" s="12"/>
    </row>
    <row r="149050" spans="8:8">
      <c r="H149050" s="12"/>
    </row>
    <row r="149051" spans="8:8">
      <c r="H149051" s="12"/>
    </row>
    <row r="149052" spans="8:8">
      <c r="H149052" s="12"/>
    </row>
    <row r="149053" spans="8:8">
      <c r="H149053" s="12"/>
    </row>
    <row r="149054" spans="8:8">
      <c r="H149054" s="12"/>
    </row>
    <row r="149055" spans="8:8">
      <c r="H149055" s="12"/>
    </row>
    <row r="149056" spans="8:8">
      <c r="H149056" s="12"/>
    </row>
    <row r="149057" spans="8:8">
      <c r="H149057" s="12"/>
    </row>
    <row r="149058" spans="8:8">
      <c r="H149058" s="12"/>
    </row>
    <row r="149059" spans="8:8">
      <c r="H149059" s="12"/>
    </row>
    <row r="149060" spans="8:8">
      <c r="H149060" s="12"/>
    </row>
    <row r="149061" spans="8:8">
      <c r="H149061" s="12"/>
    </row>
    <row r="149062" spans="8:8">
      <c r="H149062" s="12"/>
    </row>
    <row r="149063" spans="8:8">
      <c r="H149063" s="12"/>
    </row>
    <row r="149064" spans="8:8">
      <c r="H149064" s="12"/>
    </row>
    <row r="149065" spans="8:8">
      <c r="H149065" s="12"/>
    </row>
    <row r="149066" spans="8:8">
      <c r="H149066" s="12"/>
    </row>
    <row r="149067" spans="8:8">
      <c r="H149067" s="12"/>
    </row>
    <row r="149068" spans="8:8">
      <c r="H149068" s="12"/>
    </row>
    <row r="149069" spans="8:8">
      <c r="H149069" s="12"/>
    </row>
    <row r="149070" spans="8:8">
      <c r="H149070" s="12"/>
    </row>
    <row r="149071" spans="8:8">
      <c r="H149071" s="12"/>
    </row>
    <row r="149072" spans="8:8">
      <c r="H149072" s="12"/>
    </row>
    <row r="149073" spans="8:8">
      <c r="H149073" s="12"/>
    </row>
    <row r="149074" spans="8:8">
      <c r="H149074" s="12"/>
    </row>
    <row r="149075" spans="8:8">
      <c r="H149075" s="12"/>
    </row>
    <row r="149076" spans="8:8">
      <c r="H149076" s="12"/>
    </row>
    <row r="149077" spans="8:8">
      <c r="H149077" s="12"/>
    </row>
    <row r="149078" spans="8:8">
      <c r="H149078" s="12"/>
    </row>
    <row r="149079" spans="8:8">
      <c r="H149079" s="12"/>
    </row>
    <row r="149080" spans="8:8">
      <c r="H149080" s="12"/>
    </row>
    <row r="149081" spans="8:8">
      <c r="H149081" s="12"/>
    </row>
    <row r="149082" spans="8:8">
      <c r="H149082" s="12"/>
    </row>
    <row r="149083" spans="8:8">
      <c r="H149083" s="12"/>
    </row>
    <row r="149084" spans="8:8">
      <c r="H149084" s="12"/>
    </row>
    <row r="149085" spans="8:8">
      <c r="H149085" s="12"/>
    </row>
    <row r="149086" spans="8:8">
      <c r="H149086" s="12"/>
    </row>
    <row r="149087" spans="8:8">
      <c r="H149087" s="12"/>
    </row>
    <row r="149088" spans="8:8">
      <c r="H149088" s="12"/>
    </row>
    <row r="149089" spans="8:8">
      <c r="H149089" s="12"/>
    </row>
    <row r="149090" spans="8:8">
      <c r="H149090" s="12"/>
    </row>
    <row r="149091" spans="8:8">
      <c r="H149091" s="12"/>
    </row>
    <row r="149092" spans="8:8">
      <c r="H149092" s="12"/>
    </row>
    <row r="149093" spans="8:8">
      <c r="H149093" s="12"/>
    </row>
    <row r="149094" spans="8:8">
      <c r="H149094" s="12"/>
    </row>
    <row r="149095" spans="8:8">
      <c r="H149095" s="12"/>
    </row>
    <row r="149096" spans="8:8">
      <c r="H149096" s="12"/>
    </row>
    <row r="149097" spans="8:8">
      <c r="H149097" s="12"/>
    </row>
    <row r="149098" spans="8:8">
      <c r="H149098" s="12"/>
    </row>
    <row r="149099" spans="8:8">
      <c r="H149099" s="12"/>
    </row>
    <row r="149100" spans="8:8">
      <c r="H149100" s="12"/>
    </row>
    <row r="149101" spans="8:8">
      <c r="H149101" s="12"/>
    </row>
    <row r="149102" spans="8:8">
      <c r="H149102" s="12"/>
    </row>
    <row r="149103" spans="8:8">
      <c r="H149103" s="12"/>
    </row>
    <row r="149104" spans="8:8">
      <c r="H149104" s="12"/>
    </row>
    <row r="149105" spans="8:8">
      <c r="H149105" s="12"/>
    </row>
    <row r="149106" spans="8:8">
      <c r="H149106" s="12"/>
    </row>
    <row r="149107" spans="8:8">
      <c r="H149107" s="12"/>
    </row>
    <row r="149108" spans="8:8">
      <c r="H149108" s="12"/>
    </row>
    <row r="149109" spans="8:8">
      <c r="H149109" s="12"/>
    </row>
    <row r="149110" spans="8:8">
      <c r="H149110" s="12"/>
    </row>
    <row r="149111" spans="8:8">
      <c r="H149111" s="12"/>
    </row>
    <row r="149112" spans="8:8">
      <c r="H149112" s="12"/>
    </row>
    <row r="149113" spans="8:8">
      <c r="H149113" s="12"/>
    </row>
    <row r="149114" spans="8:8">
      <c r="H149114" s="12"/>
    </row>
    <row r="149115" spans="8:8">
      <c r="H149115" s="12"/>
    </row>
    <row r="149116" spans="8:8">
      <c r="H149116" s="12"/>
    </row>
    <row r="149117" spans="8:8">
      <c r="H149117" s="12"/>
    </row>
    <row r="149118" spans="8:8">
      <c r="H149118" s="12"/>
    </row>
    <row r="149119" spans="8:8">
      <c r="H149119" s="12"/>
    </row>
    <row r="149120" spans="8:8">
      <c r="H149120" s="12"/>
    </row>
    <row r="149121" spans="8:8">
      <c r="H149121" s="12"/>
    </row>
    <row r="149122" spans="8:8">
      <c r="H149122" s="12"/>
    </row>
    <row r="149123" spans="8:8">
      <c r="H149123" s="12"/>
    </row>
    <row r="149124" spans="8:8">
      <c r="H149124" s="12"/>
    </row>
    <row r="149125" spans="8:8">
      <c r="H149125" s="12"/>
    </row>
    <row r="149126" spans="8:8">
      <c r="H149126" s="12"/>
    </row>
    <row r="149127" spans="8:8">
      <c r="H149127" s="12"/>
    </row>
    <row r="149128" spans="8:8">
      <c r="H149128" s="12"/>
    </row>
    <row r="149129" spans="8:8">
      <c r="H149129" s="12"/>
    </row>
    <row r="149130" spans="8:8">
      <c r="H149130" s="12"/>
    </row>
    <row r="149131" spans="8:8">
      <c r="H149131" s="12"/>
    </row>
    <row r="149132" spans="8:8">
      <c r="H149132" s="12"/>
    </row>
    <row r="149133" spans="8:8">
      <c r="H149133" s="12"/>
    </row>
    <row r="149134" spans="8:8">
      <c r="H149134" s="12"/>
    </row>
    <row r="149135" spans="8:8">
      <c r="H149135" s="12"/>
    </row>
    <row r="149136" spans="8:8">
      <c r="H149136" s="12"/>
    </row>
    <row r="149137" spans="8:8">
      <c r="H149137" s="12"/>
    </row>
    <row r="149138" spans="8:8">
      <c r="H149138" s="12"/>
    </row>
    <row r="149139" spans="8:8">
      <c r="H149139" s="12"/>
    </row>
    <row r="149140" spans="8:8">
      <c r="H149140" s="12"/>
    </row>
    <row r="149141" spans="8:8">
      <c r="H149141" s="12"/>
    </row>
    <row r="149142" spans="8:8">
      <c r="H149142" s="12"/>
    </row>
    <row r="149143" spans="8:8">
      <c r="H149143" s="12"/>
    </row>
    <row r="149144" spans="8:8">
      <c r="H149144" s="12"/>
    </row>
    <row r="149145" spans="8:8">
      <c r="H149145" s="12"/>
    </row>
    <row r="149146" spans="8:8">
      <c r="H149146" s="12"/>
    </row>
    <row r="149147" spans="8:8">
      <c r="H149147" s="12"/>
    </row>
    <row r="149148" spans="8:8">
      <c r="H149148" s="12"/>
    </row>
    <row r="149149" spans="8:8">
      <c r="H149149" s="12"/>
    </row>
    <row r="149150" spans="8:8">
      <c r="H149150" s="12"/>
    </row>
    <row r="149151" spans="8:8">
      <c r="H149151" s="12"/>
    </row>
    <row r="149152" spans="8:8">
      <c r="H149152" s="12"/>
    </row>
    <row r="149153" spans="8:8">
      <c r="H149153" s="12"/>
    </row>
    <row r="149154" spans="8:8">
      <c r="H149154" s="12"/>
    </row>
    <row r="149155" spans="8:8">
      <c r="H149155" s="12"/>
    </row>
    <row r="149156" spans="8:8">
      <c r="H149156" s="12"/>
    </row>
    <row r="149157" spans="8:8">
      <c r="H149157" s="12"/>
    </row>
    <row r="149158" spans="8:8">
      <c r="H149158" s="12"/>
    </row>
    <row r="149159" spans="8:8">
      <c r="H149159" s="12"/>
    </row>
    <row r="149160" spans="8:8">
      <c r="H149160" s="12"/>
    </row>
    <row r="149161" spans="8:8">
      <c r="H149161" s="12"/>
    </row>
    <row r="149162" spans="8:8">
      <c r="H149162" s="12"/>
    </row>
    <row r="149163" spans="8:8">
      <c r="H149163" s="12"/>
    </row>
    <row r="149164" spans="8:8">
      <c r="H149164" s="12"/>
    </row>
    <row r="149165" spans="8:8">
      <c r="H149165" s="12"/>
    </row>
    <row r="149166" spans="8:8">
      <c r="H149166" s="12"/>
    </row>
    <row r="149167" spans="8:8">
      <c r="H149167" s="12"/>
    </row>
    <row r="149168" spans="8:8">
      <c r="H149168" s="12"/>
    </row>
    <row r="149169" spans="8:8">
      <c r="H149169" s="12"/>
    </row>
    <row r="149170" spans="8:8">
      <c r="H149170" s="12"/>
    </row>
    <row r="149171" spans="8:8">
      <c r="H149171" s="12"/>
    </row>
    <row r="149172" spans="8:8">
      <c r="H149172" s="12"/>
    </row>
    <row r="149173" spans="8:8">
      <c r="H149173" s="12"/>
    </row>
    <row r="149174" spans="8:8">
      <c r="H149174" s="12"/>
    </row>
    <row r="149175" spans="8:8">
      <c r="H149175" s="12"/>
    </row>
    <row r="149176" spans="8:8">
      <c r="H149176" s="12"/>
    </row>
    <row r="149177" spans="8:8">
      <c r="H149177" s="12"/>
    </row>
    <row r="149178" spans="8:8">
      <c r="H149178" s="12"/>
    </row>
    <row r="149179" spans="8:8">
      <c r="H149179" s="12"/>
    </row>
    <row r="149180" spans="8:8">
      <c r="H149180" s="12"/>
    </row>
    <row r="149181" spans="8:8">
      <c r="H149181" s="12"/>
    </row>
    <row r="149182" spans="8:8">
      <c r="H149182" s="12"/>
    </row>
    <row r="149183" spans="8:8">
      <c r="H149183" s="12"/>
    </row>
    <row r="149184" spans="8:8">
      <c r="H149184" s="12"/>
    </row>
    <row r="149185" spans="8:8">
      <c r="H149185" s="12"/>
    </row>
    <row r="149186" spans="8:8">
      <c r="H149186" s="12"/>
    </row>
    <row r="149187" spans="8:8">
      <c r="H149187" s="12"/>
    </row>
    <row r="149188" spans="8:8">
      <c r="H149188" s="12"/>
    </row>
    <row r="149189" spans="8:8">
      <c r="H149189" s="12"/>
    </row>
    <row r="149190" spans="8:8">
      <c r="H149190" s="12"/>
    </row>
    <row r="149191" spans="8:8">
      <c r="H149191" s="12"/>
    </row>
    <row r="149192" spans="8:8">
      <c r="H149192" s="12"/>
    </row>
    <row r="149193" spans="8:8">
      <c r="H149193" s="12"/>
    </row>
    <row r="149194" spans="8:8">
      <c r="H149194" s="12"/>
    </row>
    <row r="149195" spans="8:8">
      <c r="H149195" s="12"/>
    </row>
    <row r="149196" spans="8:8">
      <c r="H149196" s="12"/>
    </row>
    <row r="149197" spans="8:8">
      <c r="H149197" s="12"/>
    </row>
    <row r="149198" spans="8:8">
      <c r="H149198" s="12"/>
    </row>
    <row r="149199" spans="8:8">
      <c r="H149199" s="12"/>
    </row>
    <row r="149200" spans="8:8">
      <c r="H149200" s="12"/>
    </row>
    <row r="149201" spans="8:8">
      <c r="H149201" s="12"/>
    </row>
    <row r="149202" spans="8:8">
      <c r="H149202" s="12"/>
    </row>
    <row r="149203" spans="8:8">
      <c r="H149203" s="12"/>
    </row>
    <row r="149204" spans="8:8">
      <c r="H149204" s="12"/>
    </row>
    <row r="149205" spans="8:8">
      <c r="H149205" s="12"/>
    </row>
    <row r="149206" spans="8:8">
      <c r="H149206" s="12"/>
    </row>
    <row r="149207" spans="8:8">
      <c r="H149207" s="12"/>
    </row>
    <row r="149208" spans="8:8">
      <c r="H149208" s="12"/>
    </row>
    <row r="149209" spans="8:8">
      <c r="H149209" s="12"/>
    </row>
    <row r="149210" spans="8:8">
      <c r="H149210" s="12"/>
    </row>
    <row r="149211" spans="8:8">
      <c r="H149211" s="12"/>
    </row>
    <row r="149212" spans="8:8">
      <c r="H149212" s="12"/>
    </row>
    <row r="149213" spans="8:8">
      <c r="H149213" s="12"/>
    </row>
    <row r="149214" spans="8:8">
      <c r="H149214" s="12"/>
    </row>
    <row r="149215" spans="8:8">
      <c r="H149215" s="12"/>
    </row>
    <row r="149216" spans="8:8">
      <c r="H149216" s="12"/>
    </row>
    <row r="149217" spans="8:8">
      <c r="H149217" s="12"/>
    </row>
    <row r="149218" spans="8:8">
      <c r="H149218" s="12"/>
    </row>
    <row r="149219" spans="8:8">
      <c r="H149219" s="12"/>
    </row>
    <row r="149220" spans="8:8">
      <c r="H149220" s="12"/>
    </row>
    <row r="149221" spans="8:8">
      <c r="H149221" s="12"/>
    </row>
    <row r="149222" spans="8:8">
      <c r="H149222" s="12"/>
    </row>
    <row r="149223" spans="8:8">
      <c r="H149223" s="12"/>
    </row>
    <row r="149224" spans="8:8">
      <c r="H149224" s="12"/>
    </row>
    <row r="149225" spans="8:8">
      <c r="H149225" s="12"/>
    </row>
    <row r="149226" spans="8:8">
      <c r="H149226" s="12"/>
    </row>
    <row r="149227" spans="8:8">
      <c r="H149227" s="12"/>
    </row>
    <row r="149228" spans="8:8">
      <c r="H149228" s="12"/>
    </row>
    <row r="149229" spans="8:8">
      <c r="H149229" s="12"/>
    </row>
    <row r="149230" spans="8:8">
      <c r="H149230" s="12"/>
    </row>
    <row r="149231" spans="8:8">
      <c r="H149231" s="12"/>
    </row>
    <row r="149232" spans="8:8">
      <c r="H149232" s="12"/>
    </row>
    <row r="149233" spans="8:8">
      <c r="H149233" s="12"/>
    </row>
    <row r="149234" spans="8:8">
      <c r="H149234" s="12"/>
    </row>
    <row r="149235" spans="8:8">
      <c r="H149235" s="12"/>
    </row>
    <row r="149236" spans="8:8">
      <c r="H149236" s="12"/>
    </row>
    <row r="149237" spans="8:8">
      <c r="H149237" s="12"/>
    </row>
    <row r="149238" spans="8:8">
      <c r="H149238" s="12"/>
    </row>
    <row r="149239" spans="8:8">
      <c r="H149239" s="12"/>
    </row>
    <row r="149240" spans="8:8">
      <c r="H149240" s="12"/>
    </row>
    <row r="149241" spans="8:8">
      <c r="H149241" s="12"/>
    </row>
    <row r="149242" spans="8:8">
      <c r="H149242" s="12"/>
    </row>
    <row r="149243" spans="8:8">
      <c r="H149243" s="12"/>
    </row>
    <row r="149244" spans="8:8">
      <c r="H149244" s="12"/>
    </row>
    <row r="149245" spans="8:8">
      <c r="H149245" s="12"/>
    </row>
    <row r="149246" spans="8:8">
      <c r="H149246" s="12"/>
    </row>
    <row r="149247" spans="8:8">
      <c r="H149247" s="12"/>
    </row>
    <row r="149248" spans="8:8">
      <c r="H149248" s="12"/>
    </row>
    <row r="149249" spans="8:8">
      <c r="H149249" s="12"/>
    </row>
    <row r="149250" spans="8:8">
      <c r="H149250" s="12"/>
    </row>
    <row r="149251" spans="8:8">
      <c r="H149251" s="12"/>
    </row>
    <row r="149252" spans="8:8">
      <c r="H149252" s="12"/>
    </row>
    <row r="149253" spans="8:8">
      <c r="H149253" s="12"/>
    </row>
    <row r="149254" spans="8:8">
      <c r="H149254" s="12"/>
    </row>
    <row r="149255" spans="8:8">
      <c r="H149255" s="12"/>
    </row>
    <row r="149256" spans="8:8">
      <c r="H149256" s="12"/>
    </row>
    <row r="149257" spans="8:8">
      <c r="H149257" s="12"/>
    </row>
    <row r="149258" spans="8:8">
      <c r="H149258" s="12"/>
    </row>
    <row r="149259" spans="8:8">
      <c r="H149259" s="12"/>
    </row>
    <row r="149260" spans="8:8">
      <c r="H149260" s="12"/>
    </row>
    <row r="149261" spans="8:8">
      <c r="H149261" s="12"/>
    </row>
    <row r="149262" spans="8:8">
      <c r="H149262" s="12"/>
    </row>
    <row r="149263" spans="8:8">
      <c r="H149263" s="12"/>
    </row>
    <row r="149264" spans="8:8">
      <c r="H149264" s="12"/>
    </row>
    <row r="149265" spans="8:8">
      <c r="H149265" s="12"/>
    </row>
    <row r="149266" spans="8:8">
      <c r="H149266" s="12"/>
    </row>
    <row r="149267" spans="8:8">
      <c r="H149267" s="12"/>
    </row>
    <row r="149268" spans="8:8">
      <c r="H149268" s="12"/>
    </row>
    <row r="149269" spans="8:8">
      <c r="H149269" s="12"/>
    </row>
    <row r="149270" spans="8:8">
      <c r="H149270" s="12"/>
    </row>
    <row r="149271" spans="8:8">
      <c r="H149271" s="12"/>
    </row>
    <row r="149272" spans="8:8">
      <c r="H149272" s="12"/>
    </row>
    <row r="149273" spans="8:8">
      <c r="H149273" s="12"/>
    </row>
    <row r="149274" spans="8:8">
      <c r="H149274" s="12"/>
    </row>
    <row r="149275" spans="8:8">
      <c r="H149275" s="12"/>
    </row>
    <row r="149276" spans="8:8">
      <c r="H149276" s="12"/>
    </row>
    <row r="149277" spans="8:8">
      <c r="H149277" s="12"/>
    </row>
    <row r="149278" spans="8:8">
      <c r="H149278" s="12"/>
    </row>
    <row r="149279" spans="8:8">
      <c r="H149279" s="12"/>
    </row>
    <row r="149280" spans="8:8">
      <c r="H149280" s="12"/>
    </row>
    <row r="149281" spans="8:8">
      <c r="H149281" s="12"/>
    </row>
    <row r="149282" spans="8:8">
      <c r="H149282" s="12"/>
    </row>
    <row r="149283" spans="8:8">
      <c r="H149283" s="12"/>
    </row>
    <row r="149284" spans="8:8">
      <c r="H149284" s="12"/>
    </row>
    <row r="149285" spans="8:8">
      <c r="H149285" s="12"/>
    </row>
    <row r="149286" spans="8:8">
      <c r="H149286" s="12"/>
    </row>
    <row r="149287" spans="8:8">
      <c r="H149287" s="12"/>
    </row>
    <row r="149288" spans="8:8">
      <c r="H149288" s="12"/>
    </row>
    <row r="149289" spans="8:8">
      <c r="H149289" s="12"/>
    </row>
    <row r="149290" spans="8:8">
      <c r="H149290" s="12"/>
    </row>
    <row r="149291" spans="8:8">
      <c r="H149291" s="12"/>
    </row>
    <row r="149292" spans="8:8">
      <c r="H149292" s="12"/>
    </row>
    <row r="149293" spans="8:8">
      <c r="H149293" s="12"/>
    </row>
    <row r="149294" spans="8:8">
      <c r="H149294" s="12"/>
    </row>
    <row r="149295" spans="8:8">
      <c r="H149295" s="12"/>
    </row>
    <row r="149296" spans="8:8">
      <c r="H149296" s="12"/>
    </row>
    <row r="149297" spans="8:8">
      <c r="H149297" s="12"/>
    </row>
    <row r="149298" spans="8:8">
      <c r="H149298" s="12"/>
    </row>
    <row r="149299" spans="8:8">
      <c r="H149299" s="12"/>
    </row>
    <row r="149300" spans="8:8">
      <c r="H149300" s="12"/>
    </row>
    <row r="149301" spans="8:8">
      <c r="H149301" s="12"/>
    </row>
    <row r="149302" spans="8:8">
      <c r="H149302" s="12"/>
    </row>
    <row r="149303" spans="8:8">
      <c r="H149303" s="12"/>
    </row>
    <row r="149304" spans="8:8">
      <c r="H149304" s="12"/>
    </row>
    <row r="149305" spans="8:8">
      <c r="H149305" s="12"/>
    </row>
    <row r="149306" spans="8:8">
      <c r="H149306" s="12"/>
    </row>
    <row r="149307" spans="8:8">
      <c r="H149307" s="12"/>
    </row>
    <row r="149308" spans="8:8">
      <c r="H149308" s="12"/>
    </row>
    <row r="149309" spans="8:8">
      <c r="H149309" s="12"/>
    </row>
    <row r="149310" spans="8:8">
      <c r="H149310" s="12"/>
    </row>
    <row r="149311" spans="8:8">
      <c r="H149311" s="12"/>
    </row>
    <row r="149312" spans="8:8">
      <c r="H149312" s="12"/>
    </row>
    <row r="149313" spans="8:8">
      <c r="H149313" s="12"/>
    </row>
    <row r="149314" spans="8:8">
      <c r="H149314" s="12"/>
    </row>
    <row r="149315" spans="8:8">
      <c r="H149315" s="12"/>
    </row>
    <row r="149316" spans="8:8">
      <c r="H149316" s="12"/>
    </row>
    <row r="149317" spans="8:8">
      <c r="H149317" s="12"/>
    </row>
    <row r="149318" spans="8:8">
      <c r="H149318" s="12"/>
    </row>
    <row r="149319" spans="8:8">
      <c r="H149319" s="12"/>
    </row>
    <row r="149320" spans="8:8">
      <c r="H149320" s="12"/>
    </row>
    <row r="149321" spans="8:8">
      <c r="H149321" s="12"/>
    </row>
    <row r="149322" spans="8:8">
      <c r="H149322" s="12"/>
    </row>
    <row r="149323" spans="8:8">
      <c r="H149323" s="12"/>
    </row>
    <row r="149324" spans="8:8">
      <c r="H149324" s="12"/>
    </row>
    <row r="149325" spans="8:8">
      <c r="H149325" s="12"/>
    </row>
    <row r="149326" spans="8:8">
      <c r="H149326" s="12"/>
    </row>
    <row r="149327" spans="8:8">
      <c r="H149327" s="12"/>
    </row>
    <row r="149328" spans="8:8">
      <c r="H149328" s="12"/>
    </row>
    <row r="149329" spans="8:8">
      <c r="H149329" s="12"/>
    </row>
    <row r="149330" spans="8:8">
      <c r="H149330" s="12"/>
    </row>
    <row r="149331" spans="8:8">
      <c r="H149331" s="12"/>
    </row>
    <row r="149332" spans="8:8">
      <c r="H149332" s="12"/>
    </row>
    <row r="149333" spans="8:8">
      <c r="H149333" s="12"/>
    </row>
    <row r="149334" spans="8:8">
      <c r="H149334" s="12"/>
    </row>
    <row r="149335" spans="8:8">
      <c r="H149335" s="12"/>
    </row>
    <row r="149336" spans="8:8">
      <c r="H149336" s="12"/>
    </row>
    <row r="149337" spans="8:8">
      <c r="H149337" s="12"/>
    </row>
    <row r="149338" spans="8:8">
      <c r="H149338" s="12"/>
    </row>
    <row r="149339" spans="8:8">
      <c r="H149339" s="12"/>
    </row>
    <row r="149340" spans="8:8">
      <c r="H149340" s="12"/>
    </row>
    <row r="149341" spans="8:8">
      <c r="H149341" s="12"/>
    </row>
    <row r="149342" spans="8:8">
      <c r="H149342" s="12"/>
    </row>
    <row r="149343" spans="8:8">
      <c r="H149343" s="12"/>
    </row>
    <row r="149344" spans="8:8">
      <c r="H149344" s="12"/>
    </row>
    <row r="149345" spans="8:8">
      <c r="H149345" s="12"/>
    </row>
    <row r="149346" spans="8:8">
      <c r="H149346" s="12"/>
    </row>
    <row r="149347" spans="8:8">
      <c r="H149347" s="12"/>
    </row>
    <row r="149348" spans="8:8">
      <c r="H149348" s="12"/>
    </row>
    <row r="149349" spans="8:8">
      <c r="H149349" s="12"/>
    </row>
    <row r="149350" spans="8:8">
      <c r="H149350" s="12"/>
    </row>
    <row r="149351" spans="8:8">
      <c r="H149351" s="12"/>
    </row>
    <row r="149352" spans="8:8">
      <c r="H149352" s="12"/>
    </row>
    <row r="149353" spans="8:8">
      <c r="H149353" s="12"/>
    </row>
    <row r="149354" spans="8:8">
      <c r="H149354" s="12"/>
    </row>
    <row r="149355" spans="8:8">
      <c r="H149355" s="12"/>
    </row>
    <row r="149356" spans="8:8">
      <c r="H149356" s="12"/>
    </row>
    <row r="149357" spans="8:8">
      <c r="H149357" s="12"/>
    </row>
    <row r="149358" spans="8:8">
      <c r="H149358" s="12"/>
    </row>
    <row r="149359" spans="8:8">
      <c r="H149359" s="12"/>
    </row>
    <row r="149360" spans="8:8">
      <c r="H149360" s="12"/>
    </row>
    <row r="149361" spans="8:8">
      <c r="H149361" s="12"/>
    </row>
    <row r="149362" spans="8:8">
      <c r="H149362" s="12"/>
    </row>
    <row r="149363" spans="8:8">
      <c r="H149363" s="12"/>
    </row>
    <row r="149364" spans="8:8">
      <c r="H149364" s="12"/>
    </row>
    <row r="149365" spans="8:8">
      <c r="H149365" s="12"/>
    </row>
    <row r="149366" spans="8:8">
      <c r="H149366" s="12"/>
    </row>
    <row r="149367" spans="8:8">
      <c r="H149367" s="12"/>
    </row>
    <row r="149368" spans="8:8">
      <c r="H149368" s="12"/>
    </row>
    <row r="149369" spans="8:8">
      <c r="H149369" s="12"/>
    </row>
    <row r="149370" spans="8:8">
      <c r="H149370" s="12"/>
    </row>
    <row r="149371" spans="8:8">
      <c r="H149371" s="12"/>
    </row>
    <row r="149372" spans="8:8">
      <c r="H149372" s="12"/>
    </row>
    <row r="149373" spans="8:8">
      <c r="H149373" s="12"/>
    </row>
    <row r="149374" spans="8:8">
      <c r="H149374" s="12"/>
    </row>
    <row r="149375" spans="8:8">
      <c r="H149375" s="12"/>
    </row>
    <row r="149376" spans="8:8">
      <c r="H149376" s="12"/>
    </row>
    <row r="149377" spans="8:8">
      <c r="H149377" s="12"/>
    </row>
    <row r="149378" spans="8:8">
      <c r="H149378" s="12"/>
    </row>
    <row r="149379" spans="8:8">
      <c r="H149379" s="12"/>
    </row>
    <row r="149380" spans="8:8">
      <c r="H149380" s="12"/>
    </row>
    <row r="149381" spans="8:8">
      <c r="H149381" s="12"/>
    </row>
    <row r="149382" spans="8:8">
      <c r="H149382" s="12"/>
    </row>
    <row r="149383" spans="8:8">
      <c r="H149383" s="12"/>
    </row>
    <row r="149384" spans="8:8">
      <c r="H149384" s="12"/>
    </row>
    <row r="149385" spans="8:8">
      <c r="H149385" s="12"/>
    </row>
    <row r="149386" spans="8:8">
      <c r="H149386" s="12"/>
    </row>
    <row r="149387" spans="8:8">
      <c r="H149387" s="12"/>
    </row>
    <row r="149388" spans="8:8">
      <c r="H149388" s="12"/>
    </row>
    <row r="149389" spans="8:8">
      <c r="H149389" s="12"/>
    </row>
    <row r="149390" spans="8:8">
      <c r="H149390" s="12"/>
    </row>
    <row r="149391" spans="8:8">
      <c r="H149391" s="12"/>
    </row>
    <row r="149392" spans="8:8">
      <c r="H149392" s="12"/>
    </row>
    <row r="149393" spans="8:8">
      <c r="H149393" s="12"/>
    </row>
    <row r="149394" spans="8:8">
      <c r="H149394" s="12"/>
    </row>
    <row r="149395" spans="8:8">
      <c r="H149395" s="12"/>
    </row>
    <row r="149396" spans="8:8">
      <c r="H149396" s="12"/>
    </row>
    <row r="149397" spans="8:8">
      <c r="H149397" s="12"/>
    </row>
    <row r="149398" spans="8:8">
      <c r="H149398" s="12"/>
    </row>
    <row r="149399" spans="8:8">
      <c r="H149399" s="12"/>
    </row>
    <row r="149400" spans="8:8">
      <c r="H149400" s="12"/>
    </row>
    <row r="149401" spans="8:8">
      <c r="H149401" s="12"/>
    </row>
    <row r="149402" spans="8:8">
      <c r="H149402" s="12"/>
    </row>
    <row r="149403" spans="8:8">
      <c r="H149403" s="12"/>
    </row>
    <row r="149404" spans="8:8">
      <c r="H149404" s="12"/>
    </row>
    <row r="149405" spans="8:8">
      <c r="H149405" s="12"/>
    </row>
    <row r="149406" spans="8:8">
      <c r="H149406" s="12"/>
    </row>
    <row r="149407" spans="8:8">
      <c r="H149407" s="12"/>
    </row>
    <row r="149408" spans="8:8">
      <c r="H149408" s="12"/>
    </row>
    <row r="149409" spans="8:8">
      <c r="H149409" s="12"/>
    </row>
    <row r="149410" spans="8:8">
      <c r="H149410" s="12"/>
    </row>
    <row r="149411" spans="8:8">
      <c r="H149411" s="12"/>
    </row>
    <row r="149412" spans="8:8">
      <c r="H149412" s="12"/>
    </row>
    <row r="149413" spans="8:8">
      <c r="H149413" s="12"/>
    </row>
    <row r="149414" spans="8:8">
      <c r="H149414" s="12"/>
    </row>
    <row r="149415" spans="8:8">
      <c r="H149415" s="12"/>
    </row>
    <row r="149416" spans="8:8">
      <c r="H149416" s="12"/>
    </row>
    <row r="149417" spans="8:8">
      <c r="H149417" s="12"/>
    </row>
    <row r="149418" spans="8:8">
      <c r="H149418" s="12"/>
    </row>
    <row r="149419" spans="8:8">
      <c r="H149419" s="12"/>
    </row>
    <row r="149420" spans="8:8">
      <c r="H149420" s="12"/>
    </row>
    <row r="149421" spans="8:8">
      <c r="H149421" s="12"/>
    </row>
    <row r="149422" spans="8:8">
      <c r="H149422" s="12"/>
    </row>
    <row r="149423" spans="8:8">
      <c r="H149423" s="12"/>
    </row>
    <row r="149424" spans="8:8">
      <c r="H149424" s="12"/>
    </row>
    <row r="149425" spans="8:8">
      <c r="H149425" s="12"/>
    </row>
    <row r="149426" spans="8:8">
      <c r="H149426" s="12"/>
    </row>
    <row r="149427" spans="8:8">
      <c r="H149427" s="12"/>
    </row>
    <row r="149428" spans="8:8">
      <c r="H149428" s="12"/>
    </row>
    <row r="149429" spans="8:8">
      <c r="H149429" s="12"/>
    </row>
    <row r="149430" spans="8:8">
      <c r="H149430" s="12"/>
    </row>
    <row r="149431" spans="8:8">
      <c r="H149431" s="12"/>
    </row>
    <row r="149432" spans="8:8">
      <c r="H149432" s="12"/>
    </row>
    <row r="149433" spans="8:8">
      <c r="H149433" s="12"/>
    </row>
    <row r="149434" spans="8:8">
      <c r="H149434" s="12"/>
    </row>
    <row r="149435" spans="8:8">
      <c r="H149435" s="12"/>
    </row>
    <row r="149436" spans="8:8">
      <c r="H149436" s="12"/>
    </row>
    <row r="149437" spans="8:8">
      <c r="H149437" s="12"/>
    </row>
    <row r="149438" spans="8:8">
      <c r="H149438" s="12"/>
    </row>
    <row r="149439" spans="8:8">
      <c r="H149439" s="12"/>
    </row>
    <row r="149440" spans="8:8">
      <c r="H149440" s="12"/>
    </row>
    <row r="149441" spans="8:8">
      <c r="H149441" s="12"/>
    </row>
    <row r="149442" spans="8:8">
      <c r="H149442" s="12"/>
    </row>
    <row r="149443" spans="8:8">
      <c r="H149443" s="12"/>
    </row>
    <row r="149444" spans="8:8">
      <c r="H149444" s="12"/>
    </row>
    <row r="149445" spans="8:8">
      <c r="H149445" s="12"/>
    </row>
    <row r="149446" spans="8:8">
      <c r="H149446" s="12"/>
    </row>
    <row r="149447" spans="8:8">
      <c r="H149447" s="12"/>
    </row>
    <row r="149448" spans="8:8">
      <c r="H149448" s="12"/>
    </row>
    <row r="149449" spans="8:8">
      <c r="H149449" s="12"/>
    </row>
    <row r="149450" spans="8:8">
      <c r="H149450" s="12"/>
    </row>
    <row r="149451" spans="8:8">
      <c r="H149451" s="12"/>
    </row>
    <row r="149452" spans="8:8">
      <c r="H149452" s="12"/>
    </row>
    <row r="149453" spans="8:8">
      <c r="H149453" s="12"/>
    </row>
    <row r="149454" spans="8:8">
      <c r="H149454" s="12"/>
    </row>
    <row r="149455" spans="8:8">
      <c r="H149455" s="12"/>
    </row>
    <row r="149456" spans="8:8">
      <c r="H149456" s="12"/>
    </row>
    <row r="149457" spans="8:8">
      <c r="H149457" s="12"/>
    </row>
    <row r="149458" spans="8:8">
      <c r="H149458" s="12"/>
    </row>
    <row r="149459" spans="8:8">
      <c r="H149459" s="12"/>
    </row>
    <row r="149460" spans="8:8">
      <c r="H149460" s="12"/>
    </row>
    <row r="149461" spans="8:8">
      <c r="H149461" s="12"/>
    </row>
    <row r="149462" spans="8:8">
      <c r="H149462" s="12"/>
    </row>
    <row r="149463" spans="8:8">
      <c r="H149463" s="12"/>
    </row>
    <row r="149464" spans="8:8">
      <c r="H149464" s="12"/>
    </row>
    <row r="149465" spans="8:8">
      <c r="H149465" s="12"/>
    </row>
    <row r="149466" spans="8:8">
      <c r="H149466" s="12"/>
    </row>
    <row r="149467" spans="8:8">
      <c r="H149467" s="12"/>
    </row>
    <row r="149468" spans="8:8">
      <c r="H149468" s="12"/>
    </row>
    <row r="149469" spans="8:8">
      <c r="H149469" s="12"/>
    </row>
    <row r="149470" spans="8:8">
      <c r="H149470" s="12"/>
    </row>
    <row r="149471" spans="8:8">
      <c r="H149471" s="12"/>
    </row>
    <row r="149472" spans="8:8">
      <c r="H149472" s="12"/>
    </row>
    <row r="149473" spans="8:8">
      <c r="H149473" s="12"/>
    </row>
    <row r="149474" spans="8:8">
      <c r="H149474" s="12"/>
    </row>
    <row r="149475" spans="8:8">
      <c r="H149475" s="12"/>
    </row>
    <row r="149476" spans="8:8">
      <c r="H149476" s="12"/>
    </row>
    <row r="149477" spans="8:8">
      <c r="H149477" s="12"/>
    </row>
    <row r="149478" spans="8:8">
      <c r="H149478" s="12"/>
    </row>
    <row r="149479" spans="8:8">
      <c r="H149479" s="12"/>
    </row>
    <row r="149480" spans="8:8">
      <c r="H149480" s="12"/>
    </row>
    <row r="149481" spans="8:8">
      <c r="H149481" s="12"/>
    </row>
    <row r="149482" spans="8:8">
      <c r="H149482" s="12"/>
    </row>
    <row r="149483" spans="8:8">
      <c r="H149483" s="12"/>
    </row>
    <row r="149484" spans="8:8">
      <c r="H149484" s="12"/>
    </row>
    <row r="149485" spans="8:8">
      <c r="H149485" s="12"/>
    </row>
    <row r="149486" spans="8:8">
      <c r="H149486" s="12"/>
    </row>
    <row r="149487" spans="8:8">
      <c r="H149487" s="12"/>
    </row>
    <row r="149488" spans="8:8">
      <c r="H149488" s="12"/>
    </row>
    <row r="149489" spans="8:8">
      <c r="H149489" s="12"/>
    </row>
    <row r="149490" spans="8:8">
      <c r="H149490" s="12"/>
    </row>
    <row r="149491" spans="8:8">
      <c r="H149491" s="12"/>
    </row>
    <row r="149492" spans="8:8">
      <c r="H149492" s="12"/>
    </row>
    <row r="149493" spans="8:8">
      <c r="H149493" s="12"/>
    </row>
    <row r="149494" spans="8:8">
      <c r="H149494" s="12"/>
    </row>
    <row r="149495" spans="8:8">
      <c r="H149495" s="12"/>
    </row>
    <row r="149496" spans="8:8">
      <c r="H149496" s="12"/>
    </row>
    <row r="149497" spans="8:8">
      <c r="H149497" s="12"/>
    </row>
    <row r="149498" spans="8:8">
      <c r="H149498" s="12"/>
    </row>
    <row r="149499" spans="8:8">
      <c r="H149499" s="12"/>
    </row>
    <row r="149500" spans="8:8">
      <c r="H149500" s="12"/>
    </row>
    <row r="149501" spans="8:8">
      <c r="H149501" s="12"/>
    </row>
    <row r="149502" spans="8:8">
      <c r="H149502" s="12"/>
    </row>
    <row r="149503" spans="8:8">
      <c r="H149503" s="12"/>
    </row>
    <row r="149504" spans="8:8">
      <c r="H149504" s="12"/>
    </row>
    <row r="149505" spans="8:8">
      <c r="H149505" s="12"/>
    </row>
    <row r="149506" spans="8:8">
      <c r="H149506" s="12"/>
    </row>
    <row r="149507" spans="8:8">
      <c r="H149507" s="12"/>
    </row>
    <row r="149508" spans="8:8">
      <c r="H149508" s="12"/>
    </row>
    <row r="149509" spans="8:8">
      <c r="H149509" s="12"/>
    </row>
    <row r="149510" spans="8:8">
      <c r="H149510" s="12"/>
    </row>
    <row r="149511" spans="8:8">
      <c r="H149511" s="12"/>
    </row>
    <row r="149512" spans="8:8">
      <c r="H149512" s="12"/>
    </row>
    <row r="149513" spans="8:8">
      <c r="H149513" s="12"/>
    </row>
    <row r="149514" spans="8:8">
      <c r="H149514" s="12"/>
    </row>
    <row r="149515" spans="8:8">
      <c r="H149515" s="12"/>
    </row>
    <row r="149516" spans="8:8">
      <c r="H149516" s="12"/>
    </row>
    <row r="149517" spans="8:8">
      <c r="H149517" s="12"/>
    </row>
    <row r="149518" spans="8:8">
      <c r="H149518" s="12"/>
    </row>
    <row r="149519" spans="8:8">
      <c r="H149519" s="12"/>
    </row>
    <row r="149520" spans="8:8">
      <c r="H149520" s="12"/>
    </row>
    <row r="149521" spans="8:8">
      <c r="H149521" s="12"/>
    </row>
    <row r="149522" spans="8:8">
      <c r="H149522" s="12"/>
    </row>
    <row r="149523" spans="8:8">
      <c r="H149523" s="12"/>
    </row>
    <row r="149524" spans="8:8">
      <c r="H149524" s="12"/>
    </row>
    <row r="149525" spans="8:8">
      <c r="H149525" s="12"/>
    </row>
    <row r="149526" spans="8:8">
      <c r="H149526" s="12"/>
    </row>
    <row r="149527" spans="8:8">
      <c r="H149527" s="12"/>
    </row>
    <row r="149528" spans="8:8">
      <c r="H149528" s="12"/>
    </row>
    <row r="149529" spans="8:8">
      <c r="H149529" s="12"/>
    </row>
    <row r="149530" spans="8:8">
      <c r="H149530" s="12"/>
    </row>
    <row r="149531" spans="8:8">
      <c r="H149531" s="12"/>
    </row>
    <row r="149532" spans="8:8">
      <c r="H149532" s="12"/>
    </row>
    <row r="149533" spans="8:8">
      <c r="H149533" s="12"/>
    </row>
    <row r="149534" spans="8:8">
      <c r="H149534" s="12"/>
    </row>
    <row r="149535" spans="8:8">
      <c r="H149535" s="12"/>
    </row>
    <row r="149536" spans="8:8">
      <c r="H149536" s="12"/>
    </row>
    <row r="149537" spans="8:8">
      <c r="H149537" s="12"/>
    </row>
    <row r="149538" spans="8:8">
      <c r="H149538" s="12"/>
    </row>
    <row r="149539" spans="8:8">
      <c r="H149539" s="12"/>
    </row>
    <row r="149540" spans="8:8">
      <c r="H149540" s="12"/>
    </row>
    <row r="149541" spans="8:8">
      <c r="H149541" s="12"/>
    </row>
    <row r="149542" spans="8:8">
      <c r="H149542" s="12"/>
    </row>
    <row r="149543" spans="8:8">
      <c r="H149543" s="12"/>
    </row>
    <row r="149544" spans="8:8">
      <c r="H149544" s="12"/>
    </row>
    <row r="149545" spans="8:8">
      <c r="H149545" s="12"/>
    </row>
    <row r="149546" spans="8:8">
      <c r="H149546" s="12"/>
    </row>
    <row r="149547" spans="8:8">
      <c r="H149547" s="12"/>
    </row>
    <row r="149548" spans="8:8">
      <c r="H149548" s="12"/>
    </row>
    <row r="149549" spans="8:8">
      <c r="H149549" s="12"/>
    </row>
    <row r="149550" spans="8:8">
      <c r="H149550" s="12"/>
    </row>
    <row r="149551" spans="8:8">
      <c r="H149551" s="12"/>
    </row>
    <row r="149552" spans="8:8">
      <c r="H149552" s="12"/>
    </row>
    <row r="149553" spans="8:8">
      <c r="H149553" s="12"/>
    </row>
    <row r="149554" spans="8:8">
      <c r="H149554" s="12"/>
    </row>
    <row r="149555" spans="8:8">
      <c r="H149555" s="12"/>
    </row>
    <row r="149556" spans="8:8">
      <c r="H149556" s="12"/>
    </row>
    <row r="149557" spans="8:8">
      <c r="H149557" s="12"/>
    </row>
    <row r="149558" spans="8:8">
      <c r="H149558" s="12"/>
    </row>
    <row r="149559" spans="8:8">
      <c r="H149559" s="12"/>
    </row>
    <row r="149560" spans="8:8">
      <c r="H149560" s="12"/>
    </row>
    <row r="149561" spans="8:8">
      <c r="H149561" s="12"/>
    </row>
    <row r="149562" spans="8:8">
      <c r="H149562" s="12"/>
    </row>
    <row r="149563" spans="8:8">
      <c r="H149563" s="12"/>
    </row>
    <row r="149564" spans="8:8">
      <c r="H149564" s="12"/>
    </row>
    <row r="149565" spans="8:8">
      <c r="H149565" s="12"/>
    </row>
    <row r="149566" spans="8:8">
      <c r="H149566" s="12"/>
    </row>
    <row r="149567" spans="8:8">
      <c r="H149567" s="12"/>
    </row>
    <row r="149568" spans="8:8">
      <c r="H149568" s="12"/>
    </row>
    <row r="149569" spans="8:8">
      <c r="H149569" s="12"/>
    </row>
    <row r="149570" spans="8:8">
      <c r="H149570" s="12"/>
    </row>
    <row r="149571" spans="8:8">
      <c r="H149571" s="12"/>
    </row>
    <row r="149572" spans="8:8">
      <c r="H149572" s="12"/>
    </row>
    <row r="149573" spans="8:8">
      <c r="H149573" s="12"/>
    </row>
    <row r="149574" spans="8:8">
      <c r="H149574" s="12"/>
    </row>
    <row r="149575" spans="8:8">
      <c r="H149575" s="12"/>
    </row>
    <row r="149576" spans="8:8">
      <c r="H149576" s="12"/>
    </row>
    <row r="149577" spans="8:8">
      <c r="H149577" s="12"/>
    </row>
    <row r="149578" spans="8:8">
      <c r="H149578" s="12"/>
    </row>
    <row r="149579" spans="8:8">
      <c r="H149579" s="12"/>
    </row>
    <row r="149580" spans="8:8">
      <c r="H149580" s="12"/>
    </row>
    <row r="149581" spans="8:8">
      <c r="H149581" s="12"/>
    </row>
    <row r="149582" spans="8:8">
      <c r="H149582" s="12"/>
    </row>
    <row r="149583" spans="8:8">
      <c r="H149583" s="12"/>
    </row>
    <row r="149584" spans="8:8">
      <c r="H149584" s="12"/>
    </row>
    <row r="149585" spans="8:8">
      <c r="H149585" s="12"/>
    </row>
    <row r="149586" spans="8:8">
      <c r="H149586" s="12"/>
    </row>
    <row r="149587" spans="8:8">
      <c r="H149587" s="12"/>
    </row>
    <row r="149588" spans="8:8">
      <c r="H149588" s="12"/>
    </row>
    <row r="149589" spans="8:8">
      <c r="H149589" s="12"/>
    </row>
    <row r="149590" spans="8:8">
      <c r="H149590" s="12"/>
    </row>
    <row r="149591" spans="8:8">
      <c r="H149591" s="12"/>
    </row>
    <row r="149592" spans="8:8">
      <c r="H149592" s="12"/>
    </row>
    <row r="149593" spans="8:8">
      <c r="H149593" s="12"/>
    </row>
    <row r="149594" spans="8:8">
      <c r="H149594" s="12"/>
    </row>
    <row r="149595" spans="8:8">
      <c r="H149595" s="12"/>
    </row>
    <row r="149596" spans="8:8">
      <c r="H149596" s="12"/>
    </row>
    <row r="149597" spans="8:8">
      <c r="H149597" s="12"/>
    </row>
    <row r="149598" spans="8:8">
      <c r="H149598" s="12"/>
    </row>
    <row r="149599" spans="8:8">
      <c r="H149599" s="12"/>
    </row>
    <row r="149600" spans="8:8">
      <c r="H149600" s="12"/>
    </row>
    <row r="149601" spans="8:8">
      <c r="H149601" s="12"/>
    </row>
    <row r="149602" spans="8:8">
      <c r="H149602" s="12"/>
    </row>
    <row r="149603" spans="8:8">
      <c r="H149603" s="12"/>
    </row>
    <row r="149604" spans="8:8">
      <c r="H149604" s="12"/>
    </row>
    <row r="149605" spans="8:8">
      <c r="H149605" s="12"/>
    </row>
    <row r="149606" spans="8:8">
      <c r="H149606" s="12"/>
    </row>
    <row r="149607" spans="8:8">
      <c r="H149607" s="12"/>
    </row>
    <row r="149608" spans="8:8">
      <c r="H149608" s="12"/>
    </row>
    <row r="149609" spans="8:8">
      <c r="H149609" s="12"/>
    </row>
    <row r="149610" spans="8:8">
      <c r="H149610" s="12"/>
    </row>
    <row r="149611" spans="8:8">
      <c r="H149611" s="12"/>
    </row>
    <row r="149612" spans="8:8">
      <c r="H149612" s="12"/>
    </row>
    <row r="149613" spans="8:8">
      <c r="H149613" s="12"/>
    </row>
    <row r="149614" spans="8:8">
      <c r="H149614" s="12"/>
    </row>
    <row r="149615" spans="8:8">
      <c r="H149615" s="12"/>
    </row>
    <row r="149616" spans="8:8">
      <c r="H149616" s="12"/>
    </row>
    <row r="149617" spans="8:8">
      <c r="H149617" s="12"/>
    </row>
    <row r="149618" spans="8:8">
      <c r="H149618" s="12"/>
    </row>
    <row r="149619" spans="8:8">
      <c r="H149619" s="12"/>
    </row>
    <row r="149620" spans="8:8">
      <c r="H149620" s="12"/>
    </row>
    <row r="149621" spans="8:8">
      <c r="H149621" s="12"/>
    </row>
    <row r="149622" spans="8:8">
      <c r="H149622" s="12"/>
    </row>
    <row r="149623" spans="8:8">
      <c r="H149623" s="12"/>
    </row>
    <row r="149624" spans="8:8">
      <c r="H149624" s="12"/>
    </row>
    <row r="149625" spans="8:8">
      <c r="H149625" s="12"/>
    </row>
    <row r="149626" spans="8:8">
      <c r="H149626" s="12"/>
    </row>
    <row r="149627" spans="8:8">
      <c r="H149627" s="12"/>
    </row>
    <row r="149628" spans="8:8">
      <c r="H149628" s="12"/>
    </row>
    <row r="149629" spans="8:8">
      <c r="H149629" s="12"/>
    </row>
    <row r="149630" spans="8:8">
      <c r="H149630" s="12"/>
    </row>
    <row r="149631" spans="8:8">
      <c r="H149631" s="12"/>
    </row>
    <row r="149632" spans="8:8">
      <c r="H149632" s="12"/>
    </row>
    <row r="149633" spans="8:8">
      <c r="H149633" s="12"/>
    </row>
    <row r="149634" spans="8:8">
      <c r="H149634" s="12"/>
    </row>
    <row r="149635" spans="8:8">
      <c r="H149635" s="12"/>
    </row>
    <row r="149636" spans="8:8">
      <c r="H149636" s="12"/>
    </row>
    <row r="149637" spans="8:8">
      <c r="H149637" s="12"/>
    </row>
    <row r="149638" spans="8:8">
      <c r="H149638" s="12"/>
    </row>
    <row r="149639" spans="8:8">
      <c r="H149639" s="12"/>
    </row>
    <row r="149640" spans="8:8">
      <c r="H149640" s="12"/>
    </row>
    <row r="149641" spans="8:8">
      <c r="H149641" s="12"/>
    </row>
    <row r="149642" spans="8:8">
      <c r="H149642" s="12"/>
    </row>
    <row r="149643" spans="8:8">
      <c r="H149643" s="12"/>
    </row>
    <row r="149644" spans="8:8">
      <c r="H149644" s="12"/>
    </row>
    <row r="149645" spans="8:8">
      <c r="H149645" s="12"/>
    </row>
    <row r="149646" spans="8:8">
      <c r="H149646" s="12"/>
    </row>
    <row r="149647" spans="8:8">
      <c r="H149647" s="12"/>
    </row>
    <row r="149648" spans="8:8">
      <c r="H149648" s="12"/>
    </row>
    <row r="149649" spans="8:8">
      <c r="H149649" s="12"/>
    </row>
    <row r="149650" spans="8:8">
      <c r="H149650" s="12"/>
    </row>
    <row r="149651" spans="8:8">
      <c r="H149651" s="12"/>
    </row>
    <row r="149652" spans="8:8">
      <c r="H149652" s="12"/>
    </row>
    <row r="149653" spans="8:8">
      <c r="H149653" s="12"/>
    </row>
    <row r="149654" spans="8:8">
      <c r="H149654" s="12"/>
    </row>
    <row r="149655" spans="8:8">
      <c r="H149655" s="12"/>
    </row>
    <row r="149656" spans="8:8">
      <c r="H149656" s="12"/>
    </row>
    <row r="149657" spans="8:8">
      <c r="H149657" s="12"/>
    </row>
    <row r="149658" spans="8:8">
      <c r="H149658" s="12"/>
    </row>
    <row r="149659" spans="8:8">
      <c r="H149659" s="12"/>
    </row>
    <row r="149660" spans="8:8">
      <c r="H149660" s="12"/>
    </row>
    <row r="149661" spans="8:8">
      <c r="H149661" s="12"/>
    </row>
    <row r="149662" spans="8:8">
      <c r="H149662" s="12"/>
    </row>
    <row r="149663" spans="8:8">
      <c r="H149663" s="12"/>
    </row>
    <row r="149664" spans="8:8">
      <c r="H149664" s="12"/>
    </row>
    <row r="149665" spans="8:8">
      <c r="H149665" s="12"/>
    </row>
    <row r="149666" spans="8:8">
      <c r="H149666" s="12"/>
    </row>
    <row r="149667" spans="8:8">
      <c r="H149667" s="12"/>
    </row>
    <row r="149668" spans="8:8">
      <c r="H149668" s="12"/>
    </row>
    <row r="149669" spans="8:8">
      <c r="H149669" s="12"/>
    </row>
    <row r="149670" spans="8:8">
      <c r="H149670" s="12"/>
    </row>
    <row r="149671" spans="8:8">
      <c r="H149671" s="12"/>
    </row>
    <row r="149672" spans="8:8">
      <c r="H149672" s="12"/>
    </row>
    <row r="149673" spans="8:8">
      <c r="H149673" s="12"/>
    </row>
    <row r="149674" spans="8:8">
      <c r="H149674" s="12"/>
    </row>
    <row r="149675" spans="8:8">
      <c r="H149675" s="12"/>
    </row>
    <row r="149676" spans="8:8">
      <c r="H149676" s="12"/>
    </row>
    <row r="149677" spans="8:8">
      <c r="H149677" s="12"/>
    </row>
    <row r="149678" spans="8:8">
      <c r="H149678" s="12"/>
    </row>
    <row r="149679" spans="8:8">
      <c r="H149679" s="12"/>
    </row>
    <row r="149680" spans="8:8">
      <c r="H149680" s="12"/>
    </row>
    <row r="149681" spans="8:8">
      <c r="H149681" s="12"/>
    </row>
    <row r="149682" spans="8:8">
      <c r="H149682" s="12"/>
    </row>
    <row r="149683" spans="8:8">
      <c r="H149683" s="12"/>
    </row>
    <row r="149684" spans="8:8">
      <c r="H149684" s="12"/>
    </row>
    <row r="149685" spans="8:8">
      <c r="H149685" s="12"/>
    </row>
    <row r="149686" spans="8:8">
      <c r="H149686" s="12"/>
    </row>
    <row r="149687" spans="8:8">
      <c r="H149687" s="12"/>
    </row>
    <row r="149688" spans="8:8">
      <c r="H149688" s="12"/>
    </row>
    <row r="149689" spans="8:8">
      <c r="H149689" s="12"/>
    </row>
    <row r="149690" spans="8:8">
      <c r="H149690" s="12"/>
    </row>
    <row r="149691" spans="8:8">
      <c r="H149691" s="12"/>
    </row>
    <row r="149692" spans="8:8">
      <c r="H149692" s="12"/>
    </row>
    <row r="149693" spans="8:8">
      <c r="H149693" s="12"/>
    </row>
    <row r="149694" spans="8:8">
      <c r="H149694" s="12"/>
    </row>
    <row r="149695" spans="8:8">
      <c r="H149695" s="12"/>
    </row>
    <row r="149696" spans="8:8">
      <c r="H149696" s="12"/>
    </row>
    <row r="149697" spans="8:8">
      <c r="H149697" s="12"/>
    </row>
    <row r="149698" spans="8:8">
      <c r="H149698" s="12"/>
    </row>
    <row r="149699" spans="8:8">
      <c r="H149699" s="12"/>
    </row>
    <row r="149700" spans="8:8">
      <c r="H149700" s="12"/>
    </row>
    <row r="149701" spans="8:8">
      <c r="H149701" s="12"/>
    </row>
    <row r="149702" spans="8:8">
      <c r="H149702" s="12"/>
    </row>
    <row r="149703" spans="8:8">
      <c r="H149703" s="12"/>
    </row>
    <row r="149704" spans="8:8">
      <c r="H149704" s="12"/>
    </row>
    <row r="149705" spans="8:8">
      <c r="H149705" s="12"/>
    </row>
    <row r="149706" spans="8:8">
      <c r="H149706" s="12"/>
    </row>
    <row r="149707" spans="8:8">
      <c r="H149707" s="12"/>
    </row>
    <row r="149708" spans="8:8">
      <c r="H149708" s="12"/>
    </row>
    <row r="149709" spans="8:8">
      <c r="H149709" s="12"/>
    </row>
    <row r="149710" spans="8:8">
      <c r="H149710" s="12"/>
    </row>
    <row r="149711" spans="8:8">
      <c r="H149711" s="12"/>
    </row>
    <row r="149712" spans="8:8">
      <c r="H149712" s="12"/>
    </row>
    <row r="149713" spans="8:8">
      <c r="H149713" s="12"/>
    </row>
    <row r="149714" spans="8:8">
      <c r="H149714" s="12"/>
    </row>
    <row r="149715" spans="8:8">
      <c r="H149715" s="12"/>
    </row>
    <row r="149716" spans="8:8">
      <c r="H149716" s="12"/>
    </row>
    <row r="149717" spans="8:8">
      <c r="H149717" s="12"/>
    </row>
    <row r="149718" spans="8:8">
      <c r="H149718" s="12"/>
    </row>
    <row r="149719" spans="8:8">
      <c r="H149719" s="12"/>
    </row>
    <row r="149720" spans="8:8">
      <c r="H149720" s="12"/>
    </row>
    <row r="149721" spans="8:8">
      <c r="H149721" s="12"/>
    </row>
    <row r="149722" spans="8:8">
      <c r="H149722" s="12"/>
    </row>
    <row r="149723" spans="8:8">
      <c r="H149723" s="12"/>
    </row>
    <row r="149724" spans="8:8">
      <c r="H149724" s="12"/>
    </row>
    <row r="149725" spans="8:8">
      <c r="H149725" s="12"/>
    </row>
    <row r="149726" spans="8:8">
      <c r="H149726" s="12"/>
    </row>
    <row r="149727" spans="8:8">
      <c r="H149727" s="12"/>
    </row>
    <row r="149728" spans="8:8">
      <c r="H149728" s="12"/>
    </row>
    <row r="149729" spans="8:8">
      <c r="H149729" s="12"/>
    </row>
    <row r="149730" spans="8:8">
      <c r="H149730" s="12"/>
    </row>
    <row r="149731" spans="8:8">
      <c r="H149731" s="12"/>
    </row>
    <row r="149732" spans="8:8">
      <c r="H149732" s="12"/>
    </row>
    <row r="149733" spans="8:8">
      <c r="H149733" s="12"/>
    </row>
    <row r="149734" spans="8:8">
      <c r="H149734" s="12"/>
    </row>
    <row r="149735" spans="8:8">
      <c r="H149735" s="12"/>
    </row>
    <row r="149736" spans="8:8">
      <c r="H149736" s="12"/>
    </row>
    <row r="149737" spans="8:8">
      <c r="H149737" s="12"/>
    </row>
    <row r="149738" spans="8:8">
      <c r="H149738" s="12"/>
    </row>
    <row r="149739" spans="8:8">
      <c r="H149739" s="12"/>
    </row>
    <row r="149740" spans="8:8">
      <c r="H149740" s="12"/>
    </row>
    <row r="149741" spans="8:8">
      <c r="H149741" s="12"/>
    </row>
    <row r="149742" spans="8:8">
      <c r="H149742" s="12"/>
    </row>
    <row r="149743" spans="8:8">
      <c r="H149743" s="12"/>
    </row>
    <row r="149744" spans="8:8">
      <c r="H149744" s="12"/>
    </row>
    <row r="149745" spans="8:8">
      <c r="H149745" s="12"/>
    </row>
    <row r="149746" spans="8:8">
      <c r="H149746" s="12"/>
    </row>
    <row r="149747" spans="8:8">
      <c r="H149747" s="12"/>
    </row>
    <row r="149748" spans="8:8">
      <c r="H149748" s="12"/>
    </row>
    <row r="149749" spans="8:8">
      <c r="H149749" s="12"/>
    </row>
    <row r="149750" spans="8:8">
      <c r="H149750" s="12"/>
    </row>
    <row r="149751" spans="8:8">
      <c r="H149751" s="12"/>
    </row>
    <row r="149752" spans="8:8">
      <c r="H149752" s="12"/>
    </row>
    <row r="149753" spans="8:8">
      <c r="H149753" s="12"/>
    </row>
    <row r="149754" spans="8:8">
      <c r="H149754" s="12"/>
    </row>
    <row r="149755" spans="8:8">
      <c r="H149755" s="12"/>
    </row>
    <row r="149756" spans="8:8">
      <c r="H149756" s="12"/>
    </row>
    <row r="149757" spans="8:8">
      <c r="H149757" s="12"/>
    </row>
    <row r="149758" spans="8:8">
      <c r="H149758" s="12"/>
    </row>
    <row r="149759" spans="8:8">
      <c r="H149759" s="12"/>
    </row>
    <row r="149760" spans="8:8">
      <c r="H149760" s="12"/>
    </row>
    <row r="149761" spans="8:8">
      <c r="H149761" s="12"/>
    </row>
    <row r="149762" spans="8:8">
      <c r="H149762" s="12"/>
    </row>
    <row r="149763" spans="8:8">
      <c r="H149763" s="12"/>
    </row>
    <row r="149764" spans="8:8">
      <c r="H149764" s="12"/>
    </row>
    <row r="149765" spans="8:8">
      <c r="H149765" s="12"/>
    </row>
    <row r="149766" spans="8:8">
      <c r="H149766" s="12"/>
    </row>
    <row r="149767" spans="8:8">
      <c r="H149767" s="12"/>
    </row>
    <row r="149768" spans="8:8">
      <c r="H149768" s="12"/>
    </row>
    <row r="149769" spans="8:8">
      <c r="H149769" s="12"/>
    </row>
    <row r="149770" spans="8:8">
      <c r="H149770" s="12"/>
    </row>
    <row r="149771" spans="8:8">
      <c r="H149771" s="12"/>
    </row>
    <row r="149772" spans="8:8">
      <c r="H149772" s="12"/>
    </row>
    <row r="149773" spans="8:8">
      <c r="H149773" s="12"/>
    </row>
    <row r="149774" spans="8:8">
      <c r="H149774" s="12"/>
    </row>
    <row r="149775" spans="8:8">
      <c r="H149775" s="12"/>
    </row>
    <row r="149776" spans="8:8">
      <c r="H149776" s="12"/>
    </row>
    <row r="149777" spans="8:8">
      <c r="H149777" s="12"/>
    </row>
    <row r="149778" spans="8:8">
      <c r="H149778" s="12"/>
    </row>
    <row r="149779" spans="8:8">
      <c r="H149779" s="12"/>
    </row>
    <row r="149780" spans="8:8">
      <c r="H149780" s="12"/>
    </row>
    <row r="149781" spans="8:8">
      <c r="H149781" s="12"/>
    </row>
    <row r="149782" spans="8:8">
      <c r="H149782" s="12"/>
    </row>
    <row r="149783" spans="8:8">
      <c r="H149783" s="12"/>
    </row>
    <row r="149784" spans="8:8">
      <c r="H149784" s="12"/>
    </row>
    <row r="149785" spans="8:8">
      <c r="H149785" s="12"/>
    </row>
    <row r="149786" spans="8:8">
      <c r="H149786" s="12"/>
    </row>
    <row r="149787" spans="8:8">
      <c r="H149787" s="12"/>
    </row>
    <row r="149788" spans="8:8">
      <c r="H149788" s="12"/>
    </row>
    <row r="149789" spans="8:8">
      <c r="H149789" s="12"/>
    </row>
    <row r="149790" spans="8:8">
      <c r="H149790" s="12"/>
    </row>
    <row r="149791" spans="8:8">
      <c r="H149791" s="12"/>
    </row>
    <row r="149792" spans="8:8">
      <c r="H149792" s="12"/>
    </row>
    <row r="149793" spans="8:8">
      <c r="H149793" s="12"/>
    </row>
    <row r="149794" spans="8:8">
      <c r="H149794" s="12"/>
    </row>
    <row r="149795" spans="8:8">
      <c r="H149795" s="12"/>
    </row>
    <row r="149796" spans="8:8">
      <c r="H149796" s="12"/>
    </row>
    <row r="149797" spans="8:8">
      <c r="H149797" s="12"/>
    </row>
    <row r="149798" spans="8:8">
      <c r="H149798" s="12"/>
    </row>
    <row r="149799" spans="8:8">
      <c r="H149799" s="12"/>
    </row>
    <row r="149800" spans="8:8">
      <c r="H149800" s="12"/>
    </row>
    <row r="149801" spans="8:8">
      <c r="H149801" s="12"/>
    </row>
    <row r="149802" spans="8:8">
      <c r="H149802" s="12"/>
    </row>
    <row r="149803" spans="8:8">
      <c r="H149803" s="12"/>
    </row>
    <row r="149804" spans="8:8">
      <c r="H149804" s="12"/>
    </row>
    <row r="149805" spans="8:8">
      <c r="H149805" s="12"/>
    </row>
    <row r="149806" spans="8:8">
      <c r="H149806" s="12"/>
    </row>
    <row r="149807" spans="8:8">
      <c r="H149807" s="12"/>
    </row>
    <row r="149808" spans="8:8">
      <c r="H149808" s="12"/>
    </row>
    <row r="149809" spans="8:8">
      <c r="H149809" s="12"/>
    </row>
    <row r="149810" spans="8:8">
      <c r="H149810" s="12"/>
    </row>
    <row r="149811" spans="8:8">
      <c r="H149811" s="12"/>
    </row>
    <row r="149812" spans="8:8">
      <c r="H149812" s="12"/>
    </row>
    <row r="149813" spans="8:8">
      <c r="H149813" s="12"/>
    </row>
    <row r="149814" spans="8:8">
      <c r="H149814" s="12"/>
    </row>
    <row r="149815" spans="8:8">
      <c r="H149815" s="12"/>
    </row>
    <row r="149816" spans="8:8">
      <c r="H149816" s="12"/>
    </row>
    <row r="149817" spans="8:8">
      <c r="H149817" s="12"/>
    </row>
    <row r="149818" spans="8:8">
      <c r="H149818" s="12"/>
    </row>
    <row r="149819" spans="8:8">
      <c r="H149819" s="12"/>
    </row>
    <row r="149820" spans="8:8">
      <c r="H149820" s="12"/>
    </row>
    <row r="149821" spans="8:8">
      <c r="H149821" s="12"/>
    </row>
    <row r="149822" spans="8:8">
      <c r="H149822" s="12"/>
    </row>
    <row r="149823" spans="8:8">
      <c r="H149823" s="12"/>
    </row>
    <row r="149824" spans="8:8">
      <c r="H149824" s="12"/>
    </row>
    <row r="149825" spans="8:8">
      <c r="H149825" s="12"/>
    </row>
    <row r="149826" spans="8:8">
      <c r="H149826" s="12"/>
    </row>
    <row r="149827" spans="8:8">
      <c r="H149827" s="12"/>
    </row>
    <row r="149828" spans="8:8">
      <c r="H149828" s="12"/>
    </row>
    <row r="149829" spans="8:8">
      <c r="H149829" s="12"/>
    </row>
    <row r="149830" spans="8:8">
      <c r="H149830" s="12"/>
    </row>
    <row r="149831" spans="8:8">
      <c r="H149831" s="12"/>
    </row>
    <row r="149832" spans="8:8">
      <c r="H149832" s="12"/>
    </row>
    <row r="149833" spans="8:8">
      <c r="H149833" s="12"/>
    </row>
    <row r="149834" spans="8:8">
      <c r="H149834" s="12"/>
    </row>
    <row r="149835" spans="8:8">
      <c r="H149835" s="12"/>
    </row>
    <row r="149836" spans="8:8">
      <c r="H149836" s="12"/>
    </row>
    <row r="149837" spans="8:8">
      <c r="H149837" s="12"/>
    </row>
    <row r="149838" spans="8:8">
      <c r="H149838" s="12"/>
    </row>
    <row r="149839" spans="8:8">
      <c r="H149839" s="12"/>
    </row>
    <row r="149840" spans="8:8">
      <c r="H149840" s="12"/>
    </row>
    <row r="149841" spans="8:8">
      <c r="H149841" s="12"/>
    </row>
    <row r="149842" spans="8:8">
      <c r="H149842" s="12"/>
    </row>
    <row r="149843" spans="8:8">
      <c r="H149843" s="12"/>
    </row>
    <row r="149844" spans="8:8">
      <c r="H149844" s="12"/>
    </row>
    <row r="149845" spans="8:8">
      <c r="H149845" s="12"/>
    </row>
    <row r="149846" spans="8:8">
      <c r="H149846" s="12"/>
    </row>
    <row r="149847" spans="8:8">
      <c r="H149847" s="12"/>
    </row>
    <row r="149848" spans="8:8">
      <c r="H149848" s="12"/>
    </row>
    <row r="149849" spans="8:8">
      <c r="H149849" s="12"/>
    </row>
    <row r="149850" spans="8:8">
      <c r="H149850" s="12"/>
    </row>
    <row r="149851" spans="8:8">
      <c r="H149851" s="12"/>
    </row>
    <row r="149852" spans="8:8">
      <c r="H149852" s="12"/>
    </row>
    <row r="149853" spans="8:8">
      <c r="H149853" s="12"/>
    </row>
    <row r="149854" spans="8:8">
      <c r="H149854" s="12"/>
    </row>
    <row r="149855" spans="8:8">
      <c r="H149855" s="12"/>
    </row>
    <row r="149856" spans="8:8">
      <c r="H149856" s="12"/>
    </row>
    <row r="149857" spans="8:8">
      <c r="H149857" s="12"/>
    </row>
    <row r="149858" spans="8:8">
      <c r="H149858" s="12"/>
    </row>
    <row r="149859" spans="8:8">
      <c r="H149859" s="12"/>
    </row>
    <row r="149860" spans="8:8">
      <c r="H149860" s="12"/>
    </row>
    <row r="149861" spans="8:8">
      <c r="H149861" s="12"/>
    </row>
    <row r="149862" spans="8:8">
      <c r="H149862" s="12"/>
    </row>
    <row r="149863" spans="8:8">
      <c r="H149863" s="12"/>
    </row>
    <row r="149864" spans="8:8">
      <c r="H149864" s="12"/>
    </row>
    <row r="149865" spans="8:8">
      <c r="H149865" s="12"/>
    </row>
    <row r="149866" spans="8:8">
      <c r="H149866" s="12"/>
    </row>
    <row r="149867" spans="8:8">
      <c r="H149867" s="12"/>
    </row>
    <row r="149868" spans="8:8">
      <c r="H149868" s="12"/>
    </row>
    <row r="149869" spans="8:8">
      <c r="H149869" s="12"/>
    </row>
    <row r="149870" spans="8:8">
      <c r="H149870" s="12"/>
    </row>
    <row r="149871" spans="8:8">
      <c r="H149871" s="12"/>
    </row>
    <row r="149872" spans="8:8">
      <c r="H149872" s="12"/>
    </row>
    <row r="149873" spans="8:8">
      <c r="H149873" s="12"/>
    </row>
    <row r="149874" spans="8:8">
      <c r="H149874" s="12"/>
    </row>
    <row r="149875" spans="8:8">
      <c r="H149875" s="12"/>
    </row>
    <row r="149876" spans="8:8">
      <c r="H149876" s="12"/>
    </row>
    <row r="149877" spans="8:8">
      <c r="H149877" s="12"/>
    </row>
    <row r="149878" spans="8:8">
      <c r="H149878" s="12"/>
    </row>
    <row r="149879" spans="8:8">
      <c r="H149879" s="12"/>
    </row>
    <row r="149880" spans="8:8">
      <c r="H149880" s="12"/>
    </row>
    <row r="149881" spans="8:8">
      <c r="H149881" s="12"/>
    </row>
    <row r="149882" spans="8:8">
      <c r="H149882" s="12"/>
    </row>
    <row r="149883" spans="8:8">
      <c r="H149883" s="12"/>
    </row>
    <row r="149884" spans="8:8">
      <c r="H149884" s="12"/>
    </row>
    <row r="149885" spans="8:8">
      <c r="H149885" s="12"/>
    </row>
    <row r="149886" spans="8:8">
      <c r="H149886" s="12"/>
    </row>
    <row r="149887" spans="8:8">
      <c r="H149887" s="12"/>
    </row>
    <row r="149888" spans="8:8">
      <c r="H149888" s="12"/>
    </row>
    <row r="149889" spans="8:8">
      <c r="H149889" s="12"/>
    </row>
    <row r="149890" spans="8:8">
      <c r="H149890" s="12"/>
    </row>
    <row r="149891" spans="8:8">
      <c r="H149891" s="12"/>
    </row>
    <row r="149892" spans="8:8">
      <c r="H149892" s="12"/>
    </row>
    <row r="149893" spans="8:8">
      <c r="H149893" s="12"/>
    </row>
    <row r="149894" spans="8:8">
      <c r="H149894" s="12"/>
    </row>
    <row r="149895" spans="8:8">
      <c r="H149895" s="12"/>
    </row>
    <row r="149896" spans="8:8">
      <c r="H149896" s="12"/>
    </row>
    <row r="149897" spans="8:8">
      <c r="H149897" s="12"/>
    </row>
    <row r="149898" spans="8:8">
      <c r="H149898" s="12"/>
    </row>
    <row r="149899" spans="8:8">
      <c r="H149899" s="12"/>
    </row>
    <row r="149900" spans="8:8">
      <c r="H149900" s="12"/>
    </row>
    <row r="149901" spans="8:8">
      <c r="H149901" s="12"/>
    </row>
    <row r="149902" spans="8:8">
      <c r="H149902" s="12"/>
    </row>
    <row r="149903" spans="8:8">
      <c r="H149903" s="12"/>
    </row>
    <row r="149904" spans="8:8">
      <c r="H149904" s="12"/>
    </row>
    <row r="149905" spans="8:8">
      <c r="H149905" s="12"/>
    </row>
    <row r="149906" spans="8:8">
      <c r="H149906" s="12"/>
    </row>
    <row r="149907" spans="8:8">
      <c r="H149907" s="12"/>
    </row>
    <row r="149908" spans="8:8">
      <c r="H149908" s="12"/>
    </row>
    <row r="149909" spans="8:8">
      <c r="H149909" s="12"/>
    </row>
    <row r="149910" spans="8:8">
      <c r="H149910" s="12"/>
    </row>
    <row r="149911" spans="8:8">
      <c r="H149911" s="12"/>
    </row>
    <row r="149912" spans="8:8">
      <c r="H149912" s="12"/>
    </row>
    <row r="149913" spans="8:8">
      <c r="H149913" s="12"/>
    </row>
    <row r="149914" spans="8:8">
      <c r="H149914" s="12"/>
    </row>
    <row r="149915" spans="8:8">
      <c r="H149915" s="12"/>
    </row>
    <row r="149916" spans="8:8">
      <c r="H149916" s="12"/>
    </row>
    <row r="149917" spans="8:8">
      <c r="H149917" s="12"/>
    </row>
    <row r="149918" spans="8:8">
      <c r="H149918" s="12"/>
    </row>
    <row r="149919" spans="8:8">
      <c r="H149919" s="12"/>
    </row>
    <row r="149920" spans="8:8">
      <c r="H149920" s="12"/>
    </row>
    <row r="149921" spans="8:8">
      <c r="H149921" s="12"/>
    </row>
    <row r="149922" spans="8:8">
      <c r="H149922" s="12"/>
    </row>
    <row r="149923" spans="8:8">
      <c r="H149923" s="12"/>
    </row>
    <row r="149924" spans="8:8">
      <c r="H149924" s="12"/>
    </row>
    <row r="149925" spans="8:8">
      <c r="H149925" s="12"/>
    </row>
    <row r="149926" spans="8:8">
      <c r="H149926" s="12"/>
    </row>
    <row r="149927" spans="8:8">
      <c r="H149927" s="12"/>
    </row>
    <row r="149928" spans="8:8">
      <c r="H149928" s="12"/>
    </row>
    <row r="149929" spans="8:8">
      <c r="H149929" s="12"/>
    </row>
    <row r="149930" spans="8:8">
      <c r="H149930" s="12"/>
    </row>
    <row r="149931" spans="8:8">
      <c r="H149931" s="12"/>
    </row>
    <row r="149932" spans="8:8">
      <c r="H149932" s="12"/>
    </row>
    <row r="149933" spans="8:8">
      <c r="H149933" s="12"/>
    </row>
    <row r="149934" spans="8:8">
      <c r="H149934" s="12"/>
    </row>
    <row r="149935" spans="8:8">
      <c r="H149935" s="12"/>
    </row>
    <row r="149936" spans="8:8">
      <c r="H149936" s="12"/>
    </row>
    <row r="149937" spans="8:8">
      <c r="H149937" s="12"/>
    </row>
    <row r="149938" spans="8:8">
      <c r="H149938" s="12"/>
    </row>
    <row r="149939" spans="8:8">
      <c r="H149939" s="12"/>
    </row>
    <row r="149940" spans="8:8">
      <c r="H149940" s="12"/>
    </row>
    <row r="149941" spans="8:8">
      <c r="H149941" s="12"/>
    </row>
    <row r="149942" spans="8:8">
      <c r="H149942" s="12"/>
    </row>
    <row r="149943" spans="8:8">
      <c r="H149943" s="12"/>
    </row>
    <row r="149944" spans="8:8">
      <c r="H149944" s="12"/>
    </row>
    <row r="149945" spans="8:8">
      <c r="H149945" s="12"/>
    </row>
    <row r="149946" spans="8:8">
      <c r="H149946" s="12"/>
    </row>
    <row r="149947" spans="8:8">
      <c r="H149947" s="12"/>
    </row>
    <row r="149948" spans="8:8">
      <c r="H149948" s="12"/>
    </row>
    <row r="149949" spans="8:8">
      <c r="H149949" s="12"/>
    </row>
    <row r="149950" spans="8:8">
      <c r="H149950" s="12"/>
    </row>
    <row r="149951" spans="8:8">
      <c r="H149951" s="12"/>
    </row>
    <row r="149952" spans="8:8">
      <c r="H149952" s="12"/>
    </row>
    <row r="149953" spans="8:8">
      <c r="H149953" s="12"/>
    </row>
    <row r="149954" spans="8:8">
      <c r="H149954" s="12"/>
    </row>
    <row r="149955" spans="8:8">
      <c r="H149955" s="12"/>
    </row>
    <row r="149956" spans="8:8">
      <c r="H149956" s="12"/>
    </row>
    <row r="149957" spans="8:8">
      <c r="H149957" s="12"/>
    </row>
    <row r="149958" spans="8:8">
      <c r="H149958" s="12"/>
    </row>
    <row r="149959" spans="8:8">
      <c r="H149959" s="12"/>
    </row>
    <row r="149960" spans="8:8">
      <c r="H149960" s="12"/>
    </row>
    <row r="149961" spans="8:8">
      <c r="H149961" s="12"/>
    </row>
    <row r="149962" spans="8:8">
      <c r="H149962" s="12"/>
    </row>
    <row r="149963" spans="8:8">
      <c r="H149963" s="12"/>
    </row>
    <row r="149964" spans="8:8">
      <c r="H149964" s="12"/>
    </row>
    <row r="149965" spans="8:8">
      <c r="H149965" s="12"/>
    </row>
    <row r="149966" spans="8:8">
      <c r="H149966" s="12"/>
    </row>
    <row r="149967" spans="8:8">
      <c r="H149967" s="12"/>
    </row>
    <row r="149968" spans="8:8">
      <c r="H149968" s="12"/>
    </row>
    <row r="149969" spans="8:8">
      <c r="H149969" s="12"/>
    </row>
    <row r="149970" spans="8:8">
      <c r="H149970" s="12"/>
    </row>
    <row r="149971" spans="8:8">
      <c r="H149971" s="12"/>
    </row>
    <row r="149972" spans="8:8">
      <c r="H149972" s="12"/>
    </row>
    <row r="149973" spans="8:8">
      <c r="H149973" s="12"/>
    </row>
    <row r="149974" spans="8:8">
      <c r="H149974" s="12"/>
    </row>
    <row r="149975" spans="8:8">
      <c r="H149975" s="12"/>
    </row>
    <row r="149976" spans="8:8">
      <c r="H149976" s="12"/>
    </row>
    <row r="149977" spans="8:8">
      <c r="H149977" s="12"/>
    </row>
    <row r="149978" spans="8:8">
      <c r="H149978" s="12"/>
    </row>
    <row r="149979" spans="8:8">
      <c r="H149979" s="12"/>
    </row>
    <row r="149980" spans="8:8">
      <c r="H149980" s="12"/>
    </row>
    <row r="149981" spans="8:8">
      <c r="H149981" s="12"/>
    </row>
    <row r="149982" spans="8:8">
      <c r="H149982" s="12"/>
    </row>
    <row r="149983" spans="8:8">
      <c r="H149983" s="12"/>
    </row>
    <row r="149984" spans="8:8">
      <c r="H149984" s="12"/>
    </row>
    <row r="149985" spans="8:8">
      <c r="H149985" s="12"/>
    </row>
    <row r="149986" spans="8:8">
      <c r="H149986" s="12"/>
    </row>
    <row r="149987" spans="8:8">
      <c r="H149987" s="12"/>
    </row>
    <row r="149988" spans="8:8">
      <c r="H149988" s="12"/>
    </row>
    <row r="149989" spans="8:8">
      <c r="H149989" s="12"/>
    </row>
    <row r="149990" spans="8:8">
      <c r="H149990" s="12"/>
    </row>
    <row r="149991" spans="8:8">
      <c r="H149991" s="12"/>
    </row>
    <row r="149992" spans="8:8">
      <c r="H149992" s="12"/>
    </row>
    <row r="149993" spans="8:8">
      <c r="H149993" s="12"/>
    </row>
    <row r="149994" spans="8:8">
      <c r="H149994" s="12"/>
    </row>
    <row r="149995" spans="8:8">
      <c r="H149995" s="12"/>
    </row>
    <row r="149996" spans="8:8">
      <c r="H149996" s="12"/>
    </row>
    <row r="149997" spans="8:8">
      <c r="H149997" s="12"/>
    </row>
    <row r="149998" spans="8:8">
      <c r="H149998" s="12"/>
    </row>
    <row r="149999" spans="8:8">
      <c r="H149999" s="12"/>
    </row>
    <row r="150000" spans="8:8">
      <c r="H150000" s="12"/>
    </row>
    <row r="150001" spans="8:8">
      <c r="H150001" s="12"/>
    </row>
    <row r="150002" spans="8:8">
      <c r="H150002" s="12"/>
    </row>
    <row r="150003" spans="8:8">
      <c r="H150003" s="12"/>
    </row>
    <row r="150004" spans="8:8">
      <c r="H150004" s="12"/>
    </row>
    <row r="150005" spans="8:8">
      <c r="H150005" s="12"/>
    </row>
    <row r="150006" spans="8:8">
      <c r="H150006" s="12"/>
    </row>
    <row r="150007" spans="8:8">
      <c r="H150007" s="12"/>
    </row>
    <row r="150008" spans="8:8">
      <c r="H150008" s="12"/>
    </row>
    <row r="150009" spans="8:8">
      <c r="H150009" s="12"/>
    </row>
    <row r="150010" spans="8:8">
      <c r="H150010" s="12"/>
    </row>
    <row r="150011" spans="8:8">
      <c r="H150011" s="12"/>
    </row>
    <row r="150012" spans="8:8">
      <c r="H150012" s="12"/>
    </row>
    <row r="150013" spans="8:8">
      <c r="H150013" s="12"/>
    </row>
    <row r="150014" spans="8:8">
      <c r="H150014" s="12"/>
    </row>
    <row r="150015" spans="8:8">
      <c r="H150015" s="12"/>
    </row>
    <row r="150016" spans="8:8">
      <c r="H150016" s="12"/>
    </row>
    <row r="150017" spans="8:8">
      <c r="H150017" s="12"/>
    </row>
    <row r="150018" spans="8:8">
      <c r="H150018" s="12"/>
    </row>
    <row r="150019" spans="8:8">
      <c r="H150019" s="12"/>
    </row>
    <row r="150020" spans="8:8">
      <c r="H150020" s="12"/>
    </row>
    <row r="150021" spans="8:8">
      <c r="H150021" s="12"/>
    </row>
    <row r="150022" spans="8:8">
      <c r="H150022" s="12"/>
    </row>
    <row r="150023" spans="8:8">
      <c r="H150023" s="12"/>
    </row>
    <row r="150024" spans="8:8">
      <c r="H150024" s="12"/>
    </row>
    <row r="150025" spans="8:8">
      <c r="H150025" s="12"/>
    </row>
    <row r="150026" spans="8:8">
      <c r="H150026" s="12"/>
    </row>
    <row r="150027" spans="8:8">
      <c r="H150027" s="12"/>
    </row>
    <row r="150028" spans="8:8">
      <c r="H150028" s="12"/>
    </row>
    <row r="150029" spans="8:8">
      <c r="H150029" s="12"/>
    </row>
    <row r="150030" spans="8:8">
      <c r="H150030" s="12"/>
    </row>
    <row r="150031" spans="8:8">
      <c r="H150031" s="12"/>
    </row>
    <row r="150032" spans="8:8">
      <c r="H150032" s="12"/>
    </row>
    <row r="150033" spans="8:8">
      <c r="H150033" s="12"/>
    </row>
    <row r="150034" spans="8:8">
      <c r="H150034" s="12"/>
    </row>
    <row r="150035" spans="8:8">
      <c r="H150035" s="12"/>
    </row>
    <row r="150036" spans="8:8">
      <c r="H150036" s="12"/>
    </row>
    <row r="150037" spans="8:8">
      <c r="H150037" s="12"/>
    </row>
    <row r="150038" spans="8:8">
      <c r="H150038" s="12"/>
    </row>
    <row r="150039" spans="8:8">
      <c r="H150039" s="12"/>
    </row>
    <row r="150040" spans="8:8">
      <c r="H150040" s="12"/>
    </row>
    <row r="150041" spans="8:8">
      <c r="H150041" s="12"/>
    </row>
    <row r="150042" spans="8:8">
      <c r="H150042" s="12"/>
    </row>
    <row r="150043" spans="8:8">
      <c r="H150043" s="12"/>
    </row>
    <row r="150044" spans="8:8">
      <c r="H150044" s="12"/>
    </row>
    <row r="150045" spans="8:8">
      <c r="H150045" s="12"/>
    </row>
    <row r="150046" spans="8:8">
      <c r="H150046" s="12"/>
    </row>
    <row r="150047" spans="8:8">
      <c r="H150047" s="12"/>
    </row>
    <row r="150048" spans="8:8">
      <c r="H150048" s="12"/>
    </row>
    <row r="150049" spans="8:8">
      <c r="H150049" s="12"/>
    </row>
    <row r="150050" spans="8:8">
      <c r="H150050" s="12"/>
    </row>
    <row r="150051" spans="8:8">
      <c r="H150051" s="12"/>
    </row>
    <row r="150052" spans="8:8">
      <c r="H150052" s="12"/>
    </row>
    <row r="150053" spans="8:8">
      <c r="H150053" s="12"/>
    </row>
    <row r="150054" spans="8:8">
      <c r="H150054" s="12"/>
    </row>
    <row r="150055" spans="8:8">
      <c r="H150055" s="12"/>
    </row>
    <row r="150056" spans="8:8">
      <c r="H150056" s="12"/>
    </row>
    <row r="150057" spans="8:8">
      <c r="H150057" s="12"/>
    </row>
    <row r="150058" spans="8:8">
      <c r="H150058" s="12"/>
    </row>
    <row r="150059" spans="8:8">
      <c r="H150059" s="12"/>
    </row>
    <row r="150060" spans="8:8">
      <c r="H150060" s="12"/>
    </row>
    <row r="150061" spans="8:8">
      <c r="H150061" s="12"/>
    </row>
    <row r="150062" spans="8:8">
      <c r="H150062" s="12"/>
    </row>
    <row r="150063" spans="8:8">
      <c r="H150063" s="12"/>
    </row>
    <row r="150064" spans="8:8">
      <c r="H150064" s="12"/>
    </row>
    <row r="150065" spans="8:8">
      <c r="H150065" s="12"/>
    </row>
    <row r="150066" spans="8:8">
      <c r="H150066" s="12"/>
    </row>
    <row r="150067" spans="8:8">
      <c r="H150067" s="12"/>
    </row>
    <row r="150068" spans="8:8">
      <c r="H150068" s="12"/>
    </row>
    <row r="150069" spans="8:8">
      <c r="H150069" s="12"/>
    </row>
    <row r="150070" spans="8:8">
      <c r="H150070" s="12"/>
    </row>
    <row r="150071" spans="8:8">
      <c r="H150071" s="12"/>
    </row>
    <row r="150072" spans="8:8">
      <c r="H150072" s="12"/>
    </row>
    <row r="150073" spans="8:8">
      <c r="H150073" s="12"/>
    </row>
    <row r="150074" spans="8:8">
      <c r="H150074" s="12"/>
    </row>
    <row r="150075" spans="8:8">
      <c r="H150075" s="12"/>
    </row>
    <row r="150076" spans="8:8">
      <c r="H150076" s="12"/>
    </row>
    <row r="150077" spans="8:8">
      <c r="H150077" s="12"/>
    </row>
    <row r="150078" spans="8:8">
      <c r="H150078" s="12"/>
    </row>
    <row r="150079" spans="8:8">
      <c r="H150079" s="12"/>
    </row>
    <row r="150080" spans="8:8">
      <c r="H150080" s="12"/>
    </row>
    <row r="150081" spans="8:8">
      <c r="H150081" s="12"/>
    </row>
    <row r="150082" spans="8:8">
      <c r="H150082" s="12"/>
    </row>
    <row r="150083" spans="8:8">
      <c r="H150083" s="12"/>
    </row>
    <row r="150084" spans="8:8">
      <c r="H150084" s="12"/>
    </row>
    <row r="150085" spans="8:8">
      <c r="H150085" s="12"/>
    </row>
    <row r="150086" spans="8:8">
      <c r="H150086" s="12"/>
    </row>
    <row r="150087" spans="8:8">
      <c r="H150087" s="12"/>
    </row>
    <row r="150088" spans="8:8">
      <c r="H150088" s="12"/>
    </row>
    <row r="150089" spans="8:8">
      <c r="H150089" s="12"/>
    </row>
    <row r="150090" spans="8:8">
      <c r="H150090" s="12"/>
    </row>
    <row r="150091" spans="8:8">
      <c r="H150091" s="12"/>
    </row>
    <row r="150092" spans="8:8">
      <c r="H150092" s="12"/>
    </row>
    <row r="150093" spans="8:8">
      <c r="H150093" s="12"/>
    </row>
    <row r="150094" spans="8:8">
      <c r="H150094" s="12"/>
    </row>
    <row r="150095" spans="8:8">
      <c r="H150095" s="12"/>
    </row>
    <row r="150096" spans="8:8">
      <c r="H150096" s="12"/>
    </row>
    <row r="150097" spans="8:8">
      <c r="H150097" s="12"/>
    </row>
    <row r="150098" spans="8:8">
      <c r="H150098" s="12"/>
    </row>
    <row r="150099" spans="8:8">
      <c r="H150099" s="12"/>
    </row>
    <row r="150100" spans="8:8">
      <c r="H150100" s="12"/>
    </row>
    <row r="150101" spans="8:8">
      <c r="H150101" s="12"/>
    </row>
    <row r="150102" spans="8:8">
      <c r="H150102" s="12"/>
    </row>
    <row r="150103" spans="8:8">
      <c r="H150103" s="12"/>
    </row>
    <row r="150104" spans="8:8">
      <c r="H150104" s="12"/>
    </row>
    <row r="150105" spans="8:8">
      <c r="H150105" s="12"/>
    </row>
    <row r="150106" spans="8:8">
      <c r="H150106" s="12"/>
    </row>
    <row r="150107" spans="8:8">
      <c r="H150107" s="12"/>
    </row>
    <row r="150108" spans="8:8">
      <c r="H150108" s="12"/>
    </row>
    <row r="150109" spans="8:8">
      <c r="H150109" s="12"/>
    </row>
    <row r="150110" spans="8:8">
      <c r="H150110" s="12"/>
    </row>
    <row r="150111" spans="8:8">
      <c r="H150111" s="12"/>
    </row>
    <row r="150112" spans="8:8">
      <c r="H150112" s="12"/>
    </row>
    <row r="150113" spans="8:8">
      <c r="H150113" s="12"/>
    </row>
    <row r="150114" spans="8:8">
      <c r="H150114" s="12"/>
    </row>
    <row r="150115" spans="8:8">
      <c r="H150115" s="12"/>
    </row>
    <row r="150116" spans="8:8">
      <c r="H150116" s="12"/>
    </row>
    <row r="150117" spans="8:8">
      <c r="H150117" s="12"/>
    </row>
    <row r="150118" spans="8:8">
      <c r="H150118" s="12"/>
    </row>
    <row r="150119" spans="8:8">
      <c r="H150119" s="12"/>
    </row>
    <row r="150120" spans="8:8">
      <c r="H150120" s="12"/>
    </row>
    <row r="150121" spans="8:8">
      <c r="H150121" s="12"/>
    </row>
    <row r="150122" spans="8:8">
      <c r="H150122" s="12"/>
    </row>
    <row r="150123" spans="8:8">
      <c r="H150123" s="12"/>
    </row>
    <row r="150124" spans="8:8">
      <c r="H150124" s="12"/>
    </row>
    <row r="150125" spans="8:8">
      <c r="H150125" s="12"/>
    </row>
    <row r="150126" spans="8:8">
      <c r="H150126" s="12"/>
    </row>
    <row r="150127" spans="8:8">
      <c r="H150127" s="12"/>
    </row>
    <row r="150128" spans="8:8">
      <c r="H150128" s="12"/>
    </row>
    <row r="150129" spans="8:8">
      <c r="H150129" s="12"/>
    </row>
    <row r="150130" spans="8:8">
      <c r="H150130" s="12"/>
    </row>
    <row r="150131" spans="8:8">
      <c r="H150131" s="12"/>
    </row>
    <row r="150132" spans="8:8">
      <c r="H150132" s="12"/>
    </row>
    <row r="150133" spans="8:8">
      <c r="H150133" s="12"/>
    </row>
    <row r="150134" spans="8:8">
      <c r="H150134" s="12"/>
    </row>
    <row r="150135" spans="8:8">
      <c r="H150135" s="12"/>
    </row>
    <row r="150136" spans="8:8">
      <c r="H150136" s="12"/>
    </row>
    <row r="150137" spans="8:8">
      <c r="H150137" s="12"/>
    </row>
    <row r="150138" spans="8:8">
      <c r="H150138" s="12"/>
    </row>
    <row r="150139" spans="8:8">
      <c r="H150139" s="12"/>
    </row>
    <row r="150140" spans="8:8">
      <c r="H150140" s="12"/>
    </row>
    <row r="150141" spans="8:8">
      <c r="H150141" s="12"/>
    </row>
    <row r="150142" spans="8:8">
      <c r="H150142" s="12"/>
    </row>
    <row r="150143" spans="8:8">
      <c r="H150143" s="12"/>
    </row>
    <row r="150144" spans="8:8">
      <c r="H150144" s="12"/>
    </row>
    <row r="150145" spans="8:8">
      <c r="H150145" s="12"/>
    </row>
    <row r="150146" spans="8:8">
      <c r="H150146" s="12"/>
    </row>
    <row r="150147" spans="8:8">
      <c r="H150147" s="12"/>
    </row>
    <row r="150148" spans="8:8">
      <c r="H150148" s="12"/>
    </row>
    <row r="150149" spans="8:8">
      <c r="H150149" s="12"/>
    </row>
    <row r="150150" spans="8:8">
      <c r="H150150" s="12"/>
    </row>
    <row r="150151" spans="8:8">
      <c r="H150151" s="12"/>
    </row>
    <row r="150152" spans="8:8">
      <c r="H150152" s="12"/>
    </row>
    <row r="150153" spans="8:8">
      <c r="H150153" s="12"/>
    </row>
    <row r="150154" spans="8:8">
      <c r="H150154" s="12"/>
    </row>
    <row r="150155" spans="8:8">
      <c r="H150155" s="12"/>
    </row>
    <row r="150156" spans="8:8">
      <c r="H150156" s="12"/>
    </row>
    <row r="150157" spans="8:8">
      <c r="H150157" s="12"/>
    </row>
    <row r="150158" spans="8:8">
      <c r="H150158" s="12"/>
    </row>
    <row r="150159" spans="8:8">
      <c r="H150159" s="12"/>
    </row>
    <row r="150160" spans="8:8">
      <c r="H150160" s="12"/>
    </row>
    <row r="150161" spans="8:8">
      <c r="H150161" s="12"/>
    </row>
    <row r="150162" spans="8:8">
      <c r="H150162" s="12"/>
    </row>
    <row r="150163" spans="8:8">
      <c r="H150163" s="12"/>
    </row>
    <row r="150164" spans="8:8">
      <c r="H150164" s="12"/>
    </row>
    <row r="150165" spans="8:8">
      <c r="H150165" s="12"/>
    </row>
    <row r="150166" spans="8:8">
      <c r="H150166" s="12"/>
    </row>
    <row r="150167" spans="8:8">
      <c r="H150167" s="12"/>
    </row>
    <row r="150168" spans="8:8">
      <c r="H150168" s="12"/>
    </row>
    <row r="150169" spans="8:8">
      <c r="H150169" s="12"/>
    </row>
    <row r="150170" spans="8:8">
      <c r="H150170" s="12"/>
    </row>
    <row r="150171" spans="8:8">
      <c r="H150171" s="12"/>
    </row>
    <row r="150172" spans="8:8">
      <c r="H150172" s="12"/>
    </row>
    <row r="150173" spans="8:8">
      <c r="H150173" s="12"/>
    </row>
    <row r="150174" spans="8:8">
      <c r="H150174" s="12"/>
    </row>
    <row r="150175" spans="8:8">
      <c r="H150175" s="12"/>
    </row>
    <row r="150176" spans="8:8">
      <c r="H150176" s="12"/>
    </row>
    <row r="150177" spans="8:8">
      <c r="H150177" s="12"/>
    </row>
    <row r="150178" spans="8:8">
      <c r="H150178" s="12"/>
    </row>
    <row r="150179" spans="8:8">
      <c r="H150179" s="12"/>
    </row>
    <row r="150180" spans="8:8">
      <c r="H150180" s="12"/>
    </row>
    <row r="150181" spans="8:8">
      <c r="H150181" s="12"/>
    </row>
    <row r="150182" spans="8:8">
      <c r="H150182" s="12"/>
    </row>
    <row r="150183" spans="8:8">
      <c r="H150183" s="12"/>
    </row>
    <row r="150184" spans="8:8">
      <c r="H150184" s="12"/>
    </row>
    <row r="150185" spans="8:8">
      <c r="H150185" s="12"/>
    </row>
    <row r="150186" spans="8:8">
      <c r="H150186" s="12"/>
    </row>
    <row r="150187" spans="8:8">
      <c r="H150187" s="12"/>
    </row>
    <row r="150188" spans="8:8">
      <c r="H150188" s="12"/>
    </row>
    <row r="150189" spans="8:8">
      <c r="H150189" s="12"/>
    </row>
    <row r="150190" spans="8:8">
      <c r="H150190" s="12"/>
    </row>
    <row r="150191" spans="8:8">
      <c r="H150191" s="12"/>
    </row>
    <row r="150192" spans="8:8">
      <c r="H150192" s="12"/>
    </row>
    <row r="150193" spans="8:8">
      <c r="H150193" s="12"/>
    </row>
    <row r="150194" spans="8:8">
      <c r="H150194" s="12"/>
    </row>
    <row r="150195" spans="8:8">
      <c r="H150195" s="12"/>
    </row>
    <row r="150196" spans="8:8">
      <c r="H150196" s="12"/>
    </row>
    <row r="150197" spans="8:8">
      <c r="H150197" s="12"/>
    </row>
    <row r="150198" spans="8:8">
      <c r="H150198" s="12"/>
    </row>
    <row r="150199" spans="8:8">
      <c r="H150199" s="12"/>
    </row>
    <row r="150200" spans="8:8">
      <c r="H150200" s="12"/>
    </row>
    <row r="150201" spans="8:8">
      <c r="H150201" s="12"/>
    </row>
    <row r="150202" spans="8:8">
      <c r="H150202" s="12"/>
    </row>
    <row r="150203" spans="8:8">
      <c r="H150203" s="12"/>
    </row>
    <row r="150204" spans="8:8">
      <c r="H150204" s="12"/>
    </row>
    <row r="150205" spans="8:8">
      <c r="H150205" s="12"/>
    </row>
    <row r="150206" spans="8:8">
      <c r="H150206" s="12"/>
    </row>
    <row r="150207" spans="8:8">
      <c r="H150207" s="12"/>
    </row>
    <row r="150208" spans="8:8">
      <c r="H150208" s="12"/>
    </row>
    <row r="150209" spans="8:8">
      <c r="H150209" s="12"/>
    </row>
    <row r="150210" spans="8:8">
      <c r="H150210" s="12"/>
    </row>
    <row r="150211" spans="8:8">
      <c r="H150211" s="12"/>
    </row>
    <row r="150212" spans="8:8">
      <c r="H150212" s="12"/>
    </row>
    <row r="150213" spans="8:8">
      <c r="H150213" s="12"/>
    </row>
    <row r="150214" spans="8:8">
      <c r="H150214" s="12"/>
    </row>
    <row r="150215" spans="8:8">
      <c r="H150215" s="12"/>
    </row>
    <row r="150216" spans="8:8">
      <c r="H150216" s="12"/>
    </row>
    <row r="150217" spans="8:8">
      <c r="H150217" s="12"/>
    </row>
    <row r="150218" spans="8:8">
      <c r="H150218" s="12"/>
    </row>
    <row r="150219" spans="8:8">
      <c r="H150219" s="12"/>
    </row>
    <row r="150220" spans="8:8">
      <c r="H150220" s="12"/>
    </row>
    <row r="150221" spans="8:8">
      <c r="H150221" s="12"/>
    </row>
    <row r="150222" spans="8:8">
      <c r="H150222" s="12"/>
    </row>
    <row r="150223" spans="8:8">
      <c r="H150223" s="12"/>
    </row>
    <row r="150224" spans="8:8">
      <c r="H150224" s="12"/>
    </row>
    <row r="150225" spans="8:8">
      <c r="H150225" s="12"/>
    </row>
    <row r="150226" spans="8:8">
      <c r="H150226" s="12"/>
    </row>
    <row r="150227" spans="8:8">
      <c r="H150227" s="12"/>
    </row>
    <row r="150228" spans="8:8">
      <c r="H150228" s="12"/>
    </row>
    <row r="150229" spans="8:8">
      <c r="H150229" s="12"/>
    </row>
    <row r="150230" spans="8:8">
      <c r="H150230" s="12"/>
    </row>
    <row r="150231" spans="8:8">
      <c r="H150231" s="12"/>
    </row>
    <row r="150232" spans="8:8">
      <c r="H150232" s="12"/>
    </row>
    <row r="150233" spans="8:8">
      <c r="H150233" s="12"/>
    </row>
    <row r="150234" spans="8:8">
      <c r="H150234" s="12"/>
    </row>
    <row r="150235" spans="8:8">
      <c r="H150235" s="12"/>
    </row>
    <row r="150236" spans="8:8">
      <c r="H150236" s="12"/>
    </row>
    <row r="150237" spans="8:8">
      <c r="H150237" s="12"/>
    </row>
    <row r="150238" spans="8:8">
      <c r="H150238" s="12"/>
    </row>
    <row r="150239" spans="8:8">
      <c r="H150239" s="12"/>
    </row>
    <row r="150240" spans="8:8">
      <c r="H150240" s="12"/>
    </row>
    <row r="150241" spans="8:8">
      <c r="H150241" s="12"/>
    </row>
    <row r="150242" spans="8:8">
      <c r="H150242" s="12"/>
    </row>
    <row r="150243" spans="8:8">
      <c r="H150243" s="12"/>
    </row>
    <row r="150244" spans="8:8">
      <c r="H150244" s="12"/>
    </row>
    <row r="150245" spans="8:8">
      <c r="H150245" s="12"/>
    </row>
    <row r="150246" spans="8:8">
      <c r="H150246" s="12"/>
    </row>
    <row r="150247" spans="8:8">
      <c r="H150247" s="12"/>
    </row>
    <row r="150248" spans="8:8">
      <c r="H150248" s="12"/>
    </row>
    <row r="150249" spans="8:8">
      <c r="H150249" s="12"/>
    </row>
    <row r="150250" spans="8:8">
      <c r="H150250" s="12"/>
    </row>
    <row r="150251" spans="8:8">
      <c r="H150251" s="12"/>
    </row>
    <row r="150252" spans="8:8">
      <c r="H150252" s="12"/>
    </row>
    <row r="150253" spans="8:8">
      <c r="H150253" s="12"/>
    </row>
    <row r="150254" spans="8:8">
      <c r="H150254" s="12"/>
    </row>
    <row r="150255" spans="8:8">
      <c r="H150255" s="12"/>
    </row>
    <row r="150256" spans="8:8">
      <c r="H150256" s="12"/>
    </row>
    <row r="150257" spans="8:8">
      <c r="H150257" s="12"/>
    </row>
    <row r="150258" spans="8:8">
      <c r="H150258" s="12"/>
    </row>
    <row r="150259" spans="8:8">
      <c r="H150259" s="12"/>
    </row>
    <row r="150260" spans="8:8">
      <c r="H150260" s="12"/>
    </row>
    <row r="150261" spans="8:8">
      <c r="H150261" s="12"/>
    </row>
    <row r="150262" spans="8:8">
      <c r="H150262" s="12"/>
    </row>
    <row r="150263" spans="8:8">
      <c r="H150263" s="12"/>
    </row>
    <row r="150264" spans="8:8">
      <c r="H150264" s="12"/>
    </row>
    <row r="150265" spans="8:8">
      <c r="H150265" s="12"/>
    </row>
    <row r="150266" spans="8:8">
      <c r="H150266" s="12"/>
    </row>
    <row r="150267" spans="8:8">
      <c r="H150267" s="12"/>
    </row>
    <row r="150268" spans="8:8">
      <c r="H150268" s="12"/>
    </row>
    <row r="150269" spans="8:8">
      <c r="H150269" s="12"/>
    </row>
    <row r="150270" spans="8:8">
      <c r="H150270" s="12"/>
    </row>
    <row r="150271" spans="8:8">
      <c r="H150271" s="12"/>
    </row>
    <row r="150272" spans="8:8">
      <c r="H150272" s="12"/>
    </row>
    <row r="150273" spans="8:8">
      <c r="H150273" s="12"/>
    </row>
    <row r="150274" spans="8:8">
      <c r="H150274" s="12"/>
    </row>
    <row r="150275" spans="8:8">
      <c r="H150275" s="12"/>
    </row>
    <row r="150276" spans="8:8">
      <c r="H150276" s="12"/>
    </row>
    <row r="150277" spans="8:8">
      <c r="H150277" s="12"/>
    </row>
    <row r="150278" spans="8:8">
      <c r="H150278" s="12"/>
    </row>
    <row r="150279" spans="8:8">
      <c r="H150279" s="12"/>
    </row>
    <row r="150280" spans="8:8">
      <c r="H150280" s="12"/>
    </row>
    <row r="150281" spans="8:8">
      <c r="H150281" s="12"/>
    </row>
    <row r="150282" spans="8:8">
      <c r="H150282" s="12"/>
    </row>
    <row r="150283" spans="8:8">
      <c r="H150283" s="12"/>
    </row>
    <row r="150284" spans="8:8">
      <c r="H150284" s="12"/>
    </row>
    <row r="150285" spans="8:8">
      <c r="H150285" s="12"/>
    </row>
    <row r="150286" spans="8:8">
      <c r="H150286" s="12"/>
    </row>
    <row r="150287" spans="8:8">
      <c r="H150287" s="12"/>
    </row>
    <row r="150288" spans="8:8">
      <c r="H150288" s="12"/>
    </row>
    <row r="150289" spans="8:8">
      <c r="H150289" s="12"/>
    </row>
    <row r="150290" spans="8:8">
      <c r="H150290" s="12"/>
    </row>
    <row r="150291" spans="8:8">
      <c r="H150291" s="12"/>
    </row>
    <row r="150292" spans="8:8">
      <c r="H150292" s="12"/>
    </row>
    <row r="150293" spans="8:8">
      <c r="H150293" s="12"/>
    </row>
    <row r="150294" spans="8:8">
      <c r="H150294" s="12"/>
    </row>
    <row r="150295" spans="8:8">
      <c r="H150295" s="12"/>
    </row>
    <row r="150296" spans="8:8">
      <c r="H150296" s="12"/>
    </row>
    <row r="150297" spans="8:8">
      <c r="H150297" s="12"/>
    </row>
    <row r="150298" spans="8:8">
      <c r="H150298" s="12"/>
    </row>
    <row r="150299" spans="8:8">
      <c r="H150299" s="12"/>
    </row>
    <row r="150300" spans="8:8">
      <c r="H150300" s="12"/>
    </row>
    <row r="150301" spans="8:8">
      <c r="H150301" s="12"/>
    </row>
    <row r="150302" spans="8:8">
      <c r="H150302" s="12"/>
    </row>
    <row r="150303" spans="8:8">
      <c r="H150303" s="12"/>
    </row>
    <row r="150304" spans="8:8">
      <c r="H150304" s="12"/>
    </row>
    <row r="150305" spans="8:8">
      <c r="H150305" s="12"/>
    </row>
    <row r="150306" spans="8:8">
      <c r="H150306" s="12"/>
    </row>
    <row r="150307" spans="8:8">
      <c r="H150307" s="12"/>
    </row>
    <row r="150308" spans="8:8">
      <c r="H150308" s="12"/>
    </row>
    <row r="150309" spans="8:8">
      <c r="H150309" s="12"/>
    </row>
    <row r="150310" spans="8:8">
      <c r="H150310" s="12"/>
    </row>
    <row r="150311" spans="8:8">
      <c r="H150311" s="12"/>
    </row>
    <row r="150312" spans="8:8">
      <c r="H150312" s="12"/>
    </row>
    <row r="150313" spans="8:8">
      <c r="H150313" s="12"/>
    </row>
    <row r="150314" spans="8:8">
      <c r="H150314" s="12"/>
    </row>
    <row r="150315" spans="8:8">
      <c r="H150315" s="12"/>
    </row>
    <row r="150316" spans="8:8">
      <c r="H150316" s="12"/>
    </row>
    <row r="150317" spans="8:8">
      <c r="H150317" s="12"/>
    </row>
    <row r="150318" spans="8:8">
      <c r="H150318" s="12"/>
    </row>
    <row r="150319" spans="8:8">
      <c r="H150319" s="12"/>
    </row>
    <row r="150320" spans="8:8">
      <c r="H150320" s="12"/>
    </row>
    <row r="150321" spans="8:8">
      <c r="H150321" s="12"/>
    </row>
    <row r="150322" spans="8:8">
      <c r="H150322" s="12"/>
    </row>
    <row r="150323" spans="8:8">
      <c r="H150323" s="12"/>
    </row>
    <row r="150324" spans="8:8">
      <c r="H150324" s="12"/>
    </row>
    <row r="150325" spans="8:8">
      <c r="H150325" s="12"/>
    </row>
    <row r="150326" spans="8:8">
      <c r="H150326" s="12"/>
    </row>
    <row r="150327" spans="8:8">
      <c r="H150327" s="12"/>
    </row>
    <row r="150328" spans="8:8">
      <c r="H150328" s="12"/>
    </row>
    <row r="150329" spans="8:8">
      <c r="H150329" s="12"/>
    </row>
    <row r="150330" spans="8:8">
      <c r="H150330" s="12"/>
    </row>
    <row r="150331" spans="8:8">
      <c r="H150331" s="12"/>
    </row>
    <row r="150332" spans="8:8">
      <c r="H150332" s="12"/>
    </row>
    <row r="150333" spans="8:8">
      <c r="H150333" s="12"/>
    </row>
    <row r="150334" spans="8:8">
      <c r="H150334" s="12"/>
    </row>
    <row r="150335" spans="8:8">
      <c r="H150335" s="12"/>
    </row>
    <row r="150336" spans="8:8">
      <c r="H150336" s="12"/>
    </row>
    <row r="150337" spans="8:8">
      <c r="H150337" s="12"/>
    </row>
    <row r="150338" spans="8:8">
      <c r="H150338" s="12"/>
    </row>
    <row r="150339" spans="8:8">
      <c r="H150339" s="12"/>
    </row>
    <row r="150340" spans="8:8">
      <c r="H150340" s="12"/>
    </row>
    <row r="150341" spans="8:8">
      <c r="H150341" s="12"/>
    </row>
    <row r="150342" spans="8:8">
      <c r="H150342" s="12"/>
    </row>
    <row r="150343" spans="8:8">
      <c r="H150343" s="12"/>
    </row>
    <row r="150344" spans="8:8">
      <c r="H150344" s="12"/>
    </row>
    <row r="150345" spans="8:8">
      <c r="H150345" s="12"/>
    </row>
    <row r="150346" spans="8:8">
      <c r="H150346" s="12"/>
    </row>
    <row r="150347" spans="8:8">
      <c r="H150347" s="12"/>
    </row>
    <row r="150348" spans="8:8">
      <c r="H150348" s="12"/>
    </row>
    <row r="150349" spans="8:8">
      <c r="H150349" s="12"/>
    </row>
    <row r="150350" spans="8:8">
      <c r="H150350" s="12"/>
    </row>
    <row r="150351" spans="8:8">
      <c r="H150351" s="12"/>
    </row>
    <row r="150352" spans="8:8">
      <c r="H150352" s="12"/>
    </row>
    <row r="150353" spans="8:8">
      <c r="H150353" s="12"/>
    </row>
    <row r="150354" spans="8:8">
      <c r="H150354" s="12"/>
    </row>
    <row r="150355" spans="8:8">
      <c r="H150355" s="12"/>
    </row>
    <row r="150356" spans="8:8">
      <c r="H150356" s="12"/>
    </row>
    <row r="150357" spans="8:8">
      <c r="H150357" s="12"/>
    </row>
    <row r="150358" spans="8:8">
      <c r="H150358" s="12"/>
    </row>
    <row r="150359" spans="8:8">
      <c r="H150359" s="12"/>
    </row>
    <row r="150360" spans="8:8">
      <c r="H150360" s="12"/>
    </row>
    <row r="150361" spans="8:8">
      <c r="H150361" s="12"/>
    </row>
    <row r="150362" spans="8:8">
      <c r="H150362" s="12"/>
    </row>
    <row r="150363" spans="8:8">
      <c r="H150363" s="12"/>
    </row>
    <row r="150364" spans="8:8">
      <c r="H150364" s="12"/>
    </row>
    <row r="150365" spans="8:8">
      <c r="H150365" s="12"/>
    </row>
    <row r="150366" spans="8:8">
      <c r="H150366" s="12"/>
    </row>
    <row r="150367" spans="8:8">
      <c r="H150367" s="12"/>
    </row>
    <row r="150368" spans="8:8">
      <c r="H150368" s="12"/>
    </row>
    <row r="150369" spans="8:8">
      <c r="H150369" s="12"/>
    </row>
    <row r="150370" spans="8:8">
      <c r="H150370" s="12"/>
    </row>
    <row r="150371" spans="8:8">
      <c r="H150371" s="12"/>
    </row>
    <row r="150372" spans="8:8">
      <c r="H150372" s="12"/>
    </row>
    <row r="150373" spans="8:8">
      <c r="H150373" s="12"/>
    </row>
    <row r="150374" spans="8:8">
      <c r="H150374" s="12"/>
    </row>
    <row r="150375" spans="8:8">
      <c r="H150375" s="12"/>
    </row>
    <row r="150376" spans="8:8">
      <c r="H150376" s="12"/>
    </row>
    <row r="150377" spans="8:8">
      <c r="H150377" s="12"/>
    </row>
    <row r="150378" spans="8:8">
      <c r="H150378" s="12"/>
    </row>
    <row r="150379" spans="8:8">
      <c r="H150379" s="12"/>
    </row>
    <row r="150380" spans="8:8">
      <c r="H150380" s="12"/>
    </row>
    <row r="150381" spans="8:8">
      <c r="H150381" s="12"/>
    </row>
    <row r="150382" spans="8:8">
      <c r="H150382" s="12"/>
    </row>
    <row r="150383" spans="8:8">
      <c r="H150383" s="12"/>
    </row>
    <row r="150384" spans="8:8">
      <c r="H150384" s="12"/>
    </row>
    <row r="150385" spans="8:8">
      <c r="H150385" s="12"/>
    </row>
    <row r="150386" spans="8:8">
      <c r="H150386" s="12"/>
    </row>
    <row r="150387" spans="8:8">
      <c r="H150387" s="12"/>
    </row>
    <row r="150388" spans="8:8">
      <c r="H150388" s="12"/>
    </row>
    <row r="150389" spans="8:8">
      <c r="H150389" s="12"/>
    </row>
    <row r="150390" spans="8:8">
      <c r="H150390" s="12"/>
    </row>
    <row r="150391" spans="8:8">
      <c r="H150391" s="12"/>
    </row>
    <row r="150392" spans="8:8">
      <c r="H150392" s="12"/>
    </row>
    <row r="150393" spans="8:8">
      <c r="H150393" s="12"/>
    </row>
    <row r="150394" spans="8:8">
      <c r="H150394" s="12"/>
    </row>
    <row r="150395" spans="8:8">
      <c r="H150395" s="12"/>
    </row>
    <row r="150396" spans="8:8">
      <c r="H150396" s="12"/>
    </row>
    <row r="150397" spans="8:8">
      <c r="H150397" s="12"/>
    </row>
    <row r="150398" spans="8:8">
      <c r="H150398" s="12"/>
    </row>
    <row r="150399" spans="8:8">
      <c r="H150399" s="12"/>
    </row>
    <row r="150400" spans="8:8">
      <c r="H150400" s="12"/>
    </row>
    <row r="150401" spans="8:8">
      <c r="H150401" s="12"/>
    </row>
    <row r="150402" spans="8:8">
      <c r="H150402" s="12"/>
    </row>
    <row r="150403" spans="8:8">
      <c r="H150403" s="12"/>
    </row>
    <row r="150404" spans="8:8">
      <c r="H150404" s="12"/>
    </row>
    <row r="150405" spans="8:8">
      <c r="H150405" s="12"/>
    </row>
    <row r="150406" spans="8:8">
      <c r="H150406" s="12"/>
    </row>
    <row r="150407" spans="8:8">
      <c r="H150407" s="12"/>
    </row>
    <row r="150408" spans="8:8">
      <c r="H150408" s="12"/>
    </row>
    <row r="150409" spans="8:8">
      <c r="H150409" s="12"/>
    </row>
    <row r="150410" spans="8:8">
      <c r="H150410" s="12"/>
    </row>
    <row r="150411" spans="8:8">
      <c r="H150411" s="12"/>
    </row>
    <row r="150412" spans="8:8">
      <c r="H150412" s="12"/>
    </row>
    <row r="150413" spans="8:8">
      <c r="H150413" s="12"/>
    </row>
    <row r="150414" spans="8:8">
      <c r="H150414" s="12"/>
    </row>
    <row r="150415" spans="8:8">
      <c r="H150415" s="12"/>
    </row>
    <row r="150416" spans="8:8">
      <c r="H150416" s="12"/>
    </row>
    <row r="150417" spans="8:8">
      <c r="H150417" s="12"/>
    </row>
    <row r="150418" spans="8:8">
      <c r="H150418" s="12"/>
    </row>
    <row r="150419" spans="8:8">
      <c r="H150419" s="12"/>
    </row>
    <row r="150420" spans="8:8">
      <c r="H150420" s="12"/>
    </row>
    <row r="150421" spans="8:8">
      <c r="H150421" s="12"/>
    </row>
    <row r="150422" spans="8:8">
      <c r="H150422" s="12"/>
    </row>
    <row r="150423" spans="8:8">
      <c r="H150423" s="12"/>
    </row>
    <row r="150424" spans="8:8">
      <c r="H150424" s="12"/>
    </row>
    <row r="150425" spans="8:8">
      <c r="H150425" s="12"/>
    </row>
    <row r="150426" spans="8:8">
      <c r="H150426" s="12"/>
    </row>
    <row r="150427" spans="8:8">
      <c r="H150427" s="12"/>
    </row>
    <row r="150428" spans="8:8">
      <c r="H150428" s="12"/>
    </row>
    <row r="150429" spans="8:8">
      <c r="H150429" s="12"/>
    </row>
    <row r="150430" spans="8:8">
      <c r="H150430" s="12"/>
    </row>
    <row r="150431" spans="8:8">
      <c r="H150431" s="12"/>
    </row>
    <row r="150432" spans="8:8">
      <c r="H150432" s="12"/>
    </row>
    <row r="150433" spans="8:8">
      <c r="H150433" s="12"/>
    </row>
    <row r="150434" spans="8:8">
      <c r="H150434" s="12"/>
    </row>
    <row r="150435" spans="8:8">
      <c r="H150435" s="12"/>
    </row>
    <row r="150436" spans="8:8">
      <c r="H150436" s="12"/>
    </row>
    <row r="150437" spans="8:8">
      <c r="H150437" s="12"/>
    </row>
    <row r="150438" spans="8:8">
      <c r="H150438" s="12"/>
    </row>
    <row r="150439" spans="8:8">
      <c r="H150439" s="12"/>
    </row>
    <row r="150440" spans="8:8">
      <c r="H150440" s="12"/>
    </row>
    <row r="150441" spans="8:8">
      <c r="H150441" s="12"/>
    </row>
    <row r="150442" spans="8:8">
      <c r="H150442" s="12"/>
    </row>
    <row r="150443" spans="8:8">
      <c r="H150443" s="12"/>
    </row>
    <row r="150444" spans="8:8">
      <c r="H150444" s="12"/>
    </row>
    <row r="150445" spans="8:8">
      <c r="H150445" s="12"/>
    </row>
    <row r="150446" spans="8:8">
      <c r="H150446" s="12"/>
    </row>
    <row r="150447" spans="8:8">
      <c r="H150447" s="12"/>
    </row>
    <row r="150448" spans="8:8">
      <c r="H150448" s="12"/>
    </row>
    <row r="150449" spans="8:8">
      <c r="H150449" s="12"/>
    </row>
    <row r="150450" spans="8:8">
      <c r="H150450" s="12"/>
    </row>
    <row r="150451" spans="8:8">
      <c r="H150451" s="12"/>
    </row>
    <row r="150452" spans="8:8">
      <c r="H150452" s="12"/>
    </row>
    <row r="150453" spans="8:8">
      <c r="H150453" s="12"/>
    </row>
    <row r="150454" spans="8:8">
      <c r="H150454" s="12"/>
    </row>
    <row r="150455" spans="8:8">
      <c r="H150455" s="12"/>
    </row>
    <row r="150456" spans="8:8">
      <c r="H150456" s="12"/>
    </row>
    <row r="150457" spans="8:8">
      <c r="H150457" s="12"/>
    </row>
    <row r="150458" spans="8:8">
      <c r="H150458" s="12"/>
    </row>
    <row r="150459" spans="8:8">
      <c r="H150459" s="12"/>
    </row>
    <row r="150460" spans="8:8">
      <c r="H150460" s="12"/>
    </row>
    <row r="150461" spans="8:8">
      <c r="H150461" s="12"/>
    </row>
    <row r="150462" spans="8:8">
      <c r="H150462" s="12"/>
    </row>
    <row r="150463" spans="8:8">
      <c r="H150463" s="12"/>
    </row>
    <row r="150464" spans="8:8">
      <c r="H150464" s="12"/>
    </row>
    <row r="150465" spans="8:8">
      <c r="H150465" s="12"/>
    </row>
    <row r="150466" spans="8:8">
      <c r="H150466" s="12"/>
    </row>
    <row r="150467" spans="8:8">
      <c r="H150467" s="12"/>
    </row>
    <row r="150468" spans="8:8">
      <c r="H150468" s="12"/>
    </row>
    <row r="150469" spans="8:8">
      <c r="H150469" s="12"/>
    </row>
    <row r="150470" spans="8:8">
      <c r="H150470" s="12"/>
    </row>
    <row r="150471" spans="8:8">
      <c r="H150471" s="12"/>
    </row>
    <row r="150472" spans="8:8">
      <c r="H150472" s="12"/>
    </row>
    <row r="150473" spans="8:8">
      <c r="H150473" s="12"/>
    </row>
    <row r="150474" spans="8:8">
      <c r="H150474" s="12"/>
    </row>
    <row r="150475" spans="8:8">
      <c r="H150475" s="12"/>
    </row>
    <row r="150476" spans="8:8">
      <c r="H150476" s="12"/>
    </row>
    <row r="150477" spans="8:8">
      <c r="H150477" s="12"/>
    </row>
    <row r="150478" spans="8:8">
      <c r="H150478" s="12"/>
    </row>
    <row r="150479" spans="8:8">
      <c r="H150479" s="12"/>
    </row>
    <row r="150480" spans="8:8">
      <c r="H150480" s="12"/>
    </row>
    <row r="150481" spans="8:8">
      <c r="H150481" s="12"/>
    </row>
    <row r="150482" spans="8:8">
      <c r="H150482" s="12"/>
    </row>
    <row r="150483" spans="8:8">
      <c r="H150483" s="12"/>
    </row>
    <row r="150484" spans="8:8">
      <c r="H150484" s="12"/>
    </row>
    <row r="150485" spans="8:8">
      <c r="H150485" s="12"/>
    </row>
    <row r="150486" spans="8:8">
      <c r="H150486" s="12"/>
    </row>
    <row r="150487" spans="8:8">
      <c r="H150487" s="12"/>
    </row>
    <row r="150488" spans="8:8">
      <c r="H150488" s="12"/>
    </row>
    <row r="150489" spans="8:8">
      <c r="H150489" s="12"/>
    </row>
    <row r="150490" spans="8:8">
      <c r="H150490" s="12"/>
    </row>
    <row r="150491" spans="8:8">
      <c r="H150491" s="12"/>
    </row>
    <row r="150492" spans="8:8">
      <c r="H150492" s="12"/>
    </row>
    <row r="150493" spans="8:8">
      <c r="H150493" s="12"/>
    </row>
    <row r="150494" spans="8:8">
      <c r="H150494" s="12"/>
    </row>
    <row r="150495" spans="8:8">
      <c r="H150495" s="12"/>
    </row>
    <row r="150496" spans="8:8">
      <c r="H150496" s="12"/>
    </row>
    <row r="150497" spans="8:8">
      <c r="H150497" s="12"/>
    </row>
    <row r="150498" spans="8:8">
      <c r="H150498" s="12"/>
    </row>
    <row r="150499" spans="8:8">
      <c r="H150499" s="12"/>
    </row>
    <row r="150500" spans="8:8">
      <c r="H150500" s="12"/>
    </row>
    <row r="150501" spans="8:8">
      <c r="H150501" s="12"/>
    </row>
    <row r="150502" spans="8:8">
      <c r="H150502" s="12"/>
    </row>
    <row r="150503" spans="8:8">
      <c r="H150503" s="12"/>
    </row>
    <row r="150504" spans="8:8">
      <c r="H150504" s="12"/>
    </row>
    <row r="150505" spans="8:8">
      <c r="H150505" s="12"/>
    </row>
    <row r="150506" spans="8:8">
      <c r="H150506" s="12"/>
    </row>
    <row r="150507" spans="8:8">
      <c r="H150507" s="12"/>
    </row>
    <row r="150508" spans="8:8">
      <c r="H150508" s="12"/>
    </row>
    <row r="150509" spans="8:8">
      <c r="H150509" s="12"/>
    </row>
    <row r="150510" spans="8:8">
      <c r="H150510" s="12"/>
    </row>
    <row r="150511" spans="8:8">
      <c r="H150511" s="12"/>
    </row>
    <row r="150512" spans="8:8">
      <c r="H150512" s="12"/>
    </row>
    <row r="150513" spans="8:8">
      <c r="H150513" s="12"/>
    </row>
    <row r="150514" spans="8:8">
      <c r="H150514" s="12"/>
    </row>
    <row r="150515" spans="8:8">
      <c r="H150515" s="12"/>
    </row>
    <row r="150516" spans="8:8">
      <c r="H150516" s="12"/>
    </row>
    <row r="150517" spans="8:8">
      <c r="H150517" s="12"/>
    </row>
    <row r="150518" spans="8:8">
      <c r="H150518" s="12"/>
    </row>
    <row r="150519" spans="8:8">
      <c r="H150519" s="12"/>
    </row>
    <row r="150520" spans="8:8">
      <c r="H150520" s="12"/>
    </row>
    <row r="150521" spans="8:8">
      <c r="H150521" s="12"/>
    </row>
    <row r="150522" spans="8:8">
      <c r="H150522" s="12"/>
    </row>
    <row r="150523" spans="8:8">
      <c r="H150523" s="12"/>
    </row>
    <row r="150524" spans="8:8">
      <c r="H150524" s="12"/>
    </row>
    <row r="150525" spans="8:8">
      <c r="H150525" s="12"/>
    </row>
    <row r="150526" spans="8:8">
      <c r="H150526" s="12"/>
    </row>
    <row r="150527" spans="8:8">
      <c r="H150527" s="12"/>
    </row>
    <row r="150528" spans="8:8">
      <c r="H150528" s="12"/>
    </row>
    <row r="150529" spans="8:8">
      <c r="H150529" s="12"/>
    </row>
    <row r="150530" spans="8:8">
      <c r="H150530" s="12"/>
    </row>
    <row r="150531" spans="8:8">
      <c r="H150531" s="12"/>
    </row>
    <row r="150532" spans="8:8">
      <c r="H150532" s="12"/>
    </row>
    <row r="150533" spans="8:8">
      <c r="H150533" s="12"/>
    </row>
    <row r="150534" spans="8:8">
      <c r="H150534" s="12"/>
    </row>
    <row r="150535" spans="8:8">
      <c r="H150535" s="12"/>
    </row>
    <row r="150536" spans="8:8">
      <c r="H150536" s="12"/>
    </row>
    <row r="150537" spans="8:8">
      <c r="H150537" s="12"/>
    </row>
    <row r="150538" spans="8:8">
      <c r="H150538" s="12"/>
    </row>
    <row r="150539" spans="8:8">
      <c r="H150539" s="12"/>
    </row>
    <row r="150540" spans="8:8">
      <c r="H150540" s="12"/>
    </row>
    <row r="150541" spans="8:8">
      <c r="H150541" s="12"/>
    </row>
    <row r="150542" spans="8:8">
      <c r="H150542" s="12"/>
    </row>
    <row r="150543" spans="8:8">
      <c r="H150543" s="12"/>
    </row>
    <row r="150544" spans="8:8">
      <c r="H150544" s="12"/>
    </row>
    <row r="150545" spans="8:8">
      <c r="H150545" s="12"/>
    </row>
    <row r="150546" spans="8:8">
      <c r="H150546" s="12"/>
    </row>
    <row r="150547" spans="8:8">
      <c r="H150547" s="12"/>
    </row>
    <row r="150548" spans="8:8">
      <c r="H150548" s="12"/>
    </row>
    <row r="150549" spans="8:8">
      <c r="H150549" s="12"/>
    </row>
    <row r="150550" spans="8:8">
      <c r="H150550" s="12"/>
    </row>
    <row r="150551" spans="8:8">
      <c r="H150551" s="12"/>
    </row>
    <row r="150552" spans="8:8">
      <c r="H150552" s="12"/>
    </row>
    <row r="150553" spans="8:8">
      <c r="H150553" s="12"/>
    </row>
    <row r="150554" spans="8:8">
      <c r="H150554" s="12"/>
    </row>
    <row r="150555" spans="8:8">
      <c r="H150555" s="12"/>
    </row>
    <row r="150556" spans="8:8">
      <c r="H150556" s="12"/>
    </row>
    <row r="150557" spans="8:8">
      <c r="H150557" s="12"/>
    </row>
    <row r="150558" spans="8:8">
      <c r="H150558" s="12"/>
    </row>
    <row r="150559" spans="8:8">
      <c r="H150559" s="12"/>
    </row>
    <row r="150560" spans="8:8">
      <c r="H150560" s="12"/>
    </row>
    <row r="150561" spans="8:8">
      <c r="H150561" s="12"/>
    </row>
    <row r="150562" spans="8:8">
      <c r="H150562" s="12"/>
    </row>
    <row r="150563" spans="8:8">
      <c r="H150563" s="12"/>
    </row>
    <row r="150564" spans="8:8">
      <c r="H150564" s="12"/>
    </row>
    <row r="150565" spans="8:8">
      <c r="H150565" s="12"/>
    </row>
    <row r="150566" spans="8:8">
      <c r="H150566" s="12"/>
    </row>
    <row r="150567" spans="8:8">
      <c r="H150567" s="12"/>
    </row>
    <row r="150568" spans="8:8">
      <c r="H150568" s="12"/>
    </row>
    <row r="150569" spans="8:8">
      <c r="H150569" s="12"/>
    </row>
    <row r="150570" spans="8:8">
      <c r="H150570" s="12"/>
    </row>
    <row r="150571" spans="8:8">
      <c r="H150571" s="12"/>
    </row>
    <row r="150572" spans="8:8">
      <c r="H150572" s="12"/>
    </row>
    <row r="150573" spans="8:8">
      <c r="H150573" s="12"/>
    </row>
    <row r="150574" spans="8:8">
      <c r="H150574" s="12"/>
    </row>
    <row r="150575" spans="8:8">
      <c r="H150575" s="12"/>
    </row>
    <row r="150576" spans="8:8">
      <c r="H150576" s="12"/>
    </row>
    <row r="150577" spans="8:8">
      <c r="H150577" s="12"/>
    </row>
    <row r="150578" spans="8:8">
      <c r="H150578" s="12"/>
    </row>
    <row r="150579" spans="8:8">
      <c r="H150579" s="12"/>
    </row>
    <row r="150580" spans="8:8">
      <c r="H150580" s="12"/>
    </row>
    <row r="150581" spans="8:8">
      <c r="H150581" s="12"/>
    </row>
    <row r="150582" spans="8:8">
      <c r="H150582" s="12"/>
    </row>
    <row r="150583" spans="8:8">
      <c r="H150583" s="12"/>
    </row>
    <row r="150584" spans="8:8">
      <c r="H150584" s="12"/>
    </row>
    <row r="150585" spans="8:8">
      <c r="H150585" s="12"/>
    </row>
    <row r="150586" spans="8:8">
      <c r="H150586" s="12"/>
    </row>
    <row r="150587" spans="8:8">
      <c r="H150587" s="12"/>
    </row>
    <row r="150588" spans="8:8">
      <c r="H150588" s="12"/>
    </row>
    <row r="150589" spans="8:8">
      <c r="H150589" s="12"/>
    </row>
    <row r="150590" spans="8:8">
      <c r="H150590" s="12"/>
    </row>
    <row r="150591" spans="8:8">
      <c r="H150591" s="12"/>
    </row>
    <row r="150592" spans="8:8">
      <c r="H150592" s="12"/>
    </row>
    <row r="150593" spans="8:8">
      <c r="H150593" s="12"/>
    </row>
    <row r="150594" spans="8:8">
      <c r="H150594" s="12"/>
    </row>
    <row r="150595" spans="8:8">
      <c r="H150595" s="12"/>
    </row>
    <row r="150596" spans="8:8">
      <c r="H150596" s="12"/>
    </row>
    <row r="150597" spans="8:8">
      <c r="H150597" s="12"/>
    </row>
    <row r="150598" spans="8:8">
      <c r="H150598" s="12"/>
    </row>
    <row r="150599" spans="8:8">
      <c r="H150599" s="12"/>
    </row>
    <row r="150600" spans="8:8">
      <c r="H150600" s="12"/>
    </row>
    <row r="150601" spans="8:8">
      <c r="H150601" s="12"/>
    </row>
    <row r="150602" spans="8:8">
      <c r="H150602" s="12"/>
    </row>
    <row r="150603" spans="8:8">
      <c r="H150603" s="12"/>
    </row>
    <row r="150604" spans="8:8">
      <c r="H150604" s="12"/>
    </row>
    <row r="150605" spans="8:8">
      <c r="H150605" s="12"/>
    </row>
    <row r="150606" spans="8:8">
      <c r="H150606" s="12"/>
    </row>
    <row r="150607" spans="8:8">
      <c r="H150607" s="12"/>
    </row>
    <row r="150608" spans="8:8">
      <c r="H150608" s="12"/>
    </row>
    <row r="150609" spans="8:8">
      <c r="H150609" s="12"/>
    </row>
    <row r="150610" spans="8:8">
      <c r="H150610" s="12"/>
    </row>
    <row r="150611" spans="8:8">
      <c r="H150611" s="12"/>
    </row>
    <row r="150612" spans="8:8">
      <c r="H150612" s="12"/>
    </row>
    <row r="150613" spans="8:8">
      <c r="H150613" s="12"/>
    </row>
    <row r="150614" spans="8:8">
      <c r="H150614" s="12"/>
    </row>
    <row r="150615" spans="8:8">
      <c r="H150615" s="12"/>
    </row>
    <row r="150616" spans="8:8">
      <c r="H150616" s="12"/>
    </row>
    <row r="150617" spans="8:8">
      <c r="H150617" s="12"/>
    </row>
    <row r="150618" spans="8:8">
      <c r="H150618" s="12"/>
    </row>
    <row r="150619" spans="8:8">
      <c r="H150619" s="12"/>
    </row>
    <row r="150620" spans="8:8">
      <c r="H150620" s="12"/>
    </row>
    <row r="150621" spans="8:8">
      <c r="H150621" s="12"/>
    </row>
    <row r="150622" spans="8:8">
      <c r="H150622" s="12"/>
    </row>
    <row r="150623" spans="8:8">
      <c r="H150623" s="12"/>
    </row>
    <row r="150624" spans="8:8">
      <c r="H150624" s="12"/>
    </row>
    <row r="150625" spans="8:8">
      <c r="H150625" s="12"/>
    </row>
    <row r="150626" spans="8:8">
      <c r="H150626" s="12"/>
    </row>
    <row r="150627" spans="8:8">
      <c r="H150627" s="12"/>
    </row>
    <row r="150628" spans="8:8">
      <c r="H150628" s="12"/>
    </row>
    <row r="150629" spans="8:8">
      <c r="H150629" s="12"/>
    </row>
    <row r="150630" spans="8:8">
      <c r="H150630" s="12"/>
    </row>
    <row r="150631" spans="8:8">
      <c r="H150631" s="12"/>
    </row>
    <row r="150632" spans="8:8">
      <c r="H150632" s="12"/>
    </row>
    <row r="150633" spans="8:8">
      <c r="H150633" s="12"/>
    </row>
    <row r="150634" spans="8:8">
      <c r="H150634" s="12"/>
    </row>
    <row r="150635" spans="8:8">
      <c r="H150635" s="12"/>
    </row>
    <row r="150636" spans="8:8">
      <c r="H150636" s="12"/>
    </row>
    <row r="150637" spans="8:8">
      <c r="H150637" s="12"/>
    </row>
    <row r="150638" spans="8:8">
      <c r="H150638" s="12"/>
    </row>
    <row r="150639" spans="8:8">
      <c r="H150639" s="12"/>
    </row>
    <row r="150640" spans="8:8">
      <c r="H150640" s="12"/>
    </row>
    <row r="150641" spans="8:8">
      <c r="H150641" s="12"/>
    </row>
    <row r="150642" spans="8:8">
      <c r="H150642" s="12"/>
    </row>
    <row r="150643" spans="8:8">
      <c r="H150643" s="12"/>
    </row>
    <row r="150644" spans="8:8">
      <c r="H150644" s="12"/>
    </row>
    <row r="150645" spans="8:8">
      <c r="H150645" s="12"/>
    </row>
    <row r="150646" spans="8:8">
      <c r="H150646" s="12"/>
    </row>
    <row r="150647" spans="8:8">
      <c r="H150647" s="12"/>
    </row>
    <row r="150648" spans="8:8">
      <c r="H150648" s="12"/>
    </row>
    <row r="150649" spans="8:8">
      <c r="H150649" s="12"/>
    </row>
    <row r="150650" spans="8:8">
      <c r="H150650" s="12"/>
    </row>
    <row r="150651" spans="8:8">
      <c r="H150651" s="12"/>
    </row>
    <row r="150652" spans="8:8">
      <c r="H150652" s="12"/>
    </row>
    <row r="150653" spans="8:8">
      <c r="H150653" s="12"/>
    </row>
    <row r="150654" spans="8:8">
      <c r="H150654" s="12"/>
    </row>
    <row r="150655" spans="8:8">
      <c r="H150655" s="12"/>
    </row>
    <row r="150656" spans="8:8">
      <c r="H150656" s="12"/>
    </row>
    <row r="150657" spans="8:8">
      <c r="H150657" s="12"/>
    </row>
    <row r="150658" spans="8:8">
      <c r="H150658" s="12"/>
    </row>
    <row r="150659" spans="8:8">
      <c r="H150659" s="12"/>
    </row>
    <row r="150660" spans="8:8">
      <c r="H150660" s="12"/>
    </row>
    <row r="150661" spans="8:8">
      <c r="H150661" s="12"/>
    </row>
    <row r="150662" spans="8:8">
      <c r="H150662" s="12"/>
    </row>
    <row r="150663" spans="8:8">
      <c r="H150663" s="12"/>
    </row>
    <row r="150664" spans="8:8">
      <c r="H150664" s="12"/>
    </row>
    <row r="150665" spans="8:8">
      <c r="H150665" s="12"/>
    </row>
    <row r="150666" spans="8:8">
      <c r="H150666" s="12"/>
    </row>
    <row r="150667" spans="8:8">
      <c r="H150667" s="12"/>
    </row>
    <row r="150668" spans="8:8">
      <c r="H150668" s="12"/>
    </row>
    <row r="150669" spans="8:8">
      <c r="H150669" s="12"/>
    </row>
    <row r="150670" spans="8:8">
      <c r="H150670" s="12"/>
    </row>
    <row r="150671" spans="8:8">
      <c r="H150671" s="12"/>
    </row>
    <row r="150672" spans="8:8">
      <c r="H150672" s="12"/>
    </row>
    <row r="150673" spans="8:8">
      <c r="H150673" s="12"/>
    </row>
    <row r="150674" spans="8:8">
      <c r="H150674" s="12"/>
    </row>
    <row r="150675" spans="8:8">
      <c r="H150675" s="12"/>
    </row>
    <row r="150676" spans="8:8">
      <c r="H150676" s="12"/>
    </row>
    <row r="150677" spans="8:8">
      <c r="H150677" s="12"/>
    </row>
    <row r="150678" spans="8:8">
      <c r="H150678" s="12"/>
    </row>
    <row r="150679" spans="8:8">
      <c r="H150679" s="12"/>
    </row>
    <row r="150680" spans="8:8">
      <c r="H150680" s="12"/>
    </row>
    <row r="150681" spans="8:8">
      <c r="H150681" s="12"/>
    </row>
    <row r="150682" spans="8:8">
      <c r="H150682" s="12"/>
    </row>
    <row r="150683" spans="8:8">
      <c r="H150683" s="12"/>
    </row>
    <row r="150684" spans="8:8">
      <c r="H150684" s="12"/>
    </row>
    <row r="150685" spans="8:8">
      <c r="H150685" s="12"/>
    </row>
    <row r="150686" spans="8:8">
      <c r="H150686" s="12"/>
    </row>
    <row r="150687" spans="8:8">
      <c r="H150687" s="12"/>
    </row>
    <row r="150688" spans="8:8">
      <c r="H150688" s="12"/>
    </row>
    <row r="150689" spans="8:8">
      <c r="H150689" s="12"/>
    </row>
    <row r="150690" spans="8:8">
      <c r="H150690" s="12"/>
    </row>
    <row r="150691" spans="8:8">
      <c r="H150691" s="12"/>
    </row>
    <row r="150692" spans="8:8">
      <c r="H150692" s="12"/>
    </row>
    <row r="150693" spans="8:8">
      <c r="H150693" s="12"/>
    </row>
    <row r="150694" spans="8:8">
      <c r="H150694" s="12"/>
    </row>
    <row r="150695" spans="8:8">
      <c r="H150695" s="12"/>
    </row>
    <row r="150696" spans="8:8">
      <c r="H150696" s="12"/>
    </row>
    <row r="150697" spans="8:8">
      <c r="H150697" s="12"/>
    </row>
    <row r="150698" spans="8:8">
      <c r="H150698" s="12"/>
    </row>
    <row r="150699" spans="8:8">
      <c r="H150699" s="12"/>
    </row>
    <row r="150700" spans="8:8">
      <c r="H150700" s="12"/>
    </row>
    <row r="150701" spans="8:8">
      <c r="H150701" s="12"/>
    </row>
    <row r="150702" spans="8:8">
      <c r="H150702" s="12"/>
    </row>
    <row r="150703" spans="8:8">
      <c r="H150703" s="12"/>
    </row>
    <row r="150704" spans="8:8">
      <c r="H150704" s="12"/>
    </row>
    <row r="150705" spans="8:8">
      <c r="H150705" s="12"/>
    </row>
    <row r="150706" spans="8:8">
      <c r="H150706" s="12"/>
    </row>
    <row r="150707" spans="8:8">
      <c r="H150707" s="12"/>
    </row>
    <row r="150708" spans="8:8">
      <c r="H150708" s="12"/>
    </row>
    <row r="150709" spans="8:8">
      <c r="H150709" s="12"/>
    </row>
    <row r="150710" spans="8:8">
      <c r="H150710" s="12"/>
    </row>
    <row r="150711" spans="8:8">
      <c r="H150711" s="12"/>
    </row>
    <row r="150712" spans="8:8">
      <c r="H150712" s="12"/>
    </row>
    <row r="150713" spans="8:8">
      <c r="H150713" s="12"/>
    </row>
    <row r="150714" spans="8:8">
      <c r="H150714" s="12"/>
    </row>
    <row r="150715" spans="8:8">
      <c r="H150715" s="12"/>
    </row>
    <row r="150716" spans="8:8">
      <c r="H150716" s="12"/>
    </row>
    <row r="150717" spans="8:8">
      <c r="H150717" s="12"/>
    </row>
    <row r="150718" spans="8:8">
      <c r="H150718" s="12"/>
    </row>
    <row r="150719" spans="8:8">
      <c r="H150719" s="12"/>
    </row>
    <row r="150720" spans="8:8">
      <c r="H150720" s="12"/>
    </row>
    <row r="150721" spans="8:8">
      <c r="H150721" s="12"/>
    </row>
    <row r="150722" spans="8:8">
      <c r="H150722" s="12"/>
    </row>
    <row r="150723" spans="8:8">
      <c r="H150723" s="12"/>
    </row>
    <row r="150724" spans="8:8">
      <c r="H150724" s="12"/>
    </row>
    <row r="150725" spans="8:8">
      <c r="H150725" s="12"/>
    </row>
    <row r="150726" spans="8:8">
      <c r="H150726" s="12"/>
    </row>
    <row r="150727" spans="8:8">
      <c r="H150727" s="12"/>
    </row>
    <row r="150728" spans="8:8">
      <c r="H150728" s="12"/>
    </row>
    <row r="150729" spans="8:8">
      <c r="H150729" s="12"/>
    </row>
    <row r="150730" spans="8:8">
      <c r="H150730" s="12"/>
    </row>
    <row r="150731" spans="8:8">
      <c r="H150731" s="12"/>
    </row>
    <row r="150732" spans="8:8">
      <c r="H150732" s="12"/>
    </row>
    <row r="150733" spans="8:8">
      <c r="H150733" s="12"/>
    </row>
    <row r="150734" spans="8:8">
      <c r="H150734" s="12"/>
    </row>
    <row r="150735" spans="8:8">
      <c r="H150735" s="12"/>
    </row>
    <row r="150736" spans="8:8">
      <c r="H150736" s="12"/>
    </row>
    <row r="150737" spans="8:8">
      <c r="H150737" s="12"/>
    </row>
    <row r="150738" spans="8:8">
      <c r="H150738" s="12"/>
    </row>
    <row r="150739" spans="8:8">
      <c r="H150739" s="12"/>
    </row>
    <row r="150740" spans="8:8">
      <c r="H150740" s="12"/>
    </row>
    <row r="150741" spans="8:8">
      <c r="H150741" s="12"/>
    </row>
    <row r="150742" spans="8:8">
      <c r="H150742" s="12"/>
    </row>
    <row r="150743" spans="8:8">
      <c r="H150743" s="12"/>
    </row>
    <row r="150744" spans="8:8">
      <c r="H150744" s="12"/>
    </row>
    <row r="150745" spans="8:8">
      <c r="H150745" s="12"/>
    </row>
    <row r="150746" spans="8:8">
      <c r="H150746" s="12"/>
    </row>
    <row r="150747" spans="8:8">
      <c r="H150747" s="12"/>
    </row>
    <row r="150748" spans="8:8">
      <c r="H150748" s="12"/>
    </row>
    <row r="150749" spans="8:8">
      <c r="H150749" s="12"/>
    </row>
    <row r="150750" spans="8:8">
      <c r="H150750" s="12"/>
    </row>
    <row r="150751" spans="8:8">
      <c r="H150751" s="12"/>
    </row>
    <row r="150752" spans="8:8">
      <c r="H150752" s="12"/>
    </row>
    <row r="150753" spans="8:8">
      <c r="H150753" s="12"/>
    </row>
    <row r="150754" spans="8:8">
      <c r="H150754" s="12"/>
    </row>
    <row r="150755" spans="8:8">
      <c r="H150755" s="12"/>
    </row>
    <row r="150756" spans="8:8">
      <c r="H150756" s="12"/>
    </row>
    <row r="150757" spans="8:8">
      <c r="H150757" s="12"/>
    </row>
    <row r="150758" spans="8:8">
      <c r="H150758" s="12"/>
    </row>
    <row r="150759" spans="8:8">
      <c r="H150759" s="12"/>
    </row>
    <row r="150760" spans="8:8">
      <c r="H150760" s="12"/>
    </row>
    <row r="150761" spans="8:8">
      <c r="H150761" s="12"/>
    </row>
    <row r="150762" spans="8:8">
      <c r="H150762" s="12"/>
    </row>
    <row r="150763" spans="8:8">
      <c r="H150763" s="12"/>
    </row>
    <row r="150764" spans="8:8">
      <c r="H150764" s="12"/>
    </row>
    <row r="150765" spans="8:8">
      <c r="H150765" s="12"/>
    </row>
    <row r="150766" spans="8:8">
      <c r="H150766" s="12"/>
    </row>
    <row r="150767" spans="8:8">
      <c r="H150767" s="12"/>
    </row>
    <row r="150768" spans="8:8">
      <c r="H150768" s="12"/>
    </row>
    <row r="150769" spans="8:8">
      <c r="H150769" s="12"/>
    </row>
    <row r="150770" spans="8:8">
      <c r="H150770" s="12"/>
    </row>
    <row r="150771" spans="8:8">
      <c r="H150771" s="12"/>
    </row>
    <row r="150772" spans="8:8">
      <c r="H150772" s="12"/>
    </row>
    <row r="150773" spans="8:8">
      <c r="H150773" s="12"/>
    </row>
    <row r="150774" spans="8:8">
      <c r="H150774" s="12"/>
    </row>
    <row r="150775" spans="8:8">
      <c r="H150775" s="12"/>
    </row>
    <row r="150776" spans="8:8">
      <c r="H150776" s="12"/>
    </row>
    <row r="150777" spans="8:8">
      <c r="H150777" s="12"/>
    </row>
    <row r="150778" spans="8:8">
      <c r="H150778" s="12"/>
    </row>
    <row r="150779" spans="8:8">
      <c r="H150779" s="12"/>
    </row>
    <row r="150780" spans="8:8">
      <c r="H150780" s="12"/>
    </row>
    <row r="150781" spans="8:8">
      <c r="H150781" s="12"/>
    </row>
    <row r="150782" spans="8:8">
      <c r="H150782" s="12"/>
    </row>
    <row r="150783" spans="8:8">
      <c r="H150783" s="12"/>
    </row>
    <row r="150784" spans="8:8">
      <c r="H150784" s="12"/>
    </row>
    <row r="150785" spans="8:8">
      <c r="H150785" s="12"/>
    </row>
    <row r="150786" spans="8:8">
      <c r="H150786" s="12"/>
    </row>
    <row r="150787" spans="8:8">
      <c r="H150787" s="12"/>
    </row>
    <row r="150788" spans="8:8">
      <c r="H150788" s="12"/>
    </row>
    <row r="150789" spans="8:8">
      <c r="H150789" s="12"/>
    </row>
    <row r="150790" spans="8:8">
      <c r="H150790" s="12"/>
    </row>
    <row r="150791" spans="8:8">
      <c r="H150791" s="12"/>
    </row>
    <row r="150792" spans="8:8">
      <c r="H150792" s="12"/>
    </row>
    <row r="150793" spans="8:8">
      <c r="H150793" s="12"/>
    </row>
    <row r="150794" spans="8:8">
      <c r="H150794" s="12"/>
    </row>
    <row r="150795" spans="8:8">
      <c r="H150795" s="12"/>
    </row>
    <row r="150796" spans="8:8">
      <c r="H150796" s="12"/>
    </row>
    <row r="150797" spans="8:8">
      <c r="H150797" s="12"/>
    </row>
    <row r="150798" spans="8:8">
      <c r="H150798" s="12"/>
    </row>
    <row r="150799" spans="8:8">
      <c r="H150799" s="12"/>
    </row>
    <row r="150800" spans="8:8">
      <c r="H150800" s="12"/>
    </row>
    <row r="150801" spans="8:8">
      <c r="H150801" s="12"/>
    </row>
    <row r="150802" spans="8:8">
      <c r="H150802" s="12"/>
    </row>
    <row r="150803" spans="8:8">
      <c r="H150803" s="12"/>
    </row>
    <row r="150804" spans="8:8">
      <c r="H150804" s="12"/>
    </row>
    <row r="150805" spans="8:8">
      <c r="H150805" s="12"/>
    </row>
    <row r="150806" spans="8:8">
      <c r="H150806" s="12"/>
    </row>
    <row r="150807" spans="8:8">
      <c r="H150807" s="12"/>
    </row>
    <row r="150808" spans="8:8">
      <c r="H150808" s="12"/>
    </row>
    <row r="150809" spans="8:8">
      <c r="H150809" s="12"/>
    </row>
    <row r="150810" spans="8:8">
      <c r="H150810" s="12"/>
    </row>
    <row r="150811" spans="8:8">
      <c r="H150811" s="12"/>
    </row>
    <row r="150812" spans="8:8">
      <c r="H150812" s="12"/>
    </row>
    <row r="150813" spans="8:8">
      <c r="H150813" s="12"/>
    </row>
    <row r="150814" spans="8:8">
      <c r="H150814" s="12"/>
    </row>
    <row r="150815" spans="8:8">
      <c r="H150815" s="12"/>
    </row>
    <row r="150816" spans="8:8">
      <c r="H150816" s="12"/>
    </row>
    <row r="150817" spans="8:8">
      <c r="H150817" s="12"/>
    </row>
    <row r="150818" spans="8:8">
      <c r="H150818" s="12"/>
    </row>
    <row r="150819" spans="8:8">
      <c r="H150819" s="12"/>
    </row>
    <row r="150820" spans="8:8">
      <c r="H150820" s="12"/>
    </row>
    <row r="150821" spans="8:8">
      <c r="H150821" s="12"/>
    </row>
    <row r="150822" spans="8:8">
      <c r="H150822" s="12"/>
    </row>
    <row r="150823" spans="8:8">
      <c r="H150823" s="12"/>
    </row>
    <row r="150824" spans="8:8">
      <c r="H150824" s="12"/>
    </row>
    <row r="150825" spans="8:8">
      <c r="H150825" s="12"/>
    </row>
    <row r="150826" spans="8:8">
      <c r="H150826" s="12"/>
    </row>
    <row r="150827" spans="8:8">
      <c r="H150827" s="12"/>
    </row>
    <row r="150828" spans="8:8">
      <c r="H150828" s="12"/>
    </row>
    <row r="150829" spans="8:8">
      <c r="H150829" s="12"/>
    </row>
    <row r="150830" spans="8:8">
      <c r="H150830" s="12"/>
    </row>
    <row r="150831" spans="8:8">
      <c r="H150831" s="12"/>
    </row>
    <row r="150832" spans="8:8">
      <c r="H150832" s="12"/>
    </row>
    <row r="150833" spans="8:8">
      <c r="H150833" s="12"/>
    </row>
    <row r="150834" spans="8:8">
      <c r="H150834" s="12"/>
    </row>
    <row r="150835" spans="8:8">
      <c r="H150835" s="12"/>
    </row>
    <row r="150836" spans="8:8">
      <c r="H150836" s="12"/>
    </row>
    <row r="150837" spans="8:8">
      <c r="H150837" s="12"/>
    </row>
    <row r="150838" spans="8:8">
      <c r="H150838" s="12"/>
    </row>
    <row r="150839" spans="8:8">
      <c r="H150839" s="12"/>
    </row>
    <row r="150840" spans="8:8">
      <c r="H150840" s="12"/>
    </row>
    <row r="150841" spans="8:8">
      <c r="H150841" s="12"/>
    </row>
    <row r="150842" spans="8:8">
      <c r="H150842" s="12"/>
    </row>
    <row r="150843" spans="8:8">
      <c r="H150843" s="12"/>
    </row>
    <row r="150844" spans="8:8">
      <c r="H150844" s="12"/>
    </row>
    <row r="150845" spans="8:8">
      <c r="H150845" s="12"/>
    </row>
    <row r="150846" spans="8:8">
      <c r="H150846" s="12"/>
    </row>
    <row r="150847" spans="8:8">
      <c r="H150847" s="12"/>
    </row>
    <row r="150848" spans="8:8">
      <c r="H150848" s="12"/>
    </row>
    <row r="150849" spans="8:8">
      <c r="H150849" s="12"/>
    </row>
    <row r="150850" spans="8:8">
      <c r="H150850" s="12"/>
    </row>
    <row r="150851" spans="8:8">
      <c r="H150851" s="12"/>
    </row>
    <row r="150852" spans="8:8">
      <c r="H150852" s="12"/>
    </row>
    <row r="150853" spans="8:8">
      <c r="H150853" s="12"/>
    </row>
    <row r="150854" spans="8:8">
      <c r="H150854" s="12"/>
    </row>
    <row r="150855" spans="8:8">
      <c r="H150855" s="12"/>
    </row>
    <row r="150856" spans="8:8">
      <c r="H150856" s="12"/>
    </row>
    <row r="150857" spans="8:8">
      <c r="H150857" s="12"/>
    </row>
    <row r="150858" spans="8:8">
      <c r="H150858" s="12"/>
    </row>
    <row r="150859" spans="8:8">
      <c r="H150859" s="12"/>
    </row>
    <row r="150860" spans="8:8">
      <c r="H150860" s="12"/>
    </row>
    <row r="150861" spans="8:8">
      <c r="H150861" s="12"/>
    </row>
    <row r="150862" spans="8:8">
      <c r="H150862" s="12"/>
    </row>
    <row r="150863" spans="8:8">
      <c r="H150863" s="12"/>
    </row>
    <row r="150864" spans="8:8">
      <c r="H150864" s="12"/>
    </row>
    <row r="150865" spans="8:8">
      <c r="H150865" s="12"/>
    </row>
    <row r="150866" spans="8:8">
      <c r="H150866" s="12"/>
    </row>
    <row r="150867" spans="8:8">
      <c r="H150867" s="12"/>
    </row>
    <row r="150868" spans="8:8">
      <c r="H150868" s="12"/>
    </row>
    <row r="150869" spans="8:8">
      <c r="H150869" s="12"/>
    </row>
    <row r="150870" spans="8:8">
      <c r="H150870" s="12"/>
    </row>
    <row r="150871" spans="8:8">
      <c r="H150871" s="12"/>
    </row>
    <row r="150872" spans="8:8">
      <c r="H150872" s="12"/>
    </row>
    <row r="150873" spans="8:8">
      <c r="H150873" s="12"/>
    </row>
    <row r="150874" spans="8:8">
      <c r="H150874" s="12"/>
    </row>
    <row r="150875" spans="8:8">
      <c r="H150875" s="12"/>
    </row>
    <row r="150876" spans="8:8">
      <c r="H150876" s="12"/>
    </row>
    <row r="150877" spans="8:8">
      <c r="H150877" s="12"/>
    </row>
    <row r="150878" spans="8:8">
      <c r="H150878" s="12"/>
    </row>
    <row r="150879" spans="8:8">
      <c r="H150879" s="12"/>
    </row>
    <row r="150880" spans="8:8">
      <c r="H150880" s="12"/>
    </row>
    <row r="150881" spans="8:8">
      <c r="H150881" s="12"/>
    </row>
    <row r="150882" spans="8:8">
      <c r="H150882" s="12"/>
    </row>
    <row r="150883" spans="8:8">
      <c r="H150883" s="12"/>
    </row>
    <row r="150884" spans="8:8">
      <c r="H150884" s="12"/>
    </row>
    <row r="150885" spans="8:8">
      <c r="H150885" s="12"/>
    </row>
    <row r="150886" spans="8:8">
      <c r="H150886" s="12"/>
    </row>
    <row r="150887" spans="8:8">
      <c r="H150887" s="12"/>
    </row>
    <row r="150888" spans="8:8">
      <c r="H150888" s="12"/>
    </row>
    <row r="150889" spans="8:8">
      <c r="H150889" s="12"/>
    </row>
    <row r="150890" spans="8:8">
      <c r="H150890" s="12"/>
    </row>
    <row r="150891" spans="8:8">
      <c r="H150891" s="12"/>
    </row>
    <row r="150892" spans="8:8">
      <c r="H150892" s="12"/>
    </row>
    <row r="150893" spans="8:8">
      <c r="H150893" s="12"/>
    </row>
    <row r="150894" spans="8:8">
      <c r="H150894" s="12"/>
    </row>
    <row r="150895" spans="8:8">
      <c r="H150895" s="12"/>
    </row>
    <row r="150896" spans="8:8">
      <c r="H150896" s="12"/>
    </row>
    <row r="150897" spans="8:8">
      <c r="H150897" s="12"/>
    </row>
    <row r="150898" spans="8:8">
      <c r="H150898" s="12"/>
    </row>
    <row r="150899" spans="8:8">
      <c r="H150899" s="12"/>
    </row>
    <row r="150900" spans="8:8">
      <c r="H150900" s="12"/>
    </row>
    <row r="150901" spans="8:8">
      <c r="H150901" s="12"/>
    </row>
    <row r="150902" spans="8:8">
      <c r="H150902" s="12"/>
    </row>
    <row r="150903" spans="8:8">
      <c r="H150903" s="12"/>
    </row>
    <row r="150904" spans="8:8">
      <c r="H150904" s="12"/>
    </row>
    <row r="150905" spans="8:8">
      <c r="H150905" s="12"/>
    </row>
    <row r="150906" spans="8:8">
      <c r="H150906" s="12"/>
    </row>
    <row r="150907" spans="8:8">
      <c r="H150907" s="12"/>
    </row>
    <row r="150908" spans="8:8">
      <c r="H150908" s="12"/>
    </row>
    <row r="150909" spans="8:8">
      <c r="H150909" s="12"/>
    </row>
    <row r="150910" spans="8:8">
      <c r="H150910" s="12"/>
    </row>
    <row r="150911" spans="8:8">
      <c r="H150911" s="12"/>
    </row>
    <row r="150912" spans="8:8">
      <c r="H150912" s="12"/>
    </row>
    <row r="150913" spans="8:8">
      <c r="H150913" s="12"/>
    </row>
    <row r="150914" spans="8:8">
      <c r="H150914" s="12"/>
    </row>
    <row r="150915" spans="8:8">
      <c r="H150915" s="12"/>
    </row>
    <row r="150916" spans="8:8">
      <c r="H150916" s="12"/>
    </row>
    <row r="150917" spans="8:8">
      <c r="H150917" s="12"/>
    </row>
    <row r="150918" spans="8:8">
      <c r="H150918" s="12"/>
    </row>
    <row r="150919" spans="8:8">
      <c r="H150919" s="12"/>
    </row>
    <row r="150920" spans="8:8">
      <c r="H150920" s="12"/>
    </row>
    <row r="150921" spans="8:8">
      <c r="H150921" s="12"/>
    </row>
    <row r="150922" spans="8:8">
      <c r="H150922" s="12"/>
    </row>
    <row r="150923" spans="8:8">
      <c r="H150923" s="12"/>
    </row>
    <row r="150924" spans="8:8">
      <c r="H150924" s="12"/>
    </row>
    <row r="150925" spans="8:8">
      <c r="H150925" s="12"/>
    </row>
    <row r="150926" spans="8:8">
      <c r="H150926" s="12"/>
    </row>
    <row r="150927" spans="8:8">
      <c r="H150927" s="12"/>
    </row>
    <row r="150928" spans="8:8">
      <c r="H150928" s="12"/>
    </row>
    <row r="150929" spans="8:8">
      <c r="H150929" s="12"/>
    </row>
    <row r="150930" spans="8:8">
      <c r="H150930" s="12"/>
    </row>
    <row r="150931" spans="8:8">
      <c r="H150931" s="12"/>
    </row>
    <row r="150932" spans="8:8">
      <c r="H150932" s="12"/>
    </row>
    <row r="150933" spans="8:8">
      <c r="H150933" s="12"/>
    </row>
    <row r="150934" spans="8:8">
      <c r="H150934" s="12"/>
    </row>
    <row r="150935" spans="8:8">
      <c r="H150935" s="12"/>
    </row>
    <row r="150936" spans="8:8">
      <c r="H150936" s="12"/>
    </row>
    <row r="150937" spans="8:8">
      <c r="H150937" s="12"/>
    </row>
    <row r="150938" spans="8:8">
      <c r="H150938" s="12"/>
    </row>
    <row r="150939" spans="8:8">
      <c r="H150939" s="12"/>
    </row>
    <row r="150940" spans="8:8">
      <c r="H150940" s="12"/>
    </row>
    <row r="150941" spans="8:8">
      <c r="H150941" s="12"/>
    </row>
    <row r="150942" spans="8:8">
      <c r="H150942" s="12"/>
    </row>
    <row r="150943" spans="8:8">
      <c r="H150943" s="12"/>
    </row>
    <row r="150944" spans="8:8">
      <c r="H150944" s="12"/>
    </row>
    <row r="150945" spans="8:8">
      <c r="H150945" s="12"/>
    </row>
    <row r="150946" spans="8:8">
      <c r="H150946" s="12"/>
    </row>
    <row r="150947" spans="8:8">
      <c r="H150947" s="12"/>
    </row>
    <row r="150948" spans="8:8">
      <c r="H150948" s="12"/>
    </row>
    <row r="150949" spans="8:8">
      <c r="H150949" s="12"/>
    </row>
    <row r="150950" spans="8:8">
      <c r="H150950" s="12"/>
    </row>
    <row r="150951" spans="8:8">
      <c r="H150951" s="12"/>
    </row>
    <row r="150952" spans="8:8">
      <c r="H150952" s="12"/>
    </row>
    <row r="150953" spans="8:8">
      <c r="H150953" s="12"/>
    </row>
    <row r="150954" spans="8:8">
      <c r="H150954" s="12"/>
    </row>
    <row r="150955" spans="8:8">
      <c r="H150955" s="12"/>
    </row>
    <row r="150956" spans="8:8">
      <c r="H150956" s="12"/>
    </row>
    <row r="150957" spans="8:8">
      <c r="H150957" s="12"/>
    </row>
    <row r="150958" spans="8:8">
      <c r="H150958" s="12"/>
    </row>
    <row r="150959" spans="8:8">
      <c r="H150959" s="12"/>
    </row>
    <row r="150960" spans="8:8">
      <c r="H150960" s="12"/>
    </row>
    <row r="150961" spans="8:8">
      <c r="H150961" s="12"/>
    </row>
    <row r="150962" spans="8:8">
      <c r="H150962" s="12"/>
    </row>
    <row r="150963" spans="8:8">
      <c r="H150963" s="12"/>
    </row>
    <row r="150964" spans="8:8">
      <c r="H150964" s="12"/>
    </row>
    <row r="150965" spans="8:8">
      <c r="H150965" s="12"/>
    </row>
    <row r="150966" spans="8:8">
      <c r="H150966" s="12"/>
    </row>
    <row r="150967" spans="8:8">
      <c r="H150967" s="12"/>
    </row>
    <row r="150968" spans="8:8">
      <c r="H150968" s="12"/>
    </row>
    <row r="150969" spans="8:8">
      <c r="H150969" s="12"/>
    </row>
    <row r="150970" spans="8:8">
      <c r="H150970" s="12"/>
    </row>
    <row r="150971" spans="8:8">
      <c r="H150971" s="12"/>
    </row>
    <row r="150972" spans="8:8">
      <c r="H150972" s="12"/>
    </row>
    <row r="150973" spans="8:8">
      <c r="H150973" s="12"/>
    </row>
    <row r="150974" spans="8:8">
      <c r="H150974" s="12"/>
    </row>
    <row r="150975" spans="8:8">
      <c r="H150975" s="12"/>
    </row>
    <row r="150976" spans="8:8">
      <c r="H150976" s="12"/>
    </row>
    <row r="150977" spans="8:8">
      <c r="H150977" s="12"/>
    </row>
    <row r="150978" spans="8:8">
      <c r="H150978" s="12"/>
    </row>
    <row r="150979" spans="8:8">
      <c r="H150979" s="12"/>
    </row>
    <row r="150980" spans="8:8">
      <c r="H150980" s="12"/>
    </row>
    <row r="150981" spans="8:8">
      <c r="H150981" s="12"/>
    </row>
    <row r="150982" spans="8:8">
      <c r="H150982" s="12"/>
    </row>
    <row r="150983" spans="8:8">
      <c r="H150983" s="12"/>
    </row>
    <row r="150984" spans="8:8">
      <c r="H150984" s="12"/>
    </row>
    <row r="150985" spans="8:8">
      <c r="H150985" s="12"/>
    </row>
    <row r="150986" spans="8:8">
      <c r="H150986" s="12"/>
    </row>
    <row r="150987" spans="8:8">
      <c r="H150987" s="12"/>
    </row>
    <row r="150988" spans="8:8">
      <c r="H150988" s="12"/>
    </row>
    <row r="150989" spans="8:8">
      <c r="H150989" s="12"/>
    </row>
    <row r="150990" spans="8:8">
      <c r="H150990" s="12"/>
    </row>
    <row r="150991" spans="8:8">
      <c r="H150991" s="12"/>
    </row>
    <row r="150992" spans="8:8">
      <c r="H150992" s="12"/>
    </row>
    <row r="150993" spans="8:8">
      <c r="H150993" s="12"/>
    </row>
    <row r="150994" spans="8:8">
      <c r="H150994" s="12"/>
    </row>
    <row r="150995" spans="8:8">
      <c r="H150995" s="12"/>
    </row>
    <row r="150996" spans="8:8">
      <c r="H150996" s="12"/>
    </row>
    <row r="150997" spans="8:8">
      <c r="H150997" s="12"/>
    </row>
    <row r="150998" spans="8:8">
      <c r="H150998" s="12"/>
    </row>
    <row r="150999" spans="8:8">
      <c r="H150999" s="12"/>
    </row>
    <row r="151000" spans="8:8">
      <c r="H151000" s="12"/>
    </row>
    <row r="151001" spans="8:8">
      <c r="H151001" s="12"/>
    </row>
    <row r="151002" spans="8:8">
      <c r="H151002" s="12"/>
    </row>
    <row r="151003" spans="8:8">
      <c r="H151003" s="12"/>
    </row>
    <row r="151004" spans="8:8">
      <c r="H151004" s="12"/>
    </row>
    <row r="151005" spans="8:8">
      <c r="H151005" s="12"/>
    </row>
    <row r="151006" spans="8:8">
      <c r="H151006" s="12"/>
    </row>
    <row r="151007" spans="8:8">
      <c r="H151007" s="12"/>
    </row>
    <row r="151008" spans="8:8">
      <c r="H151008" s="12"/>
    </row>
    <row r="151009" spans="8:8">
      <c r="H151009" s="12"/>
    </row>
    <row r="151010" spans="8:8">
      <c r="H151010" s="12"/>
    </row>
    <row r="151011" spans="8:8">
      <c r="H151011" s="12"/>
    </row>
    <row r="151012" spans="8:8">
      <c r="H151012" s="12"/>
    </row>
    <row r="151013" spans="8:8">
      <c r="H151013" s="12"/>
    </row>
    <row r="151014" spans="8:8">
      <c r="H151014" s="12"/>
    </row>
    <row r="151015" spans="8:8">
      <c r="H151015" s="12"/>
    </row>
    <row r="151016" spans="8:8">
      <c r="H151016" s="12"/>
    </row>
    <row r="151017" spans="8:8">
      <c r="H151017" s="12"/>
    </row>
    <row r="151018" spans="8:8">
      <c r="H151018" s="12"/>
    </row>
    <row r="151019" spans="8:8">
      <c r="H151019" s="12"/>
    </row>
    <row r="151020" spans="8:8">
      <c r="H151020" s="12"/>
    </row>
    <row r="151021" spans="8:8">
      <c r="H151021" s="12"/>
    </row>
    <row r="151022" spans="8:8">
      <c r="H151022" s="12"/>
    </row>
    <row r="151023" spans="8:8">
      <c r="H151023" s="12"/>
    </row>
    <row r="151024" spans="8:8">
      <c r="H151024" s="12"/>
    </row>
    <row r="151025" spans="8:8">
      <c r="H151025" s="12"/>
    </row>
    <row r="151026" spans="8:8">
      <c r="H151026" s="12"/>
    </row>
    <row r="151027" spans="8:8">
      <c r="H151027" s="12"/>
    </row>
    <row r="151028" spans="8:8">
      <c r="H151028" s="12"/>
    </row>
    <row r="151029" spans="8:8">
      <c r="H151029" s="12"/>
    </row>
    <row r="151030" spans="8:8">
      <c r="H151030" s="12"/>
    </row>
    <row r="151031" spans="8:8">
      <c r="H151031" s="12"/>
    </row>
    <row r="151032" spans="8:8">
      <c r="H151032" s="12"/>
    </row>
    <row r="151033" spans="8:8">
      <c r="H151033" s="12"/>
    </row>
    <row r="151034" spans="8:8">
      <c r="H151034" s="12"/>
    </row>
    <row r="151035" spans="8:8">
      <c r="H151035" s="12"/>
    </row>
    <row r="151036" spans="8:8">
      <c r="H151036" s="12"/>
    </row>
    <row r="151037" spans="8:8">
      <c r="H151037" s="12"/>
    </row>
    <row r="151038" spans="8:8">
      <c r="H151038" s="12"/>
    </row>
    <row r="151039" spans="8:8">
      <c r="H151039" s="12"/>
    </row>
    <row r="151040" spans="8:8">
      <c r="H151040" s="12"/>
    </row>
    <row r="151041" spans="8:8">
      <c r="H151041" s="12"/>
    </row>
    <row r="151042" spans="8:8">
      <c r="H151042" s="12"/>
    </row>
    <row r="151043" spans="8:8">
      <c r="H151043" s="12"/>
    </row>
    <row r="151044" spans="8:8">
      <c r="H151044" s="12"/>
    </row>
    <row r="151045" spans="8:8">
      <c r="H151045" s="12"/>
    </row>
    <row r="151046" spans="8:8">
      <c r="H151046" s="12"/>
    </row>
    <row r="151047" spans="8:8">
      <c r="H151047" s="12"/>
    </row>
    <row r="151048" spans="8:8">
      <c r="H151048" s="12"/>
    </row>
    <row r="151049" spans="8:8">
      <c r="H151049" s="12"/>
    </row>
    <row r="151050" spans="8:8">
      <c r="H151050" s="12"/>
    </row>
    <row r="151051" spans="8:8">
      <c r="H151051" s="12"/>
    </row>
    <row r="151052" spans="8:8">
      <c r="H151052" s="12"/>
    </row>
    <row r="151053" spans="8:8">
      <c r="H151053" s="12"/>
    </row>
    <row r="151054" spans="8:8">
      <c r="H151054" s="12"/>
    </row>
    <row r="151055" spans="8:8">
      <c r="H151055" s="12"/>
    </row>
    <row r="151056" spans="8:8">
      <c r="H151056" s="12"/>
    </row>
    <row r="151057" spans="8:8">
      <c r="H151057" s="12"/>
    </row>
    <row r="151058" spans="8:8">
      <c r="H151058" s="12"/>
    </row>
    <row r="151059" spans="8:8">
      <c r="H151059" s="12"/>
    </row>
    <row r="151060" spans="8:8">
      <c r="H151060" s="12"/>
    </row>
    <row r="151061" spans="8:8">
      <c r="H151061" s="12"/>
    </row>
    <row r="151062" spans="8:8">
      <c r="H151062" s="12"/>
    </row>
    <row r="151063" spans="8:8">
      <c r="H151063" s="12"/>
    </row>
    <row r="151064" spans="8:8">
      <c r="H151064" s="12"/>
    </row>
    <row r="151065" spans="8:8">
      <c r="H151065" s="12"/>
    </row>
    <row r="151066" spans="8:8">
      <c r="H151066" s="12"/>
    </row>
    <row r="151067" spans="8:8">
      <c r="H151067" s="12"/>
    </row>
    <row r="151068" spans="8:8">
      <c r="H151068" s="12"/>
    </row>
    <row r="151069" spans="8:8">
      <c r="H151069" s="12"/>
    </row>
    <row r="151070" spans="8:8">
      <c r="H151070" s="12"/>
    </row>
    <row r="151071" spans="8:8">
      <c r="H151071" s="12"/>
    </row>
    <row r="151072" spans="8:8">
      <c r="H151072" s="12"/>
    </row>
    <row r="151073" spans="8:8">
      <c r="H151073" s="12"/>
    </row>
    <row r="151074" spans="8:8">
      <c r="H151074" s="12"/>
    </row>
    <row r="151075" spans="8:8">
      <c r="H151075" s="12"/>
    </row>
    <row r="151076" spans="8:8">
      <c r="H151076" s="12"/>
    </row>
    <row r="151077" spans="8:8">
      <c r="H151077" s="12"/>
    </row>
    <row r="151078" spans="8:8">
      <c r="H151078" s="12"/>
    </row>
    <row r="151079" spans="8:8">
      <c r="H151079" s="12"/>
    </row>
    <row r="151080" spans="8:8">
      <c r="H151080" s="12"/>
    </row>
    <row r="151081" spans="8:8">
      <c r="H151081" s="12"/>
    </row>
    <row r="151082" spans="8:8">
      <c r="H151082" s="12"/>
    </row>
    <row r="151083" spans="8:8">
      <c r="H151083" s="12"/>
    </row>
    <row r="151084" spans="8:8">
      <c r="H151084" s="12"/>
    </row>
    <row r="151085" spans="8:8">
      <c r="H151085" s="12"/>
    </row>
    <row r="151086" spans="8:8">
      <c r="H151086" s="12"/>
    </row>
    <row r="151087" spans="8:8">
      <c r="H151087" s="12"/>
    </row>
    <row r="151088" spans="8:8">
      <c r="H151088" s="12"/>
    </row>
    <row r="151089" spans="8:8">
      <c r="H151089" s="12"/>
    </row>
    <row r="151090" spans="8:8">
      <c r="H151090" s="12"/>
    </row>
    <row r="151091" spans="8:8">
      <c r="H151091" s="12"/>
    </row>
    <row r="151092" spans="8:8">
      <c r="H151092" s="12"/>
    </row>
    <row r="151093" spans="8:8">
      <c r="H151093" s="12"/>
    </row>
    <row r="151094" spans="8:8">
      <c r="H151094" s="12"/>
    </row>
    <row r="151095" spans="8:8">
      <c r="H151095" s="12"/>
    </row>
    <row r="151096" spans="8:8">
      <c r="H151096" s="12"/>
    </row>
    <row r="151097" spans="8:8">
      <c r="H151097" s="12"/>
    </row>
    <row r="151098" spans="8:8">
      <c r="H151098" s="12"/>
    </row>
    <row r="151099" spans="8:8">
      <c r="H151099" s="12"/>
    </row>
    <row r="151100" spans="8:8">
      <c r="H151100" s="12"/>
    </row>
    <row r="151101" spans="8:8">
      <c r="H151101" s="12"/>
    </row>
    <row r="151102" spans="8:8">
      <c r="H151102" s="12"/>
    </row>
    <row r="151103" spans="8:8">
      <c r="H151103" s="12"/>
    </row>
    <row r="151104" spans="8:8">
      <c r="H151104" s="12"/>
    </row>
    <row r="151105" spans="8:8">
      <c r="H151105" s="12"/>
    </row>
    <row r="151106" spans="8:8">
      <c r="H151106" s="12"/>
    </row>
    <row r="151107" spans="8:8">
      <c r="H151107" s="12"/>
    </row>
    <row r="151108" spans="8:8">
      <c r="H151108" s="12"/>
    </row>
    <row r="151109" spans="8:8">
      <c r="H151109" s="12"/>
    </row>
    <row r="151110" spans="8:8">
      <c r="H151110" s="12"/>
    </row>
    <row r="151111" spans="8:8">
      <c r="H151111" s="12"/>
    </row>
    <row r="151112" spans="8:8">
      <c r="H151112" s="12"/>
    </row>
    <row r="151113" spans="8:8">
      <c r="H151113" s="12"/>
    </row>
    <row r="151114" spans="8:8">
      <c r="H151114" s="12"/>
    </row>
    <row r="151115" spans="8:8">
      <c r="H151115" s="12"/>
    </row>
    <row r="151116" spans="8:8">
      <c r="H151116" s="12"/>
    </row>
    <row r="151117" spans="8:8">
      <c r="H151117" s="12"/>
    </row>
    <row r="151118" spans="8:8">
      <c r="H151118" s="12"/>
    </row>
    <row r="151119" spans="8:8">
      <c r="H151119" s="12"/>
    </row>
    <row r="151120" spans="8:8">
      <c r="H151120" s="12"/>
    </row>
    <row r="151121" spans="8:8">
      <c r="H151121" s="12"/>
    </row>
    <row r="151122" spans="8:8">
      <c r="H151122" s="12"/>
    </row>
    <row r="151123" spans="8:8">
      <c r="H151123" s="12"/>
    </row>
    <row r="151124" spans="8:8">
      <c r="H151124" s="12"/>
    </row>
    <row r="151125" spans="8:8">
      <c r="H151125" s="12"/>
    </row>
    <row r="151126" spans="8:8">
      <c r="H151126" s="12"/>
    </row>
    <row r="151127" spans="8:8">
      <c r="H151127" s="12"/>
    </row>
    <row r="151128" spans="8:8">
      <c r="H151128" s="12"/>
    </row>
    <row r="151129" spans="8:8">
      <c r="H151129" s="12"/>
    </row>
    <row r="151130" spans="8:8">
      <c r="H151130" s="12"/>
    </row>
    <row r="151131" spans="8:8">
      <c r="H151131" s="12"/>
    </row>
    <row r="151132" spans="8:8">
      <c r="H151132" s="12"/>
    </row>
    <row r="151133" spans="8:8">
      <c r="H151133" s="12"/>
    </row>
    <row r="151134" spans="8:8">
      <c r="H151134" s="12"/>
    </row>
    <row r="151135" spans="8:8">
      <c r="H151135" s="12"/>
    </row>
    <row r="151136" spans="8:8">
      <c r="H151136" s="12"/>
    </row>
    <row r="151137" spans="8:8">
      <c r="H151137" s="12"/>
    </row>
    <row r="151138" spans="8:8">
      <c r="H151138" s="12"/>
    </row>
    <row r="151139" spans="8:8">
      <c r="H151139" s="12"/>
    </row>
    <row r="151140" spans="8:8">
      <c r="H151140" s="12"/>
    </row>
    <row r="151141" spans="8:8">
      <c r="H151141" s="12"/>
    </row>
    <row r="151142" spans="8:8">
      <c r="H151142" s="12"/>
    </row>
    <row r="151143" spans="8:8">
      <c r="H151143" s="12"/>
    </row>
    <row r="151144" spans="8:8">
      <c r="H151144" s="12"/>
    </row>
    <row r="151145" spans="8:8">
      <c r="H151145" s="12"/>
    </row>
    <row r="151146" spans="8:8">
      <c r="H151146" s="12"/>
    </row>
    <row r="151147" spans="8:8">
      <c r="H151147" s="12"/>
    </row>
    <row r="151148" spans="8:8">
      <c r="H151148" s="12"/>
    </row>
    <row r="151149" spans="8:8">
      <c r="H151149" s="12"/>
    </row>
    <row r="151150" spans="8:8">
      <c r="H151150" s="12"/>
    </row>
    <row r="151151" spans="8:8">
      <c r="H151151" s="12"/>
    </row>
    <row r="151152" spans="8:8">
      <c r="H151152" s="12"/>
    </row>
    <row r="151153" spans="8:8">
      <c r="H151153" s="12"/>
    </row>
    <row r="151154" spans="8:8">
      <c r="H151154" s="12"/>
    </row>
    <row r="151155" spans="8:8">
      <c r="H151155" s="12"/>
    </row>
    <row r="151156" spans="8:8">
      <c r="H151156" s="12"/>
    </row>
    <row r="151157" spans="8:8">
      <c r="H151157" s="12"/>
    </row>
    <row r="151158" spans="8:8">
      <c r="H151158" s="12"/>
    </row>
    <row r="151159" spans="8:8">
      <c r="H151159" s="12"/>
    </row>
    <row r="151160" spans="8:8">
      <c r="H151160" s="12"/>
    </row>
    <row r="151161" spans="8:8">
      <c r="H151161" s="12"/>
    </row>
    <row r="151162" spans="8:8">
      <c r="H151162" s="12"/>
    </row>
    <row r="151163" spans="8:8">
      <c r="H151163" s="12"/>
    </row>
    <row r="151164" spans="8:8">
      <c r="H151164" s="12"/>
    </row>
    <row r="151165" spans="8:8">
      <c r="H151165" s="12"/>
    </row>
    <row r="151166" spans="8:8">
      <c r="H151166" s="12"/>
    </row>
    <row r="151167" spans="8:8">
      <c r="H151167" s="12"/>
    </row>
    <row r="151168" spans="8:8">
      <c r="H151168" s="12"/>
    </row>
    <row r="151169" spans="8:8">
      <c r="H151169" s="12"/>
    </row>
    <row r="151170" spans="8:8">
      <c r="H151170" s="12"/>
    </row>
    <row r="151171" spans="8:8">
      <c r="H151171" s="12"/>
    </row>
    <row r="151172" spans="8:8">
      <c r="H151172" s="12"/>
    </row>
    <row r="151173" spans="8:8">
      <c r="H151173" s="12"/>
    </row>
    <row r="151174" spans="8:8">
      <c r="H151174" s="12"/>
    </row>
    <row r="151175" spans="8:8">
      <c r="H151175" s="12"/>
    </row>
    <row r="151176" spans="8:8">
      <c r="H151176" s="12"/>
    </row>
    <row r="151177" spans="8:8">
      <c r="H151177" s="12"/>
    </row>
    <row r="151178" spans="8:8">
      <c r="H151178" s="12"/>
    </row>
    <row r="151179" spans="8:8">
      <c r="H151179" s="12"/>
    </row>
    <row r="151180" spans="8:8">
      <c r="H151180" s="12"/>
    </row>
    <row r="151181" spans="8:8">
      <c r="H151181" s="12"/>
    </row>
    <row r="151182" spans="8:8">
      <c r="H151182" s="12"/>
    </row>
    <row r="151183" spans="8:8">
      <c r="H151183" s="12"/>
    </row>
    <row r="151184" spans="8:8">
      <c r="H151184" s="12"/>
    </row>
    <row r="151185" spans="8:8">
      <c r="H151185" s="12"/>
    </row>
    <row r="151186" spans="8:8">
      <c r="H151186" s="12"/>
    </row>
    <row r="151187" spans="8:8">
      <c r="H151187" s="12"/>
    </row>
    <row r="151188" spans="8:8">
      <c r="H151188" s="12"/>
    </row>
    <row r="151189" spans="8:8">
      <c r="H151189" s="12"/>
    </row>
    <row r="151190" spans="8:8">
      <c r="H151190" s="12"/>
    </row>
    <row r="151191" spans="8:8">
      <c r="H151191" s="12"/>
    </row>
    <row r="151192" spans="8:8">
      <c r="H151192" s="12"/>
    </row>
    <row r="151193" spans="8:8">
      <c r="H151193" s="12"/>
    </row>
    <row r="151194" spans="8:8">
      <c r="H151194" s="12"/>
    </row>
    <row r="151195" spans="8:8">
      <c r="H151195" s="12"/>
    </row>
    <row r="151196" spans="8:8">
      <c r="H151196" s="12"/>
    </row>
    <row r="151197" spans="8:8">
      <c r="H151197" s="12"/>
    </row>
    <row r="151198" spans="8:8">
      <c r="H151198" s="12"/>
    </row>
    <row r="151199" spans="8:8">
      <c r="H151199" s="12"/>
    </row>
    <row r="151200" spans="8:8">
      <c r="H151200" s="12"/>
    </row>
    <row r="151201" spans="8:8">
      <c r="H151201" s="12"/>
    </row>
    <row r="151202" spans="8:8">
      <c r="H151202" s="12"/>
    </row>
    <row r="151203" spans="8:8">
      <c r="H151203" s="12"/>
    </row>
    <row r="151204" spans="8:8">
      <c r="H151204" s="12"/>
    </row>
    <row r="151205" spans="8:8">
      <c r="H151205" s="12"/>
    </row>
    <row r="151206" spans="8:8">
      <c r="H151206" s="12"/>
    </row>
    <row r="151207" spans="8:8">
      <c r="H151207" s="12"/>
    </row>
    <row r="151208" spans="8:8">
      <c r="H151208" s="12"/>
    </row>
    <row r="151209" spans="8:8">
      <c r="H151209" s="12"/>
    </row>
    <row r="151210" spans="8:8">
      <c r="H151210" s="12"/>
    </row>
    <row r="151211" spans="8:8">
      <c r="H151211" s="12"/>
    </row>
    <row r="151212" spans="8:8">
      <c r="H151212" s="12"/>
    </row>
    <row r="151213" spans="8:8">
      <c r="H151213" s="12"/>
    </row>
    <row r="151214" spans="8:8">
      <c r="H151214" s="12"/>
    </row>
    <row r="151215" spans="8:8">
      <c r="H151215" s="12"/>
    </row>
    <row r="151216" spans="8:8">
      <c r="H151216" s="12"/>
    </row>
    <row r="151217" spans="8:8">
      <c r="H151217" s="12"/>
    </row>
    <row r="151218" spans="8:8">
      <c r="H151218" s="12"/>
    </row>
    <row r="151219" spans="8:8">
      <c r="H151219" s="12"/>
    </row>
    <row r="151220" spans="8:8">
      <c r="H151220" s="12"/>
    </row>
    <row r="151221" spans="8:8">
      <c r="H151221" s="12"/>
    </row>
    <row r="151222" spans="8:8">
      <c r="H151222" s="12"/>
    </row>
    <row r="151223" spans="8:8">
      <c r="H151223" s="12"/>
    </row>
    <row r="151224" spans="8:8">
      <c r="H151224" s="12"/>
    </row>
    <row r="151225" spans="8:8">
      <c r="H151225" s="12"/>
    </row>
    <row r="151226" spans="8:8">
      <c r="H151226" s="12"/>
    </row>
    <row r="151227" spans="8:8">
      <c r="H151227" s="12"/>
    </row>
    <row r="151228" spans="8:8">
      <c r="H151228" s="12"/>
    </row>
    <row r="151229" spans="8:8">
      <c r="H151229" s="12"/>
    </row>
    <row r="151230" spans="8:8">
      <c r="H151230" s="12"/>
    </row>
    <row r="151231" spans="8:8">
      <c r="H151231" s="12"/>
    </row>
    <row r="151232" spans="8:8">
      <c r="H151232" s="12"/>
    </row>
    <row r="151233" spans="8:8">
      <c r="H151233" s="12"/>
    </row>
    <row r="151234" spans="8:8">
      <c r="H151234" s="12"/>
    </row>
    <row r="151235" spans="8:8">
      <c r="H151235" s="12"/>
    </row>
    <row r="151236" spans="8:8">
      <c r="H151236" s="12"/>
    </row>
    <row r="151237" spans="8:8">
      <c r="H151237" s="12"/>
    </row>
    <row r="151238" spans="8:8">
      <c r="H151238" s="12"/>
    </row>
    <row r="151239" spans="8:8">
      <c r="H151239" s="12"/>
    </row>
    <row r="151240" spans="8:8">
      <c r="H151240" s="12"/>
    </row>
    <row r="151241" spans="8:8">
      <c r="H151241" s="12"/>
    </row>
    <row r="151242" spans="8:8">
      <c r="H151242" s="12"/>
    </row>
    <row r="151243" spans="8:8">
      <c r="H151243" s="12"/>
    </row>
    <row r="151244" spans="8:8">
      <c r="H151244" s="12"/>
    </row>
    <row r="151245" spans="8:8">
      <c r="H151245" s="12"/>
    </row>
    <row r="151246" spans="8:8">
      <c r="H151246" s="12"/>
    </row>
    <row r="151247" spans="8:8">
      <c r="H151247" s="12"/>
    </row>
    <row r="151248" spans="8:8">
      <c r="H151248" s="12"/>
    </row>
    <row r="151249" spans="8:8">
      <c r="H151249" s="12"/>
    </row>
    <row r="151250" spans="8:8">
      <c r="H151250" s="12"/>
    </row>
    <row r="151251" spans="8:8">
      <c r="H151251" s="12"/>
    </row>
    <row r="151252" spans="8:8">
      <c r="H151252" s="12"/>
    </row>
    <row r="151253" spans="8:8">
      <c r="H151253" s="12"/>
    </row>
    <row r="151254" spans="8:8">
      <c r="H151254" s="12"/>
    </row>
    <row r="151255" spans="8:8">
      <c r="H151255" s="12"/>
    </row>
    <row r="151256" spans="8:8">
      <c r="H151256" s="12"/>
    </row>
    <row r="151257" spans="8:8">
      <c r="H151257" s="12"/>
    </row>
    <row r="151258" spans="8:8">
      <c r="H151258" s="12"/>
    </row>
    <row r="151259" spans="8:8">
      <c r="H151259" s="12"/>
    </row>
    <row r="151260" spans="8:8">
      <c r="H151260" s="12"/>
    </row>
    <row r="151261" spans="8:8">
      <c r="H151261" s="12"/>
    </row>
    <row r="151262" spans="8:8">
      <c r="H151262" s="12"/>
    </row>
    <row r="151263" spans="8:8">
      <c r="H151263" s="12"/>
    </row>
    <row r="151264" spans="8:8">
      <c r="H151264" s="12"/>
    </row>
    <row r="151265" spans="8:8">
      <c r="H151265" s="12"/>
    </row>
    <row r="151266" spans="8:8">
      <c r="H151266" s="12"/>
    </row>
    <row r="151267" spans="8:8">
      <c r="H151267" s="12"/>
    </row>
    <row r="151268" spans="8:8">
      <c r="H151268" s="12"/>
    </row>
    <row r="151269" spans="8:8">
      <c r="H151269" s="12"/>
    </row>
    <row r="151270" spans="8:8">
      <c r="H151270" s="12"/>
    </row>
    <row r="151271" spans="8:8">
      <c r="H151271" s="12"/>
    </row>
    <row r="151272" spans="8:8">
      <c r="H151272" s="12"/>
    </row>
    <row r="151273" spans="8:8">
      <c r="H151273" s="12"/>
    </row>
    <row r="151274" spans="8:8">
      <c r="H151274" s="12"/>
    </row>
    <row r="151275" spans="8:8">
      <c r="H151275" s="12"/>
    </row>
    <row r="151276" spans="8:8">
      <c r="H151276" s="12"/>
    </row>
    <row r="151277" spans="8:8">
      <c r="H151277" s="12"/>
    </row>
    <row r="151278" spans="8:8">
      <c r="H151278" s="12"/>
    </row>
    <row r="151279" spans="8:8">
      <c r="H151279" s="12"/>
    </row>
    <row r="151280" spans="8:8">
      <c r="H151280" s="12"/>
    </row>
    <row r="151281" spans="8:8">
      <c r="H151281" s="12"/>
    </row>
    <row r="151282" spans="8:8">
      <c r="H151282" s="12"/>
    </row>
    <row r="151283" spans="8:8">
      <c r="H151283" s="12"/>
    </row>
    <row r="151284" spans="8:8">
      <c r="H151284" s="12"/>
    </row>
    <row r="151285" spans="8:8">
      <c r="H151285" s="12"/>
    </row>
    <row r="151286" spans="8:8">
      <c r="H151286" s="12"/>
    </row>
    <row r="151287" spans="8:8">
      <c r="H151287" s="12"/>
    </row>
    <row r="151288" spans="8:8">
      <c r="H151288" s="12"/>
    </row>
    <row r="151289" spans="8:8">
      <c r="H151289" s="12"/>
    </row>
    <row r="151290" spans="8:8">
      <c r="H151290" s="12"/>
    </row>
    <row r="151291" spans="8:8">
      <c r="H151291" s="12"/>
    </row>
    <row r="151292" spans="8:8">
      <c r="H151292" s="12"/>
    </row>
    <row r="151293" spans="8:8">
      <c r="H151293" s="12"/>
    </row>
    <row r="151294" spans="8:8">
      <c r="H151294" s="12"/>
    </row>
    <row r="151295" spans="8:8">
      <c r="H151295" s="12"/>
    </row>
    <row r="151296" spans="8:8">
      <c r="H151296" s="12"/>
    </row>
    <row r="151297" spans="8:8">
      <c r="H151297" s="12"/>
    </row>
    <row r="151298" spans="8:8">
      <c r="H151298" s="12"/>
    </row>
    <row r="151299" spans="8:8">
      <c r="H151299" s="12"/>
    </row>
    <row r="151300" spans="8:8">
      <c r="H151300" s="12"/>
    </row>
    <row r="151301" spans="8:8">
      <c r="H151301" s="12"/>
    </row>
    <row r="151302" spans="8:8">
      <c r="H151302" s="12"/>
    </row>
    <row r="151303" spans="8:8">
      <c r="H151303" s="12"/>
    </row>
    <row r="151304" spans="8:8">
      <c r="H151304" s="12"/>
    </row>
    <row r="151305" spans="8:8">
      <c r="H151305" s="12"/>
    </row>
    <row r="151306" spans="8:8">
      <c r="H151306" s="12"/>
    </row>
    <row r="151307" spans="8:8">
      <c r="H151307" s="12"/>
    </row>
    <row r="151308" spans="8:8">
      <c r="H151308" s="12"/>
    </row>
    <row r="151309" spans="8:8">
      <c r="H151309" s="12"/>
    </row>
    <row r="151310" spans="8:8">
      <c r="H151310" s="12"/>
    </row>
    <row r="151311" spans="8:8">
      <c r="H151311" s="12"/>
    </row>
    <row r="151312" spans="8:8">
      <c r="H151312" s="12"/>
    </row>
    <row r="151313" spans="8:8">
      <c r="H151313" s="12"/>
    </row>
    <row r="151314" spans="8:8">
      <c r="H151314" s="12"/>
    </row>
    <row r="151315" spans="8:8">
      <c r="H151315" s="12"/>
    </row>
    <row r="151316" spans="8:8">
      <c r="H151316" s="12"/>
    </row>
    <row r="151317" spans="8:8">
      <c r="H151317" s="12"/>
    </row>
    <row r="151318" spans="8:8">
      <c r="H151318" s="12"/>
    </row>
    <row r="151319" spans="8:8">
      <c r="H151319" s="12"/>
    </row>
    <row r="151320" spans="8:8">
      <c r="H151320" s="12"/>
    </row>
    <row r="151321" spans="8:8">
      <c r="H151321" s="12"/>
    </row>
    <row r="151322" spans="8:8">
      <c r="H151322" s="12"/>
    </row>
    <row r="151323" spans="8:8">
      <c r="H151323" s="12"/>
    </row>
    <row r="151324" spans="8:8">
      <c r="H151324" s="12"/>
    </row>
    <row r="151325" spans="8:8">
      <c r="H151325" s="12"/>
    </row>
    <row r="151326" spans="8:8">
      <c r="H151326" s="12"/>
    </row>
    <row r="151327" spans="8:8">
      <c r="H151327" s="12"/>
    </row>
    <row r="151328" spans="8:8">
      <c r="H151328" s="12"/>
    </row>
    <row r="151329" spans="8:8">
      <c r="H151329" s="12"/>
    </row>
    <row r="151330" spans="8:8">
      <c r="H151330" s="12"/>
    </row>
    <row r="151331" spans="8:8">
      <c r="H151331" s="12"/>
    </row>
    <row r="151332" spans="8:8">
      <c r="H151332" s="12"/>
    </row>
    <row r="151333" spans="8:8">
      <c r="H151333" s="12"/>
    </row>
    <row r="151334" spans="8:8">
      <c r="H151334" s="12"/>
    </row>
    <row r="151335" spans="8:8">
      <c r="H151335" s="12"/>
    </row>
    <row r="151336" spans="8:8">
      <c r="H151336" s="12"/>
    </row>
    <row r="151337" spans="8:8">
      <c r="H151337" s="12"/>
    </row>
    <row r="151338" spans="8:8">
      <c r="H151338" s="12"/>
    </row>
    <row r="151339" spans="8:8">
      <c r="H151339" s="12"/>
    </row>
    <row r="151340" spans="8:8">
      <c r="H151340" s="12"/>
    </row>
    <row r="151341" spans="8:8">
      <c r="H151341" s="12"/>
    </row>
    <row r="151342" spans="8:8">
      <c r="H151342" s="12"/>
    </row>
    <row r="151343" spans="8:8">
      <c r="H151343" s="12"/>
    </row>
    <row r="151344" spans="8:8">
      <c r="H151344" s="12"/>
    </row>
    <row r="151345" spans="8:8">
      <c r="H151345" s="12"/>
    </row>
    <row r="151346" spans="8:8">
      <c r="H151346" s="12"/>
    </row>
    <row r="151347" spans="8:8">
      <c r="H151347" s="12"/>
    </row>
    <row r="151348" spans="8:8">
      <c r="H151348" s="12"/>
    </row>
    <row r="151349" spans="8:8">
      <c r="H151349" s="12"/>
    </row>
    <row r="151350" spans="8:8">
      <c r="H151350" s="12"/>
    </row>
    <row r="151351" spans="8:8">
      <c r="H151351" s="12"/>
    </row>
    <row r="151352" spans="8:8">
      <c r="H151352" s="12"/>
    </row>
    <row r="151353" spans="8:8">
      <c r="H151353" s="12"/>
    </row>
    <row r="151354" spans="8:8">
      <c r="H151354" s="12"/>
    </row>
    <row r="151355" spans="8:8">
      <c r="H151355" s="12"/>
    </row>
    <row r="151356" spans="8:8">
      <c r="H151356" s="12"/>
    </row>
    <row r="151357" spans="8:8">
      <c r="H151357" s="12"/>
    </row>
    <row r="151358" spans="8:8">
      <c r="H151358" s="12"/>
    </row>
    <row r="151359" spans="8:8">
      <c r="H151359" s="12"/>
    </row>
    <row r="151360" spans="8:8">
      <c r="H151360" s="12"/>
    </row>
    <row r="151361" spans="8:8">
      <c r="H151361" s="12"/>
    </row>
    <row r="151362" spans="8:8">
      <c r="H151362" s="12"/>
    </row>
    <row r="151363" spans="8:8">
      <c r="H151363" s="12"/>
    </row>
    <row r="151364" spans="8:8">
      <c r="H151364" s="12"/>
    </row>
    <row r="151365" spans="8:8">
      <c r="H151365" s="12"/>
    </row>
    <row r="151366" spans="8:8">
      <c r="H151366" s="12"/>
    </row>
    <row r="151367" spans="8:8">
      <c r="H151367" s="12"/>
    </row>
    <row r="151368" spans="8:8">
      <c r="H151368" s="12"/>
    </row>
    <row r="151369" spans="8:8">
      <c r="H151369" s="12"/>
    </row>
    <row r="151370" spans="8:8">
      <c r="H151370" s="12"/>
    </row>
    <row r="151371" spans="8:8">
      <c r="H151371" s="12"/>
    </row>
    <row r="151372" spans="8:8">
      <c r="H151372" s="12"/>
    </row>
    <row r="151373" spans="8:8">
      <c r="H151373" s="12"/>
    </row>
    <row r="151374" spans="8:8">
      <c r="H151374" s="12"/>
    </row>
    <row r="151375" spans="8:8">
      <c r="H151375" s="12"/>
    </row>
    <row r="151376" spans="8:8">
      <c r="H151376" s="12"/>
    </row>
    <row r="151377" spans="8:8">
      <c r="H151377" s="12"/>
    </row>
    <row r="151378" spans="8:8">
      <c r="H151378" s="12"/>
    </row>
    <row r="151379" spans="8:8">
      <c r="H151379" s="12"/>
    </row>
    <row r="151380" spans="8:8">
      <c r="H151380" s="12"/>
    </row>
    <row r="151381" spans="8:8">
      <c r="H151381" s="12"/>
    </row>
    <row r="151382" spans="8:8">
      <c r="H151382" s="12"/>
    </row>
    <row r="151383" spans="8:8">
      <c r="H151383" s="12"/>
    </row>
    <row r="151384" spans="8:8">
      <c r="H151384" s="12"/>
    </row>
    <row r="151385" spans="8:8">
      <c r="H151385" s="12"/>
    </row>
    <row r="151386" spans="8:8">
      <c r="H151386" s="12"/>
    </row>
    <row r="151387" spans="8:8">
      <c r="H151387" s="12"/>
    </row>
    <row r="151388" spans="8:8">
      <c r="H151388" s="12"/>
    </row>
    <row r="151389" spans="8:8">
      <c r="H151389" s="12"/>
    </row>
    <row r="151390" spans="8:8">
      <c r="H151390" s="12"/>
    </row>
    <row r="151391" spans="8:8">
      <c r="H151391" s="12"/>
    </row>
    <row r="151392" spans="8:8">
      <c r="H151392" s="12"/>
    </row>
    <row r="151393" spans="8:8">
      <c r="H151393" s="12"/>
    </row>
    <row r="151394" spans="8:8">
      <c r="H151394" s="12"/>
    </row>
    <row r="151395" spans="8:8">
      <c r="H151395" s="12"/>
    </row>
    <row r="151396" spans="8:8">
      <c r="H151396" s="12"/>
    </row>
    <row r="151397" spans="8:8">
      <c r="H151397" s="12"/>
    </row>
    <row r="151398" spans="8:8">
      <c r="H151398" s="12"/>
    </row>
    <row r="151399" spans="8:8">
      <c r="H151399" s="12"/>
    </row>
    <row r="151400" spans="8:8">
      <c r="H151400" s="12"/>
    </row>
    <row r="151401" spans="8:8">
      <c r="H151401" s="12"/>
    </row>
    <row r="151402" spans="8:8">
      <c r="H151402" s="12"/>
    </row>
    <row r="151403" spans="8:8">
      <c r="H151403" s="12"/>
    </row>
    <row r="151404" spans="8:8">
      <c r="H151404" s="12"/>
    </row>
    <row r="151405" spans="8:8">
      <c r="H151405" s="12"/>
    </row>
    <row r="151406" spans="8:8">
      <c r="H151406" s="12"/>
    </row>
    <row r="151407" spans="8:8">
      <c r="H151407" s="12"/>
    </row>
    <row r="151408" spans="8:8">
      <c r="H151408" s="12"/>
    </row>
    <row r="151409" spans="8:8">
      <c r="H151409" s="12"/>
    </row>
    <row r="151410" spans="8:8">
      <c r="H151410" s="12"/>
    </row>
    <row r="151411" spans="8:8">
      <c r="H151411" s="12"/>
    </row>
    <row r="151412" spans="8:8">
      <c r="H151412" s="12"/>
    </row>
    <row r="151413" spans="8:8">
      <c r="H151413" s="12"/>
    </row>
    <row r="151414" spans="8:8">
      <c r="H151414" s="12"/>
    </row>
    <row r="151415" spans="8:8">
      <c r="H151415" s="12"/>
    </row>
    <row r="151416" spans="8:8">
      <c r="H151416" s="12"/>
    </row>
    <row r="151417" spans="8:8">
      <c r="H151417" s="12"/>
    </row>
    <row r="151418" spans="8:8">
      <c r="H151418" s="12"/>
    </row>
    <row r="151419" spans="8:8">
      <c r="H151419" s="12"/>
    </row>
    <row r="151420" spans="8:8">
      <c r="H151420" s="12"/>
    </row>
    <row r="151421" spans="8:8">
      <c r="H151421" s="12"/>
    </row>
    <row r="151422" spans="8:8">
      <c r="H151422" s="12"/>
    </row>
    <row r="151423" spans="8:8">
      <c r="H151423" s="12"/>
    </row>
    <row r="151424" spans="8:8">
      <c r="H151424" s="12"/>
    </row>
    <row r="151425" spans="8:8">
      <c r="H151425" s="12"/>
    </row>
    <row r="151426" spans="8:8">
      <c r="H151426" s="12"/>
    </row>
    <row r="151427" spans="8:8">
      <c r="H151427" s="12"/>
    </row>
    <row r="151428" spans="8:8">
      <c r="H151428" s="12"/>
    </row>
    <row r="151429" spans="8:8">
      <c r="H151429" s="12"/>
    </row>
    <row r="151430" spans="8:8">
      <c r="H151430" s="12"/>
    </row>
    <row r="151431" spans="8:8">
      <c r="H151431" s="12"/>
    </row>
    <row r="151432" spans="8:8">
      <c r="H151432" s="12"/>
    </row>
    <row r="151433" spans="8:8">
      <c r="H151433" s="12"/>
    </row>
    <row r="151434" spans="8:8">
      <c r="H151434" s="12"/>
    </row>
    <row r="151435" spans="8:8">
      <c r="H151435" s="12"/>
    </row>
    <row r="151436" spans="8:8">
      <c r="H151436" s="12"/>
    </row>
    <row r="151437" spans="8:8">
      <c r="H151437" s="12"/>
    </row>
    <row r="151438" spans="8:8">
      <c r="H151438" s="12"/>
    </row>
    <row r="151439" spans="8:8">
      <c r="H151439" s="12"/>
    </row>
    <row r="151440" spans="8:8">
      <c r="H151440" s="12"/>
    </row>
    <row r="151441" spans="8:8">
      <c r="H151441" s="12"/>
    </row>
    <row r="151442" spans="8:8">
      <c r="H151442" s="12"/>
    </row>
    <row r="151443" spans="8:8">
      <c r="H151443" s="12"/>
    </row>
    <row r="151444" spans="8:8">
      <c r="H151444" s="12"/>
    </row>
    <row r="151445" spans="8:8">
      <c r="H151445" s="12"/>
    </row>
    <row r="151446" spans="8:8">
      <c r="H151446" s="12"/>
    </row>
    <row r="151447" spans="8:8">
      <c r="H151447" s="12"/>
    </row>
    <row r="151448" spans="8:8">
      <c r="H151448" s="12"/>
    </row>
    <row r="151449" spans="8:8">
      <c r="H151449" s="12"/>
    </row>
    <row r="151450" spans="8:8">
      <c r="H151450" s="12"/>
    </row>
    <row r="151451" spans="8:8">
      <c r="H151451" s="12"/>
    </row>
    <row r="151452" spans="8:8">
      <c r="H151452" s="12"/>
    </row>
    <row r="151453" spans="8:8">
      <c r="H151453" s="12"/>
    </row>
    <row r="151454" spans="8:8">
      <c r="H151454" s="12"/>
    </row>
    <row r="151455" spans="8:8">
      <c r="H151455" s="12"/>
    </row>
    <row r="151456" spans="8:8">
      <c r="H151456" s="12"/>
    </row>
    <row r="151457" spans="8:8">
      <c r="H151457" s="12"/>
    </row>
    <row r="151458" spans="8:8">
      <c r="H151458" s="12"/>
    </row>
    <row r="151459" spans="8:8">
      <c r="H151459" s="12"/>
    </row>
    <row r="151460" spans="8:8">
      <c r="H151460" s="12"/>
    </row>
    <row r="151461" spans="8:8">
      <c r="H151461" s="12"/>
    </row>
    <row r="151462" spans="8:8">
      <c r="H151462" s="12"/>
    </row>
    <row r="151463" spans="8:8">
      <c r="H151463" s="12"/>
    </row>
    <row r="151464" spans="8:8">
      <c r="H151464" s="12"/>
    </row>
    <row r="151465" spans="8:8">
      <c r="H151465" s="12"/>
    </row>
    <row r="151466" spans="8:8">
      <c r="H151466" s="12"/>
    </row>
    <row r="151467" spans="8:8">
      <c r="H151467" s="12"/>
    </row>
    <row r="151468" spans="8:8">
      <c r="H151468" s="12"/>
    </row>
    <row r="151469" spans="8:8">
      <c r="H151469" s="12"/>
    </row>
    <row r="151470" spans="8:8">
      <c r="H151470" s="12"/>
    </row>
    <row r="151471" spans="8:8">
      <c r="H151471" s="12"/>
    </row>
    <row r="151472" spans="8:8">
      <c r="H151472" s="12"/>
    </row>
    <row r="151473" spans="8:8">
      <c r="H151473" s="12"/>
    </row>
    <row r="151474" spans="8:8">
      <c r="H151474" s="12"/>
    </row>
    <row r="151475" spans="8:8">
      <c r="H151475" s="12"/>
    </row>
    <row r="151476" spans="8:8">
      <c r="H151476" s="12"/>
    </row>
    <row r="151477" spans="8:8">
      <c r="H151477" s="12"/>
    </row>
    <row r="151478" spans="8:8">
      <c r="H151478" s="12"/>
    </row>
    <row r="151479" spans="8:8">
      <c r="H151479" s="12"/>
    </row>
    <row r="151480" spans="8:8">
      <c r="H151480" s="12"/>
    </row>
    <row r="151481" spans="8:8">
      <c r="H151481" s="12"/>
    </row>
    <row r="151482" spans="8:8">
      <c r="H151482" s="12"/>
    </row>
    <row r="151483" spans="8:8">
      <c r="H151483" s="12"/>
    </row>
    <row r="151484" spans="8:8">
      <c r="H151484" s="12"/>
    </row>
    <row r="151485" spans="8:8">
      <c r="H151485" s="12"/>
    </row>
    <row r="151486" spans="8:8">
      <c r="H151486" s="12"/>
    </row>
    <row r="151487" spans="8:8">
      <c r="H151487" s="12"/>
    </row>
    <row r="151488" spans="8:8">
      <c r="H151488" s="12"/>
    </row>
    <row r="151489" spans="8:8">
      <c r="H151489" s="12"/>
    </row>
    <row r="151490" spans="8:8">
      <c r="H151490" s="12"/>
    </row>
    <row r="151491" spans="8:8">
      <c r="H151491" s="12"/>
    </row>
    <row r="151492" spans="8:8">
      <c r="H151492" s="12"/>
    </row>
    <row r="151493" spans="8:8">
      <c r="H151493" s="12"/>
    </row>
    <row r="151494" spans="8:8">
      <c r="H151494" s="12"/>
    </row>
    <row r="151495" spans="8:8">
      <c r="H151495" s="12"/>
    </row>
    <row r="151496" spans="8:8">
      <c r="H151496" s="12"/>
    </row>
    <row r="151497" spans="8:8">
      <c r="H151497" s="12"/>
    </row>
    <row r="151498" spans="8:8">
      <c r="H151498" s="12"/>
    </row>
    <row r="151499" spans="8:8">
      <c r="H151499" s="12"/>
    </row>
    <row r="151500" spans="8:8">
      <c r="H151500" s="12"/>
    </row>
    <row r="151501" spans="8:8">
      <c r="H151501" s="12"/>
    </row>
    <row r="151502" spans="8:8">
      <c r="H151502" s="12"/>
    </row>
    <row r="151503" spans="8:8">
      <c r="H151503" s="12"/>
    </row>
    <row r="151504" spans="8:8">
      <c r="H151504" s="12"/>
    </row>
    <row r="151505" spans="8:8">
      <c r="H151505" s="12"/>
    </row>
    <row r="151506" spans="8:8">
      <c r="H151506" s="12"/>
    </row>
    <row r="151507" spans="8:8">
      <c r="H151507" s="12"/>
    </row>
    <row r="151508" spans="8:8">
      <c r="H151508" s="12"/>
    </row>
    <row r="151509" spans="8:8">
      <c r="H151509" s="12"/>
    </row>
    <row r="151510" spans="8:8">
      <c r="H151510" s="12"/>
    </row>
    <row r="151511" spans="8:8">
      <c r="H151511" s="12"/>
    </row>
    <row r="151512" spans="8:8">
      <c r="H151512" s="12"/>
    </row>
    <row r="151513" spans="8:8">
      <c r="H151513" s="12"/>
    </row>
    <row r="151514" spans="8:8">
      <c r="H151514" s="12"/>
    </row>
    <row r="151515" spans="8:8">
      <c r="H151515" s="12"/>
    </row>
    <row r="151516" spans="8:8">
      <c r="H151516" s="12"/>
    </row>
    <row r="151517" spans="8:8">
      <c r="H151517" s="12"/>
    </row>
    <row r="151518" spans="8:8">
      <c r="H151518" s="12"/>
    </row>
    <row r="151519" spans="8:8">
      <c r="H151519" s="12"/>
    </row>
    <row r="151520" spans="8:8">
      <c r="H151520" s="12"/>
    </row>
    <row r="151521" spans="8:8">
      <c r="H151521" s="12"/>
    </row>
    <row r="151522" spans="8:8">
      <c r="H151522" s="12"/>
    </row>
    <row r="151523" spans="8:8">
      <c r="H151523" s="12"/>
    </row>
    <row r="151524" spans="8:8">
      <c r="H151524" s="12"/>
    </row>
    <row r="151525" spans="8:8">
      <c r="H151525" s="12"/>
    </row>
    <row r="151526" spans="8:8">
      <c r="H151526" s="12"/>
    </row>
    <row r="151527" spans="8:8">
      <c r="H151527" s="12"/>
    </row>
    <row r="151528" spans="8:8">
      <c r="H151528" s="12"/>
    </row>
    <row r="151529" spans="8:8">
      <c r="H151529" s="12"/>
    </row>
    <row r="151530" spans="8:8">
      <c r="H151530" s="12"/>
    </row>
    <row r="151531" spans="8:8">
      <c r="H151531" s="12"/>
    </row>
    <row r="151532" spans="8:8">
      <c r="H151532" s="12"/>
    </row>
    <row r="151533" spans="8:8">
      <c r="H151533" s="12"/>
    </row>
    <row r="151534" spans="8:8">
      <c r="H151534" s="12"/>
    </row>
    <row r="151535" spans="8:8">
      <c r="H151535" s="12"/>
    </row>
    <row r="151536" spans="8:8">
      <c r="H151536" s="12"/>
    </row>
    <row r="151537" spans="8:8">
      <c r="H151537" s="12"/>
    </row>
    <row r="151538" spans="8:8">
      <c r="H151538" s="12"/>
    </row>
    <row r="151539" spans="8:8">
      <c r="H151539" s="12"/>
    </row>
    <row r="151540" spans="8:8">
      <c r="H151540" s="12"/>
    </row>
    <row r="151541" spans="8:8">
      <c r="H151541" s="12"/>
    </row>
    <row r="151542" spans="8:8">
      <c r="H151542" s="12"/>
    </row>
    <row r="151543" spans="8:8">
      <c r="H151543" s="12"/>
    </row>
    <row r="151544" spans="8:8">
      <c r="H151544" s="12"/>
    </row>
    <row r="151545" spans="8:8">
      <c r="H151545" s="12"/>
    </row>
    <row r="151546" spans="8:8">
      <c r="H151546" s="12"/>
    </row>
    <row r="151547" spans="8:8">
      <c r="H151547" s="12"/>
    </row>
    <row r="151548" spans="8:8">
      <c r="H151548" s="12"/>
    </row>
    <row r="151549" spans="8:8">
      <c r="H151549" s="12"/>
    </row>
    <row r="151550" spans="8:8">
      <c r="H151550" s="12"/>
    </row>
    <row r="151551" spans="8:8">
      <c r="H151551" s="12"/>
    </row>
    <row r="151552" spans="8:8">
      <c r="H151552" s="12"/>
    </row>
    <row r="151553" spans="8:8">
      <c r="H151553" s="12"/>
    </row>
    <row r="151554" spans="8:8">
      <c r="H151554" s="12"/>
    </row>
    <row r="151555" spans="8:8">
      <c r="H151555" s="12"/>
    </row>
    <row r="151556" spans="8:8">
      <c r="H151556" s="12"/>
    </row>
    <row r="151557" spans="8:8">
      <c r="H151557" s="12"/>
    </row>
    <row r="151558" spans="8:8">
      <c r="H151558" s="12"/>
    </row>
    <row r="151559" spans="8:8">
      <c r="H151559" s="12"/>
    </row>
    <row r="151560" spans="8:8">
      <c r="H151560" s="12"/>
    </row>
    <row r="151561" spans="8:8">
      <c r="H151561" s="12"/>
    </row>
    <row r="151562" spans="8:8">
      <c r="H151562" s="12"/>
    </row>
    <row r="151563" spans="8:8">
      <c r="H151563" s="12"/>
    </row>
    <row r="151564" spans="8:8">
      <c r="H151564" s="12"/>
    </row>
    <row r="151565" spans="8:8">
      <c r="H151565" s="12"/>
    </row>
    <row r="151566" spans="8:8">
      <c r="H151566" s="12"/>
    </row>
    <row r="151567" spans="8:8">
      <c r="H151567" s="12"/>
    </row>
    <row r="151568" spans="8:8">
      <c r="H151568" s="12"/>
    </row>
    <row r="151569" spans="8:8">
      <c r="H151569" s="12"/>
    </row>
    <row r="151570" spans="8:8">
      <c r="H151570" s="12"/>
    </row>
    <row r="151571" spans="8:8">
      <c r="H151571" s="12"/>
    </row>
    <row r="151572" spans="8:8">
      <c r="H151572" s="12"/>
    </row>
    <row r="151573" spans="8:8">
      <c r="H151573" s="12"/>
    </row>
    <row r="151574" spans="8:8">
      <c r="H151574" s="12"/>
    </row>
    <row r="151575" spans="8:8">
      <c r="H151575" s="12"/>
    </row>
    <row r="151576" spans="8:8">
      <c r="H151576" s="12"/>
    </row>
    <row r="151577" spans="8:8">
      <c r="H151577" s="12"/>
    </row>
    <row r="151578" spans="8:8">
      <c r="H151578" s="12"/>
    </row>
    <row r="151579" spans="8:8">
      <c r="H151579" s="12"/>
    </row>
    <row r="151580" spans="8:8">
      <c r="H151580" s="12"/>
    </row>
    <row r="151581" spans="8:8">
      <c r="H151581" s="12"/>
    </row>
    <row r="151582" spans="8:8">
      <c r="H151582" s="12"/>
    </row>
    <row r="151583" spans="8:8">
      <c r="H151583" s="12"/>
    </row>
    <row r="151584" spans="8:8">
      <c r="H151584" s="12"/>
    </row>
    <row r="151585" spans="8:8">
      <c r="H151585" s="12"/>
    </row>
    <row r="151586" spans="8:8">
      <c r="H151586" s="12"/>
    </row>
    <row r="151587" spans="8:8">
      <c r="H151587" s="12"/>
    </row>
    <row r="151588" spans="8:8">
      <c r="H151588" s="12"/>
    </row>
    <row r="151589" spans="8:8">
      <c r="H151589" s="12"/>
    </row>
    <row r="151590" spans="8:8">
      <c r="H151590" s="12"/>
    </row>
    <row r="151591" spans="8:8">
      <c r="H151591" s="12"/>
    </row>
    <row r="151592" spans="8:8">
      <c r="H151592" s="12"/>
    </row>
    <row r="151593" spans="8:8">
      <c r="H151593" s="12"/>
    </row>
    <row r="151594" spans="8:8">
      <c r="H151594" s="12"/>
    </row>
    <row r="151595" spans="8:8">
      <c r="H151595" s="12"/>
    </row>
    <row r="151596" spans="8:8">
      <c r="H151596" s="12"/>
    </row>
    <row r="151597" spans="8:8">
      <c r="H151597" s="12"/>
    </row>
    <row r="151598" spans="8:8">
      <c r="H151598" s="12"/>
    </row>
    <row r="151599" spans="8:8">
      <c r="H151599" s="12"/>
    </row>
    <row r="151600" spans="8:8">
      <c r="H151600" s="12"/>
    </row>
    <row r="151601" spans="8:8">
      <c r="H151601" s="12"/>
    </row>
    <row r="151602" spans="8:8">
      <c r="H151602" s="12"/>
    </row>
    <row r="151603" spans="8:8">
      <c r="H151603" s="12"/>
    </row>
    <row r="151604" spans="8:8">
      <c r="H151604" s="12"/>
    </row>
    <row r="151605" spans="8:8">
      <c r="H151605" s="12"/>
    </row>
    <row r="151606" spans="8:8">
      <c r="H151606" s="12"/>
    </row>
    <row r="151607" spans="8:8">
      <c r="H151607" s="12"/>
    </row>
    <row r="151608" spans="8:8">
      <c r="H151608" s="12"/>
    </row>
    <row r="151609" spans="8:8">
      <c r="H151609" s="12"/>
    </row>
    <row r="151610" spans="8:8">
      <c r="H151610" s="12"/>
    </row>
    <row r="151611" spans="8:8">
      <c r="H151611" s="12"/>
    </row>
    <row r="151612" spans="8:8">
      <c r="H151612" s="12"/>
    </row>
    <row r="151613" spans="8:8">
      <c r="H151613" s="12"/>
    </row>
    <row r="151614" spans="8:8">
      <c r="H151614" s="12"/>
    </row>
    <row r="151615" spans="8:8">
      <c r="H151615" s="12"/>
    </row>
    <row r="151616" spans="8:8">
      <c r="H151616" s="12"/>
    </row>
    <row r="151617" spans="8:8">
      <c r="H151617" s="12"/>
    </row>
    <row r="151618" spans="8:8">
      <c r="H151618" s="12"/>
    </row>
    <row r="151619" spans="8:8">
      <c r="H151619" s="12"/>
    </row>
    <row r="151620" spans="8:8">
      <c r="H151620" s="12"/>
    </row>
    <row r="151621" spans="8:8">
      <c r="H151621" s="12"/>
    </row>
    <row r="151622" spans="8:8">
      <c r="H151622" s="12"/>
    </row>
    <row r="151623" spans="8:8">
      <c r="H151623" s="12"/>
    </row>
    <row r="151624" spans="8:8">
      <c r="H151624" s="12"/>
    </row>
    <row r="151625" spans="8:8">
      <c r="H151625" s="12"/>
    </row>
    <row r="151626" spans="8:8">
      <c r="H151626" s="12"/>
    </row>
    <row r="151627" spans="8:8">
      <c r="H151627" s="12"/>
    </row>
    <row r="151628" spans="8:8">
      <c r="H151628" s="12"/>
    </row>
    <row r="151629" spans="8:8">
      <c r="H151629" s="12"/>
    </row>
    <row r="151630" spans="8:8">
      <c r="H151630" s="12"/>
    </row>
    <row r="151631" spans="8:8">
      <c r="H151631" s="12"/>
    </row>
    <row r="151632" spans="8:8">
      <c r="H151632" s="12"/>
    </row>
    <row r="151633" spans="8:8">
      <c r="H151633" s="12"/>
    </row>
    <row r="151634" spans="8:8">
      <c r="H151634" s="12"/>
    </row>
    <row r="151635" spans="8:8">
      <c r="H151635" s="12"/>
    </row>
    <row r="151636" spans="8:8">
      <c r="H151636" s="12"/>
    </row>
    <row r="151637" spans="8:8">
      <c r="H151637" s="12"/>
    </row>
    <row r="151638" spans="8:8">
      <c r="H151638" s="12"/>
    </row>
    <row r="151639" spans="8:8">
      <c r="H151639" s="12"/>
    </row>
    <row r="151640" spans="8:8">
      <c r="H151640" s="12"/>
    </row>
    <row r="151641" spans="8:8">
      <c r="H151641" s="12"/>
    </row>
    <row r="151642" spans="8:8">
      <c r="H151642" s="12"/>
    </row>
    <row r="151643" spans="8:8">
      <c r="H151643" s="12"/>
    </row>
    <row r="151644" spans="8:8">
      <c r="H151644" s="12"/>
    </row>
    <row r="151645" spans="8:8">
      <c r="H151645" s="12"/>
    </row>
    <row r="151646" spans="8:8">
      <c r="H151646" s="12"/>
    </row>
    <row r="151647" spans="8:8">
      <c r="H151647" s="12"/>
    </row>
    <row r="151648" spans="8:8">
      <c r="H151648" s="12"/>
    </row>
    <row r="151649" spans="8:8">
      <c r="H151649" s="12"/>
    </row>
    <row r="151650" spans="8:8">
      <c r="H151650" s="12"/>
    </row>
    <row r="151651" spans="8:8">
      <c r="H151651" s="12"/>
    </row>
    <row r="151652" spans="8:8">
      <c r="H151652" s="12"/>
    </row>
    <row r="151653" spans="8:8">
      <c r="H151653" s="12"/>
    </row>
    <row r="151654" spans="8:8">
      <c r="H151654" s="12"/>
    </row>
    <row r="151655" spans="8:8">
      <c r="H151655" s="12"/>
    </row>
    <row r="151656" spans="8:8">
      <c r="H151656" s="12"/>
    </row>
    <row r="151657" spans="8:8">
      <c r="H151657" s="12"/>
    </row>
    <row r="151658" spans="8:8">
      <c r="H151658" s="12"/>
    </row>
    <row r="151659" spans="8:8">
      <c r="H151659" s="12"/>
    </row>
    <row r="151660" spans="8:8">
      <c r="H151660" s="12"/>
    </row>
    <row r="151661" spans="8:8">
      <c r="H151661" s="12"/>
    </row>
    <row r="151662" spans="8:8">
      <c r="H151662" s="12"/>
    </row>
    <row r="151663" spans="8:8">
      <c r="H151663" s="12"/>
    </row>
    <row r="151664" spans="8:8">
      <c r="H151664" s="12"/>
    </row>
    <row r="151665" spans="8:8">
      <c r="H151665" s="12"/>
    </row>
    <row r="151666" spans="8:8">
      <c r="H151666" s="12"/>
    </row>
    <row r="151667" spans="8:8">
      <c r="H151667" s="12"/>
    </row>
    <row r="151668" spans="8:8">
      <c r="H151668" s="12"/>
    </row>
    <row r="151669" spans="8:8">
      <c r="H151669" s="12"/>
    </row>
    <row r="151670" spans="8:8">
      <c r="H151670" s="12"/>
    </row>
    <row r="151671" spans="8:8">
      <c r="H151671" s="12"/>
    </row>
    <row r="151672" spans="8:8">
      <c r="H151672" s="12"/>
    </row>
    <row r="151673" spans="8:8">
      <c r="H151673" s="12"/>
    </row>
    <row r="151674" spans="8:8">
      <c r="H151674" s="12"/>
    </row>
    <row r="151675" spans="8:8">
      <c r="H151675" s="12"/>
    </row>
    <row r="151676" spans="8:8">
      <c r="H151676" s="12"/>
    </row>
    <row r="151677" spans="8:8">
      <c r="H151677" s="12"/>
    </row>
    <row r="151678" spans="8:8">
      <c r="H151678" s="12"/>
    </row>
    <row r="151679" spans="8:8">
      <c r="H151679" s="12"/>
    </row>
    <row r="151680" spans="8:8">
      <c r="H151680" s="12"/>
    </row>
    <row r="151681" spans="8:8">
      <c r="H151681" s="12"/>
    </row>
    <row r="151682" spans="8:8">
      <c r="H151682" s="12"/>
    </row>
    <row r="151683" spans="8:8">
      <c r="H151683" s="12"/>
    </row>
    <row r="151684" spans="8:8">
      <c r="H151684" s="12"/>
    </row>
    <row r="151685" spans="8:8">
      <c r="H151685" s="12"/>
    </row>
    <row r="151686" spans="8:8">
      <c r="H151686" s="12"/>
    </row>
    <row r="151687" spans="8:8">
      <c r="H151687" s="12"/>
    </row>
    <row r="151688" spans="8:8">
      <c r="H151688" s="12"/>
    </row>
    <row r="151689" spans="8:8">
      <c r="H151689" s="12"/>
    </row>
    <row r="151690" spans="8:8">
      <c r="H151690" s="12"/>
    </row>
    <row r="151691" spans="8:8">
      <c r="H151691" s="12"/>
    </row>
    <row r="151692" spans="8:8">
      <c r="H151692" s="12"/>
    </row>
    <row r="151693" spans="8:8">
      <c r="H151693" s="12"/>
    </row>
    <row r="151694" spans="8:8">
      <c r="H151694" s="12"/>
    </row>
    <row r="151695" spans="8:8">
      <c r="H151695" s="12"/>
    </row>
    <row r="151696" spans="8:8">
      <c r="H151696" s="12"/>
    </row>
    <row r="151697" spans="8:8">
      <c r="H151697" s="12"/>
    </row>
    <row r="151698" spans="8:8">
      <c r="H151698" s="12"/>
    </row>
    <row r="151699" spans="8:8">
      <c r="H151699" s="12"/>
    </row>
    <row r="151700" spans="8:8">
      <c r="H151700" s="12"/>
    </row>
    <row r="151701" spans="8:8">
      <c r="H151701" s="12"/>
    </row>
    <row r="151702" spans="8:8">
      <c r="H151702" s="12"/>
    </row>
    <row r="151703" spans="8:8">
      <c r="H151703" s="12"/>
    </row>
    <row r="151704" spans="8:8">
      <c r="H151704" s="12"/>
    </row>
    <row r="151705" spans="8:8">
      <c r="H151705" s="12"/>
    </row>
    <row r="151706" spans="8:8">
      <c r="H151706" s="12"/>
    </row>
    <row r="151707" spans="8:8">
      <c r="H151707" s="12"/>
    </row>
    <row r="151708" spans="8:8">
      <c r="H151708" s="12"/>
    </row>
    <row r="151709" spans="8:8">
      <c r="H151709" s="12"/>
    </row>
    <row r="151710" spans="8:8">
      <c r="H151710" s="12"/>
    </row>
    <row r="151711" spans="8:8">
      <c r="H151711" s="12"/>
    </row>
    <row r="151712" spans="8:8">
      <c r="H151712" s="12"/>
    </row>
    <row r="151713" spans="8:8">
      <c r="H151713" s="12"/>
    </row>
    <row r="151714" spans="8:8">
      <c r="H151714" s="12"/>
    </row>
    <row r="151715" spans="8:8">
      <c r="H151715" s="12"/>
    </row>
    <row r="151716" spans="8:8">
      <c r="H151716" s="12"/>
    </row>
    <row r="151717" spans="8:8">
      <c r="H151717" s="12"/>
    </row>
    <row r="151718" spans="8:8">
      <c r="H151718" s="12"/>
    </row>
    <row r="151719" spans="8:8">
      <c r="H151719" s="12"/>
    </row>
    <row r="151720" spans="8:8">
      <c r="H151720" s="12"/>
    </row>
    <row r="151721" spans="8:8">
      <c r="H151721" s="12"/>
    </row>
    <row r="151722" spans="8:8">
      <c r="H151722" s="12"/>
    </row>
    <row r="151723" spans="8:8">
      <c r="H151723" s="12"/>
    </row>
    <row r="151724" spans="8:8">
      <c r="H151724" s="12"/>
    </row>
    <row r="151725" spans="8:8">
      <c r="H151725" s="12"/>
    </row>
    <row r="151726" spans="8:8">
      <c r="H151726" s="12"/>
    </row>
    <row r="151727" spans="8:8">
      <c r="H151727" s="12"/>
    </row>
    <row r="151728" spans="8:8">
      <c r="H151728" s="12"/>
    </row>
    <row r="151729" spans="8:8">
      <c r="H151729" s="12"/>
    </row>
    <row r="151730" spans="8:8">
      <c r="H151730" s="12"/>
    </row>
    <row r="151731" spans="8:8">
      <c r="H151731" s="12"/>
    </row>
    <row r="151732" spans="8:8">
      <c r="H151732" s="12"/>
    </row>
    <row r="151733" spans="8:8">
      <c r="H151733" s="12"/>
    </row>
    <row r="151734" spans="8:8">
      <c r="H151734" s="12"/>
    </row>
    <row r="151735" spans="8:8">
      <c r="H151735" s="12"/>
    </row>
    <row r="151736" spans="8:8">
      <c r="H151736" s="12"/>
    </row>
    <row r="151737" spans="8:8">
      <c r="H151737" s="12"/>
    </row>
    <row r="151738" spans="8:8">
      <c r="H151738" s="12"/>
    </row>
    <row r="151739" spans="8:8">
      <c r="H151739" s="12"/>
    </row>
    <row r="151740" spans="8:8">
      <c r="H151740" s="12"/>
    </row>
    <row r="151741" spans="8:8">
      <c r="H151741" s="12"/>
    </row>
    <row r="151742" spans="8:8">
      <c r="H151742" s="12"/>
    </row>
    <row r="151743" spans="8:8">
      <c r="H151743" s="12"/>
    </row>
    <row r="151744" spans="8:8">
      <c r="H151744" s="12"/>
    </row>
    <row r="151745" spans="8:8">
      <c r="H151745" s="12"/>
    </row>
    <row r="151746" spans="8:8">
      <c r="H151746" s="12"/>
    </row>
    <row r="151747" spans="8:8">
      <c r="H151747" s="12"/>
    </row>
    <row r="151748" spans="8:8">
      <c r="H151748" s="12"/>
    </row>
    <row r="151749" spans="8:8">
      <c r="H151749" s="12"/>
    </row>
    <row r="151750" spans="8:8">
      <c r="H151750" s="12"/>
    </row>
    <row r="151751" spans="8:8">
      <c r="H151751" s="12"/>
    </row>
    <row r="151752" spans="8:8">
      <c r="H151752" s="12"/>
    </row>
    <row r="151753" spans="8:8">
      <c r="H151753" s="12"/>
    </row>
    <row r="151754" spans="8:8">
      <c r="H151754" s="12"/>
    </row>
    <row r="151755" spans="8:8">
      <c r="H151755" s="12"/>
    </row>
    <row r="151756" spans="8:8">
      <c r="H151756" s="12"/>
    </row>
    <row r="151757" spans="8:8">
      <c r="H151757" s="12"/>
    </row>
    <row r="151758" spans="8:8">
      <c r="H151758" s="12"/>
    </row>
    <row r="151759" spans="8:8">
      <c r="H151759" s="12"/>
    </row>
    <row r="151760" spans="8:8">
      <c r="H151760" s="12"/>
    </row>
    <row r="151761" spans="8:8">
      <c r="H151761" s="12"/>
    </row>
    <row r="151762" spans="8:8">
      <c r="H151762" s="12"/>
    </row>
    <row r="151763" spans="8:8">
      <c r="H151763" s="12"/>
    </row>
    <row r="151764" spans="8:8">
      <c r="H151764" s="12"/>
    </row>
    <row r="151765" spans="8:8">
      <c r="H151765" s="12"/>
    </row>
    <row r="151766" spans="8:8">
      <c r="H151766" s="12"/>
    </row>
    <row r="151767" spans="8:8">
      <c r="H151767" s="12"/>
    </row>
    <row r="151768" spans="8:8">
      <c r="H151768" s="12"/>
    </row>
    <row r="151769" spans="8:8">
      <c r="H151769" s="12"/>
    </row>
    <row r="151770" spans="8:8">
      <c r="H151770" s="12"/>
    </row>
    <row r="151771" spans="8:8">
      <c r="H151771" s="12"/>
    </row>
    <row r="151772" spans="8:8">
      <c r="H151772" s="12"/>
    </row>
    <row r="151773" spans="8:8">
      <c r="H151773" s="12"/>
    </row>
    <row r="151774" spans="8:8">
      <c r="H151774" s="12"/>
    </row>
    <row r="151775" spans="8:8">
      <c r="H151775" s="12"/>
    </row>
    <row r="151776" spans="8:8">
      <c r="H151776" s="12"/>
    </row>
    <row r="151777" spans="8:8">
      <c r="H151777" s="12"/>
    </row>
    <row r="151778" spans="8:8">
      <c r="H151778" s="12"/>
    </row>
    <row r="151779" spans="8:8">
      <c r="H151779" s="12"/>
    </row>
    <row r="151780" spans="8:8">
      <c r="H151780" s="12"/>
    </row>
    <row r="151781" spans="8:8">
      <c r="H151781" s="12"/>
    </row>
    <row r="151782" spans="8:8">
      <c r="H151782" s="12"/>
    </row>
    <row r="151783" spans="8:8">
      <c r="H151783" s="12"/>
    </row>
    <row r="151784" spans="8:8">
      <c r="H151784" s="12"/>
    </row>
    <row r="151785" spans="8:8">
      <c r="H151785" s="12"/>
    </row>
    <row r="151786" spans="8:8">
      <c r="H151786" s="12"/>
    </row>
    <row r="151787" spans="8:8">
      <c r="H151787" s="12"/>
    </row>
    <row r="151788" spans="8:8">
      <c r="H151788" s="12"/>
    </row>
    <row r="151789" spans="8:8">
      <c r="H151789" s="12"/>
    </row>
    <row r="151790" spans="8:8">
      <c r="H151790" s="12"/>
    </row>
    <row r="151791" spans="8:8">
      <c r="H151791" s="12"/>
    </row>
    <row r="151792" spans="8:8">
      <c r="H151792" s="12"/>
    </row>
    <row r="151793" spans="8:8">
      <c r="H151793" s="12"/>
    </row>
    <row r="151794" spans="8:8">
      <c r="H151794" s="12"/>
    </row>
    <row r="151795" spans="8:8">
      <c r="H151795" s="12"/>
    </row>
    <row r="151796" spans="8:8">
      <c r="H151796" s="12"/>
    </row>
    <row r="151797" spans="8:8">
      <c r="H151797" s="12"/>
    </row>
    <row r="151798" spans="8:8">
      <c r="H151798" s="12"/>
    </row>
    <row r="151799" spans="8:8">
      <c r="H151799" s="12"/>
    </row>
    <row r="151800" spans="8:8">
      <c r="H151800" s="12"/>
    </row>
    <row r="151801" spans="8:8">
      <c r="H151801" s="12"/>
    </row>
    <row r="151802" spans="8:8">
      <c r="H151802" s="12"/>
    </row>
    <row r="151803" spans="8:8">
      <c r="H151803" s="12"/>
    </row>
    <row r="151804" spans="8:8">
      <c r="H151804" s="12"/>
    </row>
    <row r="151805" spans="8:8">
      <c r="H151805" s="12"/>
    </row>
    <row r="151806" spans="8:8">
      <c r="H151806" s="12"/>
    </row>
    <row r="151807" spans="8:8">
      <c r="H151807" s="12"/>
    </row>
    <row r="151808" spans="8:8">
      <c r="H151808" s="12"/>
    </row>
    <row r="151809" spans="8:8">
      <c r="H151809" s="12"/>
    </row>
    <row r="151810" spans="8:8">
      <c r="H151810" s="12"/>
    </row>
    <row r="151811" spans="8:8">
      <c r="H151811" s="12"/>
    </row>
    <row r="151812" spans="8:8">
      <c r="H151812" s="12"/>
    </row>
    <row r="151813" spans="8:8">
      <c r="H151813" s="12"/>
    </row>
    <row r="151814" spans="8:8">
      <c r="H151814" s="12"/>
    </row>
    <row r="151815" spans="8:8">
      <c r="H151815" s="12"/>
    </row>
    <row r="151816" spans="8:8">
      <c r="H151816" s="12"/>
    </row>
    <row r="151817" spans="8:8">
      <c r="H151817" s="12"/>
    </row>
    <row r="151818" spans="8:8">
      <c r="H151818" s="12"/>
    </row>
    <row r="151819" spans="8:8">
      <c r="H151819" s="12"/>
    </row>
    <row r="151820" spans="8:8">
      <c r="H151820" s="12"/>
    </row>
    <row r="151821" spans="8:8">
      <c r="H151821" s="12"/>
    </row>
    <row r="151822" spans="8:8">
      <c r="H151822" s="12"/>
    </row>
    <row r="151823" spans="8:8">
      <c r="H151823" s="12"/>
    </row>
    <row r="151824" spans="8:8">
      <c r="H151824" s="12"/>
    </row>
    <row r="151825" spans="8:8">
      <c r="H151825" s="12"/>
    </row>
    <row r="151826" spans="8:8">
      <c r="H151826" s="12"/>
    </row>
    <row r="151827" spans="8:8">
      <c r="H151827" s="12"/>
    </row>
    <row r="151828" spans="8:8">
      <c r="H151828" s="12"/>
    </row>
    <row r="151829" spans="8:8">
      <c r="H151829" s="12"/>
    </row>
    <row r="151830" spans="8:8">
      <c r="H151830" s="12"/>
    </row>
    <row r="151831" spans="8:8">
      <c r="H151831" s="12"/>
    </row>
    <row r="151832" spans="8:8">
      <c r="H151832" s="12"/>
    </row>
    <row r="151833" spans="8:8">
      <c r="H151833" s="12"/>
    </row>
    <row r="151834" spans="8:8">
      <c r="H151834" s="12"/>
    </row>
    <row r="151835" spans="8:8">
      <c r="H151835" s="12"/>
    </row>
    <row r="151836" spans="8:8">
      <c r="H151836" s="12"/>
    </row>
    <row r="151837" spans="8:8">
      <c r="H151837" s="12"/>
    </row>
    <row r="151838" spans="8:8">
      <c r="H151838" s="12"/>
    </row>
    <row r="151839" spans="8:8">
      <c r="H151839" s="12"/>
    </row>
    <row r="151840" spans="8:8">
      <c r="H151840" s="12"/>
    </row>
    <row r="151841" spans="8:8">
      <c r="H151841" s="12"/>
    </row>
    <row r="151842" spans="8:8">
      <c r="H151842" s="12"/>
    </row>
    <row r="151843" spans="8:8">
      <c r="H151843" s="12"/>
    </row>
    <row r="151844" spans="8:8">
      <c r="H151844" s="12"/>
    </row>
    <row r="151845" spans="8:8">
      <c r="H151845" s="12"/>
    </row>
    <row r="151846" spans="8:8">
      <c r="H151846" s="12"/>
    </row>
    <row r="151847" spans="8:8">
      <c r="H151847" s="12"/>
    </row>
    <row r="151848" spans="8:8">
      <c r="H151848" s="12"/>
    </row>
    <row r="151849" spans="8:8">
      <c r="H151849" s="12"/>
    </row>
    <row r="151850" spans="8:8">
      <c r="H151850" s="12"/>
    </row>
    <row r="151851" spans="8:8">
      <c r="H151851" s="12"/>
    </row>
    <row r="151852" spans="8:8">
      <c r="H151852" s="12"/>
    </row>
    <row r="151853" spans="8:8">
      <c r="H151853" s="12"/>
    </row>
    <row r="151854" spans="8:8">
      <c r="H151854" s="12"/>
    </row>
    <row r="151855" spans="8:8">
      <c r="H151855" s="12"/>
    </row>
    <row r="151856" spans="8:8">
      <c r="H151856" s="12"/>
    </row>
    <row r="151857" spans="8:8">
      <c r="H151857" s="12"/>
    </row>
    <row r="151858" spans="8:8">
      <c r="H151858" s="12"/>
    </row>
    <row r="151859" spans="8:8">
      <c r="H151859" s="12"/>
    </row>
    <row r="151860" spans="8:8">
      <c r="H151860" s="12"/>
    </row>
    <row r="151861" spans="8:8">
      <c r="H151861" s="12"/>
    </row>
    <row r="151862" spans="8:8">
      <c r="H151862" s="12"/>
    </row>
    <row r="151863" spans="8:8">
      <c r="H151863" s="12"/>
    </row>
    <row r="151864" spans="8:8">
      <c r="H151864" s="12"/>
    </row>
    <row r="151865" spans="8:8">
      <c r="H151865" s="12"/>
    </row>
    <row r="151866" spans="8:8">
      <c r="H151866" s="12"/>
    </row>
    <row r="151867" spans="8:8">
      <c r="H151867" s="12"/>
    </row>
    <row r="151868" spans="8:8">
      <c r="H151868" s="12"/>
    </row>
    <row r="151869" spans="8:8">
      <c r="H151869" s="12"/>
    </row>
    <row r="151870" spans="8:8">
      <c r="H151870" s="12"/>
    </row>
    <row r="151871" spans="8:8">
      <c r="H151871" s="12"/>
    </row>
    <row r="151872" spans="8:8">
      <c r="H151872" s="12"/>
    </row>
    <row r="151873" spans="8:8">
      <c r="H151873" s="12"/>
    </row>
    <row r="151874" spans="8:8">
      <c r="H151874" s="12"/>
    </row>
    <row r="151875" spans="8:8">
      <c r="H151875" s="12"/>
    </row>
    <row r="151876" spans="8:8">
      <c r="H151876" s="12"/>
    </row>
    <row r="151877" spans="8:8">
      <c r="H151877" s="12"/>
    </row>
    <row r="151878" spans="8:8">
      <c r="H151878" s="12"/>
    </row>
    <row r="151879" spans="8:8">
      <c r="H151879" s="12"/>
    </row>
    <row r="151880" spans="8:8">
      <c r="H151880" s="12"/>
    </row>
    <row r="151881" spans="8:8">
      <c r="H151881" s="12"/>
    </row>
    <row r="151882" spans="8:8">
      <c r="H151882" s="12"/>
    </row>
    <row r="151883" spans="8:8">
      <c r="H151883" s="12"/>
    </row>
    <row r="151884" spans="8:8">
      <c r="H151884" s="12"/>
    </row>
    <row r="151885" spans="8:8">
      <c r="H151885" s="12"/>
    </row>
    <row r="151886" spans="8:8">
      <c r="H151886" s="12"/>
    </row>
    <row r="151887" spans="8:8">
      <c r="H151887" s="12"/>
    </row>
    <row r="151888" spans="8:8">
      <c r="H151888" s="12"/>
    </row>
    <row r="151889" spans="8:8">
      <c r="H151889" s="12"/>
    </row>
    <row r="151890" spans="8:8">
      <c r="H151890" s="12"/>
    </row>
    <row r="151891" spans="8:8">
      <c r="H151891" s="12"/>
    </row>
    <row r="151892" spans="8:8">
      <c r="H151892" s="12"/>
    </row>
    <row r="151893" spans="8:8">
      <c r="H151893" s="12"/>
    </row>
    <row r="151894" spans="8:8">
      <c r="H151894" s="12"/>
    </row>
    <row r="151895" spans="8:8">
      <c r="H151895" s="12"/>
    </row>
    <row r="151896" spans="8:8">
      <c r="H151896" s="12"/>
    </row>
    <row r="151897" spans="8:8">
      <c r="H151897" s="12"/>
    </row>
    <row r="151898" spans="8:8">
      <c r="H151898" s="12"/>
    </row>
    <row r="151899" spans="8:8">
      <c r="H151899" s="12"/>
    </row>
    <row r="151900" spans="8:8">
      <c r="H151900" s="12"/>
    </row>
    <row r="151901" spans="8:8">
      <c r="H151901" s="12"/>
    </row>
    <row r="151902" spans="8:8">
      <c r="H151902" s="12"/>
    </row>
    <row r="151903" spans="8:8">
      <c r="H151903" s="12"/>
    </row>
    <row r="151904" spans="8:8">
      <c r="H151904" s="12"/>
    </row>
    <row r="151905" spans="8:8">
      <c r="H151905" s="12"/>
    </row>
    <row r="151906" spans="8:8">
      <c r="H151906" s="12"/>
    </row>
    <row r="151907" spans="8:8">
      <c r="H151907" s="12"/>
    </row>
    <row r="151908" spans="8:8">
      <c r="H151908" s="12"/>
    </row>
    <row r="151909" spans="8:8">
      <c r="H151909" s="12"/>
    </row>
    <row r="151910" spans="8:8">
      <c r="H151910" s="12"/>
    </row>
    <row r="151911" spans="8:8">
      <c r="H151911" s="12"/>
    </row>
    <row r="151912" spans="8:8">
      <c r="H151912" s="12"/>
    </row>
    <row r="151913" spans="8:8">
      <c r="H151913" s="12"/>
    </row>
    <row r="151914" spans="8:8">
      <c r="H151914" s="12"/>
    </row>
    <row r="151915" spans="8:8">
      <c r="H151915" s="12"/>
    </row>
    <row r="151916" spans="8:8">
      <c r="H151916" s="12"/>
    </row>
    <row r="151917" spans="8:8">
      <c r="H151917" s="12"/>
    </row>
    <row r="151918" spans="8:8">
      <c r="H151918" s="12"/>
    </row>
    <row r="151919" spans="8:8">
      <c r="H151919" s="12"/>
    </row>
    <row r="151920" spans="8:8">
      <c r="H151920" s="12"/>
    </row>
    <row r="151921" spans="8:8">
      <c r="H151921" s="12"/>
    </row>
    <row r="151922" spans="8:8">
      <c r="H151922" s="12"/>
    </row>
    <row r="151923" spans="8:8">
      <c r="H151923" s="12"/>
    </row>
    <row r="151924" spans="8:8">
      <c r="H151924" s="12"/>
    </row>
    <row r="151925" spans="8:8">
      <c r="H151925" s="12"/>
    </row>
    <row r="151926" spans="8:8">
      <c r="H151926" s="12"/>
    </row>
    <row r="151927" spans="8:8">
      <c r="H151927" s="12"/>
    </row>
    <row r="151928" spans="8:8">
      <c r="H151928" s="12"/>
    </row>
    <row r="151929" spans="8:8">
      <c r="H151929" s="12"/>
    </row>
    <row r="151930" spans="8:8">
      <c r="H151930" s="12"/>
    </row>
    <row r="151931" spans="8:8">
      <c r="H151931" s="12"/>
    </row>
    <row r="151932" spans="8:8">
      <c r="H151932" s="12"/>
    </row>
    <row r="151933" spans="8:8">
      <c r="H151933" s="12"/>
    </row>
    <row r="151934" spans="8:8">
      <c r="H151934" s="12"/>
    </row>
    <row r="151935" spans="8:8">
      <c r="H151935" s="12"/>
    </row>
    <row r="151936" spans="8:8">
      <c r="H151936" s="12"/>
    </row>
    <row r="151937" spans="8:8">
      <c r="H151937" s="12"/>
    </row>
    <row r="151938" spans="8:8">
      <c r="H151938" s="12"/>
    </row>
    <row r="151939" spans="8:8">
      <c r="H151939" s="12"/>
    </row>
    <row r="151940" spans="8:8">
      <c r="H151940" s="12"/>
    </row>
    <row r="151941" spans="8:8">
      <c r="H151941" s="12"/>
    </row>
    <row r="151942" spans="8:8">
      <c r="H151942" s="12"/>
    </row>
    <row r="151943" spans="8:8">
      <c r="H151943" s="12"/>
    </row>
    <row r="151944" spans="8:8">
      <c r="H151944" s="12"/>
    </row>
    <row r="151945" spans="8:8">
      <c r="H151945" s="12"/>
    </row>
    <row r="151946" spans="8:8">
      <c r="H151946" s="12"/>
    </row>
    <row r="151947" spans="8:8">
      <c r="H151947" s="12"/>
    </row>
    <row r="151948" spans="8:8">
      <c r="H151948" s="12"/>
    </row>
    <row r="151949" spans="8:8">
      <c r="H151949" s="12"/>
    </row>
    <row r="151950" spans="8:8">
      <c r="H151950" s="12"/>
    </row>
    <row r="151951" spans="8:8">
      <c r="H151951" s="12"/>
    </row>
    <row r="151952" spans="8:8">
      <c r="H151952" s="12"/>
    </row>
    <row r="151953" spans="8:8">
      <c r="H151953" s="12"/>
    </row>
    <row r="151954" spans="8:8">
      <c r="H151954" s="12"/>
    </row>
    <row r="151955" spans="8:8">
      <c r="H151955" s="12"/>
    </row>
    <row r="151956" spans="8:8">
      <c r="H151956" s="12"/>
    </row>
    <row r="151957" spans="8:8">
      <c r="H151957" s="12"/>
    </row>
    <row r="151958" spans="8:8">
      <c r="H151958" s="12"/>
    </row>
    <row r="151959" spans="8:8">
      <c r="H151959" s="12"/>
    </row>
    <row r="151960" spans="8:8">
      <c r="H151960" s="12"/>
    </row>
    <row r="151961" spans="8:8">
      <c r="H151961" s="12"/>
    </row>
    <row r="151962" spans="8:8">
      <c r="H151962" s="12"/>
    </row>
    <row r="151963" spans="8:8">
      <c r="H151963" s="12"/>
    </row>
    <row r="151964" spans="8:8">
      <c r="H151964" s="12"/>
    </row>
    <row r="151965" spans="8:8">
      <c r="H151965" s="12"/>
    </row>
    <row r="151966" spans="8:8">
      <c r="H151966" s="12"/>
    </row>
    <row r="151967" spans="8:8">
      <c r="H151967" s="12"/>
    </row>
    <row r="151968" spans="8:8">
      <c r="H151968" s="12"/>
    </row>
    <row r="151969" spans="8:8">
      <c r="H151969" s="12"/>
    </row>
    <row r="151970" spans="8:8">
      <c r="H151970" s="12"/>
    </row>
    <row r="151971" spans="8:8">
      <c r="H151971" s="12"/>
    </row>
    <row r="151972" spans="8:8">
      <c r="H151972" s="12"/>
    </row>
    <row r="151973" spans="8:8">
      <c r="H151973" s="12"/>
    </row>
    <row r="151974" spans="8:8">
      <c r="H151974" s="12"/>
    </row>
    <row r="151975" spans="8:8">
      <c r="H151975" s="12"/>
    </row>
    <row r="151976" spans="8:8">
      <c r="H151976" s="12"/>
    </row>
    <row r="151977" spans="8:8">
      <c r="H151977" s="12"/>
    </row>
    <row r="151978" spans="8:8">
      <c r="H151978" s="12"/>
    </row>
    <row r="151979" spans="8:8">
      <c r="H151979" s="12"/>
    </row>
    <row r="151980" spans="8:8">
      <c r="H151980" s="12"/>
    </row>
    <row r="151981" spans="8:8">
      <c r="H151981" s="12"/>
    </row>
    <row r="151982" spans="8:8">
      <c r="H151982" s="12"/>
    </row>
    <row r="151983" spans="8:8">
      <c r="H151983" s="12"/>
    </row>
    <row r="151984" spans="8:8">
      <c r="H151984" s="12"/>
    </row>
    <row r="151985" spans="8:8">
      <c r="H151985" s="12"/>
    </row>
    <row r="151986" spans="8:8">
      <c r="H151986" s="12"/>
    </row>
    <row r="151987" spans="8:8">
      <c r="H151987" s="12"/>
    </row>
    <row r="151988" spans="8:8">
      <c r="H151988" s="12"/>
    </row>
    <row r="151989" spans="8:8">
      <c r="H151989" s="12"/>
    </row>
    <row r="151990" spans="8:8">
      <c r="H151990" s="12"/>
    </row>
    <row r="151991" spans="8:8">
      <c r="H151991" s="12"/>
    </row>
    <row r="151992" spans="8:8">
      <c r="H151992" s="12"/>
    </row>
    <row r="151993" spans="8:8">
      <c r="H151993" s="12"/>
    </row>
    <row r="151994" spans="8:8">
      <c r="H151994" s="12"/>
    </row>
    <row r="151995" spans="8:8">
      <c r="H151995" s="12"/>
    </row>
    <row r="151996" spans="8:8">
      <c r="H151996" s="12"/>
    </row>
    <row r="151997" spans="8:8">
      <c r="H151997" s="12"/>
    </row>
    <row r="151998" spans="8:8">
      <c r="H151998" s="12"/>
    </row>
    <row r="151999" spans="8:8">
      <c r="H151999" s="12"/>
    </row>
    <row r="152000" spans="8:8">
      <c r="H152000" s="12"/>
    </row>
    <row r="152001" spans="8:8">
      <c r="H152001" s="12"/>
    </row>
    <row r="152002" spans="8:8">
      <c r="H152002" s="12"/>
    </row>
    <row r="152003" spans="8:8">
      <c r="H152003" s="12"/>
    </row>
    <row r="152004" spans="8:8">
      <c r="H152004" s="12"/>
    </row>
    <row r="152005" spans="8:8">
      <c r="H152005" s="12"/>
    </row>
    <row r="152006" spans="8:8">
      <c r="H152006" s="12"/>
    </row>
    <row r="152007" spans="8:8">
      <c r="H152007" s="12"/>
    </row>
    <row r="152008" spans="8:8">
      <c r="H152008" s="12"/>
    </row>
    <row r="152009" spans="8:8">
      <c r="H152009" s="12"/>
    </row>
    <row r="152010" spans="8:8">
      <c r="H152010" s="12"/>
    </row>
    <row r="152011" spans="8:8">
      <c r="H152011" s="12"/>
    </row>
    <row r="152012" spans="8:8">
      <c r="H152012" s="12"/>
    </row>
    <row r="152013" spans="8:8">
      <c r="H152013" s="12"/>
    </row>
    <row r="152014" spans="8:8">
      <c r="H152014" s="12"/>
    </row>
    <row r="152015" spans="8:8">
      <c r="H152015" s="12"/>
    </row>
    <row r="152016" spans="8:8">
      <c r="H152016" s="12"/>
    </row>
    <row r="152017" spans="8:8">
      <c r="H152017" s="12"/>
    </row>
    <row r="152018" spans="8:8">
      <c r="H152018" s="12"/>
    </row>
    <row r="152019" spans="8:8">
      <c r="H152019" s="12"/>
    </row>
    <row r="152020" spans="8:8">
      <c r="H152020" s="12"/>
    </row>
    <row r="152021" spans="8:8">
      <c r="H152021" s="12"/>
    </row>
    <row r="152022" spans="8:8">
      <c r="H152022" s="12"/>
    </row>
    <row r="152023" spans="8:8">
      <c r="H152023" s="12"/>
    </row>
    <row r="152024" spans="8:8">
      <c r="H152024" s="12"/>
    </row>
    <row r="152025" spans="8:8">
      <c r="H152025" s="12"/>
    </row>
    <row r="152026" spans="8:8">
      <c r="H152026" s="12"/>
    </row>
    <row r="152027" spans="8:8">
      <c r="H152027" s="12"/>
    </row>
    <row r="152028" spans="8:8">
      <c r="H152028" s="12"/>
    </row>
    <row r="152029" spans="8:8">
      <c r="H152029" s="12"/>
    </row>
    <row r="152030" spans="8:8">
      <c r="H152030" s="12"/>
    </row>
    <row r="152031" spans="8:8">
      <c r="H152031" s="12"/>
    </row>
    <row r="152032" spans="8:8">
      <c r="H152032" s="12"/>
    </row>
    <row r="152033" spans="8:8">
      <c r="H152033" s="12"/>
    </row>
    <row r="152034" spans="8:8">
      <c r="H152034" s="12"/>
    </row>
    <row r="152035" spans="8:8">
      <c r="H152035" s="12"/>
    </row>
    <row r="152036" spans="8:8">
      <c r="H152036" s="12"/>
    </row>
    <row r="152037" spans="8:8">
      <c r="H152037" s="12"/>
    </row>
    <row r="152038" spans="8:8">
      <c r="H152038" s="12"/>
    </row>
    <row r="152039" spans="8:8">
      <c r="H152039" s="12"/>
    </row>
    <row r="152040" spans="8:8">
      <c r="H152040" s="12"/>
    </row>
    <row r="152041" spans="8:8">
      <c r="H152041" s="12"/>
    </row>
    <row r="152042" spans="8:8">
      <c r="H152042" s="12"/>
    </row>
    <row r="152043" spans="8:8">
      <c r="H152043" s="12"/>
    </row>
    <row r="152044" spans="8:8">
      <c r="H152044" s="12"/>
    </row>
    <row r="152045" spans="8:8">
      <c r="H152045" s="12"/>
    </row>
    <row r="152046" spans="8:8">
      <c r="H152046" s="12"/>
    </row>
    <row r="152047" spans="8:8">
      <c r="H152047" s="12"/>
    </row>
    <row r="152048" spans="8:8">
      <c r="H152048" s="12"/>
    </row>
    <row r="152049" spans="8:8">
      <c r="H152049" s="12"/>
    </row>
    <row r="152050" spans="8:8">
      <c r="H152050" s="12"/>
    </row>
    <row r="152051" spans="8:8">
      <c r="H152051" s="12"/>
    </row>
    <row r="152052" spans="8:8">
      <c r="H152052" s="12"/>
    </row>
    <row r="152053" spans="8:8">
      <c r="H152053" s="12"/>
    </row>
    <row r="152054" spans="8:8">
      <c r="H152054" s="12"/>
    </row>
    <row r="152055" spans="8:8">
      <c r="H152055" s="12"/>
    </row>
    <row r="152056" spans="8:8">
      <c r="H152056" s="12"/>
    </row>
    <row r="152057" spans="8:8">
      <c r="H152057" s="12"/>
    </row>
    <row r="152058" spans="8:8">
      <c r="H152058" s="12"/>
    </row>
    <row r="152059" spans="8:8">
      <c r="H152059" s="12"/>
    </row>
    <row r="152060" spans="8:8">
      <c r="H152060" s="12"/>
    </row>
    <row r="152061" spans="8:8">
      <c r="H152061" s="12"/>
    </row>
    <row r="152062" spans="8:8">
      <c r="H152062" s="12"/>
    </row>
    <row r="152063" spans="8:8">
      <c r="H152063" s="12"/>
    </row>
    <row r="152064" spans="8:8">
      <c r="H152064" s="12"/>
    </row>
    <row r="152065" spans="8:8">
      <c r="H152065" s="12"/>
    </row>
    <row r="152066" spans="8:8">
      <c r="H152066" s="12"/>
    </row>
    <row r="152067" spans="8:8">
      <c r="H152067" s="12"/>
    </row>
    <row r="152068" spans="8:8">
      <c r="H152068" s="12"/>
    </row>
    <row r="152069" spans="8:8">
      <c r="H152069" s="12"/>
    </row>
    <row r="152070" spans="8:8">
      <c r="H152070" s="12"/>
    </row>
    <row r="152071" spans="8:8">
      <c r="H152071" s="12"/>
    </row>
    <row r="152072" spans="8:8">
      <c r="H152072" s="12"/>
    </row>
    <row r="152073" spans="8:8">
      <c r="H152073" s="12"/>
    </row>
    <row r="152074" spans="8:8">
      <c r="H152074" s="12"/>
    </row>
    <row r="152075" spans="8:8">
      <c r="H152075" s="12"/>
    </row>
    <row r="152076" spans="8:8">
      <c r="H152076" s="12"/>
    </row>
    <row r="152077" spans="8:8">
      <c r="H152077" s="12"/>
    </row>
    <row r="152078" spans="8:8">
      <c r="H152078" s="12"/>
    </row>
    <row r="152079" spans="8:8">
      <c r="H152079" s="12"/>
    </row>
    <row r="152080" spans="8:8">
      <c r="H152080" s="12"/>
    </row>
    <row r="152081" spans="8:8">
      <c r="H152081" s="12"/>
    </row>
    <row r="152082" spans="8:8">
      <c r="H152082" s="12"/>
    </row>
    <row r="152083" spans="8:8">
      <c r="H152083" s="12"/>
    </row>
    <row r="152084" spans="8:8">
      <c r="H152084" s="12"/>
    </row>
    <row r="152085" spans="8:8">
      <c r="H152085" s="12"/>
    </row>
    <row r="152086" spans="8:8">
      <c r="H152086" s="12"/>
    </row>
    <row r="152087" spans="8:8">
      <c r="H152087" s="12"/>
    </row>
    <row r="152088" spans="8:8">
      <c r="H152088" s="12"/>
    </row>
    <row r="152089" spans="8:8">
      <c r="H152089" s="12"/>
    </row>
    <row r="152090" spans="8:8">
      <c r="H152090" s="12"/>
    </row>
    <row r="152091" spans="8:8">
      <c r="H152091" s="12"/>
    </row>
    <row r="152092" spans="8:8">
      <c r="H152092" s="12"/>
    </row>
    <row r="152093" spans="8:8">
      <c r="H152093" s="12"/>
    </row>
    <row r="152094" spans="8:8">
      <c r="H152094" s="12"/>
    </row>
    <row r="152095" spans="8:8">
      <c r="H152095" s="12"/>
    </row>
    <row r="152096" spans="8:8">
      <c r="H152096" s="12"/>
    </row>
    <row r="152097" spans="8:8">
      <c r="H152097" s="12"/>
    </row>
    <row r="152098" spans="8:8">
      <c r="H152098" s="12"/>
    </row>
    <row r="152099" spans="8:8">
      <c r="H152099" s="12"/>
    </row>
    <row r="152100" spans="8:8">
      <c r="H152100" s="12"/>
    </row>
    <row r="152101" spans="8:8">
      <c r="H152101" s="12"/>
    </row>
    <row r="152102" spans="8:8">
      <c r="H152102" s="12"/>
    </row>
    <row r="152103" spans="8:8">
      <c r="H152103" s="12"/>
    </row>
    <row r="152104" spans="8:8">
      <c r="H152104" s="12"/>
    </row>
    <row r="152105" spans="8:8">
      <c r="H152105" s="12"/>
    </row>
    <row r="152106" spans="8:8">
      <c r="H152106" s="12"/>
    </row>
    <row r="152107" spans="8:8">
      <c r="H152107" s="12"/>
    </row>
    <row r="152108" spans="8:8">
      <c r="H152108" s="12"/>
    </row>
    <row r="152109" spans="8:8">
      <c r="H152109" s="12"/>
    </row>
    <row r="152110" spans="8:8">
      <c r="H152110" s="12"/>
    </row>
    <row r="152111" spans="8:8">
      <c r="H152111" s="12"/>
    </row>
    <row r="152112" spans="8:8">
      <c r="H152112" s="12"/>
    </row>
    <row r="152113" spans="8:8">
      <c r="H152113" s="12"/>
    </row>
    <row r="152114" spans="8:8">
      <c r="H152114" s="12"/>
    </row>
    <row r="152115" spans="8:8">
      <c r="H152115" s="12"/>
    </row>
    <row r="152116" spans="8:8">
      <c r="H152116" s="12"/>
    </row>
    <row r="152117" spans="8:8">
      <c r="H152117" s="12"/>
    </row>
    <row r="152118" spans="8:8">
      <c r="H152118" s="12"/>
    </row>
    <row r="152119" spans="8:8">
      <c r="H152119" s="12"/>
    </row>
    <row r="152120" spans="8:8">
      <c r="H152120" s="12"/>
    </row>
    <row r="152121" spans="8:8">
      <c r="H152121" s="12"/>
    </row>
    <row r="152122" spans="8:8">
      <c r="H152122" s="12"/>
    </row>
    <row r="152123" spans="8:8">
      <c r="H152123" s="12"/>
    </row>
    <row r="152124" spans="8:8">
      <c r="H152124" s="12"/>
    </row>
    <row r="152125" spans="8:8">
      <c r="H152125" s="12"/>
    </row>
    <row r="152126" spans="8:8">
      <c r="H152126" s="12"/>
    </row>
    <row r="152127" spans="8:8">
      <c r="H152127" s="12"/>
    </row>
    <row r="152128" spans="8:8">
      <c r="H152128" s="12"/>
    </row>
    <row r="152129" spans="8:8">
      <c r="H152129" s="12"/>
    </row>
    <row r="152130" spans="8:8">
      <c r="H152130" s="12"/>
    </row>
    <row r="152131" spans="8:8">
      <c r="H152131" s="12"/>
    </row>
    <row r="152132" spans="8:8">
      <c r="H152132" s="12"/>
    </row>
    <row r="152133" spans="8:8">
      <c r="H152133" s="12"/>
    </row>
    <row r="152134" spans="8:8">
      <c r="H152134" s="12"/>
    </row>
    <row r="152135" spans="8:8">
      <c r="H152135" s="12"/>
    </row>
    <row r="152136" spans="8:8">
      <c r="H152136" s="12"/>
    </row>
    <row r="152137" spans="8:8">
      <c r="H152137" s="12"/>
    </row>
    <row r="152138" spans="8:8">
      <c r="H152138" s="12"/>
    </row>
    <row r="152139" spans="8:8">
      <c r="H152139" s="12"/>
    </row>
    <row r="152140" spans="8:8">
      <c r="H152140" s="12"/>
    </row>
    <row r="152141" spans="8:8">
      <c r="H152141" s="12"/>
    </row>
    <row r="152142" spans="8:8">
      <c r="H152142" s="12"/>
    </row>
    <row r="152143" spans="8:8">
      <c r="H152143" s="12"/>
    </row>
    <row r="152144" spans="8:8">
      <c r="H152144" s="12"/>
    </row>
    <row r="152145" spans="8:8">
      <c r="H152145" s="12"/>
    </row>
    <row r="152146" spans="8:8">
      <c r="H152146" s="12"/>
    </row>
    <row r="152147" spans="8:8">
      <c r="H152147" s="12"/>
    </row>
    <row r="152148" spans="8:8">
      <c r="H152148" s="12"/>
    </row>
    <row r="152149" spans="8:8">
      <c r="H152149" s="12"/>
    </row>
    <row r="152150" spans="8:8">
      <c r="H152150" s="12"/>
    </row>
    <row r="152151" spans="8:8">
      <c r="H152151" s="12"/>
    </row>
    <row r="152152" spans="8:8">
      <c r="H152152" s="12"/>
    </row>
    <row r="152153" spans="8:8">
      <c r="H152153" s="12"/>
    </row>
    <row r="152154" spans="8:8">
      <c r="H152154" s="12"/>
    </row>
    <row r="152155" spans="8:8">
      <c r="H152155" s="12"/>
    </row>
    <row r="152156" spans="8:8">
      <c r="H152156" s="12"/>
    </row>
    <row r="152157" spans="8:8">
      <c r="H152157" s="12"/>
    </row>
    <row r="152158" spans="8:8">
      <c r="H152158" s="12"/>
    </row>
    <row r="152159" spans="8:8">
      <c r="H152159" s="12"/>
    </row>
    <row r="152160" spans="8:8">
      <c r="H152160" s="12"/>
    </row>
    <row r="152161" spans="8:8">
      <c r="H152161" s="12"/>
    </row>
    <row r="152162" spans="8:8">
      <c r="H152162" s="12"/>
    </row>
    <row r="152163" spans="8:8">
      <c r="H152163" s="12"/>
    </row>
    <row r="152164" spans="8:8">
      <c r="H152164" s="12"/>
    </row>
    <row r="152165" spans="8:8">
      <c r="H152165" s="12"/>
    </row>
    <row r="152166" spans="8:8">
      <c r="H152166" s="12"/>
    </row>
    <row r="152167" spans="8:8">
      <c r="H152167" s="12"/>
    </row>
    <row r="152168" spans="8:8">
      <c r="H152168" s="12"/>
    </row>
    <row r="152169" spans="8:8">
      <c r="H152169" s="12"/>
    </row>
    <row r="152170" spans="8:8">
      <c r="H152170" s="12"/>
    </row>
    <row r="152171" spans="8:8">
      <c r="H152171" s="12"/>
    </row>
    <row r="152172" spans="8:8">
      <c r="H152172" s="12"/>
    </row>
    <row r="152173" spans="8:8">
      <c r="H152173" s="12"/>
    </row>
    <row r="152174" spans="8:8">
      <c r="H152174" s="12"/>
    </row>
    <row r="152175" spans="8:8">
      <c r="H152175" s="12"/>
    </row>
    <row r="152176" spans="8:8">
      <c r="H152176" s="12"/>
    </row>
    <row r="152177" spans="8:8">
      <c r="H152177" s="12"/>
    </row>
    <row r="152178" spans="8:8">
      <c r="H152178" s="12"/>
    </row>
    <row r="152179" spans="8:8">
      <c r="H152179" s="12"/>
    </row>
    <row r="152180" spans="8:8">
      <c r="H152180" s="12"/>
    </row>
    <row r="152181" spans="8:8">
      <c r="H152181" s="12"/>
    </row>
    <row r="152182" spans="8:8">
      <c r="H152182" s="12"/>
    </row>
    <row r="152183" spans="8:8">
      <c r="H152183" s="12"/>
    </row>
    <row r="152184" spans="8:8">
      <c r="H152184" s="12"/>
    </row>
    <row r="152185" spans="8:8">
      <c r="H152185" s="12"/>
    </row>
    <row r="152186" spans="8:8">
      <c r="H152186" s="12"/>
    </row>
    <row r="152187" spans="8:8">
      <c r="H152187" s="12"/>
    </row>
    <row r="152188" spans="8:8">
      <c r="H152188" s="12"/>
    </row>
    <row r="152189" spans="8:8">
      <c r="H152189" s="12"/>
    </row>
    <row r="152190" spans="8:8">
      <c r="H152190" s="12"/>
    </row>
    <row r="152191" spans="8:8">
      <c r="H152191" s="12"/>
    </row>
    <row r="152192" spans="8:8">
      <c r="H152192" s="12"/>
    </row>
    <row r="152193" spans="8:8">
      <c r="H152193" s="12"/>
    </row>
    <row r="152194" spans="8:8">
      <c r="H152194" s="12"/>
    </row>
    <row r="152195" spans="8:8">
      <c r="H152195" s="12"/>
    </row>
    <row r="152196" spans="8:8">
      <c r="H152196" s="12"/>
    </row>
    <row r="152197" spans="8:8">
      <c r="H152197" s="12"/>
    </row>
    <row r="152198" spans="8:8">
      <c r="H152198" s="12"/>
    </row>
    <row r="152199" spans="8:8">
      <c r="H152199" s="12"/>
    </row>
    <row r="152200" spans="8:8">
      <c r="H152200" s="12"/>
    </row>
    <row r="152201" spans="8:8">
      <c r="H152201" s="12"/>
    </row>
    <row r="152202" spans="8:8">
      <c r="H152202" s="12"/>
    </row>
    <row r="152203" spans="8:8">
      <c r="H152203" s="12"/>
    </row>
    <row r="152204" spans="8:8">
      <c r="H152204" s="12"/>
    </row>
    <row r="152205" spans="8:8">
      <c r="H152205" s="12"/>
    </row>
    <row r="152206" spans="8:8">
      <c r="H152206" s="12"/>
    </row>
    <row r="152207" spans="8:8">
      <c r="H152207" s="12"/>
    </row>
    <row r="152208" spans="8:8">
      <c r="H152208" s="12"/>
    </row>
    <row r="152209" spans="8:8">
      <c r="H152209" s="12"/>
    </row>
    <row r="152210" spans="8:8">
      <c r="H152210" s="12"/>
    </row>
    <row r="152211" spans="8:8">
      <c r="H152211" s="12"/>
    </row>
    <row r="152212" spans="8:8">
      <c r="H152212" s="12"/>
    </row>
    <row r="152213" spans="8:8">
      <c r="H152213" s="12"/>
    </row>
    <row r="152214" spans="8:8">
      <c r="H152214" s="12"/>
    </row>
    <row r="152215" spans="8:8">
      <c r="H152215" s="12"/>
    </row>
    <row r="152216" spans="8:8">
      <c r="H152216" s="12"/>
    </row>
    <row r="152217" spans="8:8">
      <c r="H152217" s="12"/>
    </row>
    <row r="152218" spans="8:8">
      <c r="H152218" s="12"/>
    </row>
    <row r="152219" spans="8:8">
      <c r="H152219" s="12"/>
    </row>
    <row r="152220" spans="8:8">
      <c r="H152220" s="12"/>
    </row>
    <row r="152221" spans="8:8">
      <c r="H152221" s="12"/>
    </row>
    <row r="152222" spans="8:8">
      <c r="H152222" s="12"/>
    </row>
    <row r="152223" spans="8:8">
      <c r="H152223" s="12"/>
    </row>
    <row r="152224" spans="8:8">
      <c r="H152224" s="12"/>
    </row>
    <row r="152225" spans="8:8">
      <c r="H152225" s="12"/>
    </row>
    <row r="152226" spans="8:8">
      <c r="H152226" s="12"/>
    </row>
    <row r="152227" spans="8:8">
      <c r="H152227" s="12"/>
    </row>
    <row r="152228" spans="8:8">
      <c r="H152228" s="12"/>
    </row>
    <row r="152229" spans="8:8">
      <c r="H152229" s="12"/>
    </row>
    <row r="152230" spans="8:8">
      <c r="H152230" s="12"/>
    </row>
    <row r="152231" spans="8:8">
      <c r="H152231" s="12"/>
    </row>
    <row r="152232" spans="8:8">
      <c r="H152232" s="12"/>
    </row>
    <row r="152233" spans="8:8">
      <c r="H152233" s="12"/>
    </row>
    <row r="152234" spans="8:8">
      <c r="H152234" s="12"/>
    </row>
    <row r="152235" spans="8:8">
      <c r="H152235" s="12"/>
    </row>
    <row r="152236" spans="8:8">
      <c r="H152236" s="12"/>
    </row>
    <row r="152237" spans="8:8">
      <c r="H152237" s="12"/>
    </row>
    <row r="152238" spans="8:8">
      <c r="H152238" s="12"/>
    </row>
    <row r="152239" spans="8:8">
      <c r="H152239" s="12"/>
    </row>
    <row r="152240" spans="8:8">
      <c r="H152240" s="12"/>
    </row>
    <row r="152241" spans="8:8">
      <c r="H152241" s="12"/>
    </row>
    <row r="152242" spans="8:8">
      <c r="H152242" s="12"/>
    </row>
    <row r="152243" spans="8:8">
      <c r="H152243" s="12"/>
    </row>
    <row r="152244" spans="8:8">
      <c r="H152244" s="12"/>
    </row>
    <row r="152245" spans="8:8">
      <c r="H152245" s="12"/>
    </row>
    <row r="152246" spans="8:8">
      <c r="H152246" s="12"/>
    </row>
    <row r="152247" spans="8:8">
      <c r="H152247" s="12"/>
    </row>
    <row r="152248" spans="8:8">
      <c r="H152248" s="12"/>
    </row>
    <row r="152249" spans="8:8">
      <c r="H152249" s="12"/>
    </row>
    <row r="152250" spans="8:8">
      <c r="H152250" s="12"/>
    </row>
    <row r="152251" spans="8:8">
      <c r="H152251" s="12"/>
    </row>
    <row r="152252" spans="8:8">
      <c r="H152252" s="12"/>
    </row>
    <row r="152253" spans="8:8">
      <c r="H152253" s="12"/>
    </row>
    <row r="152254" spans="8:8">
      <c r="H152254" s="12"/>
    </row>
    <row r="152255" spans="8:8">
      <c r="H152255" s="12"/>
    </row>
    <row r="152256" spans="8:8">
      <c r="H152256" s="12"/>
    </row>
    <row r="152257" spans="8:8">
      <c r="H152257" s="12"/>
    </row>
    <row r="152258" spans="8:8">
      <c r="H152258" s="12"/>
    </row>
    <row r="152259" spans="8:8">
      <c r="H152259" s="12"/>
    </row>
    <row r="152260" spans="8:8">
      <c r="H152260" s="12"/>
    </row>
    <row r="152261" spans="8:8">
      <c r="H152261" s="12"/>
    </row>
    <row r="152262" spans="8:8">
      <c r="H152262" s="12"/>
    </row>
    <row r="152263" spans="8:8">
      <c r="H152263" s="12"/>
    </row>
    <row r="152264" spans="8:8">
      <c r="H152264" s="12"/>
    </row>
    <row r="152265" spans="8:8">
      <c r="H152265" s="12"/>
    </row>
    <row r="152266" spans="8:8">
      <c r="H152266" s="12"/>
    </row>
    <row r="152267" spans="8:8">
      <c r="H152267" s="12"/>
    </row>
    <row r="152268" spans="8:8">
      <c r="H152268" s="12"/>
    </row>
    <row r="152269" spans="8:8">
      <c r="H152269" s="12"/>
    </row>
    <row r="152270" spans="8:8">
      <c r="H152270" s="12"/>
    </row>
    <row r="152271" spans="8:8">
      <c r="H152271" s="12"/>
    </row>
    <row r="152272" spans="8:8">
      <c r="H152272" s="12"/>
    </row>
    <row r="152273" spans="8:8">
      <c r="H152273" s="12"/>
    </row>
    <row r="152274" spans="8:8">
      <c r="H152274" s="12"/>
    </row>
    <row r="152275" spans="8:8">
      <c r="H152275" s="12"/>
    </row>
    <row r="152276" spans="8:8">
      <c r="H152276" s="12"/>
    </row>
    <row r="152277" spans="8:8">
      <c r="H152277" s="12"/>
    </row>
    <row r="152278" spans="8:8">
      <c r="H152278" s="12"/>
    </row>
    <row r="152279" spans="8:8">
      <c r="H152279" s="12"/>
    </row>
    <row r="152280" spans="8:8">
      <c r="H152280" s="12"/>
    </row>
    <row r="152281" spans="8:8">
      <c r="H152281" s="12"/>
    </row>
    <row r="152282" spans="8:8">
      <c r="H152282" s="12"/>
    </row>
    <row r="152283" spans="8:8">
      <c r="H152283" s="12"/>
    </row>
    <row r="152284" spans="8:8">
      <c r="H152284" s="12"/>
    </row>
    <row r="152285" spans="8:8">
      <c r="H152285" s="12"/>
    </row>
    <row r="152286" spans="8:8">
      <c r="H152286" s="12"/>
    </row>
    <row r="152287" spans="8:8">
      <c r="H152287" s="12"/>
    </row>
    <row r="152288" spans="8:8">
      <c r="H152288" s="12"/>
    </row>
    <row r="152289" spans="8:8">
      <c r="H152289" s="12"/>
    </row>
    <row r="152290" spans="8:8">
      <c r="H152290" s="12"/>
    </row>
    <row r="152291" spans="8:8">
      <c r="H152291" s="12"/>
    </row>
    <row r="152292" spans="8:8">
      <c r="H152292" s="12"/>
    </row>
    <row r="152293" spans="8:8">
      <c r="H152293" s="12"/>
    </row>
    <row r="152294" spans="8:8">
      <c r="H152294" s="12"/>
    </row>
    <row r="152295" spans="8:8">
      <c r="H152295" s="12"/>
    </row>
    <row r="152296" spans="8:8">
      <c r="H152296" s="12"/>
    </row>
    <row r="152297" spans="8:8">
      <c r="H152297" s="12"/>
    </row>
    <row r="152298" spans="8:8">
      <c r="H152298" s="12"/>
    </row>
    <row r="152299" spans="8:8">
      <c r="H152299" s="12"/>
    </row>
    <row r="152300" spans="8:8">
      <c r="H152300" s="12"/>
    </row>
    <row r="152301" spans="8:8">
      <c r="H152301" s="12"/>
    </row>
    <row r="152302" spans="8:8">
      <c r="H152302" s="12"/>
    </row>
    <row r="152303" spans="8:8">
      <c r="H152303" s="12"/>
    </row>
    <row r="152304" spans="8:8">
      <c r="H152304" s="12"/>
    </row>
    <row r="152305" spans="8:8">
      <c r="H152305" s="12"/>
    </row>
    <row r="152306" spans="8:8">
      <c r="H152306" s="12"/>
    </row>
    <row r="152307" spans="8:8">
      <c r="H152307" s="12"/>
    </row>
    <row r="152308" spans="8:8">
      <c r="H152308" s="12"/>
    </row>
    <row r="152309" spans="8:8">
      <c r="H152309" s="12"/>
    </row>
    <row r="152310" spans="8:8">
      <c r="H152310" s="12"/>
    </row>
    <row r="152311" spans="8:8">
      <c r="H152311" s="12"/>
    </row>
    <row r="152312" spans="8:8">
      <c r="H152312" s="12"/>
    </row>
    <row r="152313" spans="8:8">
      <c r="H152313" s="12"/>
    </row>
    <row r="152314" spans="8:8">
      <c r="H152314" s="12"/>
    </row>
    <row r="152315" spans="8:8">
      <c r="H152315" s="12"/>
    </row>
    <row r="152316" spans="8:8">
      <c r="H152316" s="12"/>
    </row>
    <row r="152317" spans="8:8">
      <c r="H152317" s="12"/>
    </row>
    <row r="152318" spans="8:8">
      <c r="H152318" s="12"/>
    </row>
    <row r="152319" spans="8:8">
      <c r="H152319" s="12"/>
    </row>
    <row r="152320" spans="8:8">
      <c r="H152320" s="12"/>
    </row>
    <row r="152321" spans="8:8">
      <c r="H152321" s="12"/>
    </row>
    <row r="152322" spans="8:8">
      <c r="H152322" s="12"/>
    </row>
    <row r="152323" spans="8:8">
      <c r="H152323" s="12"/>
    </row>
    <row r="152324" spans="8:8">
      <c r="H152324" s="12"/>
    </row>
    <row r="152325" spans="8:8">
      <c r="H152325" s="12"/>
    </row>
    <row r="152326" spans="8:8">
      <c r="H152326" s="12"/>
    </row>
    <row r="152327" spans="8:8">
      <c r="H152327" s="12"/>
    </row>
    <row r="152328" spans="8:8">
      <c r="H152328" s="12"/>
    </row>
    <row r="152329" spans="8:8">
      <c r="H152329" s="12"/>
    </row>
    <row r="152330" spans="8:8">
      <c r="H152330" s="12"/>
    </row>
    <row r="152331" spans="8:8">
      <c r="H152331" s="12"/>
    </row>
    <row r="152332" spans="8:8">
      <c r="H152332" s="12"/>
    </row>
    <row r="152333" spans="8:8">
      <c r="H152333" s="12"/>
    </row>
    <row r="152334" spans="8:8">
      <c r="H152334" s="12"/>
    </row>
    <row r="152335" spans="8:8">
      <c r="H152335" s="12"/>
    </row>
    <row r="152336" spans="8:8">
      <c r="H152336" s="12"/>
    </row>
    <row r="152337" spans="8:8">
      <c r="H152337" s="12"/>
    </row>
    <row r="152338" spans="8:8">
      <c r="H152338" s="12"/>
    </row>
    <row r="152339" spans="8:8">
      <c r="H152339" s="12"/>
    </row>
    <row r="152340" spans="8:8">
      <c r="H152340" s="12"/>
    </row>
    <row r="152341" spans="8:8">
      <c r="H152341" s="12"/>
    </row>
    <row r="152342" spans="8:8">
      <c r="H152342" s="12"/>
    </row>
    <row r="152343" spans="8:8">
      <c r="H152343" s="12"/>
    </row>
    <row r="152344" spans="8:8">
      <c r="H152344" s="12"/>
    </row>
    <row r="152345" spans="8:8">
      <c r="H152345" s="12"/>
    </row>
    <row r="152346" spans="8:8">
      <c r="H152346" s="12"/>
    </row>
    <row r="152347" spans="8:8">
      <c r="H152347" s="12"/>
    </row>
    <row r="152348" spans="8:8">
      <c r="H152348" s="12"/>
    </row>
    <row r="152349" spans="8:8">
      <c r="H152349" s="12"/>
    </row>
    <row r="152350" spans="8:8">
      <c r="H152350" s="12"/>
    </row>
    <row r="152351" spans="8:8">
      <c r="H152351" s="12"/>
    </row>
    <row r="152352" spans="8:8">
      <c r="H152352" s="12"/>
    </row>
    <row r="152353" spans="8:8">
      <c r="H152353" s="12"/>
    </row>
    <row r="152354" spans="8:8">
      <c r="H152354" s="12"/>
    </row>
    <row r="152355" spans="8:8">
      <c r="H152355" s="12"/>
    </row>
    <row r="152356" spans="8:8">
      <c r="H152356" s="12"/>
    </row>
    <row r="152357" spans="8:8">
      <c r="H152357" s="12"/>
    </row>
    <row r="152358" spans="8:8">
      <c r="H152358" s="12"/>
    </row>
    <row r="152359" spans="8:8">
      <c r="H152359" s="12"/>
    </row>
    <row r="152360" spans="8:8">
      <c r="H152360" s="12"/>
    </row>
    <row r="152361" spans="8:8">
      <c r="H152361" s="12"/>
    </row>
    <row r="152362" spans="8:8">
      <c r="H152362" s="12"/>
    </row>
    <row r="152363" spans="8:8">
      <c r="H152363" s="12"/>
    </row>
    <row r="152364" spans="8:8">
      <c r="H152364" s="12"/>
    </row>
    <row r="152365" spans="8:8">
      <c r="H152365" s="12"/>
    </row>
    <row r="152366" spans="8:8">
      <c r="H152366" s="12"/>
    </row>
    <row r="152367" spans="8:8">
      <c r="H152367" s="12"/>
    </row>
    <row r="152368" spans="8:8">
      <c r="H152368" s="12"/>
    </row>
    <row r="152369" spans="8:8">
      <c r="H152369" s="12"/>
    </row>
    <row r="152370" spans="8:8">
      <c r="H152370" s="12"/>
    </row>
    <row r="152371" spans="8:8">
      <c r="H152371" s="12"/>
    </row>
    <row r="152372" spans="8:8">
      <c r="H152372" s="12"/>
    </row>
    <row r="152373" spans="8:8">
      <c r="H152373" s="12"/>
    </row>
    <row r="152374" spans="8:8">
      <c r="H152374" s="12"/>
    </row>
    <row r="152375" spans="8:8">
      <c r="H152375" s="12"/>
    </row>
    <row r="152376" spans="8:8">
      <c r="H152376" s="12"/>
    </row>
    <row r="152377" spans="8:8">
      <c r="H152377" s="12"/>
    </row>
    <row r="152378" spans="8:8">
      <c r="H152378" s="12"/>
    </row>
    <row r="152379" spans="8:8">
      <c r="H152379" s="12"/>
    </row>
    <row r="152380" spans="8:8">
      <c r="H152380" s="12"/>
    </row>
    <row r="152381" spans="8:8">
      <c r="H152381" s="12"/>
    </row>
    <row r="152382" spans="8:8">
      <c r="H152382" s="12"/>
    </row>
    <row r="152383" spans="8:8">
      <c r="H152383" s="12"/>
    </row>
    <row r="152384" spans="8:8">
      <c r="H152384" s="12"/>
    </row>
    <row r="152385" spans="8:8">
      <c r="H152385" s="12"/>
    </row>
    <row r="152386" spans="8:8">
      <c r="H152386" s="12"/>
    </row>
    <row r="152387" spans="8:8">
      <c r="H152387" s="12"/>
    </row>
    <row r="152388" spans="8:8">
      <c r="H152388" s="12"/>
    </row>
    <row r="152389" spans="8:8">
      <c r="H152389" s="12"/>
    </row>
    <row r="152390" spans="8:8">
      <c r="H152390" s="12"/>
    </row>
    <row r="152391" spans="8:8">
      <c r="H152391" s="12"/>
    </row>
    <row r="152392" spans="8:8">
      <c r="H152392" s="12"/>
    </row>
    <row r="152393" spans="8:8">
      <c r="H152393" s="12"/>
    </row>
    <row r="152394" spans="8:8">
      <c r="H152394" s="12"/>
    </row>
    <row r="152395" spans="8:8">
      <c r="H152395" s="12"/>
    </row>
    <row r="152396" spans="8:8">
      <c r="H152396" s="12"/>
    </row>
    <row r="152397" spans="8:8">
      <c r="H152397" s="12"/>
    </row>
    <row r="152398" spans="8:8">
      <c r="H152398" s="12"/>
    </row>
    <row r="152399" spans="8:8">
      <c r="H152399" s="12"/>
    </row>
    <row r="152400" spans="8:8">
      <c r="H152400" s="12"/>
    </row>
    <row r="152401" spans="8:8">
      <c r="H152401" s="12"/>
    </row>
    <row r="152402" spans="8:8">
      <c r="H152402" s="12"/>
    </row>
    <row r="152403" spans="8:8">
      <c r="H152403" s="12"/>
    </row>
    <row r="152404" spans="8:8">
      <c r="H152404" s="12"/>
    </row>
    <row r="152405" spans="8:8">
      <c r="H152405" s="12"/>
    </row>
    <row r="152406" spans="8:8">
      <c r="H152406" s="12"/>
    </row>
    <row r="152407" spans="8:8">
      <c r="H152407" s="12"/>
    </row>
    <row r="152408" spans="8:8">
      <c r="H152408" s="12"/>
    </row>
    <row r="152409" spans="8:8">
      <c r="H152409" s="12"/>
    </row>
    <row r="152410" spans="8:8">
      <c r="H152410" s="12"/>
    </row>
    <row r="152411" spans="8:8">
      <c r="H152411" s="12"/>
    </row>
    <row r="152412" spans="8:8">
      <c r="H152412" s="12"/>
    </row>
    <row r="152413" spans="8:8">
      <c r="H152413" s="12"/>
    </row>
    <row r="152414" spans="8:8">
      <c r="H152414" s="12"/>
    </row>
    <row r="152415" spans="8:8">
      <c r="H152415" s="12"/>
    </row>
    <row r="152416" spans="8:8">
      <c r="H152416" s="12"/>
    </row>
    <row r="152417" spans="8:8">
      <c r="H152417" s="12"/>
    </row>
    <row r="152418" spans="8:8">
      <c r="H152418" s="12"/>
    </row>
    <row r="152419" spans="8:8">
      <c r="H152419" s="12"/>
    </row>
    <row r="152420" spans="8:8">
      <c r="H152420" s="12"/>
    </row>
    <row r="152421" spans="8:8">
      <c r="H152421" s="12"/>
    </row>
    <row r="152422" spans="8:8">
      <c r="H152422" s="12"/>
    </row>
    <row r="152423" spans="8:8">
      <c r="H152423" s="12"/>
    </row>
    <row r="152424" spans="8:8">
      <c r="H152424" s="12"/>
    </row>
    <row r="152425" spans="8:8">
      <c r="H152425" s="12"/>
    </row>
    <row r="152426" spans="8:8">
      <c r="H152426" s="12"/>
    </row>
    <row r="152427" spans="8:8">
      <c r="H152427" s="12"/>
    </row>
    <row r="152428" spans="8:8">
      <c r="H152428" s="12"/>
    </row>
    <row r="152429" spans="8:8">
      <c r="H152429" s="12"/>
    </row>
    <row r="152430" spans="8:8">
      <c r="H152430" s="12"/>
    </row>
    <row r="152431" spans="8:8">
      <c r="H152431" s="12"/>
    </row>
    <row r="152432" spans="8:8">
      <c r="H152432" s="12"/>
    </row>
    <row r="152433" spans="8:8">
      <c r="H152433" s="12"/>
    </row>
    <row r="152434" spans="8:8">
      <c r="H152434" s="12"/>
    </row>
    <row r="152435" spans="8:8">
      <c r="H152435" s="12"/>
    </row>
    <row r="152436" spans="8:8">
      <c r="H152436" s="12"/>
    </row>
    <row r="152437" spans="8:8">
      <c r="H152437" s="12"/>
    </row>
    <row r="152438" spans="8:8">
      <c r="H152438" s="12"/>
    </row>
    <row r="152439" spans="8:8">
      <c r="H152439" s="12"/>
    </row>
    <row r="152440" spans="8:8">
      <c r="H152440" s="12"/>
    </row>
    <row r="152441" spans="8:8">
      <c r="H152441" s="12"/>
    </row>
    <row r="152442" spans="8:8">
      <c r="H152442" s="12"/>
    </row>
    <row r="152443" spans="8:8">
      <c r="H152443" s="12"/>
    </row>
    <row r="152444" spans="8:8">
      <c r="H152444" s="12"/>
    </row>
    <row r="152445" spans="8:8">
      <c r="H152445" s="12"/>
    </row>
    <row r="152446" spans="8:8">
      <c r="H152446" s="12"/>
    </row>
    <row r="152447" spans="8:8">
      <c r="H152447" s="12"/>
    </row>
    <row r="152448" spans="8:8">
      <c r="H152448" s="12"/>
    </row>
    <row r="152449" spans="8:8">
      <c r="H152449" s="12"/>
    </row>
    <row r="152450" spans="8:8">
      <c r="H152450" s="12"/>
    </row>
    <row r="152451" spans="8:8">
      <c r="H152451" s="12"/>
    </row>
    <row r="152452" spans="8:8">
      <c r="H152452" s="12"/>
    </row>
    <row r="152453" spans="8:8">
      <c r="H152453" s="12"/>
    </row>
    <row r="152454" spans="8:8">
      <c r="H152454" s="12"/>
    </row>
    <row r="152455" spans="8:8">
      <c r="H152455" s="12"/>
    </row>
    <row r="152456" spans="8:8">
      <c r="H152456" s="12"/>
    </row>
    <row r="152457" spans="8:8">
      <c r="H152457" s="12"/>
    </row>
    <row r="152458" spans="8:8">
      <c r="H152458" s="12"/>
    </row>
    <row r="152459" spans="8:8">
      <c r="H152459" s="12"/>
    </row>
    <row r="152460" spans="8:8">
      <c r="H152460" s="12"/>
    </row>
    <row r="152461" spans="8:8">
      <c r="H152461" s="12"/>
    </row>
    <row r="152462" spans="8:8">
      <c r="H152462" s="12"/>
    </row>
    <row r="152463" spans="8:8">
      <c r="H152463" s="12"/>
    </row>
    <row r="152464" spans="8:8">
      <c r="H152464" s="12"/>
    </row>
    <row r="152465" spans="8:8">
      <c r="H152465" s="12"/>
    </row>
    <row r="152466" spans="8:8">
      <c r="H152466" s="12"/>
    </row>
    <row r="152467" spans="8:8">
      <c r="H152467" s="12"/>
    </row>
    <row r="152468" spans="8:8">
      <c r="H152468" s="12"/>
    </row>
    <row r="152469" spans="8:8">
      <c r="H152469" s="12"/>
    </row>
    <row r="152470" spans="8:8">
      <c r="H152470" s="12"/>
    </row>
    <row r="152471" spans="8:8">
      <c r="H152471" s="12"/>
    </row>
    <row r="152472" spans="8:8">
      <c r="H152472" s="12"/>
    </row>
    <row r="152473" spans="8:8">
      <c r="H152473" s="12"/>
    </row>
    <row r="152474" spans="8:8">
      <c r="H152474" s="12"/>
    </row>
    <row r="152475" spans="8:8">
      <c r="H152475" s="12"/>
    </row>
    <row r="152476" spans="8:8">
      <c r="H152476" s="12"/>
    </row>
    <row r="152477" spans="8:8">
      <c r="H152477" s="12"/>
    </row>
    <row r="152478" spans="8:8">
      <c r="H152478" s="12"/>
    </row>
    <row r="152479" spans="8:8">
      <c r="H152479" s="12"/>
    </row>
    <row r="152480" spans="8:8">
      <c r="H152480" s="12"/>
    </row>
    <row r="152481" spans="8:8">
      <c r="H152481" s="12"/>
    </row>
    <row r="152482" spans="8:8">
      <c r="H152482" s="12"/>
    </row>
    <row r="152483" spans="8:8">
      <c r="H152483" s="12"/>
    </row>
    <row r="152484" spans="8:8">
      <c r="H152484" s="12"/>
    </row>
    <row r="152485" spans="8:8">
      <c r="H152485" s="12"/>
    </row>
    <row r="152486" spans="8:8">
      <c r="H152486" s="12"/>
    </row>
    <row r="152487" spans="8:8">
      <c r="H152487" s="12"/>
    </row>
    <row r="152488" spans="8:8">
      <c r="H152488" s="12"/>
    </row>
    <row r="152489" spans="8:8">
      <c r="H152489" s="12"/>
    </row>
    <row r="152490" spans="8:8">
      <c r="H152490" s="12"/>
    </row>
    <row r="152491" spans="8:8">
      <c r="H152491" s="12"/>
    </row>
    <row r="152492" spans="8:8">
      <c r="H152492" s="12"/>
    </row>
    <row r="152493" spans="8:8">
      <c r="H152493" s="12"/>
    </row>
    <row r="152494" spans="8:8">
      <c r="H152494" s="12"/>
    </row>
    <row r="152495" spans="8:8">
      <c r="H152495" s="12"/>
    </row>
    <row r="152496" spans="8:8">
      <c r="H152496" s="12"/>
    </row>
    <row r="152497" spans="8:8">
      <c r="H152497" s="12"/>
    </row>
    <row r="152498" spans="8:8">
      <c r="H152498" s="12"/>
    </row>
    <row r="152499" spans="8:8">
      <c r="H152499" s="12"/>
    </row>
    <row r="152500" spans="8:8">
      <c r="H152500" s="12"/>
    </row>
    <row r="152501" spans="8:8">
      <c r="H152501" s="12"/>
    </row>
    <row r="152502" spans="8:8">
      <c r="H152502" s="12"/>
    </row>
    <row r="152503" spans="8:8">
      <c r="H152503" s="12"/>
    </row>
    <row r="152504" spans="8:8">
      <c r="H152504" s="12"/>
    </row>
    <row r="152505" spans="8:8">
      <c r="H152505" s="12"/>
    </row>
    <row r="152506" spans="8:8">
      <c r="H152506" s="12"/>
    </row>
    <row r="152507" spans="8:8">
      <c r="H152507" s="12"/>
    </row>
    <row r="152508" spans="8:8">
      <c r="H152508" s="12"/>
    </row>
    <row r="152509" spans="8:8">
      <c r="H152509" s="12"/>
    </row>
    <row r="152510" spans="8:8">
      <c r="H152510" s="12"/>
    </row>
    <row r="152511" spans="8:8">
      <c r="H152511" s="12"/>
    </row>
    <row r="152512" spans="8:8">
      <c r="H152512" s="12"/>
    </row>
    <row r="152513" spans="8:8">
      <c r="H152513" s="12"/>
    </row>
    <row r="152514" spans="8:8">
      <c r="H152514" s="12"/>
    </row>
    <row r="152515" spans="8:8">
      <c r="H152515" s="12"/>
    </row>
    <row r="152516" spans="8:8">
      <c r="H152516" s="12"/>
    </row>
    <row r="152517" spans="8:8">
      <c r="H152517" s="12"/>
    </row>
    <row r="152518" spans="8:8">
      <c r="H152518" s="12"/>
    </row>
    <row r="152519" spans="8:8">
      <c r="H152519" s="12"/>
    </row>
    <row r="152520" spans="8:8">
      <c r="H152520" s="12"/>
    </row>
    <row r="152521" spans="8:8">
      <c r="H152521" s="12"/>
    </row>
    <row r="152522" spans="8:8">
      <c r="H152522" s="12"/>
    </row>
    <row r="152523" spans="8:8">
      <c r="H152523" s="12"/>
    </row>
    <row r="152524" spans="8:8">
      <c r="H152524" s="12"/>
    </row>
    <row r="152525" spans="8:8">
      <c r="H152525" s="12"/>
    </row>
    <row r="152526" spans="8:8">
      <c r="H152526" s="12"/>
    </row>
    <row r="152527" spans="8:8">
      <c r="H152527" s="12"/>
    </row>
    <row r="152528" spans="8:8">
      <c r="H152528" s="12"/>
    </row>
    <row r="152529" spans="8:8">
      <c r="H152529" s="12"/>
    </row>
    <row r="152530" spans="8:8">
      <c r="H152530" s="12"/>
    </row>
    <row r="152531" spans="8:8">
      <c r="H152531" s="12"/>
    </row>
    <row r="152532" spans="8:8">
      <c r="H152532" s="12"/>
    </row>
    <row r="152533" spans="8:8">
      <c r="H152533" s="12"/>
    </row>
    <row r="152534" spans="8:8">
      <c r="H152534" s="12"/>
    </row>
    <row r="152535" spans="8:8">
      <c r="H152535" s="12"/>
    </row>
    <row r="152536" spans="8:8">
      <c r="H152536" s="12"/>
    </row>
    <row r="152537" spans="8:8">
      <c r="H152537" s="12"/>
    </row>
    <row r="152538" spans="8:8">
      <c r="H152538" s="12"/>
    </row>
    <row r="152539" spans="8:8">
      <c r="H152539" s="12"/>
    </row>
    <row r="152540" spans="8:8">
      <c r="H152540" s="12"/>
    </row>
    <row r="152541" spans="8:8">
      <c r="H152541" s="12"/>
    </row>
    <row r="152542" spans="8:8">
      <c r="H152542" s="12"/>
    </row>
    <row r="152543" spans="8:8">
      <c r="H152543" s="12"/>
    </row>
    <row r="152544" spans="8:8">
      <c r="H152544" s="12"/>
    </row>
    <row r="152545" spans="8:8">
      <c r="H152545" s="12"/>
    </row>
    <row r="152546" spans="8:8">
      <c r="H152546" s="12"/>
    </row>
    <row r="152547" spans="8:8">
      <c r="H152547" s="12"/>
    </row>
    <row r="152548" spans="8:8">
      <c r="H152548" s="12"/>
    </row>
    <row r="152549" spans="8:8">
      <c r="H152549" s="12"/>
    </row>
    <row r="152550" spans="8:8">
      <c r="H152550" s="12"/>
    </row>
    <row r="152551" spans="8:8">
      <c r="H152551" s="12"/>
    </row>
    <row r="152552" spans="8:8">
      <c r="H152552" s="12"/>
    </row>
    <row r="152553" spans="8:8">
      <c r="H152553" s="12"/>
    </row>
    <row r="152554" spans="8:8">
      <c r="H152554" s="12"/>
    </row>
    <row r="152555" spans="8:8">
      <c r="H152555" s="12"/>
    </row>
    <row r="152556" spans="8:8">
      <c r="H152556" s="12"/>
    </row>
    <row r="152557" spans="8:8">
      <c r="H152557" s="12"/>
    </row>
    <row r="152558" spans="8:8">
      <c r="H152558" s="12"/>
    </row>
    <row r="152559" spans="8:8">
      <c r="H152559" s="12"/>
    </row>
    <row r="152560" spans="8:8">
      <c r="H152560" s="12"/>
    </row>
    <row r="152561" spans="8:8">
      <c r="H152561" s="12"/>
    </row>
    <row r="152562" spans="8:8">
      <c r="H152562" s="12"/>
    </row>
    <row r="152563" spans="8:8">
      <c r="H152563" s="12"/>
    </row>
    <row r="152564" spans="8:8">
      <c r="H152564" s="12"/>
    </row>
    <row r="152565" spans="8:8">
      <c r="H152565" s="12"/>
    </row>
    <row r="152566" spans="8:8">
      <c r="H152566" s="12"/>
    </row>
    <row r="152567" spans="8:8">
      <c r="H152567" s="12"/>
    </row>
    <row r="152568" spans="8:8">
      <c r="H152568" s="12"/>
    </row>
    <row r="152569" spans="8:8">
      <c r="H152569" s="12"/>
    </row>
    <row r="152570" spans="8:8">
      <c r="H152570" s="12"/>
    </row>
    <row r="152571" spans="8:8">
      <c r="H152571" s="12"/>
    </row>
    <row r="152572" spans="8:8">
      <c r="H152572" s="12"/>
    </row>
    <row r="152573" spans="8:8">
      <c r="H152573" s="12"/>
    </row>
    <row r="152574" spans="8:8">
      <c r="H152574" s="12"/>
    </row>
    <row r="152575" spans="8:8">
      <c r="H152575" s="12"/>
    </row>
    <row r="152576" spans="8:8">
      <c r="H152576" s="12"/>
    </row>
    <row r="152577" spans="8:8">
      <c r="H152577" s="12"/>
    </row>
    <row r="152578" spans="8:8">
      <c r="H152578" s="12"/>
    </row>
    <row r="152579" spans="8:8">
      <c r="H152579" s="12"/>
    </row>
    <row r="152580" spans="8:8">
      <c r="H152580" s="12"/>
    </row>
    <row r="152581" spans="8:8">
      <c r="H152581" s="12"/>
    </row>
    <row r="152582" spans="8:8">
      <c r="H152582" s="12"/>
    </row>
    <row r="152583" spans="8:8">
      <c r="H152583" s="12"/>
    </row>
    <row r="152584" spans="8:8">
      <c r="H152584" s="12"/>
    </row>
    <row r="152585" spans="8:8">
      <c r="H152585" s="12"/>
    </row>
    <row r="152586" spans="8:8">
      <c r="H152586" s="12"/>
    </row>
    <row r="152587" spans="8:8">
      <c r="H152587" s="12"/>
    </row>
    <row r="152588" spans="8:8">
      <c r="H152588" s="12"/>
    </row>
    <row r="152589" spans="8:8">
      <c r="H152589" s="12"/>
    </row>
    <row r="152590" spans="8:8">
      <c r="H152590" s="12"/>
    </row>
    <row r="152591" spans="8:8">
      <c r="H152591" s="12"/>
    </row>
    <row r="152592" spans="8:8">
      <c r="H152592" s="12"/>
    </row>
    <row r="152593" spans="8:8">
      <c r="H152593" s="12"/>
    </row>
    <row r="152594" spans="8:8">
      <c r="H152594" s="12"/>
    </row>
    <row r="152595" spans="8:8">
      <c r="H152595" s="12"/>
    </row>
    <row r="152596" spans="8:8">
      <c r="H152596" s="12"/>
    </row>
    <row r="152597" spans="8:8">
      <c r="H152597" s="12"/>
    </row>
    <row r="152598" spans="8:8">
      <c r="H152598" s="12"/>
    </row>
    <row r="152599" spans="8:8">
      <c r="H152599" s="12"/>
    </row>
    <row r="152600" spans="8:8">
      <c r="H152600" s="12"/>
    </row>
    <row r="152601" spans="8:8">
      <c r="H152601" s="12"/>
    </row>
    <row r="152602" spans="8:8">
      <c r="H152602" s="12"/>
    </row>
    <row r="152603" spans="8:8">
      <c r="H152603" s="12"/>
    </row>
    <row r="152604" spans="8:8">
      <c r="H152604" s="12"/>
    </row>
    <row r="152605" spans="8:8">
      <c r="H152605" s="12"/>
    </row>
    <row r="152606" spans="8:8">
      <c r="H152606" s="12"/>
    </row>
    <row r="152607" spans="8:8">
      <c r="H152607" s="12"/>
    </row>
    <row r="152608" spans="8:8">
      <c r="H152608" s="12"/>
    </row>
    <row r="152609" spans="8:8">
      <c r="H152609" s="12"/>
    </row>
    <row r="152610" spans="8:8">
      <c r="H152610" s="12"/>
    </row>
    <row r="152611" spans="8:8">
      <c r="H152611" s="12"/>
    </row>
    <row r="152612" spans="8:8">
      <c r="H152612" s="12"/>
    </row>
    <row r="152613" spans="8:8">
      <c r="H152613" s="12"/>
    </row>
    <row r="152614" spans="8:8">
      <c r="H152614" s="12"/>
    </row>
    <row r="152615" spans="8:8">
      <c r="H152615" s="12"/>
    </row>
    <row r="152616" spans="8:8">
      <c r="H152616" s="12"/>
    </row>
    <row r="152617" spans="8:8">
      <c r="H152617" s="12"/>
    </row>
    <row r="152618" spans="8:8">
      <c r="H152618" s="12"/>
    </row>
    <row r="152619" spans="8:8">
      <c r="H152619" s="12"/>
    </row>
    <row r="152620" spans="8:8">
      <c r="H152620" s="12"/>
    </row>
    <row r="152621" spans="8:8">
      <c r="H152621" s="12"/>
    </row>
    <row r="152622" spans="8:8">
      <c r="H152622" s="12"/>
    </row>
    <row r="152623" spans="8:8">
      <c r="H152623" s="12"/>
    </row>
    <row r="152624" spans="8:8">
      <c r="H152624" s="12"/>
    </row>
    <row r="152625" spans="8:8">
      <c r="H152625" s="12"/>
    </row>
    <row r="152626" spans="8:8">
      <c r="H152626" s="12"/>
    </row>
    <row r="152627" spans="8:8">
      <c r="H152627" s="12"/>
    </row>
    <row r="152628" spans="8:8">
      <c r="H152628" s="12"/>
    </row>
    <row r="152629" spans="8:8">
      <c r="H152629" s="12"/>
    </row>
    <row r="152630" spans="8:8">
      <c r="H152630" s="12"/>
    </row>
    <row r="152631" spans="8:8">
      <c r="H152631" s="12"/>
    </row>
    <row r="152632" spans="8:8">
      <c r="H152632" s="12"/>
    </row>
    <row r="152633" spans="8:8">
      <c r="H152633" s="12"/>
    </row>
    <row r="152634" spans="8:8">
      <c r="H152634" s="12"/>
    </row>
    <row r="152635" spans="8:8">
      <c r="H152635" s="12"/>
    </row>
    <row r="152636" spans="8:8">
      <c r="H152636" s="12"/>
    </row>
    <row r="152637" spans="8:8">
      <c r="H152637" s="12"/>
    </row>
    <row r="152638" spans="8:8">
      <c r="H152638" s="12"/>
    </row>
    <row r="152639" spans="8:8">
      <c r="H152639" s="12"/>
    </row>
    <row r="152640" spans="8:8">
      <c r="H152640" s="12"/>
    </row>
    <row r="152641" spans="8:8">
      <c r="H152641" s="12"/>
    </row>
    <row r="152642" spans="8:8">
      <c r="H152642" s="12"/>
    </row>
    <row r="152643" spans="8:8">
      <c r="H152643" s="12"/>
    </row>
    <row r="152644" spans="8:8">
      <c r="H152644" s="12"/>
    </row>
    <row r="152645" spans="8:8">
      <c r="H152645" s="12"/>
    </row>
    <row r="152646" spans="8:8">
      <c r="H152646" s="12"/>
    </row>
    <row r="152647" spans="8:8">
      <c r="H152647" s="12"/>
    </row>
    <row r="152648" spans="8:8">
      <c r="H152648" s="12"/>
    </row>
    <row r="152649" spans="8:8">
      <c r="H152649" s="12"/>
    </row>
    <row r="152650" spans="8:8">
      <c r="H152650" s="12"/>
    </row>
    <row r="152651" spans="8:8">
      <c r="H152651" s="12"/>
    </row>
    <row r="152652" spans="8:8">
      <c r="H152652" s="12"/>
    </row>
    <row r="152653" spans="8:8">
      <c r="H152653" s="12"/>
    </row>
    <row r="152654" spans="8:8">
      <c r="H152654" s="12"/>
    </row>
    <row r="152655" spans="8:8">
      <c r="H152655" s="12"/>
    </row>
    <row r="152656" spans="8:8">
      <c r="H152656" s="12"/>
    </row>
    <row r="152657" spans="8:8">
      <c r="H152657" s="12"/>
    </row>
    <row r="152658" spans="8:8">
      <c r="H152658" s="12"/>
    </row>
    <row r="152659" spans="8:8">
      <c r="H152659" s="12"/>
    </row>
    <row r="152660" spans="8:8">
      <c r="H152660" s="12"/>
    </row>
    <row r="152661" spans="8:8">
      <c r="H152661" s="12"/>
    </row>
    <row r="152662" spans="8:8">
      <c r="H152662" s="12"/>
    </row>
    <row r="152663" spans="8:8">
      <c r="H152663" s="12"/>
    </row>
    <row r="152664" spans="8:8">
      <c r="H152664" s="12"/>
    </row>
    <row r="152665" spans="8:8">
      <c r="H152665" s="12"/>
    </row>
    <row r="152666" spans="8:8">
      <c r="H152666" s="12"/>
    </row>
    <row r="152667" spans="8:8">
      <c r="H152667" s="12"/>
    </row>
    <row r="152668" spans="8:8">
      <c r="H152668" s="12"/>
    </row>
    <row r="152669" spans="8:8">
      <c r="H152669" s="12"/>
    </row>
    <row r="152670" spans="8:8">
      <c r="H152670" s="12"/>
    </row>
    <row r="152671" spans="8:8">
      <c r="H152671" s="12"/>
    </row>
    <row r="152672" spans="8:8">
      <c r="H152672" s="12"/>
    </row>
    <row r="152673" spans="8:8">
      <c r="H152673" s="12"/>
    </row>
    <row r="152674" spans="8:8">
      <c r="H152674" s="12"/>
    </row>
    <row r="152675" spans="8:8">
      <c r="H152675" s="12"/>
    </row>
    <row r="152676" spans="8:8">
      <c r="H152676" s="12"/>
    </row>
    <row r="152677" spans="8:8">
      <c r="H152677" s="12"/>
    </row>
    <row r="152678" spans="8:8">
      <c r="H152678" s="12"/>
    </row>
    <row r="152679" spans="8:8">
      <c r="H152679" s="12"/>
    </row>
    <row r="152680" spans="8:8">
      <c r="H152680" s="12"/>
    </row>
    <row r="152681" spans="8:8">
      <c r="H152681" s="12"/>
    </row>
    <row r="152682" spans="8:8">
      <c r="H152682" s="12"/>
    </row>
    <row r="152683" spans="8:8">
      <c r="H152683" s="12"/>
    </row>
    <row r="152684" spans="8:8">
      <c r="H152684" s="12"/>
    </row>
    <row r="152685" spans="8:8">
      <c r="H152685" s="12"/>
    </row>
    <row r="152686" spans="8:8">
      <c r="H152686" s="12"/>
    </row>
    <row r="152687" spans="8:8">
      <c r="H152687" s="12"/>
    </row>
    <row r="152688" spans="8:8">
      <c r="H152688" s="12"/>
    </row>
    <row r="152689" spans="8:8">
      <c r="H152689" s="12"/>
    </row>
    <row r="152690" spans="8:8">
      <c r="H152690" s="12"/>
    </row>
    <row r="152691" spans="8:8">
      <c r="H152691" s="12"/>
    </row>
    <row r="152692" spans="8:8">
      <c r="H152692" s="12"/>
    </row>
    <row r="152693" spans="8:8">
      <c r="H152693" s="12"/>
    </row>
    <row r="152694" spans="8:8">
      <c r="H152694" s="12"/>
    </row>
    <row r="152695" spans="8:8">
      <c r="H152695" s="12"/>
    </row>
    <row r="152696" spans="8:8">
      <c r="H152696" s="12"/>
    </row>
    <row r="152697" spans="8:8">
      <c r="H152697" s="12"/>
    </row>
    <row r="152698" spans="8:8">
      <c r="H152698" s="12"/>
    </row>
    <row r="152699" spans="8:8">
      <c r="H152699" s="12"/>
    </row>
    <row r="152700" spans="8:8">
      <c r="H152700" s="12"/>
    </row>
    <row r="152701" spans="8:8">
      <c r="H152701" s="12"/>
    </row>
    <row r="152702" spans="8:8">
      <c r="H152702" s="12"/>
    </row>
    <row r="152703" spans="8:8">
      <c r="H152703" s="12"/>
    </row>
    <row r="152704" spans="8:8">
      <c r="H152704" s="12"/>
    </row>
    <row r="152705" spans="8:8">
      <c r="H152705" s="12"/>
    </row>
    <row r="152706" spans="8:8">
      <c r="H152706" s="12"/>
    </row>
    <row r="152707" spans="8:8">
      <c r="H152707" s="12"/>
    </row>
    <row r="152708" spans="8:8">
      <c r="H152708" s="12"/>
    </row>
    <row r="152709" spans="8:8">
      <c r="H152709" s="12"/>
    </row>
    <row r="152710" spans="8:8">
      <c r="H152710" s="12"/>
    </row>
    <row r="152711" spans="8:8">
      <c r="H152711" s="12"/>
    </row>
    <row r="152712" spans="8:8">
      <c r="H152712" s="12"/>
    </row>
    <row r="152713" spans="8:8">
      <c r="H152713" s="12"/>
    </row>
    <row r="152714" spans="8:8">
      <c r="H152714" s="12"/>
    </row>
    <row r="152715" spans="8:8">
      <c r="H152715" s="12"/>
    </row>
    <row r="152716" spans="8:8">
      <c r="H152716" s="12"/>
    </row>
    <row r="152717" spans="8:8">
      <c r="H152717" s="12"/>
    </row>
    <row r="152718" spans="8:8">
      <c r="H152718" s="12"/>
    </row>
    <row r="152719" spans="8:8">
      <c r="H152719" s="12"/>
    </row>
    <row r="152720" spans="8:8">
      <c r="H152720" s="12"/>
    </row>
    <row r="152721" spans="8:8">
      <c r="H152721" s="12"/>
    </row>
    <row r="152722" spans="8:8">
      <c r="H152722" s="12"/>
    </row>
    <row r="152723" spans="8:8">
      <c r="H152723" s="12"/>
    </row>
    <row r="152724" spans="8:8">
      <c r="H152724" s="12"/>
    </row>
    <row r="152725" spans="8:8">
      <c r="H152725" s="12"/>
    </row>
    <row r="152726" spans="8:8">
      <c r="H152726" s="12"/>
    </row>
    <row r="152727" spans="8:8">
      <c r="H152727" s="12"/>
    </row>
    <row r="152728" spans="8:8">
      <c r="H152728" s="12"/>
    </row>
    <row r="152729" spans="8:8">
      <c r="H152729" s="12"/>
    </row>
    <row r="152730" spans="8:8">
      <c r="H152730" s="12"/>
    </row>
    <row r="152731" spans="8:8">
      <c r="H152731" s="12"/>
    </row>
    <row r="152732" spans="8:8">
      <c r="H152732" s="12"/>
    </row>
    <row r="152733" spans="8:8">
      <c r="H152733" s="12"/>
    </row>
    <row r="152734" spans="8:8">
      <c r="H152734" s="12"/>
    </row>
    <row r="152735" spans="8:8">
      <c r="H152735" s="12"/>
    </row>
    <row r="152736" spans="8:8">
      <c r="H152736" s="12"/>
    </row>
    <row r="152737" spans="8:8">
      <c r="H152737" s="12"/>
    </row>
    <row r="152738" spans="8:8">
      <c r="H152738" s="12"/>
    </row>
    <row r="152739" spans="8:8">
      <c r="H152739" s="12"/>
    </row>
    <row r="152740" spans="8:8">
      <c r="H152740" s="12"/>
    </row>
    <row r="152741" spans="8:8">
      <c r="H152741" s="12"/>
    </row>
    <row r="152742" spans="8:8">
      <c r="H152742" s="12"/>
    </row>
    <row r="152743" spans="8:8">
      <c r="H152743" s="12"/>
    </row>
    <row r="152744" spans="8:8">
      <c r="H152744" s="12"/>
    </row>
    <row r="152745" spans="8:8">
      <c r="H152745" s="12"/>
    </row>
    <row r="152746" spans="8:8">
      <c r="H152746" s="12"/>
    </row>
    <row r="152747" spans="8:8">
      <c r="H152747" s="12"/>
    </row>
    <row r="152748" spans="8:8">
      <c r="H152748" s="12"/>
    </row>
    <row r="152749" spans="8:8">
      <c r="H152749" s="12"/>
    </row>
    <row r="152750" spans="8:8">
      <c r="H152750" s="12"/>
    </row>
    <row r="152751" spans="8:8">
      <c r="H152751" s="12"/>
    </row>
    <row r="152752" spans="8:8">
      <c r="H152752" s="12"/>
    </row>
    <row r="152753" spans="8:8">
      <c r="H152753" s="12"/>
    </row>
    <row r="152754" spans="8:8">
      <c r="H152754" s="12"/>
    </row>
    <row r="152755" spans="8:8">
      <c r="H152755" s="12"/>
    </row>
    <row r="152756" spans="8:8">
      <c r="H152756" s="12"/>
    </row>
    <row r="152757" spans="8:8">
      <c r="H152757" s="12"/>
    </row>
    <row r="152758" spans="8:8">
      <c r="H152758" s="12"/>
    </row>
    <row r="152759" spans="8:8">
      <c r="H152759" s="12"/>
    </row>
    <row r="152760" spans="8:8">
      <c r="H152760" s="12"/>
    </row>
    <row r="152761" spans="8:8">
      <c r="H152761" s="12"/>
    </row>
    <row r="152762" spans="8:8">
      <c r="H152762" s="12"/>
    </row>
    <row r="152763" spans="8:8">
      <c r="H152763" s="12"/>
    </row>
    <row r="152764" spans="8:8">
      <c r="H152764" s="12"/>
    </row>
    <row r="152765" spans="8:8">
      <c r="H152765" s="12"/>
    </row>
    <row r="152766" spans="8:8">
      <c r="H152766" s="12"/>
    </row>
    <row r="152767" spans="8:8">
      <c r="H152767" s="12"/>
    </row>
    <row r="152768" spans="8:8">
      <c r="H152768" s="12"/>
    </row>
    <row r="152769" spans="8:8">
      <c r="H152769" s="12"/>
    </row>
    <row r="152770" spans="8:8">
      <c r="H152770" s="12"/>
    </row>
    <row r="152771" spans="8:8">
      <c r="H152771" s="12"/>
    </row>
    <row r="152772" spans="8:8">
      <c r="H152772" s="12"/>
    </row>
    <row r="152773" spans="8:8">
      <c r="H152773" s="12"/>
    </row>
    <row r="152774" spans="8:8">
      <c r="H152774" s="12"/>
    </row>
    <row r="152775" spans="8:8">
      <c r="H152775" s="12"/>
    </row>
    <row r="152776" spans="8:8">
      <c r="H152776" s="12"/>
    </row>
    <row r="152777" spans="8:8">
      <c r="H152777" s="12"/>
    </row>
    <row r="152778" spans="8:8">
      <c r="H152778" s="12"/>
    </row>
    <row r="152779" spans="8:8">
      <c r="H152779" s="12"/>
    </row>
    <row r="152780" spans="8:8">
      <c r="H152780" s="12"/>
    </row>
    <row r="152781" spans="8:8">
      <c r="H152781" s="12"/>
    </row>
    <row r="152782" spans="8:8">
      <c r="H152782" s="12"/>
    </row>
    <row r="152783" spans="8:8">
      <c r="H152783" s="12"/>
    </row>
    <row r="152784" spans="8:8">
      <c r="H152784" s="12"/>
    </row>
    <row r="152785" spans="8:8">
      <c r="H152785" s="12"/>
    </row>
    <row r="152786" spans="8:8">
      <c r="H152786" s="12"/>
    </row>
    <row r="152787" spans="8:8">
      <c r="H152787" s="12"/>
    </row>
    <row r="152788" spans="8:8">
      <c r="H152788" s="12"/>
    </row>
    <row r="152789" spans="8:8">
      <c r="H152789" s="12"/>
    </row>
    <row r="152790" spans="8:8">
      <c r="H152790" s="12"/>
    </row>
    <row r="152791" spans="8:8">
      <c r="H152791" s="12"/>
    </row>
    <row r="152792" spans="8:8">
      <c r="H152792" s="12"/>
    </row>
    <row r="152793" spans="8:8">
      <c r="H152793" s="12"/>
    </row>
    <row r="152794" spans="8:8">
      <c r="H152794" s="12"/>
    </row>
    <row r="152795" spans="8:8">
      <c r="H152795" s="12"/>
    </row>
    <row r="152796" spans="8:8">
      <c r="H152796" s="12"/>
    </row>
    <row r="152797" spans="8:8">
      <c r="H152797" s="12"/>
    </row>
    <row r="152798" spans="8:8">
      <c r="H152798" s="12"/>
    </row>
    <row r="152799" spans="8:8">
      <c r="H152799" s="12"/>
    </row>
    <row r="152800" spans="8:8">
      <c r="H152800" s="12"/>
    </row>
    <row r="152801" spans="8:8">
      <c r="H152801" s="12"/>
    </row>
    <row r="152802" spans="8:8">
      <c r="H152802" s="12"/>
    </row>
    <row r="152803" spans="8:8">
      <c r="H152803" s="12"/>
    </row>
    <row r="152804" spans="8:8">
      <c r="H152804" s="12"/>
    </row>
    <row r="152805" spans="8:8">
      <c r="H152805" s="12"/>
    </row>
    <row r="152806" spans="8:8">
      <c r="H152806" s="12"/>
    </row>
    <row r="152807" spans="8:8">
      <c r="H152807" s="12"/>
    </row>
    <row r="152808" spans="8:8">
      <c r="H152808" s="12"/>
    </row>
    <row r="152809" spans="8:8">
      <c r="H152809" s="12"/>
    </row>
    <row r="152810" spans="8:8">
      <c r="H152810" s="12"/>
    </row>
    <row r="152811" spans="8:8">
      <c r="H152811" s="12"/>
    </row>
    <row r="152812" spans="8:8">
      <c r="H152812" s="12"/>
    </row>
    <row r="152813" spans="8:8">
      <c r="H152813" s="12"/>
    </row>
    <row r="152814" spans="8:8">
      <c r="H152814" s="12"/>
    </row>
    <row r="152815" spans="8:8">
      <c r="H152815" s="12"/>
    </row>
    <row r="152816" spans="8:8">
      <c r="H152816" s="12"/>
    </row>
    <row r="152817" spans="8:8">
      <c r="H152817" s="12"/>
    </row>
    <row r="152818" spans="8:8">
      <c r="H152818" s="12"/>
    </row>
    <row r="152819" spans="8:8">
      <c r="H152819" s="12"/>
    </row>
    <row r="152820" spans="8:8">
      <c r="H152820" s="12"/>
    </row>
    <row r="152821" spans="8:8">
      <c r="H152821" s="12"/>
    </row>
    <row r="152822" spans="8:8">
      <c r="H152822" s="12"/>
    </row>
    <row r="152823" spans="8:8">
      <c r="H152823" s="12"/>
    </row>
    <row r="152824" spans="8:8">
      <c r="H152824" s="12"/>
    </row>
    <row r="152825" spans="8:8">
      <c r="H152825" s="12"/>
    </row>
    <row r="152826" spans="8:8">
      <c r="H152826" s="12"/>
    </row>
    <row r="152827" spans="8:8">
      <c r="H152827" s="12"/>
    </row>
    <row r="152828" spans="8:8">
      <c r="H152828" s="12"/>
    </row>
    <row r="152829" spans="8:8">
      <c r="H152829" s="12"/>
    </row>
    <row r="152830" spans="8:8">
      <c r="H152830" s="12"/>
    </row>
    <row r="152831" spans="8:8">
      <c r="H152831" s="12"/>
    </row>
    <row r="152832" spans="8:8">
      <c r="H152832" s="12"/>
    </row>
    <row r="152833" spans="8:8">
      <c r="H152833" s="12"/>
    </row>
    <row r="152834" spans="8:8">
      <c r="H152834" s="12"/>
    </row>
    <row r="152835" spans="8:8">
      <c r="H152835" s="12"/>
    </row>
    <row r="152836" spans="8:8">
      <c r="H152836" s="12"/>
    </row>
    <row r="152837" spans="8:8">
      <c r="H152837" s="12"/>
    </row>
    <row r="152838" spans="8:8">
      <c r="H152838" s="12"/>
    </row>
    <row r="152839" spans="8:8">
      <c r="H152839" s="12"/>
    </row>
    <row r="152840" spans="8:8">
      <c r="H152840" s="12"/>
    </row>
    <row r="152841" spans="8:8">
      <c r="H152841" s="12"/>
    </row>
    <row r="152842" spans="8:8">
      <c r="H152842" s="12"/>
    </row>
    <row r="152843" spans="8:8">
      <c r="H152843" s="12"/>
    </row>
    <row r="152844" spans="8:8">
      <c r="H152844" s="12"/>
    </row>
    <row r="152845" spans="8:8">
      <c r="H152845" s="12"/>
    </row>
    <row r="152846" spans="8:8">
      <c r="H152846" s="12"/>
    </row>
    <row r="152847" spans="8:8">
      <c r="H152847" s="12"/>
    </row>
    <row r="152848" spans="8:8">
      <c r="H152848" s="12"/>
    </row>
    <row r="152849" spans="8:8">
      <c r="H152849" s="12"/>
    </row>
    <row r="152850" spans="8:8">
      <c r="H152850" s="12"/>
    </row>
    <row r="152851" spans="8:8">
      <c r="H152851" s="12"/>
    </row>
    <row r="152852" spans="8:8">
      <c r="H152852" s="12"/>
    </row>
    <row r="152853" spans="8:8">
      <c r="H152853" s="12"/>
    </row>
    <row r="152854" spans="8:8">
      <c r="H152854" s="12"/>
    </row>
    <row r="152855" spans="8:8">
      <c r="H152855" s="12"/>
    </row>
    <row r="152856" spans="8:8">
      <c r="H152856" s="12"/>
    </row>
    <row r="152857" spans="8:8">
      <c r="H152857" s="12"/>
    </row>
    <row r="152858" spans="8:8">
      <c r="H152858" s="12"/>
    </row>
    <row r="152859" spans="8:8">
      <c r="H152859" s="12"/>
    </row>
    <row r="152860" spans="8:8">
      <c r="H152860" s="12"/>
    </row>
    <row r="152861" spans="8:8">
      <c r="H152861" s="12"/>
    </row>
    <row r="152862" spans="8:8">
      <c r="H152862" s="12"/>
    </row>
    <row r="152863" spans="8:8">
      <c r="H152863" s="12"/>
    </row>
    <row r="152864" spans="8:8">
      <c r="H152864" s="12"/>
    </row>
    <row r="152865" spans="8:8">
      <c r="H152865" s="12"/>
    </row>
    <row r="152866" spans="8:8">
      <c r="H152866" s="12"/>
    </row>
    <row r="152867" spans="8:8">
      <c r="H152867" s="12"/>
    </row>
    <row r="152868" spans="8:8">
      <c r="H152868" s="12"/>
    </row>
    <row r="152869" spans="8:8">
      <c r="H152869" s="12"/>
    </row>
    <row r="152870" spans="8:8">
      <c r="H152870" s="12"/>
    </row>
    <row r="152871" spans="8:8">
      <c r="H152871" s="12"/>
    </row>
    <row r="152872" spans="8:8">
      <c r="H152872" s="12"/>
    </row>
    <row r="152873" spans="8:8">
      <c r="H152873" s="12"/>
    </row>
    <row r="152874" spans="8:8">
      <c r="H152874" s="12"/>
    </row>
    <row r="152875" spans="8:8">
      <c r="H152875" s="12"/>
    </row>
    <row r="152876" spans="8:8">
      <c r="H152876" s="12"/>
    </row>
    <row r="152877" spans="8:8">
      <c r="H152877" s="12"/>
    </row>
    <row r="152878" spans="8:8">
      <c r="H152878" s="12"/>
    </row>
    <row r="152879" spans="8:8">
      <c r="H152879" s="12"/>
    </row>
    <row r="152880" spans="8:8">
      <c r="H152880" s="12"/>
    </row>
    <row r="152881" spans="8:8">
      <c r="H152881" s="12"/>
    </row>
    <row r="152882" spans="8:8">
      <c r="H152882" s="12"/>
    </row>
    <row r="152883" spans="8:8">
      <c r="H152883" s="12"/>
    </row>
    <row r="152884" spans="8:8">
      <c r="H152884" s="12"/>
    </row>
    <row r="152885" spans="8:8">
      <c r="H152885" s="12"/>
    </row>
    <row r="152886" spans="8:8">
      <c r="H152886" s="12"/>
    </row>
    <row r="152887" spans="8:8">
      <c r="H152887" s="12"/>
    </row>
    <row r="152888" spans="8:8">
      <c r="H152888" s="12"/>
    </row>
    <row r="152889" spans="8:8">
      <c r="H152889" s="12"/>
    </row>
    <row r="152890" spans="8:8">
      <c r="H152890" s="12"/>
    </row>
    <row r="152891" spans="8:8">
      <c r="H152891" s="12"/>
    </row>
    <row r="152892" spans="8:8">
      <c r="H152892" s="12"/>
    </row>
    <row r="152893" spans="8:8">
      <c r="H152893" s="12"/>
    </row>
    <row r="152894" spans="8:8">
      <c r="H152894" s="12"/>
    </row>
    <row r="152895" spans="8:8">
      <c r="H152895" s="12"/>
    </row>
    <row r="152896" spans="8:8">
      <c r="H152896" s="12"/>
    </row>
    <row r="152897" spans="8:8">
      <c r="H152897" s="12"/>
    </row>
    <row r="152898" spans="8:8">
      <c r="H152898" s="12"/>
    </row>
    <row r="152899" spans="8:8">
      <c r="H152899" s="12"/>
    </row>
    <row r="152900" spans="8:8">
      <c r="H152900" s="12"/>
    </row>
    <row r="152901" spans="8:8">
      <c r="H152901" s="12"/>
    </row>
    <row r="152902" spans="8:8">
      <c r="H152902" s="12"/>
    </row>
    <row r="152903" spans="8:8">
      <c r="H152903" s="12"/>
    </row>
    <row r="152904" spans="8:8">
      <c r="H152904" s="12"/>
    </row>
    <row r="152905" spans="8:8">
      <c r="H152905" s="12"/>
    </row>
    <row r="152906" spans="8:8">
      <c r="H152906" s="12"/>
    </row>
    <row r="152907" spans="8:8">
      <c r="H152907" s="12"/>
    </row>
    <row r="152908" spans="8:8">
      <c r="H152908" s="12"/>
    </row>
    <row r="152909" spans="8:8">
      <c r="H152909" s="12"/>
    </row>
    <row r="152910" spans="8:8">
      <c r="H152910" s="12"/>
    </row>
    <row r="152911" spans="8:8">
      <c r="H152911" s="12"/>
    </row>
    <row r="152912" spans="8:8">
      <c r="H152912" s="12"/>
    </row>
    <row r="152913" spans="8:8">
      <c r="H152913" s="12"/>
    </row>
    <row r="152914" spans="8:8">
      <c r="H152914" s="12"/>
    </row>
    <row r="152915" spans="8:8">
      <c r="H152915" s="12"/>
    </row>
    <row r="152916" spans="8:8">
      <c r="H152916" s="12"/>
    </row>
    <row r="152917" spans="8:8">
      <c r="H152917" s="12"/>
    </row>
    <row r="152918" spans="8:8">
      <c r="H152918" s="12"/>
    </row>
    <row r="152919" spans="8:8">
      <c r="H152919" s="12"/>
    </row>
    <row r="152920" spans="8:8">
      <c r="H152920" s="12"/>
    </row>
    <row r="152921" spans="8:8">
      <c r="H152921" s="12"/>
    </row>
    <row r="152922" spans="8:8">
      <c r="H152922" s="12"/>
    </row>
    <row r="152923" spans="8:8">
      <c r="H152923" s="12"/>
    </row>
    <row r="152924" spans="8:8">
      <c r="H152924" s="12"/>
    </row>
    <row r="152925" spans="8:8">
      <c r="H152925" s="12"/>
    </row>
    <row r="152926" spans="8:8">
      <c r="H152926" s="12"/>
    </row>
    <row r="152927" spans="8:8">
      <c r="H152927" s="12"/>
    </row>
    <row r="152928" spans="8:8">
      <c r="H152928" s="12"/>
    </row>
    <row r="152929" spans="8:8">
      <c r="H152929" s="12"/>
    </row>
    <row r="152930" spans="8:8">
      <c r="H152930" s="12"/>
    </row>
    <row r="152931" spans="8:8">
      <c r="H152931" s="12"/>
    </row>
    <row r="152932" spans="8:8">
      <c r="H152932" s="12"/>
    </row>
    <row r="152933" spans="8:8">
      <c r="H152933" s="12"/>
    </row>
    <row r="152934" spans="8:8">
      <c r="H152934" s="12"/>
    </row>
    <row r="152935" spans="8:8">
      <c r="H152935" s="12"/>
    </row>
    <row r="152936" spans="8:8">
      <c r="H152936" s="12"/>
    </row>
    <row r="152937" spans="8:8">
      <c r="H152937" s="12"/>
    </row>
    <row r="152938" spans="8:8">
      <c r="H152938" s="12"/>
    </row>
    <row r="152939" spans="8:8">
      <c r="H152939" s="12"/>
    </row>
    <row r="152940" spans="8:8">
      <c r="H152940" s="12"/>
    </row>
    <row r="152941" spans="8:8">
      <c r="H152941" s="12"/>
    </row>
    <row r="152942" spans="8:8">
      <c r="H152942" s="12"/>
    </row>
    <row r="152943" spans="8:8">
      <c r="H152943" s="12"/>
    </row>
    <row r="152944" spans="8:8">
      <c r="H152944" s="12"/>
    </row>
    <row r="152945" spans="8:8">
      <c r="H152945" s="12"/>
    </row>
    <row r="152946" spans="8:8">
      <c r="H152946" s="12"/>
    </row>
    <row r="152947" spans="8:8">
      <c r="H152947" s="12"/>
    </row>
    <row r="152948" spans="8:8">
      <c r="H152948" s="12"/>
    </row>
    <row r="152949" spans="8:8">
      <c r="H152949" s="12"/>
    </row>
    <row r="152950" spans="8:8">
      <c r="H152950" s="12"/>
    </row>
    <row r="152951" spans="8:8">
      <c r="H152951" s="12"/>
    </row>
    <row r="152952" spans="8:8">
      <c r="H152952" s="12"/>
    </row>
    <row r="152953" spans="8:8">
      <c r="H152953" s="12"/>
    </row>
    <row r="152954" spans="8:8">
      <c r="H152954" s="12"/>
    </row>
    <row r="152955" spans="8:8">
      <c r="H152955" s="12"/>
    </row>
    <row r="152956" spans="8:8">
      <c r="H152956" s="12"/>
    </row>
    <row r="152957" spans="8:8">
      <c r="H152957" s="12"/>
    </row>
    <row r="152958" spans="8:8">
      <c r="H152958" s="12"/>
    </row>
    <row r="152959" spans="8:8">
      <c r="H152959" s="12"/>
    </row>
    <row r="152960" spans="8:8">
      <c r="H152960" s="12"/>
    </row>
    <row r="152961" spans="8:8">
      <c r="H152961" s="12"/>
    </row>
    <row r="152962" spans="8:8">
      <c r="H152962" s="12"/>
    </row>
    <row r="152963" spans="8:8">
      <c r="H152963" s="12"/>
    </row>
    <row r="152964" spans="8:8">
      <c r="H152964" s="12"/>
    </row>
    <row r="152965" spans="8:8">
      <c r="H152965" s="12"/>
    </row>
    <row r="152966" spans="8:8">
      <c r="H152966" s="12"/>
    </row>
    <row r="152967" spans="8:8">
      <c r="H152967" s="12"/>
    </row>
    <row r="152968" spans="8:8">
      <c r="H152968" s="12"/>
    </row>
    <row r="152969" spans="8:8">
      <c r="H152969" s="12"/>
    </row>
    <row r="152970" spans="8:8">
      <c r="H152970" s="12"/>
    </row>
    <row r="152971" spans="8:8">
      <c r="H152971" s="12"/>
    </row>
    <row r="152972" spans="8:8">
      <c r="H152972" s="12"/>
    </row>
    <row r="152973" spans="8:8">
      <c r="H152973" s="12"/>
    </row>
    <row r="152974" spans="8:8">
      <c r="H152974" s="12"/>
    </row>
    <row r="152975" spans="8:8">
      <c r="H152975" s="12"/>
    </row>
    <row r="152976" spans="8:8">
      <c r="H152976" s="12"/>
    </row>
    <row r="152977" spans="8:8">
      <c r="H152977" s="12"/>
    </row>
    <row r="152978" spans="8:8">
      <c r="H152978" s="12"/>
    </row>
    <row r="152979" spans="8:8">
      <c r="H152979" s="12"/>
    </row>
    <row r="152980" spans="8:8">
      <c r="H152980" s="12"/>
    </row>
    <row r="152981" spans="8:8">
      <c r="H152981" s="12"/>
    </row>
    <row r="152982" spans="8:8">
      <c r="H152982" s="12"/>
    </row>
    <row r="152983" spans="8:8">
      <c r="H152983" s="12"/>
    </row>
    <row r="152984" spans="8:8">
      <c r="H152984" s="12"/>
    </row>
    <row r="152985" spans="8:8">
      <c r="H152985" s="12"/>
    </row>
    <row r="152986" spans="8:8">
      <c r="H152986" s="12"/>
    </row>
    <row r="152987" spans="8:8">
      <c r="H152987" s="12"/>
    </row>
    <row r="152988" spans="8:8">
      <c r="H152988" s="12"/>
    </row>
    <row r="152989" spans="8:8">
      <c r="H152989" s="12"/>
    </row>
    <row r="152990" spans="8:8">
      <c r="H152990" s="12"/>
    </row>
    <row r="152991" spans="8:8">
      <c r="H152991" s="12"/>
    </row>
    <row r="152992" spans="8:8">
      <c r="H152992" s="12"/>
    </row>
    <row r="152993" spans="8:8">
      <c r="H152993" s="12"/>
    </row>
    <row r="152994" spans="8:8">
      <c r="H152994" s="12"/>
    </row>
    <row r="152995" spans="8:8">
      <c r="H152995" s="12"/>
    </row>
    <row r="152996" spans="8:8">
      <c r="H152996" s="12"/>
    </row>
    <row r="152997" spans="8:8">
      <c r="H152997" s="12"/>
    </row>
    <row r="152998" spans="8:8">
      <c r="H152998" s="12"/>
    </row>
    <row r="152999" spans="8:8">
      <c r="H152999" s="12"/>
    </row>
    <row r="153000" spans="8:8">
      <c r="H153000" s="12"/>
    </row>
    <row r="153001" spans="8:8">
      <c r="H153001" s="12"/>
    </row>
    <row r="153002" spans="8:8">
      <c r="H153002" s="12"/>
    </row>
    <row r="153003" spans="8:8">
      <c r="H153003" s="12"/>
    </row>
    <row r="153004" spans="8:8">
      <c r="H153004" s="12"/>
    </row>
    <row r="153005" spans="8:8">
      <c r="H153005" s="12"/>
    </row>
    <row r="153006" spans="8:8">
      <c r="H153006" s="12"/>
    </row>
    <row r="153007" spans="8:8">
      <c r="H153007" s="12"/>
    </row>
    <row r="153008" spans="8:8">
      <c r="H153008" s="12"/>
    </row>
    <row r="153009" spans="8:8">
      <c r="H153009" s="12"/>
    </row>
    <row r="153010" spans="8:8">
      <c r="H153010" s="12"/>
    </row>
    <row r="153011" spans="8:8">
      <c r="H153011" s="12"/>
    </row>
    <row r="153012" spans="8:8">
      <c r="H153012" s="12"/>
    </row>
    <row r="153013" spans="8:8">
      <c r="H153013" s="12"/>
    </row>
    <row r="153014" spans="8:8">
      <c r="H153014" s="12"/>
    </row>
    <row r="153015" spans="8:8">
      <c r="H153015" s="12"/>
    </row>
    <row r="153016" spans="8:8">
      <c r="H153016" s="12"/>
    </row>
    <row r="153017" spans="8:8">
      <c r="H153017" s="12"/>
    </row>
    <row r="153018" spans="8:8">
      <c r="H153018" s="12"/>
    </row>
    <row r="153019" spans="8:8">
      <c r="H153019" s="12"/>
    </row>
    <row r="153020" spans="8:8">
      <c r="H153020" s="12"/>
    </row>
    <row r="153021" spans="8:8">
      <c r="H153021" s="12"/>
    </row>
    <row r="153022" spans="8:8">
      <c r="H153022" s="12"/>
    </row>
    <row r="153023" spans="8:8">
      <c r="H153023" s="12"/>
    </row>
    <row r="153024" spans="8:8">
      <c r="H153024" s="12"/>
    </row>
    <row r="153025" spans="8:8">
      <c r="H153025" s="12"/>
    </row>
    <row r="153026" spans="8:8">
      <c r="H153026" s="12"/>
    </row>
    <row r="153027" spans="8:8">
      <c r="H153027" s="12"/>
    </row>
    <row r="153028" spans="8:8">
      <c r="H153028" s="12"/>
    </row>
    <row r="153029" spans="8:8">
      <c r="H153029" s="12"/>
    </row>
    <row r="153030" spans="8:8">
      <c r="H153030" s="12"/>
    </row>
    <row r="153031" spans="8:8">
      <c r="H153031" s="12"/>
    </row>
    <row r="153032" spans="8:8">
      <c r="H153032" s="12"/>
    </row>
    <row r="153033" spans="8:8">
      <c r="H153033" s="12"/>
    </row>
    <row r="153034" spans="8:8">
      <c r="H153034" s="12"/>
    </row>
    <row r="153035" spans="8:8">
      <c r="H153035" s="12"/>
    </row>
    <row r="153036" spans="8:8">
      <c r="H153036" s="12"/>
    </row>
    <row r="153037" spans="8:8">
      <c r="H153037" s="12"/>
    </row>
    <row r="153038" spans="8:8">
      <c r="H153038" s="12"/>
    </row>
    <row r="153039" spans="8:8">
      <c r="H153039" s="12"/>
    </row>
    <row r="153040" spans="8:8">
      <c r="H153040" s="12"/>
    </row>
    <row r="153041" spans="8:8">
      <c r="H153041" s="12"/>
    </row>
    <row r="153042" spans="8:8">
      <c r="H153042" s="12"/>
    </row>
    <row r="153043" spans="8:8">
      <c r="H153043" s="12"/>
    </row>
    <row r="153044" spans="8:8">
      <c r="H153044" s="12"/>
    </row>
    <row r="153045" spans="8:8">
      <c r="H153045" s="12"/>
    </row>
    <row r="153046" spans="8:8">
      <c r="H153046" s="12"/>
    </row>
    <row r="153047" spans="8:8">
      <c r="H153047" s="12"/>
    </row>
    <row r="153048" spans="8:8">
      <c r="H153048" s="12"/>
    </row>
    <row r="153049" spans="8:8">
      <c r="H153049" s="12"/>
    </row>
    <row r="153050" spans="8:8">
      <c r="H153050" s="12"/>
    </row>
    <row r="153051" spans="8:8">
      <c r="H153051" s="12"/>
    </row>
    <row r="153052" spans="8:8">
      <c r="H153052" s="12"/>
    </row>
    <row r="153053" spans="8:8">
      <c r="H153053" s="12"/>
    </row>
    <row r="153054" spans="8:8">
      <c r="H153054" s="12"/>
    </row>
    <row r="153055" spans="8:8">
      <c r="H153055" s="12"/>
    </row>
    <row r="153056" spans="8:8">
      <c r="H153056" s="12"/>
    </row>
    <row r="153057" spans="8:8">
      <c r="H153057" s="12"/>
    </row>
    <row r="153058" spans="8:8">
      <c r="H153058" s="12"/>
    </row>
    <row r="153059" spans="8:8">
      <c r="H153059" s="12"/>
    </row>
    <row r="153060" spans="8:8">
      <c r="H153060" s="12"/>
    </row>
    <row r="153061" spans="8:8">
      <c r="H153061" s="12"/>
    </row>
    <row r="153062" spans="8:8">
      <c r="H153062" s="12"/>
    </row>
    <row r="153063" spans="8:8">
      <c r="H153063" s="12"/>
    </row>
    <row r="153064" spans="8:8">
      <c r="H153064" s="12"/>
    </row>
    <row r="153065" spans="8:8">
      <c r="H153065" s="12"/>
    </row>
    <row r="153066" spans="8:8">
      <c r="H153066" s="12"/>
    </row>
    <row r="153067" spans="8:8">
      <c r="H153067" s="12"/>
    </row>
    <row r="153068" spans="8:8">
      <c r="H153068" s="12"/>
    </row>
    <row r="153069" spans="8:8">
      <c r="H153069" s="12"/>
    </row>
    <row r="153070" spans="8:8">
      <c r="H153070" s="12"/>
    </row>
    <row r="153071" spans="8:8">
      <c r="H153071" s="12"/>
    </row>
    <row r="153072" spans="8:8">
      <c r="H153072" s="12"/>
    </row>
    <row r="153073" spans="8:8">
      <c r="H153073" s="12"/>
    </row>
    <row r="153074" spans="8:8">
      <c r="H153074" s="12"/>
    </row>
    <row r="153075" spans="8:8">
      <c r="H153075" s="12"/>
    </row>
    <row r="153076" spans="8:8">
      <c r="H153076" s="12"/>
    </row>
    <row r="153077" spans="8:8">
      <c r="H153077" s="12"/>
    </row>
    <row r="153078" spans="8:8">
      <c r="H153078" s="12"/>
    </row>
    <row r="153079" spans="8:8">
      <c r="H153079" s="12"/>
    </row>
    <row r="153080" spans="8:8">
      <c r="H153080" s="12"/>
    </row>
    <row r="153081" spans="8:8">
      <c r="H153081" s="12"/>
    </row>
    <row r="153082" spans="8:8">
      <c r="H153082" s="12"/>
    </row>
    <row r="153083" spans="8:8">
      <c r="H153083" s="12"/>
    </row>
    <row r="153084" spans="8:8">
      <c r="H153084" s="12"/>
    </row>
    <row r="153085" spans="8:8">
      <c r="H153085" s="12"/>
    </row>
    <row r="153086" spans="8:8">
      <c r="H153086" s="12"/>
    </row>
    <row r="153087" spans="8:8">
      <c r="H153087" s="12"/>
    </row>
    <row r="153088" spans="8:8">
      <c r="H153088" s="12"/>
    </row>
    <row r="153089" spans="8:8">
      <c r="H153089" s="12"/>
    </row>
    <row r="153090" spans="8:8">
      <c r="H153090" s="12"/>
    </row>
    <row r="153091" spans="8:8">
      <c r="H153091" s="12"/>
    </row>
    <row r="153092" spans="8:8">
      <c r="H153092" s="12"/>
    </row>
    <row r="153093" spans="8:8">
      <c r="H153093" s="12"/>
    </row>
    <row r="153094" spans="8:8">
      <c r="H153094" s="12"/>
    </row>
    <row r="153095" spans="8:8">
      <c r="H153095" s="12"/>
    </row>
    <row r="153096" spans="8:8">
      <c r="H153096" s="12"/>
    </row>
    <row r="153097" spans="8:8">
      <c r="H153097" s="12"/>
    </row>
    <row r="153098" spans="8:8">
      <c r="H153098" s="12"/>
    </row>
    <row r="153099" spans="8:8">
      <c r="H153099" s="12"/>
    </row>
    <row r="153100" spans="8:8">
      <c r="H153100" s="12"/>
    </row>
    <row r="153101" spans="8:8">
      <c r="H153101" s="12"/>
    </row>
    <row r="153102" spans="8:8">
      <c r="H153102" s="12"/>
    </row>
    <row r="153103" spans="8:8">
      <c r="H153103" s="12"/>
    </row>
    <row r="153104" spans="8:8">
      <c r="H153104" s="12"/>
    </row>
    <row r="153105" spans="8:8">
      <c r="H153105" s="12"/>
    </row>
    <row r="153106" spans="8:8">
      <c r="H153106" s="12"/>
    </row>
    <row r="153107" spans="8:8">
      <c r="H153107" s="12"/>
    </row>
    <row r="153108" spans="8:8">
      <c r="H153108" s="12"/>
    </row>
    <row r="153109" spans="8:8">
      <c r="H153109" s="12"/>
    </row>
    <row r="153110" spans="8:8">
      <c r="H153110" s="12"/>
    </row>
    <row r="153111" spans="8:8">
      <c r="H153111" s="12"/>
    </row>
    <row r="153112" spans="8:8">
      <c r="H153112" s="12"/>
    </row>
    <row r="153113" spans="8:8">
      <c r="H153113" s="12"/>
    </row>
    <row r="153114" spans="8:8">
      <c r="H153114" s="12"/>
    </row>
    <row r="153115" spans="8:8">
      <c r="H153115" s="12"/>
    </row>
    <row r="153116" spans="8:8">
      <c r="H153116" s="12"/>
    </row>
    <row r="153117" spans="8:8">
      <c r="H153117" s="12"/>
    </row>
    <row r="153118" spans="8:8">
      <c r="H153118" s="12"/>
    </row>
    <row r="153119" spans="8:8">
      <c r="H153119" s="12"/>
    </row>
    <row r="153120" spans="8:8">
      <c r="H153120" s="12"/>
    </row>
    <row r="153121" spans="8:8">
      <c r="H153121" s="12"/>
    </row>
    <row r="153122" spans="8:8">
      <c r="H153122" s="12"/>
    </row>
    <row r="153123" spans="8:8">
      <c r="H153123" s="12"/>
    </row>
    <row r="153124" spans="8:8">
      <c r="H153124" s="12"/>
    </row>
    <row r="153125" spans="8:8">
      <c r="H153125" s="12"/>
    </row>
    <row r="153126" spans="8:8">
      <c r="H153126" s="12"/>
    </row>
    <row r="153127" spans="8:8">
      <c r="H153127" s="12"/>
    </row>
    <row r="153128" spans="8:8">
      <c r="H153128" s="12"/>
    </row>
    <row r="153129" spans="8:8">
      <c r="H153129" s="12"/>
    </row>
    <row r="153130" spans="8:8">
      <c r="H153130" s="12"/>
    </row>
    <row r="153131" spans="8:8">
      <c r="H153131" s="12"/>
    </row>
    <row r="153132" spans="8:8">
      <c r="H153132" s="12"/>
    </row>
    <row r="153133" spans="8:8">
      <c r="H153133" s="12"/>
    </row>
    <row r="153134" spans="8:8">
      <c r="H153134" s="12"/>
    </row>
    <row r="153135" spans="8:8">
      <c r="H153135" s="12"/>
    </row>
    <row r="153136" spans="8:8">
      <c r="H153136" s="12"/>
    </row>
    <row r="153137" spans="8:8">
      <c r="H153137" s="12"/>
    </row>
    <row r="153138" spans="8:8">
      <c r="H153138" s="12"/>
    </row>
    <row r="153139" spans="8:8">
      <c r="H153139" s="12"/>
    </row>
    <row r="153140" spans="8:8">
      <c r="H153140" s="12"/>
    </row>
    <row r="153141" spans="8:8">
      <c r="H153141" s="12"/>
    </row>
    <row r="153142" spans="8:8">
      <c r="H153142" s="12"/>
    </row>
    <row r="153143" spans="8:8">
      <c r="H153143" s="12"/>
    </row>
    <row r="153144" spans="8:8">
      <c r="H153144" s="12"/>
    </row>
    <row r="153145" spans="8:8">
      <c r="H153145" s="12"/>
    </row>
    <row r="153146" spans="8:8">
      <c r="H153146" s="12"/>
    </row>
    <row r="153147" spans="8:8">
      <c r="H153147" s="12"/>
    </row>
    <row r="153148" spans="8:8">
      <c r="H153148" s="12"/>
    </row>
    <row r="153149" spans="8:8">
      <c r="H153149" s="12"/>
    </row>
    <row r="153150" spans="8:8">
      <c r="H153150" s="12"/>
    </row>
    <row r="153151" spans="8:8">
      <c r="H153151" s="12"/>
    </row>
    <row r="153152" spans="8:8">
      <c r="H153152" s="12"/>
    </row>
    <row r="153153" spans="8:8">
      <c r="H153153" s="12"/>
    </row>
    <row r="153154" spans="8:8">
      <c r="H153154" s="12"/>
    </row>
    <row r="153155" spans="8:8">
      <c r="H153155" s="12"/>
    </row>
    <row r="153156" spans="8:8">
      <c r="H153156" s="12"/>
    </row>
    <row r="153157" spans="8:8">
      <c r="H153157" s="12"/>
    </row>
    <row r="153158" spans="8:8">
      <c r="H153158" s="12"/>
    </row>
    <row r="153159" spans="8:8">
      <c r="H153159" s="12"/>
    </row>
    <row r="153160" spans="8:8">
      <c r="H153160" s="12"/>
    </row>
    <row r="153161" spans="8:8">
      <c r="H153161" s="12"/>
    </row>
    <row r="153162" spans="8:8">
      <c r="H153162" s="12"/>
    </row>
    <row r="153163" spans="8:8">
      <c r="H153163" s="12"/>
    </row>
    <row r="153164" spans="8:8">
      <c r="H153164" s="12"/>
    </row>
    <row r="153165" spans="8:8">
      <c r="H153165" s="12"/>
    </row>
    <row r="153166" spans="8:8">
      <c r="H153166" s="12"/>
    </row>
    <row r="153167" spans="8:8">
      <c r="H153167" s="12"/>
    </row>
    <row r="153168" spans="8:8">
      <c r="H153168" s="12"/>
    </row>
    <row r="153169" spans="8:8">
      <c r="H153169" s="12"/>
    </row>
    <row r="153170" spans="8:8">
      <c r="H153170" s="12"/>
    </row>
    <row r="153171" spans="8:8">
      <c r="H153171" s="12"/>
    </row>
    <row r="153172" spans="8:8">
      <c r="H153172" s="12"/>
    </row>
    <row r="153173" spans="8:8">
      <c r="H153173" s="12"/>
    </row>
    <row r="153174" spans="8:8">
      <c r="H153174" s="12"/>
    </row>
    <row r="153175" spans="8:8">
      <c r="H153175" s="12"/>
    </row>
    <row r="153176" spans="8:8">
      <c r="H153176" s="12"/>
    </row>
    <row r="153177" spans="8:8">
      <c r="H153177" s="12"/>
    </row>
    <row r="153178" spans="8:8">
      <c r="H153178" s="12"/>
    </row>
    <row r="153179" spans="8:8">
      <c r="H153179" s="12"/>
    </row>
    <row r="153180" spans="8:8">
      <c r="H153180" s="12"/>
    </row>
    <row r="153181" spans="8:8">
      <c r="H153181" s="12"/>
    </row>
    <row r="153182" spans="8:8">
      <c r="H153182" s="12"/>
    </row>
    <row r="153183" spans="8:8">
      <c r="H153183" s="12"/>
    </row>
    <row r="153184" spans="8:8">
      <c r="H153184" s="12"/>
    </row>
    <row r="153185" spans="8:8">
      <c r="H153185" s="12"/>
    </row>
    <row r="153186" spans="8:8">
      <c r="H153186" s="12"/>
    </row>
    <row r="153187" spans="8:8">
      <c r="H153187" s="12"/>
    </row>
    <row r="153188" spans="8:8">
      <c r="H153188" s="12"/>
    </row>
    <row r="153189" spans="8:8">
      <c r="H153189" s="12"/>
    </row>
    <row r="153190" spans="8:8">
      <c r="H153190" s="12"/>
    </row>
    <row r="153191" spans="8:8">
      <c r="H153191" s="12"/>
    </row>
    <row r="153192" spans="8:8">
      <c r="H153192" s="12"/>
    </row>
    <row r="153193" spans="8:8">
      <c r="H153193" s="12"/>
    </row>
    <row r="153194" spans="8:8">
      <c r="H153194" s="12"/>
    </row>
    <row r="153195" spans="8:8">
      <c r="H153195" s="12"/>
    </row>
    <row r="153196" spans="8:8">
      <c r="H153196" s="12"/>
    </row>
    <row r="153197" spans="8:8">
      <c r="H153197" s="12"/>
    </row>
    <row r="153198" spans="8:8">
      <c r="H153198" s="12"/>
    </row>
    <row r="153199" spans="8:8">
      <c r="H153199" s="12"/>
    </row>
    <row r="153200" spans="8:8">
      <c r="H153200" s="12"/>
    </row>
    <row r="153201" spans="8:8">
      <c r="H153201" s="12"/>
    </row>
    <row r="153202" spans="8:8">
      <c r="H153202" s="12"/>
    </row>
    <row r="153203" spans="8:8">
      <c r="H153203" s="12"/>
    </row>
    <row r="153204" spans="8:8">
      <c r="H153204" s="12"/>
    </row>
    <row r="153205" spans="8:8">
      <c r="H153205" s="12"/>
    </row>
    <row r="153206" spans="8:8">
      <c r="H153206" s="12"/>
    </row>
    <row r="153207" spans="8:8">
      <c r="H153207" s="12"/>
    </row>
    <row r="153208" spans="8:8">
      <c r="H153208" s="12"/>
    </row>
    <row r="153209" spans="8:8">
      <c r="H153209" s="12"/>
    </row>
    <row r="153210" spans="8:8">
      <c r="H153210" s="12"/>
    </row>
    <row r="153211" spans="8:8">
      <c r="H153211" s="12"/>
    </row>
    <row r="153212" spans="8:8">
      <c r="H153212" s="12"/>
    </row>
    <row r="153213" spans="8:8">
      <c r="H153213" s="12"/>
    </row>
    <row r="153214" spans="8:8">
      <c r="H153214" s="12"/>
    </row>
    <row r="153215" spans="8:8">
      <c r="H153215" s="12"/>
    </row>
    <row r="153216" spans="8:8">
      <c r="H153216" s="12"/>
    </row>
    <row r="153217" spans="8:8">
      <c r="H153217" s="12"/>
    </row>
    <row r="153218" spans="8:8">
      <c r="H153218" s="12"/>
    </row>
    <row r="153219" spans="8:8">
      <c r="H153219" s="12"/>
    </row>
    <row r="153220" spans="8:8">
      <c r="H153220" s="12"/>
    </row>
    <row r="153221" spans="8:8">
      <c r="H153221" s="12"/>
    </row>
    <row r="153222" spans="8:8">
      <c r="H153222" s="12"/>
    </row>
    <row r="153223" spans="8:8">
      <c r="H153223" s="12"/>
    </row>
    <row r="153224" spans="8:8">
      <c r="H153224" s="12"/>
    </row>
    <row r="153225" spans="8:8">
      <c r="H153225" s="12"/>
    </row>
    <row r="153226" spans="8:8">
      <c r="H153226" s="12"/>
    </row>
    <row r="153227" spans="8:8">
      <c r="H153227" s="12"/>
    </row>
    <row r="153228" spans="8:8">
      <c r="H153228" s="12"/>
    </row>
    <row r="153229" spans="8:8">
      <c r="H153229" s="12"/>
    </row>
    <row r="153230" spans="8:8">
      <c r="H153230" s="12"/>
    </row>
    <row r="153231" spans="8:8">
      <c r="H153231" s="12"/>
    </row>
    <row r="153232" spans="8:8">
      <c r="H153232" s="12"/>
    </row>
    <row r="153233" spans="8:8">
      <c r="H153233" s="12"/>
    </row>
    <row r="153234" spans="8:8">
      <c r="H153234" s="12"/>
    </row>
    <row r="153235" spans="8:8">
      <c r="H153235" s="12"/>
    </row>
    <row r="153236" spans="8:8">
      <c r="H153236" s="12"/>
    </row>
    <row r="153237" spans="8:8">
      <c r="H153237" s="12"/>
    </row>
    <row r="153238" spans="8:8">
      <c r="H153238" s="12"/>
    </row>
    <row r="153239" spans="8:8">
      <c r="H153239" s="12"/>
    </row>
    <row r="153240" spans="8:8">
      <c r="H153240" s="12"/>
    </row>
    <row r="153241" spans="8:8">
      <c r="H153241" s="12"/>
    </row>
    <row r="153242" spans="8:8">
      <c r="H153242" s="12"/>
    </row>
    <row r="153243" spans="8:8">
      <c r="H153243" s="12"/>
    </row>
    <row r="153244" spans="8:8">
      <c r="H153244" s="12"/>
    </row>
    <row r="153245" spans="8:8">
      <c r="H153245" s="12"/>
    </row>
    <row r="153246" spans="8:8">
      <c r="H153246" s="12"/>
    </row>
    <row r="153247" spans="8:8">
      <c r="H153247" s="12"/>
    </row>
    <row r="153248" spans="8:8">
      <c r="H153248" s="12"/>
    </row>
    <row r="153249" spans="8:8">
      <c r="H153249" s="12"/>
    </row>
    <row r="153250" spans="8:8">
      <c r="H153250" s="12"/>
    </row>
    <row r="153251" spans="8:8">
      <c r="H153251" s="12"/>
    </row>
    <row r="153252" spans="8:8">
      <c r="H153252" s="12"/>
    </row>
    <row r="153253" spans="8:8">
      <c r="H153253" s="12"/>
    </row>
    <row r="153254" spans="8:8">
      <c r="H153254" s="12"/>
    </row>
    <row r="153255" spans="8:8">
      <c r="H153255" s="12"/>
    </row>
    <row r="153256" spans="8:8">
      <c r="H153256" s="12"/>
    </row>
    <row r="153257" spans="8:8">
      <c r="H153257" s="12"/>
    </row>
    <row r="153258" spans="8:8">
      <c r="H153258" s="12"/>
    </row>
    <row r="153259" spans="8:8">
      <c r="H153259" s="12"/>
    </row>
    <row r="153260" spans="8:8">
      <c r="H153260" s="12"/>
    </row>
    <row r="153261" spans="8:8">
      <c r="H153261" s="12"/>
    </row>
    <row r="153262" spans="8:8">
      <c r="H153262" s="12"/>
    </row>
    <row r="153263" spans="8:8">
      <c r="H153263" s="12"/>
    </row>
    <row r="153264" spans="8:8">
      <c r="H153264" s="12"/>
    </row>
    <row r="153265" spans="8:8">
      <c r="H153265" s="12"/>
    </row>
    <row r="153266" spans="8:8">
      <c r="H153266" s="12"/>
    </row>
    <row r="153267" spans="8:8">
      <c r="H153267" s="12"/>
    </row>
    <row r="153268" spans="8:8">
      <c r="H153268" s="12"/>
    </row>
    <row r="153269" spans="8:8">
      <c r="H153269" s="12"/>
    </row>
    <row r="153270" spans="8:8">
      <c r="H153270" s="12"/>
    </row>
    <row r="153271" spans="8:8">
      <c r="H153271" s="12"/>
    </row>
    <row r="153272" spans="8:8">
      <c r="H153272" s="12"/>
    </row>
    <row r="153273" spans="8:8">
      <c r="H153273" s="12"/>
    </row>
    <row r="153274" spans="8:8">
      <c r="H153274" s="12"/>
    </row>
    <row r="153275" spans="8:8">
      <c r="H153275" s="12"/>
    </row>
    <row r="153276" spans="8:8">
      <c r="H153276" s="12"/>
    </row>
    <row r="153277" spans="8:8">
      <c r="H153277" s="12"/>
    </row>
    <row r="153278" spans="8:8">
      <c r="H153278" s="12"/>
    </row>
    <row r="153279" spans="8:8">
      <c r="H153279" s="12"/>
    </row>
    <row r="153280" spans="8:8">
      <c r="H153280" s="12"/>
    </row>
    <row r="153281" spans="8:8">
      <c r="H153281" s="12"/>
    </row>
    <row r="153282" spans="8:8">
      <c r="H153282" s="12"/>
    </row>
    <row r="153283" spans="8:8">
      <c r="H153283" s="12"/>
    </row>
    <row r="153284" spans="8:8">
      <c r="H153284" s="12"/>
    </row>
    <row r="153285" spans="8:8">
      <c r="H153285" s="12"/>
    </row>
    <row r="153286" spans="8:8">
      <c r="H153286" s="12"/>
    </row>
    <row r="153287" spans="8:8">
      <c r="H153287" s="12"/>
    </row>
    <row r="153288" spans="8:8">
      <c r="H153288" s="12"/>
    </row>
    <row r="153289" spans="8:8">
      <c r="H153289" s="12"/>
    </row>
    <row r="153290" spans="8:8">
      <c r="H153290" s="12"/>
    </row>
    <row r="153291" spans="8:8">
      <c r="H153291" s="12"/>
    </row>
    <row r="153292" spans="8:8">
      <c r="H153292" s="12"/>
    </row>
    <row r="153293" spans="8:8">
      <c r="H153293" s="12"/>
    </row>
    <row r="153294" spans="8:8">
      <c r="H153294" s="12"/>
    </row>
    <row r="153295" spans="8:8">
      <c r="H153295" s="12"/>
    </row>
    <row r="153296" spans="8:8">
      <c r="H153296" s="12"/>
    </row>
    <row r="153297" spans="8:8">
      <c r="H153297" s="12"/>
    </row>
    <row r="153298" spans="8:8">
      <c r="H153298" s="12"/>
    </row>
    <row r="153299" spans="8:8">
      <c r="H153299" s="12"/>
    </row>
    <row r="153300" spans="8:8">
      <c r="H153300" s="12"/>
    </row>
    <row r="153301" spans="8:8">
      <c r="H153301" s="12"/>
    </row>
    <row r="153302" spans="8:8">
      <c r="H153302" s="12"/>
    </row>
    <row r="153303" spans="8:8">
      <c r="H153303" s="12"/>
    </row>
    <row r="153304" spans="8:8">
      <c r="H153304" s="12"/>
    </row>
    <row r="153305" spans="8:8">
      <c r="H153305" s="12"/>
    </row>
    <row r="153306" spans="8:8">
      <c r="H153306" s="12"/>
    </row>
    <row r="153307" spans="8:8">
      <c r="H153307" s="12"/>
    </row>
    <row r="153308" spans="8:8">
      <c r="H153308" s="12"/>
    </row>
    <row r="153309" spans="8:8">
      <c r="H153309" s="12"/>
    </row>
    <row r="153310" spans="8:8">
      <c r="H153310" s="12"/>
    </row>
    <row r="153311" spans="8:8">
      <c r="H153311" s="12"/>
    </row>
    <row r="153312" spans="8:8">
      <c r="H153312" s="12"/>
    </row>
    <row r="153313" spans="8:8">
      <c r="H153313" s="12"/>
    </row>
    <row r="153314" spans="8:8">
      <c r="H153314" s="12"/>
    </row>
    <row r="153315" spans="8:8">
      <c r="H153315" s="12"/>
    </row>
    <row r="153316" spans="8:8">
      <c r="H153316" s="12"/>
    </row>
    <row r="153317" spans="8:8">
      <c r="H153317" s="12"/>
    </row>
    <row r="153318" spans="8:8">
      <c r="H153318" s="12"/>
    </row>
    <row r="153319" spans="8:8">
      <c r="H153319" s="12"/>
    </row>
    <row r="153320" spans="8:8">
      <c r="H153320" s="12"/>
    </row>
    <row r="153321" spans="8:8">
      <c r="H153321" s="12"/>
    </row>
    <row r="153322" spans="8:8">
      <c r="H153322" s="12"/>
    </row>
    <row r="153323" spans="8:8">
      <c r="H153323" s="12"/>
    </row>
    <row r="153324" spans="8:8">
      <c r="H153324" s="12"/>
    </row>
    <row r="153325" spans="8:8">
      <c r="H153325" s="12"/>
    </row>
    <row r="153326" spans="8:8">
      <c r="H153326" s="12"/>
    </row>
    <row r="153327" spans="8:8">
      <c r="H153327" s="12"/>
    </row>
    <row r="153328" spans="8:8">
      <c r="H153328" s="12"/>
    </row>
    <row r="153329" spans="8:8">
      <c r="H153329" s="12"/>
    </row>
    <row r="153330" spans="8:8">
      <c r="H153330" s="12"/>
    </row>
    <row r="153331" spans="8:8">
      <c r="H153331" s="12"/>
    </row>
    <row r="153332" spans="8:8">
      <c r="H153332" s="12"/>
    </row>
    <row r="153333" spans="8:8">
      <c r="H153333" s="12"/>
    </row>
    <row r="153334" spans="8:8">
      <c r="H153334" s="12"/>
    </row>
    <row r="153335" spans="8:8">
      <c r="H153335" s="12"/>
    </row>
    <row r="153336" spans="8:8">
      <c r="H153336" s="12"/>
    </row>
    <row r="153337" spans="8:8">
      <c r="H153337" s="12"/>
    </row>
    <row r="153338" spans="8:8">
      <c r="H153338" s="12"/>
    </row>
    <row r="153339" spans="8:8">
      <c r="H153339" s="12"/>
    </row>
    <row r="153340" spans="8:8">
      <c r="H153340" s="12"/>
    </row>
    <row r="153341" spans="8:8">
      <c r="H153341" s="12"/>
    </row>
    <row r="153342" spans="8:8">
      <c r="H153342" s="12"/>
    </row>
    <row r="153343" spans="8:8">
      <c r="H153343" s="12"/>
    </row>
    <row r="153344" spans="8:8">
      <c r="H153344" s="12"/>
    </row>
    <row r="153345" spans="8:8">
      <c r="H153345" s="12"/>
    </row>
    <row r="153346" spans="8:8">
      <c r="H153346" s="12"/>
    </row>
    <row r="153347" spans="8:8">
      <c r="H153347" s="12"/>
    </row>
    <row r="153348" spans="8:8">
      <c r="H153348" s="12"/>
    </row>
    <row r="153349" spans="8:8">
      <c r="H153349" s="12"/>
    </row>
    <row r="153350" spans="8:8">
      <c r="H153350" s="12"/>
    </row>
    <row r="153351" spans="8:8">
      <c r="H153351" s="12"/>
    </row>
    <row r="153352" spans="8:8">
      <c r="H153352" s="12"/>
    </row>
    <row r="153353" spans="8:8">
      <c r="H153353" s="12"/>
    </row>
    <row r="153354" spans="8:8">
      <c r="H153354" s="12"/>
    </row>
    <row r="153355" spans="8:8">
      <c r="H153355" s="12"/>
    </row>
    <row r="153356" spans="8:8">
      <c r="H153356" s="12"/>
    </row>
    <row r="153357" spans="8:8">
      <c r="H153357" s="12"/>
    </row>
    <row r="153358" spans="8:8">
      <c r="H153358" s="12"/>
    </row>
    <row r="153359" spans="8:8">
      <c r="H153359" s="12"/>
    </row>
    <row r="153360" spans="8:8">
      <c r="H153360" s="12"/>
    </row>
    <row r="153361" spans="8:8">
      <c r="H153361" s="12"/>
    </row>
    <row r="153362" spans="8:8">
      <c r="H153362" s="12"/>
    </row>
    <row r="153363" spans="8:8">
      <c r="H153363" s="12"/>
    </row>
    <row r="153364" spans="8:8">
      <c r="H153364" s="12"/>
    </row>
    <row r="153365" spans="8:8">
      <c r="H153365" s="12"/>
    </row>
    <row r="153366" spans="8:8">
      <c r="H153366" s="12"/>
    </row>
    <row r="153367" spans="8:8">
      <c r="H153367" s="12"/>
    </row>
    <row r="153368" spans="8:8">
      <c r="H153368" s="12"/>
    </row>
    <row r="153369" spans="8:8">
      <c r="H153369" s="12"/>
    </row>
    <row r="153370" spans="8:8">
      <c r="H153370" s="12"/>
    </row>
    <row r="153371" spans="8:8">
      <c r="H153371" s="12"/>
    </row>
    <row r="153372" spans="8:8">
      <c r="H153372" s="12"/>
    </row>
    <row r="153373" spans="8:8">
      <c r="H153373" s="12"/>
    </row>
    <row r="153374" spans="8:8">
      <c r="H153374" s="12"/>
    </row>
    <row r="153375" spans="8:8">
      <c r="H153375" s="12"/>
    </row>
    <row r="153376" spans="8:8">
      <c r="H153376" s="12"/>
    </row>
    <row r="153377" spans="8:8">
      <c r="H153377" s="12"/>
    </row>
    <row r="153378" spans="8:8">
      <c r="H153378" s="12"/>
    </row>
    <row r="153379" spans="8:8">
      <c r="H153379" s="12"/>
    </row>
    <row r="153380" spans="8:8">
      <c r="H153380" s="12"/>
    </row>
    <row r="153381" spans="8:8">
      <c r="H153381" s="12"/>
    </row>
    <row r="153382" spans="8:8">
      <c r="H153382" s="12"/>
    </row>
    <row r="153383" spans="8:8">
      <c r="H153383" s="12"/>
    </row>
    <row r="153384" spans="8:8">
      <c r="H153384" s="12"/>
    </row>
    <row r="153385" spans="8:8">
      <c r="H153385" s="12"/>
    </row>
    <row r="153386" spans="8:8">
      <c r="H153386" s="12"/>
    </row>
    <row r="153387" spans="8:8">
      <c r="H153387" s="12"/>
    </row>
    <row r="153388" spans="8:8">
      <c r="H153388" s="12"/>
    </row>
    <row r="153389" spans="8:8">
      <c r="H153389" s="12"/>
    </row>
    <row r="153390" spans="8:8">
      <c r="H153390" s="12"/>
    </row>
    <row r="153391" spans="8:8">
      <c r="H153391" s="12"/>
    </row>
    <row r="153392" spans="8:8">
      <c r="H153392" s="12"/>
    </row>
    <row r="153393" spans="8:8">
      <c r="H153393" s="12"/>
    </row>
    <row r="153394" spans="8:8">
      <c r="H153394" s="12"/>
    </row>
    <row r="153395" spans="8:8">
      <c r="H153395" s="12"/>
    </row>
    <row r="153396" spans="8:8">
      <c r="H153396" s="12"/>
    </row>
    <row r="153397" spans="8:8">
      <c r="H153397" s="12"/>
    </row>
    <row r="153398" spans="8:8">
      <c r="H153398" s="12"/>
    </row>
    <row r="153399" spans="8:8">
      <c r="H153399" s="12"/>
    </row>
    <row r="153400" spans="8:8">
      <c r="H153400" s="12"/>
    </row>
    <row r="153401" spans="8:8">
      <c r="H153401" s="12"/>
    </row>
    <row r="153402" spans="8:8">
      <c r="H153402" s="12"/>
    </row>
    <row r="153403" spans="8:8">
      <c r="H153403" s="12"/>
    </row>
    <row r="153404" spans="8:8">
      <c r="H153404" s="12"/>
    </row>
    <row r="153405" spans="8:8">
      <c r="H153405" s="12"/>
    </row>
    <row r="153406" spans="8:8">
      <c r="H153406" s="12"/>
    </row>
    <row r="153407" spans="8:8">
      <c r="H153407" s="12"/>
    </row>
    <row r="153408" spans="8:8">
      <c r="H153408" s="12"/>
    </row>
    <row r="153409" spans="8:8">
      <c r="H153409" s="12"/>
    </row>
    <row r="153410" spans="8:8">
      <c r="H153410" s="12"/>
    </row>
    <row r="153411" spans="8:8">
      <c r="H153411" s="12"/>
    </row>
    <row r="153412" spans="8:8">
      <c r="H153412" s="12"/>
    </row>
    <row r="153413" spans="8:8">
      <c r="H153413" s="12"/>
    </row>
    <row r="153414" spans="8:8">
      <c r="H153414" s="12"/>
    </row>
    <row r="153415" spans="8:8">
      <c r="H153415" s="12"/>
    </row>
    <row r="153416" spans="8:8">
      <c r="H153416" s="12"/>
    </row>
    <row r="153417" spans="8:8">
      <c r="H153417" s="12"/>
    </row>
    <row r="153418" spans="8:8">
      <c r="H153418" s="12"/>
    </row>
    <row r="153419" spans="8:8">
      <c r="H153419" s="12"/>
    </row>
    <row r="153420" spans="8:8">
      <c r="H153420" s="12"/>
    </row>
    <row r="153421" spans="8:8">
      <c r="H153421" s="12"/>
    </row>
    <row r="153422" spans="8:8">
      <c r="H153422" s="12"/>
    </row>
    <row r="153423" spans="8:8">
      <c r="H153423" s="12"/>
    </row>
    <row r="153424" spans="8:8">
      <c r="H153424" s="12"/>
    </row>
    <row r="153425" spans="8:8">
      <c r="H153425" s="12"/>
    </row>
    <row r="153426" spans="8:8">
      <c r="H153426" s="12"/>
    </row>
    <row r="153427" spans="8:8">
      <c r="H153427" s="12"/>
    </row>
    <row r="153428" spans="8:8">
      <c r="H153428" s="12"/>
    </row>
    <row r="153429" spans="8:8">
      <c r="H153429" s="12"/>
    </row>
    <row r="153430" spans="8:8">
      <c r="H153430" s="12"/>
    </row>
    <row r="153431" spans="8:8">
      <c r="H153431" s="12"/>
    </row>
    <row r="153432" spans="8:8">
      <c r="H153432" s="12"/>
    </row>
    <row r="153433" spans="8:8">
      <c r="H153433" s="12"/>
    </row>
    <row r="153434" spans="8:8">
      <c r="H153434" s="12"/>
    </row>
    <row r="153435" spans="8:8">
      <c r="H153435" s="12"/>
    </row>
    <row r="153436" spans="8:8">
      <c r="H153436" s="12"/>
    </row>
    <row r="153437" spans="8:8">
      <c r="H153437" s="12"/>
    </row>
    <row r="153438" spans="8:8">
      <c r="H153438" s="12"/>
    </row>
    <row r="153439" spans="8:8">
      <c r="H153439" s="12"/>
    </row>
    <row r="153440" spans="8:8">
      <c r="H153440" s="12"/>
    </row>
    <row r="153441" spans="8:8">
      <c r="H153441" s="12"/>
    </row>
    <row r="153442" spans="8:8">
      <c r="H153442" s="12"/>
    </row>
    <row r="153443" spans="8:8">
      <c r="H153443" s="12"/>
    </row>
    <row r="153444" spans="8:8">
      <c r="H153444" s="12"/>
    </row>
    <row r="153445" spans="8:8">
      <c r="H153445" s="12"/>
    </row>
    <row r="153446" spans="8:8">
      <c r="H153446" s="12"/>
    </row>
    <row r="153447" spans="8:8">
      <c r="H153447" s="12"/>
    </row>
    <row r="153448" spans="8:8">
      <c r="H153448" s="12"/>
    </row>
    <row r="153449" spans="8:8">
      <c r="H153449" s="12"/>
    </row>
    <row r="153450" spans="8:8">
      <c r="H153450" s="12"/>
    </row>
    <row r="153451" spans="8:8">
      <c r="H153451" s="12"/>
    </row>
    <row r="153452" spans="8:8">
      <c r="H153452" s="12"/>
    </row>
    <row r="153453" spans="8:8">
      <c r="H153453" s="12"/>
    </row>
    <row r="153454" spans="8:8">
      <c r="H153454" s="12"/>
    </row>
    <row r="153455" spans="8:8">
      <c r="H153455" s="12"/>
    </row>
    <row r="153456" spans="8:8">
      <c r="H153456" s="12"/>
    </row>
    <row r="153457" spans="8:8">
      <c r="H153457" s="12"/>
    </row>
    <row r="153458" spans="8:8">
      <c r="H153458" s="12"/>
    </row>
    <row r="153459" spans="8:8">
      <c r="H153459" s="12"/>
    </row>
    <row r="153460" spans="8:8">
      <c r="H153460" s="12"/>
    </row>
    <row r="153461" spans="8:8">
      <c r="H153461" s="12"/>
    </row>
    <row r="153462" spans="8:8">
      <c r="H153462" s="12"/>
    </row>
    <row r="153463" spans="8:8">
      <c r="H153463" s="12"/>
    </row>
    <row r="153464" spans="8:8">
      <c r="H153464" s="12"/>
    </row>
    <row r="153465" spans="8:8">
      <c r="H153465" s="12"/>
    </row>
    <row r="153466" spans="8:8">
      <c r="H153466" s="12"/>
    </row>
    <row r="153467" spans="8:8">
      <c r="H153467" s="12"/>
    </row>
    <row r="153468" spans="8:8">
      <c r="H153468" s="12"/>
    </row>
    <row r="153469" spans="8:8">
      <c r="H153469" s="12"/>
    </row>
    <row r="153470" spans="8:8">
      <c r="H153470" s="12"/>
    </row>
    <row r="153471" spans="8:8">
      <c r="H153471" s="12"/>
    </row>
    <row r="153472" spans="8:8">
      <c r="H153472" s="12"/>
    </row>
    <row r="153473" spans="8:8">
      <c r="H153473" s="12"/>
    </row>
    <row r="153474" spans="8:8">
      <c r="H153474" s="12"/>
    </row>
    <row r="153475" spans="8:8">
      <c r="H153475" s="12"/>
    </row>
    <row r="153476" spans="8:8">
      <c r="H153476" s="12"/>
    </row>
    <row r="153477" spans="8:8">
      <c r="H153477" s="12"/>
    </row>
    <row r="153478" spans="8:8">
      <c r="H153478" s="12"/>
    </row>
    <row r="153479" spans="8:8">
      <c r="H153479" s="12"/>
    </row>
    <row r="153480" spans="8:8">
      <c r="H153480" s="12"/>
    </row>
    <row r="153481" spans="8:8">
      <c r="H153481" s="12"/>
    </row>
    <row r="153482" spans="8:8">
      <c r="H153482" s="12"/>
    </row>
    <row r="153483" spans="8:8">
      <c r="H153483" s="12"/>
    </row>
    <row r="153484" spans="8:8">
      <c r="H153484" s="12"/>
    </row>
    <row r="153485" spans="8:8">
      <c r="H153485" s="12"/>
    </row>
    <row r="153486" spans="8:8">
      <c r="H153486" s="12"/>
    </row>
    <row r="153487" spans="8:8">
      <c r="H153487" s="12"/>
    </row>
    <row r="153488" spans="8:8">
      <c r="H153488" s="12"/>
    </row>
    <row r="153489" spans="8:8">
      <c r="H153489" s="12"/>
    </row>
    <row r="153490" spans="8:8">
      <c r="H153490" s="12"/>
    </row>
    <row r="153491" spans="8:8">
      <c r="H153491" s="12"/>
    </row>
    <row r="153492" spans="8:8">
      <c r="H153492" s="12"/>
    </row>
    <row r="153493" spans="8:8">
      <c r="H153493" s="12"/>
    </row>
    <row r="153494" spans="8:8">
      <c r="H153494" s="12"/>
    </row>
    <row r="153495" spans="8:8">
      <c r="H153495" s="12"/>
    </row>
    <row r="153496" spans="8:8">
      <c r="H153496" s="12"/>
    </row>
    <row r="153497" spans="8:8">
      <c r="H153497" s="12"/>
    </row>
    <row r="153498" spans="8:8">
      <c r="H153498" s="12"/>
    </row>
    <row r="153499" spans="8:8">
      <c r="H153499" s="12"/>
    </row>
    <row r="153500" spans="8:8">
      <c r="H153500" s="12"/>
    </row>
    <row r="153501" spans="8:8">
      <c r="H153501" s="12"/>
    </row>
    <row r="153502" spans="8:8">
      <c r="H153502" s="12"/>
    </row>
    <row r="153503" spans="8:8">
      <c r="H153503" s="12"/>
    </row>
    <row r="153504" spans="8:8">
      <c r="H153504" s="12"/>
    </row>
    <row r="153505" spans="8:8">
      <c r="H153505" s="12"/>
    </row>
    <row r="153506" spans="8:8">
      <c r="H153506" s="12"/>
    </row>
    <row r="153507" spans="8:8">
      <c r="H153507" s="12"/>
    </row>
    <row r="153508" spans="8:8">
      <c r="H153508" s="12"/>
    </row>
    <row r="153509" spans="8:8">
      <c r="H153509" s="12"/>
    </row>
    <row r="153510" spans="8:8">
      <c r="H153510" s="12"/>
    </row>
    <row r="153511" spans="8:8">
      <c r="H153511" s="12"/>
    </row>
    <row r="153512" spans="8:8">
      <c r="H153512" s="12"/>
    </row>
    <row r="153513" spans="8:8">
      <c r="H153513" s="12"/>
    </row>
    <row r="153514" spans="8:8">
      <c r="H153514" s="12"/>
    </row>
    <row r="153515" spans="8:8">
      <c r="H153515" s="12"/>
    </row>
    <row r="153516" spans="8:8">
      <c r="H153516" s="12"/>
    </row>
    <row r="153517" spans="8:8">
      <c r="H153517" s="12"/>
    </row>
    <row r="153518" spans="8:8">
      <c r="H153518" s="12"/>
    </row>
    <row r="153519" spans="8:8">
      <c r="H153519" s="12"/>
    </row>
    <row r="153520" spans="8:8">
      <c r="H153520" s="12"/>
    </row>
    <row r="153521" spans="8:8">
      <c r="H153521" s="12"/>
    </row>
    <row r="153522" spans="8:8">
      <c r="H153522" s="12"/>
    </row>
    <row r="153523" spans="8:8">
      <c r="H153523" s="12"/>
    </row>
    <row r="153524" spans="8:8">
      <c r="H153524" s="12"/>
    </row>
    <row r="153525" spans="8:8">
      <c r="H153525" s="12"/>
    </row>
    <row r="153526" spans="8:8">
      <c r="H153526" s="12"/>
    </row>
    <row r="153527" spans="8:8">
      <c r="H153527" s="12"/>
    </row>
    <row r="153528" spans="8:8">
      <c r="H153528" s="12"/>
    </row>
    <row r="153529" spans="8:8">
      <c r="H153529" s="12"/>
    </row>
    <row r="153530" spans="8:8">
      <c r="H153530" s="12"/>
    </row>
    <row r="153531" spans="8:8">
      <c r="H153531" s="12"/>
    </row>
    <row r="153532" spans="8:8">
      <c r="H153532" s="12"/>
    </row>
    <row r="153533" spans="8:8">
      <c r="H153533" s="12"/>
    </row>
    <row r="153534" spans="8:8">
      <c r="H153534" s="12"/>
    </row>
    <row r="153535" spans="8:8">
      <c r="H153535" s="12"/>
    </row>
    <row r="153536" spans="8:8">
      <c r="H153536" s="12"/>
    </row>
    <row r="153537" spans="8:8">
      <c r="H153537" s="12"/>
    </row>
    <row r="153538" spans="8:8">
      <c r="H153538" s="12"/>
    </row>
    <row r="153539" spans="8:8">
      <c r="H153539" s="12"/>
    </row>
    <row r="153540" spans="8:8">
      <c r="H153540" s="12"/>
    </row>
    <row r="153541" spans="8:8">
      <c r="H153541" s="12"/>
    </row>
    <row r="153542" spans="8:8">
      <c r="H153542" s="12"/>
    </row>
    <row r="153543" spans="8:8">
      <c r="H153543" s="12"/>
    </row>
    <row r="153544" spans="8:8">
      <c r="H153544" s="12"/>
    </row>
    <row r="153545" spans="8:8">
      <c r="H153545" s="12"/>
    </row>
    <row r="153546" spans="8:8">
      <c r="H153546" s="12"/>
    </row>
    <row r="153547" spans="8:8">
      <c r="H153547" s="12"/>
    </row>
    <row r="153548" spans="8:8">
      <c r="H153548" s="12"/>
    </row>
    <row r="153549" spans="8:8">
      <c r="H153549" s="12"/>
    </row>
    <row r="153550" spans="8:8">
      <c r="H153550" s="12"/>
    </row>
    <row r="153551" spans="8:8">
      <c r="H153551" s="12"/>
    </row>
    <row r="153552" spans="8:8">
      <c r="H153552" s="12"/>
    </row>
    <row r="153553" spans="8:8">
      <c r="H153553" s="12"/>
    </row>
    <row r="153554" spans="8:8">
      <c r="H153554" s="12"/>
    </row>
    <row r="153555" spans="8:8">
      <c r="H153555" s="12"/>
    </row>
    <row r="153556" spans="8:8">
      <c r="H153556" s="12"/>
    </row>
    <row r="153557" spans="8:8">
      <c r="H153557" s="12"/>
    </row>
    <row r="153558" spans="8:8">
      <c r="H153558" s="12"/>
    </row>
    <row r="153559" spans="8:8">
      <c r="H153559" s="12"/>
    </row>
    <row r="153560" spans="8:8">
      <c r="H153560" s="12"/>
    </row>
    <row r="153561" spans="8:8">
      <c r="H153561" s="12"/>
    </row>
    <row r="153562" spans="8:8">
      <c r="H153562" s="12"/>
    </row>
    <row r="153563" spans="8:8">
      <c r="H153563" s="12"/>
    </row>
    <row r="153564" spans="8:8">
      <c r="H153564" s="12"/>
    </row>
    <row r="153565" spans="8:8">
      <c r="H153565" s="12"/>
    </row>
    <row r="153566" spans="8:8">
      <c r="H153566" s="12"/>
    </row>
    <row r="153567" spans="8:8">
      <c r="H153567" s="12"/>
    </row>
    <row r="153568" spans="8:8">
      <c r="H153568" s="12"/>
    </row>
    <row r="153569" spans="8:8">
      <c r="H153569" s="12"/>
    </row>
    <row r="153570" spans="8:8">
      <c r="H153570" s="12"/>
    </row>
    <row r="153571" spans="8:8">
      <c r="H153571" s="12"/>
    </row>
    <row r="153572" spans="8:8">
      <c r="H153572" s="12"/>
    </row>
    <row r="153573" spans="8:8">
      <c r="H153573" s="12"/>
    </row>
    <row r="153574" spans="8:8">
      <c r="H153574" s="12"/>
    </row>
    <row r="153575" spans="8:8">
      <c r="H153575" s="12"/>
    </row>
    <row r="153576" spans="8:8">
      <c r="H153576" s="12"/>
    </row>
    <row r="153577" spans="8:8">
      <c r="H153577" s="12"/>
    </row>
    <row r="153578" spans="8:8">
      <c r="H153578" s="12"/>
    </row>
    <row r="153579" spans="8:8">
      <c r="H153579" s="12"/>
    </row>
    <row r="153580" spans="8:8">
      <c r="H153580" s="12"/>
    </row>
    <row r="153581" spans="8:8">
      <c r="H153581" s="12"/>
    </row>
    <row r="153582" spans="8:8">
      <c r="H153582" s="12"/>
    </row>
    <row r="153583" spans="8:8">
      <c r="H153583" s="12"/>
    </row>
    <row r="153584" spans="8:8">
      <c r="H153584" s="12"/>
    </row>
    <row r="153585" spans="8:8">
      <c r="H153585" s="12"/>
    </row>
    <row r="153586" spans="8:8">
      <c r="H153586" s="12"/>
    </row>
    <row r="153587" spans="8:8">
      <c r="H153587" s="12"/>
    </row>
    <row r="153588" spans="8:8">
      <c r="H153588" s="12"/>
    </row>
    <row r="153589" spans="8:8">
      <c r="H153589" s="12"/>
    </row>
    <row r="153590" spans="8:8">
      <c r="H153590" s="12"/>
    </row>
    <row r="153591" spans="8:8">
      <c r="H153591" s="12"/>
    </row>
    <row r="153592" spans="8:8">
      <c r="H153592" s="12"/>
    </row>
    <row r="153593" spans="8:8">
      <c r="H153593" s="12"/>
    </row>
    <row r="153594" spans="8:8">
      <c r="H153594" s="12"/>
    </row>
    <row r="153595" spans="8:8">
      <c r="H153595" s="12"/>
    </row>
    <row r="153596" spans="8:8">
      <c r="H153596" s="12"/>
    </row>
    <row r="153597" spans="8:8">
      <c r="H153597" s="12"/>
    </row>
    <row r="153598" spans="8:8">
      <c r="H153598" s="12"/>
    </row>
    <row r="153599" spans="8:8">
      <c r="H153599" s="12"/>
    </row>
    <row r="153600" spans="8:8">
      <c r="H153600" s="12"/>
    </row>
    <row r="153601" spans="8:8">
      <c r="H153601" s="12"/>
    </row>
    <row r="153602" spans="8:8">
      <c r="H153602" s="12"/>
    </row>
    <row r="153603" spans="8:8">
      <c r="H153603" s="12"/>
    </row>
    <row r="153604" spans="8:8">
      <c r="H153604" s="12"/>
    </row>
    <row r="153605" spans="8:8">
      <c r="H153605" s="12"/>
    </row>
    <row r="153606" spans="8:8">
      <c r="H153606" s="12"/>
    </row>
    <row r="153607" spans="8:8">
      <c r="H153607" s="12"/>
    </row>
    <row r="153608" spans="8:8">
      <c r="H153608" s="12"/>
    </row>
    <row r="153609" spans="8:8">
      <c r="H153609" s="12"/>
    </row>
    <row r="153610" spans="8:8">
      <c r="H153610" s="12"/>
    </row>
    <row r="153611" spans="8:8">
      <c r="H153611" s="12"/>
    </row>
    <row r="153612" spans="8:8">
      <c r="H153612" s="12"/>
    </row>
    <row r="153613" spans="8:8">
      <c r="H153613" s="12"/>
    </row>
    <row r="153614" spans="8:8">
      <c r="H153614" s="12"/>
    </row>
    <row r="153615" spans="8:8">
      <c r="H153615" s="12"/>
    </row>
    <row r="153616" spans="8:8">
      <c r="H153616" s="12"/>
    </row>
    <row r="153617" spans="8:8">
      <c r="H153617" s="12"/>
    </row>
    <row r="153618" spans="8:8">
      <c r="H153618" s="12"/>
    </row>
    <row r="153619" spans="8:8">
      <c r="H153619" s="12"/>
    </row>
    <row r="153620" spans="8:8">
      <c r="H153620" s="12"/>
    </row>
    <row r="153621" spans="8:8">
      <c r="H153621" s="12"/>
    </row>
    <row r="153622" spans="8:8">
      <c r="H153622" s="12"/>
    </row>
    <row r="153623" spans="8:8">
      <c r="H153623" s="12"/>
    </row>
    <row r="153624" spans="8:8">
      <c r="H153624" s="12"/>
    </row>
    <row r="153625" spans="8:8">
      <c r="H153625" s="12"/>
    </row>
    <row r="153626" spans="8:8">
      <c r="H153626" s="12"/>
    </row>
    <row r="153627" spans="8:8">
      <c r="H153627" s="12"/>
    </row>
    <row r="153628" spans="8:8">
      <c r="H153628" s="12"/>
    </row>
    <row r="153629" spans="8:8">
      <c r="H153629" s="12"/>
    </row>
    <row r="153630" spans="8:8">
      <c r="H153630" s="12"/>
    </row>
    <row r="153631" spans="8:8">
      <c r="H153631" s="12"/>
    </row>
    <row r="153632" spans="8:8">
      <c r="H153632" s="12"/>
    </row>
    <row r="153633" spans="8:8">
      <c r="H153633" s="12"/>
    </row>
    <row r="153634" spans="8:8">
      <c r="H153634" s="12"/>
    </row>
    <row r="153635" spans="8:8">
      <c r="H153635" s="12"/>
    </row>
    <row r="153636" spans="8:8">
      <c r="H153636" s="12"/>
    </row>
    <row r="153637" spans="8:8">
      <c r="H153637" s="12"/>
    </row>
    <row r="153638" spans="8:8">
      <c r="H153638" s="12"/>
    </row>
    <row r="153639" spans="8:8">
      <c r="H153639" s="12"/>
    </row>
    <row r="153640" spans="8:8">
      <c r="H153640" s="12"/>
    </row>
    <row r="153641" spans="8:8">
      <c r="H153641" s="12"/>
    </row>
    <row r="153642" spans="8:8">
      <c r="H153642" s="12"/>
    </row>
    <row r="153643" spans="8:8">
      <c r="H153643" s="12"/>
    </row>
    <row r="153644" spans="8:8">
      <c r="H153644" s="12"/>
    </row>
    <row r="153645" spans="8:8">
      <c r="H153645" s="12"/>
    </row>
    <row r="153646" spans="8:8">
      <c r="H153646" s="12"/>
    </row>
    <row r="153647" spans="8:8">
      <c r="H153647" s="12"/>
    </row>
    <row r="153648" spans="8:8">
      <c r="H153648" s="12"/>
    </row>
    <row r="153649" spans="8:8">
      <c r="H153649" s="12"/>
    </row>
    <row r="153650" spans="8:8">
      <c r="H153650" s="12"/>
    </row>
    <row r="153651" spans="8:8">
      <c r="H153651" s="12"/>
    </row>
    <row r="153652" spans="8:8">
      <c r="H153652" s="12"/>
    </row>
    <row r="153653" spans="8:8">
      <c r="H153653" s="12"/>
    </row>
    <row r="153654" spans="8:8">
      <c r="H153654" s="12"/>
    </row>
    <row r="153655" spans="8:8">
      <c r="H153655" s="12"/>
    </row>
    <row r="153656" spans="8:8">
      <c r="H153656" s="12"/>
    </row>
    <row r="153657" spans="8:8">
      <c r="H153657" s="12"/>
    </row>
    <row r="153658" spans="8:8">
      <c r="H153658" s="12"/>
    </row>
    <row r="153659" spans="8:8">
      <c r="H153659" s="12"/>
    </row>
    <row r="153660" spans="8:8">
      <c r="H153660" s="12"/>
    </row>
    <row r="153661" spans="8:8">
      <c r="H153661" s="12"/>
    </row>
    <row r="153662" spans="8:8">
      <c r="H153662" s="12"/>
    </row>
    <row r="153663" spans="8:8">
      <c r="H153663" s="12"/>
    </row>
    <row r="153664" spans="8:8">
      <c r="H153664" s="12"/>
    </row>
    <row r="153665" spans="8:8">
      <c r="H153665" s="12"/>
    </row>
    <row r="153666" spans="8:8">
      <c r="H153666" s="12"/>
    </row>
    <row r="153667" spans="8:8">
      <c r="H153667" s="12"/>
    </row>
    <row r="153668" spans="8:8">
      <c r="H153668" s="12"/>
    </row>
    <row r="153669" spans="8:8">
      <c r="H153669" s="12"/>
    </row>
    <row r="153670" spans="8:8">
      <c r="H153670" s="12"/>
    </row>
    <row r="153671" spans="8:8">
      <c r="H153671" s="12"/>
    </row>
    <row r="153672" spans="8:8">
      <c r="H153672" s="12"/>
    </row>
    <row r="153673" spans="8:8">
      <c r="H153673" s="12"/>
    </row>
    <row r="153674" spans="8:8">
      <c r="H153674" s="12"/>
    </row>
    <row r="153675" spans="8:8">
      <c r="H153675" s="12"/>
    </row>
    <row r="153676" spans="8:8">
      <c r="H153676" s="12"/>
    </row>
    <row r="153677" spans="8:8">
      <c r="H153677" s="12"/>
    </row>
    <row r="153678" spans="8:8">
      <c r="H153678" s="12"/>
    </row>
    <row r="153679" spans="8:8">
      <c r="H153679" s="12"/>
    </row>
    <row r="153680" spans="8:8">
      <c r="H153680" s="12"/>
    </row>
    <row r="153681" spans="8:8">
      <c r="H153681" s="12"/>
    </row>
    <row r="153682" spans="8:8">
      <c r="H153682" s="12"/>
    </row>
    <row r="153683" spans="8:8">
      <c r="H153683" s="12"/>
    </row>
    <row r="153684" spans="8:8">
      <c r="H153684" s="12"/>
    </row>
    <row r="153685" spans="8:8">
      <c r="H153685" s="12"/>
    </row>
    <row r="153686" spans="8:8">
      <c r="H153686" s="12"/>
    </row>
    <row r="153687" spans="8:8">
      <c r="H153687" s="12"/>
    </row>
    <row r="153688" spans="8:8">
      <c r="H153688" s="12"/>
    </row>
    <row r="153689" spans="8:8">
      <c r="H153689" s="12"/>
    </row>
    <row r="153690" spans="8:8">
      <c r="H153690" s="12"/>
    </row>
    <row r="153691" spans="8:8">
      <c r="H153691" s="12"/>
    </row>
    <row r="153692" spans="8:8">
      <c r="H153692" s="12"/>
    </row>
    <row r="153693" spans="8:8">
      <c r="H153693" s="12"/>
    </row>
    <row r="153694" spans="8:8">
      <c r="H153694" s="12"/>
    </row>
    <row r="153695" spans="8:8">
      <c r="H153695" s="12"/>
    </row>
    <row r="153696" spans="8:8">
      <c r="H153696" s="12"/>
    </row>
    <row r="153697" spans="8:8">
      <c r="H153697" s="12"/>
    </row>
    <row r="153698" spans="8:8">
      <c r="H153698" s="12"/>
    </row>
    <row r="153699" spans="8:8">
      <c r="H153699" s="12"/>
    </row>
    <row r="153700" spans="8:8">
      <c r="H153700" s="12"/>
    </row>
    <row r="153701" spans="8:8">
      <c r="H153701" s="12"/>
    </row>
    <row r="153702" spans="8:8">
      <c r="H153702" s="12"/>
    </row>
    <row r="153703" spans="8:8">
      <c r="H153703" s="12"/>
    </row>
    <row r="153704" spans="8:8">
      <c r="H153704" s="12"/>
    </row>
    <row r="153705" spans="8:8">
      <c r="H153705" s="12"/>
    </row>
    <row r="153706" spans="8:8">
      <c r="H153706" s="12"/>
    </row>
    <row r="153707" spans="8:8">
      <c r="H153707" s="12"/>
    </row>
    <row r="153708" spans="8:8">
      <c r="H153708" s="12"/>
    </row>
    <row r="153709" spans="8:8">
      <c r="H153709" s="12"/>
    </row>
    <row r="153710" spans="8:8">
      <c r="H153710" s="12"/>
    </row>
    <row r="153711" spans="8:8">
      <c r="H153711" s="12"/>
    </row>
    <row r="153712" spans="8:8">
      <c r="H153712" s="12"/>
    </row>
    <row r="153713" spans="8:8">
      <c r="H153713" s="12"/>
    </row>
    <row r="153714" spans="8:8">
      <c r="H153714" s="12"/>
    </row>
    <row r="153715" spans="8:8">
      <c r="H153715" s="12"/>
    </row>
    <row r="153716" spans="8:8">
      <c r="H153716" s="12"/>
    </row>
    <row r="153717" spans="8:8">
      <c r="H153717" s="12"/>
    </row>
    <row r="153718" spans="8:8">
      <c r="H153718" s="12"/>
    </row>
    <row r="153719" spans="8:8">
      <c r="H153719" s="12"/>
    </row>
    <row r="153720" spans="8:8">
      <c r="H153720" s="12"/>
    </row>
    <row r="153721" spans="8:8">
      <c r="H153721" s="12"/>
    </row>
    <row r="153722" spans="8:8">
      <c r="H153722" s="12"/>
    </row>
    <row r="153723" spans="8:8">
      <c r="H153723" s="12"/>
    </row>
    <row r="153724" spans="8:8">
      <c r="H153724" s="12"/>
    </row>
    <row r="153725" spans="8:8">
      <c r="H153725" s="12"/>
    </row>
    <row r="153726" spans="8:8">
      <c r="H153726" s="12"/>
    </row>
    <row r="153727" spans="8:8">
      <c r="H153727" s="12"/>
    </row>
    <row r="153728" spans="8:8">
      <c r="H153728" s="12"/>
    </row>
    <row r="153729" spans="8:8">
      <c r="H153729" s="12"/>
    </row>
    <row r="153730" spans="8:8">
      <c r="H153730" s="12"/>
    </row>
    <row r="153731" spans="8:8">
      <c r="H153731" s="12"/>
    </row>
    <row r="153732" spans="8:8">
      <c r="H153732" s="12"/>
    </row>
    <row r="153733" spans="8:8">
      <c r="H153733" s="12"/>
    </row>
    <row r="153734" spans="8:8">
      <c r="H153734" s="12"/>
    </row>
    <row r="153735" spans="8:8">
      <c r="H153735" s="12"/>
    </row>
    <row r="153736" spans="8:8">
      <c r="H153736" s="12"/>
    </row>
    <row r="153737" spans="8:8">
      <c r="H153737" s="12"/>
    </row>
    <row r="153738" spans="8:8">
      <c r="H153738" s="12"/>
    </row>
    <row r="153739" spans="8:8">
      <c r="H153739" s="12"/>
    </row>
    <row r="153740" spans="8:8">
      <c r="H153740" s="12"/>
    </row>
    <row r="153741" spans="8:8">
      <c r="H153741" s="12"/>
    </row>
    <row r="153742" spans="8:8">
      <c r="H153742" s="12"/>
    </row>
    <row r="153743" spans="8:8">
      <c r="H153743" s="12"/>
    </row>
    <row r="153744" spans="8:8">
      <c r="H153744" s="12"/>
    </row>
    <row r="153745" spans="8:8">
      <c r="H153745" s="12"/>
    </row>
    <row r="153746" spans="8:8">
      <c r="H153746" s="12"/>
    </row>
    <row r="153747" spans="8:8">
      <c r="H153747" s="12"/>
    </row>
    <row r="153748" spans="8:8">
      <c r="H153748" s="12"/>
    </row>
    <row r="153749" spans="8:8">
      <c r="H153749" s="12"/>
    </row>
    <row r="153750" spans="8:8">
      <c r="H153750" s="12"/>
    </row>
    <row r="153751" spans="8:8">
      <c r="H153751" s="12"/>
    </row>
    <row r="153752" spans="8:8">
      <c r="H153752" s="12"/>
    </row>
    <row r="153753" spans="8:8">
      <c r="H153753" s="12"/>
    </row>
    <row r="153754" spans="8:8">
      <c r="H153754" s="12"/>
    </row>
    <row r="153755" spans="8:8">
      <c r="H153755" s="12"/>
    </row>
    <row r="153756" spans="8:8">
      <c r="H153756" s="12"/>
    </row>
    <row r="153757" spans="8:8">
      <c r="H153757" s="12"/>
    </row>
    <row r="153758" spans="8:8">
      <c r="H153758" s="12"/>
    </row>
    <row r="153759" spans="8:8">
      <c r="H153759" s="12"/>
    </row>
    <row r="153760" spans="8:8">
      <c r="H153760" s="12"/>
    </row>
    <row r="153761" spans="8:8">
      <c r="H153761" s="12"/>
    </row>
    <row r="153762" spans="8:8">
      <c r="H153762" s="12"/>
    </row>
    <row r="153763" spans="8:8">
      <c r="H153763" s="12"/>
    </row>
    <row r="153764" spans="8:8">
      <c r="H153764" s="12"/>
    </row>
    <row r="153765" spans="8:8">
      <c r="H153765" s="12"/>
    </row>
    <row r="153766" spans="8:8">
      <c r="H153766" s="12"/>
    </row>
    <row r="153767" spans="8:8">
      <c r="H153767" s="12"/>
    </row>
    <row r="153768" spans="8:8">
      <c r="H153768" s="12"/>
    </row>
    <row r="153769" spans="8:8">
      <c r="H153769" s="12"/>
    </row>
    <row r="153770" spans="8:8">
      <c r="H153770" s="12"/>
    </row>
    <row r="153771" spans="8:8">
      <c r="H153771" s="12"/>
    </row>
    <row r="153772" spans="8:8">
      <c r="H153772" s="12"/>
    </row>
    <row r="153773" spans="8:8">
      <c r="H153773" s="12"/>
    </row>
    <row r="153774" spans="8:8">
      <c r="H153774" s="12"/>
    </row>
    <row r="153775" spans="8:8">
      <c r="H153775" s="12"/>
    </row>
    <row r="153776" spans="8:8">
      <c r="H153776" s="12"/>
    </row>
    <row r="153777" spans="8:8">
      <c r="H153777" s="12"/>
    </row>
    <row r="153778" spans="8:8">
      <c r="H153778" s="12"/>
    </row>
    <row r="153779" spans="8:8">
      <c r="H153779" s="12"/>
    </row>
    <row r="153780" spans="8:8">
      <c r="H153780" s="12"/>
    </row>
    <row r="153781" spans="8:8">
      <c r="H153781" s="12"/>
    </row>
    <row r="153782" spans="8:8">
      <c r="H153782" s="12"/>
    </row>
    <row r="153783" spans="8:8">
      <c r="H153783" s="12"/>
    </row>
    <row r="153784" spans="8:8">
      <c r="H153784" s="12"/>
    </row>
    <row r="153785" spans="8:8">
      <c r="H153785" s="12"/>
    </row>
    <row r="153786" spans="8:8">
      <c r="H153786" s="12"/>
    </row>
    <row r="153787" spans="8:8">
      <c r="H153787" s="12"/>
    </row>
    <row r="153788" spans="8:8">
      <c r="H153788" s="12"/>
    </row>
    <row r="153789" spans="8:8">
      <c r="H153789" s="12"/>
    </row>
    <row r="153790" spans="8:8">
      <c r="H153790" s="12"/>
    </row>
    <row r="153791" spans="8:8">
      <c r="H153791" s="12"/>
    </row>
    <row r="153792" spans="8:8">
      <c r="H153792" s="12"/>
    </row>
    <row r="153793" spans="8:8">
      <c r="H153793" s="12"/>
    </row>
    <row r="153794" spans="8:8">
      <c r="H153794" s="12"/>
    </row>
    <row r="153795" spans="8:8">
      <c r="H153795" s="12"/>
    </row>
    <row r="153796" spans="8:8">
      <c r="H153796" s="12"/>
    </row>
    <row r="153797" spans="8:8">
      <c r="H153797" s="12"/>
    </row>
    <row r="153798" spans="8:8">
      <c r="H153798" s="12"/>
    </row>
    <row r="153799" spans="8:8">
      <c r="H153799" s="12"/>
    </row>
    <row r="153800" spans="8:8">
      <c r="H153800" s="12"/>
    </row>
    <row r="153801" spans="8:8">
      <c r="H153801" s="12"/>
    </row>
    <row r="153802" spans="8:8">
      <c r="H153802" s="12"/>
    </row>
    <row r="153803" spans="8:8">
      <c r="H153803" s="12"/>
    </row>
    <row r="153804" spans="8:8">
      <c r="H153804" s="12"/>
    </row>
    <row r="153805" spans="8:8">
      <c r="H153805" s="12"/>
    </row>
    <row r="153806" spans="8:8">
      <c r="H153806" s="12"/>
    </row>
    <row r="153807" spans="8:8">
      <c r="H153807" s="12"/>
    </row>
    <row r="153808" spans="8:8">
      <c r="H153808" s="12"/>
    </row>
    <row r="153809" spans="8:8">
      <c r="H153809" s="12"/>
    </row>
    <row r="153810" spans="8:8">
      <c r="H153810" s="12"/>
    </row>
    <row r="153811" spans="8:8">
      <c r="H153811" s="12"/>
    </row>
    <row r="153812" spans="8:8">
      <c r="H153812" s="12"/>
    </row>
    <row r="153813" spans="8:8">
      <c r="H153813" s="12"/>
    </row>
    <row r="153814" spans="8:8">
      <c r="H153814" s="12"/>
    </row>
    <row r="153815" spans="8:8">
      <c r="H153815" s="12"/>
    </row>
    <row r="153816" spans="8:8">
      <c r="H153816" s="12"/>
    </row>
    <row r="153817" spans="8:8">
      <c r="H153817" s="12"/>
    </row>
    <row r="153818" spans="8:8">
      <c r="H153818" s="12"/>
    </row>
    <row r="153819" spans="8:8">
      <c r="H153819" s="12"/>
    </row>
    <row r="153820" spans="8:8">
      <c r="H153820" s="12"/>
    </row>
    <row r="153821" spans="8:8">
      <c r="H153821" s="12"/>
    </row>
    <row r="153822" spans="8:8">
      <c r="H153822" s="12"/>
    </row>
    <row r="153823" spans="8:8">
      <c r="H153823" s="12"/>
    </row>
    <row r="153824" spans="8:8">
      <c r="H153824" s="12"/>
    </row>
    <row r="153825" spans="8:8">
      <c r="H153825" s="12"/>
    </row>
    <row r="153826" spans="8:8">
      <c r="H153826" s="12"/>
    </row>
    <row r="153827" spans="8:8">
      <c r="H153827" s="12"/>
    </row>
    <row r="153828" spans="8:8">
      <c r="H153828" s="12"/>
    </row>
    <row r="153829" spans="8:8">
      <c r="H153829" s="12"/>
    </row>
    <row r="153830" spans="8:8">
      <c r="H153830" s="12"/>
    </row>
    <row r="153831" spans="8:8">
      <c r="H153831" s="12"/>
    </row>
    <row r="153832" spans="8:8">
      <c r="H153832" s="12"/>
    </row>
    <row r="153833" spans="8:8">
      <c r="H153833" s="12"/>
    </row>
    <row r="153834" spans="8:8">
      <c r="H153834" s="12"/>
    </row>
    <row r="153835" spans="8:8">
      <c r="H153835" s="12"/>
    </row>
    <row r="153836" spans="8:8">
      <c r="H153836" s="12"/>
    </row>
    <row r="153837" spans="8:8">
      <c r="H153837" s="12"/>
    </row>
    <row r="153838" spans="8:8">
      <c r="H153838" s="12"/>
    </row>
    <row r="153839" spans="8:8">
      <c r="H153839" s="12"/>
    </row>
    <row r="153840" spans="8:8">
      <c r="H153840" s="12"/>
    </row>
    <row r="153841" spans="8:8">
      <c r="H153841" s="12"/>
    </row>
    <row r="153842" spans="8:8">
      <c r="H153842" s="12"/>
    </row>
    <row r="153843" spans="8:8">
      <c r="H153843" s="12"/>
    </row>
    <row r="153844" spans="8:8">
      <c r="H153844" s="12"/>
    </row>
    <row r="153845" spans="8:8">
      <c r="H153845" s="12"/>
    </row>
    <row r="153846" spans="8:8">
      <c r="H153846" s="12"/>
    </row>
    <row r="153847" spans="8:8">
      <c r="H153847" s="12"/>
    </row>
    <row r="153848" spans="8:8">
      <c r="H153848" s="12"/>
    </row>
    <row r="153849" spans="8:8">
      <c r="H153849" s="12"/>
    </row>
    <row r="153850" spans="8:8">
      <c r="H153850" s="12"/>
    </row>
    <row r="153851" spans="8:8">
      <c r="H153851" s="12"/>
    </row>
    <row r="153852" spans="8:8">
      <c r="H153852" s="12"/>
    </row>
    <row r="153853" spans="8:8">
      <c r="H153853" s="12"/>
    </row>
    <row r="153854" spans="8:8">
      <c r="H153854" s="12"/>
    </row>
    <row r="153855" spans="8:8">
      <c r="H153855" s="12"/>
    </row>
    <row r="153856" spans="8:8">
      <c r="H153856" s="12"/>
    </row>
    <row r="153857" spans="8:8">
      <c r="H153857" s="12"/>
    </row>
    <row r="153858" spans="8:8">
      <c r="H153858" s="12"/>
    </row>
    <row r="153859" spans="8:8">
      <c r="H153859" s="12"/>
    </row>
    <row r="153860" spans="8:8">
      <c r="H153860" s="12"/>
    </row>
    <row r="153861" spans="8:8">
      <c r="H153861" s="12"/>
    </row>
    <row r="153862" spans="8:8">
      <c r="H153862" s="12"/>
    </row>
    <row r="153863" spans="8:8">
      <c r="H153863" s="12"/>
    </row>
    <row r="153864" spans="8:8">
      <c r="H153864" s="12"/>
    </row>
    <row r="153865" spans="8:8">
      <c r="H153865" s="12"/>
    </row>
    <row r="153866" spans="8:8">
      <c r="H153866" s="12"/>
    </row>
    <row r="153867" spans="8:8">
      <c r="H153867" s="12"/>
    </row>
    <row r="153868" spans="8:8">
      <c r="H153868" s="12"/>
    </row>
    <row r="153869" spans="8:8">
      <c r="H153869" s="12"/>
    </row>
    <row r="153870" spans="8:8">
      <c r="H153870" s="12"/>
    </row>
    <row r="153871" spans="8:8">
      <c r="H153871" s="12"/>
    </row>
    <row r="153872" spans="8:8">
      <c r="H153872" s="12"/>
    </row>
    <row r="153873" spans="8:8">
      <c r="H153873" s="12"/>
    </row>
    <row r="153874" spans="8:8">
      <c r="H153874" s="12"/>
    </row>
    <row r="153875" spans="8:8">
      <c r="H153875" s="12"/>
    </row>
    <row r="153876" spans="8:8">
      <c r="H153876" s="12"/>
    </row>
    <row r="153877" spans="8:8">
      <c r="H153877" s="12"/>
    </row>
    <row r="153878" spans="8:8">
      <c r="H153878" s="12"/>
    </row>
    <row r="153879" spans="8:8">
      <c r="H153879" s="12"/>
    </row>
    <row r="153880" spans="8:8">
      <c r="H153880" s="12"/>
    </row>
    <row r="153881" spans="8:8">
      <c r="H153881" s="12"/>
    </row>
    <row r="153882" spans="8:8">
      <c r="H153882" s="12"/>
    </row>
    <row r="153883" spans="8:8">
      <c r="H153883" s="12"/>
    </row>
    <row r="153884" spans="8:8">
      <c r="H153884" s="12"/>
    </row>
    <row r="153885" spans="8:8">
      <c r="H153885" s="12"/>
    </row>
    <row r="153886" spans="8:8">
      <c r="H153886" s="12"/>
    </row>
    <row r="153887" spans="8:8">
      <c r="H153887" s="12"/>
    </row>
    <row r="153888" spans="8:8">
      <c r="H153888" s="12"/>
    </row>
    <row r="153889" spans="8:8">
      <c r="H153889" s="12"/>
    </row>
    <row r="153890" spans="8:8">
      <c r="H153890" s="12"/>
    </row>
    <row r="153891" spans="8:8">
      <c r="H153891" s="12"/>
    </row>
    <row r="153892" spans="8:8">
      <c r="H153892" s="12"/>
    </row>
    <row r="153893" spans="8:8">
      <c r="H153893" s="12"/>
    </row>
    <row r="153894" spans="8:8">
      <c r="H153894" s="12"/>
    </row>
    <row r="153895" spans="8:8">
      <c r="H153895" s="12"/>
    </row>
    <row r="153896" spans="8:8">
      <c r="H153896" s="12"/>
    </row>
    <row r="153897" spans="8:8">
      <c r="H153897" s="12"/>
    </row>
    <row r="153898" spans="8:8">
      <c r="H153898" s="12"/>
    </row>
    <row r="153899" spans="8:8">
      <c r="H153899" s="12"/>
    </row>
    <row r="153900" spans="8:8">
      <c r="H153900" s="12"/>
    </row>
    <row r="153901" spans="8:8">
      <c r="H153901" s="12"/>
    </row>
    <row r="153902" spans="8:8">
      <c r="H153902" s="12"/>
    </row>
    <row r="153903" spans="8:8">
      <c r="H153903" s="12"/>
    </row>
    <row r="153904" spans="8:8">
      <c r="H153904" s="12"/>
    </row>
    <row r="153905" spans="8:8">
      <c r="H153905" s="12"/>
    </row>
    <row r="153906" spans="8:8">
      <c r="H153906" s="12"/>
    </row>
    <row r="153907" spans="8:8">
      <c r="H153907" s="12"/>
    </row>
    <row r="153908" spans="8:8">
      <c r="H153908" s="12"/>
    </row>
    <row r="153909" spans="8:8">
      <c r="H153909" s="12"/>
    </row>
    <row r="153910" spans="8:8">
      <c r="H153910" s="12"/>
    </row>
    <row r="153911" spans="8:8">
      <c r="H153911" s="12"/>
    </row>
    <row r="153912" spans="8:8">
      <c r="H153912" s="12"/>
    </row>
    <row r="153913" spans="8:8">
      <c r="H153913" s="12"/>
    </row>
    <row r="153914" spans="8:8">
      <c r="H153914" s="12"/>
    </row>
    <row r="153915" spans="8:8">
      <c r="H153915" s="12"/>
    </row>
    <row r="153916" spans="8:8">
      <c r="H153916" s="12"/>
    </row>
    <row r="153917" spans="8:8">
      <c r="H153917" s="12"/>
    </row>
    <row r="153918" spans="8:8">
      <c r="H153918" s="12"/>
    </row>
    <row r="153919" spans="8:8">
      <c r="H153919" s="12"/>
    </row>
    <row r="153920" spans="8:8">
      <c r="H153920" s="12"/>
    </row>
    <row r="153921" spans="8:8">
      <c r="H153921" s="12"/>
    </row>
    <row r="153922" spans="8:8">
      <c r="H153922" s="12"/>
    </row>
    <row r="153923" spans="8:8">
      <c r="H153923" s="12"/>
    </row>
    <row r="153924" spans="8:8">
      <c r="H153924" s="12"/>
    </row>
    <row r="153925" spans="8:8">
      <c r="H153925" s="12"/>
    </row>
    <row r="153926" spans="8:8">
      <c r="H153926" s="12"/>
    </row>
    <row r="153927" spans="8:8">
      <c r="H153927" s="12"/>
    </row>
    <row r="153928" spans="8:8">
      <c r="H153928" s="12"/>
    </row>
    <row r="153929" spans="8:8">
      <c r="H153929" s="12"/>
    </row>
    <row r="153930" spans="8:8">
      <c r="H153930" s="12"/>
    </row>
    <row r="153931" spans="8:8">
      <c r="H153931" s="12"/>
    </row>
    <row r="153932" spans="8:8">
      <c r="H153932" s="12"/>
    </row>
    <row r="153933" spans="8:8">
      <c r="H153933" s="12"/>
    </row>
    <row r="153934" spans="8:8">
      <c r="H153934" s="12"/>
    </row>
    <row r="153935" spans="8:8">
      <c r="H153935" s="12"/>
    </row>
    <row r="153936" spans="8:8">
      <c r="H153936" s="12"/>
    </row>
    <row r="153937" spans="8:8">
      <c r="H153937" s="12"/>
    </row>
    <row r="153938" spans="8:8">
      <c r="H153938" s="12"/>
    </row>
    <row r="153939" spans="8:8">
      <c r="H153939" s="12"/>
    </row>
    <row r="153940" spans="8:8">
      <c r="H153940" s="12"/>
    </row>
    <row r="153941" spans="8:8">
      <c r="H153941" s="12"/>
    </row>
    <row r="153942" spans="8:8">
      <c r="H153942" s="12"/>
    </row>
    <row r="153943" spans="8:8">
      <c r="H153943" s="12"/>
    </row>
    <row r="153944" spans="8:8">
      <c r="H153944" s="12"/>
    </row>
    <row r="153945" spans="8:8">
      <c r="H153945" s="12"/>
    </row>
    <row r="153946" spans="8:8">
      <c r="H153946" s="12"/>
    </row>
    <row r="153947" spans="8:8">
      <c r="H153947" s="12"/>
    </row>
    <row r="153948" spans="8:8">
      <c r="H153948" s="12"/>
    </row>
    <row r="153949" spans="8:8">
      <c r="H153949" s="12"/>
    </row>
    <row r="153950" spans="8:8">
      <c r="H153950" s="12"/>
    </row>
    <row r="153951" spans="8:8">
      <c r="H153951" s="12"/>
    </row>
    <row r="153952" spans="8:8">
      <c r="H153952" s="12"/>
    </row>
    <row r="153953" spans="8:8">
      <c r="H153953" s="12"/>
    </row>
    <row r="153954" spans="8:8">
      <c r="H153954" s="12"/>
    </row>
    <row r="153955" spans="8:8">
      <c r="H153955" s="12"/>
    </row>
    <row r="153956" spans="8:8">
      <c r="H153956" s="12"/>
    </row>
    <row r="153957" spans="8:8">
      <c r="H153957" s="12"/>
    </row>
    <row r="153958" spans="8:8">
      <c r="H153958" s="12"/>
    </row>
    <row r="153959" spans="8:8">
      <c r="H153959" s="12"/>
    </row>
    <row r="153960" spans="8:8">
      <c r="H153960" s="12"/>
    </row>
    <row r="153961" spans="8:8">
      <c r="H153961" s="12"/>
    </row>
    <row r="153962" spans="8:8">
      <c r="H153962" s="12"/>
    </row>
    <row r="153963" spans="8:8">
      <c r="H153963" s="12"/>
    </row>
    <row r="153964" spans="8:8">
      <c r="H153964" s="12"/>
    </row>
    <row r="153965" spans="8:8">
      <c r="H153965" s="12"/>
    </row>
    <row r="153966" spans="8:8">
      <c r="H153966" s="12"/>
    </row>
    <row r="153967" spans="8:8">
      <c r="H153967" s="12"/>
    </row>
    <row r="153968" spans="8:8">
      <c r="H153968" s="12"/>
    </row>
    <row r="153969" spans="8:8">
      <c r="H153969" s="12"/>
    </row>
    <row r="153970" spans="8:8">
      <c r="H153970" s="12"/>
    </row>
    <row r="153971" spans="8:8">
      <c r="H153971" s="12"/>
    </row>
    <row r="153972" spans="8:8">
      <c r="H153972" s="12"/>
    </row>
    <row r="153973" spans="8:8">
      <c r="H153973" s="12"/>
    </row>
    <row r="153974" spans="8:8">
      <c r="H153974" s="12"/>
    </row>
    <row r="153975" spans="8:8">
      <c r="H153975" s="12"/>
    </row>
    <row r="153976" spans="8:8">
      <c r="H153976" s="12"/>
    </row>
    <row r="153977" spans="8:8">
      <c r="H153977" s="12"/>
    </row>
    <row r="153978" spans="8:8">
      <c r="H153978" s="12"/>
    </row>
    <row r="153979" spans="8:8">
      <c r="H153979" s="12"/>
    </row>
    <row r="153980" spans="8:8">
      <c r="H153980" s="12"/>
    </row>
    <row r="153981" spans="8:8">
      <c r="H153981" s="12"/>
    </row>
    <row r="153982" spans="8:8">
      <c r="H153982" s="12"/>
    </row>
    <row r="153983" spans="8:8">
      <c r="H153983" s="12"/>
    </row>
    <row r="153984" spans="8:8">
      <c r="H153984" s="12"/>
    </row>
    <row r="153985" spans="8:8">
      <c r="H153985" s="12"/>
    </row>
    <row r="153986" spans="8:8">
      <c r="H153986" s="12"/>
    </row>
    <row r="153987" spans="8:8">
      <c r="H153987" s="12"/>
    </row>
    <row r="153988" spans="8:8">
      <c r="H153988" s="12"/>
    </row>
    <row r="153989" spans="8:8">
      <c r="H153989" s="12"/>
    </row>
    <row r="153990" spans="8:8">
      <c r="H153990" s="12"/>
    </row>
    <row r="153991" spans="8:8">
      <c r="H153991" s="12"/>
    </row>
    <row r="153992" spans="8:8">
      <c r="H153992" s="12"/>
    </row>
    <row r="153993" spans="8:8">
      <c r="H153993" s="12"/>
    </row>
    <row r="153994" spans="8:8">
      <c r="H153994" s="12"/>
    </row>
    <row r="153995" spans="8:8">
      <c r="H153995" s="12"/>
    </row>
    <row r="153996" spans="8:8">
      <c r="H153996" s="12"/>
    </row>
    <row r="153997" spans="8:8">
      <c r="H153997" s="12"/>
    </row>
    <row r="153998" spans="8:8">
      <c r="H153998" s="12"/>
    </row>
    <row r="153999" spans="8:8">
      <c r="H153999" s="12"/>
    </row>
    <row r="154000" spans="8:8">
      <c r="H154000" s="12"/>
    </row>
    <row r="154001" spans="8:8">
      <c r="H154001" s="12"/>
    </row>
    <row r="154002" spans="8:8">
      <c r="H154002" s="12"/>
    </row>
    <row r="154003" spans="8:8">
      <c r="H154003" s="12"/>
    </row>
    <row r="154004" spans="8:8">
      <c r="H154004" s="12"/>
    </row>
    <row r="154005" spans="8:8">
      <c r="H154005" s="12"/>
    </row>
    <row r="154006" spans="8:8">
      <c r="H154006" s="12"/>
    </row>
    <row r="154007" spans="8:8">
      <c r="H154007" s="12"/>
    </row>
    <row r="154008" spans="8:8">
      <c r="H154008" s="12"/>
    </row>
    <row r="154009" spans="8:8">
      <c r="H154009" s="12"/>
    </row>
    <row r="154010" spans="8:8">
      <c r="H154010" s="12"/>
    </row>
    <row r="154011" spans="8:8">
      <c r="H154011" s="12"/>
    </row>
    <row r="154012" spans="8:8">
      <c r="H154012" s="12"/>
    </row>
    <row r="154013" spans="8:8">
      <c r="H154013" s="12"/>
    </row>
    <row r="154014" spans="8:8">
      <c r="H154014" s="12"/>
    </row>
    <row r="154015" spans="8:8">
      <c r="H154015" s="12"/>
    </row>
    <row r="154016" spans="8:8">
      <c r="H154016" s="12"/>
    </row>
    <row r="154017" spans="8:8">
      <c r="H154017" s="12"/>
    </row>
    <row r="154018" spans="8:8">
      <c r="H154018" s="12"/>
    </row>
    <row r="154019" spans="8:8">
      <c r="H154019" s="12"/>
    </row>
    <row r="154020" spans="8:8">
      <c r="H154020" s="12"/>
    </row>
    <row r="154021" spans="8:8">
      <c r="H154021" s="12"/>
    </row>
    <row r="154022" spans="8:8">
      <c r="H154022" s="12"/>
    </row>
    <row r="154023" spans="8:8">
      <c r="H154023" s="12"/>
    </row>
    <row r="154024" spans="8:8">
      <c r="H154024" s="12"/>
    </row>
    <row r="154025" spans="8:8">
      <c r="H154025" s="12"/>
    </row>
    <row r="154026" spans="8:8">
      <c r="H154026" s="12"/>
    </row>
    <row r="154027" spans="8:8">
      <c r="H154027" s="12"/>
    </row>
    <row r="154028" spans="8:8">
      <c r="H154028" s="12"/>
    </row>
    <row r="154029" spans="8:8">
      <c r="H154029" s="12"/>
    </row>
    <row r="154030" spans="8:8">
      <c r="H154030" s="12"/>
    </row>
    <row r="154031" spans="8:8">
      <c r="H154031" s="12"/>
    </row>
    <row r="154032" spans="8:8">
      <c r="H154032" s="12"/>
    </row>
    <row r="154033" spans="8:8">
      <c r="H154033" s="12"/>
    </row>
    <row r="154034" spans="8:8">
      <c r="H154034" s="12"/>
    </row>
    <row r="154035" spans="8:8">
      <c r="H154035" s="12"/>
    </row>
    <row r="154036" spans="8:8">
      <c r="H154036" s="12"/>
    </row>
    <row r="154037" spans="8:8">
      <c r="H154037" s="12"/>
    </row>
    <row r="154038" spans="8:8">
      <c r="H154038" s="12"/>
    </row>
    <row r="154039" spans="8:8">
      <c r="H154039" s="12"/>
    </row>
    <row r="154040" spans="8:8">
      <c r="H154040" s="12"/>
    </row>
    <row r="154041" spans="8:8">
      <c r="H154041" s="12"/>
    </row>
    <row r="154042" spans="8:8">
      <c r="H154042" s="12"/>
    </row>
    <row r="154043" spans="8:8">
      <c r="H154043" s="12"/>
    </row>
    <row r="154044" spans="8:8">
      <c r="H154044" s="12"/>
    </row>
    <row r="154045" spans="8:8">
      <c r="H154045" s="12"/>
    </row>
    <row r="154046" spans="8:8">
      <c r="H154046" s="12"/>
    </row>
    <row r="154047" spans="8:8">
      <c r="H154047" s="12"/>
    </row>
    <row r="154048" spans="8:8">
      <c r="H154048" s="12"/>
    </row>
    <row r="154049" spans="8:8">
      <c r="H154049" s="12"/>
    </row>
    <row r="154050" spans="8:8">
      <c r="H154050" s="12"/>
    </row>
    <row r="154051" spans="8:8">
      <c r="H154051" s="12"/>
    </row>
    <row r="154052" spans="8:8">
      <c r="H154052" s="12"/>
    </row>
    <row r="154053" spans="8:8">
      <c r="H154053" s="12"/>
    </row>
    <row r="154054" spans="8:8">
      <c r="H154054" s="12"/>
    </row>
    <row r="154055" spans="8:8">
      <c r="H154055" s="12"/>
    </row>
    <row r="154056" spans="8:8">
      <c r="H154056" s="12"/>
    </row>
    <row r="154057" spans="8:8">
      <c r="H154057" s="12"/>
    </row>
    <row r="154058" spans="8:8">
      <c r="H154058" s="12"/>
    </row>
    <row r="154059" spans="8:8">
      <c r="H154059" s="12"/>
    </row>
    <row r="154060" spans="8:8">
      <c r="H154060" s="12"/>
    </row>
    <row r="154061" spans="8:8">
      <c r="H154061" s="12"/>
    </row>
    <row r="154062" spans="8:8">
      <c r="H154062" s="12"/>
    </row>
    <row r="154063" spans="8:8">
      <c r="H154063" s="12"/>
    </row>
    <row r="154064" spans="8:8">
      <c r="H154064" s="12"/>
    </row>
    <row r="154065" spans="8:8">
      <c r="H154065" s="12"/>
    </row>
    <row r="154066" spans="8:8">
      <c r="H154066" s="12"/>
    </row>
    <row r="154067" spans="8:8">
      <c r="H154067" s="12"/>
    </row>
    <row r="154068" spans="8:8">
      <c r="H154068" s="12"/>
    </row>
    <row r="154069" spans="8:8">
      <c r="H154069" s="12"/>
    </row>
    <row r="154070" spans="8:8">
      <c r="H154070" s="12"/>
    </row>
    <row r="154071" spans="8:8">
      <c r="H154071" s="12"/>
    </row>
    <row r="154072" spans="8:8">
      <c r="H154072" s="12"/>
    </row>
    <row r="154073" spans="8:8">
      <c r="H154073" s="12"/>
    </row>
    <row r="154074" spans="8:8">
      <c r="H154074" s="12"/>
    </row>
    <row r="154075" spans="8:8">
      <c r="H154075" s="12"/>
    </row>
    <row r="154076" spans="8:8">
      <c r="H154076" s="12"/>
    </row>
    <row r="154077" spans="8:8">
      <c r="H154077" s="12"/>
    </row>
    <row r="154078" spans="8:8">
      <c r="H154078" s="12"/>
    </row>
    <row r="154079" spans="8:8">
      <c r="H154079" s="12"/>
    </row>
    <row r="154080" spans="8:8">
      <c r="H154080" s="12"/>
    </row>
    <row r="154081" spans="8:8">
      <c r="H154081" s="12"/>
    </row>
    <row r="154082" spans="8:8">
      <c r="H154082" s="12"/>
    </row>
    <row r="154083" spans="8:8">
      <c r="H154083" s="12"/>
    </row>
    <row r="154084" spans="8:8">
      <c r="H154084" s="12"/>
    </row>
    <row r="154085" spans="8:8">
      <c r="H154085" s="12"/>
    </row>
    <row r="154086" spans="8:8">
      <c r="H154086" s="12"/>
    </row>
    <row r="154087" spans="8:8">
      <c r="H154087" s="12"/>
    </row>
    <row r="154088" spans="8:8">
      <c r="H154088" s="12"/>
    </row>
    <row r="154089" spans="8:8">
      <c r="H154089" s="12"/>
    </row>
    <row r="154090" spans="8:8">
      <c r="H154090" s="12"/>
    </row>
    <row r="154091" spans="8:8">
      <c r="H154091" s="12"/>
    </row>
    <row r="154092" spans="8:8">
      <c r="H154092" s="12"/>
    </row>
    <row r="154093" spans="8:8">
      <c r="H154093" s="12"/>
    </row>
    <row r="154094" spans="8:8">
      <c r="H154094" s="12"/>
    </row>
    <row r="154095" spans="8:8">
      <c r="H154095" s="12"/>
    </row>
    <row r="154096" spans="8:8">
      <c r="H154096" s="12"/>
    </row>
    <row r="154097" spans="8:8">
      <c r="H154097" s="12"/>
    </row>
    <row r="154098" spans="8:8">
      <c r="H154098" s="12"/>
    </row>
    <row r="154099" spans="8:8">
      <c r="H154099" s="12"/>
    </row>
    <row r="154100" spans="8:8">
      <c r="H154100" s="12"/>
    </row>
    <row r="154101" spans="8:8">
      <c r="H154101" s="12"/>
    </row>
    <row r="154102" spans="8:8">
      <c r="H154102" s="12"/>
    </row>
    <row r="154103" spans="8:8">
      <c r="H154103" s="12"/>
    </row>
    <row r="154104" spans="8:8">
      <c r="H154104" s="12"/>
    </row>
    <row r="154105" spans="8:8">
      <c r="H154105" s="12"/>
    </row>
    <row r="154106" spans="8:8">
      <c r="H154106" s="12"/>
    </row>
    <row r="154107" spans="8:8">
      <c r="H154107" s="12"/>
    </row>
    <row r="154108" spans="8:8">
      <c r="H154108" s="12"/>
    </row>
    <row r="154109" spans="8:8">
      <c r="H154109" s="12"/>
    </row>
    <row r="154110" spans="8:8">
      <c r="H154110" s="12"/>
    </row>
    <row r="154111" spans="8:8">
      <c r="H154111" s="12"/>
    </row>
    <row r="154112" spans="8:8">
      <c r="H154112" s="12"/>
    </row>
    <row r="154113" spans="8:8">
      <c r="H154113" s="12"/>
    </row>
    <row r="154114" spans="8:8">
      <c r="H154114" s="12"/>
    </row>
    <row r="154115" spans="8:8">
      <c r="H154115" s="12"/>
    </row>
    <row r="154116" spans="8:8">
      <c r="H154116" s="12"/>
    </row>
    <row r="154117" spans="8:8">
      <c r="H154117" s="12"/>
    </row>
    <row r="154118" spans="8:8">
      <c r="H154118" s="12"/>
    </row>
    <row r="154119" spans="8:8">
      <c r="H154119" s="12"/>
    </row>
    <row r="154120" spans="8:8">
      <c r="H154120" s="12"/>
    </row>
    <row r="154121" spans="8:8">
      <c r="H154121" s="12"/>
    </row>
    <row r="154122" spans="8:8">
      <c r="H154122" s="12"/>
    </row>
    <row r="154123" spans="8:8">
      <c r="H154123" s="12"/>
    </row>
    <row r="154124" spans="8:8">
      <c r="H154124" s="12"/>
    </row>
    <row r="154125" spans="8:8">
      <c r="H154125" s="12"/>
    </row>
    <row r="154126" spans="8:8">
      <c r="H154126" s="12"/>
    </row>
    <row r="154127" spans="8:8">
      <c r="H154127" s="12"/>
    </row>
    <row r="154128" spans="8:8">
      <c r="H154128" s="12"/>
    </row>
    <row r="154129" spans="8:8">
      <c r="H154129" s="12"/>
    </row>
    <row r="154130" spans="8:8">
      <c r="H154130" s="12"/>
    </row>
    <row r="154131" spans="8:8">
      <c r="H154131" s="12"/>
    </row>
    <row r="154132" spans="8:8">
      <c r="H154132" s="12"/>
    </row>
    <row r="154133" spans="8:8">
      <c r="H154133" s="12"/>
    </row>
    <row r="154134" spans="8:8">
      <c r="H154134" s="12"/>
    </row>
    <row r="154135" spans="8:8">
      <c r="H154135" s="12"/>
    </row>
    <row r="154136" spans="8:8">
      <c r="H154136" s="12"/>
    </row>
    <row r="154137" spans="8:8">
      <c r="H154137" s="12"/>
    </row>
    <row r="154138" spans="8:8">
      <c r="H154138" s="12"/>
    </row>
    <row r="154139" spans="8:8">
      <c r="H154139" s="12"/>
    </row>
    <row r="154140" spans="8:8">
      <c r="H154140" s="12"/>
    </row>
    <row r="154141" spans="8:8">
      <c r="H154141" s="12"/>
    </row>
    <row r="154142" spans="8:8">
      <c r="H154142" s="12"/>
    </row>
    <row r="154143" spans="8:8">
      <c r="H154143" s="12"/>
    </row>
    <row r="154144" spans="8:8">
      <c r="H154144" s="12"/>
    </row>
    <row r="154145" spans="8:8">
      <c r="H154145" s="12"/>
    </row>
    <row r="154146" spans="8:8">
      <c r="H154146" s="12"/>
    </row>
    <row r="154147" spans="8:8">
      <c r="H154147" s="12"/>
    </row>
    <row r="154148" spans="8:8">
      <c r="H154148" s="12"/>
    </row>
    <row r="154149" spans="8:8">
      <c r="H154149" s="12"/>
    </row>
    <row r="154150" spans="8:8">
      <c r="H154150" s="12"/>
    </row>
    <row r="154151" spans="8:8">
      <c r="H154151" s="12"/>
    </row>
    <row r="154152" spans="8:8">
      <c r="H154152" s="12"/>
    </row>
    <row r="154153" spans="8:8">
      <c r="H154153" s="12"/>
    </row>
    <row r="154154" spans="8:8">
      <c r="H154154" s="12"/>
    </row>
    <row r="154155" spans="8:8">
      <c r="H154155" s="12"/>
    </row>
    <row r="154156" spans="8:8">
      <c r="H154156" s="12"/>
    </row>
    <row r="154157" spans="8:8">
      <c r="H154157" s="12"/>
    </row>
    <row r="154158" spans="8:8">
      <c r="H154158" s="12"/>
    </row>
    <row r="154159" spans="8:8">
      <c r="H154159" s="12"/>
    </row>
    <row r="154160" spans="8:8">
      <c r="H154160" s="12"/>
    </row>
    <row r="154161" spans="8:8">
      <c r="H154161" s="12"/>
    </row>
    <row r="154162" spans="8:8">
      <c r="H154162" s="12"/>
    </row>
    <row r="154163" spans="8:8">
      <c r="H154163" s="12"/>
    </row>
    <row r="154164" spans="8:8">
      <c r="H154164" s="12"/>
    </row>
    <row r="154165" spans="8:8">
      <c r="H154165" s="12"/>
    </row>
    <row r="154166" spans="8:8">
      <c r="H154166" s="12"/>
    </row>
    <row r="154167" spans="8:8">
      <c r="H154167" s="12"/>
    </row>
    <row r="154168" spans="8:8">
      <c r="H154168" s="12"/>
    </row>
    <row r="154169" spans="8:8">
      <c r="H154169" s="12"/>
    </row>
    <row r="154170" spans="8:8">
      <c r="H154170" s="12"/>
    </row>
    <row r="154171" spans="8:8">
      <c r="H154171" s="12"/>
    </row>
    <row r="154172" spans="8:8">
      <c r="H154172" s="12"/>
    </row>
    <row r="154173" spans="8:8">
      <c r="H154173" s="12"/>
    </row>
    <row r="154174" spans="8:8">
      <c r="H154174" s="12"/>
    </row>
    <row r="154175" spans="8:8">
      <c r="H154175" s="12"/>
    </row>
    <row r="154176" spans="8:8">
      <c r="H154176" s="12"/>
    </row>
    <row r="154177" spans="8:8">
      <c r="H154177" s="12"/>
    </row>
    <row r="154178" spans="8:8">
      <c r="H154178" s="12"/>
    </row>
    <row r="154179" spans="8:8">
      <c r="H154179" s="12"/>
    </row>
    <row r="154180" spans="8:8">
      <c r="H154180" s="12"/>
    </row>
    <row r="154181" spans="8:8">
      <c r="H154181" s="12"/>
    </row>
    <row r="154182" spans="8:8">
      <c r="H154182" s="12"/>
    </row>
    <row r="154183" spans="8:8">
      <c r="H154183" s="12"/>
    </row>
    <row r="154184" spans="8:8">
      <c r="H154184" s="12"/>
    </row>
    <row r="154185" spans="8:8">
      <c r="H154185" s="12"/>
    </row>
    <row r="154186" spans="8:8">
      <c r="H154186" s="12"/>
    </row>
    <row r="154187" spans="8:8">
      <c r="H154187" s="12"/>
    </row>
    <row r="154188" spans="8:8">
      <c r="H154188" s="12"/>
    </row>
    <row r="154189" spans="8:8">
      <c r="H154189" s="12"/>
    </row>
    <row r="154190" spans="8:8">
      <c r="H154190" s="12"/>
    </row>
    <row r="154191" spans="8:8">
      <c r="H154191" s="12"/>
    </row>
    <row r="154192" spans="8:8">
      <c r="H154192" s="12"/>
    </row>
    <row r="154193" spans="8:8">
      <c r="H154193" s="12"/>
    </row>
    <row r="154194" spans="8:8">
      <c r="H154194" s="12"/>
    </row>
    <row r="154195" spans="8:8">
      <c r="H154195" s="12"/>
    </row>
    <row r="154196" spans="8:8">
      <c r="H154196" s="12"/>
    </row>
    <row r="154197" spans="8:8">
      <c r="H154197" s="12"/>
    </row>
    <row r="154198" spans="8:8">
      <c r="H154198" s="12"/>
    </row>
    <row r="154199" spans="8:8">
      <c r="H154199" s="12"/>
    </row>
    <row r="154200" spans="8:8">
      <c r="H154200" s="12"/>
    </row>
    <row r="154201" spans="8:8">
      <c r="H154201" s="12"/>
    </row>
    <row r="154202" spans="8:8">
      <c r="H154202" s="12"/>
    </row>
    <row r="154203" spans="8:8">
      <c r="H154203" s="12"/>
    </row>
    <row r="154204" spans="8:8">
      <c r="H154204" s="12"/>
    </row>
    <row r="154205" spans="8:8">
      <c r="H154205" s="12"/>
    </row>
    <row r="154206" spans="8:8">
      <c r="H154206" s="12"/>
    </row>
    <row r="154207" spans="8:8">
      <c r="H154207" s="12"/>
    </row>
    <row r="154208" spans="8:8">
      <c r="H154208" s="12"/>
    </row>
    <row r="154209" spans="8:8">
      <c r="H154209" s="12"/>
    </row>
    <row r="154210" spans="8:8">
      <c r="H154210" s="12"/>
    </row>
    <row r="154211" spans="8:8">
      <c r="H154211" s="12"/>
    </row>
    <row r="154212" spans="8:8">
      <c r="H154212" s="12"/>
    </row>
    <row r="154213" spans="8:8">
      <c r="H154213" s="12"/>
    </row>
    <row r="154214" spans="8:8">
      <c r="H154214" s="12"/>
    </row>
    <row r="154215" spans="8:8">
      <c r="H154215" s="12"/>
    </row>
    <row r="154216" spans="8:8">
      <c r="H154216" s="12"/>
    </row>
    <row r="154217" spans="8:8">
      <c r="H154217" s="12"/>
    </row>
    <row r="154218" spans="8:8">
      <c r="H154218" s="12"/>
    </row>
    <row r="154219" spans="8:8">
      <c r="H154219" s="12"/>
    </row>
    <row r="154220" spans="8:8">
      <c r="H154220" s="12"/>
    </row>
    <row r="154221" spans="8:8">
      <c r="H154221" s="12"/>
    </row>
    <row r="154222" spans="8:8">
      <c r="H154222" s="12"/>
    </row>
    <row r="154223" spans="8:8">
      <c r="H154223" s="12"/>
    </row>
    <row r="154224" spans="8:8">
      <c r="H154224" s="12"/>
    </row>
    <row r="154225" spans="8:8">
      <c r="H154225" s="12"/>
    </row>
    <row r="154226" spans="8:8">
      <c r="H154226" s="12"/>
    </row>
    <row r="154227" spans="8:8">
      <c r="H154227" s="12"/>
    </row>
    <row r="154228" spans="8:8">
      <c r="H154228" s="12"/>
    </row>
    <row r="154229" spans="8:8">
      <c r="H154229" s="12"/>
    </row>
    <row r="154230" spans="8:8">
      <c r="H154230" s="12"/>
    </row>
    <row r="154231" spans="8:8">
      <c r="H154231" s="12"/>
    </row>
    <row r="154232" spans="8:8">
      <c r="H154232" s="12"/>
    </row>
    <row r="154233" spans="8:8">
      <c r="H154233" s="12"/>
    </row>
    <row r="154234" spans="8:8">
      <c r="H154234" s="12"/>
    </row>
    <row r="154235" spans="8:8">
      <c r="H154235" s="12"/>
    </row>
    <row r="154236" spans="8:8">
      <c r="H154236" s="12"/>
    </row>
    <row r="154237" spans="8:8">
      <c r="H154237" s="12"/>
    </row>
    <row r="154238" spans="8:8">
      <c r="H154238" s="12"/>
    </row>
    <row r="154239" spans="8:8">
      <c r="H154239" s="12"/>
    </row>
    <row r="154240" spans="8:8">
      <c r="H154240" s="12"/>
    </row>
    <row r="154241" spans="8:8">
      <c r="H154241" s="12"/>
    </row>
    <row r="154242" spans="8:8">
      <c r="H154242" s="12"/>
    </row>
    <row r="154243" spans="8:8">
      <c r="H154243" s="12"/>
    </row>
    <row r="154244" spans="8:8">
      <c r="H154244" s="12"/>
    </row>
    <row r="154245" spans="8:8">
      <c r="H154245" s="12"/>
    </row>
    <row r="154246" spans="8:8">
      <c r="H154246" s="12"/>
    </row>
    <row r="154247" spans="8:8">
      <c r="H154247" s="12"/>
    </row>
    <row r="154248" spans="8:8">
      <c r="H154248" s="12"/>
    </row>
    <row r="154249" spans="8:8">
      <c r="H154249" s="12"/>
    </row>
    <row r="154250" spans="8:8">
      <c r="H154250" s="12"/>
    </row>
    <row r="154251" spans="8:8">
      <c r="H154251" s="12"/>
    </row>
    <row r="154252" spans="8:8">
      <c r="H154252" s="12"/>
    </row>
    <row r="154253" spans="8:8">
      <c r="H154253" s="12"/>
    </row>
    <row r="154254" spans="8:8">
      <c r="H154254" s="12"/>
    </row>
    <row r="154255" spans="8:8">
      <c r="H154255" s="12"/>
    </row>
    <row r="154256" spans="8:8">
      <c r="H154256" s="12"/>
    </row>
    <row r="154257" spans="8:8">
      <c r="H154257" s="12"/>
    </row>
    <row r="154258" spans="8:8">
      <c r="H154258" s="12"/>
    </row>
    <row r="154259" spans="8:8">
      <c r="H154259" s="12"/>
    </row>
    <row r="154260" spans="8:8">
      <c r="H154260" s="12"/>
    </row>
    <row r="154261" spans="8:8">
      <c r="H154261" s="12"/>
    </row>
    <row r="154262" spans="8:8">
      <c r="H154262" s="12"/>
    </row>
    <row r="154263" spans="8:8">
      <c r="H154263" s="12"/>
    </row>
    <row r="154264" spans="8:8">
      <c r="H154264" s="12"/>
    </row>
    <row r="154265" spans="8:8">
      <c r="H154265" s="12"/>
    </row>
    <row r="154266" spans="8:8">
      <c r="H154266" s="12"/>
    </row>
    <row r="154267" spans="8:8">
      <c r="H154267" s="12"/>
    </row>
    <row r="154268" spans="8:8">
      <c r="H154268" s="12"/>
    </row>
    <row r="154269" spans="8:8">
      <c r="H154269" s="12"/>
    </row>
    <row r="154270" spans="8:8">
      <c r="H154270" s="12"/>
    </row>
    <row r="154271" spans="8:8">
      <c r="H154271" s="12"/>
    </row>
    <row r="154272" spans="8:8">
      <c r="H154272" s="12"/>
    </row>
    <row r="154273" spans="8:8">
      <c r="H154273" s="12"/>
    </row>
    <row r="154274" spans="8:8">
      <c r="H154274" s="12"/>
    </row>
    <row r="154275" spans="8:8">
      <c r="H154275" s="12"/>
    </row>
    <row r="154276" spans="8:8">
      <c r="H154276" s="12"/>
    </row>
    <row r="154277" spans="8:8">
      <c r="H154277" s="12"/>
    </row>
    <row r="154278" spans="8:8">
      <c r="H154278" s="12"/>
    </row>
    <row r="154279" spans="8:8">
      <c r="H154279" s="12"/>
    </row>
    <row r="154280" spans="8:8">
      <c r="H154280" s="12"/>
    </row>
    <row r="154281" spans="8:8">
      <c r="H154281" s="12"/>
    </row>
    <row r="154282" spans="8:8">
      <c r="H154282" s="12"/>
    </row>
    <row r="154283" spans="8:8">
      <c r="H154283" s="12"/>
    </row>
    <row r="154284" spans="8:8">
      <c r="H154284" s="12"/>
    </row>
    <row r="154285" spans="8:8">
      <c r="H154285" s="12"/>
    </row>
    <row r="154286" spans="8:8">
      <c r="H154286" s="12"/>
    </row>
    <row r="154287" spans="8:8">
      <c r="H154287" s="12"/>
    </row>
    <row r="154288" spans="8:8">
      <c r="H154288" s="12"/>
    </row>
    <row r="154289" spans="8:8">
      <c r="H154289" s="12"/>
    </row>
    <row r="154290" spans="8:8">
      <c r="H154290" s="12"/>
    </row>
    <row r="154291" spans="8:8">
      <c r="H154291" s="12"/>
    </row>
    <row r="154292" spans="8:8">
      <c r="H154292" s="12"/>
    </row>
    <row r="154293" spans="8:8">
      <c r="H154293" s="12"/>
    </row>
    <row r="154294" spans="8:8">
      <c r="H154294" s="12"/>
    </row>
    <row r="154295" spans="8:8">
      <c r="H154295" s="12"/>
    </row>
    <row r="154296" spans="8:8">
      <c r="H154296" s="12"/>
    </row>
    <row r="154297" spans="8:8">
      <c r="H154297" s="12"/>
    </row>
    <row r="154298" spans="8:8">
      <c r="H154298" s="12"/>
    </row>
    <row r="154299" spans="8:8">
      <c r="H154299" s="12"/>
    </row>
    <row r="154300" spans="8:8">
      <c r="H154300" s="12"/>
    </row>
    <row r="154301" spans="8:8">
      <c r="H154301" s="12"/>
    </row>
    <row r="154302" spans="8:8">
      <c r="H154302" s="12"/>
    </row>
    <row r="154303" spans="8:8">
      <c r="H154303" s="12"/>
    </row>
    <row r="154304" spans="8:8">
      <c r="H154304" s="12"/>
    </row>
    <row r="154305" spans="8:8">
      <c r="H154305" s="12"/>
    </row>
    <row r="154306" spans="8:8">
      <c r="H154306" s="12"/>
    </row>
    <row r="154307" spans="8:8">
      <c r="H154307" s="12"/>
    </row>
    <row r="154308" spans="8:8">
      <c r="H154308" s="12"/>
    </row>
    <row r="154309" spans="8:8">
      <c r="H154309" s="12"/>
    </row>
    <row r="154310" spans="8:8">
      <c r="H154310" s="12"/>
    </row>
    <row r="154311" spans="8:8">
      <c r="H154311" s="12"/>
    </row>
    <row r="154312" spans="8:8">
      <c r="H154312" s="12"/>
    </row>
    <row r="154313" spans="8:8">
      <c r="H154313" s="12"/>
    </row>
    <row r="154314" spans="8:8">
      <c r="H154314" s="12"/>
    </row>
    <row r="154315" spans="8:8">
      <c r="H154315" s="12"/>
    </row>
    <row r="154316" spans="8:8">
      <c r="H154316" s="12"/>
    </row>
    <row r="154317" spans="8:8">
      <c r="H154317" s="12"/>
    </row>
    <row r="154318" spans="8:8">
      <c r="H154318" s="12"/>
    </row>
    <row r="154319" spans="8:8">
      <c r="H154319" s="12"/>
    </row>
    <row r="154320" spans="8:8">
      <c r="H154320" s="12"/>
    </row>
    <row r="154321" spans="8:8">
      <c r="H154321" s="12"/>
    </row>
    <row r="154322" spans="8:8">
      <c r="H154322" s="12"/>
    </row>
    <row r="154323" spans="8:8">
      <c r="H154323" s="12"/>
    </row>
    <row r="154324" spans="8:8">
      <c r="H154324" s="12"/>
    </row>
    <row r="154325" spans="8:8">
      <c r="H154325" s="12"/>
    </row>
    <row r="154326" spans="8:8">
      <c r="H154326" s="12"/>
    </row>
    <row r="154327" spans="8:8">
      <c r="H154327" s="12"/>
    </row>
    <row r="154328" spans="8:8">
      <c r="H154328" s="12"/>
    </row>
    <row r="154329" spans="8:8">
      <c r="H154329" s="12"/>
    </row>
    <row r="154330" spans="8:8">
      <c r="H154330" s="12"/>
    </row>
    <row r="154331" spans="8:8">
      <c r="H154331" s="12"/>
    </row>
    <row r="154332" spans="8:8">
      <c r="H154332" s="12"/>
    </row>
    <row r="154333" spans="8:8">
      <c r="H154333" s="12"/>
    </row>
    <row r="154334" spans="8:8">
      <c r="H154334" s="12"/>
    </row>
    <row r="154335" spans="8:8">
      <c r="H154335" s="12"/>
    </row>
    <row r="154336" spans="8:8">
      <c r="H154336" s="12"/>
    </row>
    <row r="154337" spans="8:8">
      <c r="H154337" s="12"/>
    </row>
    <row r="154338" spans="8:8">
      <c r="H154338" s="12"/>
    </row>
    <row r="154339" spans="8:8">
      <c r="H154339" s="12"/>
    </row>
    <row r="154340" spans="8:8">
      <c r="H154340" s="12"/>
    </row>
    <row r="154341" spans="8:8">
      <c r="H154341" s="12"/>
    </row>
    <row r="154342" spans="8:8">
      <c r="H154342" s="12"/>
    </row>
    <row r="154343" spans="8:8">
      <c r="H154343" s="12"/>
    </row>
    <row r="154344" spans="8:8">
      <c r="H154344" s="12"/>
    </row>
    <row r="154345" spans="8:8">
      <c r="H154345" s="12"/>
    </row>
    <row r="154346" spans="8:8">
      <c r="H154346" s="12"/>
    </row>
    <row r="154347" spans="8:8">
      <c r="H154347" s="12"/>
    </row>
    <row r="154348" spans="8:8">
      <c r="H154348" s="12"/>
    </row>
    <row r="154349" spans="8:8">
      <c r="H154349" s="12"/>
    </row>
    <row r="154350" spans="8:8">
      <c r="H154350" s="12"/>
    </row>
    <row r="154351" spans="8:8">
      <c r="H154351" s="12"/>
    </row>
    <row r="154352" spans="8:8">
      <c r="H154352" s="12"/>
    </row>
    <row r="154353" spans="8:8">
      <c r="H154353" s="12"/>
    </row>
    <row r="154354" spans="8:8">
      <c r="H154354" s="12"/>
    </row>
    <row r="154355" spans="8:8">
      <c r="H154355" s="12"/>
    </row>
    <row r="154356" spans="8:8">
      <c r="H154356" s="12"/>
    </row>
    <row r="154357" spans="8:8">
      <c r="H154357" s="12"/>
    </row>
    <row r="154358" spans="8:8">
      <c r="H154358" s="12"/>
    </row>
    <row r="154359" spans="8:8">
      <c r="H154359" s="12"/>
    </row>
    <row r="154360" spans="8:8">
      <c r="H154360" s="12"/>
    </row>
    <row r="154361" spans="8:8">
      <c r="H154361" s="12"/>
    </row>
    <row r="154362" spans="8:8">
      <c r="H154362" s="12"/>
    </row>
    <row r="154363" spans="8:8">
      <c r="H154363" s="12"/>
    </row>
    <row r="154364" spans="8:8">
      <c r="H154364" s="12"/>
    </row>
    <row r="154365" spans="8:8">
      <c r="H154365" s="12"/>
    </row>
    <row r="154366" spans="8:8">
      <c r="H154366" s="12"/>
    </row>
    <row r="154367" spans="8:8">
      <c r="H154367" s="12"/>
    </row>
    <row r="154368" spans="8:8">
      <c r="H154368" s="12"/>
    </row>
    <row r="154369" spans="8:8">
      <c r="H154369" s="12"/>
    </row>
    <row r="154370" spans="8:8">
      <c r="H154370" s="12"/>
    </row>
    <row r="154371" spans="8:8">
      <c r="H154371" s="12"/>
    </row>
    <row r="154372" spans="8:8">
      <c r="H154372" s="12"/>
    </row>
    <row r="154373" spans="8:8">
      <c r="H154373" s="12"/>
    </row>
    <row r="154374" spans="8:8">
      <c r="H154374" s="12"/>
    </row>
    <row r="154375" spans="8:8">
      <c r="H154375" s="12"/>
    </row>
    <row r="154376" spans="8:8">
      <c r="H154376" s="12"/>
    </row>
    <row r="154377" spans="8:8">
      <c r="H154377" s="12"/>
    </row>
    <row r="154378" spans="8:8">
      <c r="H154378" s="12"/>
    </row>
    <row r="154379" spans="8:8">
      <c r="H154379" s="12"/>
    </row>
    <row r="154380" spans="8:8">
      <c r="H154380" s="12"/>
    </row>
    <row r="154381" spans="8:8">
      <c r="H154381" s="12"/>
    </row>
    <row r="154382" spans="8:8">
      <c r="H154382" s="12"/>
    </row>
    <row r="154383" spans="8:8">
      <c r="H154383" s="12"/>
    </row>
    <row r="154384" spans="8:8">
      <c r="H154384" s="12"/>
    </row>
    <row r="154385" spans="8:8">
      <c r="H154385" s="12"/>
    </row>
    <row r="154386" spans="8:8">
      <c r="H154386" s="12"/>
    </row>
    <row r="154387" spans="8:8">
      <c r="H154387" s="12"/>
    </row>
    <row r="154388" spans="8:8">
      <c r="H154388" s="12"/>
    </row>
    <row r="154389" spans="8:8">
      <c r="H154389" s="12"/>
    </row>
    <row r="154390" spans="8:8">
      <c r="H154390" s="12"/>
    </row>
    <row r="154391" spans="8:8">
      <c r="H154391" s="12"/>
    </row>
    <row r="154392" spans="8:8">
      <c r="H154392" s="12"/>
    </row>
    <row r="154393" spans="8:8">
      <c r="H154393" s="12"/>
    </row>
    <row r="154394" spans="8:8">
      <c r="H154394" s="12"/>
    </row>
    <row r="154395" spans="8:8">
      <c r="H154395" s="12"/>
    </row>
    <row r="154396" spans="8:8">
      <c r="H154396" s="12"/>
    </row>
    <row r="154397" spans="8:8">
      <c r="H154397" s="12"/>
    </row>
    <row r="154398" spans="8:8">
      <c r="H154398" s="12"/>
    </row>
    <row r="154399" spans="8:8">
      <c r="H154399" s="12"/>
    </row>
    <row r="154400" spans="8:8">
      <c r="H154400" s="12"/>
    </row>
    <row r="154401" spans="8:8">
      <c r="H154401" s="12"/>
    </row>
    <row r="154402" spans="8:8">
      <c r="H154402" s="12"/>
    </row>
    <row r="154403" spans="8:8">
      <c r="H154403" s="12"/>
    </row>
    <row r="154404" spans="8:8">
      <c r="H154404" s="12"/>
    </row>
    <row r="154405" spans="8:8">
      <c r="H154405" s="12"/>
    </row>
    <row r="154406" spans="8:8">
      <c r="H154406" s="12"/>
    </row>
    <row r="154407" spans="8:8">
      <c r="H154407" s="12"/>
    </row>
    <row r="154408" spans="8:8">
      <c r="H154408" s="12"/>
    </row>
    <row r="154409" spans="8:8">
      <c r="H154409" s="12"/>
    </row>
    <row r="154410" spans="8:8">
      <c r="H154410" s="12"/>
    </row>
    <row r="154411" spans="8:8">
      <c r="H154411" s="12"/>
    </row>
    <row r="154412" spans="8:8">
      <c r="H154412" s="12"/>
    </row>
    <row r="154413" spans="8:8">
      <c r="H154413" s="12"/>
    </row>
    <row r="154414" spans="8:8">
      <c r="H154414" s="12"/>
    </row>
    <row r="154415" spans="8:8">
      <c r="H154415" s="12"/>
    </row>
    <row r="154416" spans="8:8">
      <c r="H154416" s="12"/>
    </row>
    <row r="154417" spans="8:8">
      <c r="H154417" s="12"/>
    </row>
    <row r="154418" spans="8:8">
      <c r="H154418" s="12"/>
    </row>
    <row r="154419" spans="8:8">
      <c r="H154419" s="12"/>
    </row>
    <row r="154420" spans="8:8">
      <c r="H154420" s="12"/>
    </row>
    <row r="154421" spans="8:8">
      <c r="H154421" s="12"/>
    </row>
    <row r="154422" spans="8:8">
      <c r="H154422" s="12"/>
    </row>
    <row r="154423" spans="8:8">
      <c r="H154423" s="12"/>
    </row>
    <row r="154424" spans="8:8">
      <c r="H154424" s="12"/>
    </row>
    <row r="154425" spans="8:8">
      <c r="H154425" s="12"/>
    </row>
    <row r="154426" spans="8:8">
      <c r="H154426" s="12"/>
    </row>
    <row r="154427" spans="8:8">
      <c r="H154427" s="12"/>
    </row>
    <row r="154428" spans="8:8">
      <c r="H154428" s="12"/>
    </row>
    <row r="154429" spans="8:8">
      <c r="H154429" s="12"/>
    </row>
    <row r="154430" spans="8:8">
      <c r="H154430" s="12"/>
    </row>
    <row r="154431" spans="8:8">
      <c r="H154431" s="12"/>
    </row>
    <row r="154432" spans="8:8">
      <c r="H154432" s="12"/>
    </row>
    <row r="154433" spans="8:8">
      <c r="H154433" s="12"/>
    </row>
    <row r="154434" spans="8:8">
      <c r="H154434" s="12"/>
    </row>
    <row r="154435" spans="8:8">
      <c r="H154435" s="12"/>
    </row>
    <row r="154436" spans="8:8">
      <c r="H154436" s="12"/>
    </row>
    <row r="154437" spans="8:8">
      <c r="H154437" s="12"/>
    </row>
    <row r="154438" spans="8:8">
      <c r="H154438" s="12"/>
    </row>
    <row r="154439" spans="8:8">
      <c r="H154439" s="12"/>
    </row>
    <row r="154440" spans="8:8">
      <c r="H154440" s="12"/>
    </row>
    <row r="154441" spans="8:8">
      <c r="H154441" s="12"/>
    </row>
    <row r="154442" spans="8:8">
      <c r="H154442" s="12"/>
    </row>
    <row r="154443" spans="8:8">
      <c r="H154443" s="12"/>
    </row>
    <row r="154444" spans="8:8">
      <c r="H154444" s="12"/>
    </row>
    <row r="154445" spans="8:8">
      <c r="H154445" s="12"/>
    </row>
    <row r="154446" spans="8:8">
      <c r="H154446" s="12"/>
    </row>
    <row r="154447" spans="8:8">
      <c r="H154447" s="12"/>
    </row>
    <row r="154448" spans="8:8">
      <c r="H154448" s="12"/>
    </row>
    <row r="154449" spans="8:8">
      <c r="H154449" s="12"/>
    </row>
    <row r="154450" spans="8:8">
      <c r="H154450" s="12"/>
    </row>
    <row r="154451" spans="8:8">
      <c r="H154451" s="12"/>
    </row>
    <row r="154452" spans="8:8">
      <c r="H154452" s="12"/>
    </row>
    <row r="154453" spans="8:8">
      <c r="H154453" s="12"/>
    </row>
    <row r="154454" spans="8:8">
      <c r="H154454" s="12"/>
    </row>
    <row r="154455" spans="8:8">
      <c r="H154455" s="12"/>
    </row>
    <row r="154456" spans="8:8">
      <c r="H154456" s="12"/>
    </row>
    <row r="154457" spans="8:8">
      <c r="H154457" s="12"/>
    </row>
    <row r="154458" spans="8:8">
      <c r="H154458" s="12"/>
    </row>
    <row r="154459" spans="8:8">
      <c r="H154459" s="12"/>
    </row>
    <row r="154460" spans="8:8">
      <c r="H154460" s="12"/>
    </row>
    <row r="154461" spans="8:8">
      <c r="H154461" s="12"/>
    </row>
    <row r="154462" spans="8:8">
      <c r="H154462" s="12"/>
    </row>
    <row r="154463" spans="8:8">
      <c r="H154463" s="12"/>
    </row>
    <row r="154464" spans="8:8">
      <c r="H154464" s="12"/>
    </row>
    <row r="154465" spans="8:8">
      <c r="H154465" s="12"/>
    </row>
    <row r="154466" spans="8:8">
      <c r="H154466" s="12"/>
    </row>
    <row r="154467" spans="8:8">
      <c r="H154467" s="12"/>
    </row>
    <row r="154468" spans="8:8">
      <c r="H154468" s="12"/>
    </row>
    <row r="154469" spans="8:8">
      <c r="H154469" s="12"/>
    </row>
    <row r="154470" spans="8:8">
      <c r="H154470" s="12"/>
    </row>
    <row r="154471" spans="8:8">
      <c r="H154471" s="12"/>
    </row>
    <row r="154472" spans="8:8">
      <c r="H154472" s="12"/>
    </row>
    <row r="154473" spans="8:8">
      <c r="H154473" s="12"/>
    </row>
    <row r="154474" spans="8:8">
      <c r="H154474" s="12"/>
    </row>
    <row r="154475" spans="8:8">
      <c r="H154475" s="12"/>
    </row>
    <row r="154476" spans="8:8">
      <c r="H154476" s="12"/>
    </row>
    <row r="154477" spans="8:8">
      <c r="H154477" s="12"/>
    </row>
    <row r="154478" spans="8:8">
      <c r="H154478" s="12"/>
    </row>
    <row r="154479" spans="8:8">
      <c r="H154479" s="12"/>
    </row>
    <row r="154480" spans="8:8">
      <c r="H154480" s="12"/>
    </row>
    <row r="154481" spans="8:8">
      <c r="H154481" s="12"/>
    </row>
    <row r="154482" spans="8:8">
      <c r="H154482" s="12"/>
    </row>
    <row r="154483" spans="8:8">
      <c r="H154483" s="12"/>
    </row>
    <row r="154484" spans="8:8">
      <c r="H154484" s="12"/>
    </row>
    <row r="154485" spans="8:8">
      <c r="H154485" s="12"/>
    </row>
    <row r="154486" spans="8:8">
      <c r="H154486" s="12"/>
    </row>
    <row r="154487" spans="8:8">
      <c r="H154487" s="12"/>
    </row>
    <row r="154488" spans="8:8">
      <c r="H154488" s="12"/>
    </row>
    <row r="154489" spans="8:8">
      <c r="H154489" s="12"/>
    </row>
    <row r="154490" spans="8:8">
      <c r="H154490" s="12"/>
    </row>
    <row r="154491" spans="8:8">
      <c r="H154491" s="12"/>
    </row>
    <row r="154492" spans="8:8">
      <c r="H154492" s="12"/>
    </row>
    <row r="154493" spans="8:8">
      <c r="H154493" s="12"/>
    </row>
    <row r="154494" spans="8:8">
      <c r="H154494" s="12"/>
    </row>
    <row r="154495" spans="8:8">
      <c r="H154495" s="12"/>
    </row>
    <row r="154496" spans="8:8">
      <c r="H154496" s="12"/>
    </row>
    <row r="154497" spans="8:8">
      <c r="H154497" s="12"/>
    </row>
    <row r="154498" spans="8:8">
      <c r="H154498" s="12"/>
    </row>
    <row r="154499" spans="8:8">
      <c r="H154499" s="12"/>
    </row>
    <row r="154500" spans="8:8">
      <c r="H154500" s="12"/>
    </row>
    <row r="154501" spans="8:8">
      <c r="H154501" s="12"/>
    </row>
    <row r="154502" spans="8:8">
      <c r="H154502" s="12"/>
    </row>
    <row r="154503" spans="8:8">
      <c r="H154503" s="12"/>
    </row>
    <row r="154504" spans="8:8">
      <c r="H154504" s="12"/>
    </row>
    <row r="154505" spans="8:8">
      <c r="H154505" s="12"/>
    </row>
    <row r="154506" spans="8:8">
      <c r="H154506" s="12"/>
    </row>
    <row r="154507" spans="8:8">
      <c r="H154507" s="12"/>
    </row>
    <row r="154508" spans="8:8">
      <c r="H154508" s="12"/>
    </row>
    <row r="154509" spans="8:8">
      <c r="H154509" s="12"/>
    </row>
    <row r="154510" spans="8:8">
      <c r="H154510" s="12"/>
    </row>
    <row r="154511" spans="8:8">
      <c r="H154511" s="12"/>
    </row>
    <row r="154512" spans="8:8">
      <c r="H154512" s="12"/>
    </row>
    <row r="154513" spans="8:8">
      <c r="H154513" s="12"/>
    </row>
    <row r="154514" spans="8:8">
      <c r="H154514" s="12"/>
    </row>
    <row r="154515" spans="8:8">
      <c r="H154515" s="12"/>
    </row>
    <row r="154516" spans="8:8">
      <c r="H154516" s="12"/>
    </row>
    <row r="154517" spans="8:8">
      <c r="H154517" s="12"/>
    </row>
    <row r="154518" spans="8:8">
      <c r="H154518" s="12"/>
    </row>
    <row r="154519" spans="8:8">
      <c r="H154519" s="12"/>
    </row>
    <row r="154520" spans="8:8">
      <c r="H154520" s="12"/>
    </row>
    <row r="154521" spans="8:8">
      <c r="H154521" s="12"/>
    </row>
    <row r="154522" spans="8:8">
      <c r="H154522" s="12"/>
    </row>
    <row r="154523" spans="8:8">
      <c r="H154523" s="12"/>
    </row>
    <row r="154524" spans="8:8">
      <c r="H154524" s="12"/>
    </row>
    <row r="154525" spans="8:8">
      <c r="H154525" s="12"/>
    </row>
    <row r="154526" spans="8:8">
      <c r="H154526" s="12"/>
    </row>
    <row r="154527" spans="8:8">
      <c r="H154527" s="12"/>
    </row>
    <row r="154528" spans="8:8">
      <c r="H154528" s="12"/>
    </row>
    <row r="154529" spans="8:8">
      <c r="H154529" s="12"/>
    </row>
    <row r="154530" spans="8:8">
      <c r="H154530" s="12"/>
    </row>
    <row r="154531" spans="8:8">
      <c r="H154531" s="12"/>
    </row>
    <row r="154532" spans="8:8">
      <c r="H154532" s="12"/>
    </row>
    <row r="154533" spans="8:8">
      <c r="H154533" s="12"/>
    </row>
    <row r="154534" spans="8:8">
      <c r="H154534" s="12"/>
    </row>
    <row r="154535" spans="8:8">
      <c r="H154535" s="12"/>
    </row>
    <row r="154536" spans="8:8">
      <c r="H154536" s="12"/>
    </row>
    <row r="154537" spans="8:8">
      <c r="H154537" s="12"/>
    </row>
    <row r="154538" spans="8:8">
      <c r="H154538" s="12"/>
    </row>
    <row r="154539" spans="8:8">
      <c r="H154539" s="12"/>
    </row>
    <row r="154540" spans="8:8">
      <c r="H154540" s="12"/>
    </row>
    <row r="154541" spans="8:8">
      <c r="H154541" s="12"/>
    </row>
    <row r="154542" spans="8:8">
      <c r="H154542" s="12"/>
    </row>
    <row r="154543" spans="8:8">
      <c r="H154543" s="12"/>
    </row>
    <row r="154544" spans="8:8">
      <c r="H154544" s="12"/>
    </row>
    <row r="154545" spans="8:8">
      <c r="H154545" s="12"/>
    </row>
    <row r="154546" spans="8:8">
      <c r="H154546" s="12"/>
    </row>
    <row r="154547" spans="8:8">
      <c r="H154547" s="12"/>
    </row>
    <row r="154548" spans="8:8">
      <c r="H154548" s="12"/>
    </row>
    <row r="154549" spans="8:8">
      <c r="H154549" s="12"/>
    </row>
    <row r="154550" spans="8:8">
      <c r="H154550" s="12"/>
    </row>
    <row r="154551" spans="8:8">
      <c r="H154551" s="12"/>
    </row>
    <row r="154552" spans="8:8">
      <c r="H154552" s="12"/>
    </row>
    <row r="154553" spans="8:8">
      <c r="H154553" s="12"/>
    </row>
    <row r="154554" spans="8:8">
      <c r="H154554" s="12"/>
    </row>
    <row r="154555" spans="8:8">
      <c r="H154555" s="12"/>
    </row>
    <row r="154556" spans="8:8">
      <c r="H154556" s="12"/>
    </row>
    <row r="154557" spans="8:8">
      <c r="H154557" s="12"/>
    </row>
    <row r="154558" spans="8:8">
      <c r="H154558" s="12"/>
    </row>
    <row r="154559" spans="8:8">
      <c r="H154559" s="12"/>
    </row>
    <row r="154560" spans="8:8">
      <c r="H154560" s="12"/>
    </row>
    <row r="154561" spans="8:8">
      <c r="H154561" s="12"/>
    </row>
    <row r="154562" spans="8:8">
      <c r="H154562" s="12"/>
    </row>
    <row r="154563" spans="8:8">
      <c r="H154563" s="12"/>
    </row>
    <row r="154564" spans="8:8">
      <c r="H154564" s="12"/>
    </row>
    <row r="154565" spans="8:8">
      <c r="H154565" s="12"/>
    </row>
    <row r="154566" spans="8:8">
      <c r="H154566" s="12"/>
    </row>
    <row r="154567" spans="8:8">
      <c r="H154567" s="12"/>
    </row>
    <row r="154568" spans="8:8">
      <c r="H154568" s="12"/>
    </row>
    <row r="154569" spans="8:8">
      <c r="H154569" s="12"/>
    </row>
    <row r="154570" spans="8:8">
      <c r="H154570" s="12"/>
    </row>
    <row r="154571" spans="8:8">
      <c r="H154571" s="12"/>
    </row>
    <row r="154572" spans="8:8">
      <c r="H154572" s="12"/>
    </row>
    <row r="154573" spans="8:8">
      <c r="H154573" s="12"/>
    </row>
    <row r="154574" spans="8:8">
      <c r="H154574" s="12"/>
    </row>
    <row r="154575" spans="8:8">
      <c r="H154575" s="12"/>
    </row>
    <row r="154576" spans="8:8">
      <c r="H154576" s="12"/>
    </row>
    <row r="154577" spans="8:8">
      <c r="H154577" s="12"/>
    </row>
    <row r="154578" spans="8:8">
      <c r="H154578" s="12"/>
    </row>
    <row r="154579" spans="8:8">
      <c r="H154579" s="12"/>
    </row>
    <row r="154580" spans="8:8">
      <c r="H154580" s="12"/>
    </row>
    <row r="154581" spans="8:8">
      <c r="H154581" s="12"/>
    </row>
    <row r="154582" spans="8:8">
      <c r="H154582" s="12"/>
    </row>
    <row r="154583" spans="8:8">
      <c r="H154583" s="12"/>
    </row>
    <row r="154584" spans="8:8">
      <c r="H154584" s="12"/>
    </row>
    <row r="154585" spans="8:8">
      <c r="H154585" s="12"/>
    </row>
    <row r="154586" spans="8:8">
      <c r="H154586" s="12"/>
    </row>
    <row r="154587" spans="8:8">
      <c r="H154587" s="12"/>
    </row>
    <row r="154588" spans="8:8">
      <c r="H154588" s="12"/>
    </row>
    <row r="154589" spans="8:8">
      <c r="H154589" s="12"/>
    </row>
    <row r="154590" spans="8:8">
      <c r="H154590" s="12"/>
    </row>
    <row r="154591" spans="8:8">
      <c r="H154591" s="12"/>
    </row>
    <row r="154592" spans="8:8">
      <c r="H154592" s="12"/>
    </row>
    <row r="154593" spans="8:8">
      <c r="H154593" s="12"/>
    </row>
    <row r="154594" spans="8:8">
      <c r="H154594" s="12"/>
    </row>
    <row r="154595" spans="8:8">
      <c r="H154595" s="12"/>
    </row>
    <row r="154596" spans="8:8">
      <c r="H154596" s="12"/>
    </row>
    <row r="154597" spans="8:8">
      <c r="H154597" s="12"/>
    </row>
    <row r="154598" spans="8:8">
      <c r="H154598" s="12"/>
    </row>
    <row r="154599" spans="8:8">
      <c r="H154599" s="12"/>
    </row>
    <row r="154600" spans="8:8">
      <c r="H154600" s="12"/>
    </row>
    <row r="154601" spans="8:8">
      <c r="H154601" s="12"/>
    </row>
    <row r="154602" spans="8:8">
      <c r="H154602" s="12"/>
    </row>
    <row r="154603" spans="8:8">
      <c r="H154603" s="12"/>
    </row>
    <row r="154604" spans="8:8">
      <c r="H154604" s="12"/>
    </row>
    <row r="154605" spans="8:8">
      <c r="H154605" s="12"/>
    </row>
    <row r="154606" spans="8:8">
      <c r="H154606" s="12"/>
    </row>
    <row r="154607" spans="8:8">
      <c r="H154607" s="12"/>
    </row>
    <row r="154608" spans="8:8">
      <c r="H154608" s="12"/>
    </row>
    <row r="154609" spans="8:8">
      <c r="H154609" s="12"/>
    </row>
    <row r="154610" spans="8:8">
      <c r="H154610" s="12"/>
    </row>
    <row r="154611" spans="8:8">
      <c r="H154611" s="12"/>
    </row>
    <row r="154612" spans="8:8">
      <c r="H154612" s="12"/>
    </row>
    <row r="154613" spans="8:8">
      <c r="H154613" s="12"/>
    </row>
    <row r="154614" spans="8:8">
      <c r="H154614" s="12"/>
    </row>
    <row r="154615" spans="8:8">
      <c r="H154615" s="12"/>
    </row>
    <row r="154616" spans="8:8">
      <c r="H154616" s="12"/>
    </row>
    <row r="154617" spans="8:8">
      <c r="H154617" s="12"/>
    </row>
    <row r="154618" spans="8:8">
      <c r="H154618" s="12"/>
    </row>
    <row r="154619" spans="8:8">
      <c r="H154619" s="12"/>
    </row>
    <row r="154620" spans="8:8">
      <c r="H154620" s="12"/>
    </row>
    <row r="154621" spans="8:8">
      <c r="H154621" s="12"/>
    </row>
    <row r="154622" spans="8:8">
      <c r="H154622" s="12"/>
    </row>
    <row r="154623" spans="8:8">
      <c r="H154623" s="12"/>
    </row>
    <row r="154624" spans="8:8">
      <c r="H154624" s="12"/>
    </row>
    <row r="154625" spans="8:8">
      <c r="H154625" s="12"/>
    </row>
    <row r="154626" spans="8:8">
      <c r="H154626" s="12"/>
    </row>
    <row r="154627" spans="8:8">
      <c r="H154627" s="12"/>
    </row>
    <row r="154628" spans="8:8">
      <c r="H154628" s="12"/>
    </row>
    <row r="154629" spans="8:8">
      <c r="H154629" s="12"/>
    </row>
    <row r="154630" spans="8:8">
      <c r="H154630" s="12"/>
    </row>
    <row r="154631" spans="8:8">
      <c r="H154631" s="12"/>
    </row>
    <row r="154632" spans="8:8">
      <c r="H154632" s="12"/>
    </row>
    <row r="154633" spans="8:8">
      <c r="H154633" s="12"/>
    </row>
    <row r="154634" spans="8:8">
      <c r="H154634" s="12"/>
    </row>
    <row r="154635" spans="8:8">
      <c r="H154635" s="12"/>
    </row>
    <row r="154636" spans="8:8">
      <c r="H154636" s="12"/>
    </row>
    <row r="154637" spans="8:8">
      <c r="H154637" s="12"/>
    </row>
    <row r="154638" spans="8:8">
      <c r="H154638" s="12"/>
    </row>
    <row r="154639" spans="8:8">
      <c r="H154639" s="12"/>
    </row>
    <row r="154640" spans="8:8">
      <c r="H154640" s="12"/>
    </row>
    <row r="154641" spans="8:8">
      <c r="H154641" s="12"/>
    </row>
    <row r="154642" spans="8:8">
      <c r="H154642" s="12"/>
    </row>
    <row r="154643" spans="8:8">
      <c r="H154643" s="12"/>
    </row>
    <row r="154644" spans="8:8">
      <c r="H154644" s="12"/>
    </row>
    <row r="154645" spans="8:8">
      <c r="H154645" s="12"/>
    </row>
    <row r="154646" spans="8:8">
      <c r="H154646" s="12"/>
    </row>
    <row r="154647" spans="8:8">
      <c r="H154647" s="12"/>
    </row>
    <row r="154648" spans="8:8">
      <c r="H154648" s="12"/>
    </row>
    <row r="154649" spans="8:8">
      <c r="H154649" s="12"/>
    </row>
    <row r="154650" spans="8:8">
      <c r="H154650" s="12"/>
    </row>
    <row r="154651" spans="8:8">
      <c r="H154651" s="12"/>
    </row>
    <row r="154652" spans="8:8">
      <c r="H154652" s="12"/>
    </row>
    <row r="154653" spans="8:8">
      <c r="H154653" s="12"/>
    </row>
    <row r="154654" spans="8:8">
      <c r="H154654" s="12"/>
    </row>
    <row r="154655" spans="8:8">
      <c r="H154655" s="12"/>
    </row>
    <row r="154656" spans="8:8">
      <c r="H154656" s="12"/>
    </row>
    <row r="154657" spans="8:8">
      <c r="H154657" s="12"/>
    </row>
    <row r="154658" spans="8:8">
      <c r="H154658" s="12"/>
    </row>
    <row r="154659" spans="8:8">
      <c r="H154659" s="12"/>
    </row>
    <row r="154660" spans="8:8">
      <c r="H154660" s="12"/>
    </row>
    <row r="154661" spans="8:8">
      <c r="H154661" s="12"/>
    </row>
    <row r="154662" spans="8:8">
      <c r="H154662" s="12"/>
    </row>
    <row r="154663" spans="8:8">
      <c r="H154663" s="12"/>
    </row>
    <row r="154664" spans="8:8">
      <c r="H154664" s="12"/>
    </row>
    <row r="154665" spans="8:8">
      <c r="H154665" s="12"/>
    </row>
    <row r="154666" spans="8:8">
      <c r="H154666" s="12"/>
    </row>
    <row r="154667" spans="8:8">
      <c r="H154667" s="12"/>
    </row>
    <row r="154668" spans="8:8">
      <c r="H154668" s="12"/>
    </row>
    <row r="154669" spans="8:8">
      <c r="H154669" s="12"/>
    </row>
    <row r="154670" spans="8:8">
      <c r="H154670" s="12"/>
    </row>
    <row r="154671" spans="8:8">
      <c r="H154671" s="12"/>
    </row>
    <row r="154672" spans="8:8">
      <c r="H154672" s="12"/>
    </row>
    <row r="154673" spans="8:8">
      <c r="H154673" s="12"/>
    </row>
    <row r="154674" spans="8:8">
      <c r="H154674" s="12"/>
    </row>
    <row r="154675" spans="8:8">
      <c r="H154675" s="12"/>
    </row>
    <row r="154676" spans="8:8">
      <c r="H154676" s="12"/>
    </row>
    <row r="154677" spans="8:8">
      <c r="H154677" s="12"/>
    </row>
    <row r="154678" spans="8:8">
      <c r="H154678" s="12"/>
    </row>
    <row r="154679" spans="8:8">
      <c r="H154679" s="12"/>
    </row>
    <row r="154680" spans="8:8">
      <c r="H154680" s="12"/>
    </row>
    <row r="154681" spans="8:8">
      <c r="H154681" s="12"/>
    </row>
    <row r="154682" spans="8:8">
      <c r="H154682" s="12"/>
    </row>
    <row r="154683" spans="8:8">
      <c r="H154683" s="12"/>
    </row>
    <row r="154684" spans="8:8">
      <c r="H154684" s="12"/>
    </row>
    <row r="154685" spans="8:8">
      <c r="H154685" s="12"/>
    </row>
    <row r="154686" spans="8:8">
      <c r="H154686" s="12"/>
    </row>
    <row r="154687" spans="8:8">
      <c r="H154687" s="12"/>
    </row>
    <row r="154688" spans="8:8">
      <c r="H154688" s="12"/>
    </row>
    <row r="154689" spans="8:8">
      <c r="H154689" s="12"/>
    </row>
    <row r="154690" spans="8:8">
      <c r="H154690" s="12"/>
    </row>
    <row r="154691" spans="8:8">
      <c r="H154691" s="12"/>
    </row>
    <row r="154692" spans="8:8">
      <c r="H154692" s="12"/>
    </row>
    <row r="154693" spans="8:8">
      <c r="H154693" s="12"/>
    </row>
    <row r="154694" spans="8:8">
      <c r="H154694" s="12"/>
    </row>
    <row r="154695" spans="8:8">
      <c r="H154695" s="12"/>
    </row>
    <row r="154696" spans="8:8">
      <c r="H154696" s="12"/>
    </row>
    <row r="154697" spans="8:8">
      <c r="H154697" s="12"/>
    </row>
    <row r="154698" spans="8:8">
      <c r="H154698" s="12"/>
    </row>
    <row r="154699" spans="8:8">
      <c r="H154699" s="12"/>
    </row>
    <row r="154700" spans="8:8">
      <c r="H154700" s="12"/>
    </row>
    <row r="154701" spans="8:8">
      <c r="H154701" s="12"/>
    </row>
    <row r="154702" spans="8:8">
      <c r="H154702" s="12"/>
    </row>
    <row r="154703" spans="8:8">
      <c r="H154703" s="12"/>
    </row>
    <row r="154704" spans="8:8">
      <c r="H154704" s="12"/>
    </row>
    <row r="154705" spans="8:8">
      <c r="H154705" s="12"/>
    </row>
    <row r="154706" spans="8:8">
      <c r="H154706" s="12"/>
    </row>
    <row r="154707" spans="8:8">
      <c r="H154707" s="12"/>
    </row>
    <row r="154708" spans="8:8">
      <c r="H154708" s="12"/>
    </row>
    <row r="154709" spans="8:8">
      <c r="H154709" s="12"/>
    </row>
    <row r="154710" spans="8:8">
      <c r="H154710" s="12"/>
    </row>
    <row r="154711" spans="8:8">
      <c r="H154711" s="12"/>
    </row>
    <row r="154712" spans="8:8">
      <c r="H154712" s="12"/>
    </row>
    <row r="154713" spans="8:8">
      <c r="H154713" s="12"/>
    </row>
    <row r="154714" spans="8:8">
      <c r="H154714" s="12"/>
    </row>
    <row r="154715" spans="8:8">
      <c r="H154715" s="12"/>
    </row>
    <row r="154716" spans="8:8">
      <c r="H154716" s="12"/>
    </row>
    <row r="154717" spans="8:8">
      <c r="H154717" s="12"/>
    </row>
    <row r="154718" spans="8:8">
      <c r="H154718" s="12"/>
    </row>
    <row r="154719" spans="8:8">
      <c r="H154719" s="12"/>
    </row>
    <row r="154720" spans="8:8">
      <c r="H154720" s="12"/>
    </row>
    <row r="154721" spans="8:8">
      <c r="H154721" s="12"/>
    </row>
    <row r="154722" spans="8:8">
      <c r="H154722" s="12"/>
    </row>
    <row r="154723" spans="8:8">
      <c r="H154723" s="12"/>
    </row>
    <row r="154724" spans="8:8">
      <c r="H154724" s="12"/>
    </row>
    <row r="154725" spans="8:8">
      <c r="H154725" s="12"/>
    </row>
    <row r="154726" spans="8:8">
      <c r="H154726" s="12"/>
    </row>
    <row r="154727" spans="8:8">
      <c r="H154727" s="12"/>
    </row>
    <row r="154728" spans="8:8">
      <c r="H154728" s="12"/>
    </row>
    <row r="154729" spans="8:8">
      <c r="H154729" s="12"/>
    </row>
    <row r="154730" spans="8:8">
      <c r="H154730" s="12"/>
    </row>
    <row r="154731" spans="8:8">
      <c r="H154731" s="12"/>
    </row>
    <row r="154732" spans="8:8">
      <c r="H154732" s="12"/>
    </row>
    <row r="154733" spans="8:8">
      <c r="H154733" s="12"/>
    </row>
    <row r="154734" spans="8:8">
      <c r="H154734" s="12"/>
    </row>
    <row r="154735" spans="8:8">
      <c r="H154735" s="12"/>
    </row>
    <row r="154736" spans="8:8">
      <c r="H154736" s="12"/>
    </row>
    <row r="154737" spans="8:8">
      <c r="H154737" s="12"/>
    </row>
    <row r="154738" spans="8:8">
      <c r="H154738" s="12"/>
    </row>
    <row r="154739" spans="8:8">
      <c r="H154739" s="12"/>
    </row>
    <row r="154740" spans="8:8">
      <c r="H154740" s="12"/>
    </row>
    <row r="154741" spans="8:8">
      <c r="H154741" s="12"/>
    </row>
    <row r="154742" spans="8:8">
      <c r="H154742" s="12"/>
    </row>
    <row r="154743" spans="8:8">
      <c r="H154743" s="12"/>
    </row>
    <row r="154744" spans="8:8">
      <c r="H154744" s="12"/>
    </row>
    <row r="154745" spans="8:8">
      <c r="H154745" s="12"/>
    </row>
    <row r="154746" spans="8:8">
      <c r="H154746" s="12"/>
    </row>
    <row r="154747" spans="8:8">
      <c r="H154747" s="12"/>
    </row>
    <row r="154748" spans="8:8">
      <c r="H154748" s="12"/>
    </row>
    <row r="154749" spans="8:8">
      <c r="H154749" s="12"/>
    </row>
    <row r="154750" spans="8:8">
      <c r="H154750" s="12"/>
    </row>
    <row r="154751" spans="8:8">
      <c r="H154751" s="12"/>
    </row>
    <row r="154752" spans="8:8">
      <c r="H154752" s="12"/>
    </row>
    <row r="154753" spans="8:8">
      <c r="H154753" s="12"/>
    </row>
    <row r="154754" spans="8:8">
      <c r="H154754" s="12"/>
    </row>
    <row r="154755" spans="8:8">
      <c r="H154755" s="12"/>
    </row>
    <row r="154756" spans="8:8">
      <c r="H154756" s="12"/>
    </row>
    <row r="154757" spans="8:8">
      <c r="H154757" s="12"/>
    </row>
    <row r="154758" spans="8:8">
      <c r="H154758" s="12"/>
    </row>
    <row r="154759" spans="8:8">
      <c r="H154759" s="12"/>
    </row>
    <row r="154760" spans="8:8">
      <c r="H154760" s="12"/>
    </row>
    <row r="154761" spans="8:8">
      <c r="H154761" s="12"/>
    </row>
    <row r="154762" spans="8:8">
      <c r="H154762" s="12"/>
    </row>
    <row r="154763" spans="8:8">
      <c r="H154763" s="12"/>
    </row>
    <row r="154764" spans="8:8">
      <c r="H154764" s="12"/>
    </row>
    <row r="154765" spans="8:8">
      <c r="H154765" s="12"/>
    </row>
    <row r="154766" spans="8:8">
      <c r="H154766" s="12"/>
    </row>
    <row r="154767" spans="8:8">
      <c r="H154767" s="12"/>
    </row>
    <row r="154768" spans="8:8">
      <c r="H154768" s="12"/>
    </row>
    <row r="154769" spans="8:8">
      <c r="H154769" s="12"/>
    </row>
    <row r="154770" spans="8:8">
      <c r="H154770" s="12"/>
    </row>
    <row r="154771" spans="8:8">
      <c r="H154771" s="12"/>
    </row>
    <row r="154772" spans="8:8">
      <c r="H154772" s="12"/>
    </row>
    <row r="154773" spans="8:8">
      <c r="H154773" s="12"/>
    </row>
    <row r="154774" spans="8:8">
      <c r="H154774" s="12"/>
    </row>
    <row r="154775" spans="8:8">
      <c r="H154775" s="12"/>
    </row>
    <row r="154776" spans="8:8">
      <c r="H154776" s="12"/>
    </row>
    <row r="154777" spans="8:8">
      <c r="H154777" s="12"/>
    </row>
    <row r="154778" spans="8:8">
      <c r="H154778" s="12"/>
    </row>
    <row r="154779" spans="8:8">
      <c r="H154779" s="12"/>
    </row>
    <row r="154780" spans="8:8">
      <c r="H154780" s="12"/>
    </row>
    <row r="154781" spans="8:8">
      <c r="H154781" s="12"/>
    </row>
    <row r="154782" spans="8:8">
      <c r="H154782" s="12"/>
    </row>
    <row r="154783" spans="8:8">
      <c r="H154783" s="12"/>
    </row>
    <row r="154784" spans="8:8">
      <c r="H154784" s="12"/>
    </row>
    <row r="154785" spans="8:8">
      <c r="H154785" s="12"/>
    </row>
    <row r="154786" spans="8:8">
      <c r="H154786" s="12"/>
    </row>
    <row r="154787" spans="8:8">
      <c r="H154787" s="12"/>
    </row>
    <row r="154788" spans="8:8">
      <c r="H154788" s="12"/>
    </row>
    <row r="154789" spans="8:8">
      <c r="H154789" s="12"/>
    </row>
    <row r="154790" spans="8:8">
      <c r="H154790" s="12"/>
    </row>
    <row r="154791" spans="8:8">
      <c r="H154791" s="12"/>
    </row>
    <row r="154792" spans="8:8">
      <c r="H154792" s="12"/>
    </row>
    <row r="154793" spans="8:8">
      <c r="H154793" s="12"/>
    </row>
    <row r="154794" spans="8:8">
      <c r="H154794" s="12"/>
    </row>
    <row r="154795" spans="8:8">
      <c r="H154795" s="12"/>
    </row>
    <row r="154796" spans="8:8">
      <c r="H154796" s="12"/>
    </row>
    <row r="154797" spans="8:8">
      <c r="H154797" s="12"/>
    </row>
    <row r="154798" spans="8:8">
      <c r="H154798" s="12"/>
    </row>
    <row r="154799" spans="8:8">
      <c r="H154799" s="12"/>
    </row>
    <row r="154800" spans="8:8">
      <c r="H154800" s="12"/>
    </row>
    <row r="154801" spans="8:8">
      <c r="H154801" s="12"/>
    </row>
    <row r="154802" spans="8:8">
      <c r="H154802" s="12"/>
    </row>
    <row r="154803" spans="8:8">
      <c r="H154803" s="12"/>
    </row>
    <row r="154804" spans="8:8">
      <c r="H154804" s="12"/>
    </row>
    <row r="154805" spans="8:8">
      <c r="H154805" s="12"/>
    </row>
    <row r="154806" spans="8:8">
      <c r="H154806" s="12"/>
    </row>
    <row r="154807" spans="8:8">
      <c r="H154807" s="12"/>
    </row>
    <row r="154808" spans="8:8">
      <c r="H154808" s="12"/>
    </row>
    <row r="154809" spans="8:8">
      <c r="H154809" s="12"/>
    </row>
    <row r="154810" spans="8:8">
      <c r="H154810" s="12"/>
    </row>
    <row r="154811" spans="8:8">
      <c r="H154811" s="12"/>
    </row>
    <row r="154812" spans="8:8">
      <c r="H154812" s="12"/>
    </row>
    <row r="154813" spans="8:8">
      <c r="H154813" s="12"/>
    </row>
    <row r="154814" spans="8:8">
      <c r="H154814" s="12"/>
    </row>
    <row r="154815" spans="8:8">
      <c r="H154815" s="12"/>
    </row>
    <row r="154816" spans="8:8">
      <c r="H154816" s="12"/>
    </row>
    <row r="154817" spans="8:8">
      <c r="H154817" s="12"/>
    </row>
    <row r="154818" spans="8:8">
      <c r="H154818" s="12"/>
    </row>
    <row r="154819" spans="8:8">
      <c r="H154819" s="12"/>
    </row>
    <row r="154820" spans="8:8">
      <c r="H154820" s="12"/>
    </row>
    <row r="154821" spans="8:8">
      <c r="H154821" s="12"/>
    </row>
    <row r="154822" spans="8:8">
      <c r="H154822" s="12"/>
    </row>
    <row r="154823" spans="8:8">
      <c r="H154823" s="12"/>
    </row>
    <row r="154824" spans="8:8">
      <c r="H154824" s="12"/>
    </row>
    <row r="154825" spans="8:8">
      <c r="H154825" s="12"/>
    </row>
    <row r="154826" spans="8:8">
      <c r="H154826" s="12"/>
    </row>
    <row r="154827" spans="8:8">
      <c r="H154827" s="12"/>
    </row>
    <row r="154828" spans="8:8">
      <c r="H154828" s="12"/>
    </row>
    <row r="154829" spans="8:8">
      <c r="H154829" s="12"/>
    </row>
    <row r="154830" spans="8:8">
      <c r="H154830" s="12"/>
    </row>
    <row r="154831" spans="8:8">
      <c r="H154831" s="12"/>
    </row>
    <row r="154832" spans="8:8">
      <c r="H154832" s="12"/>
    </row>
    <row r="154833" spans="8:8">
      <c r="H154833" s="12"/>
    </row>
    <row r="154834" spans="8:8">
      <c r="H154834" s="12"/>
    </row>
    <row r="154835" spans="8:8">
      <c r="H154835" s="12"/>
    </row>
    <row r="154836" spans="8:8">
      <c r="H154836" s="12"/>
    </row>
    <row r="154837" spans="8:8">
      <c r="H154837" s="12"/>
    </row>
    <row r="154838" spans="8:8">
      <c r="H154838" s="12"/>
    </row>
    <row r="154839" spans="8:8">
      <c r="H154839" s="12"/>
    </row>
    <row r="154840" spans="8:8">
      <c r="H154840" s="12"/>
    </row>
    <row r="154841" spans="8:8">
      <c r="H154841" s="12"/>
    </row>
    <row r="154842" spans="8:8">
      <c r="H154842" s="12"/>
    </row>
    <row r="154843" spans="8:8">
      <c r="H154843" s="12"/>
    </row>
    <row r="154844" spans="8:8">
      <c r="H154844" s="12"/>
    </row>
    <row r="154845" spans="8:8">
      <c r="H154845" s="12"/>
    </row>
    <row r="154846" spans="8:8">
      <c r="H154846" s="12"/>
    </row>
    <row r="154847" spans="8:8">
      <c r="H154847" s="12"/>
    </row>
    <row r="154848" spans="8:8">
      <c r="H154848" s="12"/>
    </row>
    <row r="154849" spans="8:8">
      <c r="H154849" s="12"/>
    </row>
    <row r="154850" spans="8:8">
      <c r="H154850" s="12"/>
    </row>
    <row r="154851" spans="8:8">
      <c r="H154851" s="12"/>
    </row>
    <row r="154852" spans="8:8">
      <c r="H154852" s="12"/>
    </row>
    <row r="154853" spans="8:8">
      <c r="H154853" s="12"/>
    </row>
    <row r="154854" spans="8:8">
      <c r="H154854" s="12"/>
    </row>
    <row r="154855" spans="8:8">
      <c r="H154855" s="12"/>
    </row>
    <row r="154856" spans="8:8">
      <c r="H154856" s="12"/>
    </row>
    <row r="154857" spans="8:8">
      <c r="H154857" s="12"/>
    </row>
    <row r="154858" spans="8:8">
      <c r="H154858" s="12"/>
    </row>
    <row r="154859" spans="8:8">
      <c r="H154859" s="12"/>
    </row>
    <row r="154860" spans="8:8">
      <c r="H154860" s="12"/>
    </row>
    <row r="154861" spans="8:8">
      <c r="H154861" s="12"/>
    </row>
    <row r="154862" spans="8:8">
      <c r="H154862" s="12"/>
    </row>
    <row r="154863" spans="8:8">
      <c r="H154863" s="12"/>
    </row>
    <row r="154864" spans="8:8">
      <c r="H154864" s="12"/>
    </row>
    <row r="154865" spans="8:8">
      <c r="H154865" s="12"/>
    </row>
    <row r="154866" spans="8:8">
      <c r="H154866" s="12"/>
    </row>
    <row r="154867" spans="8:8">
      <c r="H154867" s="12"/>
    </row>
    <row r="154868" spans="8:8">
      <c r="H154868" s="12"/>
    </row>
    <row r="154869" spans="8:8">
      <c r="H154869" s="12"/>
    </row>
    <row r="154870" spans="8:8">
      <c r="H154870" s="12"/>
    </row>
    <row r="154871" spans="8:8">
      <c r="H154871" s="12"/>
    </row>
    <row r="154872" spans="8:8">
      <c r="H154872" s="12"/>
    </row>
    <row r="154873" spans="8:8">
      <c r="H154873" s="12"/>
    </row>
    <row r="154874" spans="8:8">
      <c r="H154874" s="12"/>
    </row>
    <row r="154875" spans="8:8">
      <c r="H154875" s="12"/>
    </row>
    <row r="154876" spans="8:8">
      <c r="H154876" s="12"/>
    </row>
    <row r="154877" spans="8:8">
      <c r="H154877" s="12"/>
    </row>
    <row r="154878" spans="8:8">
      <c r="H154878" s="12"/>
    </row>
    <row r="154879" spans="8:8">
      <c r="H154879" s="12"/>
    </row>
    <row r="154880" spans="8:8">
      <c r="H154880" s="12"/>
    </row>
    <row r="154881" spans="8:8">
      <c r="H154881" s="12"/>
    </row>
    <row r="154882" spans="8:8">
      <c r="H154882" s="12"/>
    </row>
    <row r="154883" spans="8:8">
      <c r="H154883" s="12"/>
    </row>
    <row r="154884" spans="8:8">
      <c r="H154884" s="12"/>
    </row>
    <row r="154885" spans="8:8">
      <c r="H154885" s="12"/>
    </row>
    <row r="154886" spans="8:8">
      <c r="H154886" s="12"/>
    </row>
    <row r="154887" spans="8:8">
      <c r="H154887" s="12"/>
    </row>
    <row r="154888" spans="8:8">
      <c r="H154888" s="12"/>
    </row>
    <row r="154889" spans="8:8">
      <c r="H154889" s="12"/>
    </row>
    <row r="154890" spans="8:8">
      <c r="H154890" s="12"/>
    </row>
    <row r="154891" spans="8:8">
      <c r="H154891" s="12"/>
    </row>
    <row r="154892" spans="8:8">
      <c r="H154892" s="12"/>
    </row>
    <row r="154893" spans="8:8">
      <c r="H154893" s="12"/>
    </row>
    <row r="154894" spans="8:8">
      <c r="H154894" s="12"/>
    </row>
    <row r="154895" spans="8:8">
      <c r="H154895" s="12"/>
    </row>
    <row r="154896" spans="8:8">
      <c r="H154896" s="12"/>
    </row>
    <row r="154897" spans="8:8">
      <c r="H154897" s="12"/>
    </row>
    <row r="154898" spans="8:8">
      <c r="H154898" s="12"/>
    </row>
    <row r="154899" spans="8:8">
      <c r="H154899" s="12"/>
    </row>
    <row r="154900" spans="8:8">
      <c r="H154900" s="12"/>
    </row>
    <row r="154901" spans="8:8">
      <c r="H154901" s="12"/>
    </row>
    <row r="154902" spans="8:8">
      <c r="H154902" s="12"/>
    </row>
    <row r="154903" spans="8:8">
      <c r="H154903" s="12"/>
    </row>
    <row r="154904" spans="8:8">
      <c r="H154904" s="12"/>
    </row>
    <row r="154905" spans="8:8">
      <c r="H154905" s="12"/>
    </row>
    <row r="154906" spans="8:8">
      <c r="H154906" s="12"/>
    </row>
    <row r="154907" spans="8:8">
      <c r="H154907" s="12"/>
    </row>
    <row r="154908" spans="8:8">
      <c r="H154908" s="12"/>
    </row>
    <row r="154909" spans="8:8">
      <c r="H154909" s="12"/>
    </row>
    <row r="154910" spans="8:8">
      <c r="H154910" s="12"/>
    </row>
    <row r="154911" spans="8:8">
      <c r="H154911" s="12"/>
    </row>
    <row r="154912" spans="8:8">
      <c r="H154912" s="12"/>
    </row>
    <row r="154913" spans="8:8">
      <c r="H154913" s="12"/>
    </row>
    <row r="154914" spans="8:8">
      <c r="H154914" s="12"/>
    </row>
    <row r="154915" spans="8:8">
      <c r="H154915" s="12"/>
    </row>
    <row r="154916" spans="8:8">
      <c r="H154916" s="12"/>
    </row>
    <row r="154917" spans="8:8">
      <c r="H154917" s="12"/>
    </row>
    <row r="154918" spans="8:8">
      <c r="H154918" s="12"/>
    </row>
    <row r="154919" spans="8:8">
      <c r="H154919" s="12"/>
    </row>
    <row r="154920" spans="8:8">
      <c r="H154920" s="12"/>
    </row>
    <row r="154921" spans="8:8">
      <c r="H154921" s="12"/>
    </row>
    <row r="154922" spans="8:8">
      <c r="H154922" s="12"/>
    </row>
    <row r="154923" spans="8:8">
      <c r="H154923" s="12"/>
    </row>
    <row r="154924" spans="8:8">
      <c r="H154924" s="12"/>
    </row>
    <row r="154925" spans="8:8">
      <c r="H154925" s="12"/>
    </row>
    <row r="154926" spans="8:8">
      <c r="H154926" s="12"/>
    </row>
    <row r="154927" spans="8:8">
      <c r="H154927" s="12"/>
    </row>
    <row r="154928" spans="8:8">
      <c r="H154928" s="12"/>
    </row>
    <row r="154929" spans="8:8">
      <c r="H154929" s="12"/>
    </row>
    <row r="154930" spans="8:8">
      <c r="H154930" s="12"/>
    </row>
    <row r="154931" spans="8:8">
      <c r="H154931" s="12"/>
    </row>
    <row r="154932" spans="8:8">
      <c r="H154932" s="12"/>
    </row>
    <row r="154933" spans="8:8">
      <c r="H154933" s="12"/>
    </row>
    <row r="154934" spans="8:8">
      <c r="H154934" s="12"/>
    </row>
    <row r="154935" spans="8:8">
      <c r="H154935" s="12"/>
    </row>
    <row r="154936" spans="8:8">
      <c r="H154936" s="12"/>
    </row>
    <row r="154937" spans="8:8">
      <c r="H154937" s="12"/>
    </row>
    <row r="154938" spans="8:8">
      <c r="H154938" s="12"/>
    </row>
    <row r="154939" spans="8:8">
      <c r="H154939" s="12"/>
    </row>
    <row r="154940" spans="8:8">
      <c r="H154940" s="12"/>
    </row>
    <row r="154941" spans="8:8">
      <c r="H154941" s="12"/>
    </row>
    <row r="154942" spans="8:8">
      <c r="H154942" s="12"/>
    </row>
    <row r="154943" spans="8:8">
      <c r="H154943" s="12"/>
    </row>
    <row r="154944" spans="8:8">
      <c r="H154944" s="12"/>
    </row>
    <row r="154945" spans="8:8">
      <c r="H154945" s="12"/>
    </row>
    <row r="154946" spans="8:8">
      <c r="H154946" s="12"/>
    </row>
    <row r="154947" spans="8:8">
      <c r="H154947" s="12"/>
    </row>
    <row r="154948" spans="8:8">
      <c r="H154948" s="12"/>
    </row>
    <row r="154949" spans="8:8">
      <c r="H154949" s="12"/>
    </row>
    <row r="154950" spans="8:8">
      <c r="H154950" s="12"/>
    </row>
    <row r="154951" spans="8:8">
      <c r="H154951" s="12"/>
    </row>
    <row r="154952" spans="8:8">
      <c r="H154952" s="12"/>
    </row>
    <row r="154953" spans="8:8">
      <c r="H154953" s="12"/>
    </row>
    <row r="154954" spans="8:8">
      <c r="H154954" s="12"/>
    </row>
    <row r="154955" spans="8:8">
      <c r="H154955" s="12"/>
    </row>
    <row r="154956" spans="8:8">
      <c r="H154956" s="12"/>
    </row>
    <row r="154957" spans="8:8">
      <c r="H154957" s="12"/>
    </row>
    <row r="154958" spans="8:8">
      <c r="H154958" s="12"/>
    </row>
    <row r="154959" spans="8:8">
      <c r="H154959" s="12"/>
    </row>
    <row r="154960" spans="8:8">
      <c r="H154960" s="12"/>
    </row>
    <row r="154961" spans="8:8">
      <c r="H154961" s="12"/>
    </row>
    <row r="154962" spans="8:8">
      <c r="H154962" s="12"/>
    </row>
    <row r="154963" spans="8:8">
      <c r="H154963" s="12"/>
    </row>
    <row r="154964" spans="8:8">
      <c r="H154964" s="12"/>
    </row>
    <row r="154965" spans="8:8">
      <c r="H154965" s="12"/>
    </row>
    <row r="154966" spans="8:8">
      <c r="H154966" s="12"/>
    </row>
    <row r="154967" spans="8:8">
      <c r="H154967" s="12"/>
    </row>
    <row r="154968" spans="8:8">
      <c r="H154968" s="12"/>
    </row>
    <row r="154969" spans="8:8">
      <c r="H154969" s="12"/>
    </row>
    <row r="154970" spans="8:8">
      <c r="H154970" s="12"/>
    </row>
    <row r="154971" spans="8:8">
      <c r="H154971" s="12"/>
    </row>
    <row r="154972" spans="8:8">
      <c r="H154972" s="12"/>
    </row>
    <row r="154973" spans="8:8">
      <c r="H154973" s="12"/>
    </row>
    <row r="154974" spans="8:8">
      <c r="H154974" s="12"/>
    </row>
    <row r="154975" spans="8:8">
      <c r="H154975" s="12"/>
    </row>
    <row r="154976" spans="8:8">
      <c r="H154976" s="12"/>
    </row>
    <row r="154977" spans="8:8">
      <c r="H154977" s="12"/>
    </row>
    <row r="154978" spans="8:8">
      <c r="H154978" s="12"/>
    </row>
    <row r="154979" spans="8:8">
      <c r="H154979" s="12"/>
    </row>
    <row r="154980" spans="8:8">
      <c r="H154980" s="12"/>
    </row>
    <row r="154981" spans="8:8">
      <c r="H154981" s="12"/>
    </row>
    <row r="154982" spans="8:8">
      <c r="H154982" s="12"/>
    </row>
    <row r="154983" spans="8:8">
      <c r="H154983" s="12"/>
    </row>
    <row r="154984" spans="8:8">
      <c r="H154984" s="12"/>
    </row>
    <row r="154985" spans="8:8">
      <c r="H154985" s="12"/>
    </row>
    <row r="154986" spans="8:8">
      <c r="H154986" s="12"/>
    </row>
    <row r="154987" spans="8:8">
      <c r="H154987" s="12"/>
    </row>
    <row r="154988" spans="8:8">
      <c r="H154988" s="12"/>
    </row>
    <row r="154989" spans="8:8">
      <c r="H154989" s="12"/>
    </row>
    <row r="154990" spans="8:8">
      <c r="H154990" s="12"/>
    </row>
    <row r="154991" spans="8:8">
      <c r="H154991" s="12"/>
    </row>
    <row r="154992" spans="8:8">
      <c r="H154992" s="12"/>
    </row>
    <row r="154993" spans="8:8">
      <c r="H154993" s="12"/>
    </row>
    <row r="154994" spans="8:8">
      <c r="H154994" s="12"/>
    </row>
    <row r="154995" spans="8:8">
      <c r="H154995" s="12"/>
    </row>
    <row r="154996" spans="8:8">
      <c r="H154996" s="12"/>
    </row>
    <row r="154997" spans="8:8">
      <c r="H154997" s="12"/>
    </row>
    <row r="154998" spans="8:8">
      <c r="H154998" s="12"/>
    </row>
    <row r="154999" spans="8:8">
      <c r="H154999" s="12"/>
    </row>
    <row r="155000" spans="8:8">
      <c r="H155000" s="12"/>
    </row>
    <row r="155001" spans="8:8">
      <c r="H155001" s="12"/>
    </row>
    <row r="155002" spans="8:8">
      <c r="H155002" s="12"/>
    </row>
    <row r="155003" spans="8:8">
      <c r="H155003" s="12"/>
    </row>
    <row r="155004" spans="8:8">
      <c r="H155004" s="12"/>
    </row>
    <row r="155005" spans="8:8">
      <c r="H155005" s="12"/>
    </row>
    <row r="155006" spans="8:8">
      <c r="H155006" s="12"/>
    </row>
    <row r="155007" spans="8:8">
      <c r="H155007" s="12"/>
    </row>
    <row r="155008" spans="8:8">
      <c r="H155008" s="12"/>
    </row>
    <row r="155009" spans="8:8">
      <c r="H155009" s="12"/>
    </row>
    <row r="155010" spans="8:8">
      <c r="H155010" s="12"/>
    </row>
    <row r="155011" spans="8:8">
      <c r="H155011" s="12"/>
    </row>
    <row r="155012" spans="8:8">
      <c r="H155012" s="12"/>
    </row>
    <row r="155013" spans="8:8">
      <c r="H155013" s="12"/>
    </row>
    <row r="155014" spans="8:8">
      <c r="H155014" s="12"/>
    </row>
    <row r="155015" spans="8:8">
      <c r="H155015" s="12"/>
    </row>
    <row r="155016" spans="8:8">
      <c r="H155016" s="12"/>
    </row>
    <row r="155017" spans="8:8">
      <c r="H155017" s="12"/>
    </row>
    <row r="155018" spans="8:8">
      <c r="H155018" s="12"/>
    </row>
    <row r="155019" spans="8:8">
      <c r="H155019" s="12"/>
    </row>
    <row r="155020" spans="8:8">
      <c r="H155020" s="12"/>
    </row>
    <row r="155021" spans="8:8">
      <c r="H155021" s="12"/>
    </row>
    <row r="155022" spans="8:8">
      <c r="H155022" s="12"/>
    </row>
    <row r="155023" spans="8:8">
      <c r="H155023" s="12"/>
    </row>
    <row r="155024" spans="8:8">
      <c r="H155024" s="12"/>
    </row>
    <row r="155025" spans="8:8">
      <c r="H155025" s="12"/>
    </row>
    <row r="155026" spans="8:8">
      <c r="H155026" s="12"/>
    </row>
    <row r="155027" spans="8:8">
      <c r="H155027" s="12"/>
    </row>
    <row r="155028" spans="8:8">
      <c r="H155028" s="12"/>
    </row>
    <row r="155029" spans="8:8">
      <c r="H155029" s="12"/>
    </row>
    <row r="155030" spans="8:8">
      <c r="H155030" s="12"/>
    </row>
    <row r="155031" spans="8:8">
      <c r="H155031" s="12"/>
    </row>
    <row r="155032" spans="8:8">
      <c r="H155032" s="12"/>
    </row>
    <row r="155033" spans="8:8">
      <c r="H155033" s="12"/>
    </row>
    <row r="155034" spans="8:8">
      <c r="H155034" s="12"/>
    </row>
    <row r="155035" spans="8:8">
      <c r="H155035" s="12"/>
    </row>
    <row r="155036" spans="8:8">
      <c r="H155036" s="12"/>
    </row>
    <row r="155037" spans="8:8">
      <c r="H155037" s="12"/>
    </row>
    <row r="155038" spans="8:8">
      <c r="H155038" s="12"/>
    </row>
    <row r="155039" spans="8:8">
      <c r="H155039" s="12"/>
    </row>
    <row r="155040" spans="8:8">
      <c r="H155040" s="12"/>
    </row>
    <row r="155041" spans="8:8">
      <c r="H155041" s="12"/>
    </row>
    <row r="155042" spans="8:8">
      <c r="H155042" s="12"/>
    </row>
    <row r="155043" spans="8:8">
      <c r="H155043" s="12"/>
    </row>
    <row r="155044" spans="8:8">
      <c r="H155044" s="12"/>
    </row>
    <row r="155045" spans="8:8">
      <c r="H155045" s="12"/>
    </row>
    <row r="155046" spans="8:8">
      <c r="H155046" s="12"/>
    </row>
    <row r="155047" spans="8:8">
      <c r="H155047" s="12"/>
    </row>
    <row r="155048" spans="8:8">
      <c r="H155048" s="12"/>
    </row>
    <row r="155049" spans="8:8">
      <c r="H155049" s="12"/>
    </row>
    <row r="155050" spans="8:8">
      <c r="H155050" s="12"/>
    </row>
    <row r="155051" spans="8:8">
      <c r="H155051" s="12"/>
    </row>
    <row r="155052" spans="8:8">
      <c r="H155052" s="12"/>
    </row>
    <row r="155053" spans="8:8">
      <c r="H155053" s="12"/>
    </row>
    <row r="155054" spans="8:8">
      <c r="H155054" s="12"/>
    </row>
    <row r="155055" spans="8:8">
      <c r="H155055" s="12"/>
    </row>
    <row r="155056" spans="8:8">
      <c r="H155056" s="12"/>
    </row>
    <row r="155057" spans="8:8">
      <c r="H155057" s="12"/>
    </row>
    <row r="155058" spans="8:8">
      <c r="H155058" s="12"/>
    </row>
    <row r="155059" spans="8:8">
      <c r="H155059" s="12"/>
    </row>
    <row r="155060" spans="8:8">
      <c r="H155060" s="12"/>
    </row>
    <row r="155061" spans="8:8">
      <c r="H155061" s="12"/>
    </row>
    <row r="155062" spans="8:8">
      <c r="H155062" s="12"/>
    </row>
    <row r="155063" spans="8:8">
      <c r="H155063" s="12"/>
    </row>
    <row r="155064" spans="8:8">
      <c r="H155064" s="12"/>
    </row>
    <row r="155065" spans="8:8">
      <c r="H155065" s="12"/>
    </row>
    <row r="155066" spans="8:8">
      <c r="H155066" s="12"/>
    </row>
    <row r="155067" spans="8:8">
      <c r="H155067" s="12"/>
    </row>
    <row r="155068" spans="8:8">
      <c r="H155068" s="12"/>
    </row>
    <row r="155069" spans="8:8">
      <c r="H155069" s="12"/>
    </row>
    <row r="155070" spans="8:8">
      <c r="H155070" s="12"/>
    </row>
    <row r="155071" spans="8:8">
      <c r="H155071" s="12"/>
    </row>
    <row r="155072" spans="8:8">
      <c r="H155072" s="12"/>
    </row>
    <row r="155073" spans="8:8">
      <c r="H155073" s="12"/>
    </row>
    <row r="155074" spans="8:8">
      <c r="H155074" s="12"/>
    </row>
    <row r="155075" spans="8:8">
      <c r="H155075" s="12"/>
    </row>
    <row r="155076" spans="8:8">
      <c r="H155076" s="12"/>
    </row>
    <row r="155077" spans="8:8">
      <c r="H155077" s="12"/>
    </row>
    <row r="155078" spans="8:8">
      <c r="H155078" s="12"/>
    </row>
    <row r="155079" spans="8:8">
      <c r="H155079" s="12"/>
    </row>
    <row r="155080" spans="8:8">
      <c r="H155080" s="12"/>
    </row>
    <row r="155081" spans="8:8">
      <c r="H155081" s="12"/>
    </row>
    <row r="155082" spans="8:8">
      <c r="H155082" s="12"/>
    </row>
    <row r="155083" spans="8:8">
      <c r="H155083" s="12"/>
    </row>
    <row r="155084" spans="8:8">
      <c r="H155084" s="12"/>
    </row>
    <row r="155085" spans="8:8">
      <c r="H155085" s="12"/>
    </row>
    <row r="155086" spans="8:8">
      <c r="H155086" s="12"/>
    </row>
    <row r="155087" spans="8:8">
      <c r="H155087" s="12"/>
    </row>
    <row r="155088" spans="8:8">
      <c r="H155088" s="12"/>
    </row>
    <row r="155089" spans="8:8">
      <c r="H155089" s="12"/>
    </row>
    <row r="155090" spans="8:8">
      <c r="H155090" s="12"/>
    </row>
    <row r="155091" spans="8:8">
      <c r="H155091" s="12"/>
    </row>
    <row r="155092" spans="8:8">
      <c r="H155092" s="12"/>
    </row>
    <row r="155093" spans="8:8">
      <c r="H155093" s="12"/>
    </row>
    <row r="155094" spans="8:8">
      <c r="H155094" s="12"/>
    </row>
    <row r="155095" spans="8:8">
      <c r="H155095" s="12"/>
    </row>
    <row r="155096" spans="8:8">
      <c r="H155096" s="12"/>
    </row>
    <row r="155097" spans="8:8">
      <c r="H155097" s="12"/>
    </row>
    <row r="155098" spans="8:8">
      <c r="H155098" s="12"/>
    </row>
    <row r="155099" spans="8:8">
      <c r="H155099" s="12"/>
    </row>
    <row r="155100" spans="8:8">
      <c r="H155100" s="12"/>
    </row>
    <row r="155101" spans="8:8">
      <c r="H155101" s="12"/>
    </row>
    <row r="155102" spans="8:8">
      <c r="H155102" s="12"/>
    </row>
    <row r="155103" spans="8:8">
      <c r="H155103" s="12"/>
    </row>
    <row r="155104" spans="8:8">
      <c r="H155104" s="12"/>
    </row>
    <row r="155105" spans="8:8">
      <c r="H155105" s="12"/>
    </row>
    <row r="155106" spans="8:8">
      <c r="H155106" s="12"/>
    </row>
    <row r="155107" spans="8:8">
      <c r="H155107" s="12"/>
    </row>
    <row r="155108" spans="8:8">
      <c r="H155108" s="12"/>
    </row>
    <row r="155109" spans="8:8">
      <c r="H155109" s="12"/>
    </row>
    <row r="155110" spans="8:8">
      <c r="H155110" s="12"/>
    </row>
    <row r="155111" spans="8:8">
      <c r="H155111" s="12"/>
    </row>
    <row r="155112" spans="8:8">
      <c r="H155112" s="12"/>
    </row>
    <row r="155113" spans="8:8">
      <c r="H155113" s="12"/>
    </row>
    <row r="155114" spans="8:8">
      <c r="H155114" s="12"/>
    </row>
    <row r="155115" spans="8:8">
      <c r="H155115" s="12"/>
    </row>
    <row r="155116" spans="8:8">
      <c r="H155116" s="12"/>
    </row>
    <row r="155117" spans="8:8">
      <c r="H155117" s="12"/>
    </row>
    <row r="155118" spans="8:8">
      <c r="H155118" s="12"/>
    </row>
    <row r="155119" spans="8:8">
      <c r="H155119" s="12"/>
    </row>
    <row r="155120" spans="8:8">
      <c r="H155120" s="12"/>
    </row>
    <row r="155121" spans="8:8">
      <c r="H155121" s="12"/>
    </row>
    <row r="155122" spans="8:8">
      <c r="H155122" s="12"/>
    </row>
    <row r="155123" spans="8:8">
      <c r="H155123" s="12"/>
    </row>
    <row r="155124" spans="8:8">
      <c r="H155124" s="12"/>
    </row>
    <row r="155125" spans="8:8">
      <c r="H155125" s="12"/>
    </row>
    <row r="155126" spans="8:8">
      <c r="H155126" s="12"/>
    </row>
    <row r="155127" spans="8:8">
      <c r="H155127" s="12"/>
    </row>
    <row r="155128" spans="8:8">
      <c r="H155128" s="12"/>
    </row>
    <row r="155129" spans="8:8">
      <c r="H155129" s="12"/>
    </row>
    <row r="155130" spans="8:8">
      <c r="H155130" s="12"/>
    </row>
    <row r="155131" spans="8:8">
      <c r="H155131" s="12"/>
    </row>
    <row r="155132" spans="8:8">
      <c r="H155132" s="12"/>
    </row>
    <row r="155133" spans="8:8">
      <c r="H155133" s="12"/>
    </row>
    <row r="155134" spans="8:8">
      <c r="H155134" s="12"/>
    </row>
    <row r="155135" spans="8:8">
      <c r="H155135" s="12"/>
    </row>
    <row r="155136" spans="8:8">
      <c r="H155136" s="12"/>
    </row>
    <row r="155137" spans="8:8">
      <c r="H155137" s="12"/>
    </row>
    <row r="155138" spans="8:8">
      <c r="H155138" s="12"/>
    </row>
    <row r="155139" spans="8:8">
      <c r="H155139" s="12"/>
    </row>
    <row r="155140" spans="8:8">
      <c r="H155140" s="12"/>
    </row>
    <row r="155141" spans="8:8">
      <c r="H155141" s="12"/>
    </row>
    <row r="155142" spans="8:8">
      <c r="H155142" s="12"/>
    </row>
    <row r="155143" spans="8:8">
      <c r="H155143" s="12"/>
    </row>
    <row r="155144" spans="8:8">
      <c r="H155144" s="12"/>
    </row>
    <row r="155145" spans="8:8">
      <c r="H155145" s="12"/>
    </row>
    <row r="155146" spans="8:8">
      <c r="H155146" s="12"/>
    </row>
    <row r="155147" spans="8:8">
      <c r="H155147" s="12"/>
    </row>
    <row r="155148" spans="8:8">
      <c r="H155148" s="12"/>
    </row>
    <row r="155149" spans="8:8">
      <c r="H155149" s="12"/>
    </row>
    <row r="155150" spans="8:8">
      <c r="H155150" s="12"/>
    </row>
    <row r="155151" spans="8:8">
      <c r="H155151" s="12"/>
    </row>
    <row r="155152" spans="8:8">
      <c r="H155152" s="12"/>
    </row>
    <row r="155153" spans="8:8">
      <c r="H155153" s="12"/>
    </row>
    <row r="155154" spans="8:8">
      <c r="H155154" s="12"/>
    </row>
    <row r="155155" spans="8:8">
      <c r="H155155" s="12"/>
    </row>
    <row r="155156" spans="8:8">
      <c r="H155156" s="12"/>
    </row>
    <row r="155157" spans="8:8">
      <c r="H155157" s="12"/>
    </row>
    <row r="155158" spans="8:8">
      <c r="H155158" s="12"/>
    </row>
    <row r="155159" spans="8:8">
      <c r="H155159" s="12"/>
    </row>
    <row r="155160" spans="8:8">
      <c r="H155160" s="12"/>
    </row>
    <row r="155161" spans="8:8">
      <c r="H155161" s="12"/>
    </row>
    <row r="155162" spans="8:8">
      <c r="H155162" s="12"/>
    </row>
    <row r="155163" spans="8:8">
      <c r="H155163" s="12"/>
    </row>
    <row r="155164" spans="8:8">
      <c r="H155164" s="12"/>
    </row>
    <row r="155165" spans="8:8">
      <c r="H155165" s="12"/>
    </row>
    <row r="155166" spans="8:8">
      <c r="H155166" s="12"/>
    </row>
    <row r="155167" spans="8:8">
      <c r="H155167" s="12"/>
    </row>
    <row r="155168" spans="8:8">
      <c r="H155168" s="12"/>
    </row>
    <row r="155169" spans="8:8">
      <c r="H155169" s="12"/>
    </row>
    <row r="155170" spans="8:8">
      <c r="H155170" s="12"/>
    </row>
    <row r="155171" spans="8:8">
      <c r="H155171" s="12"/>
    </row>
    <row r="155172" spans="8:8">
      <c r="H155172" s="12"/>
    </row>
    <row r="155173" spans="8:8">
      <c r="H155173" s="12"/>
    </row>
    <row r="155174" spans="8:8">
      <c r="H155174" s="12"/>
    </row>
    <row r="155175" spans="8:8">
      <c r="H155175" s="12"/>
    </row>
    <row r="155176" spans="8:8">
      <c r="H155176" s="12"/>
    </row>
    <row r="155177" spans="8:8">
      <c r="H155177" s="12"/>
    </row>
    <row r="155178" spans="8:8">
      <c r="H155178" s="12"/>
    </row>
    <row r="155179" spans="8:8">
      <c r="H155179" s="12"/>
    </row>
    <row r="155180" spans="8:8">
      <c r="H155180" s="12"/>
    </row>
    <row r="155181" spans="8:8">
      <c r="H155181" s="12"/>
    </row>
    <row r="155182" spans="8:8">
      <c r="H155182" s="12"/>
    </row>
    <row r="155183" spans="8:8">
      <c r="H155183" s="12"/>
    </row>
    <row r="155184" spans="8:8">
      <c r="H155184" s="12"/>
    </row>
    <row r="155185" spans="8:8">
      <c r="H155185" s="12"/>
    </row>
    <row r="155186" spans="8:8">
      <c r="H155186" s="12"/>
    </row>
    <row r="155187" spans="8:8">
      <c r="H155187" s="12"/>
    </row>
    <row r="155188" spans="8:8">
      <c r="H155188" s="12"/>
    </row>
    <row r="155189" spans="8:8">
      <c r="H155189" s="12"/>
    </row>
    <row r="155190" spans="8:8">
      <c r="H155190" s="12"/>
    </row>
    <row r="155191" spans="8:8">
      <c r="H155191" s="12"/>
    </row>
    <row r="155192" spans="8:8">
      <c r="H155192" s="12"/>
    </row>
    <row r="155193" spans="8:8">
      <c r="H155193" s="12"/>
    </row>
    <row r="155194" spans="8:8">
      <c r="H155194" s="12"/>
    </row>
    <row r="155195" spans="8:8">
      <c r="H155195" s="12"/>
    </row>
    <row r="155196" spans="8:8">
      <c r="H155196" s="12"/>
    </row>
    <row r="155197" spans="8:8">
      <c r="H155197" s="12"/>
    </row>
    <row r="155198" spans="8:8">
      <c r="H155198" s="12"/>
    </row>
    <row r="155199" spans="8:8">
      <c r="H155199" s="12"/>
    </row>
    <row r="155200" spans="8:8">
      <c r="H155200" s="12"/>
    </row>
    <row r="155201" spans="8:8">
      <c r="H155201" s="12"/>
    </row>
    <row r="155202" spans="8:8">
      <c r="H155202" s="12"/>
    </row>
    <row r="155203" spans="8:8">
      <c r="H155203" s="12"/>
    </row>
    <row r="155204" spans="8:8">
      <c r="H155204" s="12"/>
    </row>
    <row r="155205" spans="8:8">
      <c r="H155205" s="12"/>
    </row>
    <row r="155206" spans="8:8">
      <c r="H155206" s="12"/>
    </row>
    <row r="155207" spans="8:8">
      <c r="H155207" s="12"/>
    </row>
    <row r="155208" spans="8:8">
      <c r="H155208" s="12"/>
    </row>
    <row r="155209" spans="8:8">
      <c r="H155209" s="12"/>
    </row>
    <row r="155210" spans="8:8">
      <c r="H155210" s="12"/>
    </row>
    <row r="155211" spans="8:8">
      <c r="H155211" s="12"/>
    </row>
    <row r="155212" spans="8:8">
      <c r="H155212" s="12"/>
    </row>
    <row r="155213" spans="8:8">
      <c r="H155213" s="12"/>
    </row>
    <row r="155214" spans="8:8">
      <c r="H155214" s="12"/>
    </row>
    <row r="155215" spans="8:8">
      <c r="H155215" s="12"/>
    </row>
    <row r="155216" spans="8:8">
      <c r="H155216" s="12"/>
    </row>
    <row r="155217" spans="8:8">
      <c r="H155217" s="12"/>
    </row>
    <row r="155218" spans="8:8">
      <c r="H155218" s="12"/>
    </row>
    <row r="155219" spans="8:8">
      <c r="H155219" s="12"/>
    </row>
    <row r="155220" spans="8:8">
      <c r="H155220" s="12"/>
    </row>
    <row r="155221" spans="8:8">
      <c r="H155221" s="12"/>
    </row>
    <row r="155222" spans="8:8">
      <c r="H155222" s="12"/>
    </row>
    <row r="155223" spans="8:8">
      <c r="H155223" s="12"/>
    </row>
    <row r="155224" spans="8:8">
      <c r="H155224" s="12"/>
    </row>
    <row r="155225" spans="8:8">
      <c r="H155225" s="12"/>
    </row>
    <row r="155226" spans="8:8">
      <c r="H155226" s="12"/>
    </row>
    <row r="155227" spans="8:8">
      <c r="H155227" s="12"/>
    </row>
    <row r="155228" spans="8:8">
      <c r="H155228" s="12"/>
    </row>
    <row r="155229" spans="8:8">
      <c r="H155229" s="12"/>
    </row>
    <row r="155230" spans="8:8">
      <c r="H155230" s="12"/>
    </row>
    <row r="155231" spans="8:8">
      <c r="H155231" s="12"/>
    </row>
    <row r="155232" spans="8:8">
      <c r="H155232" s="12"/>
    </row>
    <row r="155233" spans="8:8">
      <c r="H155233" s="12"/>
    </row>
    <row r="155234" spans="8:8">
      <c r="H155234" s="12"/>
    </row>
    <row r="155235" spans="8:8">
      <c r="H155235" s="12"/>
    </row>
    <row r="155236" spans="8:8">
      <c r="H155236" s="12"/>
    </row>
    <row r="155237" spans="8:8">
      <c r="H155237" s="12"/>
    </row>
    <row r="155238" spans="8:8">
      <c r="H155238" s="12"/>
    </row>
    <row r="155239" spans="8:8">
      <c r="H155239" s="12"/>
    </row>
    <row r="155240" spans="8:8">
      <c r="H155240" s="12"/>
    </row>
    <row r="155241" spans="8:8">
      <c r="H155241" s="12"/>
    </row>
    <row r="155242" spans="8:8">
      <c r="H155242" s="12"/>
    </row>
    <row r="155243" spans="8:8">
      <c r="H155243" s="12"/>
    </row>
    <row r="155244" spans="8:8">
      <c r="H155244" s="12"/>
    </row>
    <row r="155245" spans="8:8">
      <c r="H155245" s="12"/>
    </row>
    <row r="155246" spans="8:8">
      <c r="H155246" s="12"/>
    </row>
    <row r="155247" spans="8:8">
      <c r="H155247" s="12"/>
    </row>
    <row r="155248" spans="8:8">
      <c r="H155248" s="12"/>
    </row>
    <row r="155249" spans="8:8">
      <c r="H155249" s="12"/>
    </row>
    <row r="155250" spans="8:8">
      <c r="H155250" s="12"/>
    </row>
    <row r="155251" spans="8:8">
      <c r="H155251" s="12"/>
    </row>
    <row r="155252" spans="8:8">
      <c r="H155252" s="12"/>
    </row>
    <row r="155253" spans="8:8">
      <c r="H155253" s="12"/>
    </row>
    <row r="155254" spans="8:8">
      <c r="H155254" s="12"/>
    </row>
    <row r="155255" spans="8:8">
      <c r="H155255" s="12"/>
    </row>
    <row r="155256" spans="8:8">
      <c r="H155256" s="12"/>
    </row>
    <row r="155257" spans="8:8">
      <c r="H155257" s="12"/>
    </row>
    <row r="155258" spans="8:8">
      <c r="H155258" s="12"/>
    </row>
    <row r="155259" spans="8:8">
      <c r="H155259" s="12"/>
    </row>
    <row r="155260" spans="8:8">
      <c r="H155260" s="12"/>
    </row>
    <row r="155261" spans="8:8">
      <c r="H155261" s="12"/>
    </row>
    <row r="155262" spans="8:8">
      <c r="H155262" s="12"/>
    </row>
    <row r="155263" spans="8:8">
      <c r="H155263" s="12"/>
    </row>
    <row r="155264" spans="8:8">
      <c r="H155264" s="12"/>
    </row>
    <row r="155265" spans="8:8">
      <c r="H155265" s="12"/>
    </row>
    <row r="155266" spans="8:8">
      <c r="H155266" s="12"/>
    </row>
    <row r="155267" spans="8:8">
      <c r="H155267" s="12"/>
    </row>
    <row r="155268" spans="8:8">
      <c r="H155268" s="12"/>
    </row>
    <row r="155269" spans="8:8">
      <c r="H155269" s="12"/>
    </row>
    <row r="155270" spans="8:8">
      <c r="H155270" s="12"/>
    </row>
    <row r="155271" spans="8:8">
      <c r="H155271" s="12"/>
    </row>
    <row r="155272" spans="8:8">
      <c r="H155272" s="12"/>
    </row>
    <row r="155273" spans="8:8">
      <c r="H155273" s="12"/>
    </row>
    <row r="155274" spans="8:8">
      <c r="H155274" s="12"/>
    </row>
    <row r="155275" spans="8:8">
      <c r="H155275" s="12"/>
    </row>
    <row r="155276" spans="8:8">
      <c r="H155276" s="12"/>
    </row>
    <row r="155277" spans="8:8">
      <c r="H155277" s="12"/>
    </row>
    <row r="155278" spans="8:8">
      <c r="H155278" s="12"/>
    </row>
    <row r="155279" spans="8:8">
      <c r="H155279" s="12"/>
    </row>
    <row r="155280" spans="8:8">
      <c r="H155280" s="12"/>
    </row>
    <row r="155281" spans="8:8">
      <c r="H155281" s="12"/>
    </row>
    <row r="155282" spans="8:8">
      <c r="H155282" s="12"/>
    </row>
    <row r="155283" spans="8:8">
      <c r="H155283" s="12"/>
    </row>
    <row r="155284" spans="8:8">
      <c r="H155284" s="12"/>
    </row>
    <row r="155285" spans="8:8">
      <c r="H155285" s="12"/>
    </row>
    <row r="155286" spans="8:8">
      <c r="H155286" s="12"/>
    </row>
    <row r="155287" spans="8:8">
      <c r="H155287" s="12"/>
    </row>
    <row r="155288" spans="8:8">
      <c r="H155288" s="12"/>
    </row>
    <row r="155289" spans="8:8">
      <c r="H155289" s="12"/>
    </row>
    <row r="155290" spans="8:8">
      <c r="H155290" s="12"/>
    </row>
    <row r="155291" spans="8:8">
      <c r="H155291" s="12"/>
    </row>
    <row r="155292" spans="8:8">
      <c r="H155292" s="12"/>
    </row>
    <row r="155293" spans="8:8">
      <c r="H155293" s="12"/>
    </row>
    <row r="155294" spans="8:8">
      <c r="H155294" s="12"/>
    </row>
    <row r="155295" spans="8:8">
      <c r="H155295" s="12"/>
    </row>
    <row r="155296" spans="8:8">
      <c r="H155296" s="12"/>
    </row>
    <row r="155297" spans="8:8">
      <c r="H155297" s="12"/>
    </row>
    <row r="155298" spans="8:8">
      <c r="H155298" s="12"/>
    </row>
    <row r="155299" spans="8:8">
      <c r="H155299" s="12"/>
    </row>
    <row r="155300" spans="8:8">
      <c r="H155300" s="12"/>
    </row>
    <row r="155301" spans="8:8">
      <c r="H155301" s="12"/>
    </row>
    <row r="155302" spans="8:8">
      <c r="H155302" s="12"/>
    </row>
    <row r="155303" spans="8:8">
      <c r="H155303" s="12"/>
    </row>
    <row r="155304" spans="8:8">
      <c r="H155304" s="12"/>
    </row>
    <row r="155305" spans="8:8">
      <c r="H155305" s="12"/>
    </row>
    <row r="155306" spans="8:8">
      <c r="H155306" s="12"/>
    </row>
    <row r="155307" spans="8:8">
      <c r="H155307" s="12"/>
    </row>
    <row r="155308" spans="8:8">
      <c r="H155308" s="12"/>
    </row>
    <row r="155309" spans="8:8">
      <c r="H155309" s="12"/>
    </row>
    <row r="155310" spans="8:8">
      <c r="H155310" s="12"/>
    </row>
    <row r="155311" spans="8:8">
      <c r="H155311" s="12"/>
    </row>
    <row r="155312" spans="8:8">
      <c r="H155312" s="12"/>
    </row>
    <row r="155313" spans="8:8">
      <c r="H155313" s="12"/>
    </row>
    <row r="155314" spans="8:8">
      <c r="H155314" s="12"/>
    </row>
    <row r="155315" spans="8:8">
      <c r="H155315" s="12"/>
    </row>
    <row r="155316" spans="8:8">
      <c r="H155316" s="12"/>
    </row>
    <row r="155317" spans="8:8">
      <c r="H155317" s="12"/>
    </row>
    <row r="155318" spans="8:8">
      <c r="H155318" s="12"/>
    </row>
    <row r="155319" spans="8:8">
      <c r="H155319" s="12"/>
    </row>
    <row r="155320" spans="8:8">
      <c r="H155320" s="12"/>
    </row>
    <row r="155321" spans="8:8">
      <c r="H155321" s="12"/>
    </row>
    <row r="155322" spans="8:8">
      <c r="H155322" s="12"/>
    </row>
    <row r="155323" spans="8:8">
      <c r="H155323" s="12"/>
    </row>
    <row r="155324" spans="8:8">
      <c r="H155324" s="12"/>
    </row>
    <row r="155325" spans="8:8">
      <c r="H155325" s="12"/>
    </row>
    <row r="155326" spans="8:8">
      <c r="H155326" s="12"/>
    </row>
    <row r="155327" spans="8:8">
      <c r="H155327" s="12"/>
    </row>
    <row r="155328" spans="8:8">
      <c r="H155328" s="12"/>
    </row>
    <row r="155329" spans="8:8">
      <c r="H155329" s="12"/>
    </row>
    <row r="155330" spans="8:8">
      <c r="H155330" s="12"/>
    </row>
    <row r="155331" spans="8:8">
      <c r="H155331" s="12"/>
    </row>
    <row r="155332" spans="8:8">
      <c r="H155332" s="12"/>
    </row>
    <row r="155333" spans="8:8">
      <c r="H155333" s="12"/>
    </row>
    <row r="155334" spans="8:8">
      <c r="H155334" s="12"/>
    </row>
    <row r="155335" spans="8:8">
      <c r="H155335" s="12"/>
    </row>
    <row r="155336" spans="8:8">
      <c r="H155336" s="12"/>
    </row>
    <row r="155337" spans="8:8">
      <c r="H155337" s="12"/>
    </row>
    <row r="155338" spans="8:8">
      <c r="H155338" s="12"/>
    </row>
    <row r="155339" spans="8:8">
      <c r="H155339" s="12"/>
    </row>
    <row r="155340" spans="8:8">
      <c r="H155340" s="12"/>
    </row>
    <row r="155341" spans="8:8">
      <c r="H155341" s="12"/>
    </row>
    <row r="155342" spans="8:8">
      <c r="H155342" s="12"/>
    </row>
    <row r="155343" spans="8:8">
      <c r="H155343" s="12"/>
    </row>
    <row r="155344" spans="8:8">
      <c r="H155344" s="12"/>
    </row>
    <row r="155345" spans="8:8">
      <c r="H155345" s="12"/>
    </row>
    <row r="155346" spans="8:8">
      <c r="H155346" s="12"/>
    </row>
    <row r="155347" spans="8:8">
      <c r="H155347" s="12"/>
    </row>
    <row r="155348" spans="8:8">
      <c r="H155348" s="12"/>
    </row>
    <row r="155349" spans="8:8">
      <c r="H155349" s="12"/>
    </row>
    <row r="155350" spans="8:8">
      <c r="H155350" s="12"/>
    </row>
    <row r="155351" spans="8:8">
      <c r="H155351" s="12"/>
    </row>
    <row r="155352" spans="8:8">
      <c r="H155352" s="12"/>
    </row>
    <row r="155353" spans="8:8">
      <c r="H155353" s="12"/>
    </row>
    <row r="155354" spans="8:8">
      <c r="H155354" s="12"/>
    </row>
    <row r="155355" spans="8:8">
      <c r="H155355" s="12"/>
    </row>
    <row r="155356" spans="8:8">
      <c r="H155356" s="12"/>
    </row>
    <row r="155357" spans="8:8">
      <c r="H155357" s="12"/>
    </row>
    <row r="155358" spans="8:8">
      <c r="H155358" s="12"/>
    </row>
    <row r="155359" spans="8:8">
      <c r="H155359" s="12"/>
    </row>
    <row r="155360" spans="8:8">
      <c r="H155360" s="12"/>
    </row>
    <row r="155361" spans="8:8">
      <c r="H155361" s="12"/>
    </row>
    <row r="155362" spans="8:8">
      <c r="H155362" s="12"/>
    </row>
    <row r="155363" spans="8:8">
      <c r="H155363" s="12"/>
    </row>
    <row r="155364" spans="8:8">
      <c r="H155364" s="12"/>
    </row>
    <row r="155365" spans="8:8">
      <c r="H155365" s="12"/>
    </row>
    <row r="155366" spans="8:8">
      <c r="H155366" s="12"/>
    </row>
    <row r="155367" spans="8:8">
      <c r="H155367" s="12"/>
    </row>
    <row r="155368" spans="8:8">
      <c r="H155368" s="12"/>
    </row>
    <row r="155369" spans="8:8">
      <c r="H155369" s="12"/>
    </row>
    <row r="155370" spans="8:8">
      <c r="H155370" s="12"/>
    </row>
    <row r="155371" spans="8:8">
      <c r="H155371" s="12"/>
    </row>
    <row r="155372" spans="8:8">
      <c r="H155372" s="12"/>
    </row>
    <row r="155373" spans="8:8">
      <c r="H155373" s="12"/>
    </row>
    <row r="155374" spans="8:8">
      <c r="H155374" s="12"/>
    </row>
    <row r="155375" spans="8:8">
      <c r="H155375" s="12"/>
    </row>
    <row r="155376" spans="8:8">
      <c r="H155376" s="12"/>
    </row>
    <row r="155377" spans="8:8">
      <c r="H155377" s="12"/>
    </row>
    <row r="155378" spans="8:8">
      <c r="H155378" s="12"/>
    </row>
    <row r="155379" spans="8:8">
      <c r="H155379" s="12"/>
    </row>
    <row r="155380" spans="8:8">
      <c r="H155380" s="12"/>
    </row>
    <row r="155381" spans="8:8">
      <c r="H155381" s="12"/>
    </row>
    <row r="155382" spans="8:8">
      <c r="H155382" s="12"/>
    </row>
    <row r="155383" spans="8:8">
      <c r="H155383" s="12"/>
    </row>
    <row r="155384" spans="8:8">
      <c r="H155384" s="12"/>
    </row>
    <row r="155385" spans="8:8">
      <c r="H155385" s="12"/>
    </row>
    <row r="155386" spans="8:8">
      <c r="H155386" s="12"/>
    </row>
    <row r="155387" spans="8:8">
      <c r="H155387" s="12"/>
    </row>
    <row r="155388" spans="8:8">
      <c r="H155388" s="12"/>
    </row>
    <row r="155389" spans="8:8">
      <c r="H155389" s="12"/>
    </row>
    <row r="155390" spans="8:8">
      <c r="H155390" s="12"/>
    </row>
    <row r="155391" spans="8:8">
      <c r="H155391" s="12"/>
    </row>
    <row r="155392" spans="8:8">
      <c r="H155392" s="12"/>
    </row>
    <row r="155393" spans="8:8">
      <c r="H155393" s="12"/>
    </row>
    <row r="155394" spans="8:8">
      <c r="H155394" s="12"/>
    </row>
    <row r="155395" spans="8:8">
      <c r="H155395" s="12"/>
    </row>
    <row r="155396" spans="8:8">
      <c r="H155396" s="12"/>
    </row>
    <row r="155397" spans="8:8">
      <c r="H155397" s="12"/>
    </row>
    <row r="155398" spans="8:8">
      <c r="H155398" s="12"/>
    </row>
    <row r="155399" spans="8:8">
      <c r="H155399" s="12"/>
    </row>
    <row r="155400" spans="8:8">
      <c r="H155400" s="12"/>
    </row>
    <row r="155401" spans="8:8">
      <c r="H155401" s="12"/>
    </row>
    <row r="155402" spans="8:8">
      <c r="H155402" s="12"/>
    </row>
    <row r="155403" spans="8:8">
      <c r="H155403" s="12"/>
    </row>
    <row r="155404" spans="8:8">
      <c r="H155404" s="12"/>
    </row>
    <row r="155405" spans="8:8">
      <c r="H155405" s="12"/>
    </row>
    <row r="155406" spans="8:8">
      <c r="H155406" s="12"/>
    </row>
    <row r="155407" spans="8:8">
      <c r="H155407" s="12"/>
    </row>
    <row r="155408" spans="8:8">
      <c r="H155408" s="12"/>
    </row>
    <row r="155409" spans="8:8">
      <c r="H155409" s="12"/>
    </row>
    <row r="155410" spans="8:8">
      <c r="H155410" s="12"/>
    </row>
    <row r="155411" spans="8:8">
      <c r="H155411" s="12"/>
    </row>
    <row r="155412" spans="8:8">
      <c r="H155412" s="12"/>
    </row>
    <row r="155413" spans="8:8">
      <c r="H155413" s="12"/>
    </row>
    <row r="155414" spans="8:8">
      <c r="H155414" s="12"/>
    </row>
    <row r="155415" spans="8:8">
      <c r="H155415" s="12"/>
    </row>
    <row r="155416" spans="8:8">
      <c r="H155416" s="12"/>
    </row>
    <row r="155417" spans="8:8">
      <c r="H155417" s="12"/>
    </row>
    <row r="155418" spans="8:8">
      <c r="H155418" s="12"/>
    </row>
    <row r="155419" spans="8:8">
      <c r="H155419" s="12"/>
    </row>
    <row r="155420" spans="8:8">
      <c r="H155420" s="12"/>
    </row>
    <row r="155421" spans="8:8">
      <c r="H155421" s="12"/>
    </row>
    <row r="155422" spans="8:8">
      <c r="H155422" s="12"/>
    </row>
    <row r="155423" spans="8:8">
      <c r="H155423" s="12"/>
    </row>
    <row r="155424" spans="8:8">
      <c r="H155424" s="12"/>
    </row>
    <row r="155425" spans="8:8">
      <c r="H155425" s="12"/>
    </row>
    <row r="155426" spans="8:8">
      <c r="H155426" s="12"/>
    </row>
    <row r="155427" spans="8:8">
      <c r="H155427" s="12"/>
    </row>
    <row r="155428" spans="8:8">
      <c r="H155428" s="12"/>
    </row>
    <row r="155429" spans="8:8">
      <c r="H155429" s="12"/>
    </row>
    <row r="155430" spans="8:8">
      <c r="H155430" s="12"/>
    </row>
    <row r="155431" spans="8:8">
      <c r="H155431" s="12"/>
    </row>
    <row r="155432" spans="8:8">
      <c r="H155432" s="12"/>
    </row>
    <row r="155433" spans="8:8">
      <c r="H155433" s="12"/>
    </row>
    <row r="155434" spans="8:8">
      <c r="H155434" s="12"/>
    </row>
    <row r="155435" spans="8:8">
      <c r="H155435" s="12"/>
    </row>
    <row r="155436" spans="8:8">
      <c r="H155436" s="12"/>
    </row>
    <row r="155437" spans="8:8">
      <c r="H155437" s="12"/>
    </row>
    <row r="155438" spans="8:8">
      <c r="H155438" s="12"/>
    </row>
    <row r="155439" spans="8:8">
      <c r="H155439" s="12"/>
    </row>
    <row r="155440" spans="8:8">
      <c r="H155440" s="12"/>
    </row>
    <row r="155441" spans="8:8">
      <c r="H155441" s="12"/>
    </row>
    <row r="155442" spans="8:8">
      <c r="H155442" s="12"/>
    </row>
    <row r="155443" spans="8:8">
      <c r="H155443" s="12"/>
    </row>
    <row r="155444" spans="8:8">
      <c r="H155444" s="12"/>
    </row>
    <row r="155445" spans="8:8">
      <c r="H155445" s="12"/>
    </row>
    <row r="155446" spans="8:8">
      <c r="H155446" s="12"/>
    </row>
    <row r="155447" spans="8:8">
      <c r="H155447" s="12"/>
    </row>
    <row r="155448" spans="8:8">
      <c r="H155448" s="12"/>
    </row>
    <row r="155449" spans="8:8">
      <c r="H155449" s="12"/>
    </row>
    <row r="155450" spans="8:8">
      <c r="H155450" s="12"/>
    </row>
    <row r="155451" spans="8:8">
      <c r="H155451" s="12"/>
    </row>
    <row r="155452" spans="8:8">
      <c r="H155452" s="12"/>
    </row>
    <row r="155453" spans="8:8">
      <c r="H155453" s="12"/>
    </row>
    <row r="155454" spans="8:8">
      <c r="H155454" s="12"/>
    </row>
    <row r="155455" spans="8:8">
      <c r="H155455" s="12"/>
    </row>
    <row r="155456" spans="8:8">
      <c r="H155456" s="12"/>
    </row>
    <row r="155457" spans="8:8">
      <c r="H155457" s="12"/>
    </row>
    <row r="155458" spans="8:8">
      <c r="H155458" s="12"/>
    </row>
    <row r="155459" spans="8:8">
      <c r="H155459" s="12"/>
    </row>
    <row r="155460" spans="8:8">
      <c r="H155460" s="12"/>
    </row>
    <row r="155461" spans="8:8">
      <c r="H155461" s="12"/>
    </row>
    <row r="155462" spans="8:8">
      <c r="H155462" s="12"/>
    </row>
    <row r="155463" spans="8:8">
      <c r="H155463" s="12"/>
    </row>
    <row r="155464" spans="8:8">
      <c r="H155464" s="12"/>
    </row>
    <row r="155465" spans="8:8">
      <c r="H155465" s="12"/>
    </row>
    <row r="155466" spans="8:8">
      <c r="H155466" s="12"/>
    </row>
    <row r="155467" spans="8:8">
      <c r="H155467" s="12"/>
    </row>
    <row r="155468" spans="8:8">
      <c r="H155468" s="12"/>
    </row>
    <row r="155469" spans="8:8">
      <c r="H155469" s="12"/>
    </row>
    <row r="155470" spans="8:8">
      <c r="H155470" s="12"/>
    </row>
    <row r="155471" spans="8:8">
      <c r="H155471" s="12"/>
    </row>
    <row r="155472" spans="8:8">
      <c r="H155472" s="12"/>
    </row>
    <row r="155473" spans="8:8">
      <c r="H155473" s="12"/>
    </row>
    <row r="155474" spans="8:8">
      <c r="H155474" s="12"/>
    </row>
    <row r="155475" spans="8:8">
      <c r="H155475" s="12"/>
    </row>
    <row r="155476" spans="8:8">
      <c r="H155476" s="12"/>
    </row>
    <row r="155477" spans="8:8">
      <c r="H155477" s="12"/>
    </row>
    <row r="155478" spans="8:8">
      <c r="H155478" s="12"/>
    </row>
    <row r="155479" spans="8:8">
      <c r="H155479" s="12"/>
    </row>
    <row r="155480" spans="8:8">
      <c r="H155480" s="12"/>
    </row>
    <row r="155481" spans="8:8">
      <c r="H155481" s="12"/>
    </row>
    <row r="155482" spans="8:8">
      <c r="H155482" s="12"/>
    </row>
    <row r="155483" spans="8:8">
      <c r="H155483" s="12"/>
    </row>
    <row r="155484" spans="8:8">
      <c r="H155484" s="12"/>
    </row>
    <row r="155485" spans="8:8">
      <c r="H155485" s="12"/>
    </row>
    <row r="155486" spans="8:8">
      <c r="H155486" s="12"/>
    </row>
    <row r="155487" spans="8:8">
      <c r="H155487" s="12"/>
    </row>
    <row r="155488" spans="8:8">
      <c r="H155488" s="12"/>
    </row>
    <row r="155489" spans="8:8">
      <c r="H155489" s="12"/>
    </row>
    <row r="155490" spans="8:8">
      <c r="H155490" s="12"/>
    </row>
    <row r="155491" spans="8:8">
      <c r="H155491" s="12"/>
    </row>
    <row r="155492" spans="8:8">
      <c r="H155492" s="12"/>
    </row>
    <row r="155493" spans="8:8">
      <c r="H155493" s="12"/>
    </row>
    <row r="155494" spans="8:8">
      <c r="H155494" s="12"/>
    </row>
    <row r="155495" spans="8:8">
      <c r="H155495" s="12"/>
    </row>
    <row r="155496" spans="8:8">
      <c r="H155496" s="12"/>
    </row>
    <row r="155497" spans="8:8">
      <c r="H155497" s="12"/>
    </row>
    <row r="155498" spans="8:8">
      <c r="H155498" s="12"/>
    </row>
    <row r="155499" spans="8:8">
      <c r="H155499" s="12"/>
    </row>
    <row r="155500" spans="8:8">
      <c r="H155500" s="12"/>
    </row>
    <row r="155501" spans="8:8">
      <c r="H155501" s="12"/>
    </row>
    <row r="155502" spans="8:8">
      <c r="H155502" s="12"/>
    </row>
    <row r="155503" spans="8:8">
      <c r="H155503" s="12"/>
    </row>
    <row r="155504" spans="8:8">
      <c r="H155504" s="12"/>
    </row>
    <row r="155505" spans="8:8">
      <c r="H155505" s="12"/>
    </row>
    <row r="155506" spans="8:8">
      <c r="H155506" s="12"/>
    </row>
    <row r="155507" spans="8:8">
      <c r="H155507" s="12"/>
    </row>
    <row r="155508" spans="8:8">
      <c r="H155508" s="12"/>
    </row>
    <row r="155509" spans="8:8">
      <c r="H155509" s="12"/>
    </row>
    <row r="155510" spans="8:8">
      <c r="H155510" s="12"/>
    </row>
    <row r="155511" spans="8:8">
      <c r="H155511" s="12"/>
    </row>
    <row r="155512" spans="8:8">
      <c r="H155512" s="12"/>
    </row>
    <row r="155513" spans="8:8">
      <c r="H155513" s="12"/>
    </row>
    <row r="155514" spans="8:8">
      <c r="H155514" s="12"/>
    </row>
    <row r="155515" spans="8:8">
      <c r="H155515" s="12"/>
    </row>
    <row r="155516" spans="8:8">
      <c r="H155516" s="12"/>
    </row>
    <row r="155517" spans="8:8">
      <c r="H155517" s="12"/>
    </row>
    <row r="155518" spans="8:8">
      <c r="H155518" s="12"/>
    </row>
    <row r="155519" spans="8:8">
      <c r="H155519" s="12"/>
    </row>
    <row r="155520" spans="8:8">
      <c r="H155520" s="12"/>
    </row>
    <row r="155521" spans="8:8">
      <c r="H155521" s="12"/>
    </row>
    <row r="155522" spans="8:8">
      <c r="H155522" s="12"/>
    </row>
    <row r="155523" spans="8:8">
      <c r="H155523" s="12"/>
    </row>
    <row r="155524" spans="8:8">
      <c r="H155524" s="12"/>
    </row>
    <row r="155525" spans="8:8">
      <c r="H155525" s="12"/>
    </row>
    <row r="155526" spans="8:8">
      <c r="H155526" s="12"/>
    </row>
    <row r="155527" spans="8:8">
      <c r="H155527" s="12"/>
    </row>
    <row r="155528" spans="8:8">
      <c r="H155528" s="12"/>
    </row>
    <row r="155529" spans="8:8">
      <c r="H155529" s="12"/>
    </row>
    <row r="155530" spans="8:8">
      <c r="H155530" s="12"/>
    </row>
    <row r="155531" spans="8:8">
      <c r="H155531" s="12"/>
    </row>
    <row r="155532" spans="8:8">
      <c r="H155532" s="12"/>
    </row>
    <row r="155533" spans="8:8">
      <c r="H155533" s="12"/>
    </row>
    <row r="155534" spans="8:8">
      <c r="H155534" s="12"/>
    </row>
    <row r="155535" spans="8:8">
      <c r="H155535" s="12"/>
    </row>
    <row r="155536" spans="8:8">
      <c r="H155536" s="12"/>
    </row>
    <row r="155537" spans="8:8">
      <c r="H155537" s="12"/>
    </row>
    <row r="155538" spans="8:8">
      <c r="H155538" s="12"/>
    </row>
    <row r="155539" spans="8:8">
      <c r="H155539" s="12"/>
    </row>
    <row r="155540" spans="8:8">
      <c r="H155540" s="12"/>
    </row>
    <row r="155541" spans="8:8">
      <c r="H155541" s="12"/>
    </row>
    <row r="155542" spans="8:8">
      <c r="H155542" s="12"/>
    </row>
    <row r="155543" spans="8:8">
      <c r="H155543" s="12"/>
    </row>
    <row r="155544" spans="8:8">
      <c r="H155544" s="12"/>
    </row>
    <row r="155545" spans="8:8">
      <c r="H155545" s="12"/>
    </row>
    <row r="155546" spans="8:8">
      <c r="H155546" s="12"/>
    </row>
    <row r="155547" spans="8:8">
      <c r="H155547" s="12"/>
    </row>
    <row r="155548" spans="8:8">
      <c r="H155548" s="12"/>
    </row>
    <row r="155549" spans="8:8">
      <c r="H155549" s="12"/>
    </row>
    <row r="155550" spans="8:8">
      <c r="H155550" s="12"/>
    </row>
    <row r="155551" spans="8:8">
      <c r="H155551" s="12"/>
    </row>
    <row r="155552" spans="8:8">
      <c r="H155552" s="12"/>
    </row>
    <row r="155553" spans="8:8">
      <c r="H155553" s="12"/>
    </row>
    <row r="155554" spans="8:8">
      <c r="H155554" s="12"/>
    </row>
    <row r="155555" spans="8:8">
      <c r="H155555" s="12"/>
    </row>
    <row r="155556" spans="8:8">
      <c r="H155556" s="12"/>
    </row>
    <row r="155557" spans="8:8">
      <c r="H155557" s="12"/>
    </row>
    <row r="155558" spans="8:8">
      <c r="H155558" s="12"/>
    </row>
    <row r="155559" spans="8:8">
      <c r="H155559" s="12"/>
    </row>
    <row r="155560" spans="8:8">
      <c r="H155560" s="12"/>
    </row>
    <row r="155561" spans="8:8">
      <c r="H155561" s="12"/>
    </row>
    <row r="155562" spans="8:8">
      <c r="H155562" s="12"/>
    </row>
    <row r="155563" spans="8:8">
      <c r="H155563" s="12"/>
    </row>
    <row r="155564" spans="8:8">
      <c r="H155564" s="12"/>
    </row>
    <row r="155565" spans="8:8">
      <c r="H155565" s="12"/>
    </row>
    <row r="155566" spans="8:8">
      <c r="H155566" s="12"/>
    </row>
    <row r="155567" spans="8:8">
      <c r="H155567" s="12"/>
    </row>
    <row r="155568" spans="8:8">
      <c r="H155568" s="12"/>
    </row>
    <row r="155569" spans="8:8">
      <c r="H155569" s="12"/>
    </row>
    <row r="155570" spans="8:8">
      <c r="H155570" s="12"/>
    </row>
    <row r="155571" spans="8:8">
      <c r="H155571" s="12"/>
    </row>
    <row r="155572" spans="8:8">
      <c r="H155572" s="12"/>
    </row>
    <row r="155573" spans="8:8">
      <c r="H155573" s="12"/>
    </row>
    <row r="155574" spans="8:8">
      <c r="H155574" s="12"/>
    </row>
    <row r="155575" spans="8:8">
      <c r="H155575" s="12"/>
    </row>
    <row r="155576" spans="8:8">
      <c r="H155576" s="12"/>
    </row>
    <row r="155577" spans="8:8">
      <c r="H155577" s="12"/>
    </row>
    <row r="155578" spans="8:8">
      <c r="H155578" s="12"/>
    </row>
    <row r="155579" spans="8:8">
      <c r="H155579" s="12"/>
    </row>
    <row r="155580" spans="8:8">
      <c r="H155580" s="12"/>
    </row>
    <row r="155581" spans="8:8">
      <c r="H155581" s="12"/>
    </row>
    <row r="155582" spans="8:8">
      <c r="H155582" s="12"/>
    </row>
    <row r="155583" spans="8:8">
      <c r="H155583" s="12"/>
    </row>
    <row r="155584" spans="8:8">
      <c r="H155584" s="12"/>
    </row>
    <row r="155585" spans="8:8">
      <c r="H155585" s="12"/>
    </row>
    <row r="155586" spans="8:8">
      <c r="H155586" s="12"/>
    </row>
    <row r="155587" spans="8:8">
      <c r="H155587" s="12"/>
    </row>
    <row r="155588" spans="8:8">
      <c r="H155588" s="12"/>
    </row>
    <row r="155589" spans="8:8">
      <c r="H155589" s="12"/>
    </row>
    <row r="155590" spans="8:8">
      <c r="H155590" s="12"/>
    </row>
    <row r="155591" spans="8:8">
      <c r="H155591" s="12"/>
    </row>
    <row r="155592" spans="8:8">
      <c r="H155592" s="12"/>
    </row>
    <row r="155593" spans="8:8">
      <c r="H155593" s="12"/>
    </row>
    <row r="155594" spans="8:8">
      <c r="H155594" s="12"/>
    </row>
    <row r="155595" spans="8:8">
      <c r="H155595" s="12"/>
    </row>
    <row r="155596" spans="8:8">
      <c r="H155596" s="12"/>
    </row>
    <row r="155597" spans="8:8">
      <c r="H155597" s="12"/>
    </row>
    <row r="155598" spans="8:8">
      <c r="H155598" s="12"/>
    </row>
    <row r="155599" spans="8:8">
      <c r="H155599" s="12"/>
    </row>
    <row r="155600" spans="8:8">
      <c r="H155600" s="12"/>
    </row>
    <row r="155601" spans="8:8">
      <c r="H155601" s="12"/>
    </row>
    <row r="155602" spans="8:8">
      <c r="H155602" s="12"/>
    </row>
    <row r="155603" spans="8:8">
      <c r="H155603" s="12"/>
    </row>
    <row r="155604" spans="8:8">
      <c r="H155604" s="12"/>
    </row>
    <row r="155605" spans="8:8">
      <c r="H155605" s="12"/>
    </row>
    <row r="155606" spans="8:8">
      <c r="H155606" s="12"/>
    </row>
    <row r="155607" spans="8:8">
      <c r="H155607" s="12"/>
    </row>
    <row r="155608" spans="8:8">
      <c r="H155608" s="12"/>
    </row>
    <row r="155609" spans="8:8">
      <c r="H155609" s="12"/>
    </row>
    <row r="155610" spans="8:8">
      <c r="H155610" s="12"/>
    </row>
    <row r="155611" spans="8:8">
      <c r="H155611" s="12"/>
    </row>
    <row r="155612" spans="8:8">
      <c r="H155612" s="12"/>
    </row>
    <row r="155613" spans="8:8">
      <c r="H155613" s="12"/>
    </row>
    <row r="155614" spans="8:8">
      <c r="H155614" s="12"/>
    </row>
    <row r="155615" spans="8:8">
      <c r="H155615" s="12"/>
    </row>
    <row r="155616" spans="8:8">
      <c r="H155616" s="12"/>
    </row>
    <row r="155617" spans="8:8">
      <c r="H155617" s="12"/>
    </row>
    <row r="155618" spans="8:8">
      <c r="H155618" s="12"/>
    </row>
    <row r="155619" spans="8:8">
      <c r="H155619" s="12"/>
    </row>
    <row r="155620" spans="8:8">
      <c r="H155620" s="12"/>
    </row>
    <row r="155621" spans="8:8">
      <c r="H155621" s="12"/>
    </row>
    <row r="155622" spans="8:8">
      <c r="H155622" s="12"/>
    </row>
    <row r="155623" spans="8:8">
      <c r="H155623" s="12"/>
    </row>
    <row r="155624" spans="8:8">
      <c r="H155624" s="12"/>
    </row>
    <row r="155625" spans="8:8">
      <c r="H155625" s="12"/>
    </row>
    <row r="155626" spans="8:8">
      <c r="H155626" s="12"/>
    </row>
    <row r="155627" spans="8:8">
      <c r="H155627" s="12"/>
    </row>
    <row r="155628" spans="8:8">
      <c r="H155628" s="12"/>
    </row>
    <row r="155629" spans="8:8">
      <c r="H155629" s="12"/>
    </row>
    <row r="155630" spans="8:8">
      <c r="H155630" s="12"/>
    </row>
    <row r="155631" spans="8:8">
      <c r="H155631" s="12"/>
    </row>
    <row r="155632" spans="8:8">
      <c r="H155632" s="12"/>
    </row>
    <row r="155633" spans="8:8">
      <c r="H155633" s="12"/>
    </row>
    <row r="155634" spans="8:8">
      <c r="H155634" s="12"/>
    </row>
    <row r="155635" spans="8:8">
      <c r="H155635" s="12"/>
    </row>
    <row r="155636" spans="8:8">
      <c r="H155636" s="12"/>
    </row>
    <row r="155637" spans="8:8">
      <c r="H155637" s="12"/>
    </row>
    <row r="155638" spans="8:8">
      <c r="H155638" s="12"/>
    </row>
    <row r="155639" spans="8:8">
      <c r="H155639" s="12"/>
    </row>
    <row r="155640" spans="8:8">
      <c r="H155640" s="12"/>
    </row>
    <row r="155641" spans="8:8">
      <c r="H155641" s="12"/>
    </row>
    <row r="155642" spans="8:8">
      <c r="H155642" s="12"/>
    </row>
    <row r="155643" spans="8:8">
      <c r="H155643" s="12"/>
    </row>
    <row r="155644" spans="8:8">
      <c r="H155644" s="12"/>
    </row>
    <row r="155645" spans="8:8">
      <c r="H155645" s="12"/>
    </row>
    <row r="155646" spans="8:8">
      <c r="H155646" s="12"/>
    </row>
    <row r="155647" spans="8:8">
      <c r="H155647" s="12"/>
    </row>
    <row r="155648" spans="8:8">
      <c r="H155648" s="12"/>
    </row>
    <row r="155649" spans="8:8">
      <c r="H155649" s="12"/>
    </row>
    <row r="155650" spans="8:8">
      <c r="H155650" s="12"/>
    </row>
    <row r="155651" spans="8:8">
      <c r="H155651" s="12"/>
    </row>
    <row r="155652" spans="8:8">
      <c r="H155652" s="12"/>
    </row>
    <row r="155653" spans="8:8">
      <c r="H155653" s="12"/>
    </row>
    <row r="155654" spans="8:8">
      <c r="H155654" s="12"/>
    </row>
    <row r="155655" spans="8:8">
      <c r="H155655" s="12"/>
    </row>
    <row r="155656" spans="8:8">
      <c r="H155656" s="12"/>
    </row>
    <row r="155657" spans="8:8">
      <c r="H155657" s="12"/>
    </row>
    <row r="155658" spans="8:8">
      <c r="H155658" s="12"/>
    </row>
    <row r="155659" spans="8:8">
      <c r="H155659" s="12"/>
    </row>
    <row r="155660" spans="8:8">
      <c r="H155660" s="12"/>
    </row>
    <row r="155661" spans="8:8">
      <c r="H155661" s="12"/>
    </row>
    <row r="155662" spans="8:8">
      <c r="H155662" s="12"/>
    </row>
    <row r="155663" spans="8:8">
      <c r="H155663" s="12"/>
    </row>
    <row r="155664" spans="8:8">
      <c r="H155664" s="12"/>
    </row>
    <row r="155665" spans="8:8">
      <c r="H155665" s="12"/>
    </row>
    <row r="155666" spans="8:8">
      <c r="H155666" s="12"/>
    </row>
    <row r="155667" spans="8:8">
      <c r="H155667" s="12"/>
    </row>
    <row r="155668" spans="8:8">
      <c r="H155668" s="12"/>
    </row>
    <row r="155669" spans="8:8">
      <c r="H155669" s="12"/>
    </row>
    <row r="155670" spans="8:8">
      <c r="H155670" s="12"/>
    </row>
    <row r="155671" spans="8:8">
      <c r="H155671" s="12"/>
    </row>
    <row r="155672" spans="8:8">
      <c r="H155672" s="12"/>
    </row>
    <row r="155673" spans="8:8">
      <c r="H155673" s="12"/>
    </row>
    <row r="155674" spans="8:8">
      <c r="H155674" s="12"/>
    </row>
    <row r="155675" spans="8:8">
      <c r="H155675" s="12"/>
    </row>
    <row r="155676" spans="8:8">
      <c r="H155676" s="12"/>
    </row>
    <row r="155677" spans="8:8">
      <c r="H155677" s="12"/>
    </row>
    <row r="155678" spans="8:8">
      <c r="H155678" s="12"/>
    </row>
    <row r="155679" spans="8:8">
      <c r="H155679" s="12"/>
    </row>
    <row r="155680" spans="8:8">
      <c r="H155680" s="12"/>
    </row>
    <row r="155681" spans="8:8">
      <c r="H155681" s="12"/>
    </row>
    <row r="155682" spans="8:8">
      <c r="H155682" s="12"/>
    </row>
    <row r="155683" spans="8:8">
      <c r="H155683" s="12"/>
    </row>
    <row r="155684" spans="8:8">
      <c r="H155684" s="12"/>
    </row>
    <row r="155685" spans="8:8">
      <c r="H155685" s="12"/>
    </row>
    <row r="155686" spans="8:8">
      <c r="H155686" s="12"/>
    </row>
    <row r="155687" spans="8:8">
      <c r="H155687" s="12"/>
    </row>
    <row r="155688" spans="8:8">
      <c r="H155688" s="12"/>
    </row>
    <row r="155689" spans="8:8">
      <c r="H155689" s="12"/>
    </row>
    <row r="155690" spans="8:8">
      <c r="H155690" s="12"/>
    </row>
    <row r="155691" spans="8:8">
      <c r="H155691" s="12"/>
    </row>
    <row r="155692" spans="8:8">
      <c r="H155692" s="12"/>
    </row>
    <row r="155693" spans="8:8">
      <c r="H155693" s="12"/>
    </row>
    <row r="155694" spans="8:8">
      <c r="H155694" s="12"/>
    </row>
    <row r="155695" spans="8:8">
      <c r="H155695" s="12"/>
    </row>
    <row r="155696" spans="8:8">
      <c r="H155696" s="12"/>
    </row>
    <row r="155697" spans="8:8">
      <c r="H155697" s="12"/>
    </row>
    <row r="155698" spans="8:8">
      <c r="H155698" s="12"/>
    </row>
    <row r="155699" spans="8:8">
      <c r="H155699" s="12"/>
    </row>
    <row r="155700" spans="8:8">
      <c r="H155700" s="12"/>
    </row>
    <row r="155701" spans="8:8">
      <c r="H155701" s="12"/>
    </row>
    <row r="155702" spans="8:8">
      <c r="H155702" s="12"/>
    </row>
    <row r="155703" spans="8:8">
      <c r="H155703" s="12"/>
    </row>
    <row r="155704" spans="8:8">
      <c r="H155704" s="12"/>
    </row>
    <row r="155705" spans="8:8">
      <c r="H155705" s="12"/>
    </row>
    <row r="155706" spans="8:8">
      <c r="H155706" s="12"/>
    </row>
    <row r="155707" spans="8:8">
      <c r="H155707" s="12"/>
    </row>
    <row r="155708" spans="8:8">
      <c r="H155708" s="12"/>
    </row>
    <row r="155709" spans="8:8">
      <c r="H155709" s="12"/>
    </row>
    <row r="155710" spans="8:8">
      <c r="H155710" s="12"/>
    </row>
    <row r="155711" spans="8:8">
      <c r="H155711" s="12"/>
    </row>
    <row r="155712" spans="8:8">
      <c r="H155712" s="12"/>
    </row>
    <row r="155713" spans="8:8">
      <c r="H155713" s="12"/>
    </row>
    <row r="155714" spans="8:8">
      <c r="H155714" s="12"/>
    </row>
    <row r="155715" spans="8:8">
      <c r="H155715" s="12"/>
    </row>
    <row r="155716" spans="8:8">
      <c r="H155716" s="12"/>
    </row>
    <row r="155717" spans="8:8">
      <c r="H155717" s="12"/>
    </row>
    <row r="155718" spans="8:8">
      <c r="H155718" s="12"/>
    </row>
    <row r="155719" spans="8:8">
      <c r="H155719" s="12"/>
    </row>
    <row r="155720" spans="8:8">
      <c r="H155720" s="12"/>
    </row>
    <row r="155721" spans="8:8">
      <c r="H155721" s="12"/>
    </row>
    <row r="155722" spans="8:8">
      <c r="H155722" s="12"/>
    </row>
    <row r="155723" spans="8:8">
      <c r="H155723" s="12"/>
    </row>
    <row r="155724" spans="8:8">
      <c r="H155724" s="12"/>
    </row>
    <row r="155725" spans="8:8">
      <c r="H155725" s="12"/>
    </row>
    <row r="155726" spans="8:8">
      <c r="H155726" s="12"/>
    </row>
    <row r="155727" spans="8:8">
      <c r="H155727" s="12"/>
    </row>
    <row r="155728" spans="8:8">
      <c r="H155728" s="12"/>
    </row>
    <row r="155729" spans="8:8">
      <c r="H155729" s="12"/>
    </row>
    <row r="155730" spans="8:8">
      <c r="H155730" s="12"/>
    </row>
    <row r="155731" spans="8:8">
      <c r="H155731" s="12"/>
    </row>
    <row r="155732" spans="8:8">
      <c r="H155732" s="12"/>
    </row>
    <row r="155733" spans="8:8">
      <c r="H155733" s="12"/>
    </row>
    <row r="155734" spans="8:8">
      <c r="H155734" s="12"/>
    </row>
    <row r="155735" spans="8:8">
      <c r="H155735" s="12"/>
    </row>
    <row r="155736" spans="8:8">
      <c r="H155736" s="12"/>
    </row>
    <row r="155737" spans="8:8">
      <c r="H155737" s="12"/>
    </row>
    <row r="155738" spans="8:8">
      <c r="H155738" s="12"/>
    </row>
    <row r="155739" spans="8:8">
      <c r="H155739" s="12"/>
    </row>
    <row r="155740" spans="8:8">
      <c r="H155740" s="12"/>
    </row>
    <row r="155741" spans="8:8">
      <c r="H155741" s="12"/>
    </row>
    <row r="155742" spans="8:8">
      <c r="H155742" s="12"/>
    </row>
    <row r="155743" spans="8:8">
      <c r="H155743" s="12"/>
    </row>
    <row r="155744" spans="8:8">
      <c r="H155744" s="12"/>
    </row>
    <row r="155745" spans="8:8">
      <c r="H155745" s="12"/>
    </row>
    <row r="155746" spans="8:8">
      <c r="H155746" s="12"/>
    </row>
    <row r="155747" spans="8:8">
      <c r="H155747" s="12"/>
    </row>
    <row r="155748" spans="8:8">
      <c r="H155748" s="12"/>
    </row>
    <row r="155749" spans="8:8">
      <c r="H155749" s="12"/>
    </row>
    <row r="155750" spans="8:8">
      <c r="H155750" s="12"/>
    </row>
    <row r="155751" spans="8:8">
      <c r="H155751" s="12"/>
    </row>
    <row r="155752" spans="8:8">
      <c r="H155752" s="12"/>
    </row>
    <row r="155753" spans="8:8">
      <c r="H155753" s="12"/>
    </row>
    <row r="155754" spans="8:8">
      <c r="H155754" s="12"/>
    </row>
    <row r="155755" spans="8:8">
      <c r="H155755" s="12"/>
    </row>
    <row r="155756" spans="8:8">
      <c r="H155756" s="12"/>
    </row>
    <row r="155757" spans="8:8">
      <c r="H155757" s="12"/>
    </row>
    <row r="155758" spans="8:8">
      <c r="H155758" s="12"/>
    </row>
    <row r="155759" spans="8:8">
      <c r="H155759" s="12"/>
    </row>
    <row r="155760" spans="8:8">
      <c r="H155760" s="12"/>
    </row>
    <row r="155761" spans="8:8">
      <c r="H155761" s="12"/>
    </row>
    <row r="155762" spans="8:8">
      <c r="H155762" s="12"/>
    </row>
    <row r="155763" spans="8:8">
      <c r="H155763" s="12"/>
    </row>
    <row r="155764" spans="8:8">
      <c r="H155764" s="12"/>
    </row>
    <row r="155765" spans="8:8">
      <c r="H155765" s="12"/>
    </row>
    <row r="155766" spans="8:8">
      <c r="H155766" s="12"/>
    </row>
    <row r="155767" spans="8:8">
      <c r="H155767" s="12"/>
    </row>
    <row r="155768" spans="8:8">
      <c r="H155768" s="12"/>
    </row>
    <row r="155769" spans="8:8">
      <c r="H155769" s="12"/>
    </row>
    <row r="155770" spans="8:8">
      <c r="H155770" s="12"/>
    </row>
    <row r="155771" spans="8:8">
      <c r="H155771" s="12"/>
    </row>
    <row r="155772" spans="8:8">
      <c r="H155772" s="12"/>
    </row>
    <row r="155773" spans="8:8">
      <c r="H155773" s="12"/>
    </row>
    <row r="155774" spans="8:8">
      <c r="H155774" s="12"/>
    </row>
    <row r="155775" spans="8:8">
      <c r="H155775" s="12"/>
    </row>
    <row r="155776" spans="8:8">
      <c r="H155776" s="12"/>
    </row>
    <row r="155777" spans="8:8">
      <c r="H155777" s="12"/>
    </row>
    <row r="155778" spans="8:8">
      <c r="H155778" s="12"/>
    </row>
    <row r="155779" spans="8:8">
      <c r="H155779" s="12"/>
    </row>
    <row r="155780" spans="8:8">
      <c r="H155780" s="12"/>
    </row>
    <row r="155781" spans="8:8">
      <c r="H155781" s="12"/>
    </row>
    <row r="155782" spans="8:8">
      <c r="H155782" s="12"/>
    </row>
    <row r="155783" spans="8:8">
      <c r="H155783" s="12"/>
    </row>
    <row r="155784" spans="8:8">
      <c r="H155784" s="12"/>
    </row>
    <row r="155785" spans="8:8">
      <c r="H155785" s="12"/>
    </row>
    <row r="155786" spans="8:8">
      <c r="H155786" s="12"/>
    </row>
    <row r="155787" spans="8:8">
      <c r="H155787" s="12"/>
    </row>
    <row r="155788" spans="8:8">
      <c r="H155788" s="12"/>
    </row>
    <row r="155789" spans="8:8">
      <c r="H155789" s="12"/>
    </row>
    <row r="155790" spans="8:8">
      <c r="H155790" s="12"/>
    </row>
    <row r="155791" spans="8:8">
      <c r="H155791" s="12"/>
    </row>
    <row r="155792" spans="8:8">
      <c r="H155792" s="12"/>
    </row>
    <row r="155793" spans="8:8">
      <c r="H155793" s="12"/>
    </row>
    <row r="155794" spans="8:8">
      <c r="H155794" s="12"/>
    </row>
    <row r="155795" spans="8:8">
      <c r="H155795" s="12"/>
    </row>
    <row r="155796" spans="8:8">
      <c r="H155796" s="12"/>
    </row>
    <row r="155797" spans="8:8">
      <c r="H155797" s="12"/>
    </row>
    <row r="155798" spans="8:8">
      <c r="H155798" s="12"/>
    </row>
    <row r="155799" spans="8:8">
      <c r="H155799" s="12"/>
    </row>
    <row r="155800" spans="8:8">
      <c r="H155800" s="12"/>
    </row>
    <row r="155801" spans="8:8">
      <c r="H155801" s="12"/>
    </row>
    <row r="155802" spans="8:8">
      <c r="H155802" s="12"/>
    </row>
    <row r="155803" spans="8:8">
      <c r="H155803" s="12"/>
    </row>
    <row r="155804" spans="8:8">
      <c r="H155804" s="12"/>
    </row>
    <row r="155805" spans="8:8">
      <c r="H155805" s="12"/>
    </row>
    <row r="155806" spans="8:8">
      <c r="H155806" s="12"/>
    </row>
    <row r="155807" spans="8:8">
      <c r="H155807" s="12"/>
    </row>
    <row r="155808" spans="8:8">
      <c r="H155808" s="12"/>
    </row>
    <row r="155809" spans="8:8">
      <c r="H155809" s="12"/>
    </row>
    <row r="155810" spans="8:8">
      <c r="H155810" s="12"/>
    </row>
    <row r="155811" spans="8:8">
      <c r="H155811" s="12"/>
    </row>
    <row r="155812" spans="8:8">
      <c r="H155812" s="12"/>
    </row>
    <row r="155813" spans="8:8">
      <c r="H155813" s="12"/>
    </row>
    <row r="155814" spans="8:8">
      <c r="H155814" s="12"/>
    </row>
    <row r="155815" spans="8:8">
      <c r="H155815" s="12"/>
    </row>
    <row r="155816" spans="8:8">
      <c r="H155816" s="12"/>
    </row>
    <row r="155817" spans="8:8">
      <c r="H155817" s="12"/>
    </row>
    <row r="155818" spans="8:8">
      <c r="H155818" s="12"/>
    </row>
    <row r="155819" spans="8:8">
      <c r="H155819" s="12"/>
    </row>
    <row r="155820" spans="8:8">
      <c r="H155820" s="12"/>
    </row>
    <row r="155821" spans="8:8">
      <c r="H155821" s="12"/>
    </row>
    <row r="155822" spans="8:8">
      <c r="H155822" s="12"/>
    </row>
    <row r="155823" spans="8:8">
      <c r="H155823" s="12"/>
    </row>
    <row r="155824" spans="8:8">
      <c r="H155824" s="12"/>
    </row>
    <row r="155825" spans="8:8">
      <c r="H155825" s="12"/>
    </row>
    <row r="155826" spans="8:8">
      <c r="H155826" s="12"/>
    </row>
    <row r="155827" spans="8:8">
      <c r="H155827" s="12"/>
    </row>
    <row r="155828" spans="8:8">
      <c r="H155828" s="12"/>
    </row>
    <row r="155829" spans="8:8">
      <c r="H155829" s="12"/>
    </row>
    <row r="155830" spans="8:8">
      <c r="H155830" s="12"/>
    </row>
    <row r="155831" spans="8:8">
      <c r="H155831" s="12"/>
    </row>
    <row r="155832" spans="8:8">
      <c r="H155832" s="12"/>
    </row>
    <row r="155833" spans="8:8">
      <c r="H155833" s="12"/>
    </row>
    <row r="155834" spans="8:8">
      <c r="H155834" s="12"/>
    </row>
    <row r="155835" spans="8:8">
      <c r="H155835" s="12"/>
    </row>
    <row r="155836" spans="8:8">
      <c r="H155836" s="12"/>
    </row>
    <row r="155837" spans="8:8">
      <c r="H155837" s="12"/>
    </row>
    <row r="155838" spans="8:8">
      <c r="H155838" s="12"/>
    </row>
    <row r="155839" spans="8:8">
      <c r="H155839" s="12"/>
    </row>
    <row r="155840" spans="8:8">
      <c r="H155840" s="12"/>
    </row>
    <row r="155841" spans="8:8">
      <c r="H155841" s="12"/>
    </row>
    <row r="155842" spans="8:8">
      <c r="H155842" s="12"/>
    </row>
    <row r="155843" spans="8:8">
      <c r="H155843" s="12"/>
    </row>
    <row r="155844" spans="8:8">
      <c r="H155844" s="12"/>
    </row>
    <row r="155845" spans="8:8">
      <c r="H155845" s="12"/>
    </row>
    <row r="155846" spans="8:8">
      <c r="H155846" s="12"/>
    </row>
    <row r="155847" spans="8:8">
      <c r="H155847" s="12"/>
    </row>
    <row r="155848" spans="8:8">
      <c r="H155848" s="12"/>
    </row>
    <row r="155849" spans="8:8">
      <c r="H155849" s="12"/>
    </row>
    <row r="155850" spans="8:8">
      <c r="H155850" s="12"/>
    </row>
    <row r="155851" spans="8:8">
      <c r="H155851" s="12"/>
    </row>
    <row r="155852" spans="8:8">
      <c r="H155852" s="12"/>
    </row>
    <row r="155853" spans="8:8">
      <c r="H155853" s="12"/>
    </row>
    <row r="155854" spans="8:8">
      <c r="H155854" s="12"/>
    </row>
    <row r="155855" spans="8:8">
      <c r="H155855" s="12"/>
    </row>
    <row r="155856" spans="8:8">
      <c r="H155856" s="12"/>
    </row>
    <row r="155857" spans="8:8">
      <c r="H155857" s="12"/>
    </row>
    <row r="155858" spans="8:8">
      <c r="H155858" s="12"/>
    </row>
    <row r="155859" spans="8:8">
      <c r="H155859" s="12"/>
    </row>
    <row r="155860" spans="8:8">
      <c r="H155860" s="12"/>
    </row>
    <row r="155861" spans="8:8">
      <c r="H155861" s="12"/>
    </row>
    <row r="155862" spans="8:8">
      <c r="H155862" s="12"/>
    </row>
    <row r="155863" spans="8:8">
      <c r="H155863" s="12"/>
    </row>
    <row r="155864" spans="8:8">
      <c r="H155864" s="12"/>
    </row>
    <row r="155865" spans="8:8">
      <c r="H155865" s="12"/>
    </row>
    <row r="155866" spans="8:8">
      <c r="H155866" s="12"/>
    </row>
    <row r="155867" spans="8:8">
      <c r="H155867" s="12"/>
    </row>
    <row r="155868" spans="8:8">
      <c r="H155868" s="12"/>
    </row>
    <row r="155869" spans="8:8">
      <c r="H155869" s="12"/>
    </row>
    <row r="155870" spans="8:8">
      <c r="H155870" s="12"/>
    </row>
    <row r="155871" spans="8:8">
      <c r="H155871" s="12"/>
    </row>
    <row r="155872" spans="8:8">
      <c r="H155872" s="12"/>
    </row>
    <row r="155873" spans="8:8">
      <c r="H155873" s="12"/>
    </row>
    <row r="155874" spans="8:8">
      <c r="H155874" s="12"/>
    </row>
    <row r="155875" spans="8:8">
      <c r="H155875" s="12"/>
    </row>
    <row r="155876" spans="8:8">
      <c r="H155876" s="12"/>
    </row>
    <row r="155877" spans="8:8">
      <c r="H155877" s="12"/>
    </row>
    <row r="155878" spans="8:8">
      <c r="H155878" s="12"/>
    </row>
    <row r="155879" spans="8:8">
      <c r="H155879" s="12"/>
    </row>
    <row r="155880" spans="8:8">
      <c r="H155880" s="12"/>
    </row>
    <row r="155881" spans="8:8">
      <c r="H155881" s="12"/>
    </row>
    <row r="155882" spans="8:8">
      <c r="H155882" s="12"/>
    </row>
    <row r="155883" spans="8:8">
      <c r="H155883" s="12"/>
    </row>
    <row r="155884" spans="8:8">
      <c r="H155884" s="12"/>
    </row>
    <row r="155885" spans="8:8">
      <c r="H155885" s="12"/>
    </row>
    <row r="155886" spans="8:8">
      <c r="H155886" s="12"/>
    </row>
    <row r="155887" spans="8:8">
      <c r="H155887" s="12"/>
    </row>
    <row r="155888" spans="8:8">
      <c r="H155888" s="12"/>
    </row>
    <row r="155889" spans="8:8">
      <c r="H155889" s="12"/>
    </row>
    <row r="155890" spans="8:8">
      <c r="H155890" s="12"/>
    </row>
    <row r="155891" spans="8:8">
      <c r="H155891" s="12"/>
    </row>
    <row r="155892" spans="8:8">
      <c r="H155892" s="12"/>
    </row>
    <row r="155893" spans="8:8">
      <c r="H155893" s="12"/>
    </row>
    <row r="155894" spans="8:8">
      <c r="H155894" s="12"/>
    </row>
    <row r="155895" spans="8:8">
      <c r="H155895" s="12"/>
    </row>
    <row r="155896" spans="8:8">
      <c r="H155896" s="12"/>
    </row>
    <row r="155897" spans="8:8">
      <c r="H155897" s="12"/>
    </row>
    <row r="155898" spans="8:8">
      <c r="H155898" s="12"/>
    </row>
    <row r="155899" spans="8:8">
      <c r="H155899" s="12"/>
    </row>
    <row r="155900" spans="8:8">
      <c r="H155900" s="12"/>
    </row>
    <row r="155901" spans="8:8">
      <c r="H155901" s="12"/>
    </row>
    <row r="155902" spans="8:8">
      <c r="H155902" s="12"/>
    </row>
    <row r="155903" spans="8:8">
      <c r="H155903" s="12"/>
    </row>
    <row r="155904" spans="8:8">
      <c r="H155904" s="12"/>
    </row>
    <row r="155905" spans="8:8">
      <c r="H155905" s="12"/>
    </row>
    <row r="155906" spans="8:8">
      <c r="H155906" s="12"/>
    </row>
    <row r="155907" spans="8:8">
      <c r="H155907" s="12"/>
    </row>
    <row r="155908" spans="8:8">
      <c r="H155908" s="12"/>
    </row>
    <row r="155909" spans="8:8">
      <c r="H155909" s="12"/>
    </row>
    <row r="155910" spans="8:8">
      <c r="H155910" s="12"/>
    </row>
    <row r="155911" spans="8:8">
      <c r="H155911" s="12"/>
    </row>
    <row r="155912" spans="8:8">
      <c r="H155912" s="12"/>
    </row>
    <row r="155913" spans="8:8">
      <c r="H155913" s="12"/>
    </row>
    <row r="155914" spans="8:8">
      <c r="H155914" s="12"/>
    </row>
    <row r="155915" spans="8:8">
      <c r="H155915" s="12"/>
    </row>
    <row r="155916" spans="8:8">
      <c r="H155916" s="12"/>
    </row>
    <row r="155917" spans="8:8">
      <c r="H155917" s="12"/>
    </row>
    <row r="155918" spans="8:8">
      <c r="H155918" s="12"/>
    </row>
    <row r="155919" spans="8:8">
      <c r="H155919" s="12"/>
    </row>
    <row r="155920" spans="8:8">
      <c r="H155920" s="12"/>
    </row>
    <row r="155921" spans="8:8">
      <c r="H155921" s="12"/>
    </row>
    <row r="155922" spans="8:8">
      <c r="H155922" s="12"/>
    </row>
    <row r="155923" spans="8:8">
      <c r="H155923" s="12"/>
    </row>
    <row r="155924" spans="8:8">
      <c r="H155924" s="12"/>
    </row>
    <row r="155925" spans="8:8">
      <c r="H155925" s="12"/>
    </row>
    <row r="155926" spans="8:8">
      <c r="H155926" s="12"/>
    </row>
    <row r="155927" spans="8:8">
      <c r="H155927" s="12"/>
    </row>
    <row r="155928" spans="8:8">
      <c r="H155928" s="12"/>
    </row>
    <row r="155929" spans="8:8">
      <c r="H155929" s="12"/>
    </row>
    <row r="155930" spans="8:8">
      <c r="H155930" s="12"/>
    </row>
    <row r="155931" spans="8:8">
      <c r="H155931" s="12"/>
    </row>
    <row r="155932" spans="8:8">
      <c r="H155932" s="12"/>
    </row>
    <row r="155933" spans="8:8">
      <c r="H155933" s="12"/>
    </row>
    <row r="155934" spans="8:8">
      <c r="H155934" s="12"/>
    </row>
    <row r="155935" spans="8:8">
      <c r="H155935" s="12"/>
    </row>
    <row r="155936" spans="8:8">
      <c r="H155936" s="12"/>
    </row>
    <row r="155937" spans="8:8">
      <c r="H155937" s="12"/>
    </row>
    <row r="155938" spans="8:8">
      <c r="H155938" s="12"/>
    </row>
    <row r="155939" spans="8:8">
      <c r="H155939" s="12"/>
    </row>
    <row r="155940" spans="8:8">
      <c r="H155940" s="12"/>
    </row>
    <row r="155941" spans="8:8">
      <c r="H155941" s="12"/>
    </row>
    <row r="155942" spans="8:8">
      <c r="H155942" s="12"/>
    </row>
    <row r="155943" spans="8:8">
      <c r="H155943" s="12"/>
    </row>
    <row r="155944" spans="8:8">
      <c r="H155944" s="12"/>
    </row>
    <row r="155945" spans="8:8">
      <c r="H155945" s="12"/>
    </row>
    <row r="155946" spans="8:8">
      <c r="H155946" s="12"/>
    </row>
    <row r="155947" spans="8:8">
      <c r="H155947" s="12"/>
    </row>
    <row r="155948" spans="8:8">
      <c r="H155948" s="12"/>
    </row>
    <row r="155949" spans="8:8">
      <c r="H155949" s="12"/>
    </row>
    <row r="155950" spans="8:8">
      <c r="H155950" s="12"/>
    </row>
    <row r="155951" spans="8:8">
      <c r="H155951" s="12"/>
    </row>
    <row r="155952" spans="8:8">
      <c r="H155952" s="12"/>
    </row>
    <row r="155953" spans="8:8">
      <c r="H155953" s="12"/>
    </row>
    <row r="155954" spans="8:8">
      <c r="H155954" s="12"/>
    </row>
    <row r="155955" spans="8:8">
      <c r="H155955" s="12"/>
    </row>
    <row r="155956" spans="8:8">
      <c r="H155956" s="12"/>
    </row>
    <row r="155957" spans="8:8">
      <c r="H155957" s="12"/>
    </row>
    <row r="155958" spans="8:8">
      <c r="H155958" s="12"/>
    </row>
    <row r="155959" spans="8:8">
      <c r="H155959" s="12"/>
    </row>
    <row r="155960" spans="8:8">
      <c r="H155960" s="12"/>
    </row>
    <row r="155961" spans="8:8">
      <c r="H155961" s="12"/>
    </row>
    <row r="155962" spans="8:8">
      <c r="H155962" s="12"/>
    </row>
    <row r="155963" spans="8:8">
      <c r="H155963" s="12"/>
    </row>
    <row r="155964" spans="8:8">
      <c r="H155964" s="12"/>
    </row>
    <row r="155965" spans="8:8">
      <c r="H155965" s="12"/>
    </row>
    <row r="155966" spans="8:8">
      <c r="H155966" s="12"/>
    </row>
    <row r="155967" spans="8:8">
      <c r="H155967" s="12"/>
    </row>
    <row r="155968" spans="8:8">
      <c r="H155968" s="12"/>
    </row>
    <row r="155969" spans="8:8">
      <c r="H155969" s="12"/>
    </row>
    <row r="155970" spans="8:8">
      <c r="H155970" s="12"/>
    </row>
    <row r="155971" spans="8:8">
      <c r="H155971" s="12"/>
    </row>
    <row r="155972" spans="8:8">
      <c r="H155972" s="12"/>
    </row>
    <row r="155973" spans="8:8">
      <c r="H155973" s="12"/>
    </row>
    <row r="155974" spans="8:8">
      <c r="H155974" s="12"/>
    </row>
    <row r="155975" spans="8:8">
      <c r="H155975" s="12"/>
    </row>
    <row r="155976" spans="8:8">
      <c r="H155976" s="12"/>
    </row>
    <row r="155977" spans="8:8">
      <c r="H155977" s="12"/>
    </row>
    <row r="155978" spans="8:8">
      <c r="H155978" s="12"/>
    </row>
    <row r="155979" spans="8:8">
      <c r="H155979" s="12"/>
    </row>
    <row r="155980" spans="8:8">
      <c r="H155980" s="12"/>
    </row>
    <row r="155981" spans="8:8">
      <c r="H155981" s="12"/>
    </row>
    <row r="155982" spans="8:8">
      <c r="H155982" s="12"/>
    </row>
    <row r="155983" spans="8:8">
      <c r="H155983" s="12"/>
    </row>
    <row r="155984" spans="8:8">
      <c r="H155984" s="12"/>
    </row>
    <row r="155985" spans="8:8">
      <c r="H155985" s="12"/>
    </row>
    <row r="155986" spans="8:8">
      <c r="H155986" s="12"/>
    </row>
    <row r="155987" spans="8:8">
      <c r="H155987" s="12"/>
    </row>
    <row r="155988" spans="8:8">
      <c r="H155988" s="12"/>
    </row>
    <row r="155989" spans="8:8">
      <c r="H155989" s="12"/>
    </row>
    <row r="155990" spans="8:8">
      <c r="H155990" s="12"/>
    </row>
    <row r="155991" spans="8:8">
      <c r="H155991" s="12"/>
    </row>
    <row r="155992" spans="8:8">
      <c r="H155992" s="12"/>
    </row>
    <row r="155993" spans="8:8">
      <c r="H155993" s="12"/>
    </row>
    <row r="155994" spans="8:8">
      <c r="H155994" s="12"/>
    </row>
    <row r="155995" spans="8:8">
      <c r="H155995" s="12"/>
    </row>
    <row r="155996" spans="8:8">
      <c r="H155996" s="12"/>
    </row>
    <row r="155997" spans="8:8">
      <c r="H155997" s="12"/>
    </row>
    <row r="155998" spans="8:8">
      <c r="H155998" s="12"/>
    </row>
    <row r="155999" spans="8:8">
      <c r="H155999" s="12"/>
    </row>
    <row r="156000" spans="8:8">
      <c r="H156000" s="12"/>
    </row>
    <row r="156001" spans="8:8">
      <c r="H156001" s="12"/>
    </row>
    <row r="156002" spans="8:8">
      <c r="H156002" s="12"/>
    </row>
    <row r="156003" spans="8:8">
      <c r="H156003" s="12"/>
    </row>
    <row r="156004" spans="8:8">
      <c r="H156004" s="12"/>
    </row>
    <row r="156005" spans="8:8">
      <c r="H156005" s="12"/>
    </row>
    <row r="156006" spans="8:8">
      <c r="H156006" s="12"/>
    </row>
    <row r="156007" spans="8:8">
      <c r="H156007" s="12"/>
    </row>
    <row r="156008" spans="8:8">
      <c r="H156008" s="12"/>
    </row>
    <row r="156009" spans="8:8">
      <c r="H156009" s="12"/>
    </row>
    <row r="156010" spans="8:8">
      <c r="H156010" s="12"/>
    </row>
    <row r="156011" spans="8:8">
      <c r="H156011" s="12"/>
    </row>
    <row r="156012" spans="8:8">
      <c r="H156012" s="12"/>
    </row>
    <row r="156013" spans="8:8">
      <c r="H156013" s="12"/>
    </row>
    <row r="156014" spans="8:8">
      <c r="H156014" s="12"/>
    </row>
    <row r="156015" spans="8:8">
      <c r="H156015" s="12"/>
    </row>
    <row r="156016" spans="8:8">
      <c r="H156016" s="12"/>
    </row>
    <row r="156017" spans="8:8">
      <c r="H156017" s="12"/>
    </row>
    <row r="156018" spans="8:8">
      <c r="H156018" s="12"/>
    </row>
    <row r="156019" spans="8:8">
      <c r="H156019" s="12"/>
    </row>
    <row r="156020" spans="8:8">
      <c r="H156020" s="12"/>
    </row>
    <row r="156021" spans="8:8">
      <c r="H156021" s="12"/>
    </row>
    <row r="156022" spans="8:8">
      <c r="H156022" s="12"/>
    </row>
    <row r="156023" spans="8:8">
      <c r="H156023" s="12"/>
    </row>
    <row r="156024" spans="8:8">
      <c r="H156024" s="12"/>
    </row>
    <row r="156025" spans="8:8">
      <c r="H156025" s="12"/>
    </row>
    <row r="156026" spans="8:8">
      <c r="H156026" s="12"/>
    </row>
    <row r="156027" spans="8:8">
      <c r="H156027" s="12"/>
    </row>
    <row r="156028" spans="8:8">
      <c r="H156028" s="12"/>
    </row>
    <row r="156029" spans="8:8">
      <c r="H156029" s="12"/>
    </row>
    <row r="156030" spans="8:8">
      <c r="H156030" s="12"/>
    </row>
    <row r="156031" spans="8:8">
      <c r="H156031" s="12"/>
    </row>
    <row r="156032" spans="8:8">
      <c r="H156032" s="12"/>
    </row>
    <row r="156033" spans="8:8">
      <c r="H156033" s="12"/>
    </row>
    <row r="156034" spans="8:8">
      <c r="H156034" s="12"/>
    </row>
    <row r="156035" spans="8:8">
      <c r="H156035" s="12"/>
    </row>
    <row r="156036" spans="8:8">
      <c r="H156036" s="12"/>
    </row>
    <row r="156037" spans="8:8">
      <c r="H156037" s="12"/>
    </row>
    <row r="156038" spans="8:8">
      <c r="H156038" s="12"/>
    </row>
    <row r="156039" spans="8:8">
      <c r="H156039" s="12"/>
    </row>
    <row r="156040" spans="8:8">
      <c r="H156040" s="12"/>
    </row>
    <row r="156041" spans="8:8">
      <c r="H156041" s="12"/>
    </row>
    <row r="156042" spans="8:8">
      <c r="H156042" s="12"/>
    </row>
    <row r="156043" spans="8:8">
      <c r="H156043" s="12"/>
    </row>
    <row r="156044" spans="8:8">
      <c r="H156044" s="12"/>
    </row>
    <row r="156045" spans="8:8">
      <c r="H156045" s="12"/>
    </row>
    <row r="156046" spans="8:8">
      <c r="H156046" s="12"/>
    </row>
    <row r="156047" spans="8:8">
      <c r="H156047" s="12"/>
    </row>
    <row r="156048" spans="8:8">
      <c r="H156048" s="12"/>
    </row>
    <row r="156049" spans="8:8">
      <c r="H156049" s="12"/>
    </row>
    <row r="156050" spans="8:8">
      <c r="H156050" s="12"/>
    </row>
    <row r="156051" spans="8:8">
      <c r="H156051" s="12"/>
    </row>
    <row r="156052" spans="8:8">
      <c r="H156052" s="12"/>
    </row>
    <row r="156053" spans="8:8">
      <c r="H156053" s="12"/>
    </row>
    <row r="156054" spans="8:8">
      <c r="H156054" s="12"/>
    </row>
    <row r="156055" spans="8:8">
      <c r="H156055" s="12"/>
    </row>
    <row r="156056" spans="8:8">
      <c r="H156056" s="12"/>
    </row>
    <row r="156057" spans="8:8">
      <c r="H156057" s="12"/>
    </row>
    <row r="156058" spans="8:8">
      <c r="H156058" s="12"/>
    </row>
    <row r="156059" spans="8:8">
      <c r="H156059" s="12"/>
    </row>
    <row r="156060" spans="8:8">
      <c r="H156060" s="12"/>
    </row>
    <row r="156061" spans="8:8">
      <c r="H156061" s="12"/>
    </row>
    <row r="156062" spans="8:8">
      <c r="H156062" s="12"/>
    </row>
    <row r="156063" spans="8:8">
      <c r="H156063" s="12"/>
    </row>
    <row r="156064" spans="8:8">
      <c r="H156064" s="12"/>
    </row>
    <row r="156065" spans="8:8">
      <c r="H156065" s="12"/>
    </row>
    <row r="156066" spans="8:8">
      <c r="H156066" s="12"/>
    </row>
    <row r="156067" spans="8:8">
      <c r="H156067" s="12"/>
    </row>
    <row r="156068" spans="8:8">
      <c r="H156068" s="12"/>
    </row>
    <row r="156069" spans="8:8">
      <c r="H156069" s="12"/>
    </row>
    <row r="156070" spans="8:8">
      <c r="H156070" s="12"/>
    </row>
    <row r="156071" spans="8:8">
      <c r="H156071" s="12"/>
    </row>
    <row r="156072" spans="8:8">
      <c r="H156072" s="12"/>
    </row>
    <row r="156073" spans="8:8">
      <c r="H156073" s="12"/>
    </row>
    <row r="156074" spans="8:8">
      <c r="H156074" s="12"/>
    </row>
    <row r="156075" spans="8:8">
      <c r="H156075" s="12"/>
    </row>
    <row r="156076" spans="8:8">
      <c r="H156076" s="12"/>
    </row>
    <row r="156077" spans="8:8">
      <c r="H156077" s="12"/>
    </row>
    <row r="156078" spans="8:8">
      <c r="H156078" s="12"/>
    </row>
    <row r="156079" spans="8:8">
      <c r="H156079" s="12"/>
    </row>
    <row r="156080" spans="8:8">
      <c r="H156080" s="12"/>
    </row>
    <row r="156081" spans="8:8">
      <c r="H156081" s="12"/>
    </row>
    <row r="156082" spans="8:8">
      <c r="H156082" s="12"/>
    </row>
    <row r="156083" spans="8:8">
      <c r="H156083" s="12"/>
    </row>
    <row r="156084" spans="8:8">
      <c r="H156084" s="12"/>
    </row>
    <row r="156085" spans="8:8">
      <c r="H156085" s="12"/>
    </row>
    <row r="156086" spans="8:8">
      <c r="H156086" s="12"/>
    </row>
    <row r="156087" spans="8:8">
      <c r="H156087" s="12"/>
    </row>
    <row r="156088" spans="8:8">
      <c r="H156088" s="12"/>
    </row>
    <row r="156089" spans="8:8">
      <c r="H156089" s="12"/>
    </row>
    <row r="156090" spans="8:8">
      <c r="H156090" s="12"/>
    </row>
    <row r="156091" spans="8:8">
      <c r="H156091" s="12"/>
    </row>
    <row r="156092" spans="8:8">
      <c r="H156092" s="12"/>
    </row>
    <row r="156093" spans="8:8">
      <c r="H156093" s="12"/>
    </row>
    <row r="156094" spans="8:8">
      <c r="H156094" s="12"/>
    </row>
    <row r="156095" spans="8:8">
      <c r="H156095" s="12"/>
    </row>
    <row r="156096" spans="8:8">
      <c r="H156096" s="12"/>
    </row>
    <row r="156097" spans="8:8">
      <c r="H156097" s="12"/>
    </row>
    <row r="156098" spans="8:8">
      <c r="H156098" s="12"/>
    </row>
    <row r="156099" spans="8:8">
      <c r="H156099" s="12"/>
    </row>
    <row r="156100" spans="8:8">
      <c r="H156100" s="12"/>
    </row>
    <row r="156101" spans="8:8">
      <c r="H156101" s="12"/>
    </row>
    <row r="156102" spans="8:8">
      <c r="H156102" s="12"/>
    </row>
    <row r="156103" spans="8:8">
      <c r="H156103" s="12"/>
    </row>
    <row r="156104" spans="8:8">
      <c r="H156104" s="12"/>
    </row>
    <row r="156105" spans="8:8">
      <c r="H156105" s="12"/>
    </row>
    <row r="156106" spans="8:8">
      <c r="H156106" s="12"/>
    </row>
    <row r="156107" spans="8:8">
      <c r="H156107" s="12"/>
    </row>
    <row r="156108" spans="8:8">
      <c r="H156108" s="12"/>
    </row>
    <row r="156109" spans="8:8">
      <c r="H156109" s="12"/>
    </row>
    <row r="156110" spans="8:8">
      <c r="H156110" s="12"/>
    </row>
    <row r="156111" spans="8:8">
      <c r="H156111" s="12"/>
    </row>
    <row r="156112" spans="8:8">
      <c r="H156112" s="12"/>
    </row>
    <row r="156113" spans="8:8">
      <c r="H156113" s="12"/>
    </row>
    <row r="156114" spans="8:8">
      <c r="H156114" s="12"/>
    </row>
    <row r="156115" spans="8:8">
      <c r="H156115" s="12"/>
    </row>
    <row r="156116" spans="8:8">
      <c r="H156116" s="12"/>
    </row>
    <row r="156117" spans="8:8">
      <c r="H156117" s="12"/>
    </row>
    <row r="156118" spans="8:8">
      <c r="H156118" s="12"/>
    </row>
    <row r="156119" spans="8:8">
      <c r="H156119" s="12"/>
    </row>
    <row r="156120" spans="8:8">
      <c r="H156120" s="12"/>
    </row>
    <row r="156121" spans="8:8">
      <c r="H156121" s="12"/>
    </row>
    <row r="156122" spans="8:8">
      <c r="H156122" s="12"/>
    </row>
    <row r="156123" spans="8:8">
      <c r="H156123" s="12"/>
    </row>
    <row r="156124" spans="8:8">
      <c r="H156124" s="12"/>
    </row>
    <row r="156125" spans="8:8">
      <c r="H156125" s="12"/>
    </row>
    <row r="156126" spans="8:8">
      <c r="H156126" s="12"/>
    </row>
    <row r="156127" spans="8:8">
      <c r="H156127" s="12"/>
    </row>
    <row r="156128" spans="8:8">
      <c r="H156128" s="12"/>
    </row>
    <row r="156129" spans="8:8">
      <c r="H156129" s="12"/>
    </row>
    <row r="156130" spans="8:8">
      <c r="H156130" s="12"/>
    </row>
    <row r="156131" spans="8:8">
      <c r="H156131" s="12"/>
    </row>
    <row r="156132" spans="8:8">
      <c r="H156132" s="12"/>
    </row>
    <row r="156133" spans="8:8">
      <c r="H156133" s="12"/>
    </row>
    <row r="156134" spans="8:8">
      <c r="H156134" s="12"/>
    </row>
    <row r="156135" spans="8:8">
      <c r="H156135" s="12"/>
    </row>
    <row r="156136" spans="8:8">
      <c r="H156136" s="12"/>
    </row>
    <row r="156137" spans="8:8">
      <c r="H156137" s="12"/>
    </row>
    <row r="156138" spans="8:8">
      <c r="H156138" s="12"/>
    </row>
    <row r="156139" spans="8:8">
      <c r="H156139" s="12"/>
    </row>
    <row r="156140" spans="8:8">
      <c r="H156140" s="12"/>
    </row>
    <row r="156141" spans="8:8">
      <c r="H156141" s="12"/>
    </row>
    <row r="156142" spans="8:8">
      <c r="H156142" s="12"/>
    </row>
    <row r="156143" spans="8:8">
      <c r="H156143" s="12"/>
    </row>
    <row r="156144" spans="8:8">
      <c r="H156144" s="12"/>
    </row>
    <row r="156145" spans="8:8">
      <c r="H156145" s="12"/>
    </row>
    <row r="156146" spans="8:8">
      <c r="H156146" s="12"/>
    </row>
    <row r="156147" spans="8:8">
      <c r="H156147" s="12"/>
    </row>
    <row r="156148" spans="8:8">
      <c r="H156148" s="12"/>
    </row>
    <row r="156149" spans="8:8">
      <c r="H156149" s="12"/>
    </row>
    <row r="156150" spans="8:8">
      <c r="H156150" s="12"/>
    </row>
    <row r="156151" spans="8:8">
      <c r="H156151" s="12"/>
    </row>
    <row r="156152" spans="8:8">
      <c r="H156152" s="12"/>
    </row>
    <row r="156153" spans="8:8">
      <c r="H156153" s="12"/>
    </row>
    <row r="156154" spans="8:8">
      <c r="H156154" s="12"/>
    </row>
    <row r="156155" spans="8:8">
      <c r="H156155" s="12"/>
    </row>
    <row r="156156" spans="8:8">
      <c r="H156156" s="12"/>
    </row>
    <row r="156157" spans="8:8">
      <c r="H156157" s="12"/>
    </row>
    <row r="156158" spans="8:8">
      <c r="H156158" s="12"/>
    </row>
    <row r="156159" spans="8:8">
      <c r="H156159" s="12"/>
    </row>
    <row r="156160" spans="8:8">
      <c r="H156160" s="12"/>
    </row>
    <row r="156161" spans="8:8">
      <c r="H156161" s="12"/>
    </row>
    <row r="156162" spans="8:8">
      <c r="H156162" s="12"/>
    </row>
    <row r="156163" spans="8:8">
      <c r="H156163" s="12"/>
    </row>
    <row r="156164" spans="8:8">
      <c r="H156164" s="12"/>
    </row>
    <row r="156165" spans="8:8">
      <c r="H156165" s="12"/>
    </row>
    <row r="156166" spans="8:8">
      <c r="H156166" s="12"/>
    </row>
    <row r="156167" spans="8:8">
      <c r="H156167" s="12"/>
    </row>
    <row r="156168" spans="8:8">
      <c r="H156168" s="12"/>
    </row>
    <row r="156169" spans="8:8">
      <c r="H156169" s="12"/>
    </row>
    <row r="156170" spans="8:8">
      <c r="H156170" s="12"/>
    </row>
    <row r="156171" spans="8:8">
      <c r="H156171" s="12"/>
    </row>
    <row r="156172" spans="8:8">
      <c r="H156172" s="12"/>
    </row>
    <row r="156173" spans="8:8">
      <c r="H156173" s="12"/>
    </row>
    <row r="156174" spans="8:8">
      <c r="H156174" s="12"/>
    </row>
    <row r="156175" spans="8:8">
      <c r="H156175" s="12"/>
    </row>
    <row r="156176" spans="8:8">
      <c r="H156176" s="12"/>
    </row>
    <row r="156177" spans="8:8">
      <c r="H156177" s="12"/>
    </row>
    <row r="156178" spans="8:8">
      <c r="H156178" s="12"/>
    </row>
    <row r="156179" spans="8:8">
      <c r="H156179" s="12"/>
    </row>
    <row r="156180" spans="8:8">
      <c r="H156180" s="12"/>
    </row>
    <row r="156181" spans="8:8">
      <c r="H156181" s="12"/>
    </row>
    <row r="156182" spans="8:8">
      <c r="H156182" s="12"/>
    </row>
    <row r="156183" spans="8:8">
      <c r="H156183" s="12"/>
    </row>
    <row r="156184" spans="8:8">
      <c r="H156184" s="12"/>
    </row>
    <row r="156185" spans="8:8">
      <c r="H156185" s="12"/>
    </row>
    <row r="156186" spans="8:8">
      <c r="H156186" s="12"/>
    </row>
    <row r="156187" spans="8:8">
      <c r="H156187" s="12"/>
    </row>
    <row r="156188" spans="8:8">
      <c r="H156188" s="12"/>
    </row>
    <row r="156189" spans="8:8">
      <c r="H156189" s="12"/>
    </row>
    <row r="156190" spans="8:8">
      <c r="H156190" s="12"/>
    </row>
    <row r="156191" spans="8:8">
      <c r="H156191" s="12"/>
    </row>
    <row r="156192" spans="8:8">
      <c r="H156192" s="12"/>
    </row>
    <row r="156193" spans="8:8">
      <c r="H156193" s="12"/>
    </row>
    <row r="156194" spans="8:8">
      <c r="H156194" s="12"/>
    </row>
    <row r="156195" spans="8:8">
      <c r="H156195" s="12"/>
    </row>
    <row r="156196" spans="8:8">
      <c r="H156196" s="12"/>
    </row>
    <row r="156197" spans="8:8">
      <c r="H156197" s="12"/>
    </row>
    <row r="156198" spans="8:8">
      <c r="H156198" s="12"/>
    </row>
    <row r="156199" spans="8:8">
      <c r="H156199" s="12"/>
    </row>
    <row r="156200" spans="8:8">
      <c r="H156200" s="12"/>
    </row>
    <row r="156201" spans="8:8">
      <c r="H156201" s="12"/>
    </row>
    <row r="156202" spans="8:8">
      <c r="H156202" s="12"/>
    </row>
    <row r="156203" spans="8:8">
      <c r="H156203" s="12"/>
    </row>
    <row r="156204" spans="8:8">
      <c r="H156204" s="12"/>
    </row>
    <row r="156205" spans="8:8">
      <c r="H156205" s="12"/>
    </row>
    <row r="156206" spans="8:8">
      <c r="H156206" s="12"/>
    </row>
    <row r="156207" spans="8:8">
      <c r="H156207" s="12"/>
    </row>
    <row r="156208" spans="8:8">
      <c r="H156208" s="12"/>
    </row>
    <row r="156209" spans="8:8">
      <c r="H156209" s="12"/>
    </row>
    <row r="156210" spans="8:8">
      <c r="H156210" s="12"/>
    </row>
    <row r="156211" spans="8:8">
      <c r="H156211" s="12"/>
    </row>
    <row r="156212" spans="8:8">
      <c r="H156212" s="12"/>
    </row>
    <row r="156213" spans="8:8">
      <c r="H156213" s="12"/>
    </row>
    <row r="156214" spans="8:8">
      <c r="H156214" s="12"/>
    </row>
    <row r="156215" spans="8:8">
      <c r="H156215" s="12"/>
    </row>
    <row r="156216" spans="8:8">
      <c r="H156216" s="12"/>
    </row>
    <row r="156217" spans="8:8">
      <c r="H156217" s="12"/>
    </row>
    <row r="156218" spans="8:8">
      <c r="H156218" s="12"/>
    </row>
    <row r="156219" spans="8:8">
      <c r="H156219" s="12"/>
    </row>
    <row r="156220" spans="8:8">
      <c r="H156220" s="12"/>
    </row>
    <row r="156221" spans="8:8">
      <c r="H156221" s="12"/>
    </row>
    <row r="156222" spans="8:8">
      <c r="H156222" s="12"/>
    </row>
    <row r="156223" spans="8:8">
      <c r="H156223" s="12"/>
    </row>
    <row r="156224" spans="8:8">
      <c r="H156224" s="12"/>
    </row>
    <row r="156225" spans="8:8">
      <c r="H156225" s="12"/>
    </row>
    <row r="156226" spans="8:8">
      <c r="H156226" s="12"/>
    </row>
    <row r="156227" spans="8:8">
      <c r="H156227" s="12"/>
    </row>
    <row r="156228" spans="8:8">
      <c r="H156228" s="12"/>
    </row>
    <row r="156229" spans="8:8">
      <c r="H156229" s="12"/>
    </row>
    <row r="156230" spans="8:8">
      <c r="H156230" s="12"/>
    </row>
    <row r="156231" spans="8:8">
      <c r="H156231" s="12"/>
    </row>
    <row r="156232" spans="8:8">
      <c r="H156232" s="12"/>
    </row>
    <row r="156233" spans="8:8">
      <c r="H156233" s="12"/>
    </row>
    <row r="156234" spans="8:8">
      <c r="H156234" s="12"/>
    </row>
    <row r="156235" spans="8:8">
      <c r="H156235" s="12"/>
    </row>
    <row r="156236" spans="8:8">
      <c r="H156236" s="12"/>
    </row>
    <row r="156237" spans="8:8">
      <c r="H156237" s="12"/>
    </row>
    <row r="156238" spans="8:8">
      <c r="H156238" s="12"/>
    </row>
    <row r="156239" spans="8:8">
      <c r="H156239" s="12"/>
    </row>
    <row r="156240" spans="8:8">
      <c r="H156240" s="12"/>
    </row>
    <row r="156241" spans="8:8">
      <c r="H156241" s="12"/>
    </row>
    <row r="156242" spans="8:8">
      <c r="H156242" s="12"/>
    </row>
    <row r="156243" spans="8:8">
      <c r="H156243" s="12"/>
    </row>
    <row r="156244" spans="8:8">
      <c r="H156244" s="12"/>
    </row>
    <row r="156245" spans="8:8">
      <c r="H156245" s="12"/>
    </row>
    <row r="156246" spans="8:8">
      <c r="H156246" s="12"/>
    </row>
    <row r="156247" spans="8:8">
      <c r="H156247" s="12"/>
    </row>
    <row r="156248" spans="8:8">
      <c r="H156248" s="12"/>
    </row>
    <row r="156249" spans="8:8">
      <c r="H156249" s="12"/>
    </row>
    <row r="156250" spans="8:8">
      <c r="H156250" s="12"/>
    </row>
    <row r="156251" spans="8:8">
      <c r="H156251" s="12"/>
    </row>
    <row r="156252" spans="8:8">
      <c r="H156252" s="12"/>
    </row>
    <row r="156253" spans="8:8">
      <c r="H156253" s="12"/>
    </row>
    <row r="156254" spans="8:8">
      <c r="H156254" s="12"/>
    </row>
    <row r="156255" spans="8:8">
      <c r="H156255" s="12"/>
    </row>
    <row r="156256" spans="8:8">
      <c r="H156256" s="12"/>
    </row>
    <row r="156257" spans="8:8">
      <c r="H156257" s="12"/>
    </row>
    <row r="156258" spans="8:8">
      <c r="H156258" s="12"/>
    </row>
    <row r="156259" spans="8:8">
      <c r="H156259" s="12"/>
    </row>
    <row r="156260" spans="8:8">
      <c r="H156260" s="12"/>
    </row>
    <row r="156261" spans="8:8">
      <c r="H156261" s="12"/>
    </row>
    <row r="156262" spans="8:8">
      <c r="H156262" s="12"/>
    </row>
    <row r="156263" spans="8:8">
      <c r="H156263" s="12"/>
    </row>
    <row r="156264" spans="8:8">
      <c r="H156264" s="12"/>
    </row>
    <row r="156265" spans="8:8">
      <c r="H156265" s="12"/>
    </row>
    <row r="156266" spans="8:8">
      <c r="H156266" s="12"/>
    </row>
    <row r="156267" spans="8:8">
      <c r="H156267" s="12"/>
    </row>
    <row r="156268" spans="8:8">
      <c r="H156268" s="12"/>
    </row>
    <row r="156269" spans="8:8">
      <c r="H156269" s="12"/>
    </row>
    <row r="156270" spans="8:8">
      <c r="H156270" s="12"/>
    </row>
    <row r="156271" spans="8:8">
      <c r="H156271" s="12"/>
    </row>
    <row r="156272" spans="8:8">
      <c r="H156272" s="12"/>
    </row>
    <row r="156273" spans="8:8">
      <c r="H156273" s="12"/>
    </row>
    <row r="156274" spans="8:8">
      <c r="H156274" s="12"/>
    </row>
    <row r="156275" spans="8:8">
      <c r="H156275" s="12"/>
    </row>
    <row r="156276" spans="8:8">
      <c r="H156276" s="12"/>
    </row>
    <row r="156277" spans="8:8">
      <c r="H156277" s="12"/>
    </row>
    <row r="156278" spans="8:8">
      <c r="H156278" s="12"/>
    </row>
    <row r="156279" spans="8:8">
      <c r="H156279" s="12"/>
    </row>
    <row r="156280" spans="8:8">
      <c r="H156280" s="12"/>
    </row>
    <row r="156281" spans="8:8">
      <c r="H156281" s="12"/>
    </row>
    <row r="156282" spans="8:8">
      <c r="H156282" s="12"/>
    </row>
    <row r="156283" spans="8:8">
      <c r="H156283" s="12"/>
    </row>
    <row r="156284" spans="8:8">
      <c r="H156284" s="12"/>
    </row>
    <row r="156285" spans="8:8">
      <c r="H156285" s="12"/>
    </row>
    <row r="156286" spans="8:8">
      <c r="H156286" s="12"/>
    </row>
    <row r="156287" spans="8:8">
      <c r="H156287" s="12"/>
    </row>
    <row r="156288" spans="8:8">
      <c r="H156288" s="12"/>
    </row>
    <row r="156289" spans="8:8">
      <c r="H156289" s="12"/>
    </row>
    <row r="156290" spans="8:8">
      <c r="H156290" s="12"/>
    </row>
    <row r="156291" spans="8:8">
      <c r="H156291" s="12"/>
    </row>
    <row r="156292" spans="8:8">
      <c r="H156292" s="12"/>
    </row>
    <row r="156293" spans="8:8">
      <c r="H156293" s="12"/>
    </row>
    <row r="156294" spans="8:8">
      <c r="H156294" s="12"/>
    </row>
    <row r="156295" spans="8:8">
      <c r="H156295" s="12"/>
    </row>
    <row r="156296" spans="8:8">
      <c r="H156296" s="12"/>
    </row>
    <row r="156297" spans="8:8">
      <c r="H156297" s="12"/>
    </row>
    <row r="156298" spans="8:8">
      <c r="H156298" s="12"/>
    </row>
    <row r="156299" spans="8:8">
      <c r="H156299" s="12"/>
    </row>
    <row r="156300" spans="8:8">
      <c r="H156300" s="12"/>
    </row>
    <row r="156301" spans="8:8">
      <c r="H156301" s="12"/>
    </row>
    <row r="156302" spans="8:8">
      <c r="H156302" s="12"/>
    </row>
    <row r="156303" spans="8:8">
      <c r="H156303" s="12"/>
    </row>
    <row r="156304" spans="8:8">
      <c r="H156304" s="12"/>
    </row>
    <row r="156305" spans="8:8">
      <c r="H156305" s="12"/>
    </row>
    <row r="156306" spans="8:8">
      <c r="H156306" s="12"/>
    </row>
    <row r="156307" spans="8:8">
      <c r="H156307" s="12"/>
    </row>
    <row r="156308" spans="8:8">
      <c r="H156308" s="12"/>
    </row>
    <row r="156309" spans="8:8">
      <c r="H156309" s="12"/>
    </row>
    <row r="156310" spans="8:8">
      <c r="H156310" s="12"/>
    </row>
    <row r="156311" spans="8:8">
      <c r="H156311" s="12"/>
    </row>
    <row r="156312" spans="8:8">
      <c r="H156312" s="12"/>
    </row>
    <row r="156313" spans="8:8">
      <c r="H156313" s="12"/>
    </row>
    <row r="156314" spans="8:8">
      <c r="H156314" s="12"/>
    </row>
    <row r="156315" spans="8:8">
      <c r="H156315" s="12"/>
    </row>
    <row r="156316" spans="8:8">
      <c r="H156316" s="12"/>
    </row>
    <row r="156317" spans="8:8">
      <c r="H156317" s="12"/>
    </row>
    <row r="156318" spans="8:8">
      <c r="H156318" s="12"/>
    </row>
    <row r="156319" spans="8:8">
      <c r="H156319" s="12"/>
    </row>
    <row r="156320" spans="8:8">
      <c r="H156320" s="12"/>
    </row>
    <row r="156321" spans="8:8">
      <c r="H156321" s="12"/>
    </row>
    <row r="156322" spans="8:8">
      <c r="H156322" s="12"/>
    </row>
    <row r="156323" spans="8:8">
      <c r="H156323" s="12"/>
    </row>
    <row r="156324" spans="8:8">
      <c r="H156324" s="12"/>
    </row>
    <row r="156325" spans="8:8">
      <c r="H156325" s="12"/>
    </row>
    <row r="156326" spans="8:8">
      <c r="H156326" s="12"/>
    </row>
    <row r="156327" spans="8:8">
      <c r="H156327" s="12"/>
    </row>
    <row r="156328" spans="8:8">
      <c r="H156328" s="12"/>
    </row>
    <row r="156329" spans="8:8">
      <c r="H156329" s="12"/>
    </row>
    <row r="156330" spans="8:8">
      <c r="H156330" s="12"/>
    </row>
    <row r="156331" spans="8:8">
      <c r="H156331" s="12"/>
    </row>
    <row r="156332" spans="8:8">
      <c r="H156332" s="12"/>
    </row>
    <row r="156333" spans="8:8">
      <c r="H156333" s="12"/>
    </row>
    <row r="156334" spans="8:8">
      <c r="H156334" s="12"/>
    </row>
    <row r="156335" spans="8:8">
      <c r="H156335" s="12"/>
    </row>
    <row r="156336" spans="8:8">
      <c r="H156336" s="12"/>
    </row>
    <row r="156337" spans="8:8">
      <c r="H156337" s="12"/>
    </row>
    <row r="156338" spans="8:8">
      <c r="H156338" s="12"/>
    </row>
    <row r="156339" spans="8:8">
      <c r="H156339" s="12"/>
    </row>
    <row r="156340" spans="8:8">
      <c r="H156340" s="12"/>
    </row>
    <row r="156341" spans="8:8">
      <c r="H156341" s="12"/>
    </row>
    <row r="156342" spans="8:8">
      <c r="H156342" s="12"/>
    </row>
    <row r="156343" spans="8:8">
      <c r="H156343" s="12"/>
    </row>
    <row r="156344" spans="8:8">
      <c r="H156344" s="12"/>
    </row>
    <row r="156345" spans="8:8">
      <c r="H156345" s="12"/>
    </row>
    <row r="156346" spans="8:8">
      <c r="H156346" s="12"/>
    </row>
    <row r="156347" spans="8:8">
      <c r="H156347" s="12"/>
    </row>
    <row r="156348" spans="8:8">
      <c r="H156348" s="12"/>
    </row>
    <row r="156349" spans="8:8">
      <c r="H156349" s="12"/>
    </row>
    <row r="156350" spans="8:8">
      <c r="H156350" s="12"/>
    </row>
    <row r="156351" spans="8:8">
      <c r="H156351" s="12"/>
    </row>
    <row r="156352" spans="8:8">
      <c r="H156352" s="12"/>
    </row>
    <row r="156353" spans="8:8">
      <c r="H156353" s="12"/>
    </row>
    <row r="156354" spans="8:8">
      <c r="H156354" s="12"/>
    </row>
    <row r="156355" spans="8:8">
      <c r="H156355" s="12"/>
    </row>
    <row r="156356" spans="8:8">
      <c r="H156356" s="12"/>
    </row>
    <row r="156357" spans="8:8">
      <c r="H156357" s="12"/>
    </row>
    <row r="156358" spans="8:8">
      <c r="H156358" s="12"/>
    </row>
    <row r="156359" spans="8:8">
      <c r="H156359" s="12"/>
    </row>
    <row r="156360" spans="8:8">
      <c r="H156360" s="12"/>
    </row>
    <row r="156361" spans="8:8">
      <c r="H156361" s="12"/>
    </row>
    <row r="156362" spans="8:8">
      <c r="H156362" s="12"/>
    </row>
    <row r="156363" spans="8:8">
      <c r="H156363" s="12"/>
    </row>
    <row r="156364" spans="8:8">
      <c r="H156364" s="12"/>
    </row>
    <row r="156365" spans="8:8">
      <c r="H156365" s="12"/>
    </row>
    <row r="156366" spans="8:8">
      <c r="H156366" s="12"/>
    </row>
    <row r="156367" spans="8:8">
      <c r="H156367" s="12"/>
    </row>
    <row r="156368" spans="8:8">
      <c r="H156368" s="12"/>
    </row>
    <row r="156369" spans="8:8">
      <c r="H156369" s="12"/>
    </row>
    <row r="156370" spans="8:8">
      <c r="H156370" s="12"/>
    </row>
    <row r="156371" spans="8:8">
      <c r="H156371" s="12"/>
    </row>
    <row r="156372" spans="8:8">
      <c r="H156372" s="12"/>
    </row>
    <row r="156373" spans="8:8">
      <c r="H156373" s="12"/>
    </row>
    <row r="156374" spans="8:8">
      <c r="H156374" s="12"/>
    </row>
    <row r="156375" spans="8:8">
      <c r="H156375" s="12"/>
    </row>
    <row r="156376" spans="8:8">
      <c r="H156376" s="12"/>
    </row>
    <row r="156377" spans="8:8">
      <c r="H156377" s="12"/>
    </row>
    <row r="156378" spans="8:8">
      <c r="H156378" s="12"/>
    </row>
    <row r="156379" spans="8:8">
      <c r="H156379" s="12"/>
    </row>
    <row r="156380" spans="8:8">
      <c r="H156380" s="12"/>
    </row>
    <row r="156381" spans="8:8">
      <c r="H156381" s="12"/>
    </row>
    <row r="156382" spans="8:8">
      <c r="H156382" s="12"/>
    </row>
    <row r="156383" spans="8:8">
      <c r="H156383" s="12"/>
    </row>
    <row r="156384" spans="8:8">
      <c r="H156384" s="12"/>
    </row>
    <row r="156385" spans="8:8">
      <c r="H156385" s="12"/>
    </row>
    <row r="156386" spans="8:8">
      <c r="H156386" s="12"/>
    </row>
    <row r="156387" spans="8:8">
      <c r="H156387" s="12"/>
    </row>
    <row r="156388" spans="8:8">
      <c r="H156388" s="12"/>
    </row>
    <row r="156389" spans="8:8">
      <c r="H156389" s="12"/>
    </row>
    <row r="156390" spans="8:8">
      <c r="H156390" s="12"/>
    </row>
    <row r="156391" spans="8:8">
      <c r="H156391" s="12"/>
    </row>
    <row r="156392" spans="8:8">
      <c r="H156392" s="12"/>
    </row>
    <row r="156393" spans="8:8">
      <c r="H156393" s="12"/>
    </row>
    <row r="156394" spans="8:8">
      <c r="H156394" s="12"/>
    </row>
    <row r="156395" spans="8:8">
      <c r="H156395" s="12"/>
    </row>
    <row r="156396" spans="8:8">
      <c r="H156396" s="12"/>
    </row>
    <row r="156397" spans="8:8">
      <c r="H156397" s="12"/>
    </row>
    <row r="156398" spans="8:8">
      <c r="H156398" s="12"/>
    </row>
    <row r="156399" spans="8:8">
      <c r="H156399" s="12"/>
    </row>
    <row r="156400" spans="8:8">
      <c r="H156400" s="12"/>
    </row>
    <row r="156401" spans="8:8">
      <c r="H156401" s="12"/>
    </row>
    <row r="156402" spans="8:8">
      <c r="H156402" s="12"/>
    </row>
    <row r="156403" spans="8:8">
      <c r="H156403" s="12"/>
    </row>
    <row r="156404" spans="8:8">
      <c r="H156404" s="12"/>
    </row>
    <row r="156405" spans="8:8">
      <c r="H156405" s="12"/>
    </row>
    <row r="156406" spans="8:8">
      <c r="H156406" s="12"/>
    </row>
    <row r="156407" spans="8:8">
      <c r="H156407" s="12"/>
    </row>
    <row r="156408" spans="8:8">
      <c r="H156408" s="12"/>
    </row>
    <row r="156409" spans="8:8">
      <c r="H156409" s="12"/>
    </row>
    <row r="156410" spans="8:8">
      <c r="H156410" s="12"/>
    </row>
    <row r="156411" spans="8:8">
      <c r="H156411" s="12"/>
    </row>
    <row r="156412" spans="8:8">
      <c r="H156412" s="12"/>
    </row>
    <row r="156413" spans="8:8">
      <c r="H156413" s="12"/>
    </row>
    <row r="156414" spans="8:8">
      <c r="H156414" s="12"/>
    </row>
    <row r="156415" spans="8:8">
      <c r="H156415" s="12"/>
    </row>
    <row r="156416" spans="8:8">
      <c r="H156416" s="12"/>
    </row>
    <row r="156417" spans="8:8">
      <c r="H156417" s="12"/>
    </row>
    <row r="156418" spans="8:8">
      <c r="H156418" s="12"/>
    </row>
    <row r="156419" spans="8:8">
      <c r="H156419" s="12"/>
    </row>
    <row r="156420" spans="8:8">
      <c r="H156420" s="12"/>
    </row>
    <row r="156421" spans="8:8">
      <c r="H156421" s="12"/>
    </row>
    <row r="156422" spans="8:8">
      <c r="H156422" s="12"/>
    </row>
    <row r="156423" spans="8:8">
      <c r="H156423" s="12"/>
    </row>
    <row r="156424" spans="8:8">
      <c r="H156424" s="12"/>
    </row>
    <row r="156425" spans="8:8">
      <c r="H156425" s="12"/>
    </row>
    <row r="156426" spans="8:8">
      <c r="H156426" s="12"/>
    </row>
    <row r="156427" spans="8:8">
      <c r="H156427" s="12"/>
    </row>
    <row r="156428" spans="8:8">
      <c r="H156428" s="12"/>
    </row>
    <row r="156429" spans="8:8">
      <c r="H156429" s="12"/>
    </row>
    <row r="156430" spans="8:8">
      <c r="H156430" s="12"/>
    </row>
    <row r="156431" spans="8:8">
      <c r="H156431" s="12"/>
    </row>
    <row r="156432" spans="8:8">
      <c r="H156432" s="12"/>
    </row>
    <row r="156433" spans="8:8">
      <c r="H156433" s="12"/>
    </row>
    <row r="156434" spans="8:8">
      <c r="H156434" s="12"/>
    </row>
    <row r="156435" spans="8:8">
      <c r="H156435" s="12"/>
    </row>
    <row r="156436" spans="8:8">
      <c r="H156436" s="12"/>
    </row>
    <row r="156437" spans="8:8">
      <c r="H156437" s="12"/>
    </row>
    <row r="156438" spans="8:8">
      <c r="H156438" s="12"/>
    </row>
    <row r="156439" spans="8:8">
      <c r="H156439" s="12"/>
    </row>
    <row r="156440" spans="8:8">
      <c r="H156440" s="12"/>
    </row>
    <row r="156441" spans="8:8">
      <c r="H156441" s="12"/>
    </row>
    <row r="156442" spans="8:8">
      <c r="H156442" s="12"/>
    </row>
    <row r="156443" spans="8:8">
      <c r="H156443" s="12"/>
    </row>
    <row r="156444" spans="8:8">
      <c r="H156444" s="12"/>
    </row>
    <row r="156445" spans="8:8">
      <c r="H156445" s="12"/>
    </row>
    <row r="156446" spans="8:8">
      <c r="H156446" s="12"/>
    </row>
    <row r="156447" spans="8:8">
      <c r="H156447" s="12"/>
    </row>
    <row r="156448" spans="8:8">
      <c r="H156448" s="12"/>
    </row>
    <row r="156449" spans="8:8">
      <c r="H156449" s="12"/>
    </row>
    <row r="156450" spans="8:8">
      <c r="H156450" s="12"/>
    </row>
    <row r="156451" spans="8:8">
      <c r="H156451" s="12"/>
    </row>
    <row r="156452" spans="8:8">
      <c r="H156452" s="12"/>
    </row>
    <row r="156453" spans="8:8">
      <c r="H156453" s="12"/>
    </row>
    <row r="156454" spans="8:8">
      <c r="H156454" s="12"/>
    </row>
    <row r="156455" spans="8:8">
      <c r="H156455" s="12"/>
    </row>
    <row r="156456" spans="8:8">
      <c r="H156456" s="12"/>
    </row>
    <row r="156457" spans="8:8">
      <c r="H156457" s="12"/>
    </row>
    <row r="156458" spans="8:8">
      <c r="H156458" s="12"/>
    </row>
    <row r="156459" spans="8:8">
      <c r="H156459" s="12"/>
    </row>
    <row r="156460" spans="8:8">
      <c r="H156460" s="12"/>
    </row>
    <row r="156461" spans="8:8">
      <c r="H156461" s="12"/>
    </row>
    <row r="156462" spans="8:8">
      <c r="H156462" s="12"/>
    </row>
    <row r="156463" spans="8:8">
      <c r="H156463" s="12"/>
    </row>
    <row r="156464" spans="8:8">
      <c r="H156464" s="12"/>
    </row>
    <row r="156465" spans="8:8">
      <c r="H156465" s="12"/>
    </row>
    <row r="156466" spans="8:8">
      <c r="H156466" s="12"/>
    </row>
    <row r="156467" spans="8:8">
      <c r="H156467" s="12"/>
    </row>
    <row r="156468" spans="8:8">
      <c r="H156468" s="12"/>
    </row>
    <row r="156469" spans="8:8">
      <c r="H156469" s="12"/>
    </row>
    <row r="156470" spans="8:8">
      <c r="H156470" s="12"/>
    </row>
    <row r="156471" spans="8:8">
      <c r="H156471" s="12"/>
    </row>
    <row r="156472" spans="8:8">
      <c r="H156472" s="12"/>
    </row>
    <row r="156473" spans="8:8">
      <c r="H156473" s="12"/>
    </row>
    <row r="156474" spans="8:8">
      <c r="H156474" s="12"/>
    </row>
    <row r="156475" spans="8:8">
      <c r="H156475" s="12"/>
    </row>
    <row r="156476" spans="8:8">
      <c r="H156476" s="12"/>
    </row>
    <row r="156477" spans="8:8">
      <c r="H156477" s="12"/>
    </row>
    <row r="156478" spans="8:8">
      <c r="H156478" s="12"/>
    </row>
    <row r="156479" spans="8:8">
      <c r="H156479" s="12"/>
    </row>
    <row r="156480" spans="8:8">
      <c r="H156480" s="12"/>
    </row>
    <row r="156481" spans="8:8">
      <c r="H156481" s="12"/>
    </row>
    <row r="156482" spans="8:8">
      <c r="H156482" s="12"/>
    </row>
    <row r="156483" spans="8:8">
      <c r="H156483" s="12"/>
    </row>
    <row r="156484" spans="8:8">
      <c r="H156484" s="12"/>
    </row>
    <row r="156485" spans="8:8">
      <c r="H156485" s="12"/>
    </row>
    <row r="156486" spans="8:8">
      <c r="H156486" s="12"/>
    </row>
    <row r="156487" spans="8:8">
      <c r="H156487" s="12"/>
    </row>
    <row r="156488" spans="8:8">
      <c r="H156488" s="12"/>
    </row>
    <row r="156489" spans="8:8">
      <c r="H156489" s="12"/>
    </row>
    <row r="156490" spans="8:8">
      <c r="H156490" s="12"/>
    </row>
    <row r="156491" spans="8:8">
      <c r="H156491" s="12"/>
    </row>
    <row r="156492" spans="8:8">
      <c r="H156492" s="12"/>
    </row>
    <row r="156493" spans="8:8">
      <c r="H156493" s="12"/>
    </row>
    <row r="156494" spans="8:8">
      <c r="H156494" s="12"/>
    </row>
    <row r="156495" spans="8:8">
      <c r="H156495" s="12"/>
    </row>
    <row r="156496" spans="8:8">
      <c r="H156496" s="12"/>
    </row>
    <row r="156497" spans="8:8">
      <c r="H156497" s="12"/>
    </row>
    <row r="156498" spans="8:8">
      <c r="H156498" s="12"/>
    </row>
    <row r="156499" spans="8:8">
      <c r="H156499" s="12"/>
    </row>
    <row r="156500" spans="8:8">
      <c r="H156500" s="12"/>
    </row>
    <row r="156501" spans="8:8">
      <c r="H156501" s="12"/>
    </row>
    <row r="156502" spans="8:8">
      <c r="H156502" s="12"/>
    </row>
    <row r="156503" spans="8:8">
      <c r="H156503" s="12"/>
    </row>
    <row r="156504" spans="8:8">
      <c r="H156504" s="12"/>
    </row>
    <row r="156505" spans="8:8">
      <c r="H156505" s="12"/>
    </row>
    <row r="156506" spans="8:8">
      <c r="H156506" s="12"/>
    </row>
    <row r="156507" spans="8:8">
      <c r="H156507" s="12"/>
    </row>
    <row r="156508" spans="8:8">
      <c r="H156508" s="12"/>
    </row>
    <row r="156509" spans="8:8">
      <c r="H156509" s="12"/>
    </row>
    <row r="156510" spans="8:8">
      <c r="H156510" s="12"/>
    </row>
    <row r="156511" spans="8:8">
      <c r="H156511" s="12"/>
    </row>
    <row r="156512" spans="8:8">
      <c r="H156512" s="12"/>
    </row>
    <row r="156513" spans="8:8">
      <c r="H156513" s="12"/>
    </row>
    <row r="156514" spans="8:8">
      <c r="H156514" s="12"/>
    </row>
    <row r="156515" spans="8:8">
      <c r="H156515" s="12"/>
    </row>
    <row r="156516" spans="8:8">
      <c r="H156516" s="12"/>
    </row>
    <row r="156517" spans="8:8">
      <c r="H156517" s="12"/>
    </row>
    <row r="156518" spans="8:8">
      <c r="H156518" s="12"/>
    </row>
    <row r="156519" spans="8:8">
      <c r="H156519" s="12"/>
    </row>
    <row r="156520" spans="8:8">
      <c r="H156520" s="12"/>
    </row>
    <row r="156521" spans="8:8">
      <c r="H156521" s="12"/>
    </row>
    <row r="156522" spans="8:8">
      <c r="H156522" s="12"/>
    </row>
    <row r="156523" spans="8:8">
      <c r="H156523" s="12"/>
    </row>
    <row r="156524" spans="8:8">
      <c r="H156524" s="12"/>
    </row>
    <row r="156525" spans="8:8">
      <c r="H156525" s="12"/>
    </row>
    <row r="156526" spans="8:8">
      <c r="H156526" s="12"/>
    </row>
    <row r="156527" spans="8:8">
      <c r="H156527" s="12"/>
    </row>
    <row r="156528" spans="8:8">
      <c r="H156528" s="12"/>
    </row>
    <row r="156529" spans="8:8">
      <c r="H156529" s="12"/>
    </row>
    <row r="156530" spans="8:8">
      <c r="H156530" s="12"/>
    </row>
    <row r="156531" spans="8:8">
      <c r="H156531" s="12"/>
    </row>
    <row r="156532" spans="8:8">
      <c r="H156532" s="12"/>
    </row>
    <row r="156533" spans="8:8">
      <c r="H156533" s="12"/>
    </row>
    <row r="156534" spans="8:8">
      <c r="H156534" s="12"/>
    </row>
    <row r="156535" spans="8:8">
      <c r="H156535" s="12"/>
    </row>
    <row r="156536" spans="8:8">
      <c r="H156536" s="12"/>
    </row>
    <row r="156537" spans="8:8">
      <c r="H156537" s="12"/>
    </row>
    <row r="156538" spans="8:8">
      <c r="H156538" s="12"/>
    </row>
    <row r="156539" spans="8:8">
      <c r="H156539" s="12"/>
    </row>
    <row r="156540" spans="8:8">
      <c r="H156540" s="12"/>
    </row>
    <row r="156541" spans="8:8">
      <c r="H156541" s="12"/>
    </row>
    <row r="156542" spans="8:8">
      <c r="H156542" s="12"/>
    </row>
    <row r="156543" spans="8:8">
      <c r="H156543" s="12"/>
    </row>
    <row r="156544" spans="8:8">
      <c r="H156544" s="12"/>
    </row>
    <row r="156545" spans="8:8">
      <c r="H156545" s="12"/>
    </row>
    <row r="156546" spans="8:8">
      <c r="H156546" s="12"/>
    </row>
    <row r="156547" spans="8:8">
      <c r="H156547" s="12"/>
    </row>
    <row r="156548" spans="8:8">
      <c r="H156548" s="12"/>
    </row>
    <row r="156549" spans="8:8">
      <c r="H156549" s="12"/>
    </row>
    <row r="156550" spans="8:8">
      <c r="H156550" s="12"/>
    </row>
    <row r="156551" spans="8:8">
      <c r="H156551" s="12"/>
    </row>
    <row r="156552" spans="8:8">
      <c r="H156552" s="12"/>
    </row>
    <row r="156553" spans="8:8">
      <c r="H156553" s="12"/>
    </row>
    <row r="156554" spans="8:8">
      <c r="H156554" s="12"/>
    </row>
    <row r="156555" spans="8:8">
      <c r="H156555" s="12"/>
    </row>
    <row r="156556" spans="8:8">
      <c r="H156556" s="12"/>
    </row>
    <row r="156557" spans="8:8">
      <c r="H156557" s="12"/>
    </row>
    <row r="156558" spans="8:8">
      <c r="H156558" s="12"/>
    </row>
    <row r="156559" spans="8:8">
      <c r="H156559" s="12"/>
    </row>
    <row r="156560" spans="8:8">
      <c r="H156560" s="12"/>
    </row>
    <row r="156561" spans="8:8">
      <c r="H156561" s="12"/>
    </row>
    <row r="156562" spans="8:8">
      <c r="H156562" s="12"/>
    </row>
    <row r="156563" spans="8:8">
      <c r="H156563" s="12"/>
    </row>
    <row r="156564" spans="8:8">
      <c r="H156564" s="12"/>
    </row>
    <row r="156565" spans="8:8">
      <c r="H156565" s="12"/>
    </row>
    <row r="156566" spans="8:8">
      <c r="H156566" s="12"/>
    </row>
    <row r="156567" spans="8:8">
      <c r="H156567" s="12"/>
    </row>
    <row r="156568" spans="8:8">
      <c r="H156568" s="12"/>
    </row>
    <row r="156569" spans="8:8">
      <c r="H156569" s="12"/>
    </row>
    <row r="156570" spans="8:8">
      <c r="H156570" s="12"/>
    </row>
    <row r="156571" spans="8:8">
      <c r="H156571" s="12"/>
    </row>
    <row r="156572" spans="8:8">
      <c r="H156572" s="12"/>
    </row>
    <row r="156573" spans="8:8">
      <c r="H156573" s="12"/>
    </row>
    <row r="156574" spans="8:8">
      <c r="H156574" s="12"/>
    </row>
    <row r="156575" spans="8:8">
      <c r="H156575" s="12"/>
    </row>
    <row r="156576" spans="8:8">
      <c r="H156576" s="12"/>
    </row>
    <row r="156577" spans="8:8">
      <c r="H156577" s="12"/>
    </row>
    <row r="156578" spans="8:8">
      <c r="H156578" s="12"/>
    </row>
    <row r="156579" spans="8:8">
      <c r="H156579" s="12"/>
    </row>
    <row r="156580" spans="8:8">
      <c r="H156580" s="12"/>
    </row>
    <row r="156581" spans="8:8">
      <c r="H156581" s="12"/>
    </row>
    <row r="156582" spans="8:8">
      <c r="H156582" s="12"/>
    </row>
    <row r="156583" spans="8:8">
      <c r="H156583" s="12"/>
    </row>
    <row r="156584" spans="8:8">
      <c r="H156584" s="12"/>
    </row>
    <row r="156585" spans="8:8">
      <c r="H156585" s="12"/>
    </row>
    <row r="156586" spans="8:8">
      <c r="H156586" s="12"/>
    </row>
    <row r="156587" spans="8:8">
      <c r="H156587" s="12"/>
    </row>
    <row r="156588" spans="8:8">
      <c r="H156588" s="12"/>
    </row>
    <row r="156589" spans="8:8">
      <c r="H156589" s="12"/>
    </row>
    <row r="156590" spans="8:8">
      <c r="H156590" s="12"/>
    </row>
    <row r="156591" spans="8:8">
      <c r="H156591" s="12"/>
    </row>
    <row r="156592" spans="8:8">
      <c r="H156592" s="12"/>
    </row>
    <row r="156593" spans="8:8">
      <c r="H156593" s="12"/>
    </row>
    <row r="156594" spans="8:8">
      <c r="H156594" s="12"/>
    </row>
    <row r="156595" spans="8:8">
      <c r="H156595" s="12"/>
    </row>
    <row r="156596" spans="8:8">
      <c r="H156596" s="12"/>
    </row>
    <row r="156597" spans="8:8">
      <c r="H156597" s="12"/>
    </row>
    <row r="156598" spans="8:8">
      <c r="H156598" s="12"/>
    </row>
    <row r="156599" spans="8:8">
      <c r="H156599" s="12"/>
    </row>
    <row r="156600" spans="8:8">
      <c r="H156600" s="12"/>
    </row>
    <row r="156601" spans="8:8">
      <c r="H156601" s="12"/>
    </row>
    <row r="156602" spans="8:8">
      <c r="H156602" s="12"/>
    </row>
    <row r="156603" spans="8:8">
      <c r="H156603" s="12"/>
    </row>
    <row r="156604" spans="8:8">
      <c r="H156604" s="12"/>
    </row>
    <row r="156605" spans="8:8">
      <c r="H156605" s="12"/>
    </row>
    <row r="156606" spans="8:8">
      <c r="H156606" s="12"/>
    </row>
    <row r="156607" spans="8:8">
      <c r="H156607" s="12"/>
    </row>
    <row r="156608" spans="8:8">
      <c r="H156608" s="12"/>
    </row>
    <row r="156609" spans="8:8">
      <c r="H156609" s="12"/>
    </row>
    <row r="156610" spans="8:8">
      <c r="H156610" s="12"/>
    </row>
    <row r="156611" spans="8:8">
      <c r="H156611" s="12"/>
    </row>
    <row r="156612" spans="8:8">
      <c r="H156612" s="12"/>
    </row>
    <row r="156613" spans="8:8">
      <c r="H156613" s="12"/>
    </row>
    <row r="156614" spans="8:8">
      <c r="H156614" s="12"/>
    </row>
    <row r="156615" spans="8:8">
      <c r="H156615" s="12"/>
    </row>
    <row r="156616" spans="8:8">
      <c r="H156616" s="12"/>
    </row>
    <row r="156617" spans="8:8">
      <c r="H156617" s="12"/>
    </row>
    <row r="156618" spans="8:8">
      <c r="H156618" s="12"/>
    </row>
    <row r="156619" spans="8:8">
      <c r="H156619" s="12"/>
    </row>
    <row r="156620" spans="8:8">
      <c r="H156620" s="12"/>
    </row>
    <row r="156621" spans="8:8">
      <c r="H156621" s="12"/>
    </row>
    <row r="156622" spans="8:8">
      <c r="H156622" s="12"/>
    </row>
    <row r="156623" spans="8:8">
      <c r="H156623" s="12"/>
    </row>
    <row r="156624" spans="8:8">
      <c r="H156624" s="12"/>
    </row>
    <row r="156625" spans="8:8">
      <c r="H156625" s="12"/>
    </row>
    <row r="156626" spans="8:8">
      <c r="H156626" s="12"/>
    </row>
    <row r="156627" spans="8:8">
      <c r="H156627" s="12"/>
    </row>
    <row r="156628" spans="8:8">
      <c r="H156628" s="12"/>
    </row>
    <row r="156629" spans="8:8">
      <c r="H156629" s="12"/>
    </row>
    <row r="156630" spans="8:8">
      <c r="H156630" s="12"/>
    </row>
    <row r="156631" spans="8:8">
      <c r="H156631" s="12"/>
    </row>
    <row r="156632" spans="8:8">
      <c r="H156632" s="12"/>
    </row>
    <row r="156633" spans="8:8">
      <c r="H156633" s="12"/>
    </row>
    <row r="156634" spans="8:8">
      <c r="H156634" s="12"/>
    </row>
    <row r="156635" spans="8:8">
      <c r="H156635" s="12"/>
    </row>
    <row r="156636" spans="8:8">
      <c r="H156636" s="12"/>
    </row>
    <row r="156637" spans="8:8">
      <c r="H156637" s="12"/>
    </row>
    <row r="156638" spans="8:8">
      <c r="H156638" s="12"/>
    </row>
    <row r="156639" spans="8:8">
      <c r="H156639" s="12"/>
    </row>
    <row r="156640" spans="8:8">
      <c r="H156640" s="12"/>
    </row>
    <row r="156641" spans="8:8">
      <c r="H156641" s="12"/>
    </row>
    <row r="156642" spans="8:8">
      <c r="H156642" s="12"/>
    </row>
    <row r="156643" spans="8:8">
      <c r="H156643" s="12"/>
    </row>
    <row r="156644" spans="8:8">
      <c r="H156644" s="12"/>
    </row>
    <row r="156645" spans="8:8">
      <c r="H156645" s="12"/>
    </row>
    <row r="156646" spans="8:8">
      <c r="H156646" s="12"/>
    </row>
    <row r="156647" spans="8:8">
      <c r="H156647" s="12"/>
    </row>
    <row r="156648" spans="8:8">
      <c r="H156648" s="12"/>
    </row>
    <row r="156649" spans="8:8">
      <c r="H156649" s="12"/>
    </row>
    <row r="156650" spans="8:8">
      <c r="H156650" s="12"/>
    </row>
    <row r="156651" spans="8:8">
      <c r="H156651" s="12"/>
    </row>
    <row r="156652" spans="8:8">
      <c r="H156652" s="12"/>
    </row>
    <row r="156653" spans="8:8">
      <c r="H156653" s="12"/>
    </row>
    <row r="156654" spans="8:8">
      <c r="H156654" s="12"/>
    </row>
    <row r="156655" spans="8:8">
      <c r="H156655" s="12"/>
    </row>
    <row r="156656" spans="8:8">
      <c r="H156656" s="12"/>
    </row>
    <row r="156657" spans="8:8">
      <c r="H156657" s="12"/>
    </row>
    <row r="156658" spans="8:8">
      <c r="H156658" s="12"/>
    </row>
    <row r="156659" spans="8:8">
      <c r="H156659" s="12"/>
    </row>
    <row r="156660" spans="8:8">
      <c r="H156660" s="12"/>
    </row>
    <row r="156661" spans="8:8">
      <c r="H156661" s="12"/>
    </row>
    <row r="156662" spans="8:8">
      <c r="H156662" s="12"/>
    </row>
    <row r="156663" spans="8:8">
      <c r="H156663" s="12"/>
    </row>
    <row r="156664" spans="8:8">
      <c r="H156664" s="12"/>
    </row>
    <row r="156665" spans="8:8">
      <c r="H156665" s="12"/>
    </row>
    <row r="156666" spans="8:8">
      <c r="H156666" s="12"/>
    </row>
    <row r="156667" spans="8:8">
      <c r="H156667" s="12"/>
    </row>
    <row r="156668" spans="8:8">
      <c r="H156668" s="12"/>
    </row>
    <row r="156669" spans="8:8">
      <c r="H156669" s="12"/>
    </row>
    <row r="156670" spans="8:8">
      <c r="H156670" s="12"/>
    </row>
    <row r="156671" spans="8:8">
      <c r="H156671" s="12"/>
    </row>
    <row r="156672" spans="8:8">
      <c r="H156672" s="12"/>
    </row>
    <row r="156673" spans="8:8">
      <c r="H156673" s="12"/>
    </row>
    <row r="156674" spans="8:8">
      <c r="H156674" s="12"/>
    </row>
    <row r="156675" spans="8:8">
      <c r="H156675" s="12"/>
    </row>
    <row r="156676" spans="8:8">
      <c r="H156676" s="12"/>
    </row>
    <row r="156677" spans="8:8">
      <c r="H156677" s="12"/>
    </row>
    <row r="156678" spans="8:8">
      <c r="H156678" s="12"/>
    </row>
    <row r="156679" spans="8:8">
      <c r="H156679" s="12"/>
    </row>
    <row r="156680" spans="8:8">
      <c r="H156680" s="12"/>
    </row>
    <row r="156681" spans="8:8">
      <c r="H156681" s="12"/>
    </row>
    <row r="156682" spans="8:8">
      <c r="H156682" s="12"/>
    </row>
    <row r="156683" spans="8:8">
      <c r="H156683" s="12"/>
    </row>
    <row r="156684" spans="8:8">
      <c r="H156684" s="12"/>
    </row>
    <row r="156685" spans="8:8">
      <c r="H156685" s="12"/>
    </row>
    <row r="156686" spans="8:8">
      <c r="H156686" s="12"/>
    </row>
    <row r="156687" spans="8:8">
      <c r="H156687" s="12"/>
    </row>
    <row r="156688" spans="8:8">
      <c r="H156688" s="12"/>
    </row>
    <row r="156689" spans="8:8">
      <c r="H156689" s="12"/>
    </row>
    <row r="156690" spans="8:8">
      <c r="H156690" s="12"/>
    </row>
    <row r="156691" spans="8:8">
      <c r="H156691" s="12"/>
    </row>
    <row r="156692" spans="8:8">
      <c r="H156692" s="12"/>
    </row>
    <row r="156693" spans="8:8">
      <c r="H156693" s="12"/>
    </row>
    <row r="156694" spans="8:8">
      <c r="H156694" s="12"/>
    </row>
    <row r="156695" spans="8:8">
      <c r="H156695" s="12"/>
    </row>
    <row r="156696" spans="8:8">
      <c r="H156696" s="12"/>
    </row>
    <row r="156697" spans="8:8">
      <c r="H156697" s="12"/>
    </row>
    <row r="156698" spans="8:8">
      <c r="H156698" s="12"/>
    </row>
    <row r="156699" spans="8:8">
      <c r="H156699" s="12"/>
    </row>
    <row r="156700" spans="8:8">
      <c r="H156700" s="12"/>
    </row>
    <row r="156701" spans="8:8">
      <c r="H156701" s="12"/>
    </row>
    <row r="156702" spans="8:8">
      <c r="H156702" s="12"/>
    </row>
    <row r="156703" spans="8:8">
      <c r="H156703" s="12"/>
    </row>
    <row r="156704" spans="8:8">
      <c r="H156704" s="12"/>
    </row>
    <row r="156705" spans="8:8">
      <c r="H156705" s="12"/>
    </row>
    <row r="156706" spans="8:8">
      <c r="H156706" s="12"/>
    </row>
    <row r="156707" spans="8:8">
      <c r="H156707" s="12"/>
    </row>
    <row r="156708" spans="8:8">
      <c r="H156708" s="12"/>
    </row>
    <row r="156709" spans="8:8">
      <c r="H156709" s="12"/>
    </row>
    <row r="156710" spans="8:8">
      <c r="H156710" s="12"/>
    </row>
    <row r="156711" spans="8:8">
      <c r="H156711" s="12"/>
    </row>
    <row r="156712" spans="8:8">
      <c r="H156712" s="12"/>
    </row>
    <row r="156713" spans="8:8">
      <c r="H156713" s="12"/>
    </row>
    <row r="156714" spans="8:8">
      <c r="H156714" s="12"/>
    </row>
    <row r="156715" spans="8:8">
      <c r="H156715" s="12"/>
    </row>
    <row r="156716" spans="8:8">
      <c r="H156716" s="12"/>
    </row>
    <row r="156717" spans="8:8">
      <c r="H156717" s="12"/>
    </row>
    <row r="156718" spans="8:8">
      <c r="H156718" s="12"/>
    </row>
    <row r="156719" spans="8:8">
      <c r="H156719" s="12"/>
    </row>
    <row r="156720" spans="8:8">
      <c r="H156720" s="12"/>
    </row>
    <row r="156721" spans="8:8">
      <c r="H156721" s="12"/>
    </row>
    <row r="156722" spans="8:8">
      <c r="H156722" s="12"/>
    </row>
    <row r="156723" spans="8:8">
      <c r="H156723" s="12"/>
    </row>
    <row r="156724" spans="8:8">
      <c r="H156724" s="12"/>
    </row>
    <row r="156725" spans="8:8">
      <c r="H156725" s="12"/>
    </row>
    <row r="156726" spans="8:8">
      <c r="H156726" s="12"/>
    </row>
    <row r="156727" spans="8:8">
      <c r="H156727" s="12"/>
    </row>
    <row r="156728" spans="8:8">
      <c r="H156728" s="12"/>
    </row>
    <row r="156729" spans="8:8">
      <c r="H156729" s="12"/>
    </row>
    <row r="156730" spans="8:8">
      <c r="H156730" s="12"/>
    </row>
    <row r="156731" spans="8:8">
      <c r="H156731" s="12"/>
    </row>
    <row r="156732" spans="8:8">
      <c r="H156732" s="12"/>
    </row>
    <row r="156733" spans="8:8">
      <c r="H156733" s="12"/>
    </row>
    <row r="156734" spans="8:8">
      <c r="H156734" s="12"/>
    </row>
    <row r="156735" spans="8:8">
      <c r="H156735" s="12"/>
    </row>
    <row r="156736" spans="8:8">
      <c r="H156736" s="12"/>
    </row>
    <row r="156737" spans="8:8">
      <c r="H156737" s="12"/>
    </row>
    <row r="156738" spans="8:8">
      <c r="H156738" s="12"/>
    </row>
    <row r="156739" spans="8:8">
      <c r="H156739" s="12"/>
    </row>
    <row r="156740" spans="8:8">
      <c r="H156740" s="12"/>
    </row>
    <row r="156741" spans="8:8">
      <c r="H156741" s="12"/>
    </row>
    <row r="156742" spans="8:8">
      <c r="H156742" s="12"/>
    </row>
    <row r="156743" spans="8:8">
      <c r="H156743" s="12"/>
    </row>
    <row r="156744" spans="8:8">
      <c r="H156744" s="12"/>
    </row>
    <row r="156745" spans="8:8">
      <c r="H156745" s="12"/>
    </row>
    <row r="156746" spans="8:8">
      <c r="H156746" s="12"/>
    </row>
    <row r="156747" spans="8:8">
      <c r="H156747" s="12"/>
    </row>
    <row r="156748" spans="8:8">
      <c r="H156748" s="12"/>
    </row>
    <row r="156749" spans="8:8">
      <c r="H156749" s="12"/>
    </row>
    <row r="156750" spans="8:8">
      <c r="H156750" s="12"/>
    </row>
    <row r="156751" spans="8:8">
      <c r="H156751" s="12"/>
    </row>
    <row r="156752" spans="8:8">
      <c r="H156752" s="12"/>
    </row>
    <row r="156753" spans="8:8">
      <c r="H156753" s="12"/>
    </row>
    <row r="156754" spans="8:8">
      <c r="H156754" s="12"/>
    </row>
    <row r="156755" spans="8:8">
      <c r="H156755" s="12"/>
    </row>
    <row r="156756" spans="8:8">
      <c r="H156756" s="12"/>
    </row>
    <row r="156757" spans="8:8">
      <c r="H156757" s="12"/>
    </row>
    <row r="156758" spans="8:8">
      <c r="H156758" s="12"/>
    </row>
    <row r="156759" spans="8:8">
      <c r="H156759" s="12"/>
    </row>
    <row r="156760" spans="8:8">
      <c r="H156760" s="12"/>
    </row>
    <row r="156761" spans="8:8">
      <c r="H156761" s="12"/>
    </row>
    <row r="156762" spans="8:8">
      <c r="H156762" s="12"/>
    </row>
    <row r="156763" spans="8:8">
      <c r="H156763" s="12"/>
    </row>
    <row r="156764" spans="8:8">
      <c r="H156764" s="12"/>
    </row>
    <row r="156765" spans="8:8">
      <c r="H156765" s="12"/>
    </row>
    <row r="156766" spans="8:8">
      <c r="H156766" s="12"/>
    </row>
    <row r="156767" spans="8:8">
      <c r="H156767" s="12"/>
    </row>
    <row r="156768" spans="8:8">
      <c r="H156768" s="12"/>
    </row>
    <row r="156769" spans="8:8">
      <c r="H156769" s="12"/>
    </row>
    <row r="156770" spans="8:8">
      <c r="H156770" s="12"/>
    </row>
    <row r="156771" spans="8:8">
      <c r="H156771" s="12"/>
    </row>
    <row r="156772" spans="8:8">
      <c r="H156772" s="12"/>
    </row>
    <row r="156773" spans="8:8">
      <c r="H156773" s="12"/>
    </row>
    <row r="156774" spans="8:8">
      <c r="H156774" s="12"/>
    </row>
    <row r="156775" spans="8:8">
      <c r="H156775" s="12"/>
    </row>
    <row r="156776" spans="8:8">
      <c r="H156776" s="12"/>
    </row>
    <row r="156777" spans="8:8">
      <c r="H156777" s="12"/>
    </row>
    <row r="156778" spans="8:8">
      <c r="H156778" s="12"/>
    </row>
    <row r="156779" spans="8:8">
      <c r="H156779" s="12"/>
    </row>
    <row r="156780" spans="8:8">
      <c r="H156780" s="12"/>
    </row>
    <row r="156781" spans="8:8">
      <c r="H156781" s="12"/>
    </row>
    <row r="156782" spans="8:8">
      <c r="H156782" s="12"/>
    </row>
    <row r="156783" spans="8:8">
      <c r="H156783" s="12"/>
    </row>
    <row r="156784" spans="8:8">
      <c r="H156784" s="12"/>
    </row>
    <row r="156785" spans="8:8">
      <c r="H156785" s="12"/>
    </row>
    <row r="156786" spans="8:8">
      <c r="H156786" s="12"/>
    </row>
    <row r="156787" spans="8:8">
      <c r="H156787" s="12"/>
    </row>
    <row r="156788" spans="8:8">
      <c r="H156788" s="12"/>
    </row>
    <row r="156789" spans="8:8">
      <c r="H156789" s="12"/>
    </row>
    <row r="156790" spans="8:8">
      <c r="H156790" s="12"/>
    </row>
    <row r="156791" spans="8:8">
      <c r="H156791" s="12"/>
    </row>
    <row r="156792" spans="8:8">
      <c r="H156792" s="12"/>
    </row>
    <row r="156793" spans="8:8">
      <c r="H156793" s="12"/>
    </row>
    <row r="156794" spans="8:8">
      <c r="H156794" s="12"/>
    </row>
    <row r="156795" spans="8:8">
      <c r="H156795" s="12"/>
    </row>
    <row r="156796" spans="8:8">
      <c r="H156796" s="12"/>
    </row>
    <row r="156797" spans="8:8">
      <c r="H156797" s="12"/>
    </row>
    <row r="156798" spans="8:8">
      <c r="H156798" s="12"/>
    </row>
    <row r="156799" spans="8:8">
      <c r="H156799" s="12"/>
    </row>
    <row r="156800" spans="8:8">
      <c r="H156800" s="12"/>
    </row>
    <row r="156801" spans="8:8">
      <c r="H156801" s="12"/>
    </row>
    <row r="156802" spans="8:8">
      <c r="H156802" s="12"/>
    </row>
    <row r="156803" spans="8:8">
      <c r="H156803" s="12"/>
    </row>
    <row r="156804" spans="8:8">
      <c r="H156804" s="12"/>
    </row>
    <row r="156805" spans="8:8">
      <c r="H156805" s="12"/>
    </row>
    <row r="156806" spans="8:8">
      <c r="H156806" s="12"/>
    </row>
    <row r="156807" spans="8:8">
      <c r="H156807" s="12"/>
    </row>
    <row r="156808" spans="8:8">
      <c r="H156808" s="12"/>
    </row>
    <row r="156809" spans="8:8">
      <c r="H156809" s="12"/>
    </row>
    <row r="156810" spans="8:8">
      <c r="H156810" s="12"/>
    </row>
    <row r="156811" spans="8:8">
      <c r="H156811" s="12"/>
    </row>
    <row r="156812" spans="8:8">
      <c r="H156812" s="12"/>
    </row>
    <row r="156813" spans="8:8">
      <c r="H156813" s="12"/>
    </row>
    <row r="156814" spans="8:8">
      <c r="H156814" s="12"/>
    </row>
    <row r="156815" spans="8:8">
      <c r="H156815" s="12"/>
    </row>
    <row r="156816" spans="8:8">
      <c r="H156816" s="12"/>
    </row>
    <row r="156817" spans="8:8">
      <c r="H156817" s="12"/>
    </row>
    <row r="156818" spans="8:8">
      <c r="H156818" s="12"/>
    </row>
    <row r="156819" spans="8:8">
      <c r="H156819" s="12"/>
    </row>
    <row r="156820" spans="8:8">
      <c r="H156820" s="12"/>
    </row>
    <row r="156821" spans="8:8">
      <c r="H156821" s="12"/>
    </row>
    <row r="156822" spans="8:8">
      <c r="H156822" s="12"/>
    </row>
    <row r="156823" spans="8:8">
      <c r="H156823" s="12"/>
    </row>
    <row r="156824" spans="8:8">
      <c r="H156824" s="12"/>
    </row>
    <row r="156825" spans="8:8">
      <c r="H156825" s="12"/>
    </row>
    <row r="156826" spans="8:8">
      <c r="H156826" s="12"/>
    </row>
    <row r="156827" spans="8:8">
      <c r="H156827" s="12"/>
    </row>
    <row r="156828" spans="8:8">
      <c r="H156828" s="12"/>
    </row>
    <row r="156829" spans="8:8">
      <c r="H156829" s="12"/>
    </row>
    <row r="156830" spans="8:8">
      <c r="H156830" s="12"/>
    </row>
    <row r="156831" spans="8:8">
      <c r="H156831" s="12"/>
    </row>
    <row r="156832" spans="8:8">
      <c r="H156832" s="12"/>
    </row>
    <row r="156833" spans="8:8">
      <c r="H156833" s="12"/>
    </row>
    <row r="156834" spans="8:8">
      <c r="H156834" s="12"/>
    </row>
    <row r="156835" spans="8:8">
      <c r="H156835" s="12"/>
    </row>
    <row r="156836" spans="8:8">
      <c r="H156836" s="12"/>
    </row>
    <row r="156837" spans="8:8">
      <c r="H156837" s="12"/>
    </row>
    <row r="156838" spans="8:8">
      <c r="H156838" s="12"/>
    </row>
    <row r="156839" spans="8:8">
      <c r="H156839" s="12"/>
    </row>
    <row r="156840" spans="8:8">
      <c r="H156840" s="12"/>
    </row>
    <row r="156841" spans="8:8">
      <c r="H156841" s="12"/>
    </row>
    <row r="156842" spans="8:8">
      <c r="H156842" s="12"/>
    </row>
    <row r="156843" spans="8:8">
      <c r="H156843" s="12"/>
    </row>
    <row r="156844" spans="8:8">
      <c r="H156844" s="12"/>
    </row>
    <row r="156845" spans="8:8">
      <c r="H156845" s="12"/>
    </row>
    <row r="156846" spans="8:8">
      <c r="H156846" s="12"/>
    </row>
    <row r="156847" spans="8:8">
      <c r="H156847" s="12"/>
    </row>
    <row r="156848" spans="8:8">
      <c r="H156848" s="12"/>
    </row>
    <row r="156849" spans="8:8">
      <c r="H156849" s="12"/>
    </row>
    <row r="156850" spans="8:8">
      <c r="H156850" s="12"/>
    </row>
    <row r="156851" spans="8:8">
      <c r="H156851" s="12"/>
    </row>
    <row r="156852" spans="8:8">
      <c r="H156852" s="12"/>
    </row>
    <row r="156853" spans="8:8">
      <c r="H156853" s="12"/>
    </row>
    <row r="156854" spans="8:8">
      <c r="H156854" s="12"/>
    </row>
    <row r="156855" spans="8:8">
      <c r="H156855" s="12"/>
    </row>
    <row r="156856" spans="8:8">
      <c r="H156856" s="12"/>
    </row>
    <row r="156857" spans="8:8">
      <c r="H156857" s="12"/>
    </row>
    <row r="156858" spans="8:8">
      <c r="H156858" s="12"/>
    </row>
    <row r="156859" spans="8:8">
      <c r="H156859" s="12"/>
    </row>
    <row r="156860" spans="8:8">
      <c r="H156860" s="12"/>
    </row>
    <row r="156861" spans="8:8">
      <c r="H156861" s="12"/>
    </row>
    <row r="156862" spans="8:8">
      <c r="H156862" s="12"/>
    </row>
    <row r="156863" spans="8:8">
      <c r="H156863" s="12"/>
    </row>
    <row r="156864" spans="8:8">
      <c r="H156864" s="12"/>
    </row>
    <row r="156865" spans="8:8">
      <c r="H156865" s="12"/>
    </row>
    <row r="156866" spans="8:8">
      <c r="H156866" s="12"/>
    </row>
    <row r="156867" spans="8:8">
      <c r="H156867" s="12"/>
    </row>
    <row r="156868" spans="8:8">
      <c r="H156868" s="12"/>
    </row>
    <row r="156869" spans="8:8">
      <c r="H156869" s="12"/>
    </row>
    <row r="156870" spans="8:8">
      <c r="H156870" s="12"/>
    </row>
    <row r="156871" spans="8:8">
      <c r="H156871" s="12"/>
    </row>
    <row r="156872" spans="8:8">
      <c r="H156872" s="12"/>
    </row>
    <row r="156873" spans="8:8">
      <c r="H156873" s="12"/>
    </row>
    <row r="156874" spans="8:8">
      <c r="H156874" s="12"/>
    </row>
    <row r="156875" spans="8:8">
      <c r="H156875" s="12"/>
    </row>
    <row r="156876" spans="8:8">
      <c r="H156876" s="12"/>
    </row>
    <row r="156877" spans="8:8">
      <c r="H156877" s="12"/>
    </row>
    <row r="156878" spans="8:8">
      <c r="H156878" s="12"/>
    </row>
    <row r="156879" spans="8:8">
      <c r="H156879" s="12"/>
    </row>
    <row r="156880" spans="8:8">
      <c r="H156880" s="12"/>
    </row>
    <row r="156881" spans="8:8">
      <c r="H156881" s="12"/>
    </row>
    <row r="156882" spans="8:8">
      <c r="H156882" s="12"/>
    </row>
    <row r="156883" spans="8:8">
      <c r="H156883" s="12"/>
    </row>
    <row r="156884" spans="8:8">
      <c r="H156884" s="12"/>
    </row>
    <row r="156885" spans="8:8">
      <c r="H156885" s="12"/>
    </row>
    <row r="156886" spans="8:8">
      <c r="H156886" s="12"/>
    </row>
    <row r="156887" spans="8:8">
      <c r="H156887" s="12"/>
    </row>
    <row r="156888" spans="8:8">
      <c r="H156888" s="12"/>
    </row>
    <row r="156889" spans="8:8">
      <c r="H156889" s="12"/>
    </row>
    <row r="156890" spans="8:8">
      <c r="H156890" s="12"/>
    </row>
    <row r="156891" spans="8:8">
      <c r="H156891" s="12"/>
    </row>
    <row r="156892" spans="8:8">
      <c r="H156892" s="12"/>
    </row>
    <row r="156893" spans="8:8">
      <c r="H156893" s="12"/>
    </row>
    <row r="156894" spans="8:8">
      <c r="H156894" s="12"/>
    </row>
    <row r="156895" spans="8:8">
      <c r="H156895" s="12"/>
    </row>
    <row r="156896" spans="8:8">
      <c r="H156896" s="12"/>
    </row>
    <row r="156897" spans="8:8">
      <c r="H156897" s="12"/>
    </row>
    <row r="156898" spans="8:8">
      <c r="H156898" s="12"/>
    </row>
    <row r="156899" spans="8:8">
      <c r="H156899" s="12"/>
    </row>
    <row r="156900" spans="8:8">
      <c r="H156900" s="12"/>
    </row>
    <row r="156901" spans="8:8">
      <c r="H156901" s="12"/>
    </row>
    <row r="156902" spans="8:8">
      <c r="H156902" s="12"/>
    </row>
    <row r="156903" spans="8:8">
      <c r="H156903" s="12"/>
    </row>
    <row r="156904" spans="8:8">
      <c r="H156904" s="12"/>
    </row>
    <row r="156905" spans="8:8">
      <c r="H156905" s="12"/>
    </row>
    <row r="156906" spans="8:8">
      <c r="H156906" s="12"/>
    </row>
    <row r="156907" spans="8:8">
      <c r="H156907" s="12"/>
    </row>
    <row r="156908" spans="8:8">
      <c r="H156908" s="12"/>
    </row>
    <row r="156909" spans="8:8">
      <c r="H156909" s="12"/>
    </row>
    <row r="156910" spans="8:8">
      <c r="H156910" s="12"/>
    </row>
    <row r="156911" spans="8:8">
      <c r="H156911" s="12"/>
    </row>
    <row r="156912" spans="8:8">
      <c r="H156912" s="12"/>
    </row>
    <row r="156913" spans="8:8">
      <c r="H156913" s="12"/>
    </row>
    <row r="156914" spans="8:8">
      <c r="H156914" s="12"/>
    </row>
    <row r="156915" spans="8:8">
      <c r="H156915" s="12"/>
    </row>
    <row r="156916" spans="8:8">
      <c r="H156916" s="12"/>
    </row>
    <row r="156917" spans="8:8">
      <c r="H156917" s="12"/>
    </row>
    <row r="156918" spans="8:8">
      <c r="H156918" s="12"/>
    </row>
    <row r="156919" spans="8:8">
      <c r="H156919" s="12"/>
    </row>
    <row r="156920" spans="8:8">
      <c r="H156920" s="12"/>
    </row>
    <row r="156921" spans="8:8">
      <c r="H156921" s="12"/>
    </row>
    <row r="156922" spans="8:8">
      <c r="H156922" s="12"/>
    </row>
    <row r="156923" spans="8:8">
      <c r="H156923" s="12"/>
    </row>
    <row r="156924" spans="8:8">
      <c r="H156924" s="12"/>
    </row>
    <row r="156925" spans="8:8">
      <c r="H156925" s="12"/>
    </row>
    <row r="156926" spans="8:8">
      <c r="H156926" s="12"/>
    </row>
    <row r="156927" spans="8:8">
      <c r="H156927" s="12"/>
    </row>
    <row r="156928" spans="8:8">
      <c r="H156928" s="12"/>
    </row>
    <row r="156929" spans="8:8">
      <c r="H156929" s="12"/>
    </row>
    <row r="156930" spans="8:8">
      <c r="H156930" s="12"/>
    </row>
    <row r="156931" spans="8:8">
      <c r="H156931" s="12"/>
    </row>
    <row r="156932" spans="8:8">
      <c r="H156932" s="12"/>
    </row>
    <row r="156933" spans="8:8">
      <c r="H156933" s="12"/>
    </row>
    <row r="156934" spans="8:8">
      <c r="H156934" s="12"/>
    </row>
    <row r="156935" spans="8:8">
      <c r="H156935" s="12"/>
    </row>
    <row r="156936" spans="8:8">
      <c r="H156936" s="12"/>
    </row>
    <row r="156937" spans="8:8">
      <c r="H156937" s="12"/>
    </row>
    <row r="156938" spans="8:8">
      <c r="H156938" s="12"/>
    </row>
    <row r="156939" spans="8:8">
      <c r="H156939" s="12"/>
    </row>
    <row r="156940" spans="8:8">
      <c r="H156940" s="12"/>
    </row>
    <row r="156941" spans="8:8">
      <c r="H156941" s="12"/>
    </row>
    <row r="156942" spans="8:8">
      <c r="H156942" s="12"/>
    </row>
    <row r="156943" spans="8:8">
      <c r="H156943" s="12"/>
    </row>
    <row r="156944" spans="8:8">
      <c r="H156944" s="12"/>
    </row>
    <row r="156945" spans="8:8">
      <c r="H156945" s="12"/>
    </row>
    <row r="156946" spans="8:8">
      <c r="H156946" s="12"/>
    </row>
    <row r="156947" spans="8:8">
      <c r="H156947" s="12"/>
    </row>
    <row r="156948" spans="8:8">
      <c r="H156948" s="12"/>
    </row>
    <row r="156949" spans="8:8">
      <c r="H156949" s="12"/>
    </row>
    <row r="156950" spans="8:8">
      <c r="H156950" s="12"/>
    </row>
    <row r="156951" spans="8:8">
      <c r="H156951" s="12"/>
    </row>
    <row r="156952" spans="8:8">
      <c r="H156952" s="12"/>
    </row>
    <row r="156953" spans="8:8">
      <c r="H156953" s="12"/>
    </row>
    <row r="156954" spans="8:8">
      <c r="H156954" s="12"/>
    </row>
    <row r="156955" spans="8:8">
      <c r="H156955" s="12"/>
    </row>
    <row r="156956" spans="8:8">
      <c r="H156956" s="12"/>
    </row>
    <row r="156957" spans="8:8">
      <c r="H156957" s="12"/>
    </row>
    <row r="156958" spans="8:8">
      <c r="H156958" s="12"/>
    </row>
    <row r="156959" spans="8:8">
      <c r="H156959" s="12"/>
    </row>
    <row r="156960" spans="8:8">
      <c r="H156960" s="12"/>
    </row>
    <row r="156961" spans="8:8">
      <c r="H156961" s="12"/>
    </row>
    <row r="156962" spans="8:8">
      <c r="H156962" s="12"/>
    </row>
    <row r="156963" spans="8:8">
      <c r="H156963" s="12"/>
    </row>
    <row r="156964" spans="8:8">
      <c r="H156964" s="12"/>
    </row>
    <row r="156965" spans="8:8">
      <c r="H156965" s="12"/>
    </row>
    <row r="156966" spans="8:8">
      <c r="H156966" s="12"/>
    </row>
    <row r="156967" spans="8:8">
      <c r="H156967" s="12"/>
    </row>
    <row r="156968" spans="8:8">
      <c r="H156968" s="12"/>
    </row>
    <row r="156969" spans="8:8">
      <c r="H156969" s="12"/>
    </row>
    <row r="156970" spans="8:8">
      <c r="H156970" s="12"/>
    </row>
    <row r="156971" spans="8:8">
      <c r="H156971" s="12"/>
    </row>
    <row r="156972" spans="8:8">
      <c r="H156972" s="12"/>
    </row>
    <row r="156973" spans="8:8">
      <c r="H156973" s="12"/>
    </row>
    <row r="156974" spans="8:8">
      <c r="H156974" s="12"/>
    </row>
    <row r="156975" spans="8:8">
      <c r="H156975" s="12"/>
    </row>
    <row r="156976" spans="8:8">
      <c r="H156976" s="12"/>
    </row>
    <row r="156977" spans="8:8">
      <c r="H156977" s="12"/>
    </row>
    <row r="156978" spans="8:8">
      <c r="H156978" s="12"/>
    </row>
    <row r="156979" spans="8:8">
      <c r="H156979" s="12"/>
    </row>
    <row r="156980" spans="8:8">
      <c r="H156980" s="12"/>
    </row>
    <row r="156981" spans="8:8">
      <c r="H156981" s="12"/>
    </row>
    <row r="156982" spans="8:8">
      <c r="H156982" s="12"/>
    </row>
    <row r="156983" spans="8:8">
      <c r="H156983" s="12"/>
    </row>
    <row r="156984" spans="8:8">
      <c r="H156984" s="12"/>
    </row>
    <row r="156985" spans="8:8">
      <c r="H156985" s="12"/>
    </row>
    <row r="156986" spans="8:8">
      <c r="H156986" s="12"/>
    </row>
    <row r="156987" spans="8:8">
      <c r="H156987" s="12"/>
    </row>
    <row r="156988" spans="8:8">
      <c r="H156988" s="12"/>
    </row>
    <row r="156989" spans="8:8">
      <c r="H156989" s="12"/>
    </row>
    <row r="156990" spans="8:8">
      <c r="H156990" s="12"/>
    </row>
    <row r="156991" spans="8:8">
      <c r="H156991" s="12"/>
    </row>
    <row r="156992" spans="8:8">
      <c r="H156992" s="12"/>
    </row>
    <row r="156993" spans="8:8">
      <c r="H156993" s="12"/>
    </row>
    <row r="156994" spans="8:8">
      <c r="H156994" s="12"/>
    </row>
    <row r="156995" spans="8:8">
      <c r="H156995" s="12"/>
    </row>
    <row r="156996" spans="8:8">
      <c r="H156996" s="12"/>
    </row>
    <row r="156997" spans="8:8">
      <c r="H156997" s="12"/>
    </row>
    <row r="156998" spans="8:8">
      <c r="H156998" s="12"/>
    </row>
    <row r="156999" spans="8:8">
      <c r="H156999" s="12"/>
    </row>
    <row r="157000" spans="8:8">
      <c r="H157000" s="12"/>
    </row>
    <row r="157001" spans="8:8">
      <c r="H157001" s="12"/>
    </row>
    <row r="157002" spans="8:8">
      <c r="H157002" s="12"/>
    </row>
    <row r="157003" spans="8:8">
      <c r="H157003" s="12"/>
    </row>
    <row r="157004" spans="8:8">
      <c r="H157004" s="12"/>
    </row>
    <row r="157005" spans="8:8">
      <c r="H157005" s="12"/>
    </row>
    <row r="157006" spans="8:8">
      <c r="H157006" s="12"/>
    </row>
    <row r="157007" spans="8:8">
      <c r="H157007" s="12"/>
    </row>
    <row r="157008" spans="8:8">
      <c r="H157008" s="12"/>
    </row>
    <row r="157009" spans="8:8">
      <c r="H157009" s="12"/>
    </row>
    <row r="157010" spans="8:8">
      <c r="H157010" s="12"/>
    </row>
    <row r="157011" spans="8:8">
      <c r="H157011" s="12"/>
    </row>
    <row r="157012" spans="8:8">
      <c r="H157012" s="12"/>
    </row>
    <row r="157013" spans="8:8">
      <c r="H157013" s="12"/>
    </row>
    <row r="157014" spans="8:8">
      <c r="H157014" s="12"/>
    </row>
    <row r="157015" spans="8:8">
      <c r="H157015" s="12"/>
    </row>
    <row r="157016" spans="8:8">
      <c r="H157016" s="12"/>
    </row>
    <row r="157017" spans="8:8">
      <c r="H157017" s="12"/>
    </row>
    <row r="157018" spans="8:8">
      <c r="H157018" s="12"/>
    </row>
    <row r="157019" spans="8:8">
      <c r="H157019" s="12"/>
    </row>
    <row r="157020" spans="8:8">
      <c r="H157020" s="12"/>
    </row>
    <row r="157021" spans="8:8">
      <c r="H157021" s="12"/>
    </row>
    <row r="157022" spans="8:8">
      <c r="H157022" s="12"/>
    </row>
    <row r="157023" spans="8:8">
      <c r="H157023" s="12"/>
    </row>
    <row r="157024" spans="8:8">
      <c r="H157024" s="12"/>
    </row>
    <row r="157025" spans="8:8">
      <c r="H157025" s="12"/>
    </row>
    <row r="157026" spans="8:8">
      <c r="H157026" s="12"/>
    </row>
    <row r="157027" spans="8:8">
      <c r="H157027" s="12"/>
    </row>
    <row r="157028" spans="8:8">
      <c r="H157028" s="12"/>
    </row>
    <row r="157029" spans="8:8">
      <c r="H157029" s="12"/>
    </row>
    <row r="157030" spans="8:8">
      <c r="H157030" s="12"/>
    </row>
    <row r="157031" spans="8:8">
      <c r="H157031" s="12"/>
    </row>
    <row r="157032" spans="8:8">
      <c r="H157032" s="12"/>
    </row>
    <row r="157033" spans="8:8">
      <c r="H157033" s="12"/>
    </row>
    <row r="157034" spans="8:8">
      <c r="H157034" s="12"/>
    </row>
    <row r="157035" spans="8:8">
      <c r="H157035" s="12"/>
    </row>
    <row r="157036" spans="8:8">
      <c r="H157036" s="12"/>
    </row>
    <row r="157037" spans="8:8">
      <c r="H157037" s="12"/>
    </row>
    <row r="157038" spans="8:8">
      <c r="H157038" s="12"/>
    </row>
    <row r="157039" spans="8:8">
      <c r="H157039" s="12"/>
    </row>
    <row r="157040" spans="8:8">
      <c r="H157040" s="12"/>
    </row>
    <row r="157041" spans="8:8">
      <c r="H157041" s="12"/>
    </row>
    <row r="157042" spans="8:8">
      <c r="H157042" s="12"/>
    </row>
    <row r="157043" spans="8:8">
      <c r="H157043" s="12"/>
    </row>
    <row r="157044" spans="8:8">
      <c r="H157044" s="12"/>
    </row>
    <row r="157045" spans="8:8">
      <c r="H157045" s="12"/>
    </row>
    <row r="157046" spans="8:8">
      <c r="H157046" s="12"/>
    </row>
    <row r="157047" spans="8:8">
      <c r="H157047" s="12"/>
    </row>
    <row r="157048" spans="8:8">
      <c r="H157048" s="12"/>
    </row>
    <row r="157049" spans="8:8">
      <c r="H157049" s="12"/>
    </row>
    <row r="157050" spans="8:8">
      <c r="H157050" s="12"/>
    </row>
    <row r="157051" spans="8:8">
      <c r="H157051" s="12"/>
    </row>
    <row r="157052" spans="8:8">
      <c r="H157052" s="12"/>
    </row>
    <row r="157053" spans="8:8">
      <c r="H157053" s="12"/>
    </row>
    <row r="157054" spans="8:8">
      <c r="H157054" s="12"/>
    </row>
    <row r="157055" spans="8:8">
      <c r="H157055" s="12"/>
    </row>
    <row r="157056" spans="8:8">
      <c r="H157056" s="12"/>
    </row>
    <row r="157057" spans="8:8">
      <c r="H157057" s="12"/>
    </row>
    <row r="157058" spans="8:8">
      <c r="H157058" s="12"/>
    </row>
    <row r="157059" spans="8:8">
      <c r="H157059" s="12"/>
    </row>
    <row r="157060" spans="8:8">
      <c r="H157060" s="12"/>
    </row>
    <row r="157061" spans="8:8">
      <c r="H157061" s="12"/>
    </row>
    <row r="157062" spans="8:8">
      <c r="H157062" s="12"/>
    </row>
    <row r="157063" spans="8:8">
      <c r="H157063" s="12"/>
    </row>
    <row r="157064" spans="8:8">
      <c r="H157064" s="12"/>
    </row>
    <row r="157065" spans="8:8">
      <c r="H157065" s="12"/>
    </row>
    <row r="157066" spans="8:8">
      <c r="H157066" s="12"/>
    </row>
    <row r="157067" spans="8:8">
      <c r="H157067" s="12"/>
    </row>
    <row r="157068" spans="8:8">
      <c r="H157068" s="12"/>
    </row>
    <row r="157069" spans="8:8">
      <c r="H157069" s="12"/>
    </row>
    <row r="157070" spans="8:8">
      <c r="H157070" s="12"/>
    </row>
    <row r="157071" spans="8:8">
      <c r="H157071" s="12"/>
    </row>
    <row r="157072" spans="8:8">
      <c r="H157072" s="12"/>
    </row>
    <row r="157073" spans="8:8">
      <c r="H157073" s="12"/>
    </row>
    <row r="157074" spans="8:8">
      <c r="H157074" s="12"/>
    </row>
    <row r="157075" spans="8:8">
      <c r="H157075" s="12"/>
    </row>
    <row r="157076" spans="8:8">
      <c r="H157076" s="12"/>
    </row>
    <row r="157077" spans="8:8">
      <c r="H157077" s="12"/>
    </row>
    <row r="157078" spans="8:8">
      <c r="H157078" s="12"/>
    </row>
    <row r="157079" spans="8:8">
      <c r="H157079" s="12"/>
    </row>
    <row r="157080" spans="8:8">
      <c r="H157080" s="12"/>
    </row>
    <row r="157081" spans="8:8">
      <c r="H157081" s="12"/>
    </row>
    <row r="157082" spans="8:8">
      <c r="H157082" s="12"/>
    </row>
    <row r="157083" spans="8:8">
      <c r="H157083" s="12"/>
    </row>
    <row r="157084" spans="8:8">
      <c r="H157084" s="12"/>
    </row>
    <row r="157085" spans="8:8">
      <c r="H157085" s="12"/>
    </row>
    <row r="157086" spans="8:8">
      <c r="H157086" s="12"/>
    </row>
    <row r="157087" spans="8:8">
      <c r="H157087" s="12"/>
    </row>
    <row r="157088" spans="8:8">
      <c r="H157088" s="12"/>
    </row>
    <row r="157089" spans="8:8">
      <c r="H157089" s="12"/>
    </row>
    <row r="157090" spans="8:8">
      <c r="H157090" s="12"/>
    </row>
    <row r="157091" spans="8:8">
      <c r="H157091" s="12"/>
    </row>
    <row r="157092" spans="8:8">
      <c r="H157092" s="12"/>
    </row>
    <row r="157093" spans="8:8">
      <c r="H157093" s="12"/>
    </row>
    <row r="157094" spans="8:8">
      <c r="H157094" s="12"/>
    </row>
    <row r="157095" spans="8:8">
      <c r="H157095" s="12"/>
    </row>
    <row r="157096" spans="8:8">
      <c r="H157096" s="12"/>
    </row>
    <row r="157097" spans="8:8">
      <c r="H157097" s="12"/>
    </row>
    <row r="157098" spans="8:8">
      <c r="H157098" s="12"/>
    </row>
    <row r="157099" spans="8:8">
      <c r="H157099" s="12"/>
    </row>
    <row r="157100" spans="8:8">
      <c r="H157100" s="12"/>
    </row>
    <row r="157101" spans="8:8">
      <c r="H157101" s="12"/>
    </row>
    <row r="157102" spans="8:8">
      <c r="H157102" s="12"/>
    </row>
    <row r="157103" spans="8:8">
      <c r="H157103" s="12"/>
    </row>
    <row r="157104" spans="8:8">
      <c r="H157104" s="12"/>
    </row>
    <row r="157105" spans="8:8">
      <c r="H157105" s="12"/>
    </row>
    <row r="157106" spans="8:8">
      <c r="H157106" s="12"/>
    </row>
    <row r="157107" spans="8:8">
      <c r="H157107" s="12"/>
    </row>
    <row r="157108" spans="8:8">
      <c r="H157108" s="12"/>
    </row>
    <row r="157109" spans="8:8">
      <c r="H157109" s="12"/>
    </row>
    <row r="157110" spans="8:8">
      <c r="H157110" s="12"/>
    </row>
    <row r="157111" spans="8:8">
      <c r="H157111" s="12"/>
    </row>
    <row r="157112" spans="8:8">
      <c r="H157112" s="12"/>
    </row>
    <row r="157113" spans="8:8">
      <c r="H157113" s="12"/>
    </row>
    <row r="157114" spans="8:8">
      <c r="H157114" s="12"/>
    </row>
    <row r="157115" spans="8:8">
      <c r="H157115" s="12"/>
    </row>
    <row r="157116" spans="8:8">
      <c r="H157116" s="12"/>
    </row>
    <row r="157117" spans="8:8">
      <c r="H157117" s="12"/>
    </row>
    <row r="157118" spans="8:8">
      <c r="H157118" s="12"/>
    </row>
    <row r="157119" spans="8:8">
      <c r="H157119" s="12"/>
    </row>
    <row r="157120" spans="8:8">
      <c r="H157120" s="12"/>
    </row>
    <row r="157121" spans="8:8">
      <c r="H157121" s="12"/>
    </row>
    <row r="157122" spans="8:8">
      <c r="H157122" s="12"/>
    </row>
    <row r="157123" spans="8:8">
      <c r="H157123" s="12"/>
    </row>
    <row r="157124" spans="8:8">
      <c r="H157124" s="12"/>
    </row>
    <row r="157125" spans="8:8">
      <c r="H157125" s="12"/>
    </row>
    <row r="157126" spans="8:8">
      <c r="H157126" s="12"/>
    </row>
    <row r="157127" spans="8:8">
      <c r="H157127" s="12"/>
    </row>
    <row r="157128" spans="8:8">
      <c r="H157128" s="12"/>
    </row>
    <row r="157129" spans="8:8">
      <c r="H157129" s="12"/>
    </row>
    <row r="157130" spans="8:8">
      <c r="H157130" s="12"/>
    </row>
    <row r="157131" spans="8:8">
      <c r="H157131" s="12"/>
    </row>
    <row r="157132" spans="8:8">
      <c r="H157132" s="12"/>
    </row>
    <row r="157133" spans="8:8">
      <c r="H157133" s="12"/>
    </row>
    <row r="157134" spans="8:8">
      <c r="H157134" s="12"/>
    </row>
    <row r="157135" spans="8:8">
      <c r="H157135" s="12"/>
    </row>
    <row r="157136" spans="8:8">
      <c r="H157136" s="12"/>
    </row>
    <row r="157137" spans="8:8">
      <c r="H157137" s="12"/>
    </row>
    <row r="157138" spans="8:8">
      <c r="H157138" s="12"/>
    </row>
    <row r="157139" spans="8:8">
      <c r="H157139" s="12"/>
    </row>
    <row r="157140" spans="8:8">
      <c r="H157140" s="12"/>
    </row>
    <row r="157141" spans="8:8">
      <c r="H157141" s="12"/>
    </row>
    <row r="157142" spans="8:8">
      <c r="H157142" s="12"/>
    </row>
    <row r="157143" spans="8:8">
      <c r="H157143" s="12"/>
    </row>
    <row r="157144" spans="8:8">
      <c r="H157144" s="12"/>
    </row>
    <row r="157145" spans="8:8">
      <c r="H157145" s="12"/>
    </row>
    <row r="157146" spans="8:8">
      <c r="H157146" s="12"/>
    </row>
    <row r="157147" spans="8:8">
      <c r="H157147" s="12"/>
    </row>
    <row r="157148" spans="8:8">
      <c r="H157148" s="12"/>
    </row>
    <row r="157149" spans="8:8">
      <c r="H157149" s="12"/>
    </row>
    <row r="157150" spans="8:8">
      <c r="H157150" s="12"/>
    </row>
    <row r="157151" spans="8:8">
      <c r="H157151" s="12"/>
    </row>
    <row r="157152" spans="8:8">
      <c r="H157152" s="12"/>
    </row>
    <row r="157153" spans="8:8">
      <c r="H157153" s="12"/>
    </row>
    <row r="157154" spans="8:8">
      <c r="H157154" s="12"/>
    </row>
    <row r="157155" spans="8:8">
      <c r="H157155" s="12"/>
    </row>
    <row r="157156" spans="8:8">
      <c r="H157156" s="12"/>
    </row>
    <row r="157157" spans="8:8">
      <c r="H157157" s="12"/>
    </row>
    <row r="157158" spans="8:8">
      <c r="H157158" s="12"/>
    </row>
    <row r="157159" spans="8:8">
      <c r="H157159" s="12"/>
    </row>
    <row r="157160" spans="8:8">
      <c r="H157160" s="12"/>
    </row>
    <row r="157161" spans="8:8">
      <c r="H157161" s="12"/>
    </row>
    <row r="157162" spans="8:8">
      <c r="H157162" s="12"/>
    </row>
    <row r="157163" spans="8:8">
      <c r="H157163" s="12"/>
    </row>
    <row r="157164" spans="8:8">
      <c r="H157164" s="12"/>
    </row>
    <row r="157165" spans="8:8">
      <c r="H157165" s="12"/>
    </row>
    <row r="157166" spans="8:8">
      <c r="H157166" s="12"/>
    </row>
    <row r="157167" spans="8:8">
      <c r="H157167" s="12"/>
    </row>
    <row r="157168" spans="8:8">
      <c r="H157168" s="12"/>
    </row>
    <row r="157169" spans="8:8">
      <c r="H157169" s="12"/>
    </row>
    <row r="157170" spans="8:8">
      <c r="H157170" s="12"/>
    </row>
    <row r="157171" spans="8:8">
      <c r="H157171" s="12"/>
    </row>
    <row r="157172" spans="8:8">
      <c r="H157172" s="12"/>
    </row>
    <row r="157173" spans="8:8">
      <c r="H157173" s="12"/>
    </row>
    <row r="157174" spans="8:8">
      <c r="H157174" s="12"/>
    </row>
    <row r="157175" spans="8:8">
      <c r="H157175" s="12"/>
    </row>
    <row r="157176" spans="8:8">
      <c r="H157176" s="12"/>
    </row>
    <row r="157177" spans="8:8">
      <c r="H157177" s="12"/>
    </row>
    <row r="157178" spans="8:8">
      <c r="H157178" s="12"/>
    </row>
    <row r="157179" spans="8:8">
      <c r="H157179" s="12"/>
    </row>
    <row r="157180" spans="8:8">
      <c r="H157180" s="12"/>
    </row>
    <row r="157181" spans="8:8">
      <c r="H157181" s="12"/>
    </row>
    <row r="157182" spans="8:8">
      <c r="H157182" s="12"/>
    </row>
    <row r="157183" spans="8:8">
      <c r="H157183" s="12"/>
    </row>
    <row r="157184" spans="8:8">
      <c r="H157184" s="12"/>
    </row>
    <row r="157185" spans="8:8">
      <c r="H157185" s="12"/>
    </row>
    <row r="157186" spans="8:8">
      <c r="H157186" s="12"/>
    </row>
    <row r="157187" spans="8:8">
      <c r="H157187" s="12"/>
    </row>
    <row r="157188" spans="8:8">
      <c r="H157188" s="12"/>
    </row>
    <row r="157189" spans="8:8">
      <c r="H157189" s="12"/>
    </row>
    <row r="157190" spans="8:8">
      <c r="H157190" s="12"/>
    </row>
    <row r="157191" spans="8:8">
      <c r="H157191" s="12"/>
    </row>
    <row r="157192" spans="8:8">
      <c r="H157192" s="12"/>
    </row>
    <row r="157193" spans="8:8">
      <c r="H157193" s="12"/>
    </row>
    <row r="157194" spans="8:8">
      <c r="H157194" s="12"/>
    </row>
    <row r="157195" spans="8:8">
      <c r="H157195" s="12"/>
    </row>
    <row r="157196" spans="8:8">
      <c r="H157196" s="12"/>
    </row>
    <row r="157197" spans="8:8">
      <c r="H157197" s="12"/>
    </row>
    <row r="157198" spans="8:8">
      <c r="H157198" s="12"/>
    </row>
    <row r="157199" spans="8:8">
      <c r="H157199" s="12"/>
    </row>
    <row r="157200" spans="8:8">
      <c r="H157200" s="12"/>
    </row>
    <row r="157201" spans="8:8">
      <c r="H157201" s="12"/>
    </row>
    <row r="157202" spans="8:8">
      <c r="H157202" s="12"/>
    </row>
    <row r="157203" spans="8:8">
      <c r="H157203" s="12"/>
    </row>
    <row r="157204" spans="8:8">
      <c r="H157204" s="12"/>
    </row>
    <row r="157205" spans="8:8">
      <c r="H157205" s="12"/>
    </row>
    <row r="157206" spans="8:8">
      <c r="H157206" s="12"/>
    </row>
    <row r="157207" spans="8:8">
      <c r="H157207" s="12"/>
    </row>
    <row r="157208" spans="8:8">
      <c r="H157208" s="12"/>
    </row>
    <row r="157209" spans="8:8">
      <c r="H157209" s="12"/>
    </row>
    <row r="157210" spans="8:8">
      <c r="H157210" s="12"/>
    </row>
    <row r="157211" spans="8:8">
      <c r="H157211" s="12"/>
    </row>
    <row r="157212" spans="8:8">
      <c r="H157212" s="12"/>
    </row>
    <row r="157213" spans="8:8">
      <c r="H157213" s="12"/>
    </row>
    <row r="157214" spans="8:8">
      <c r="H157214" s="12"/>
    </row>
    <row r="157215" spans="8:8">
      <c r="H157215" s="12"/>
    </row>
    <row r="157216" spans="8:8">
      <c r="H157216" s="12"/>
    </row>
    <row r="157217" spans="8:8">
      <c r="H157217" s="12"/>
    </row>
    <row r="157218" spans="8:8">
      <c r="H157218" s="12"/>
    </row>
    <row r="157219" spans="8:8">
      <c r="H157219" s="12"/>
    </row>
    <row r="157220" spans="8:8">
      <c r="H157220" s="12"/>
    </row>
    <row r="157221" spans="8:8">
      <c r="H157221" s="12"/>
    </row>
    <row r="157222" spans="8:8">
      <c r="H157222" s="12"/>
    </row>
    <row r="157223" spans="8:8">
      <c r="H157223" s="12"/>
    </row>
    <row r="157224" spans="8:8">
      <c r="H157224" s="12"/>
    </row>
    <row r="157225" spans="8:8">
      <c r="H157225" s="12"/>
    </row>
    <row r="157226" spans="8:8">
      <c r="H157226" s="12"/>
    </row>
    <row r="157227" spans="8:8">
      <c r="H157227" s="12"/>
    </row>
    <row r="157228" spans="8:8">
      <c r="H157228" s="12"/>
    </row>
    <row r="157229" spans="8:8">
      <c r="H157229" s="12"/>
    </row>
    <row r="157230" spans="8:8">
      <c r="H157230" s="12"/>
    </row>
    <row r="157231" spans="8:8">
      <c r="H157231" s="12"/>
    </row>
    <row r="157232" spans="8:8">
      <c r="H157232" s="12"/>
    </row>
    <row r="157233" spans="8:8">
      <c r="H157233" s="12"/>
    </row>
    <row r="157234" spans="8:8">
      <c r="H157234" s="12"/>
    </row>
    <row r="157235" spans="8:8">
      <c r="H157235" s="12"/>
    </row>
    <row r="157236" spans="8:8">
      <c r="H157236" s="12"/>
    </row>
    <row r="157237" spans="8:8">
      <c r="H157237" s="12"/>
    </row>
    <row r="157238" spans="8:8">
      <c r="H157238" s="12"/>
    </row>
    <row r="157239" spans="8:8">
      <c r="H157239" s="12"/>
    </row>
    <row r="157240" spans="8:8">
      <c r="H157240" s="12"/>
    </row>
    <row r="157241" spans="8:8">
      <c r="H157241" s="12"/>
    </row>
    <row r="157242" spans="8:8">
      <c r="H157242" s="12"/>
    </row>
    <row r="157243" spans="8:8">
      <c r="H157243" s="12"/>
    </row>
    <row r="157244" spans="8:8">
      <c r="H157244" s="12"/>
    </row>
    <row r="157245" spans="8:8">
      <c r="H157245" s="12"/>
    </row>
    <row r="157246" spans="8:8">
      <c r="H157246" s="12"/>
    </row>
    <row r="157247" spans="8:8">
      <c r="H157247" s="12"/>
    </row>
    <row r="157248" spans="8:8">
      <c r="H157248" s="12"/>
    </row>
    <row r="157249" spans="8:8">
      <c r="H157249" s="12"/>
    </row>
    <row r="157250" spans="8:8">
      <c r="H157250" s="12"/>
    </row>
    <row r="157251" spans="8:8">
      <c r="H157251" s="12"/>
    </row>
    <row r="157252" spans="8:8">
      <c r="H157252" s="12"/>
    </row>
    <row r="157253" spans="8:8">
      <c r="H157253" s="12"/>
    </row>
    <row r="157254" spans="8:8">
      <c r="H157254" s="12"/>
    </row>
    <row r="157255" spans="8:8">
      <c r="H157255" s="12"/>
    </row>
    <row r="157256" spans="8:8">
      <c r="H157256" s="12"/>
    </row>
    <row r="157257" spans="8:8">
      <c r="H157257" s="12"/>
    </row>
    <row r="157258" spans="8:8">
      <c r="H157258" s="12"/>
    </row>
    <row r="157259" spans="8:8">
      <c r="H157259" s="12"/>
    </row>
    <row r="157260" spans="8:8">
      <c r="H157260" s="12"/>
    </row>
    <row r="157261" spans="8:8">
      <c r="H157261" s="12"/>
    </row>
    <row r="157262" spans="8:8">
      <c r="H157262" s="12"/>
    </row>
    <row r="157263" spans="8:8">
      <c r="H157263" s="12"/>
    </row>
    <row r="157264" spans="8:8">
      <c r="H157264" s="12"/>
    </row>
    <row r="157265" spans="8:8">
      <c r="H157265" s="12"/>
    </row>
    <row r="157266" spans="8:8">
      <c r="H157266" s="12"/>
    </row>
    <row r="157267" spans="8:8">
      <c r="H157267" s="12"/>
    </row>
    <row r="157268" spans="8:8">
      <c r="H157268" s="12"/>
    </row>
    <row r="157269" spans="8:8">
      <c r="H157269" s="12"/>
    </row>
    <row r="157270" spans="8:8">
      <c r="H157270" s="12"/>
    </row>
    <row r="157271" spans="8:8">
      <c r="H157271" s="12"/>
    </row>
    <row r="157272" spans="8:8">
      <c r="H157272" s="12"/>
    </row>
    <row r="157273" spans="8:8">
      <c r="H157273" s="12"/>
    </row>
    <row r="157274" spans="8:8">
      <c r="H157274" s="12"/>
    </row>
    <row r="157275" spans="8:8">
      <c r="H157275" s="12"/>
    </row>
    <row r="157276" spans="8:8">
      <c r="H157276" s="12"/>
    </row>
    <row r="157277" spans="8:8">
      <c r="H157277" s="12"/>
    </row>
    <row r="157278" spans="8:8">
      <c r="H157278" s="12"/>
    </row>
    <row r="157279" spans="8:8">
      <c r="H157279" s="12"/>
    </row>
    <row r="157280" spans="8:8">
      <c r="H157280" s="12"/>
    </row>
    <row r="157281" spans="8:8">
      <c r="H157281" s="12"/>
    </row>
    <row r="157282" spans="8:8">
      <c r="H157282" s="12"/>
    </row>
    <row r="157283" spans="8:8">
      <c r="H157283" s="12"/>
    </row>
    <row r="157284" spans="8:8">
      <c r="H157284" s="12"/>
    </row>
    <row r="157285" spans="8:8">
      <c r="H157285" s="12"/>
    </row>
    <row r="157286" spans="8:8">
      <c r="H157286" s="12"/>
    </row>
    <row r="157287" spans="8:8">
      <c r="H157287" s="12"/>
    </row>
    <row r="157288" spans="8:8">
      <c r="H157288" s="12"/>
    </row>
    <row r="157289" spans="8:8">
      <c r="H157289" s="12"/>
    </row>
    <row r="157290" spans="8:8">
      <c r="H157290" s="12"/>
    </row>
    <row r="157291" spans="8:8">
      <c r="H157291" s="12"/>
    </row>
    <row r="157292" spans="8:8">
      <c r="H157292" s="12"/>
    </row>
    <row r="157293" spans="8:8">
      <c r="H157293" s="12"/>
    </row>
    <row r="157294" spans="8:8">
      <c r="H157294" s="12"/>
    </row>
    <row r="157295" spans="8:8">
      <c r="H157295" s="12"/>
    </row>
    <row r="157296" spans="8:8">
      <c r="H157296" s="12"/>
    </row>
    <row r="157297" spans="8:8">
      <c r="H157297" s="12"/>
    </row>
    <row r="157298" spans="8:8">
      <c r="H157298" s="12"/>
    </row>
    <row r="157299" spans="8:8">
      <c r="H157299" s="12"/>
    </row>
    <row r="157300" spans="8:8">
      <c r="H157300" s="12"/>
    </row>
    <row r="157301" spans="8:8">
      <c r="H157301" s="12"/>
    </row>
    <row r="157302" spans="8:8">
      <c r="H157302" s="12"/>
    </row>
    <row r="157303" spans="8:8">
      <c r="H157303" s="12"/>
    </row>
    <row r="157304" spans="8:8">
      <c r="H157304" s="12"/>
    </row>
    <row r="157305" spans="8:8">
      <c r="H157305" s="12"/>
    </row>
    <row r="157306" spans="8:8">
      <c r="H157306" s="12"/>
    </row>
    <row r="157307" spans="8:8">
      <c r="H157307" s="12"/>
    </row>
    <row r="157308" spans="8:8">
      <c r="H157308" s="12"/>
    </row>
    <row r="157309" spans="8:8">
      <c r="H157309" s="12"/>
    </row>
    <row r="157310" spans="8:8">
      <c r="H157310" s="12"/>
    </row>
    <row r="157311" spans="8:8">
      <c r="H157311" s="12"/>
    </row>
    <row r="157312" spans="8:8">
      <c r="H157312" s="12"/>
    </row>
    <row r="157313" spans="8:8">
      <c r="H157313" s="12"/>
    </row>
    <row r="157314" spans="8:8">
      <c r="H157314" s="12"/>
    </row>
    <row r="157315" spans="8:8">
      <c r="H157315" s="12"/>
    </row>
    <row r="157316" spans="8:8">
      <c r="H157316" s="12"/>
    </row>
    <row r="157317" spans="8:8">
      <c r="H157317" s="12"/>
    </row>
    <row r="157318" spans="8:8">
      <c r="H157318" s="12"/>
    </row>
    <row r="157319" spans="8:8">
      <c r="H157319" s="12"/>
    </row>
    <row r="157320" spans="8:8">
      <c r="H157320" s="12"/>
    </row>
    <row r="157321" spans="8:8">
      <c r="H157321" s="12"/>
    </row>
    <row r="157322" spans="8:8">
      <c r="H157322" s="12"/>
    </row>
    <row r="157323" spans="8:8">
      <c r="H157323" s="12"/>
    </row>
    <row r="157324" spans="8:8">
      <c r="H157324" s="12"/>
    </row>
    <row r="157325" spans="8:8">
      <c r="H157325" s="12"/>
    </row>
    <row r="157326" spans="8:8">
      <c r="H157326" s="12"/>
    </row>
    <row r="157327" spans="8:8">
      <c r="H157327" s="12"/>
    </row>
    <row r="157328" spans="8:8">
      <c r="H157328" s="12"/>
    </row>
    <row r="157329" spans="8:8">
      <c r="H157329" s="12"/>
    </row>
    <row r="157330" spans="8:8">
      <c r="H157330" s="12"/>
    </row>
    <row r="157331" spans="8:8">
      <c r="H157331" s="12"/>
    </row>
    <row r="157332" spans="8:8">
      <c r="H157332" s="12"/>
    </row>
    <row r="157333" spans="8:8">
      <c r="H157333" s="12"/>
    </row>
    <row r="157334" spans="8:8">
      <c r="H157334" s="12"/>
    </row>
    <row r="157335" spans="8:8">
      <c r="H157335" s="12"/>
    </row>
    <row r="157336" spans="8:8">
      <c r="H157336" s="12"/>
    </row>
    <row r="157337" spans="8:8">
      <c r="H157337" s="12"/>
    </row>
    <row r="157338" spans="8:8">
      <c r="H157338" s="12"/>
    </row>
    <row r="157339" spans="8:8">
      <c r="H157339" s="12"/>
    </row>
    <row r="157340" spans="8:8">
      <c r="H157340" s="12"/>
    </row>
    <row r="157341" spans="8:8">
      <c r="H157341" s="12"/>
    </row>
    <row r="157342" spans="8:8">
      <c r="H157342" s="12"/>
    </row>
    <row r="157343" spans="8:8">
      <c r="H157343" s="12"/>
    </row>
    <row r="157344" spans="8:8">
      <c r="H157344" s="12"/>
    </row>
    <row r="157345" spans="8:8">
      <c r="H157345" s="12"/>
    </row>
    <row r="157346" spans="8:8">
      <c r="H157346" s="12"/>
    </row>
    <row r="157347" spans="8:8">
      <c r="H157347" s="12"/>
    </row>
    <row r="157348" spans="8:8">
      <c r="H157348" s="12"/>
    </row>
    <row r="157349" spans="8:8">
      <c r="H157349" s="12"/>
    </row>
    <row r="157350" spans="8:8">
      <c r="H157350" s="12"/>
    </row>
    <row r="157351" spans="8:8">
      <c r="H157351" s="12"/>
    </row>
    <row r="157352" spans="8:8">
      <c r="H157352" s="12"/>
    </row>
    <row r="157353" spans="8:8">
      <c r="H157353" s="12"/>
    </row>
    <row r="157354" spans="8:8">
      <c r="H157354" s="12"/>
    </row>
    <row r="157355" spans="8:8">
      <c r="H157355" s="12"/>
    </row>
    <row r="157356" spans="8:8">
      <c r="H157356" s="12"/>
    </row>
    <row r="157357" spans="8:8">
      <c r="H157357" s="12"/>
    </row>
    <row r="157358" spans="8:8">
      <c r="H157358" s="12"/>
    </row>
    <row r="157359" spans="8:8">
      <c r="H157359" s="12"/>
    </row>
    <row r="157360" spans="8:8">
      <c r="H157360" s="12"/>
    </row>
    <row r="157361" spans="8:8">
      <c r="H157361" s="12"/>
    </row>
    <row r="157362" spans="8:8">
      <c r="H157362" s="12"/>
    </row>
    <row r="157363" spans="8:8">
      <c r="H157363" s="12"/>
    </row>
    <row r="157364" spans="8:8">
      <c r="H157364" s="12"/>
    </row>
    <row r="157365" spans="8:8">
      <c r="H157365" s="12"/>
    </row>
    <row r="157366" spans="8:8">
      <c r="H157366" s="12"/>
    </row>
    <row r="157367" spans="8:8">
      <c r="H157367" s="12"/>
    </row>
    <row r="157368" spans="8:8">
      <c r="H157368" s="12"/>
    </row>
    <row r="157369" spans="8:8">
      <c r="H157369" s="12"/>
    </row>
    <row r="157370" spans="8:8">
      <c r="H157370" s="12"/>
    </row>
    <row r="157371" spans="8:8">
      <c r="H157371" s="12"/>
    </row>
    <row r="157372" spans="8:8">
      <c r="H157372" s="12"/>
    </row>
    <row r="157373" spans="8:8">
      <c r="H157373" s="12"/>
    </row>
    <row r="157374" spans="8:8">
      <c r="H157374" s="12"/>
    </row>
    <row r="157375" spans="8:8">
      <c r="H157375" s="12"/>
    </row>
    <row r="157376" spans="8:8">
      <c r="H157376" s="12"/>
    </row>
    <row r="157377" spans="8:8">
      <c r="H157377" s="12"/>
    </row>
    <row r="157378" spans="8:8">
      <c r="H157378" s="12"/>
    </row>
    <row r="157379" spans="8:8">
      <c r="H157379" s="12"/>
    </row>
    <row r="157380" spans="8:8">
      <c r="H157380" s="12"/>
    </row>
    <row r="157381" spans="8:8">
      <c r="H157381" s="12"/>
    </row>
    <row r="157382" spans="8:8">
      <c r="H157382" s="12"/>
    </row>
    <row r="157383" spans="8:8">
      <c r="H157383" s="12"/>
    </row>
    <row r="157384" spans="8:8">
      <c r="H157384" s="12"/>
    </row>
    <row r="157385" spans="8:8">
      <c r="H157385" s="12"/>
    </row>
    <row r="157386" spans="8:8">
      <c r="H157386" s="12"/>
    </row>
    <row r="157387" spans="8:8">
      <c r="H157387" s="12"/>
    </row>
    <row r="157388" spans="8:8">
      <c r="H157388" s="12"/>
    </row>
    <row r="157389" spans="8:8">
      <c r="H157389" s="12"/>
    </row>
    <row r="157390" spans="8:8">
      <c r="H157390" s="12"/>
    </row>
    <row r="157391" spans="8:8">
      <c r="H157391" s="12"/>
    </row>
    <row r="157392" spans="8:8">
      <c r="H157392" s="12"/>
    </row>
    <row r="157393" spans="8:8">
      <c r="H157393" s="12"/>
    </row>
    <row r="157394" spans="8:8">
      <c r="H157394" s="12"/>
    </row>
    <row r="157395" spans="8:8">
      <c r="H157395" s="12"/>
    </row>
    <row r="157396" spans="8:8">
      <c r="H157396" s="12"/>
    </row>
    <row r="157397" spans="8:8">
      <c r="H157397" s="12"/>
    </row>
    <row r="157398" spans="8:8">
      <c r="H157398" s="12"/>
    </row>
    <row r="157399" spans="8:8">
      <c r="H157399" s="12"/>
    </row>
    <row r="157400" spans="8:8">
      <c r="H157400" s="12"/>
    </row>
    <row r="157401" spans="8:8">
      <c r="H157401" s="12"/>
    </row>
    <row r="157402" spans="8:8">
      <c r="H157402" s="12"/>
    </row>
    <row r="157403" spans="8:8">
      <c r="H157403" s="12"/>
    </row>
    <row r="157404" spans="8:8">
      <c r="H157404" s="12"/>
    </row>
    <row r="157405" spans="8:8">
      <c r="H157405" s="12"/>
    </row>
    <row r="157406" spans="8:8">
      <c r="H157406" s="12"/>
    </row>
    <row r="157407" spans="8:8">
      <c r="H157407" s="12"/>
    </row>
    <row r="157408" spans="8:8">
      <c r="H157408" s="12"/>
    </row>
    <row r="157409" spans="8:8">
      <c r="H157409" s="12"/>
    </row>
    <row r="157410" spans="8:8">
      <c r="H157410" s="12"/>
    </row>
    <row r="157411" spans="8:8">
      <c r="H157411" s="12"/>
    </row>
    <row r="157412" spans="8:8">
      <c r="H157412" s="12"/>
    </row>
    <row r="157413" spans="8:8">
      <c r="H157413" s="12"/>
    </row>
    <row r="157414" spans="8:8">
      <c r="H157414" s="12"/>
    </row>
    <row r="157415" spans="8:8">
      <c r="H157415" s="12"/>
    </row>
    <row r="157416" spans="8:8">
      <c r="H157416" s="12"/>
    </row>
    <row r="157417" spans="8:8">
      <c r="H157417" s="12"/>
    </row>
    <row r="157418" spans="8:8">
      <c r="H157418" s="12"/>
    </row>
    <row r="157419" spans="8:8">
      <c r="H157419" s="12"/>
    </row>
    <row r="157420" spans="8:8">
      <c r="H157420" s="12"/>
    </row>
    <row r="157421" spans="8:8">
      <c r="H157421" s="12"/>
    </row>
    <row r="157422" spans="8:8">
      <c r="H157422" s="12"/>
    </row>
    <row r="157423" spans="8:8">
      <c r="H157423" s="12"/>
    </row>
    <row r="157424" spans="8:8">
      <c r="H157424" s="12"/>
    </row>
    <row r="157425" spans="8:8">
      <c r="H157425" s="12"/>
    </row>
    <row r="157426" spans="8:8">
      <c r="H157426" s="12"/>
    </row>
    <row r="157427" spans="8:8">
      <c r="H157427" s="12"/>
    </row>
    <row r="157428" spans="8:8">
      <c r="H157428" s="12"/>
    </row>
    <row r="157429" spans="8:8">
      <c r="H157429" s="12"/>
    </row>
    <row r="157430" spans="8:8">
      <c r="H157430" s="12"/>
    </row>
    <row r="157431" spans="8:8">
      <c r="H157431" s="12"/>
    </row>
    <row r="157432" spans="8:8">
      <c r="H157432" s="12"/>
    </row>
    <row r="157433" spans="8:8">
      <c r="H157433" s="12"/>
    </row>
    <row r="157434" spans="8:8">
      <c r="H157434" s="12"/>
    </row>
    <row r="157435" spans="8:8">
      <c r="H157435" s="12"/>
    </row>
    <row r="157436" spans="8:8">
      <c r="H157436" s="12"/>
    </row>
    <row r="157437" spans="8:8">
      <c r="H157437" s="12"/>
    </row>
    <row r="157438" spans="8:8">
      <c r="H157438" s="12"/>
    </row>
    <row r="157439" spans="8:8">
      <c r="H157439" s="12"/>
    </row>
    <row r="157440" spans="8:8">
      <c r="H157440" s="12"/>
    </row>
    <row r="157441" spans="8:8">
      <c r="H157441" s="12"/>
    </row>
    <row r="157442" spans="8:8">
      <c r="H157442" s="12"/>
    </row>
    <row r="157443" spans="8:8">
      <c r="H157443" s="12"/>
    </row>
    <row r="157444" spans="8:8">
      <c r="H157444" s="12"/>
    </row>
    <row r="157445" spans="8:8">
      <c r="H157445" s="12"/>
    </row>
    <row r="157446" spans="8:8">
      <c r="H157446" s="12"/>
    </row>
    <row r="157447" spans="8:8">
      <c r="H157447" s="12"/>
    </row>
    <row r="157448" spans="8:8">
      <c r="H157448" s="12"/>
    </row>
    <row r="157449" spans="8:8">
      <c r="H157449" s="12"/>
    </row>
    <row r="157450" spans="8:8">
      <c r="H157450" s="12"/>
    </row>
    <row r="157451" spans="8:8">
      <c r="H157451" s="12"/>
    </row>
    <row r="157452" spans="8:8">
      <c r="H157452" s="12"/>
    </row>
    <row r="157453" spans="8:8">
      <c r="H157453" s="12"/>
    </row>
    <row r="157454" spans="8:8">
      <c r="H157454" s="12"/>
    </row>
    <row r="157455" spans="8:8">
      <c r="H157455" s="12"/>
    </row>
    <row r="157456" spans="8:8">
      <c r="H157456" s="12"/>
    </row>
    <row r="157457" spans="8:8">
      <c r="H157457" s="12"/>
    </row>
    <row r="157458" spans="8:8">
      <c r="H157458" s="12"/>
    </row>
    <row r="157459" spans="8:8">
      <c r="H157459" s="12"/>
    </row>
    <row r="157460" spans="8:8">
      <c r="H157460" s="12"/>
    </row>
    <row r="157461" spans="8:8">
      <c r="H157461" s="12"/>
    </row>
    <row r="157462" spans="8:8">
      <c r="H157462" s="12"/>
    </row>
    <row r="157463" spans="8:8">
      <c r="H157463" s="12"/>
    </row>
    <row r="157464" spans="8:8">
      <c r="H157464" s="12"/>
    </row>
    <row r="157465" spans="8:8">
      <c r="H157465" s="12"/>
    </row>
    <row r="157466" spans="8:8">
      <c r="H157466" s="12"/>
    </row>
    <row r="157467" spans="8:8">
      <c r="H157467" s="12"/>
    </row>
    <row r="157468" spans="8:8">
      <c r="H157468" s="12"/>
    </row>
    <row r="157469" spans="8:8">
      <c r="H157469" s="12"/>
    </row>
    <row r="157470" spans="8:8">
      <c r="H157470" s="12"/>
    </row>
    <row r="157471" spans="8:8">
      <c r="H157471" s="12"/>
    </row>
    <row r="157472" spans="8:8">
      <c r="H157472" s="12"/>
    </row>
    <row r="157473" spans="8:8">
      <c r="H157473" s="12"/>
    </row>
    <row r="157474" spans="8:8">
      <c r="H157474" s="12"/>
    </row>
    <row r="157475" spans="8:8">
      <c r="H157475" s="12"/>
    </row>
    <row r="157476" spans="8:8">
      <c r="H157476" s="12"/>
    </row>
    <row r="157477" spans="8:8">
      <c r="H157477" s="12"/>
    </row>
    <row r="157478" spans="8:8">
      <c r="H157478" s="12"/>
    </row>
    <row r="157479" spans="8:8">
      <c r="H157479" s="12"/>
    </row>
    <row r="157480" spans="8:8">
      <c r="H157480" s="12"/>
    </row>
    <row r="157481" spans="8:8">
      <c r="H157481" s="12"/>
    </row>
    <row r="157482" spans="8:8">
      <c r="H157482" s="12"/>
    </row>
    <row r="157483" spans="8:8">
      <c r="H157483" s="12"/>
    </row>
    <row r="157484" spans="8:8">
      <c r="H157484" s="12"/>
    </row>
    <row r="157485" spans="8:8">
      <c r="H157485" s="12"/>
    </row>
    <row r="157486" spans="8:8">
      <c r="H157486" s="12"/>
    </row>
    <row r="157487" spans="8:8">
      <c r="H157487" s="12"/>
    </row>
    <row r="157488" spans="8:8">
      <c r="H157488" s="12"/>
    </row>
    <row r="157489" spans="8:8">
      <c r="H157489" s="12"/>
    </row>
    <row r="157490" spans="8:8">
      <c r="H157490" s="12"/>
    </row>
    <row r="157491" spans="8:8">
      <c r="H157491" s="12"/>
    </row>
    <row r="157492" spans="8:8">
      <c r="H157492" s="12"/>
    </row>
    <row r="157493" spans="8:8">
      <c r="H157493" s="12"/>
    </row>
    <row r="157494" spans="8:8">
      <c r="H157494" s="12"/>
    </row>
    <row r="157495" spans="8:8">
      <c r="H157495" s="12"/>
    </row>
    <row r="157496" spans="8:8">
      <c r="H157496" s="12"/>
    </row>
    <row r="157497" spans="8:8">
      <c r="H157497" s="12"/>
    </row>
    <row r="157498" spans="8:8">
      <c r="H157498" s="12"/>
    </row>
    <row r="157499" spans="8:8">
      <c r="H157499" s="12"/>
    </row>
    <row r="157500" spans="8:8">
      <c r="H157500" s="12"/>
    </row>
    <row r="157501" spans="8:8">
      <c r="H157501" s="12"/>
    </row>
    <row r="157502" spans="8:8">
      <c r="H157502" s="12"/>
    </row>
    <row r="157503" spans="8:8">
      <c r="H157503" s="12"/>
    </row>
    <row r="157504" spans="8:8">
      <c r="H157504" s="12"/>
    </row>
    <row r="157505" spans="8:8">
      <c r="H157505" s="12"/>
    </row>
    <row r="157506" spans="8:8">
      <c r="H157506" s="12"/>
    </row>
    <row r="157507" spans="8:8">
      <c r="H157507" s="12"/>
    </row>
    <row r="157508" spans="8:8">
      <c r="H157508" s="12"/>
    </row>
    <row r="157509" spans="8:8">
      <c r="H157509" s="12"/>
    </row>
    <row r="157510" spans="8:8">
      <c r="H157510" s="12"/>
    </row>
    <row r="157511" spans="8:8">
      <c r="H157511" s="12"/>
    </row>
    <row r="157512" spans="8:8">
      <c r="H157512" s="12"/>
    </row>
    <row r="157513" spans="8:8">
      <c r="H157513" s="12"/>
    </row>
    <row r="157514" spans="8:8">
      <c r="H157514" s="12"/>
    </row>
    <row r="157515" spans="8:8">
      <c r="H157515" s="12"/>
    </row>
    <row r="157516" spans="8:8">
      <c r="H157516" s="12"/>
    </row>
    <row r="157517" spans="8:8">
      <c r="H157517" s="12"/>
    </row>
    <row r="157518" spans="8:8">
      <c r="H157518" s="12"/>
    </row>
    <row r="157519" spans="8:8">
      <c r="H157519" s="12"/>
    </row>
    <row r="157520" spans="8:8">
      <c r="H157520" s="12"/>
    </row>
    <row r="157521" spans="8:8">
      <c r="H157521" s="12"/>
    </row>
    <row r="157522" spans="8:8">
      <c r="H157522" s="12"/>
    </row>
    <row r="157523" spans="8:8">
      <c r="H157523" s="12"/>
    </row>
    <row r="157524" spans="8:8">
      <c r="H157524" s="12"/>
    </row>
    <row r="157525" spans="8:8">
      <c r="H157525" s="12"/>
    </row>
    <row r="157526" spans="8:8">
      <c r="H157526" s="12"/>
    </row>
    <row r="157527" spans="8:8">
      <c r="H157527" s="12"/>
    </row>
    <row r="157528" spans="8:8">
      <c r="H157528" s="12"/>
    </row>
    <row r="157529" spans="8:8">
      <c r="H157529" s="12"/>
    </row>
    <row r="157530" spans="8:8">
      <c r="H157530" s="12"/>
    </row>
    <row r="157531" spans="8:8">
      <c r="H157531" s="12"/>
    </row>
    <row r="157532" spans="8:8">
      <c r="H157532" s="12"/>
    </row>
    <row r="157533" spans="8:8">
      <c r="H157533" s="12"/>
    </row>
    <row r="157534" spans="8:8">
      <c r="H157534" s="12"/>
    </row>
    <row r="157535" spans="8:8">
      <c r="H157535" s="12"/>
    </row>
    <row r="157536" spans="8:8">
      <c r="H157536" s="12"/>
    </row>
    <row r="157537" spans="8:8">
      <c r="H157537" s="12"/>
    </row>
    <row r="157538" spans="8:8">
      <c r="H157538" s="12"/>
    </row>
    <row r="157539" spans="8:8">
      <c r="H157539" s="12"/>
    </row>
    <row r="157540" spans="8:8">
      <c r="H157540" s="12"/>
    </row>
    <row r="157541" spans="8:8">
      <c r="H157541" s="12"/>
    </row>
    <row r="157542" spans="8:8">
      <c r="H157542" s="12"/>
    </row>
    <row r="157543" spans="8:8">
      <c r="H157543" s="12"/>
    </row>
    <row r="157544" spans="8:8">
      <c r="H157544" s="12"/>
    </row>
    <row r="157545" spans="8:8">
      <c r="H157545" s="12"/>
    </row>
    <row r="157546" spans="8:8">
      <c r="H157546" s="12"/>
    </row>
    <row r="157547" spans="8:8">
      <c r="H157547" s="12"/>
    </row>
    <row r="157548" spans="8:8">
      <c r="H157548" s="12"/>
    </row>
    <row r="157549" spans="8:8">
      <c r="H157549" s="12"/>
    </row>
    <row r="157550" spans="8:8">
      <c r="H157550" s="12"/>
    </row>
    <row r="157551" spans="8:8">
      <c r="H157551" s="12"/>
    </row>
    <row r="157552" spans="8:8">
      <c r="H157552" s="12"/>
    </row>
    <row r="157553" spans="8:8">
      <c r="H157553" s="12"/>
    </row>
    <row r="157554" spans="8:8">
      <c r="H157554" s="12"/>
    </row>
    <row r="157555" spans="8:8">
      <c r="H157555" s="12"/>
    </row>
    <row r="157556" spans="8:8">
      <c r="H157556" s="12"/>
    </row>
    <row r="157557" spans="8:8">
      <c r="H157557" s="12"/>
    </row>
    <row r="157558" spans="8:8">
      <c r="H157558" s="12"/>
    </row>
    <row r="157559" spans="8:8">
      <c r="H157559" s="12"/>
    </row>
    <row r="157560" spans="8:8">
      <c r="H157560" s="12"/>
    </row>
    <row r="157561" spans="8:8">
      <c r="H157561" s="12"/>
    </row>
    <row r="157562" spans="8:8">
      <c r="H157562" s="12"/>
    </row>
    <row r="157563" spans="8:8">
      <c r="H157563" s="12"/>
    </row>
    <row r="157564" spans="8:8">
      <c r="H157564" s="12"/>
    </row>
    <row r="157565" spans="8:8">
      <c r="H157565" s="12"/>
    </row>
    <row r="157566" spans="8:8">
      <c r="H157566" s="12"/>
    </row>
    <row r="157567" spans="8:8">
      <c r="H157567" s="12"/>
    </row>
    <row r="157568" spans="8:8">
      <c r="H157568" s="12"/>
    </row>
    <row r="157569" spans="8:8">
      <c r="H157569" s="12"/>
    </row>
    <row r="157570" spans="8:8">
      <c r="H157570" s="12"/>
    </row>
    <row r="157571" spans="8:8">
      <c r="H157571" s="12"/>
    </row>
    <row r="157572" spans="8:8">
      <c r="H157572" s="12"/>
    </row>
    <row r="157573" spans="8:8">
      <c r="H157573" s="12"/>
    </row>
    <row r="157574" spans="8:8">
      <c r="H157574" s="12"/>
    </row>
    <row r="157575" spans="8:8">
      <c r="H157575" s="12"/>
    </row>
    <row r="157576" spans="8:8">
      <c r="H157576" s="12"/>
    </row>
    <row r="157577" spans="8:8">
      <c r="H157577" s="12"/>
    </row>
    <row r="157578" spans="8:8">
      <c r="H157578" s="12"/>
    </row>
    <row r="157579" spans="8:8">
      <c r="H157579" s="12"/>
    </row>
    <row r="157580" spans="8:8">
      <c r="H157580" s="12"/>
    </row>
    <row r="157581" spans="8:8">
      <c r="H157581" s="12"/>
    </row>
    <row r="157582" spans="8:8">
      <c r="H157582" s="12"/>
    </row>
    <row r="157583" spans="8:8">
      <c r="H157583" s="12"/>
    </row>
    <row r="157584" spans="8:8">
      <c r="H157584" s="12"/>
    </row>
    <row r="157585" spans="8:8">
      <c r="H157585" s="12"/>
    </row>
    <row r="157586" spans="8:8">
      <c r="H157586" s="12"/>
    </row>
    <row r="157587" spans="8:8">
      <c r="H157587" s="12"/>
    </row>
    <row r="157588" spans="8:8">
      <c r="H157588" s="12"/>
    </row>
    <row r="157589" spans="8:8">
      <c r="H157589" s="12"/>
    </row>
    <row r="157590" spans="8:8">
      <c r="H157590" s="12"/>
    </row>
    <row r="157591" spans="8:8">
      <c r="H157591" s="12"/>
    </row>
    <row r="157592" spans="8:8">
      <c r="H157592" s="12"/>
    </row>
    <row r="157593" spans="8:8">
      <c r="H157593" s="12"/>
    </row>
    <row r="157594" spans="8:8">
      <c r="H157594" s="12"/>
    </row>
    <row r="157595" spans="8:8">
      <c r="H157595" s="12"/>
    </row>
    <row r="157596" spans="8:8">
      <c r="H157596" s="12"/>
    </row>
    <row r="157597" spans="8:8">
      <c r="H157597" s="12"/>
    </row>
    <row r="157598" spans="8:8">
      <c r="H157598" s="12"/>
    </row>
    <row r="157599" spans="8:8">
      <c r="H157599" s="12"/>
    </row>
    <row r="157600" spans="8:8">
      <c r="H157600" s="12"/>
    </row>
    <row r="157601" spans="8:8">
      <c r="H157601" s="12"/>
    </row>
    <row r="157602" spans="8:8">
      <c r="H157602" s="12"/>
    </row>
    <row r="157603" spans="8:8">
      <c r="H157603" s="12"/>
    </row>
    <row r="157604" spans="8:8">
      <c r="H157604" s="12"/>
    </row>
    <row r="157605" spans="8:8">
      <c r="H157605" s="12"/>
    </row>
    <row r="157606" spans="8:8">
      <c r="H157606" s="12"/>
    </row>
    <row r="157607" spans="8:8">
      <c r="H157607" s="12"/>
    </row>
    <row r="157608" spans="8:8">
      <c r="H157608" s="12"/>
    </row>
    <row r="157609" spans="8:8">
      <c r="H157609" s="12"/>
    </row>
    <row r="157610" spans="8:8">
      <c r="H157610" s="12"/>
    </row>
    <row r="157611" spans="8:8">
      <c r="H157611" s="12"/>
    </row>
    <row r="157612" spans="8:8">
      <c r="H157612" s="12"/>
    </row>
    <row r="157613" spans="8:8">
      <c r="H157613" s="12"/>
    </row>
    <row r="157614" spans="8:8">
      <c r="H157614" s="12"/>
    </row>
    <row r="157615" spans="8:8">
      <c r="H157615" s="12"/>
    </row>
    <row r="157616" spans="8:8">
      <c r="H157616" s="12"/>
    </row>
    <row r="157617" spans="8:8">
      <c r="H157617" s="12"/>
    </row>
    <row r="157618" spans="8:8">
      <c r="H157618" s="12"/>
    </row>
    <row r="157619" spans="8:8">
      <c r="H157619" s="12"/>
    </row>
    <row r="157620" spans="8:8">
      <c r="H157620" s="12"/>
    </row>
    <row r="157621" spans="8:8">
      <c r="H157621" s="12"/>
    </row>
    <row r="157622" spans="8:8">
      <c r="H157622" s="12"/>
    </row>
    <row r="157623" spans="8:8">
      <c r="H157623" s="12"/>
    </row>
    <row r="157624" spans="8:8">
      <c r="H157624" s="12"/>
    </row>
    <row r="157625" spans="8:8">
      <c r="H157625" s="12"/>
    </row>
    <row r="157626" spans="8:8">
      <c r="H157626" s="12"/>
    </row>
    <row r="157627" spans="8:8">
      <c r="H157627" s="12"/>
    </row>
    <row r="157628" spans="8:8">
      <c r="H157628" s="12"/>
    </row>
    <row r="157629" spans="8:8">
      <c r="H157629" s="12"/>
    </row>
    <row r="157630" spans="8:8">
      <c r="H157630" s="12"/>
    </row>
    <row r="157631" spans="8:8">
      <c r="H157631" s="12"/>
    </row>
    <row r="157632" spans="8:8">
      <c r="H157632" s="12"/>
    </row>
    <row r="157633" spans="8:8">
      <c r="H157633" s="12"/>
    </row>
    <row r="157634" spans="8:8">
      <c r="H157634" s="12"/>
    </row>
    <row r="157635" spans="8:8">
      <c r="H157635" s="12"/>
    </row>
    <row r="157636" spans="8:8">
      <c r="H157636" s="12"/>
    </row>
    <row r="157637" spans="8:8">
      <c r="H157637" s="12"/>
    </row>
    <row r="157638" spans="8:8">
      <c r="H157638" s="12"/>
    </row>
    <row r="157639" spans="8:8">
      <c r="H157639" s="12"/>
    </row>
    <row r="157640" spans="8:8">
      <c r="H157640" s="12"/>
    </row>
    <row r="157641" spans="8:8">
      <c r="H157641" s="12"/>
    </row>
    <row r="157642" spans="8:8">
      <c r="H157642" s="12"/>
    </row>
    <row r="157643" spans="8:8">
      <c r="H157643" s="12"/>
    </row>
    <row r="157644" spans="8:8">
      <c r="H157644" s="12"/>
    </row>
    <row r="157645" spans="8:8">
      <c r="H157645" s="12"/>
    </row>
    <row r="157646" spans="8:8">
      <c r="H157646" s="12"/>
    </row>
    <row r="157647" spans="8:8">
      <c r="H157647" s="12"/>
    </row>
    <row r="157648" spans="8:8">
      <c r="H157648" s="12"/>
    </row>
    <row r="157649" spans="8:8">
      <c r="H157649" s="12"/>
    </row>
    <row r="157650" spans="8:8">
      <c r="H157650" s="12"/>
    </row>
    <row r="157651" spans="8:8">
      <c r="H157651" s="12"/>
    </row>
    <row r="157652" spans="8:8">
      <c r="H157652" s="12"/>
    </row>
    <row r="157653" spans="8:8">
      <c r="H157653" s="12"/>
    </row>
    <row r="157654" spans="8:8">
      <c r="H157654" s="12"/>
    </row>
    <row r="157655" spans="8:8">
      <c r="H157655" s="12"/>
    </row>
    <row r="157656" spans="8:8">
      <c r="H157656" s="12"/>
    </row>
    <row r="157657" spans="8:8">
      <c r="H157657" s="12"/>
    </row>
    <row r="157658" spans="8:8">
      <c r="H157658" s="12"/>
    </row>
    <row r="157659" spans="8:8">
      <c r="H157659" s="12"/>
    </row>
    <row r="157660" spans="8:8">
      <c r="H157660" s="12"/>
    </row>
    <row r="157661" spans="8:8">
      <c r="H157661" s="12"/>
    </row>
    <row r="157662" spans="8:8">
      <c r="H157662" s="12"/>
    </row>
    <row r="157663" spans="8:8">
      <c r="H157663" s="12"/>
    </row>
    <row r="157664" spans="8:8">
      <c r="H157664" s="12"/>
    </row>
    <row r="157665" spans="8:8">
      <c r="H157665" s="12"/>
    </row>
    <row r="157666" spans="8:8">
      <c r="H157666" s="12"/>
    </row>
    <row r="157667" spans="8:8">
      <c r="H157667" s="12"/>
    </row>
    <row r="157668" spans="8:8">
      <c r="H157668" s="12"/>
    </row>
    <row r="157669" spans="8:8">
      <c r="H157669" s="12"/>
    </row>
    <row r="157670" spans="8:8">
      <c r="H157670" s="12"/>
    </row>
    <row r="157671" spans="8:8">
      <c r="H157671" s="12"/>
    </row>
    <row r="157672" spans="8:8">
      <c r="H157672" s="12"/>
    </row>
    <row r="157673" spans="8:8">
      <c r="H157673" s="12"/>
    </row>
    <row r="157674" spans="8:8">
      <c r="H157674" s="12"/>
    </row>
    <row r="157675" spans="8:8">
      <c r="H157675" s="12"/>
    </row>
    <row r="157676" spans="8:8">
      <c r="H157676" s="12"/>
    </row>
    <row r="157677" spans="8:8">
      <c r="H157677" s="12"/>
    </row>
    <row r="157678" spans="8:8">
      <c r="H157678" s="12"/>
    </row>
    <row r="157679" spans="8:8">
      <c r="H157679" s="12"/>
    </row>
    <row r="157680" spans="8:8">
      <c r="H157680" s="12"/>
    </row>
    <row r="157681" spans="8:8">
      <c r="H157681" s="12"/>
    </row>
    <row r="157682" spans="8:8">
      <c r="H157682" s="12"/>
    </row>
    <row r="157683" spans="8:8">
      <c r="H157683" s="12"/>
    </row>
    <row r="157684" spans="8:8">
      <c r="H157684" s="12"/>
    </row>
    <row r="157685" spans="8:8">
      <c r="H157685" s="12"/>
    </row>
    <row r="157686" spans="8:8">
      <c r="H157686" s="12"/>
    </row>
    <row r="157687" spans="8:8">
      <c r="H157687" s="12"/>
    </row>
    <row r="157688" spans="8:8">
      <c r="H157688" s="12"/>
    </row>
    <row r="157689" spans="8:8">
      <c r="H157689" s="12"/>
    </row>
    <row r="157690" spans="8:8">
      <c r="H157690" s="12"/>
    </row>
    <row r="157691" spans="8:8">
      <c r="H157691" s="12"/>
    </row>
    <row r="157692" spans="8:8">
      <c r="H157692" s="12"/>
    </row>
    <row r="157693" spans="8:8">
      <c r="H157693" s="12"/>
    </row>
    <row r="157694" spans="8:8">
      <c r="H157694" s="12"/>
    </row>
    <row r="157695" spans="8:8">
      <c r="H157695" s="12"/>
    </row>
    <row r="157696" spans="8:8">
      <c r="H157696" s="12"/>
    </row>
    <row r="157697" spans="8:8">
      <c r="H157697" s="12"/>
    </row>
    <row r="157698" spans="8:8">
      <c r="H157698" s="12"/>
    </row>
    <row r="157699" spans="8:8">
      <c r="H157699" s="12"/>
    </row>
    <row r="157700" spans="8:8">
      <c r="H157700" s="12"/>
    </row>
    <row r="157701" spans="8:8">
      <c r="H157701" s="12"/>
    </row>
    <row r="157702" spans="8:8">
      <c r="H157702" s="12"/>
    </row>
    <row r="157703" spans="8:8">
      <c r="H157703" s="12"/>
    </row>
    <row r="157704" spans="8:8">
      <c r="H157704" s="12"/>
    </row>
    <row r="157705" spans="8:8">
      <c r="H157705" s="12"/>
    </row>
    <row r="157706" spans="8:8">
      <c r="H157706" s="12"/>
    </row>
    <row r="157707" spans="8:8">
      <c r="H157707" s="12"/>
    </row>
    <row r="157708" spans="8:8">
      <c r="H157708" s="12"/>
    </row>
    <row r="157709" spans="8:8">
      <c r="H157709" s="12"/>
    </row>
    <row r="157710" spans="8:8">
      <c r="H157710" s="12"/>
    </row>
    <row r="157711" spans="8:8">
      <c r="H157711" s="12"/>
    </row>
    <row r="157712" spans="8:8">
      <c r="H157712" s="12"/>
    </row>
    <row r="157713" spans="8:8">
      <c r="H157713" s="12"/>
    </row>
    <row r="157714" spans="8:8">
      <c r="H157714" s="12"/>
    </row>
    <row r="157715" spans="8:8">
      <c r="H157715" s="12"/>
    </row>
    <row r="157716" spans="8:8">
      <c r="H157716" s="12"/>
    </row>
    <row r="157717" spans="8:8">
      <c r="H157717" s="12"/>
    </row>
    <row r="157718" spans="8:8">
      <c r="H157718" s="12"/>
    </row>
    <row r="157719" spans="8:8">
      <c r="H157719" s="12"/>
    </row>
    <row r="157720" spans="8:8">
      <c r="H157720" s="12"/>
    </row>
    <row r="157721" spans="8:8">
      <c r="H157721" s="12"/>
    </row>
    <row r="157722" spans="8:8">
      <c r="H157722" s="12"/>
    </row>
    <row r="157723" spans="8:8">
      <c r="H157723" s="12"/>
    </row>
    <row r="157724" spans="8:8">
      <c r="H157724" s="12"/>
    </row>
    <row r="157725" spans="8:8">
      <c r="H157725" s="12"/>
    </row>
    <row r="157726" spans="8:8">
      <c r="H157726" s="12"/>
    </row>
    <row r="157727" spans="8:8">
      <c r="H157727" s="12"/>
    </row>
    <row r="157728" spans="8:8">
      <c r="H157728" s="12"/>
    </row>
    <row r="157729" spans="8:8">
      <c r="H157729" s="12"/>
    </row>
    <row r="157730" spans="8:8">
      <c r="H157730" s="12"/>
    </row>
    <row r="157731" spans="8:8">
      <c r="H157731" s="12"/>
    </row>
    <row r="157732" spans="8:8">
      <c r="H157732" s="12"/>
    </row>
    <row r="157733" spans="8:8">
      <c r="H157733" s="12"/>
    </row>
    <row r="157734" spans="8:8">
      <c r="H157734" s="12"/>
    </row>
    <row r="157735" spans="8:8">
      <c r="H157735" s="12"/>
    </row>
    <row r="157736" spans="8:8">
      <c r="H157736" s="12"/>
    </row>
    <row r="157737" spans="8:8">
      <c r="H157737" s="12"/>
    </row>
    <row r="157738" spans="8:8">
      <c r="H157738" s="12"/>
    </row>
    <row r="157739" spans="8:8">
      <c r="H157739" s="12"/>
    </row>
    <row r="157740" spans="8:8">
      <c r="H157740" s="12"/>
    </row>
    <row r="157741" spans="8:8">
      <c r="H157741" s="12"/>
    </row>
    <row r="157742" spans="8:8">
      <c r="H157742" s="12"/>
    </row>
    <row r="157743" spans="8:8">
      <c r="H157743" s="12"/>
    </row>
    <row r="157744" spans="8:8">
      <c r="H157744" s="12"/>
    </row>
    <row r="157745" spans="8:8">
      <c r="H157745" s="12"/>
    </row>
    <row r="157746" spans="8:8">
      <c r="H157746" s="12"/>
    </row>
    <row r="157747" spans="8:8">
      <c r="H157747" s="12"/>
    </row>
    <row r="157748" spans="8:8">
      <c r="H157748" s="12"/>
    </row>
    <row r="157749" spans="8:8">
      <c r="H157749" s="12"/>
    </row>
    <row r="157750" spans="8:8">
      <c r="H157750" s="12"/>
    </row>
    <row r="157751" spans="8:8">
      <c r="H157751" s="12"/>
    </row>
    <row r="157752" spans="8:8">
      <c r="H157752" s="12"/>
    </row>
    <row r="157753" spans="8:8">
      <c r="H157753" s="12"/>
    </row>
    <row r="157754" spans="8:8">
      <c r="H157754" s="12"/>
    </row>
    <row r="157755" spans="8:8">
      <c r="H157755" s="12"/>
    </row>
    <row r="157756" spans="8:8">
      <c r="H157756" s="12"/>
    </row>
    <row r="157757" spans="8:8">
      <c r="H157757" s="12"/>
    </row>
    <row r="157758" spans="8:8">
      <c r="H157758" s="12"/>
    </row>
    <row r="157759" spans="8:8">
      <c r="H157759" s="12"/>
    </row>
    <row r="157760" spans="8:8">
      <c r="H157760" s="12"/>
    </row>
    <row r="157761" spans="8:8">
      <c r="H157761" s="12"/>
    </row>
    <row r="157762" spans="8:8">
      <c r="H157762" s="12"/>
    </row>
    <row r="157763" spans="8:8">
      <c r="H157763" s="12"/>
    </row>
    <row r="157764" spans="8:8">
      <c r="H157764" s="12"/>
    </row>
    <row r="157765" spans="8:8">
      <c r="H157765" s="12"/>
    </row>
    <row r="157766" spans="8:8">
      <c r="H157766" s="12"/>
    </row>
    <row r="157767" spans="8:8">
      <c r="H157767" s="12"/>
    </row>
    <row r="157768" spans="8:8">
      <c r="H157768" s="12"/>
    </row>
    <row r="157769" spans="8:8">
      <c r="H157769" s="12"/>
    </row>
    <row r="157770" spans="8:8">
      <c r="H157770" s="12"/>
    </row>
    <row r="157771" spans="8:8">
      <c r="H157771" s="12"/>
    </row>
    <row r="157772" spans="8:8">
      <c r="H157772" s="12"/>
    </row>
    <row r="157773" spans="8:8">
      <c r="H157773" s="12"/>
    </row>
    <row r="157774" spans="8:8">
      <c r="H157774" s="12"/>
    </row>
    <row r="157775" spans="8:8">
      <c r="H157775" s="12"/>
    </row>
    <row r="157776" spans="8:8">
      <c r="H157776" s="12"/>
    </row>
    <row r="157777" spans="8:8">
      <c r="H157777" s="12"/>
    </row>
    <row r="157778" spans="8:8">
      <c r="H157778" s="12"/>
    </row>
    <row r="157779" spans="8:8">
      <c r="H157779" s="12"/>
    </row>
    <row r="157780" spans="8:8">
      <c r="H157780" s="12"/>
    </row>
    <row r="157781" spans="8:8">
      <c r="H157781" s="12"/>
    </row>
    <row r="157782" spans="8:8">
      <c r="H157782" s="12"/>
    </row>
    <row r="157783" spans="8:8">
      <c r="H157783" s="12"/>
    </row>
    <row r="157784" spans="8:8">
      <c r="H157784" s="12"/>
    </row>
    <row r="157785" spans="8:8">
      <c r="H157785" s="12"/>
    </row>
    <row r="157786" spans="8:8">
      <c r="H157786" s="12"/>
    </row>
    <row r="157787" spans="8:8">
      <c r="H157787" s="12"/>
    </row>
    <row r="157788" spans="8:8">
      <c r="H157788" s="12"/>
    </row>
    <row r="157789" spans="8:8">
      <c r="H157789" s="12"/>
    </row>
    <row r="157790" spans="8:8">
      <c r="H157790" s="12"/>
    </row>
    <row r="157791" spans="8:8">
      <c r="H157791" s="12"/>
    </row>
    <row r="157792" spans="8:8">
      <c r="H157792" s="12"/>
    </row>
    <row r="157793" spans="8:8">
      <c r="H157793" s="12"/>
    </row>
    <row r="157794" spans="8:8">
      <c r="H157794" s="12"/>
    </row>
    <row r="157795" spans="8:8">
      <c r="H157795" s="12"/>
    </row>
    <row r="157796" spans="8:8">
      <c r="H157796" s="12"/>
    </row>
    <row r="157797" spans="8:8">
      <c r="H157797" s="12"/>
    </row>
    <row r="157798" spans="8:8">
      <c r="H157798" s="12"/>
    </row>
    <row r="157799" spans="8:8">
      <c r="H157799" s="12"/>
    </row>
    <row r="157800" spans="8:8">
      <c r="H157800" s="12"/>
    </row>
    <row r="157801" spans="8:8">
      <c r="H157801" s="12"/>
    </row>
    <row r="157802" spans="8:8">
      <c r="H157802" s="12"/>
    </row>
    <row r="157803" spans="8:8">
      <c r="H157803" s="12"/>
    </row>
    <row r="157804" spans="8:8">
      <c r="H157804" s="12"/>
    </row>
    <row r="157805" spans="8:8">
      <c r="H157805" s="12"/>
    </row>
    <row r="157806" spans="8:8">
      <c r="H157806" s="12"/>
    </row>
    <row r="157807" spans="8:8">
      <c r="H157807" s="12"/>
    </row>
    <row r="157808" spans="8:8">
      <c r="H157808" s="12"/>
    </row>
    <row r="157809" spans="8:8">
      <c r="H157809" s="12"/>
    </row>
    <row r="157810" spans="8:8">
      <c r="H157810" s="12"/>
    </row>
    <row r="157811" spans="8:8">
      <c r="H157811" s="12"/>
    </row>
    <row r="157812" spans="8:8">
      <c r="H157812" s="12"/>
    </row>
    <row r="157813" spans="8:8">
      <c r="H157813" s="12"/>
    </row>
    <row r="157814" spans="8:8">
      <c r="H157814" s="12"/>
    </row>
    <row r="157815" spans="8:8">
      <c r="H157815" s="12"/>
    </row>
    <row r="157816" spans="8:8">
      <c r="H157816" s="12"/>
    </row>
    <row r="157817" spans="8:8">
      <c r="H157817" s="12"/>
    </row>
    <row r="157818" spans="8:8">
      <c r="H157818" s="12"/>
    </row>
    <row r="157819" spans="8:8">
      <c r="H157819" s="12"/>
    </row>
    <row r="157820" spans="8:8">
      <c r="H157820" s="12"/>
    </row>
    <row r="157821" spans="8:8">
      <c r="H157821" s="12"/>
    </row>
    <row r="157822" spans="8:8">
      <c r="H157822" s="12"/>
    </row>
    <row r="157823" spans="8:8">
      <c r="H157823" s="12"/>
    </row>
    <row r="157824" spans="8:8">
      <c r="H157824" s="12"/>
    </row>
    <row r="157825" spans="8:8">
      <c r="H157825" s="12"/>
    </row>
    <row r="157826" spans="8:8">
      <c r="H157826" s="12"/>
    </row>
    <row r="157827" spans="8:8">
      <c r="H157827" s="12"/>
    </row>
    <row r="157828" spans="8:8">
      <c r="H157828" s="12"/>
    </row>
    <row r="157829" spans="8:8">
      <c r="H157829" s="12"/>
    </row>
    <row r="157830" spans="8:8">
      <c r="H157830" s="12"/>
    </row>
    <row r="157831" spans="8:8">
      <c r="H157831" s="12"/>
    </row>
    <row r="157832" spans="8:8">
      <c r="H157832" s="12"/>
    </row>
    <row r="157833" spans="8:8">
      <c r="H157833" s="12"/>
    </row>
    <row r="157834" spans="8:8">
      <c r="H157834" s="12"/>
    </row>
    <row r="157835" spans="8:8">
      <c r="H157835" s="12"/>
    </row>
    <row r="157836" spans="8:8">
      <c r="H157836" s="12"/>
    </row>
    <row r="157837" spans="8:8">
      <c r="H157837" s="12"/>
    </row>
    <row r="157838" spans="8:8">
      <c r="H157838" s="12"/>
    </row>
    <row r="157839" spans="8:8">
      <c r="H157839" s="12"/>
    </row>
    <row r="157840" spans="8:8">
      <c r="H157840" s="12"/>
    </row>
    <row r="157841" spans="8:8">
      <c r="H157841" s="12"/>
    </row>
    <row r="157842" spans="8:8">
      <c r="H157842" s="12"/>
    </row>
    <row r="157843" spans="8:8">
      <c r="H157843" s="12"/>
    </row>
    <row r="157844" spans="8:8">
      <c r="H157844" s="12"/>
    </row>
    <row r="157845" spans="8:8">
      <c r="H157845" s="12"/>
    </row>
    <row r="157846" spans="8:8">
      <c r="H157846" s="12"/>
    </row>
    <row r="157847" spans="8:8">
      <c r="H157847" s="12"/>
    </row>
    <row r="157848" spans="8:8">
      <c r="H157848" s="12"/>
    </row>
    <row r="157849" spans="8:8">
      <c r="H157849" s="12"/>
    </row>
    <row r="157850" spans="8:8">
      <c r="H157850" s="12"/>
    </row>
    <row r="157851" spans="8:8">
      <c r="H157851" s="12"/>
    </row>
    <row r="157852" spans="8:8">
      <c r="H157852" s="12"/>
    </row>
    <row r="157853" spans="8:8">
      <c r="H157853" s="12"/>
    </row>
    <row r="157854" spans="8:8">
      <c r="H157854" s="12"/>
    </row>
    <row r="157855" spans="8:8">
      <c r="H157855" s="12"/>
    </row>
    <row r="157856" spans="8:8">
      <c r="H157856" s="12"/>
    </row>
    <row r="157857" spans="8:8">
      <c r="H157857" s="12"/>
    </row>
    <row r="157858" spans="8:8">
      <c r="H157858" s="12"/>
    </row>
    <row r="157859" spans="8:8">
      <c r="H157859" s="12"/>
    </row>
    <row r="157860" spans="8:8">
      <c r="H157860" s="12"/>
    </row>
    <row r="157861" spans="8:8">
      <c r="H157861" s="12"/>
    </row>
    <row r="157862" spans="8:8">
      <c r="H157862" s="12"/>
    </row>
    <row r="157863" spans="8:8">
      <c r="H157863" s="12"/>
    </row>
    <row r="157864" spans="8:8">
      <c r="H157864" s="12"/>
    </row>
    <row r="157865" spans="8:8">
      <c r="H157865" s="12"/>
    </row>
    <row r="157866" spans="8:8">
      <c r="H157866" s="12"/>
    </row>
    <row r="157867" spans="8:8">
      <c r="H157867" s="12"/>
    </row>
    <row r="157868" spans="8:8">
      <c r="H157868" s="12"/>
    </row>
    <row r="157869" spans="8:8">
      <c r="H157869" s="12"/>
    </row>
    <row r="157870" spans="8:8">
      <c r="H157870" s="12"/>
    </row>
    <row r="157871" spans="8:8">
      <c r="H157871" s="12"/>
    </row>
    <row r="157872" spans="8:8">
      <c r="H157872" s="12"/>
    </row>
    <row r="157873" spans="8:8">
      <c r="H157873" s="12"/>
    </row>
    <row r="157874" spans="8:8">
      <c r="H157874" s="12"/>
    </row>
    <row r="157875" spans="8:8">
      <c r="H157875" s="12"/>
    </row>
    <row r="157876" spans="8:8">
      <c r="H157876" s="12"/>
    </row>
    <row r="157877" spans="8:8">
      <c r="H157877" s="12"/>
    </row>
    <row r="157878" spans="8:8">
      <c r="H157878" s="12"/>
    </row>
    <row r="157879" spans="8:8">
      <c r="H157879" s="12"/>
    </row>
    <row r="157880" spans="8:8">
      <c r="H157880" s="12"/>
    </row>
    <row r="157881" spans="8:8">
      <c r="H157881" s="12"/>
    </row>
    <row r="157882" spans="8:8">
      <c r="H157882" s="12"/>
    </row>
    <row r="157883" spans="8:8">
      <c r="H157883" s="12"/>
    </row>
    <row r="157884" spans="8:8">
      <c r="H157884" s="12"/>
    </row>
    <row r="157885" spans="8:8">
      <c r="H157885" s="12"/>
    </row>
    <row r="157886" spans="8:8">
      <c r="H157886" s="12"/>
    </row>
    <row r="157887" spans="8:8">
      <c r="H157887" s="12"/>
    </row>
    <row r="157888" spans="8:8">
      <c r="H157888" s="12"/>
    </row>
    <row r="157889" spans="8:8">
      <c r="H157889" s="12"/>
    </row>
    <row r="157890" spans="8:8">
      <c r="H157890" s="12"/>
    </row>
    <row r="157891" spans="8:8">
      <c r="H157891" s="12"/>
    </row>
    <row r="157892" spans="8:8">
      <c r="H157892" s="12"/>
    </row>
    <row r="157893" spans="8:8">
      <c r="H157893" s="12"/>
    </row>
    <row r="157894" spans="8:8">
      <c r="H157894" s="12"/>
    </row>
    <row r="157895" spans="8:8">
      <c r="H157895" s="12"/>
    </row>
    <row r="157896" spans="8:8">
      <c r="H157896" s="12"/>
    </row>
    <row r="157897" spans="8:8">
      <c r="H157897" s="12"/>
    </row>
    <row r="157898" spans="8:8">
      <c r="H157898" s="12"/>
    </row>
    <row r="157899" spans="8:8">
      <c r="H157899" s="12"/>
    </row>
    <row r="157900" spans="8:8">
      <c r="H157900" s="12"/>
    </row>
    <row r="157901" spans="8:8">
      <c r="H157901" s="12"/>
    </row>
    <row r="157902" spans="8:8">
      <c r="H157902" s="12"/>
    </row>
    <row r="157903" spans="8:8">
      <c r="H157903" s="12"/>
    </row>
    <row r="157904" spans="8:8">
      <c r="H157904" s="12"/>
    </row>
    <row r="157905" spans="8:8">
      <c r="H157905" s="12"/>
    </row>
    <row r="157906" spans="8:8">
      <c r="H157906" s="12"/>
    </row>
    <row r="157907" spans="8:8">
      <c r="H157907" s="12"/>
    </row>
    <row r="157908" spans="8:8">
      <c r="H157908" s="12"/>
    </row>
    <row r="157909" spans="8:8">
      <c r="H157909" s="12"/>
    </row>
    <row r="157910" spans="8:8">
      <c r="H157910" s="12"/>
    </row>
    <row r="157911" spans="8:8">
      <c r="H157911" s="12"/>
    </row>
    <row r="157912" spans="8:8">
      <c r="H157912" s="12"/>
    </row>
    <row r="157913" spans="8:8">
      <c r="H157913" s="12"/>
    </row>
    <row r="157914" spans="8:8">
      <c r="H157914" s="12"/>
    </row>
    <row r="157915" spans="8:8">
      <c r="H157915" s="12"/>
    </row>
    <row r="157916" spans="8:8">
      <c r="H157916" s="12"/>
    </row>
    <row r="157917" spans="8:8">
      <c r="H157917" s="12"/>
    </row>
    <row r="157918" spans="8:8">
      <c r="H157918" s="12"/>
    </row>
    <row r="157919" spans="8:8">
      <c r="H157919" s="12"/>
    </row>
    <row r="157920" spans="8:8">
      <c r="H157920" s="12"/>
    </row>
    <row r="157921" spans="8:8">
      <c r="H157921" s="12"/>
    </row>
    <row r="157922" spans="8:8">
      <c r="H157922" s="12"/>
    </row>
    <row r="157923" spans="8:8">
      <c r="H157923" s="12"/>
    </row>
    <row r="157924" spans="8:8">
      <c r="H157924" s="12"/>
    </row>
    <row r="157925" spans="8:8">
      <c r="H157925" s="12"/>
    </row>
    <row r="157926" spans="8:8">
      <c r="H157926" s="12"/>
    </row>
    <row r="157927" spans="8:8">
      <c r="H157927" s="12"/>
    </row>
    <row r="157928" spans="8:8">
      <c r="H157928" s="12"/>
    </row>
    <row r="157929" spans="8:8">
      <c r="H157929" s="12"/>
    </row>
    <row r="157930" spans="8:8">
      <c r="H157930" s="12"/>
    </row>
    <row r="157931" spans="8:8">
      <c r="H157931" s="12"/>
    </row>
    <row r="157932" spans="8:8">
      <c r="H157932" s="12"/>
    </row>
    <row r="157933" spans="8:8">
      <c r="H157933" s="12"/>
    </row>
    <row r="157934" spans="8:8">
      <c r="H157934" s="12"/>
    </row>
    <row r="157935" spans="8:8">
      <c r="H157935" s="12"/>
    </row>
    <row r="157936" spans="8:8">
      <c r="H157936" s="12"/>
    </row>
    <row r="157937" spans="8:8">
      <c r="H157937" s="12"/>
    </row>
    <row r="157938" spans="8:8">
      <c r="H157938" s="12"/>
    </row>
    <row r="157939" spans="8:8">
      <c r="H157939" s="12"/>
    </row>
    <row r="157940" spans="8:8">
      <c r="H157940" s="12"/>
    </row>
    <row r="157941" spans="8:8">
      <c r="H157941" s="12"/>
    </row>
    <row r="157942" spans="8:8">
      <c r="H157942" s="12"/>
    </row>
    <row r="157943" spans="8:8">
      <c r="H157943" s="12"/>
    </row>
    <row r="157944" spans="8:8">
      <c r="H157944" s="12"/>
    </row>
    <row r="157945" spans="8:8">
      <c r="H157945" s="12"/>
    </row>
    <row r="157946" spans="8:8">
      <c r="H157946" s="12"/>
    </row>
    <row r="157947" spans="8:8">
      <c r="H157947" s="12"/>
    </row>
    <row r="157948" spans="8:8">
      <c r="H157948" s="12"/>
    </row>
    <row r="157949" spans="8:8">
      <c r="H157949" s="12"/>
    </row>
    <row r="157950" spans="8:8">
      <c r="H157950" s="12"/>
    </row>
    <row r="157951" spans="8:8">
      <c r="H157951" s="12"/>
    </row>
    <row r="157952" spans="8:8">
      <c r="H157952" s="12"/>
    </row>
    <row r="157953" spans="8:8">
      <c r="H157953" s="12"/>
    </row>
    <row r="157954" spans="8:8">
      <c r="H157954" s="12"/>
    </row>
    <row r="157955" spans="8:8">
      <c r="H157955" s="12"/>
    </row>
    <row r="157956" spans="8:8">
      <c r="H157956" s="12"/>
    </row>
    <row r="157957" spans="8:8">
      <c r="H157957" s="12"/>
    </row>
    <row r="157958" spans="8:8">
      <c r="H157958" s="12"/>
    </row>
    <row r="157959" spans="8:8">
      <c r="H157959" s="12"/>
    </row>
    <row r="157960" spans="8:8">
      <c r="H157960" s="12"/>
    </row>
    <row r="157961" spans="8:8">
      <c r="H157961" s="12"/>
    </row>
    <row r="157962" spans="8:8">
      <c r="H157962" s="12"/>
    </row>
    <row r="157963" spans="8:8">
      <c r="H157963" s="12"/>
    </row>
    <row r="157964" spans="8:8">
      <c r="H157964" s="12"/>
    </row>
    <row r="157965" spans="8:8">
      <c r="H157965" s="12"/>
    </row>
    <row r="157966" spans="8:8">
      <c r="H157966" s="12"/>
    </row>
    <row r="157967" spans="8:8">
      <c r="H157967" s="12"/>
    </row>
    <row r="157968" spans="8:8">
      <c r="H157968" s="12"/>
    </row>
    <row r="157969" spans="8:8">
      <c r="H157969" s="12"/>
    </row>
    <row r="157970" spans="8:8">
      <c r="H157970" s="12"/>
    </row>
    <row r="157971" spans="8:8">
      <c r="H157971" s="12"/>
    </row>
    <row r="157972" spans="8:8">
      <c r="H157972" s="12"/>
    </row>
    <row r="157973" spans="8:8">
      <c r="H157973" s="12"/>
    </row>
    <row r="157974" spans="8:8">
      <c r="H157974" s="12"/>
    </row>
    <row r="157975" spans="8:8">
      <c r="H157975" s="12"/>
    </row>
    <row r="157976" spans="8:8">
      <c r="H157976" s="12"/>
    </row>
    <row r="157977" spans="8:8">
      <c r="H157977" s="12"/>
    </row>
    <row r="157978" spans="8:8">
      <c r="H157978" s="12"/>
    </row>
    <row r="157979" spans="8:8">
      <c r="H157979" s="12"/>
    </row>
    <row r="157980" spans="8:8">
      <c r="H157980" s="12"/>
    </row>
    <row r="157981" spans="8:8">
      <c r="H157981" s="12"/>
    </row>
    <row r="157982" spans="8:8">
      <c r="H157982" s="12"/>
    </row>
    <row r="157983" spans="8:8">
      <c r="H157983" s="12"/>
    </row>
    <row r="157984" spans="8:8">
      <c r="H157984" s="12"/>
    </row>
    <row r="157985" spans="8:8">
      <c r="H157985" s="12"/>
    </row>
    <row r="157986" spans="8:8">
      <c r="H157986" s="12"/>
    </row>
    <row r="157987" spans="8:8">
      <c r="H157987" s="12"/>
    </row>
    <row r="157988" spans="8:8">
      <c r="H157988" s="12"/>
    </row>
    <row r="157989" spans="8:8">
      <c r="H157989" s="12"/>
    </row>
    <row r="157990" spans="8:8">
      <c r="H157990" s="12"/>
    </row>
    <row r="157991" spans="8:8">
      <c r="H157991" s="12"/>
    </row>
    <row r="157992" spans="8:8">
      <c r="H157992" s="12"/>
    </row>
    <row r="157993" spans="8:8">
      <c r="H157993" s="12"/>
    </row>
    <row r="157994" spans="8:8">
      <c r="H157994" s="12"/>
    </row>
    <row r="157995" spans="8:8">
      <c r="H157995" s="12"/>
    </row>
    <row r="157996" spans="8:8">
      <c r="H157996" s="12"/>
    </row>
    <row r="157997" spans="8:8">
      <c r="H157997" s="12"/>
    </row>
    <row r="157998" spans="8:8">
      <c r="H157998" s="12"/>
    </row>
    <row r="157999" spans="8:8">
      <c r="H157999" s="12"/>
    </row>
    <row r="158000" spans="8:8">
      <c r="H158000" s="12"/>
    </row>
    <row r="158001" spans="8:8">
      <c r="H158001" s="12"/>
    </row>
    <row r="158002" spans="8:8">
      <c r="H158002" s="12"/>
    </row>
    <row r="158003" spans="8:8">
      <c r="H158003" s="12"/>
    </row>
    <row r="158004" spans="8:8">
      <c r="H158004" s="12"/>
    </row>
    <row r="158005" spans="8:8">
      <c r="H158005" s="12"/>
    </row>
    <row r="158006" spans="8:8">
      <c r="H158006" s="12"/>
    </row>
    <row r="158007" spans="8:8">
      <c r="H158007" s="12"/>
    </row>
    <row r="158008" spans="8:8">
      <c r="H158008" s="12"/>
    </row>
    <row r="158009" spans="8:8">
      <c r="H158009" s="12"/>
    </row>
    <row r="158010" spans="8:8">
      <c r="H158010" s="12"/>
    </row>
    <row r="158011" spans="8:8">
      <c r="H158011" s="12"/>
    </row>
    <row r="158012" spans="8:8">
      <c r="H158012" s="12"/>
    </row>
    <row r="158013" spans="8:8">
      <c r="H158013" s="12"/>
    </row>
    <row r="158014" spans="8:8">
      <c r="H158014" s="12"/>
    </row>
    <row r="158015" spans="8:8">
      <c r="H158015" s="12"/>
    </row>
    <row r="158016" spans="8:8">
      <c r="H158016" s="12"/>
    </row>
    <row r="158017" spans="8:8">
      <c r="H158017" s="12"/>
    </row>
    <row r="158018" spans="8:8">
      <c r="H158018" s="12"/>
    </row>
    <row r="158019" spans="8:8">
      <c r="H158019" s="12"/>
    </row>
    <row r="158020" spans="8:8">
      <c r="H158020" s="12"/>
    </row>
    <row r="158021" spans="8:8">
      <c r="H158021" s="12"/>
    </row>
    <row r="158022" spans="8:8">
      <c r="H158022" s="12"/>
    </row>
    <row r="158023" spans="8:8">
      <c r="H158023" s="12"/>
    </row>
    <row r="158024" spans="8:8">
      <c r="H158024" s="12"/>
    </row>
    <row r="158025" spans="8:8">
      <c r="H158025" s="12"/>
    </row>
    <row r="158026" spans="8:8">
      <c r="H158026" s="12"/>
    </row>
    <row r="158027" spans="8:8">
      <c r="H158027" s="12"/>
    </row>
    <row r="158028" spans="8:8">
      <c r="H158028" s="12"/>
    </row>
    <row r="158029" spans="8:8">
      <c r="H158029" s="12"/>
    </row>
    <row r="158030" spans="8:8">
      <c r="H158030" s="12"/>
    </row>
    <row r="158031" spans="8:8">
      <c r="H158031" s="12"/>
    </row>
    <row r="158032" spans="8:8">
      <c r="H158032" s="12"/>
    </row>
    <row r="158033" spans="8:8">
      <c r="H158033" s="12"/>
    </row>
    <row r="158034" spans="8:8">
      <c r="H158034" s="12"/>
    </row>
    <row r="158035" spans="8:8">
      <c r="H158035" s="12"/>
    </row>
    <row r="158036" spans="8:8">
      <c r="H158036" s="12"/>
    </row>
    <row r="158037" spans="8:8">
      <c r="H158037" s="12"/>
    </row>
    <row r="158038" spans="8:8">
      <c r="H158038" s="12"/>
    </row>
    <row r="158039" spans="8:8">
      <c r="H158039" s="12"/>
    </row>
    <row r="158040" spans="8:8">
      <c r="H158040" s="12"/>
    </row>
    <row r="158041" spans="8:8">
      <c r="H158041" s="12"/>
    </row>
    <row r="158042" spans="8:8">
      <c r="H158042" s="12"/>
    </row>
    <row r="158043" spans="8:8">
      <c r="H158043" s="12"/>
    </row>
    <row r="158044" spans="8:8">
      <c r="H158044" s="12"/>
    </row>
    <row r="158045" spans="8:8">
      <c r="H158045" s="12"/>
    </row>
    <row r="158046" spans="8:8">
      <c r="H158046" s="12"/>
    </row>
    <row r="158047" spans="8:8">
      <c r="H158047" s="12"/>
    </row>
    <row r="158048" spans="8:8">
      <c r="H158048" s="12"/>
    </row>
    <row r="158049" spans="8:8">
      <c r="H158049" s="12"/>
    </row>
    <row r="158050" spans="8:8">
      <c r="H158050" s="12"/>
    </row>
    <row r="158051" spans="8:8">
      <c r="H158051" s="12"/>
    </row>
    <row r="158052" spans="8:8">
      <c r="H158052" s="12"/>
    </row>
    <row r="158053" spans="8:8">
      <c r="H158053" s="12"/>
    </row>
    <row r="158054" spans="8:8">
      <c r="H158054" s="12"/>
    </row>
    <row r="158055" spans="8:8">
      <c r="H158055" s="12"/>
    </row>
    <row r="158056" spans="8:8">
      <c r="H158056" s="12"/>
    </row>
    <row r="158057" spans="8:8">
      <c r="H158057" s="12"/>
    </row>
    <row r="158058" spans="8:8">
      <c r="H158058" s="12"/>
    </row>
    <row r="158059" spans="8:8">
      <c r="H158059" s="12"/>
    </row>
    <row r="158060" spans="8:8">
      <c r="H158060" s="12"/>
    </row>
    <row r="158061" spans="8:8">
      <c r="H158061" s="12"/>
    </row>
    <row r="158062" spans="8:8">
      <c r="H158062" s="12"/>
    </row>
    <row r="158063" spans="8:8">
      <c r="H158063" s="12"/>
    </row>
    <row r="158064" spans="8:8">
      <c r="H158064" s="12"/>
    </row>
    <row r="158065" spans="8:8">
      <c r="H158065" s="12"/>
    </row>
    <row r="158066" spans="8:8">
      <c r="H158066" s="12"/>
    </row>
    <row r="158067" spans="8:8">
      <c r="H158067" s="12"/>
    </row>
    <row r="158068" spans="8:8">
      <c r="H158068" s="12"/>
    </row>
    <row r="158069" spans="8:8">
      <c r="H158069" s="12"/>
    </row>
    <row r="158070" spans="8:8">
      <c r="H158070" s="12"/>
    </row>
    <row r="158071" spans="8:8">
      <c r="H158071" s="12"/>
    </row>
    <row r="158072" spans="8:8">
      <c r="H158072" s="12"/>
    </row>
    <row r="158073" spans="8:8">
      <c r="H158073" s="12"/>
    </row>
    <row r="158074" spans="8:8">
      <c r="H158074" s="12"/>
    </row>
    <row r="158075" spans="8:8">
      <c r="H158075" s="12"/>
    </row>
    <row r="158076" spans="8:8">
      <c r="H158076" s="12"/>
    </row>
    <row r="158077" spans="8:8">
      <c r="H158077" s="12"/>
    </row>
    <row r="158078" spans="8:8">
      <c r="H158078" s="12"/>
    </row>
    <row r="158079" spans="8:8">
      <c r="H158079" s="12"/>
    </row>
    <row r="158080" spans="8:8">
      <c r="H158080" s="12"/>
    </row>
    <row r="158081" spans="8:8">
      <c r="H158081" s="12"/>
    </row>
    <row r="158082" spans="8:8">
      <c r="H158082" s="12"/>
    </row>
    <row r="158083" spans="8:8">
      <c r="H158083" s="12"/>
    </row>
    <row r="158084" spans="8:8">
      <c r="H158084" s="12"/>
    </row>
    <row r="158085" spans="8:8">
      <c r="H158085" s="12"/>
    </row>
    <row r="158086" spans="8:8">
      <c r="H158086" s="12"/>
    </row>
    <row r="158087" spans="8:8">
      <c r="H158087" s="12"/>
    </row>
    <row r="158088" spans="8:8">
      <c r="H158088" s="12"/>
    </row>
    <row r="158089" spans="8:8">
      <c r="H158089" s="12"/>
    </row>
    <row r="158090" spans="8:8">
      <c r="H158090" s="12"/>
    </row>
    <row r="158091" spans="8:8">
      <c r="H158091" s="12"/>
    </row>
    <row r="158092" spans="8:8">
      <c r="H158092" s="12"/>
    </row>
    <row r="158093" spans="8:8">
      <c r="H158093" s="12"/>
    </row>
    <row r="158094" spans="8:8">
      <c r="H158094" s="12"/>
    </row>
    <row r="158095" spans="8:8">
      <c r="H158095" s="12"/>
    </row>
    <row r="158096" spans="8:8">
      <c r="H158096" s="12"/>
    </row>
    <row r="158097" spans="8:8">
      <c r="H158097" s="12"/>
    </row>
    <row r="158098" spans="8:8">
      <c r="H158098" s="12"/>
    </row>
    <row r="158099" spans="8:8">
      <c r="H158099" s="12"/>
    </row>
    <row r="158100" spans="8:8">
      <c r="H158100" s="12"/>
    </row>
    <row r="158101" spans="8:8">
      <c r="H158101" s="12"/>
    </row>
    <row r="158102" spans="8:8">
      <c r="H158102" s="12"/>
    </row>
    <row r="158103" spans="8:8">
      <c r="H158103" s="12"/>
    </row>
    <row r="158104" spans="8:8">
      <c r="H158104" s="12"/>
    </row>
    <row r="158105" spans="8:8">
      <c r="H158105" s="12"/>
    </row>
    <row r="158106" spans="8:8">
      <c r="H158106" s="12"/>
    </row>
    <row r="158107" spans="8:8">
      <c r="H158107" s="12"/>
    </row>
    <row r="158108" spans="8:8">
      <c r="H158108" s="12"/>
    </row>
    <row r="158109" spans="8:8">
      <c r="H158109" s="12"/>
    </row>
    <row r="158110" spans="8:8">
      <c r="H158110" s="12"/>
    </row>
    <row r="158111" spans="8:8">
      <c r="H158111" s="12"/>
    </row>
    <row r="158112" spans="8:8">
      <c r="H158112" s="12"/>
    </row>
    <row r="158113" spans="8:8">
      <c r="H158113" s="12"/>
    </row>
    <row r="158114" spans="8:8">
      <c r="H158114" s="12"/>
    </row>
    <row r="158115" spans="8:8">
      <c r="H158115" s="12"/>
    </row>
    <row r="158116" spans="8:8">
      <c r="H158116" s="12"/>
    </row>
    <row r="158117" spans="8:8">
      <c r="H158117" s="12"/>
    </row>
    <row r="158118" spans="8:8">
      <c r="H158118" s="12"/>
    </row>
    <row r="158119" spans="8:8">
      <c r="H158119" s="12"/>
    </row>
    <row r="158120" spans="8:8">
      <c r="H158120" s="12"/>
    </row>
    <row r="158121" spans="8:8">
      <c r="H158121" s="12"/>
    </row>
    <row r="158122" spans="8:8">
      <c r="H158122" s="12"/>
    </row>
    <row r="158123" spans="8:8">
      <c r="H158123" s="12"/>
    </row>
    <row r="158124" spans="8:8">
      <c r="H158124" s="12"/>
    </row>
    <row r="158125" spans="8:8">
      <c r="H158125" s="12"/>
    </row>
    <row r="158126" spans="8:8">
      <c r="H158126" s="12"/>
    </row>
    <row r="158127" spans="8:8">
      <c r="H158127" s="12"/>
    </row>
    <row r="158128" spans="8:8">
      <c r="H158128" s="12"/>
    </row>
    <row r="158129" spans="8:8">
      <c r="H158129" s="12"/>
    </row>
    <row r="158130" spans="8:8">
      <c r="H158130" s="12"/>
    </row>
    <row r="158131" spans="8:8">
      <c r="H158131" s="12"/>
    </row>
    <row r="158132" spans="8:8">
      <c r="H158132" s="12"/>
    </row>
    <row r="158133" spans="8:8">
      <c r="H158133" s="12"/>
    </row>
    <row r="158134" spans="8:8">
      <c r="H158134" s="12"/>
    </row>
    <row r="158135" spans="8:8">
      <c r="H158135" s="12"/>
    </row>
    <row r="158136" spans="8:8">
      <c r="H158136" s="12"/>
    </row>
    <row r="158137" spans="8:8">
      <c r="H158137" s="12"/>
    </row>
    <row r="158138" spans="8:8">
      <c r="H158138" s="12"/>
    </row>
    <row r="158139" spans="8:8">
      <c r="H158139" s="12"/>
    </row>
    <row r="158140" spans="8:8">
      <c r="H158140" s="12"/>
    </row>
    <row r="158141" spans="8:8">
      <c r="H158141" s="12"/>
    </row>
    <row r="158142" spans="8:8">
      <c r="H158142" s="12"/>
    </row>
    <row r="158143" spans="8:8">
      <c r="H158143" s="12"/>
    </row>
    <row r="158144" spans="8:8">
      <c r="H158144" s="12"/>
    </row>
    <row r="158145" spans="8:8">
      <c r="H158145" s="12"/>
    </row>
    <row r="158146" spans="8:8">
      <c r="H158146" s="12"/>
    </row>
    <row r="158147" spans="8:8">
      <c r="H158147" s="12"/>
    </row>
    <row r="158148" spans="8:8">
      <c r="H158148" s="12"/>
    </row>
    <row r="158149" spans="8:8">
      <c r="H158149" s="12"/>
    </row>
    <row r="158150" spans="8:8">
      <c r="H158150" s="12"/>
    </row>
    <row r="158151" spans="8:8">
      <c r="H158151" s="12"/>
    </row>
    <row r="158152" spans="8:8">
      <c r="H158152" s="12"/>
    </row>
    <row r="158153" spans="8:8">
      <c r="H158153" s="12"/>
    </row>
    <row r="158154" spans="8:8">
      <c r="H158154" s="12"/>
    </row>
    <row r="158155" spans="8:8">
      <c r="H158155" s="12"/>
    </row>
    <row r="158156" spans="8:8">
      <c r="H158156" s="12"/>
    </row>
    <row r="158157" spans="8:8">
      <c r="H158157" s="12"/>
    </row>
    <row r="158158" spans="8:8">
      <c r="H158158" s="12"/>
    </row>
    <row r="158159" spans="8:8">
      <c r="H158159" s="12"/>
    </row>
    <row r="158160" spans="8:8">
      <c r="H158160" s="12"/>
    </row>
    <row r="158161" spans="8:8">
      <c r="H158161" s="12"/>
    </row>
    <row r="158162" spans="8:8">
      <c r="H158162" s="12"/>
    </row>
    <row r="158163" spans="8:8">
      <c r="H158163" s="12"/>
    </row>
    <row r="158164" spans="8:8">
      <c r="H158164" s="12"/>
    </row>
    <row r="158165" spans="8:8">
      <c r="H158165" s="12"/>
    </row>
    <row r="158166" spans="8:8">
      <c r="H158166" s="12"/>
    </row>
    <row r="158167" spans="8:8">
      <c r="H158167" s="12"/>
    </row>
    <row r="158168" spans="8:8">
      <c r="H158168" s="12"/>
    </row>
    <row r="158169" spans="8:8">
      <c r="H158169" s="12"/>
    </row>
    <row r="158170" spans="8:8">
      <c r="H158170" s="12"/>
    </row>
    <row r="158171" spans="8:8">
      <c r="H158171" s="12"/>
    </row>
    <row r="158172" spans="8:8">
      <c r="H158172" s="12"/>
    </row>
    <row r="158173" spans="8:8">
      <c r="H158173" s="12"/>
    </row>
    <row r="158174" spans="8:8">
      <c r="H158174" s="12"/>
    </row>
    <row r="158175" spans="8:8">
      <c r="H158175" s="12"/>
    </row>
    <row r="158176" spans="8:8">
      <c r="H158176" s="12"/>
    </row>
    <row r="158177" spans="8:8">
      <c r="H158177" s="12"/>
    </row>
    <row r="158178" spans="8:8">
      <c r="H158178" s="12"/>
    </row>
    <row r="158179" spans="8:8">
      <c r="H158179" s="12"/>
    </row>
    <row r="158180" spans="8:8">
      <c r="H158180" s="12"/>
    </row>
    <row r="158181" spans="8:8">
      <c r="H158181" s="12"/>
    </row>
    <row r="158182" spans="8:8">
      <c r="H158182" s="12"/>
    </row>
    <row r="158183" spans="8:8">
      <c r="H158183" s="12"/>
    </row>
    <row r="158184" spans="8:8">
      <c r="H158184" s="12"/>
    </row>
    <row r="158185" spans="8:8">
      <c r="H158185" s="12"/>
    </row>
    <row r="158186" spans="8:8">
      <c r="H158186" s="12"/>
    </row>
    <row r="158187" spans="8:8">
      <c r="H158187" s="12"/>
    </row>
    <row r="158188" spans="8:8">
      <c r="H158188" s="12"/>
    </row>
    <row r="158189" spans="8:8">
      <c r="H158189" s="12"/>
    </row>
    <row r="158190" spans="8:8">
      <c r="H158190" s="12"/>
    </row>
    <row r="158191" spans="8:8">
      <c r="H158191" s="12"/>
    </row>
    <row r="158192" spans="8:8">
      <c r="H158192" s="12"/>
    </row>
    <row r="158193" spans="8:8">
      <c r="H158193" s="12"/>
    </row>
    <row r="158194" spans="8:8">
      <c r="H158194" s="12"/>
    </row>
    <row r="158195" spans="8:8">
      <c r="H158195" s="12"/>
    </row>
    <row r="158196" spans="8:8">
      <c r="H158196" s="12"/>
    </row>
    <row r="158197" spans="8:8">
      <c r="H158197" s="12"/>
    </row>
    <row r="158198" spans="8:8">
      <c r="H158198" s="12"/>
    </row>
    <row r="158199" spans="8:8">
      <c r="H158199" s="12"/>
    </row>
    <row r="158200" spans="8:8">
      <c r="H158200" s="12"/>
    </row>
    <row r="158201" spans="8:8">
      <c r="H158201" s="12"/>
    </row>
    <row r="158202" spans="8:8">
      <c r="H158202" s="12"/>
    </row>
    <row r="158203" spans="8:8">
      <c r="H158203" s="12"/>
    </row>
    <row r="158204" spans="8:8">
      <c r="H158204" s="12"/>
    </row>
    <row r="158205" spans="8:8">
      <c r="H158205" s="12"/>
    </row>
    <row r="158206" spans="8:8">
      <c r="H158206" s="12"/>
    </row>
    <row r="158207" spans="8:8">
      <c r="H158207" s="12"/>
    </row>
    <row r="158208" spans="8:8">
      <c r="H158208" s="12"/>
    </row>
    <row r="158209" spans="8:8">
      <c r="H158209" s="12"/>
    </row>
    <row r="158210" spans="8:8">
      <c r="H158210" s="12"/>
    </row>
    <row r="158211" spans="8:8">
      <c r="H158211" s="12"/>
    </row>
    <row r="158212" spans="8:8">
      <c r="H158212" s="12"/>
    </row>
    <row r="158213" spans="8:8">
      <c r="H158213" s="12"/>
    </row>
    <row r="158214" spans="8:8">
      <c r="H158214" s="12"/>
    </row>
    <row r="158215" spans="8:8">
      <c r="H158215" s="12"/>
    </row>
    <row r="158216" spans="8:8">
      <c r="H158216" s="12"/>
    </row>
    <row r="158217" spans="8:8">
      <c r="H158217" s="12"/>
    </row>
    <row r="158218" spans="8:8">
      <c r="H158218" s="12"/>
    </row>
    <row r="158219" spans="8:8">
      <c r="H158219" s="12"/>
    </row>
    <row r="158220" spans="8:8">
      <c r="H158220" s="12"/>
    </row>
    <row r="158221" spans="8:8">
      <c r="H158221" s="12"/>
    </row>
    <row r="158222" spans="8:8">
      <c r="H158222" s="12"/>
    </row>
    <row r="158223" spans="8:8">
      <c r="H158223" s="12"/>
    </row>
    <row r="158224" spans="8:8">
      <c r="H158224" s="12"/>
    </row>
    <row r="158225" spans="8:8">
      <c r="H158225" s="12"/>
    </row>
    <row r="158226" spans="8:8">
      <c r="H158226" s="12"/>
    </row>
    <row r="158227" spans="8:8">
      <c r="H158227" s="12"/>
    </row>
    <row r="158228" spans="8:8">
      <c r="H158228" s="12"/>
    </row>
    <row r="158229" spans="8:8">
      <c r="H158229" s="12"/>
    </row>
    <row r="158230" spans="8:8">
      <c r="H158230" s="12"/>
    </row>
    <row r="158231" spans="8:8">
      <c r="H158231" s="12"/>
    </row>
    <row r="158232" spans="8:8">
      <c r="H158232" s="12"/>
    </row>
    <row r="158233" spans="8:8">
      <c r="H158233" s="12"/>
    </row>
    <row r="158234" spans="8:8">
      <c r="H158234" s="12"/>
    </row>
    <row r="158235" spans="8:8">
      <c r="H158235" s="12"/>
    </row>
    <row r="158236" spans="8:8">
      <c r="H158236" s="12"/>
    </row>
    <row r="158237" spans="8:8">
      <c r="H158237" s="12"/>
    </row>
    <row r="158238" spans="8:8">
      <c r="H158238" s="12"/>
    </row>
    <row r="158239" spans="8:8">
      <c r="H158239" s="12"/>
    </row>
    <row r="158240" spans="8:8">
      <c r="H158240" s="12"/>
    </row>
    <row r="158241" spans="8:8">
      <c r="H158241" s="12"/>
    </row>
    <row r="158242" spans="8:8">
      <c r="H158242" s="12"/>
    </row>
    <row r="158243" spans="8:8">
      <c r="H158243" s="12"/>
    </row>
    <row r="158244" spans="8:8">
      <c r="H158244" s="12"/>
    </row>
    <row r="158245" spans="8:8">
      <c r="H158245" s="12"/>
    </row>
    <row r="158246" spans="8:8">
      <c r="H158246" s="12"/>
    </row>
    <row r="158247" spans="8:8">
      <c r="H158247" s="12"/>
    </row>
    <row r="158248" spans="8:8">
      <c r="H158248" s="12"/>
    </row>
    <row r="158249" spans="8:8">
      <c r="H158249" s="12"/>
    </row>
    <row r="158250" spans="8:8">
      <c r="H158250" s="12"/>
    </row>
    <row r="158251" spans="8:8">
      <c r="H158251" s="12"/>
    </row>
    <row r="158252" spans="8:8">
      <c r="H158252" s="12"/>
    </row>
    <row r="158253" spans="8:8">
      <c r="H158253" s="12"/>
    </row>
    <row r="158254" spans="8:8">
      <c r="H158254" s="12"/>
    </row>
    <row r="158255" spans="8:8">
      <c r="H158255" s="12"/>
    </row>
    <row r="158256" spans="8:8">
      <c r="H158256" s="12"/>
    </row>
    <row r="158257" spans="8:8">
      <c r="H158257" s="12"/>
    </row>
    <row r="158258" spans="8:8">
      <c r="H158258" s="12"/>
    </row>
    <row r="158259" spans="8:8">
      <c r="H158259" s="12"/>
    </row>
    <row r="158260" spans="8:8">
      <c r="H158260" s="12"/>
    </row>
    <row r="158261" spans="8:8">
      <c r="H158261" s="12"/>
    </row>
    <row r="158262" spans="8:8">
      <c r="H158262" s="12"/>
    </row>
    <row r="158263" spans="8:8">
      <c r="H158263" s="12"/>
    </row>
    <row r="158264" spans="8:8">
      <c r="H158264" s="12"/>
    </row>
    <row r="158265" spans="8:8">
      <c r="H158265" s="12"/>
    </row>
    <row r="158266" spans="8:8">
      <c r="H158266" s="12"/>
    </row>
    <row r="158267" spans="8:8">
      <c r="H158267" s="12"/>
    </row>
    <row r="158268" spans="8:8">
      <c r="H158268" s="12"/>
    </row>
    <row r="158269" spans="8:8">
      <c r="H158269" s="12"/>
    </row>
    <row r="158270" spans="8:8">
      <c r="H158270" s="12"/>
    </row>
    <row r="158271" spans="8:8">
      <c r="H158271" s="12"/>
    </row>
    <row r="158272" spans="8:8">
      <c r="H158272" s="12"/>
    </row>
    <row r="158273" spans="8:8">
      <c r="H158273" s="12"/>
    </row>
    <row r="158274" spans="8:8">
      <c r="H158274" s="12"/>
    </row>
    <row r="158275" spans="8:8">
      <c r="H158275" s="12"/>
    </row>
    <row r="158276" spans="8:8">
      <c r="H158276" s="12"/>
    </row>
    <row r="158277" spans="8:8">
      <c r="H158277" s="12"/>
    </row>
    <row r="158278" spans="8:8">
      <c r="H158278" s="12"/>
    </row>
    <row r="158279" spans="8:8">
      <c r="H158279" s="12"/>
    </row>
    <row r="158280" spans="8:8">
      <c r="H158280" s="12"/>
    </row>
    <row r="158281" spans="8:8">
      <c r="H158281" s="12"/>
    </row>
    <row r="158282" spans="8:8">
      <c r="H158282" s="12"/>
    </row>
    <row r="158283" spans="8:8">
      <c r="H158283" s="12"/>
    </row>
    <row r="158284" spans="8:8">
      <c r="H158284" s="12"/>
    </row>
    <row r="158285" spans="8:8">
      <c r="H158285" s="12"/>
    </row>
    <row r="158286" spans="8:8">
      <c r="H158286" s="12"/>
    </row>
    <row r="158287" spans="8:8">
      <c r="H158287" s="12"/>
    </row>
    <row r="158288" spans="8:8">
      <c r="H158288" s="12"/>
    </row>
    <row r="158289" spans="8:8">
      <c r="H158289" s="12"/>
    </row>
    <row r="158290" spans="8:8">
      <c r="H158290" s="12"/>
    </row>
    <row r="158291" spans="8:8">
      <c r="H158291" s="12"/>
    </row>
    <row r="158292" spans="8:8">
      <c r="H158292" s="12"/>
    </row>
    <row r="158293" spans="8:8">
      <c r="H158293" s="12"/>
    </row>
    <row r="158294" spans="8:8">
      <c r="H158294" s="12"/>
    </row>
    <row r="158295" spans="8:8">
      <c r="H158295" s="12"/>
    </row>
    <row r="158296" spans="8:8">
      <c r="H158296" s="12"/>
    </row>
    <row r="158297" spans="8:8">
      <c r="H158297" s="12"/>
    </row>
    <row r="158298" spans="8:8">
      <c r="H158298" s="12"/>
    </row>
    <row r="158299" spans="8:8">
      <c r="H158299" s="12"/>
    </row>
    <row r="158300" spans="8:8">
      <c r="H158300" s="12"/>
    </row>
    <row r="158301" spans="8:8">
      <c r="H158301" s="12"/>
    </row>
    <row r="158302" spans="8:8">
      <c r="H158302" s="12"/>
    </row>
    <row r="158303" spans="8:8">
      <c r="H158303" s="12"/>
    </row>
    <row r="158304" spans="8:8">
      <c r="H158304" s="12"/>
    </row>
    <row r="158305" spans="8:8">
      <c r="H158305" s="12"/>
    </row>
    <row r="158306" spans="8:8">
      <c r="H158306" s="12"/>
    </row>
    <row r="158307" spans="8:8">
      <c r="H158307" s="12"/>
    </row>
    <row r="158308" spans="8:8">
      <c r="H158308" s="12"/>
    </row>
    <row r="158309" spans="8:8">
      <c r="H158309" s="12"/>
    </row>
    <row r="158310" spans="8:8">
      <c r="H158310" s="12"/>
    </row>
    <row r="158311" spans="8:8">
      <c r="H158311" s="12"/>
    </row>
    <row r="158312" spans="8:8">
      <c r="H158312" s="12"/>
    </row>
    <row r="158313" spans="8:8">
      <c r="H158313" s="12"/>
    </row>
    <row r="158314" spans="8:8">
      <c r="H158314" s="12"/>
    </row>
    <row r="158315" spans="8:8">
      <c r="H158315" s="12"/>
    </row>
    <row r="158316" spans="8:8">
      <c r="H158316" s="12"/>
    </row>
    <row r="158317" spans="8:8">
      <c r="H158317" s="12"/>
    </row>
    <row r="158318" spans="8:8">
      <c r="H158318" s="12"/>
    </row>
    <row r="158319" spans="8:8">
      <c r="H158319" s="12"/>
    </row>
    <row r="158320" spans="8:8">
      <c r="H158320" s="12"/>
    </row>
    <row r="158321" spans="8:8">
      <c r="H158321" s="12"/>
    </row>
    <row r="158322" spans="8:8">
      <c r="H158322" s="12"/>
    </row>
    <row r="158323" spans="8:8">
      <c r="H158323" s="12"/>
    </row>
    <row r="158324" spans="8:8">
      <c r="H158324" s="12"/>
    </row>
    <row r="158325" spans="8:8">
      <c r="H158325" s="12"/>
    </row>
    <row r="158326" spans="8:8">
      <c r="H158326" s="12"/>
    </row>
    <row r="158327" spans="8:8">
      <c r="H158327" s="12"/>
    </row>
    <row r="158328" spans="8:8">
      <c r="H158328" s="12"/>
    </row>
    <row r="158329" spans="8:8">
      <c r="H158329" s="12"/>
    </row>
    <row r="158330" spans="8:8">
      <c r="H158330" s="12"/>
    </row>
    <row r="158331" spans="8:8">
      <c r="H158331" s="12"/>
    </row>
    <row r="158332" spans="8:8">
      <c r="H158332" s="12"/>
    </row>
    <row r="158333" spans="8:8">
      <c r="H158333" s="12"/>
    </row>
    <row r="158334" spans="8:8">
      <c r="H158334" s="12"/>
    </row>
    <row r="158335" spans="8:8">
      <c r="H158335" s="12"/>
    </row>
    <row r="158336" spans="8:8">
      <c r="H158336" s="12"/>
    </row>
    <row r="158337" spans="8:8">
      <c r="H158337" s="12"/>
    </row>
    <row r="158338" spans="8:8">
      <c r="H158338" s="12"/>
    </row>
    <row r="158339" spans="8:8">
      <c r="H158339" s="12"/>
    </row>
    <row r="158340" spans="8:8">
      <c r="H158340" s="12"/>
    </row>
    <row r="158341" spans="8:8">
      <c r="H158341" s="12"/>
    </row>
    <row r="158342" spans="8:8">
      <c r="H158342" s="12"/>
    </row>
    <row r="158343" spans="8:8">
      <c r="H158343" s="12"/>
    </row>
    <row r="158344" spans="8:8">
      <c r="H158344" s="12"/>
    </row>
    <row r="158345" spans="8:8">
      <c r="H158345" s="12"/>
    </row>
    <row r="158346" spans="8:8">
      <c r="H158346" s="12"/>
    </row>
    <row r="158347" spans="8:8">
      <c r="H158347" s="12"/>
    </row>
    <row r="158348" spans="8:8">
      <c r="H158348" s="12"/>
    </row>
    <row r="158349" spans="8:8">
      <c r="H158349" s="12"/>
    </row>
    <row r="158350" spans="8:8">
      <c r="H158350" s="12"/>
    </row>
    <row r="158351" spans="8:8">
      <c r="H158351" s="12"/>
    </row>
    <row r="158352" spans="8:8">
      <c r="H158352" s="12"/>
    </row>
    <row r="158353" spans="8:8">
      <c r="H158353" s="12"/>
    </row>
    <row r="158354" spans="8:8">
      <c r="H158354" s="12"/>
    </row>
    <row r="158355" spans="8:8">
      <c r="H158355" s="12"/>
    </row>
    <row r="158356" spans="8:8">
      <c r="H158356" s="12"/>
    </row>
    <row r="158357" spans="8:8">
      <c r="H158357" s="12"/>
    </row>
    <row r="158358" spans="8:8">
      <c r="H158358" s="12"/>
    </row>
    <row r="158359" spans="8:8">
      <c r="H158359" s="12"/>
    </row>
    <row r="158360" spans="8:8">
      <c r="H158360" s="12"/>
    </row>
    <row r="158361" spans="8:8">
      <c r="H158361" s="12"/>
    </row>
    <row r="158362" spans="8:8">
      <c r="H158362" s="12"/>
    </row>
    <row r="158363" spans="8:8">
      <c r="H158363" s="12"/>
    </row>
    <row r="158364" spans="8:8">
      <c r="H158364" s="12"/>
    </row>
    <row r="158365" spans="8:8">
      <c r="H158365" s="12"/>
    </row>
    <row r="158366" spans="8:8">
      <c r="H158366" s="12"/>
    </row>
    <row r="158367" spans="8:8">
      <c r="H158367" s="12"/>
    </row>
    <row r="158368" spans="8:8">
      <c r="H158368" s="12"/>
    </row>
    <row r="158369" spans="8:8">
      <c r="H158369" s="12"/>
    </row>
    <row r="158370" spans="8:8">
      <c r="H158370" s="12"/>
    </row>
    <row r="158371" spans="8:8">
      <c r="H158371" s="12"/>
    </row>
    <row r="158372" spans="8:8">
      <c r="H158372" s="12"/>
    </row>
    <row r="158373" spans="8:8">
      <c r="H158373" s="12"/>
    </row>
    <row r="158374" spans="8:8">
      <c r="H158374" s="12"/>
    </row>
    <row r="158375" spans="8:8">
      <c r="H158375" s="12"/>
    </row>
    <row r="158376" spans="8:8">
      <c r="H158376" s="12"/>
    </row>
    <row r="158377" spans="8:8">
      <c r="H158377" s="12"/>
    </row>
    <row r="158378" spans="8:8">
      <c r="H158378" s="12"/>
    </row>
    <row r="158379" spans="8:8">
      <c r="H158379" s="12"/>
    </row>
    <row r="158380" spans="8:8">
      <c r="H158380" s="12"/>
    </row>
    <row r="158381" spans="8:8">
      <c r="H158381" s="12"/>
    </row>
    <row r="158382" spans="8:8">
      <c r="H158382" s="12"/>
    </row>
    <row r="158383" spans="8:8">
      <c r="H158383" s="12"/>
    </row>
    <row r="158384" spans="8:8">
      <c r="H158384" s="12"/>
    </row>
    <row r="158385" spans="8:8">
      <c r="H158385" s="12"/>
    </row>
    <row r="158386" spans="8:8">
      <c r="H158386" s="12"/>
    </row>
    <row r="158387" spans="8:8">
      <c r="H158387" s="12"/>
    </row>
    <row r="158388" spans="8:8">
      <c r="H158388" s="12"/>
    </row>
    <row r="158389" spans="8:8">
      <c r="H158389" s="12"/>
    </row>
    <row r="158390" spans="8:8">
      <c r="H158390" s="12"/>
    </row>
    <row r="158391" spans="8:8">
      <c r="H158391" s="12"/>
    </row>
    <row r="158392" spans="8:8">
      <c r="H158392" s="12"/>
    </row>
    <row r="158393" spans="8:8">
      <c r="H158393" s="12"/>
    </row>
    <row r="158394" spans="8:8">
      <c r="H158394" s="12"/>
    </row>
    <row r="158395" spans="8:8">
      <c r="H158395" s="12"/>
    </row>
    <row r="158396" spans="8:8">
      <c r="H158396" s="12"/>
    </row>
    <row r="158397" spans="8:8">
      <c r="H158397" s="12"/>
    </row>
    <row r="158398" spans="8:8">
      <c r="H158398" s="12"/>
    </row>
    <row r="158399" spans="8:8">
      <c r="H158399" s="12"/>
    </row>
    <row r="158400" spans="8:8">
      <c r="H158400" s="12"/>
    </row>
    <row r="158401" spans="8:8">
      <c r="H158401" s="12"/>
    </row>
    <row r="158402" spans="8:8">
      <c r="H158402" s="12"/>
    </row>
    <row r="158403" spans="8:8">
      <c r="H158403" s="12"/>
    </row>
    <row r="158404" spans="8:8">
      <c r="H158404" s="12"/>
    </row>
    <row r="158405" spans="8:8">
      <c r="H158405" s="12"/>
    </row>
    <row r="158406" spans="8:8">
      <c r="H158406" s="12"/>
    </row>
    <row r="158407" spans="8:8">
      <c r="H158407" s="12"/>
    </row>
    <row r="158408" spans="8:8">
      <c r="H158408" s="12"/>
    </row>
    <row r="158409" spans="8:8">
      <c r="H158409" s="12"/>
    </row>
    <row r="158410" spans="8:8">
      <c r="H158410" s="12"/>
    </row>
    <row r="158411" spans="8:8">
      <c r="H158411" s="12"/>
    </row>
    <row r="158412" spans="8:8">
      <c r="H158412" s="12"/>
    </row>
    <row r="158413" spans="8:8">
      <c r="H158413" s="12"/>
    </row>
    <row r="158414" spans="8:8">
      <c r="H158414" s="12"/>
    </row>
    <row r="158415" spans="8:8">
      <c r="H158415" s="12"/>
    </row>
    <row r="158416" spans="8:8">
      <c r="H158416" s="12"/>
    </row>
    <row r="158417" spans="8:8">
      <c r="H158417" s="12"/>
    </row>
    <row r="158418" spans="8:8">
      <c r="H158418" s="12"/>
    </row>
    <row r="158419" spans="8:8">
      <c r="H158419" s="12"/>
    </row>
    <row r="158420" spans="8:8">
      <c r="H158420" s="12"/>
    </row>
    <row r="158421" spans="8:8">
      <c r="H158421" s="12"/>
    </row>
    <row r="158422" spans="8:8">
      <c r="H158422" s="12"/>
    </row>
    <row r="158423" spans="8:8">
      <c r="H158423" s="12"/>
    </row>
    <row r="158424" spans="8:8">
      <c r="H158424" s="12"/>
    </row>
    <row r="158425" spans="8:8">
      <c r="H158425" s="12"/>
    </row>
    <row r="158426" spans="8:8">
      <c r="H158426" s="12"/>
    </row>
    <row r="158427" spans="8:8">
      <c r="H158427" s="12"/>
    </row>
    <row r="158428" spans="8:8">
      <c r="H158428" s="12"/>
    </row>
    <row r="158429" spans="8:8">
      <c r="H158429" s="12"/>
    </row>
    <row r="158430" spans="8:8">
      <c r="H158430" s="12"/>
    </row>
    <row r="158431" spans="8:8">
      <c r="H158431" s="12"/>
    </row>
    <row r="158432" spans="8:8">
      <c r="H158432" s="12"/>
    </row>
    <row r="158433" spans="8:8">
      <c r="H158433" s="12"/>
    </row>
    <row r="158434" spans="8:8">
      <c r="H158434" s="12"/>
    </row>
    <row r="158435" spans="8:8">
      <c r="H158435" s="12"/>
    </row>
    <row r="158436" spans="8:8">
      <c r="H158436" s="12"/>
    </row>
    <row r="158437" spans="8:8">
      <c r="H158437" s="12"/>
    </row>
    <row r="158438" spans="8:8">
      <c r="H158438" s="12"/>
    </row>
    <row r="158439" spans="8:8">
      <c r="H158439" s="12"/>
    </row>
    <row r="158440" spans="8:8">
      <c r="H158440" s="12"/>
    </row>
    <row r="158441" spans="8:8">
      <c r="H158441" s="12"/>
    </row>
    <row r="158442" spans="8:8">
      <c r="H158442" s="12"/>
    </row>
    <row r="158443" spans="8:8">
      <c r="H158443" s="12"/>
    </row>
    <row r="158444" spans="8:8">
      <c r="H158444" s="12"/>
    </row>
    <row r="158445" spans="8:8">
      <c r="H158445" s="12"/>
    </row>
    <row r="158446" spans="8:8">
      <c r="H158446" s="12"/>
    </row>
    <row r="158447" spans="8:8">
      <c r="H158447" s="12"/>
    </row>
    <row r="158448" spans="8:8">
      <c r="H158448" s="12"/>
    </row>
    <row r="158449" spans="8:8">
      <c r="H158449" s="12"/>
    </row>
    <row r="158450" spans="8:8">
      <c r="H158450" s="12"/>
    </row>
    <row r="158451" spans="8:8">
      <c r="H158451" s="12"/>
    </row>
    <row r="158452" spans="8:8">
      <c r="H158452" s="12"/>
    </row>
    <row r="158453" spans="8:8">
      <c r="H158453" s="12"/>
    </row>
    <row r="158454" spans="8:8">
      <c r="H158454" s="12"/>
    </row>
    <row r="158455" spans="8:8">
      <c r="H158455" s="12"/>
    </row>
    <row r="158456" spans="8:8">
      <c r="H158456" s="12"/>
    </row>
    <row r="158457" spans="8:8">
      <c r="H158457" s="12"/>
    </row>
    <row r="158458" spans="8:8">
      <c r="H158458" s="12"/>
    </row>
    <row r="158459" spans="8:8">
      <c r="H158459" s="12"/>
    </row>
    <row r="158460" spans="8:8">
      <c r="H158460" s="12"/>
    </row>
    <row r="158461" spans="8:8">
      <c r="H158461" s="12"/>
    </row>
    <row r="158462" spans="8:8">
      <c r="H158462" s="12"/>
    </row>
    <row r="158463" spans="8:8">
      <c r="H158463" s="12"/>
    </row>
    <row r="158464" spans="8:8">
      <c r="H158464" s="12"/>
    </row>
    <row r="158465" spans="8:8">
      <c r="H158465" s="12"/>
    </row>
    <row r="158466" spans="8:8">
      <c r="H158466" s="12"/>
    </row>
    <row r="158467" spans="8:8">
      <c r="H158467" s="12"/>
    </row>
    <row r="158468" spans="8:8">
      <c r="H158468" s="12"/>
    </row>
    <row r="158469" spans="8:8">
      <c r="H158469" s="12"/>
    </row>
    <row r="158470" spans="8:8">
      <c r="H158470" s="12"/>
    </row>
    <row r="158471" spans="8:8">
      <c r="H158471" s="12"/>
    </row>
    <row r="158472" spans="8:8">
      <c r="H158472" s="12"/>
    </row>
    <row r="158473" spans="8:8">
      <c r="H158473" s="12"/>
    </row>
    <row r="158474" spans="8:8">
      <c r="H158474" s="12"/>
    </row>
    <row r="158475" spans="8:8">
      <c r="H158475" s="12"/>
    </row>
    <row r="158476" spans="8:8">
      <c r="H158476" s="12"/>
    </row>
    <row r="158477" spans="8:8">
      <c r="H158477" s="12"/>
    </row>
    <row r="158478" spans="8:8">
      <c r="H158478" s="12"/>
    </row>
    <row r="158479" spans="8:8">
      <c r="H158479" s="12"/>
    </row>
    <row r="158480" spans="8:8">
      <c r="H158480" s="12"/>
    </row>
    <row r="158481" spans="8:8">
      <c r="H158481" s="12"/>
    </row>
    <row r="158482" spans="8:8">
      <c r="H158482" s="12"/>
    </row>
    <row r="158483" spans="8:8">
      <c r="H158483" s="12"/>
    </row>
    <row r="158484" spans="8:8">
      <c r="H158484" s="12"/>
    </row>
    <row r="158485" spans="8:8">
      <c r="H158485" s="12"/>
    </row>
    <row r="158486" spans="8:8">
      <c r="H158486" s="12"/>
    </row>
    <row r="158487" spans="8:8">
      <c r="H158487" s="12"/>
    </row>
    <row r="158488" spans="8:8">
      <c r="H158488" s="12"/>
    </row>
    <row r="158489" spans="8:8">
      <c r="H158489" s="12"/>
    </row>
    <row r="158490" spans="8:8">
      <c r="H158490" s="12"/>
    </row>
    <row r="158491" spans="8:8">
      <c r="H158491" s="12"/>
    </row>
    <row r="158492" spans="8:8">
      <c r="H158492" s="12"/>
    </row>
    <row r="158493" spans="8:8">
      <c r="H158493" s="12"/>
    </row>
    <row r="158494" spans="8:8">
      <c r="H158494" s="12"/>
    </row>
    <row r="158495" spans="8:8">
      <c r="H158495" s="12"/>
    </row>
    <row r="158496" spans="8:8">
      <c r="H158496" s="12"/>
    </row>
    <row r="158497" spans="8:8">
      <c r="H158497" s="12"/>
    </row>
    <row r="158498" spans="8:8">
      <c r="H158498" s="12"/>
    </row>
    <row r="158499" spans="8:8">
      <c r="H158499" s="12"/>
    </row>
    <row r="158500" spans="8:8">
      <c r="H158500" s="12"/>
    </row>
    <row r="158501" spans="8:8">
      <c r="H158501" s="12"/>
    </row>
    <row r="158502" spans="8:8">
      <c r="H158502" s="12"/>
    </row>
    <row r="158503" spans="8:8">
      <c r="H158503" s="12"/>
    </row>
    <row r="158504" spans="8:8">
      <c r="H158504" s="12"/>
    </row>
    <row r="158505" spans="8:8">
      <c r="H158505" s="12"/>
    </row>
    <row r="158506" spans="8:8">
      <c r="H158506" s="12"/>
    </row>
    <row r="158507" spans="8:8">
      <c r="H158507" s="12"/>
    </row>
    <row r="158508" spans="8:8">
      <c r="H158508" s="12"/>
    </row>
    <row r="158509" spans="8:8">
      <c r="H158509" s="12"/>
    </row>
    <row r="158510" spans="8:8">
      <c r="H158510" s="12"/>
    </row>
    <row r="158511" spans="8:8">
      <c r="H158511" s="12"/>
    </row>
    <row r="158512" spans="8:8">
      <c r="H158512" s="12"/>
    </row>
    <row r="158513" spans="8:8">
      <c r="H158513" s="12"/>
    </row>
    <row r="158514" spans="8:8">
      <c r="H158514" s="12"/>
    </row>
    <row r="158515" spans="8:8">
      <c r="H158515" s="12"/>
    </row>
    <row r="158516" spans="8:8">
      <c r="H158516" s="12"/>
    </row>
    <row r="158517" spans="8:8">
      <c r="H158517" s="12"/>
    </row>
    <row r="158518" spans="8:8">
      <c r="H158518" s="12"/>
    </row>
    <row r="158519" spans="8:8">
      <c r="H158519" s="12"/>
    </row>
    <row r="158520" spans="8:8">
      <c r="H158520" s="12"/>
    </row>
    <row r="158521" spans="8:8">
      <c r="H158521" s="12"/>
    </row>
    <row r="158522" spans="8:8">
      <c r="H158522" s="12"/>
    </row>
    <row r="158523" spans="8:8">
      <c r="H158523" s="12"/>
    </row>
    <row r="158524" spans="8:8">
      <c r="H158524" s="12"/>
    </row>
    <row r="158525" spans="8:8">
      <c r="H158525" s="12"/>
    </row>
    <row r="158526" spans="8:8">
      <c r="H158526" s="12"/>
    </row>
    <row r="158527" spans="8:8">
      <c r="H158527" s="12"/>
    </row>
    <row r="158528" spans="8:8">
      <c r="H158528" s="12"/>
    </row>
    <row r="158529" spans="8:8">
      <c r="H158529" s="12"/>
    </row>
    <row r="158530" spans="8:8">
      <c r="H158530" s="12"/>
    </row>
    <row r="158531" spans="8:8">
      <c r="H158531" s="12"/>
    </row>
    <row r="158532" spans="8:8">
      <c r="H158532" s="12"/>
    </row>
    <row r="158533" spans="8:8">
      <c r="H158533" s="12"/>
    </row>
    <row r="158534" spans="8:8">
      <c r="H158534" s="12"/>
    </row>
    <row r="158535" spans="8:8">
      <c r="H158535" s="12"/>
    </row>
    <row r="158536" spans="8:8">
      <c r="H158536" s="12"/>
    </row>
    <row r="158537" spans="8:8">
      <c r="H158537" s="12"/>
    </row>
    <row r="158538" spans="8:8">
      <c r="H158538" s="12"/>
    </row>
    <row r="158539" spans="8:8">
      <c r="H158539" s="12"/>
    </row>
    <row r="158540" spans="8:8">
      <c r="H158540" s="12"/>
    </row>
    <row r="158541" spans="8:8">
      <c r="H158541" s="12"/>
    </row>
    <row r="158542" spans="8:8">
      <c r="H158542" s="12"/>
    </row>
    <row r="158543" spans="8:8">
      <c r="H158543" s="12"/>
    </row>
    <row r="158544" spans="8:8">
      <c r="H158544" s="12"/>
    </row>
    <row r="158545" spans="8:8">
      <c r="H158545" s="12"/>
    </row>
    <row r="158546" spans="8:8">
      <c r="H158546" s="12"/>
    </row>
    <row r="158547" spans="8:8">
      <c r="H158547" s="12"/>
    </row>
    <row r="158548" spans="8:8">
      <c r="H158548" s="12"/>
    </row>
    <row r="158549" spans="8:8">
      <c r="H158549" s="12"/>
    </row>
    <row r="158550" spans="8:8">
      <c r="H158550" s="12"/>
    </row>
    <row r="158551" spans="8:8">
      <c r="H158551" s="12"/>
    </row>
    <row r="158552" spans="8:8">
      <c r="H158552" s="12"/>
    </row>
    <row r="158553" spans="8:8">
      <c r="H158553" s="12"/>
    </row>
    <row r="158554" spans="8:8">
      <c r="H158554" s="12"/>
    </row>
    <row r="158555" spans="8:8">
      <c r="H158555" s="12"/>
    </row>
    <row r="158556" spans="8:8">
      <c r="H158556" s="12"/>
    </row>
    <row r="158557" spans="8:8">
      <c r="H158557" s="12"/>
    </row>
    <row r="158558" spans="8:8">
      <c r="H158558" s="12"/>
    </row>
    <row r="158559" spans="8:8">
      <c r="H158559" s="12"/>
    </row>
    <row r="158560" spans="8:8">
      <c r="H158560" s="12"/>
    </row>
    <row r="158561" spans="8:8">
      <c r="H158561" s="12"/>
    </row>
    <row r="158562" spans="8:8">
      <c r="H158562" s="12"/>
    </row>
    <row r="158563" spans="8:8">
      <c r="H158563" s="12"/>
    </row>
    <row r="158564" spans="8:8">
      <c r="H158564" s="12"/>
    </row>
    <row r="158565" spans="8:8">
      <c r="H158565" s="12"/>
    </row>
    <row r="158566" spans="8:8">
      <c r="H158566" s="12"/>
    </row>
    <row r="158567" spans="8:8">
      <c r="H158567" s="12"/>
    </row>
    <row r="158568" spans="8:8">
      <c r="H158568" s="12"/>
    </row>
    <row r="158569" spans="8:8">
      <c r="H158569" s="12"/>
    </row>
    <row r="158570" spans="8:8">
      <c r="H158570" s="12"/>
    </row>
    <row r="158571" spans="8:8">
      <c r="H158571" s="12"/>
    </row>
    <row r="158572" spans="8:8">
      <c r="H158572" s="12"/>
    </row>
    <row r="158573" spans="8:8">
      <c r="H158573" s="12"/>
    </row>
    <row r="158574" spans="8:8">
      <c r="H158574" s="12"/>
    </row>
    <row r="158575" spans="8:8">
      <c r="H158575" s="12"/>
    </row>
    <row r="158576" spans="8:8">
      <c r="H158576" s="12"/>
    </row>
    <row r="158577" spans="8:8">
      <c r="H158577" s="12"/>
    </row>
    <row r="158578" spans="8:8">
      <c r="H158578" s="12"/>
    </row>
    <row r="158579" spans="8:8">
      <c r="H158579" s="12"/>
    </row>
    <row r="158580" spans="8:8">
      <c r="H158580" s="12"/>
    </row>
    <row r="158581" spans="8:8">
      <c r="H158581" s="12"/>
    </row>
    <row r="158582" spans="8:8">
      <c r="H158582" s="12"/>
    </row>
    <row r="158583" spans="8:8">
      <c r="H158583" s="12"/>
    </row>
    <row r="158584" spans="8:8">
      <c r="H158584" s="12"/>
    </row>
    <row r="158585" spans="8:8">
      <c r="H158585" s="12"/>
    </row>
    <row r="158586" spans="8:8">
      <c r="H158586" s="12"/>
    </row>
    <row r="158587" spans="8:8">
      <c r="H158587" s="12"/>
    </row>
    <row r="158588" spans="8:8">
      <c r="H158588" s="12"/>
    </row>
    <row r="158589" spans="8:8">
      <c r="H158589" s="12"/>
    </row>
    <row r="158590" spans="8:8">
      <c r="H158590" s="12"/>
    </row>
    <row r="158591" spans="8:8">
      <c r="H158591" s="12"/>
    </row>
    <row r="158592" spans="8:8">
      <c r="H158592" s="12"/>
    </row>
    <row r="158593" spans="8:8">
      <c r="H158593" s="12"/>
    </row>
    <row r="158594" spans="8:8">
      <c r="H158594" s="12"/>
    </row>
    <row r="158595" spans="8:8">
      <c r="H158595" s="12"/>
    </row>
    <row r="158596" spans="8:8">
      <c r="H158596" s="12"/>
    </row>
    <row r="158597" spans="8:8">
      <c r="H158597" s="12"/>
    </row>
    <row r="158598" spans="8:8">
      <c r="H158598" s="12"/>
    </row>
    <row r="158599" spans="8:8">
      <c r="H158599" s="12"/>
    </row>
    <row r="158600" spans="8:8">
      <c r="H158600" s="12"/>
    </row>
    <row r="158601" spans="8:8">
      <c r="H158601" s="12"/>
    </row>
    <row r="158602" spans="8:8">
      <c r="H158602" s="12"/>
    </row>
    <row r="158603" spans="8:8">
      <c r="H158603" s="12"/>
    </row>
    <row r="158604" spans="8:8">
      <c r="H158604" s="12"/>
    </row>
    <row r="158605" spans="8:8">
      <c r="H158605" s="12"/>
    </row>
    <row r="158606" spans="8:8">
      <c r="H158606" s="12"/>
    </row>
    <row r="158607" spans="8:8">
      <c r="H158607" s="12"/>
    </row>
    <row r="158608" spans="8:8">
      <c r="H158608" s="12"/>
    </row>
    <row r="158609" spans="8:8">
      <c r="H158609" s="12"/>
    </row>
    <row r="158610" spans="8:8">
      <c r="H158610" s="12"/>
    </row>
    <row r="158611" spans="8:8">
      <c r="H158611" s="12"/>
    </row>
    <row r="158612" spans="8:8">
      <c r="H158612" s="12"/>
    </row>
    <row r="158613" spans="8:8">
      <c r="H158613" s="12"/>
    </row>
    <row r="158614" spans="8:8">
      <c r="H158614" s="12"/>
    </row>
    <row r="158615" spans="8:8">
      <c r="H158615" s="12"/>
    </row>
    <row r="158616" spans="8:8">
      <c r="H158616" s="12"/>
    </row>
    <row r="158617" spans="8:8">
      <c r="H158617" s="12"/>
    </row>
    <row r="158618" spans="8:8">
      <c r="H158618" s="12"/>
    </row>
    <row r="158619" spans="8:8">
      <c r="H158619" s="12"/>
    </row>
    <row r="158620" spans="8:8">
      <c r="H158620" s="12"/>
    </row>
    <row r="158621" spans="8:8">
      <c r="H158621" s="12"/>
    </row>
    <row r="158622" spans="8:8">
      <c r="H158622" s="12"/>
    </row>
    <row r="158623" spans="8:8">
      <c r="H158623" s="12"/>
    </row>
    <row r="158624" spans="8:8">
      <c r="H158624" s="12"/>
    </row>
    <row r="158625" spans="8:8">
      <c r="H158625" s="12"/>
    </row>
    <row r="158626" spans="8:8">
      <c r="H158626" s="12"/>
    </row>
    <row r="158627" spans="8:8">
      <c r="H158627" s="12"/>
    </row>
    <row r="158628" spans="8:8">
      <c r="H158628" s="12"/>
    </row>
    <row r="158629" spans="8:8">
      <c r="H158629" s="12"/>
    </row>
    <row r="158630" spans="8:8">
      <c r="H158630" s="12"/>
    </row>
    <row r="158631" spans="8:8">
      <c r="H158631" s="12"/>
    </row>
    <row r="158632" spans="8:8">
      <c r="H158632" s="12"/>
    </row>
    <row r="158633" spans="8:8">
      <c r="H158633" s="12"/>
    </row>
    <row r="158634" spans="8:8">
      <c r="H158634" s="12"/>
    </row>
    <row r="158635" spans="8:8">
      <c r="H158635" s="12"/>
    </row>
    <row r="158636" spans="8:8">
      <c r="H158636" s="12"/>
    </row>
    <row r="158637" spans="8:8">
      <c r="H158637" s="12"/>
    </row>
    <row r="158638" spans="8:8">
      <c r="H158638" s="12"/>
    </row>
    <row r="158639" spans="8:8">
      <c r="H158639" s="12"/>
    </row>
    <row r="158640" spans="8:8">
      <c r="H158640" s="12"/>
    </row>
    <row r="158641" spans="8:8">
      <c r="H158641" s="12"/>
    </row>
    <row r="158642" spans="8:8">
      <c r="H158642" s="12"/>
    </row>
    <row r="158643" spans="8:8">
      <c r="H158643" s="12"/>
    </row>
    <row r="158644" spans="8:8">
      <c r="H158644" s="12"/>
    </row>
    <row r="158645" spans="8:8">
      <c r="H158645" s="12"/>
    </row>
    <row r="158646" spans="8:8">
      <c r="H158646" s="12"/>
    </row>
    <row r="158647" spans="8:8">
      <c r="H158647" s="12"/>
    </row>
    <row r="158648" spans="8:8">
      <c r="H158648" s="12"/>
    </row>
    <row r="158649" spans="8:8">
      <c r="H158649" s="12"/>
    </row>
    <row r="158650" spans="8:8">
      <c r="H158650" s="12"/>
    </row>
    <row r="158651" spans="8:8">
      <c r="H158651" s="12"/>
    </row>
    <row r="158652" spans="8:8">
      <c r="H158652" s="12"/>
    </row>
    <row r="158653" spans="8:8">
      <c r="H158653" s="12"/>
    </row>
    <row r="158654" spans="8:8">
      <c r="H158654" s="12"/>
    </row>
    <row r="158655" spans="8:8">
      <c r="H158655" s="12"/>
    </row>
    <row r="158656" spans="8:8">
      <c r="H158656" s="12"/>
    </row>
    <row r="158657" spans="8:8">
      <c r="H158657" s="12"/>
    </row>
    <row r="158658" spans="8:8">
      <c r="H158658" s="12"/>
    </row>
    <row r="158659" spans="8:8">
      <c r="H158659" s="12"/>
    </row>
    <row r="158660" spans="8:8">
      <c r="H158660" s="12"/>
    </row>
    <row r="158661" spans="8:8">
      <c r="H158661" s="12"/>
    </row>
    <row r="158662" spans="8:8">
      <c r="H158662" s="12"/>
    </row>
    <row r="158663" spans="8:8">
      <c r="H158663" s="12"/>
    </row>
    <row r="158664" spans="8:8">
      <c r="H158664" s="12"/>
    </row>
    <row r="158665" spans="8:8">
      <c r="H158665" s="12"/>
    </row>
    <row r="158666" spans="8:8">
      <c r="H158666" s="12"/>
    </row>
    <row r="158667" spans="8:8">
      <c r="H158667" s="12"/>
    </row>
    <row r="158668" spans="8:8">
      <c r="H158668" s="12"/>
    </row>
    <row r="158669" spans="8:8">
      <c r="H158669" s="12"/>
    </row>
    <row r="158670" spans="8:8">
      <c r="H158670" s="12"/>
    </row>
    <row r="158671" spans="8:8">
      <c r="H158671" s="12"/>
    </row>
    <row r="158672" spans="8:8">
      <c r="H158672" s="12"/>
    </row>
    <row r="158673" spans="8:8">
      <c r="H158673" s="12"/>
    </row>
    <row r="158674" spans="8:8">
      <c r="H158674" s="12"/>
    </row>
    <row r="158675" spans="8:8">
      <c r="H158675" s="12"/>
    </row>
    <row r="158676" spans="8:8">
      <c r="H158676" s="12"/>
    </row>
    <row r="158677" spans="8:8">
      <c r="H158677" s="12"/>
    </row>
    <row r="158678" spans="8:8">
      <c r="H158678" s="12"/>
    </row>
    <row r="158679" spans="8:8">
      <c r="H158679" s="12"/>
    </row>
    <row r="158680" spans="8:8">
      <c r="H158680" s="12"/>
    </row>
    <row r="158681" spans="8:8">
      <c r="H158681" s="12"/>
    </row>
    <row r="158682" spans="8:8">
      <c r="H158682" s="12"/>
    </row>
    <row r="158683" spans="8:8">
      <c r="H158683" s="12"/>
    </row>
    <row r="158684" spans="8:8">
      <c r="H158684" s="12"/>
    </row>
    <row r="158685" spans="8:8">
      <c r="H158685" s="12"/>
    </row>
    <row r="158686" spans="8:8">
      <c r="H158686" s="12"/>
    </row>
    <row r="158687" spans="8:8">
      <c r="H158687" s="12"/>
    </row>
    <row r="158688" spans="8:8">
      <c r="H158688" s="12"/>
    </row>
    <row r="158689" spans="8:8">
      <c r="H158689" s="12"/>
    </row>
    <row r="158690" spans="8:8">
      <c r="H158690" s="12"/>
    </row>
    <row r="158691" spans="8:8">
      <c r="H158691" s="12"/>
    </row>
    <row r="158692" spans="8:8">
      <c r="H158692" s="12"/>
    </row>
    <row r="158693" spans="8:8">
      <c r="H158693" s="12"/>
    </row>
    <row r="158694" spans="8:8">
      <c r="H158694" s="12"/>
    </row>
    <row r="158695" spans="8:8">
      <c r="H158695" s="12"/>
    </row>
    <row r="158696" spans="8:8">
      <c r="H158696" s="12"/>
    </row>
    <row r="158697" spans="8:8">
      <c r="H158697" s="12"/>
    </row>
    <row r="158698" spans="8:8">
      <c r="H158698" s="12"/>
    </row>
    <row r="158699" spans="8:8">
      <c r="H158699" s="12"/>
    </row>
    <row r="158700" spans="8:8">
      <c r="H158700" s="12"/>
    </row>
    <row r="158701" spans="8:8">
      <c r="H158701" s="12"/>
    </row>
    <row r="158702" spans="8:8">
      <c r="H158702" s="12"/>
    </row>
    <row r="158703" spans="8:8">
      <c r="H158703" s="12"/>
    </row>
    <row r="158704" spans="8:8">
      <c r="H158704" s="12"/>
    </row>
    <row r="158705" spans="8:8">
      <c r="H158705" s="12"/>
    </row>
    <row r="158706" spans="8:8">
      <c r="H158706" s="12"/>
    </row>
    <row r="158707" spans="8:8">
      <c r="H158707" s="12"/>
    </row>
    <row r="158708" spans="8:8">
      <c r="H158708" s="12"/>
    </row>
    <row r="158709" spans="8:8">
      <c r="H158709" s="12"/>
    </row>
    <row r="158710" spans="8:8">
      <c r="H158710" s="12"/>
    </row>
    <row r="158711" spans="8:8">
      <c r="H158711" s="12"/>
    </row>
    <row r="158712" spans="8:8">
      <c r="H158712" s="12"/>
    </row>
    <row r="158713" spans="8:8">
      <c r="H158713" s="12"/>
    </row>
    <row r="158714" spans="8:8">
      <c r="H158714" s="12"/>
    </row>
    <row r="158715" spans="8:8">
      <c r="H158715" s="12"/>
    </row>
    <row r="158716" spans="8:8">
      <c r="H158716" s="12"/>
    </row>
    <row r="158717" spans="8:8">
      <c r="H158717" s="12"/>
    </row>
    <row r="158718" spans="8:8">
      <c r="H158718" s="12"/>
    </row>
    <row r="158719" spans="8:8">
      <c r="H158719" s="12"/>
    </row>
    <row r="158720" spans="8:8">
      <c r="H158720" s="12"/>
    </row>
    <row r="158721" spans="8:8">
      <c r="H158721" s="12"/>
    </row>
    <row r="158722" spans="8:8">
      <c r="H158722" s="12"/>
    </row>
    <row r="158723" spans="8:8">
      <c r="H158723" s="12"/>
    </row>
    <row r="158724" spans="8:8">
      <c r="H158724" s="12"/>
    </row>
    <row r="158725" spans="8:8">
      <c r="H158725" s="12"/>
    </row>
    <row r="158726" spans="8:8">
      <c r="H158726" s="12"/>
    </row>
    <row r="158727" spans="8:8">
      <c r="H158727" s="12"/>
    </row>
    <row r="158728" spans="8:8">
      <c r="H158728" s="12"/>
    </row>
    <row r="158729" spans="8:8">
      <c r="H158729" s="12"/>
    </row>
    <row r="158730" spans="8:8">
      <c r="H158730" s="12"/>
    </row>
    <row r="158731" spans="8:8">
      <c r="H158731" s="12"/>
    </row>
    <row r="158732" spans="8:8">
      <c r="H158732" s="12"/>
    </row>
    <row r="158733" spans="8:8">
      <c r="H158733" s="12"/>
    </row>
    <row r="158734" spans="8:8">
      <c r="H158734" s="12"/>
    </row>
    <row r="158735" spans="8:8">
      <c r="H158735" s="12"/>
    </row>
    <row r="158736" spans="8:8">
      <c r="H158736" s="12"/>
    </row>
    <row r="158737" spans="8:8">
      <c r="H158737" s="12"/>
    </row>
    <row r="158738" spans="8:8">
      <c r="H158738" s="12"/>
    </row>
    <row r="158739" spans="8:8">
      <c r="H158739" s="12"/>
    </row>
    <row r="158740" spans="8:8">
      <c r="H158740" s="12"/>
    </row>
    <row r="158741" spans="8:8">
      <c r="H158741" s="12"/>
    </row>
    <row r="158742" spans="8:8">
      <c r="H158742" s="12"/>
    </row>
    <row r="158743" spans="8:8">
      <c r="H158743" s="12"/>
    </row>
    <row r="158744" spans="8:8">
      <c r="H158744" s="12"/>
    </row>
    <row r="158745" spans="8:8">
      <c r="H158745" s="12"/>
    </row>
    <row r="158746" spans="8:8">
      <c r="H158746" s="12"/>
    </row>
    <row r="158747" spans="8:8">
      <c r="H158747" s="12"/>
    </row>
    <row r="158748" spans="8:8">
      <c r="H158748" s="12"/>
    </row>
    <row r="158749" spans="8:8">
      <c r="H158749" s="12"/>
    </row>
    <row r="158750" spans="8:8">
      <c r="H158750" s="12"/>
    </row>
    <row r="158751" spans="8:8">
      <c r="H158751" s="12"/>
    </row>
    <row r="158752" spans="8:8">
      <c r="H158752" s="12"/>
    </row>
    <row r="158753" spans="8:8">
      <c r="H158753" s="12"/>
    </row>
    <row r="158754" spans="8:8">
      <c r="H158754" s="12"/>
    </row>
    <row r="158755" spans="8:8">
      <c r="H158755" s="12"/>
    </row>
    <row r="158756" spans="8:8">
      <c r="H158756" s="12"/>
    </row>
    <row r="158757" spans="8:8">
      <c r="H158757" s="12"/>
    </row>
    <row r="158758" spans="8:8">
      <c r="H158758" s="12"/>
    </row>
    <row r="158759" spans="8:8">
      <c r="H158759" s="12"/>
    </row>
    <row r="158760" spans="8:8">
      <c r="H158760" s="12"/>
    </row>
    <row r="158761" spans="8:8">
      <c r="H158761" s="12"/>
    </row>
    <row r="158762" spans="8:8">
      <c r="H158762" s="12"/>
    </row>
    <row r="158763" spans="8:8">
      <c r="H158763" s="12"/>
    </row>
    <row r="158764" spans="8:8">
      <c r="H158764" s="12"/>
    </row>
    <row r="158765" spans="8:8">
      <c r="H158765" s="12"/>
    </row>
    <row r="158766" spans="8:8">
      <c r="H158766" s="12"/>
    </row>
    <row r="158767" spans="8:8">
      <c r="H158767" s="12"/>
    </row>
    <row r="158768" spans="8:8">
      <c r="H158768" s="12"/>
    </row>
    <row r="158769" spans="8:8">
      <c r="H158769" s="12"/>
    </row>
    <row r="158770" spans="8:8">
      <c r="H158770" s="12"/>
    </row>
    <row r="158771" spans="8:8">
      <c r="H158771" s="12"/>
    </row>
    <row r="158772" spans="8:8">
      <c r="H158772" s="12"/>
    </row>
    <row r="158773" spans="8:8">
      <c r="H158773" s="12"/>
    </row>
    <row r="158774" spans="8:8">
      <c r="H158774" s="12"/>
    </row>
    <row r="158775" spans="8:8">
      <c r="H158775" s="12"/>
    </row>
    <row r="158776" spans="8:8">
      <c r="H158776" s="12"/>
    </row>
    <row r="158777" spans="8:8">
      <c r="H158777" s="12"/>
    </row>
    <row r="158778" spans="8:8">
      <c r="H158778" s="12"/>
    </row>
    <row r="158779" spans="8:8">
      <c r="H158779" s="12"/>
    </row>
    <row r="158780" spans="8:8">
      <c r="H158780" s="12"/>
    </row>
    <row r="158781" spans="8:8">
      <c r="H158781" s="12"/>
    </row>
    <row r="158782" spans="8:8">
      <c r="H158782" s="12"/>
    </row>
    <row r="158783" spans="8:8">
      <c r="H158783" s="12"/>
    </row>
    <row r="158784" spans="8:8">
      <c r="H158784" s="12"/>
    </row>
    <row r="158785" spans="8:8">
      <c r="H158785" s="12"/>
    </row>
    <row r="158786" spans="8:8">
      <c r="H158786" s="12"/>
    </row>
    <row r="158787" spans="8:8">
      <c r="H158787" s="12"/>
    </row>
    <row r="158788" spans="8:8">
      <c r="H158788" s="12"/>
    </row>
    <row r="158789" spans="8:8">
      <c r="H158789" s="12"/>
    </row>
    <row r="158790" spans="8:8">
      <c r="H158790" s="12"/>
    </row>
    <row r="158791" spans="8:8">
      <c r="H158791" s="12"/>
    </row>
    <row r="158792" spans="8:8">
      <c r="H158792" s="12"/>
    </row>
    <row r="158793" spans="8:8">
      <c r="H158793" s="12"/>
    </row>
    <row r="158794" spans="8:8">
      <c r="H158794" s="12"/>
    </row>
    <row r="158795" spans="8:8">
      <c r="H158795" s="12"/>
    </row>
    <row r="158796" spans="8:8">
      <c r="H158796" s="12"/>
    </row>
    <row r="158797" spans="8:8">
      <c r="H158797" s="12"/>
    </row>
    <row r="158798" spans="8:8">
      <c r="H158798" s="12"/>
    </row>
    <row r="158799" spans="8:8">
      <c r="H158799" s="12"/>
    </row>
    <row r="158800" spans="8:8">
      <c r="H158800" s="12"/>
    </row>
    <row r="158801" spans="8:8">
      <c r="H158801" s="12"/>
    </row>
    <row r="158802" spans="8:8">
      <c r="H158802" s="12"/>
    </row>
    <row r="158803" spans="8:8">
      <c r="H158803" s="12"/>
    </row>
    <row r="158804" spans="8:8">
      <c r="H158804" s="12"/>
    </row>
    <row r="158805" spans="8:8">
      <c r="H158805" s="12"/>
    </row>
    <row r="158806" spans="8:8">
      <c r="H158806" s="12"/>
    </row>
    <row r="158807" spans="8:8">
      <c r="H158807" s="12"/>
    </row>
    <row r="158808" spans="8:8">
      <c r="H158808" s="12"/>
    </row>
    <row r="158809" spans="8:8">
      <c r="H158809" s="12"/>
    </row>
    <row r="158810" spans="8:8">
      <c r="H158810" s="12"/>
    </row>
    <row r="158811" spans="8:8">
      <c r="H158811" s="12"/>
    </row>
    <row r="158812" spans="8:8">
      <c r="H158812" s="12"/>
    </row>
    <row r="158813" spans="8:8">
      <c r="H158813" s="12"/>
    </row>
    <row r="158814" spans="8:8">
      <c r="H158814" s="12"/>
    </row>
    <row r="158815" spans="8:8">
      <c r="H158815" s="12"/>
    </row>
    <row r="158816" spans="8:8">
      <c r="H158816" s="12"/>
    </row>
    <row r="158817" spans="8:8">
      <c r="H158817" s="12"/>
    </row>
    <row r="158818" spans="8:8">
      <c r="H158818" s="12"/>
    </row>
    <row r="158819" spans="8:8">
      <c r="H158819" s="12"/>
    </row>
    <row r="158820" spans="8:8">
      <c r="H158820" s="12"/>
    </row>
    <row r="158821" spans="8:8">
      <c r="H158821" s="12"/>
    </row>
    <row r="158822" spans="8:8">
      <c r="H158822" s="12"/>
    </row>
    <row r="158823" spans="8:8">
      <c r="H158823" s="12"/>
    </row>
    <row r="158824" spans="8:8">
      <c r="H158824" s="12"/>
    </row>
    <row r="158825" spans="8:8">
      <c r="H158825" s="12"/>
    </row>
    <row r="158826" spans="8:8">
      <c r="H158826" s="12"/>
    </row>
    <row r="158827" spans="8:8">
      <c r="H158827" s="12"/>
    </row>
    <row r="158828" spans="8:8">
      <c r="H158828" s="12"/>
    </row>
    <row r="158829" spans="8:8">
      <c r="H158829" s="12"/>
    </row>
    <row r="158830" spans="8:8">
      <c r="H158830" s="12"/>
    </row>
    <row r="158831" spans="8:8">
      <c r="H158831" s="12"/>
    </row>
    <row r="158832" spans="8:8">
      <c r="H158832" s="12"/>
    </row>
    <row r="158833" spans="8:8">
      <c r="H158833" s="12"/>
    </row>
    <row r="158834" spans="8:8">
      <c r="H158834" s="12"/>
    </row>
    <row r="158835" spans="8:8">
      <c r="H158835" s="12"/>
    </row>
    <row r="158836" spans="8:8">
      <c r="H158836" s="12"/>
    </row>
    <row r="158837" spans="8:8">
      <c r="H158837" s="12"/>
    </row>
    <row r="158838" spans="8:8">
      <c r="H158838" s="12"/>
    </row>
    <row r="158839" spans="8:8">
      <c r="H158839" s="12"/>
    </row>
    <row r="158840" spans="8:8">
      <c r="H158840" s="12"/>
    </row>
    <row r="158841" spans="8:8">
      <c r="H158841" s="12"/>
    </row>
    <row r="158842" spans="8:8">
      <c r="H158842" s="12"/>
    </row>
    <row r="158843" spans="8:8">
      <c r="H158843" s="12"/>
    </row>
    <row r="158844" spans="8:8">
      <c r="H158844" s="12"/>
    </row>
    <row r="158845" spans="8:8">
      <c r="H158845" s="12"/>
    </row>
    <row r="158846" spans="8:8">
      <c r="H158846" s="12"/>
    </row>
    <row r="158847" spans="8:8">
      <c r="H158847" s="12"/>
    </row>
    <row r="158848" spans="8:8">
      <c r="H158848" s="12"/>
    </row>
    <row r="158849" spans="8:8">
      <c r="H158849" s="12"/>
    </row>
    <row r="158850" spans="8:8">
      <c r="H158850" s="12"/>
    </row>
    <row r="158851" spans="8:8">
      <c r="H158851" s="12"/>
    </row>
    <row r="158852" spans="8:8">
      <c r="H158852" s="12"/>
    </row>
    <row r="158853" spans="8:8">
      <c r="H158853" s="12"/>
    </row>
    <row r="158854" spans="8:8">
      <c r="H158854" s="12"/>
    </row>
    <row r="158855" spans="8:8">
      <c r="H158855" s="12"/>
    </row>
    <row r="158856" spans="8:8">
      <c r="H158856" s="12"/>
    </row>
    <row r="158857" spans="8:8">
      <c r="H158857" s="12"/>
    </row>
    <row r="158858" spans="8:8">
      <c r="H158858" s="12"/>
    </row>
    <row r="158859" spans="8:8">
      <c r="H158859" s="12"/>
    </row>
    <row r="158860" spans="8:8">
      <c r="H158860" s="12"/>
    </row>
    <row r="158861" spans="8:8">
      <c r="H158861" s="12"/>
    </row>
    <row r="158862" spans="8:8">
      <c r="H158862" s="12"/>
    </row>
    <row r="158863" spans="8:8">
      <c r="H158863" s="12"/>
    </row>
    <row r="158864" spans="8:8">
      <c r="H158864" s="12"/>
    </row>
    <row r="158865" spans="8:8">
      <c r="H158865" s="12"/>
    </row>
    <row r="158866" spans="8:8">
      <c r="H158866" s="12"/>
    </row>
    <row r="158867" spans="8:8">
      <c r="H158867" s="12"/>
    </row>
    <row r="158868" spans="8:8">
      <c r="H158868" s="12"/>
    </row>
    <row r="158869" spans="8:8">
      <c r="H158869" s="12"/>
    </row>
    <row r="158870" spans="8:8">
      <c r="H158870" s="12"/>
    </row>
    <row r="158871" spans="8:8">
      <c r="H158871" s="12"/>
    </row>
    <row r="158872" spans="8:8">
      <c r="H158872" s="12"/>
    </row>
    <row r="158873" spans="8:8">
      <c r="H158873" s="12"/>
    </row>
    <row r="158874" spans="8:8">
      <c r="H158874" s="12"/>
    </row>
    <row r="158875" spans="8:8">
      <c r="H158875" s="12"/>
    </row>
    <row r="158876" spans="8:8">
      <c r="H158876" s="12"/>
    </row>
    <row r="158877" spans="8:8">
      <c r="H158877" s="12"/>
    </row>
    <row r="158878" spans="8:8">
      <c r="H158878" s="12"/>
    </row>
    <row r="158879" spans="8:8">
      <c r="H158879" s="12"/>
    </row>
    <row r="158880" spans="8:8">
      <c r="H158880" s="12"/>
    </row>
    <row r="158881" spans="8:8">
      <c r="H158881" s="12"/>
    </row>
    <row r="158882" spans="8:8">
      <c r="H158882" s="12"/>
    </row>
    <row r="158883" spans="8:8">
      <c r="H158883" s="12"/>
    </row>
    <row r="158884" spans="8:8">
      <c r="H158884" s="12"/>
    </row>
    <row r="158885" spans="8:8">
      <c r="H158885" s="12"/>
    </row>
    <row r="158886" spans="8:8">
      <c r="H158886" s="12"/>
    </row>
    <row r="158887" spans="8:8">
      <c r="H158887" s="12"/>
    </row>
    <row r="158888" spans="8:8">
      <c r="H158888" s="12"/>
    </row>
    <row r="158889" spans="8:8">
      <c r="H158889" s="12"/>
    </row>
    <row r="158890" spans="8:8">
      <c r="H158890" s="12"/>
    </row>
    <row r="158891" spans="8:8">
      <c r="H158891" s="12"/>
    </row>
    <row r="158892" spans="8:8">
      <c r="H158892" s="12"/>
    </row>
    <row r="158893" spans="8:8">
      <c r="H158893" s="12"/>
    </row>
    <row r="158894" spans="8:8">
      <c r="H158894" s="12"/>
    </row>
    <row r="158895" spans="8:8">
      <c r="H158895" s="12"/>
    </row>
    <row r="158896" spans="8:8">
      <c r="H158896" s="12"/>
    </row>
    <row r="158897" spans="8:8">
      <c r="H158897" s="12"/>
    </row>
    <row r="158898" spans="8:8">
      <c r="H158898" s="12"/>
    </row>
    <row r="158899" spans="8:8">
      <c r="H158899" s="12"/>
    </row>
    <row r="158900" spans="8:8">
      <c r="H158900" s="12"/>
    </row>
    <row r="158901" spans="8:8">
      <c r="H158901" s="12"/>
    </row>
    <row r="158902" spans="8:8">
      <c r="H158902" s="12"/>
    </row>
    <row r="158903" spans="8:8">
      <c r="H158903" s="12"/>
    </row>
    <row r="158904" spans="8:8">
      <c r="H158904" s="12"/>
    </row>
    <row r="158905" spans="8:8">
      <c r="H158905" s="12"/>
    </row>
    <row r="158906" spans="8:8">
      <c r="H158906" s="12"/>
    </row>
    <row r="158907" spans="8:8">
      <c r="H158907" s="12"/>
    </row>
    <row r="158908" spans="8:8">
      <c r="H158908" s="12"/>
    </row>
    <row r="158909" spans="8:8">
      <c r="H158909" s="12"/>
    </row>
    <row r="158910" spans="8:8">
      <c r="H158910" s="12"/>
    </row>
    <row r="158911" spans="8:8">
      <c r="H158911" s="12"/>
    </row>
    <row r="158912" spans="8:8">
      <c r="H158912" s="12"/>
    </row>
    <row r="158913" spans="8:8">
      <c r="H158913" s="12"/>
    </row>
    <row r="158914" spans="8:8">
      <c r="H158914" s="12"/>
    </row>
    <row r="158915" spans="8:8">
      <c r="H158915" s="12"/>
    </row>
    <row r="158916" spans="8:8">
      <c r="H158916" s="12"/>
    </row>
    <row r="158917" spans="8:8">
      <c r="H158917" s="12"/>
    </row>
    <row r="158918" spans="8:8">
      <c r="H158918" s="12"/>
    </row>
    <row r="158919" spans="8:8">
      <c r="H158919" s="12"/>
    </row>
    <row r="158920" spans="8:8">
      <c r="H158920" s="12"/>
    </row>
    <row r="158921" spans="8:8">
      <c r="H158921" s="12"/>
    </row>
    <row r="158922" spans="8:8">
      <c r="H158922" s="12"/>
    </row>
    <row r="158923" spans="8:8">
      <c r="H158923" s="12"/>
    </row>
    <row r="158924" spans="8:8">
      <c r="H158924" s="12"/>
    </row>
    <row r="158925" spans="8:8">
      <c r="H158925" s="12"/>
    </row>
    <row r="158926" spans="8:8">
      <c r="H158926" s="12"/>
    </row>
    <row r="158927" spans="8:8">
      <c r="H158927" s="12"/>
    </row>
    <row r="158928" spans="8:8">
      <c r="H158928" s="12"/>
    </row>
    <row r="158929" spans="8:8">
      <c r="H158929" s="12"/>
    </row>
    <row r="158930" spans="8:8">
      <c r="H158930" s="12"/>
    </row>
    <row r="158931" spans="8:8">
      <c r="H158931" s="12"/>
    </row>
    <row r="158932" spans="8:8">
      <c r="H158932" s="12"/>
    </row>
    <row r="158933" spans="8:8">
      <c r="H158933" s="12"/>
    </row>
    <row r="158934" spans="8:8">
      <c r="H158934" s="12"/>
    </row>
    <row r="158935" spans="8:8">
      <c r="H158935" s="12"/>
    </row>
    <row r="158936" spans="8:8">
      <c r="H158936" s="12"/>
    </row>
    <row r="158937" spans="8:8">
      <c r="H158937" s="12"/>
    </row>
    <row r="158938" spans="8:8">
      <c r="H158938" s="12"/>
    </row>
    <row r="158939" spans="8:8">
      <c r="H158939" s="12"/>
    </row>
    <row r="158940" spans="8:8">
      <c r="H158940" s="12"/>
    </row>
    <row r="158941" spans="8:8">
      <c r="H158941" s="12"/>
    </row>
    <row r="158942" spans="8:8">
      <c r="H158942" s="12"/>
    </row>
    <row r="158943" spans="8:8">
      <c r="H158943" s="12"/>
    </row>
    <row r="158944" spans="8:8">
      <c r="H158944" s="12"/>
    </row>
    <row r="158945" spans="8:8">
      <c r="H158945" s="12"/>
    </row>
    <row r="158946" spans="8:8">
      <c r="H158946" s="12"/>
    </row>
    <row r="158947" spans="8:8">
      <c r="H158947" s="12"/>
    </row>
    <row r="158948" spans="8:8">
      <c r="H158948" s="12"/>
    </row>
    <row r="158949" spans="8:8">
      <c r="H158949" s="12"/>
    </row>
    <row r="158950" spans="8:8">
      <c r="H158950" s="12"/>
    </row>
    <row r="158951" spans="8:8">
      <c r="H158951" s="12"/>
    </row>
    <row r="158952" spans="8:8">
      <c r="H158952" s="12"/>
    </row>
    <row r="158953" spans="8:8">
      <c r="H158953" s="12"/>
    </row>
    <row r="158954" spans="8:8">
      <c r="H158954" s="12"/>
    </row>
    <row r="158955" spans="8:8">
      <c r="H158955" s="12"/>
    </row>
    <row r="158956" spans="8:8">
      <c r="H158956" s="12"/>
    </row>
    <row r="158957" spans="8:8">
      <c r="H158957" s="12"/>
    </row>
    <row r="158958" spans="8:8">
      <c r="H158958" s="12"/>
    </row>
    <row r="158959" spans="8:8">
      <c r="H158959" s="12"/>
    </row>
    <row r="158960" spans="8:8">
      <c r="H158960" s="12"/>
    </row>
    <row r="158961" spans="8:8">
      <c r="H158961" s="12"/>
    </row>
    <row r="158962" spans="8:8">
      <c r="H158962" s="12"/>
    </row>
    <row r="158963" spans="8:8">
      <c r="H158963" s="12"/>
    </row>
    <row r="158964" spans="8:8">
      <c r="H158964" s="12"/>
    </row>
    <row r="158965" spans="8:8">
      <c r="H158965" s="12"/>
    </row>
    <row r="158966" spans="8:8">
      <c r="H158966" s="12"/>
    </row>
    <row r="158967" spans="8:8">
      <c r="H158967" s="12"/>
    </row>
    <row r="158968" spans="8:8">
      <c r="H158968" s="12"/>
    </row>
    <row r="158969" spans="8:8">
      <c r="H158969" s="12"/>
    </row>
    <row r="158970" spans="8:8">
      <c r="H158970" s="12"/>
    </row>
    <row r="158971" spans="8:8">
      <c r="H158971" s="12"/>
    </row>
    <row r="158972" spans="8:8">
      <c r="H158972" s="12"/>
    </row>
    <row r="158973" spans="8:8">
      <c r="H158973" s="12"/>
    </row>
    <row r="158974" spans="8:8">
      <c r="H158974" s="12"/>
    </row>
    <row r="158975" spans="8:8">
      <c r="H158975" s="12"/>
    </row>
    <row r="158976" spans="8:8">
      <c r="H158976" s="12"/>
    </row>
    <row r="158977" spans="8:8">
      <c r="H158977" s="12"/>
    </row>
    <row r="158978" spans="8:8">
      <c r="H158978" s="12"/>
    </row>
    <row r="158979" spans="8:8">
      <c r="H158979" s="12"/>
    </row>
    <row r="158980" spans="8:8">
      <c r="H158980" s="12"/>
    </row>
    <row r="158981" spans="8:8">
      <c r="H158981" s="12"/>
    </row>
    <row r="158982" spans="8:8">
      <c r="H158982" s="12"/>
    </row>
    <row r="158983" spans="8:8">
      <c r="H158983" s="12"/>
    </row>
    <row r="158984" spans="8:8">
      <c r="H158984" s="12"/>
    </row>
    <row r="158985" spans="8:8">
      <c r="H158985" s="12"/>
    </row>
    <row r="158986" spans="8:8">
      <c r="H158986" s="12"/>
    </row>
    <row r="158987" spans="8:8">
      <c r="H158987" s="12"/>
    </row>
    <row r="158988" spans="8:8">
      <c r="H158988" s="12"/>
    </row>
    <row r="158989" spans="8:8">
      <c r="H158989" s="12"/>
    </row>
    <row r="158990" spans="8:8">
      <c r="H158990" s="12"/>
    </row>
    <row r="158991" spans="8:8">
      <c r="H158991" s="12"/>
    </row>
    <row r="158992" spans="8:8">
      <c r="H158992" s="12"/>
    </row>
    <row r="158993" spans="8:8">
      <c r="H158993" s="12"/>
    </row>
    <row r="158994" spans="8:8">
      <c r="H158994" s="12"/>
    </row>
    <row r="158995" spans="8:8">
      <c r="H158995" s="12"/>
    </row>
    <row r="158996" spans="8:8">
      <c r="H158996" s="12"/>
    </row>
    <row r="158997" spans="8:8">
      <c r="H158997" s="12"/>
    </row>
    <row r="158998" spans="8:8">
      <c r="H158998" s="12"/>
    </row>
    <row r="158999" spans="8:8">
      <c r="H158999" s="12"/>
    </row>
    <row r="159000" spans="8:8">
      <c r="H159000" s="12"/>
    </row>
    <row r="159001" spans="8:8">
      <c r="H159001" s="12"/>
    </row>
    <row r="159002" spans="8:8">
      <c r="H159002" s="12"/>
    </row>
    <row r="159003" spans="8:8">
      <c r="H159003" s="12"/>
    </row>
    <row r="159004" spans="8:8">
      <c r="H159004" s="12"/>
    </row>
    <row r="159005" spans="8:8">
      <c r="H159005" s="12"/>
    </row>
    <row r="159006" spans="8:8">
      <c r="H159006" s="12"/>
    </row>
    <row r="159007" spans="8:8">
      <c r="H159007" s="12"/>
    </row>
    <row r="159008" spans="8:8">
      <c r="H159008" s="12"/>
    </row>
    <row r="159009" spans="8:8">
      <c r="H159009" s="12"/>
    </row>
    <row r="159010" spans="8:8">
      <c r="H159010" s="12"/>
    </row>
    <row r="159011" spans="8:8">
      <c r="H159011" s="12"/>
    </row>
    <row r="159012" spans="8:8">
      <c r="H159012" s="12"/>
    </row>
    <row r="159013" spans="8:8">
      <c r="H159013" s="12"/>
    </row>
    <row r="159014" spans="8:8">
      <c r="H159014" s="12"/>
    </row>
    <row r="159015" spans="8:8">
      <c r="H159015" s="12"/>
    </row>
    <row r="159016" spans="8:8">
      <c r="H159016" s="12"/>
    </row>
    <row r="159017" spans="8:8">
      <c r="H159017" s="12"/>
    </row>
    <row r="159018" spans="8:8">
      <c r="H159018" s="12"/>
    </row>
    <row r="159019" spans="8:8">
      <c r="H159019" s="12"/>
    </row>
    <row r="159020" spans="8:8">
      <c r="H159020" s="12"/>
    </row>
    <row r="159021" spans="8:8">
      <c r="H159021" s="12"/>
    </row>
    <row r="159022" spans="8:8">
      <c r="H159022" s="12"/>
    </row>
    <row r="159023" spans="8:8">
      <c r="H159023" s="12"/>
    </row>
    <row r="159024" spans="8:8">
      <c r="H159024" s="12"/>
    </row>
    <row r="159025" spans="8:8">
      <c r="H159025" s="12"/>
    </row>
    <row r="159026" spans="8:8">
      <c r="H159026" s="12"/>
    </row>
    <row r="159027" spans="8:8">
      <c r="H159027" s="12"/>
    </row>
    <row r="159028" spans="8:8">
      <c r="H159028" s="12"/>
    </row>
    <row r="159029" spans="8:8">
      <c r="H159029" s="12"/>
    </row>
    <row r="159030" spans="8:8">
      <c r="H159030" s="12"/>
    </row>
    <row r="159031" spans="8:8">
      <c r="H159031" s="12"/>
    </row>
    <row r="159032" spans="8:8">
      <c r="H159032" s="12"/>
    </row>
    <row r="159033" spans="8:8">
      <c r="H159033" s="12"/>
    </row>
    <row r="159034" spans="8:8">
      <c r="H159034" s="12"/>
    </row>
    <row r="159035" spans="8:8">
      <c r="H159035" s="12"/>
    </row>
    <row r="159036" spans="8:8">
      <c r="H159036" s="12"/>
    </row>
    <row r="159037" spans="8:8">
      <c r="H159037" s="12"/>
    </row>
    <row r="159038" spans="8:8">
      <c r="H159038" s="12"/>
    </row>
    <row r="159039" spans="8:8">
      <c r="H159039" s="12"/>
    </row>
    <row r="159040" spans="8:8">
      <c r="H159040" s="12"/>
    </row>
    <row r="159041" spans="8:8">
      <c r="H159041" s="12"/>
    </row>
    <row r="159042" spans="8:8">
      <c r="H159042" s="12"/>
    </row>
    <row r="159043" spans="8:8">
      <c r="H159043" s="12"/>
    </row>
    <row r="159044" spans="8:8">
      <c r="H159044" s="12"/>
    </row>
    <row r="159045" spans="8:8">
      <c r="H159045" s="12"/>
    </row>
    <row r="159046" spans="8:8">
      <c r="H159046" s="12"/>
    </row>
    <row r="159047" spans="8:8">
      <c r="H159047" s="12"/>
    </row>
    <row r="159048" spans="8:8">
      <c r="H159048" s="12"/>
    </row>
    <row r="159049" spans="8:8">
      <c r="H159049" s="12"/>
    </row>
    <row r="159050" spans="8:8">
      <c r="H159050" s="12"/>
    </row>
    <row r="159051" spans="8:8">
      <c r="H159051" s="12"/>
    </row>
    <row r="159052" spans="8:8">
      <c r="H159052" s="12"/>
    </row>
    <row r="159053" spans="8:8">
      <c r="H159053" s="12"/>
    </row>
    <row r="159054" spans="8:8">
      <c r="H159054" s="12"/>
    </row>
    <row r="159055" spans="8:8">
      <c r="H159055" s="12"/>
    </row>
    <row r="159056" spans="8:8">
      <c r="H159056" s="12"/>
    </row>
    <row r="159057" spans="8:8">
      <c r="H159057" s="12"/>
    </row>
    <row r="159058" spans="8:8">
      <c r="H159058" s="12"/>
    </row>
    <row r="159059" spans="8:8">
      <c r="H159059" s="12"/>
    </row>
    <row r="159060" spans="8:8">
      <c r="H159060" s="12"/>
    </row>
    <row r="159061" spans="8:8">
      <c r="H159061" s="12"/>
    </row>
    <row r="159062" spans="8:8">
      <c r="H159062" s="12"/>
    </row>
    <row r="159063" spans="8:8">
      <c r="H159063" s="12"/>
    </row>
    <row r="159064" spans="8:8">
      <c r="H159064" s="12"/>
    </row>
    <row r="159065" spans="8:8">
      <c r="H159065" s="12"/>
    </row>
    <row r="159066" spans="8:8">
      <c r="H159066" s="12"/>
    </row>
    <row r="159067" spans="8:8">
      <c r="H159067" s="12"/>
    </row>
    <row r="159068" spans="8:8">
      <c r="H159068" s="12"/>
    </row>
    <row r="159069" spans="8:8">
      <c r="H159069" s="12"/>
    </row>
    <row r="159070" spans="8:8">
      <c r="H159070" s="12"/>
    </row>
    <row r="159071" spans="8:8">
      <c r="H159071" s="12"/>
    </row>
    <row r="159072" spans="8:8">
      <c r="H159072" s="12"/>
    </row>
    <row r="159073" spans="8:8">
      <c r="H159073" s="12"/>
    </row>
    <row r="159074" spans="8:8">
      <c r="H159074" s="12"/>
    </row>
    <row r="159075" spans="8:8">
      <c r="H159075" s="12"/>
    </row>
    <row r="159076" spans="8:8">
      <c r="H159076" s="12"/>
    </row>
    <row r="159077" spans="8:8">
      <c r="H159077" s="12"/>
    </row>
    <row r="159078" spans="8:8">
      <c r="H159078" s="12"/>
    </row>
    <row r="159079" spans="8:8">
      <c r="H159079" s="12"/>
    </row>
    <row r="159080" spans="8:8">
      <c r="H159080" s="12"/>
    </row>
    <row r="159081" spans="8:8">
      <c r="H159081" s="12"/>
    </row>
    <row r="159082" spans="8:8">
      <c r="H159082" s="12"/>
    </row>
    <row r="159083" spans="8:8">
      <c r="H159083" s="12"/>
    </row>
    <row r="159084" spans="8:8">
      <c r="H159084" s="12"/>
    </row>
    <row r="159085" spans="8:8">
      <c r="H159085" s="12"/>
    </row>
    <row r="159086" spans="8:8">
      <c r="H159086" s="12"/>
    </row>
    <row r="159087" spans="8:8">
      <c r="H159087" s="12"/>
    </row>
    <row r="159088" spans="8:8">
      <c r="H159088" s="12"/>
    </row>
    <row r="159089" spans="8:8">
      <c r="H159089" s="12"/>
    </row>
    <row r="159090" spans="8:8">
      <c r="H159090" s="12"/>
    </row>
    <row r="159091" spans="8:8">
      <c r="H159091" s="12"/>
    </row>
    <row r="159092" spans="8:8">
      <c r="H159092" s="12"/>
    </row>
    <row r="159093" spans="8:8">
      <c r="H159093" s="12"/>
    </row>
    <row r="159094" spans="8:8">
      <c r="H159094" s="12"/>
    </row>
    <row r="159095" spans="8:8">
      <c r="H159095" s="12"/>
    </row>
    <row r="159096" spans="8:8">
      <c r="H159096" s="12"/>
    </row>
    <row r="159097" spans="8:8">
      <c r="H159097" s="12"/>
    </row>
    <row r="159098" spans="8:8">
      <c r="H159098" s="12"/>
    </row>
    <row r="159099" spans="8:8">
      <c r="H159099" s="12"/>
    </row>
    <row r="159100" spans="8:8">
      <c r="H159100" s="12"/>
    </row>
    <row r="159101" spans="8:8">
      <c r="H159101" s="12"/>
    </row>
    <row r="159102" spans="8:8">
      <c r="H159102" s="12"/>
    </row>
    <row r="159103" spans="8:8">
      <c r="H159103" s="12"/>
    </row>
    <row r="159104" spans="8:8">
      <c r="H159104" s="12"/>
    </row>
    <row r="159105" spans="8:8">
      <c r="H159105" s="12"/>
    </row>
    <row r="159106" spans="8:8">
      <c r="H159106" s="12"/>
    </row>
    <row r="159107" spans="8:8">
      <c r="H159107" s="12"/>
    </row>
    <row r="159108" spans="8:8">
      <c r="H159108" s="12"/>
    </row>
    <row r="159109" spans="8:8">
      <c r="H159109" s="12"/>
    </row>
    <row r="159110" spans="8:8">
      <c r="H159110" s="12"/>
    </row>
    <row r="159111" spans="8:8">
      <c r="H159111" s="12"/>
    </row>
    <row r="159112" spans="8:8">
      <c r="H159112" s="12"/>
    </row>
    <row r="159113" spans="8:8">
      <c r="H159113" s="12"/>
    </row>
    <row r="159114" spans="8:8">
      <c r="H159114" s="12"/>
    </row>
    <row r="159115" spans="8:8">
      <c r="H159115" s="12"/>
    </row>
    <row r="159116" spans="8:8">
      <c r="H159116" s="12"/>
    </row>
    <row r="159117" spans="8:8">
      <c r="H159117" s="12"/>
    </row>
    <row r="159118" spans="8:8">
      <c r="H159118" s="12"/>
    </row>
    <row r="159119" spans="8:8">
      <c r="H159119" s="12"/>
    </row>
    <row r="159120" spans="8:8">
      <c r="H159120" s="12"/>
    </row>
    <row r="159121" spans="8:8">
      <c r="H159121" s="12"/>
    </row>
    <row r="159122" spans="8:8">
      <c r="H159122" s="12"/>
    </row>
    <row r="159123" spans="8:8">
      <c r="H159123" s="12"/>
    </row>
    <row r="159124" spans="8:8">
      <c r="H159124" s="12"/>
    </row>
    <row r="159125" spans="8:8">
      <c r="H159125" s="12"/>
    </row>
    <row r="159126" spans="8:8">
      <c r="H159126" s="12"/>
    </row>
    <row r="159127" spans="8:8">
      <c r="H159127" s="12"/>
    </row>
    <row r="159128" spans="8:8">
      <c r="H159128" s="12"/>
    </row>
    <row r="159129" spans="8:8">
      <c r="H159129" s="12"/>
    </row>
    <row r="159130" spans="8:8">
      <c r="H159130" s="12"/>
    </row>
    <row r="159131" spans="8:8">
      <c r="H159131" s="12"/>
    </row>
    <row r="159132" spans="8:8">
      <c r="H159132" s="12"/>
    </row>
    <row r="159133" spans="8:8">
      <c r="H159133" s="12"/>
    </row>
    <row r="159134" spans="8:8">
      <c r="H159134" s="12"/>
    </row>
    <row r="159135" spans="8:8">
      <c r="H159135" s="12"/>
    </row>
    <row r="159136" spans="8:8">
      <c r="H159136" s="12"/>
    </row>
    <row r="159137" spans="8:8">
      <c r="H159137" s="12"/>
    </row>
    <row r="159138" spans="8:8">
      <c r="H159138" s="12"/>
    </row>
    <row r="159139" spans="8:8">
      <c r="H159139" s="12"/>
    </row>
    <row r="159140" spans="8:8">
      <c r="H159140" s="12"/>
    </row>
    <row r="159141" spans="8:8">
      <c r="H159141" s="12"/>
    </row>
    <row r="159142" spans="8:8">
      <c r="H159142" s="12"/>
    </row>
    <row r="159143" spans="8:8">
      <c r="H159143" s="12"/>
    </row>
    <row r="159144" spans="8:8">
      <c r="H159144" s="12"/>
    </row>
    <row r="159145" spans="8:8">
      <c r="H159145" s="12"/>
    </row>
    <row r="159146" spans="8:8">
      <c r="H159146" s="12"/>
    </row>
    <row r="159147" spans="8:8">
      <c r="H159147" s="12"/>
    </row>
    <row r="159148" spans="8:8">
      <c r="H159148" s="12"/>
    </row>
    <row r="159149" spans="8:8">
      <c r="H159149" s="12"/>
    </row>
    <row r="159150" spans="8:8">
      <c r="H159150" s="12"/>
    </row>
    <row r="159151" spans="8:8">
      <c r="H159151" s="12"/>
    </row>
    <row r="159152" spans="8:8">
      <c r="H159152" s="12"/>
    </row>
    <row r="159153" spans="8:8">
      <c r="H159153" s="12"/>
    </row>
    <row r="159154" spans="8:8">
      <c r="H159154" s="12"/>
    </row>
    <row r="159155" spans="8:8">
      <c r="H159155" s="12"/>
    </row>
    <row r="159156" spans="8:8">
      <c r="H159156" s="12"/>
    </row>
    <row r="159157" spans="8:8">
      <c r="H159157" s="12"/>
    </row>
    <row r="159158" spans="8:8">
      <c r="H159158" s="12"/>
    </row>
    <row r="159159" spans="8:8">
      <c r="H159159" s="12"/>
    </row>
    <row r="159160" spans="8:8">
      <c r="H159160" s="12"/>
    </row>
    <row r="159161" spans="8:8">
      <c r="H159161" s="12"/>
    </row>
    <row r="159162" spans="8:8">
      <c r="H159162" s="12"/>
    </row>
    <row r="159163" spans="8:8">
      <c r="H159163" s="12"/>
    </row>
    <row r="159164" spans="8:8">
      <c r="H159164" s="12"/>
    </row>
    <row r="159165" spans="8:8">
      <c r="H159165" s="12"/>
    </row>
    <row r="159166" spans="8:8">
      <c r="H159166" s="12"/>
    </row>
    <row r="159167" spans="8:8">
      <c r="H159167" s="12"/>
    </row>
    <row r="159168" spans="8:8">
      <c r="H159168" s="12"/>
    </row>
    <row r="159169" spans="8:8">
      <c r="H159169" s="12"/>
    </row>
    <row r="159170" spans="8:8">
      <c r="H159170" s="12"/>
    </row>
    <row r="159171" spans="8:8">
      <c r="H159171" s="12"/>
    </row>
    <row r="159172" spans="8:8">
      <c r="H159172" s="12"/>
    </row>
    <row r="159173" spans="8:8">
      <c r="H159173" s="12"/>
    </row>
    <row r="159174" spans="8:8">
      <c r="H159174" s="12"/>
    </row>
    <row r="159175" spans="8:8">
      <c r="H159175" s="12"/>
    </row>
    <row r="159176" spans="8:8">
      <c r="H159176" s="12"/>
    </row>
    <row r="159177" spans="8:8">
      <c r="H159177" s="12"/>
    </row>
    <row r="159178" spans="8:8">
      <c r="H159178" s="12"/>
    </row>
    <row r="159179" spans="8:8">
      <c r="H159179" s="12"/>
    </row>
    <row r="159180" spans="8:8">
      <c r="H159180" s="12"/>
    </row>
    <row r="159181" spans="8:8">
      <c r="H159181" s="12"/>
    </row>
    <row r="159182" spans="8:8">
      <c r="H159182" s="12"/>
    </row>
    <row r="159183" spans="8:8">
      <c r="H159183" s="12"/>
    </row>
    <row r="159184" spans="8:8">
      <c r="H159184" s="12"/>
    </row>
    <row r="159185" spans="8:8">
      <c r="H159185" s="12"/>
    </row>
    <row r="159186" spans="8:8">
      <c r="H159186" s="12"/>
    </row>
    <row r="159187" spans="8:8">
      <c r="H159187" s="12"/>
    </row>
    <row r="159188" spans="8:8">
      <c r="H159188" s="12"/>
    </row>
    <row r="159189" spans="8:8">
      <c r="H159189" s="12"/>
    </row>
    <row r="159190" spans="8:8">
      <c r="H159190" s="12"/>
    </row>
    <row r="159191" spans="8:8">
      <c r="H159191" s="12"/>
    </row>
    <row r="159192" spans="8:8">
      <c r="H159192" s="12"/>
    </row>
    <row r="159193" spans="8:8">
      <c r="H159193" s="12"/>
    </row>
    <row r="159194" spans="8:8">
      <c r="H159194" s="12"/>
    </row>
    <row r="159195" spans="8:8">
      <c r="H159195" s="12"/>
    </row>
    <row r="159196" spans="8:8">
      <c r="H159196" s="12"/>
    </row>
    <row r="159197" spans="8:8">
      <c r="H159197" s="12"/>
    </row>
    <row r="159198" spans="8:8">
      <c r="H159198" s="12"/>
    </row>
    <row r="159199" spans="8:8">
      <c r="H159199" s="12"/>
    </row>
    <row r="159200" spans="8:8">
      <c r="H159200" s="12"/>
    </row>
    <row r="159201" spans="8:8">
      <c r="H159201" s="12"/>
    </row>
    <row r="159202" spans="8:8">
      <c r="H159202" s="12"/>
    </row>
    <row r="159203" spans="8:8">
      <c r="H159203" s="12"/>
    </row>
    <row r="159204" spans="8:8">
      <c r="H159204" s="12"/>
    </row>
    <row r="159205" spans="8:8">
      <c r="H159205" s="12"/>
    </row>
    <row r="159206" spans="8:8">
      <c r="H159206" s="12"/>
    </row>
    <row r="159207" spans="8:8">
      <c r="H159207" s="12"/>
    </row>
    <row r="159208" spans="8:8">
      <c r="H159208" s="12"/>
    </row>
    <row r="159209" spans="8:8">
      <c r="H159209" s="12"/>
    </row>
    <row r="159210" spans="8:8">
      <c r="H159210" s="12"/>
    </row>
    <row r="159211" spans="8:8">
      <c r="H159211" s="12"/>
    </row>
    <row r="159212" spans="8:8">
      <c r="H159212" s="12"/>
    </row>
    <row r="159213" spans="8:8">
      <c r="H159213" s="12"/>
    </row>
    <row r="159214" spans="8:8">
      <c r="H159214" s="12"/>
    </row>
    <row r="159215" spans="8:8">
      <c r="H159215" s="12"/>
    </row>
    <row r="159216" spans="8:8">
      <c r="H159216" s="12"/>
    </row>
    <row r="159217" spans="8:8">
      <c r="H159217" s="12"/>
    </row>
    <row r="159218" spans="8:8">
      <c r="H159218" s="12"/>
    </row>
    <row r="159219" spans="8:8">
      <c r="H159219" s="12"/>
    </row>
    <row r="159220" spans="8:8">
      <c r="H159220" s="12"/>
    </row>
    <row r="159221" spans="8:8">
      <c r="H159221" s="12"/>
    </row>
    <row r="159222" spans="8:8">
      <c r="H159222" s="12"/>
    </row>
    <row r="159223" spans="8:8">
      <c r="H159223" s="12"/>
    </row>
    <row r="159224" spans="8:8">
      <c r="H159224" s="12"/>
    </row>
    <row r="159225" spans="8:8">
      <c r="H159225" s="12"/>
    </row>
    <row r="159226" spans="8:8">
      <c r="H159226" s="12"/>
    </row>
    <row r="159227" spans="8:8">
      <c r="H159227" s="12"/>
    </row>
    <row r="159228" spans="8:8">
      <c r="H159228" s="12"/>
    </row>
    <row r="159229" spans="8:8">
      <c r="H159229" s="12"/>
    </row>
    <row r="159230" spans="8:8">
      <c r="H159230" s="12"/>
    </row>
    <row r="159231" spans="8:8">
      <c r="H159231" s="12"/>
    </row>
    <row r="159232" spans="8:8">
      <c r="H159232" s="12"/>
    </row>
    <row r="159233" spans="8:8">
      <c r="H159233" s="12"/>
    </row>
    <row r="159234" spans="8:8">
      <c r="H159234" s="12"/>
    </row>
    <row r="159235" spans="8:8">
      <c r="H159235" s="12"/>
    </row>
    <row r="159236" spans="8:8">
      <c r="H159236" s="12"/>
    </row>
    <row r="159237" spans="8:8">
      <c r="H159237" s="12"/>
    </row>
    <row r="159238" spans="8:8">
      <c r="H159238" s="12"/>
    </row>
    <row r="159239" spans="8:8">
      <c r="H159239" s="12"/>
    </row>
    <row r="159240" spans="8:8">
      <c r="H159240" s="12"/>
    </row>
    <row r="159241" spans="8:8">
      <c r="H159241" s="12"/>
    </row>
    <row r="159242" spans="8:8">
      <c r="H159242" s="12"/>
    </row>
    <row r="159243" spans="8:8">
      <c r="H159243" s="12"/>
    </row>
    <row r="159244" spans="8:8">
      <c r="H159244" s="12"/>
    </row>
    <row r="159245" spans="8:8">
      <c r="H159245" s="12"/>
    </row>
    <row r="159246" spans="8:8">
      <c r="H159246" s="12"/>
    </row>
    <row r="159247" spans="8:8">
      <c r="H159247" s="12"/>
    </row>
    <row r="159248" spans="8:8">
      <c r="H159248" s="12"/>
    </row>
    <row r="159249" spans="8:8">
      <c r="H159249" s="12"/>
    </row>
    <row r="159250" spans="8:8">
      <c r="H159250" s="12"/>
    </row>
    <row r="159251" spans="8:8">
      <c r="H159251" s="12"/>
    </row>
    <row r="159252" spans="8:8">
      <c r="H159252" s="12"/>
    </row>
    <row r="159253" spans="8:8">
      <c r="H159253" s="12"/>
    </row>
    <row r="159254" spans="8:8">
      <c r="H159254" s="12"/>
    </row>
    <row r="159255" spans="8:8">
      <c r="H159255" s="12"/>
    </row>
    <row r="159256" spans="8:8">
      <c r="H159256" s="12"/>
    </row>
    <row r="159257" spans="8:8">
      <c r="H159257" s="12"/>
    </row>
    <row r="159258" spans="8:8">
      <c r="H159258" s="12"/>
    </row>
    <row r="159259" spans="8:8">
      <c r="H159259" s="12"/>
    </row>
    <row r="159260" spans="8:8">
      <c r="H159260" s="12"/>
    </row>
    <row r="159261" spans="8:8">
      <c r="H159261" s="12"/>
    </row>
    <row r="159262" spans="8:8">
      <c r="H159262" s="12"/>
    </row>
    <row r="159263" spans="8:8">
      <c r="H159263" s="12"/>
    </row>
    <row r="159264" spans="8:8">
      <c r="H159264" s="12"/>
    </row>
    <row r="159265" spans="8:8">
      <c r="H159265" s="12"/>
    </row>
    <row r="159266" spans="8:8">
      <c r="H159266" s="12"/>
    </row>
    <row r="159267" spans="8:8">
      <c r="H159267" s="12"/>
    </row>
    <row r="159268" spans="8:8">
      <c r="H159268" s="12"/>
    </row>
    <row r="159269" spans="8:8">
      <c r="H159269" s="12"/>
    </row>
    <row r="159270" spans="8:8">
      <c r="H159270" s="12"/>
    </row>
    <row r="159271" spans="8:8">
      <c r="H159271" s="12"/>
    </row>
    <row r="159272" spans="8:8">
      <c r="H159272" s="12"/>
    </row>
    <row r="159273" spans="8:8">
      <c r="H159273" s="12"/>
    </row>
    <row r="159274" spans="8:8">
      <c r="H159274" s="12"/>
    </row>
    <row r="159275" spans="8:8">
      <c r="H159275" s="12"/>
    </row>
    <row r="159276" spans="8:8">
      <c r="H159276" s="12"/>
    </row>
    <row r="159277" spans="8:8">
      <c r="H159277" s="12"/>
    </row>
    <row r="159278" spans="8:8">
      <c r="H159278" s="12"/>
    </row>
    <row r="159279" spans="8:8">
      <c r="H159279" s="12"/>
    </row>
    <row r="159280" spans="8:8">
      <c r="H159280" s="12"/>
    </row>
    <row r="159281" spans="8:8">
      <c r="H159281" s="12"/>
    </row>
    <row r="159282" spans="8:8">
      <c r="H159282" s="12"/>
    </row>
    <row r="159283" spans="8:8">
      <c r="H159283" s="12"/>
    </row>
    <row r="159284" spans="8:8">
      <c r="H159284" s="12"/>
    </row>
    <row r="159285" spans="8:8">
      <c r="H159285" s="12"/>
    </row>
    <row r="159286" spans="8:8">
      <c r="H159286" s="12"/>
    </row>
    <row r="159287" spans="8:8">
      <c r="H159287" s="12"/>
    </row>
    <row r="159288" spans="8:8">
      <c r="H159288" s="12"/>
    </row>
    <row r="159289" spans="8:8">
      <c r="H159289" s="12"/>
    </row>
    <row r="159290" spans="8:8">
      <c r="H159290" s="12"/>
    </row>
    <row r="159291" spans="8:8">
      <c r="H159291" s="12"/>
    </row>
    <row r="159292" spans="8:8">
      <c r="H159292" s="12"/>
    </row>
    <row r="159293" spans="8:8">
      <c r="H159293" s="12"/>
    </row>
    <row r="159294" spans="8:8">
      <c r="H159294" s="12"/>
    </row>
    <row r="159295" spans="8:8">
      <c r="H159295" s="12"/>
    </row>
    <row r="159296" spans="8:8">
      <c r="H159296" s="12"/>
    </row>
    <row r="159297" spans="8:8">
      <c r="H159297" s="12"/>
    </row>
    <row r="159298" spans="8:8">
      <c r="H159298" s="12"/>
    </row>
    <row r="159299" spans="8:8">
      <c r="H159299" s="12"/>
    </row>
    <row r="159300" spans="8:8">
      <c r="H159300" s="12"/>
    </row>
    <row r="159301" spans="8:8">
      <c r="H159301" s="12"/>
    </row>
    <row r="159302" spans="8:8">
      <c r="H159302" s="12"/>
    </row>
    <row r="159303" spans="8:8">
      <c r="H159303" s="12"/>
    </row>
    <row r="159304" spans="8:8">
      <c r="H159304" s="12"/>
    </row>
    <row r="159305" spans="8:8">
      <c r="H159305" s="12"/>
    </row>
    <row r="159306" spans="8:8">
      <c r="H159306" s="12"/>
    </row>
    <row r="159307" spans="8:8">
      <c r="H159307" s="12"/>
    </row>
    <row r="159308" spans="8:8">
      <c r="H159308" s="12"/>
    </row>
    <row r="159309" spans="8:8">
      <c r="H159309" s="12"/>
    </row>
    <row r="159310" spans="8:8">
      <c r="H159310" s="12"/>
    </row>
    <row r="159311" spans="8:8">
      <c r="H159311" s="12"/>
    </row>
    <row r="159312" spans="8:8">
      <c r="H159312" s="12"/>
    </row>
    <row r="159313" spans="8:8">
      <c r="H159313" s="12"/>
    </row>
    <row r="159314" spans="8:8">
      <c r="H159314" s="12"/>
    </row>
    <row r="159315" spans="8:8">
      <c r="H159315" s="12"/>
    </row>
    <row r="159316" spans="8:8">
      <c r="H159316" s="12"/>
    </row>
    <row r="159317" spans="8:8">
      <c r="H159317" s="12"/>
    </row>
    <row r="159318" spans="8:8">
      <c r="H159318" s="12"/>
    </row>
    <row r="159319" spans="8:8">
      <c r="H159319" s="12"/>
    </row>
    <row r="159320" spans="8:8">
      <c r="H159320" s="12"/>
    </row>
    <row r="159321" spans="8:8">
      <c r="H159321" s="12"/>
    </row>
    <row r="159322" spans="8:8">
      <c r="H159322" s="12"/>
    </row>
    <row r="159323" spans="8:8">
      <c r="H159323" s="12"/>
    </row>
    <row r="159324" spans="8:8">
      <c r="H159324" s="12"/>
    </row>
    <row r="159325" spans="8:8">
      <c r="H159325" s="12"/>
    </row>
    <row r="159326" spans="8:8">
      <c r="H159326" s="12"/>
    </row>
    <row r="159327" spans="8:8">
      <c r="H159327" s="12"/>
    </row>
    <row r="159328" spans="8:8">
      <c r="H159328" s="12"/>
    </row>
    <row r="159329" spans="8:8">
      <c r="H159329" s="12"/>
    </row>
    <row r="159330" spans="8:8">
      <c r="H159330" s="12"/>
    </row>
    <row r="159331" spans="8:8">
      <c r="H159331" s="12"/>
    </row>
    <row r="159332" spans="8:8">
      <c r="H159332" s="12"/>
    </row>
    <row r="159333" spans="8:8">
      <c r="H159333" s="12"/>
    </row>
    <row r="159334" spans="8:8">
      <c r="H159334" s="12"/>
    </row>
    <row r="159335" spans="8:8">
      <c r="H159335" s="12"/>
    </row>
    <row r="159336" spans="8:8">
      <c r="H159336" s="12"/>
    </row>
    <row r="159337" spans="8:8">
      <c r="H159337" s="12"/>
    </row>
    <row r="159338" spans="8:8">
      <c r="H159338" s="12"/>
    </row>
    <row r="159339" spans="8:8">
      <c r="H159339" s="12"/>
    </row>
    <row r="159340" spans="8:8">
      <c r="H159340" s="12"/>
    </row>
    <row r="159341" spans="8:8">
      <c r="H159341" s="12"/>
    </row>
    <row r="159342" spans="8:8">
      <c r="H159342" s="12"/>
    </row>
    <row r="159343" spans="8:8">
      <c r="H159343" s="12"/>
    </row>
    <row r="159344" spans="8:8">
      <c r="H159344" s="12"/>
    </row>
    <row r="159345" spans="8:8">
      <c r="H159345" s="12"/>
    </row>
    <row r="159346" spans="8:8">
      <c r="H159346" s="12"/>
    </row>
    <row r="159347" spans="8:8">
      <c r="H159347" s="12"/>
    </row>
    <row r="159348" spans="8:8">
      <c r="H159348" s="12"/>
    </row>
    <row r="159349" spans="8:8">
      <c r="H159349" s="12"/>
    </row>
    <row r="159350" spans="8:8">
      <c r="H159350" s="12"/>
    </row>
    <row r="159351" spans="8:8">
      <c r="H159351" s="12"/>
    </row>
    <row r="159352" spans="8:8">
      <c r="H159352" s="12"/>
    </row>
    <row r="159353" spans="8:8">
      <c r="H159353" s="12"/>
    </row>
    <row r="159354" spans="8:8">
      <c r="H159354" s="12"/>
    </row>
    <row r="159355" spans="8:8">
      <c r="H159355" s="12"/>
    </row>
    <row r="159356" spans="8:8">
      <c r="H159356" s="12"/>
    </row>
    <row r="159357" spans="8:8">
      <c r="H159357" s="12"/>
    </row>
    <row r="159358" spans="8:8">
      <c r="H159358" s="12"/>
    </row>
    <row r="159359" spans="8:8">
      <c r="H159359" s="12"/>
    </row>
    <row r="159360" spans="8:8">
      <c r="H159360" s="12"/>
    </row>
    <row r="159361" spans="8:8">
      <c r="H159361" s="12"/>
    </row>
    <row r="159362" spans="8:8">
      <c r="H159362" s="12"/>
    </row>
    <row r="159363" spans="8:8">
      <c r="H159363" s="12"/>
    </row>
    <row r="159364" spans="8:8">
      <c r="H159364" s="12"/>
    </row>
    <row r="159365" spans="8:8">
      <c r="H159365" s="12"/>
    </row>
    <row r="159366" spans="8:8">
      <c r="H159366" s="12"/>
    </row>
    <row r="159367" spans="8:8">
      <c r="H159367" s="12"/>
    </row>
    <row r="159368" spans="8:8">
      <c r="H159368" s="12"/>
    </row>
    <row r="159369" spans="8:8">
      <c r="H159369" s="12"/>
    </row>
    <row r="159370" spans="8:8">
      <c r="H159370" s="12"/>
    </row>
    <row r="159371" spans="8:8">
      <c r="H159371" s="12"/>
    </row>
    <row r="159372" spans="8:8">
      <c r="H159372" s="12"/>
    </row>
    <row r="159373" spans="8:8">
      <c r="H159373" s="12"/>
    </row>
    <row r="159374" spans="8:8">
      <c r="H159374" s="12"/>
    </row>
    <row r="159375" spans="8:8">
      <c r="H159375" s="12"/>
    </row>
    <row r="159376" spans="8:8">
      <c r="H159376" s="12"/>
    </row>
    <row r="159377" spans="8:8">
      <c r="H159377" s="12"/>
    </row>
    <row r="159378" spans="8:8">
      <c r="H159378" s="12"/>
    </row>
    <row r="159379" spans="8:8">
      <c r="H159379" s="12"/>
    </row>
    <row r="159380" spans="8:8">
      <c r="H159380" s="12"/>
    </row>
    <row r="159381" spans="8:8">
      <c r="H159381" s="12"/>
    </row>
    <row r="159382" spans="8:8">
      <c r="H159382" s="12"/>
    </row>
    <row r="159383" spans="8:8">
      <c r="H159383" s="12"/>
    </row>
    <row r="159384" spans="8:8">
      <c r="H159384" s="12"/>
    </row>
    <row r="159385" spans="8:8">
      <c r="H159385" s="12"/>
    </row>
    <row r="159386" spans="8:8">
      <c r="H159386" s="12"/>
    </row>
    <row r="159387" spans="8:8">
      <c r="H159387" s="12"/>
    </row>
    <row r="159388" spans="8:8">
      <c r="H159388" s="12"/>
    </row>
    <row r="159389" spans="8:8">
      <c r="H159389" s="12"/>
    </row>
    <row r="159390" spans="8:8">
      <c r="H159390" s="12"/>
    </row>
    <row r="159391" spans="8:8">
      <c r="H159391" s="12"/>
    </row>
    <row r="159392" spans="8:8">
      <c r="H159392" s="12"/>
    </row>
    <row r="159393" spans="8:8">
      <c r="H159393" s="12"/>
    </row>
    <row r="159394" spans="8:8">
      <c r="H159394" s="12"/>
    </row>
    <row r="159395" spans="8:8">
      <c r="H159395" s="12"/>
    </row>
    <row r="159396" spans="8:8">
      <c r="H159396" s="12"/>
    </row>
    <row r="159397" spans="8:8">
      <c r="H159397" s="12"/>
    </row>
    <row r="159398" spans="8:8">
      <c r="H159398" s="12"/>
    </row>
    <row r="159399" spans="8:8">
      <c r="H159399" s="12"/>
    </row>
    <row r="159400" spans="8:8">
      <c r="H159400" s="12"/>
    </row>
    <row r="159401" spans="8:8">
      <c r="H159401" s="12"/>
    </row>
    <row r="159402" spans="8:8">
      <c r="H159402" s="12"/>
    </row>
    <row r="159403" spans="8:8">
      <c r="H159403" s="12"/>
    </row>
    <row r="159404" spans="8:8">
      <c r="H159404" s="12"/>
    </row>
    <row r="159405" spans="8:8">
      <c r="H159405" s="12"/>
    </row>
    <row r="159406" spans="8:8">
      <c r="H159406" s="12"/>
    </row>
    <row r="159407" spans="8:8">
      <c r="H159407" s="12"/>
    </row>
    <row r="159408" spans="8:8">
      <c r="H159408" s="12"/>
    </row>
    <row r="159409" spans="8:8">
      <c r="H159409" s="12"/>
    </row>
    <row r="159410" spans="8:8">
      <c r="H159410" s="12"/>
    </row>
    <row r="159411" spans="8:8">
      <c r="H159411" s="12"/>
    </row>
    <row r="159412" spans="8:8">
      <c r="H159412" s="12"/>
    </row>
    <row r="159413" spans="8:8">
      <c r="H159413" s="12"/>
    </row>
    <row r="159414" spans="8:8">
      <c r="H159414" s="12"/>
    </row>
    <row r="159415" spans="8:8">
      <c r="H159415" s="12"/>
    </row>
    <row r="159416" spans="8:8">
      <c r="H159416" s="12"/>
    </row>
    <row r="159417" spans="8:8">
      <c r="H159417" s="12"/>
    </row>
    <row r="159418" spans="8:8">
      <c r="H159418" s="12"/>
    </row>
    <row r="159419" spans="8:8">
      <c r="H159419" s="12"/>
    </row>
    <row r="159420" spans="8:8">
      <c r="H159420" s="12"/>
    </row>
    <row r="159421" spans="8:8">
      <c r="H159421" s="12"/>
    </row>
    <row r="159422" spans="8:8">
      <c r="H159422" s="12"/>
    </row>
    <row r="159423" spans="8:8">
      <c r="H159423" s="12"/>
    </row>
    <row r="159424" spans="8:8">
      <c r="H159424" s="12"/>
    </row>
    <row r="159425" spans="8:8">
      <c r="H159425" s="12"/>
    </row>
    <row r="159426" spans="8:8">
      <c r="H159426" s="12"/>
    </row>
    <row r="159427" spans="8:8">
      <c r="H159427" s="12"/>
    </row>
    <row r="159428" spans="8:8">
      <c r="H159428" s="12"/>
    </row>
    <row r="159429" spans="8:8">
      <c r="H159429" s="12"/>
    </row>
    <row r="159430" spans="8:8">
      <c r="H159430" s="12"/>
    </row>
    <row r="159431" spans="8:8">
      <c r="H159431" s="12"/>
    </row>
    <row r="159432" spans="8:8">
      <c r="H159432" s="12"/>
    </row>
    <row r="159433" spans="8:8">
      <c r="H159433" s="12"/>
    </row>
    <row r="159434" spans="8:8">
      <c r="H159434" s="12"/>
    </row>
    <row r="159435" spans="8:8">
      <c r="H159435" s="12"/>
    </row>
    <row r="159436" spans="8:8">
      <c r="H159436" s="12"/>
    </row>
    <row r="159437" spans="8:8">
      <c r="H159437" s="12"/>
    </row>
    <row r="159438" spans="8:8">
      <c r="H159438" s="12"/>
    </row>
    <row r="159439" spans="8:8">
      <c r="H159439" s="12"/>
    </row>
    <row r="159440" spans="8:8">
      <c r="H159440" s="12"/>
    </row>
    <row r="159441" spans="8:8">
      <c r="H159441" s="12"/>
    </row>
    <row r="159442" spans="8:8">
      <c r="H159442" s="12"/>
    </row>
    <row r="159443" spans="8:8">
      <c r="H159443" s="12"/>
    </row>
    <row r="159444" spans="8:8">
      <c r="H159444" s="12"/>
    </row>
    <row r="159445" spans="8:8">
      <c r="H159445" s="12"/>
    </row>
    <row r="159446" spans="8:8">
      <c r="H159446" s="12"/>
    </row>
    <row r="159447" spans="8:8">
      <c r="H159447" s="12"/>
    </row>
    <row r="159448" spans="8:8">
      <c r="H159448" s="12"/>
    </row>
    <row r="159449" spans="8:8">
      <c r="H159449" s="12"/>
    </row>
    <row r="159450" spans="8:8">
      <c r="H159450" s="12"/>
    </row>
    <row r="159451" spans="8:8">
      <c r="H159451" s="12"/>
    </row>
    <row r="159452" spans="8:8">
      <c r="H159452" s="12"/>
    </row>
    <row r="159453" spans="8:8">
      <c r="H159453" s="12"/>
    </row>
    <row r="159454" spans="8:8">
      <c r="H159454" s="12"/>
    </row>
    <row r="159455" spans="8:8">
      <c r="H159455" s="12"/>
    </row>
    <row r="159456" spans="8:8">
      <c r="H159456" s="12"/>
    </row>
    <row r="159457" spans="8:8">
      <c r="H159457" s="12"/>
    </row>
    <row r="159458" spans="8:8">
      <c r="H159458" s="12"/>
    </row>
    <row r="159459" spans="8:8">
      <c r="H159459" s="12"/>
    </row>
    <row r="159460" spans="8:8">
      <c r="H159460" s="12"/>
    </row>
    <row r="159461" spans="8:8">
      <c r="H159461" s="12"/>
    </row>
    <row r="159462" spans="8:8">
      <c r="H159462" s="12"/>
    </row>
    <row r="159463" spans="8:8">
      <c r="H159463" s="12"/>
    </row>
    <row r="159464" spans="8:8">
      <c r="H159464" s="12"/>
    </row>
    <row r="159465" spans="8:8">
      <c r="H159465" s="12"/>
    </row>
    <row r="159466" spans="8:8">
      <c r="H159466" s="12"/>
    </row>
    <row r="159467" spans="8:8">
      <c r="H159467" s="12"/>
    </row>
    <row r="159468" spans="8:8">
      <c r="H159468" s="12"/>
    </row>
    <row r="159469" spans="8:8">
      <c r="H159469" s="12"/>
    </row>
    <row r="159470" spans="8:8">
      <c r="H159470" s="12"/>
    </row>
    <row r="159471" spans="8:8">
      <c r="H159471" s="12"/>
    </row>
    <row r="159472" spans="8:8">
      <c r="H159472" s="12"/>
    </row>
    <row r="159473" spans="8:8">
      <c r="H159473" s="12"/>
    </row>
    <row r="159474" spans="8:8">
      <c r="H159474" s="12"/>
    </row>
    <row r="159475" spans="8:8">
      <c r="H159475" s="12"/>
    </row>
    <row r="159476" spans="8:8">
      <c r="H159476" s="12"/>
    </row>
    <row r="159477" spans="8:8">
      <c r="H159477" s="12"/>
    </row>
    <row r="159478" spans="8:8">
      <c r="H159478" s="12"/>
    </row>
    <row r="159479" spans="8:8">
      <c r="H159479" s="12"/>
    </row>
    <row r="159480" spans="8:8">
      <c r="H159480" s="12"/>
    </row>
    <row r="159481" spans="8:8">
      <c r="H159481" s="12"/>
    </row>
    <row r="159482" spans="8:8">
      <c r="H159482" s="12"/>
    </row>
    <row r="159483" spans="8:8">
      <c r="H159483" s="12"/>
    </row>
    <row r="159484" spans="8:8">
      <c r="H159484" s="12"/>
    </row>
    <row r="159485" spans="8:8">
      <c r="H159485" s="12"/>
    </row>
    <row r="159486" spans="8:8">
      <c r="H159486" s="12"/>
    </row>
    <row r="159487" spans="8:8">
      <c r="H159487" s="12"/>
    </row>
    <row r="159488" spans="8:8">
      <c r="H159488" s="12"/>
    </row>
    <row r="159489" spans="8:8">
      <c r="H159489" s="12"/>
    </row>
    <row r="159490" spans="8:8">
      <c r="H159490" s="12"/>
    </row>
    <row r="159491" spans="8:8">
      <c r="H159491" s="12"/>
    </row>
    <row r="159492" spans="8:8">
      <c r="H159492" s="12"/>
    </row>
    <row r="159493" spans="8:8">
      <c r="H159493" s="12"/>
    </row>
    <row r="159494" spans="8:8">
      <c r="H159494" s="12"/>
    </row>
    <row r="159495" spans="8:8">
      <c r="H159495" s="12"/>
    </row>
    <row r="159496" spans="8:8">
      <c r="H159496" s="12"/>
    </row>
    <row r="159497" spans="8:8">
      <c r="H159497" s="12"/>
    </row>
    <row r="159498" spans="8:8">
      <c r="H159498" s="12"/>
    </row>
    <row r="159499" spans="8:8">
      <c r="H159499" s="12"/>
    </row>
    <row r="159500" spans="8:8">
      <c r="H159500" s="12"/>
    </row>
    <row r="159501" spans="8:8">
      <c r="H159501" s="12"/>
    </row>
    <row r="159502" spans="8:8">
      <c r="H159502" s="12"/>
    </row>
    <row r="159503" spans="8:8">
      <c r="H159503" s="12"/>
    </row>
    <row r="159504" spans="8:8">
      <c r="H159504" s="12"/>
    </row>
    <row r="159505" spans="8:8">
      <c r="H159505" s="12"/>
    </row>
    <row r="159506" spans="8:8">
      <c r="H159506" s="12"/>
    </row>
    <row r="159507" spans="8:8">
      <c r="H159507" s="12"/>
    </row>
    <row r="159508" spans="8:8">
      <c r="H159508" s="12"/>
    </row>
    <row r="159509" spans="8:8">
      <c r="H159509" s="12"/>
    </row>
    <row r="159510" spans="8:8">
      <c r="H159510" s="12"/>
    </row>
    <row r="159511" spans="8:8">
      <c r="H159511" s="12"/>
    </row>
    <row r="159512" spans="8:8">
      <c r="H159512" s="12"/>
    </row>
    <row r="159513" spans="8:8">
      <c r="H159513" s="12"/>
    </row>
    <row r="159514" spans="8:8">
      <c r="H159514" s="12"/>
    </row>
    <row r="159515" spans="8:8">
      <c r="H159515" s="12"/>
    </row>
    <row r="159516" spans="8:8">
      <c r="H159516" s="12"/>
    </row>
    <row r="159517" spans="8:8">
      <c r="H159517" s="12"/>
    </row>
    <row r="159518" spans="8:8">
      <c r="H159518" s="12"/>
    </row>
    <row r="159519" spans="8:8">
      <c r="H159519" s="12"/>
    </row>
    <row r="159520" spans="8:8">
      <c r="H159520" s="12"/>
    </row>
    <row r="159521" spans="8:8">
      <c r="H159521" s="12"/>
    </row>
    <row r="159522" spans="8:8">
      <c r="H159522" s="12"/>
    </row>
    <row r="159523" spans="8:8">
      <c r="H159523" s="12"/>
    </row>
    <row r="159524" spans="8:8">
      <c r="H159524" s="12"/>
    </row>
    <row r="159525" spans="8:8">
      <c r="H159525" s="12"/>
    </row>
    <row r="159526" spans="8:8">
      <c r="H159526" s="12"/>
    </row>
    <row r="159527" spans="8:8">
      <c r="H159527" s="12"/>
    </row>
    <row r="159528" spans="8:8">
      <c r="H159528" s="12"/>
    </row>
    <row r="159529" spans="8:8">
      <c r="H159529" s="12"/>
    </row>
    <row r="159530" spans="8:8">
      <c r="H159530" s="12"/>
    </row>
    <row r="159531" spans="8:8">
      <c r="H159531" s="12"/>
    </row>
    <row r="159532" spans="8:8">
      <c r="H159532" s="12"/>
    </row>
    <row r="159533" spans="8:8">
      <c r="H159533" s="12"/>
    </row>
    <row r="159534" spans="8:8">
      <c r="H159534" s="12"/>
    </row>
    <row r="159535" spans="8:8">
      <c r="H159535" s="12"/>
    </row>
    <row r="159536" spans="8:8">
      <c r="H159536" s="12"/>
    </row>
    <row r="159537" spans="8:8">
      <c r="H159537" s="12"/>
    </row>
    <row r="159538" spans="8:8">
      <c r="H159538" s="12"/>
    </row>
    <row r="159539" spans="8:8">
      <c r="H159539" s="12"/>
    </row>
    <row r="159540" spans="8:8">
      <c r="H159540" s="12"/>
    </row>
    <row r="159541" spans="8:8">
      <c r="H159541" s="12"/>
    </row>
    <row r="159542" spans="8:8">
      <c r="H159542" s="12"/>
    </row>
    <row r="159543" spans="8:8">
      <c r="H159543" s="12"/>
    </row>
    <row r="159544" spans="8:8">
      <c r="H159544" s="12"/>
    </row>
    <row r="159545" spans="8:8">
      <c r="H159545" s="12"/>
    </row>
    <row r="159546" spans="8:8">
      <c r="H159546" s="12"/>
    </row>
    <row r="159547" spans="8:8">
      <c r="H159547" s="12"/>
    </row>
    <row r="159548" spans="8:8">
      <c r="H159548" s="12"/>
    </row>
    <row r="159549" spans="8:8">
      <c r="H159549" s="12"/>
    </row>
    <row r="159550" spans="8:8">
      <c r="H159550" s="12"/>
    </row>
    <row r="159551" spans="8:8">
      <c r="H159551" s="12"/>
    </row>
    <row r="159552" spans="8:8">
      <c r="H159552" s="12"/>
    </row>
    <row r="159553" spans="8:8">
      <c r="H159553" s="12"/>
    </row>
    <row r="159554" spans="8:8">
      <c r="H159554" s="12"/>
    </row>
    <row r="159555" spans="8:8">
      <c r="H159555" s="12"/>
    </row>
    <row r="159556" spans="8:8">
      <c r="H159556" s="12"/>
    </row>
    <row r="159557" spans="8:8">
      <c r="H159557" s="12"/>
    </row>
    <row r="159558" spans="8:8">
      <c r="H159558" s="12"/>
    </row>
    <row r="159559" spans="8:8">
      <c r="H159559" s="12"/>
    </row>
    <row r="159560" spans="8:8">
      <c r="H159560" s="12"/>
    </row>
    <row r="159561" spans="8:8">
      <c r="H159561" s="12"/>
    </row>
    <row r="159562" spans="8:8">
      <c r="H159562" s="12"/>
    </row>
    <row r="159563" spans="8:8">
      <c r="H159563" s="12"/>
    </row>
    <row r="159564" spans="8:8">
      <c r="H159564" s="12"/>
    </row>
    <row r="159565" spans="8:8">
      <c r="H159565" s="12"/>
    </row>
    <row r="159566" spans="8:8">
      <c r="H159566" s="12"/>
    </row>
    <row r="159567" spans="8:8">
      <c r="H159567" s="12"/>
    </row>
    <row r="159568" spans="8:8">
      <c r="H159568" s="12"/>
    </row>
    <row r="159569" spans="8:8">
      <c r="H159569" s="12"/>
    </row>
    <row r="159570" spans="8:8">
      <c r="H159570" s="12"/>
    </row>
    <row r="159571" spans="8:8">
      <c r="H159571" s="12"/>
    </row>
    <row r="159572" spans="8:8">
      <c r="H159572" s="12"/>
    </row>
    <row r="159573" spans="8:8">
      <c r="H159573" s="12"/>
    </row>
    <row r="159574" spans="8:8">
      <c r="H159574" s="12"/>
    </row>
    <row r="159575" spans="8:8">
      <c r="H159575" s="12"/>
    </row>
    <row r="159576" spans="8:8">
      <c r="H159576" s="12"/>
    </row>
    <row r="159577" spans="8:8">
      <c r="H159577" s="12"/>
    </row>
    <row r="159578" spans="8:8">
      <c r="H159578" s="12"/>
    </row>
    <row r="159579" spans="8:8">
      <c r="H159579" s="12"/>
    </row>
    <row r="159580" spans="8:8">
      <c r="H159580" s="12"/>
    </row>
    <row r="159581" spans="8:8">
      <c r="H159581" s="12"/>
    </row>
    <row r="159582" spans="8:8">
      <c r="H159582" s="12"/>
    </row>
    <row r="159583" spans="8:8">
      <c r="H159583" s="12"/>
    </row>
    <row r="159584" spans="8:8">
      <c r="H159584" s="12"/>
    </row>
    <row r="159585" spans="8:8">
      <c r="H159585" s="12"/>
    </row>
    <row r="159586" spans="8:8">
      <c r="H159586" s="12"/>
    </row>
    <row r="159587" spans="8:8">
      <c r="H159587" s="12"/>
    </row>
    <row r="159588" spans="8:8">
      <c r="H159588" s="12"/>
    </row>
    <row r="159589" spans="8:8">
      <c r="H159589" s="12"/>
    </row>
    <row r="159590" spans="8:8">
      <c r="H159590" s="12"/>
    </row>
    <row r="159591" spans="8:8">
      <c r="H159591" s="12"/>
    </row>
    <row r="159592" spans="8:8">
      <c r="H159592" s="12"/>
    </row>
    <row r="159593" spans="8:8">
      <c r="H159593" s="12"/>
    </row>
    <row r="159594" spans="8:8">
      <c r="H159594" s="12"/>
    </row>
    <row r="159595" spans="8:8">
      <c r="H159595" s="12"/>
    </row>
    <row r="159596" spans="8:8">
      <c r="H159596" s="12"/>
    </row>
    <row r="159597" spans="8:8">
      <c r="H159597" s="12"/>
    </row>
    <row r="159598" spans="8:8">
      <c r="H159598" s="12"/>
    </row>
    <row r="159599" spans="8:8">
      <c r="H159599" s="12"/>
    </row>
    <row r="159600" spans="8:8">
      <c r="H159600" s="12"/>
    </row>
    <row r="159601" spans="8:8">
      <c r="H159601" s="12"/>
    </row>
    <row r="159602" spans="8:8">
      <c r="H159602" s="12"/>
    </row>
    <row r="159603" spans="8:8">
      <c r="H159603" s="12"/>
    </row>
    <row r="159604" spans="8:8">
      <c r="H159604" s="12"/>
    </row>
    <row r="159605" spans="8:8">
      <c r="H159605" s="12"/>
    </row>
    <row r="159606" spans="8:8">
      <c r="H159606" s="12"/>
    </row>
    <row r="159607" spans="8:8">
      <c r="H159607" s="12"/>
    </row>
    <row r="159608" spans="8:8">
      <c r="H159608" s="12"/>
    </row>
    <row r="159609" spans="8:8">
      <c r="H159609" s="12"/>
    </row>
    <row r="159610" spans="8:8">
      <c r="H159610" s="12"/>
    </row>
    <row r="159611" spans="8:8">
      <c r="H159611" s="12"/>
    </row>
    <row r="159612" spans="8:8">
      <c r="H159612" s="12"/>
    </row>
    <row r="159613" spans="8:8">
      <c r="H159613" s="12"/>
    </row>
    <row r="159614" spans="8:8">
      <c r="H159614" s="12"/>
    </row>
    <row r="159615" spans="8:8">
      <c r="H159615" s="12"/>
    </row>
    <row r="159616" spans="8:8">
      <c r="H159616" s="12"/>
    </row>
    <row r="159617" spans="8:8">
      <c r="H159617" s="12"/>
    </row>
    <row r="159618" spans="8:8">
      <c r="H159618" s="12"/>
    </row>
    <row r="159619" spans="8:8">
      <c r="H159619" s="12"/>
    </row>
    <row r="159620" spans="8:8">
      <c r="H159620" s="12"/>
    </row>
    <row r="159621" spans="8:8">
      <c r="H159621" s="12"/>
    </row>
    <row r="159622" spans="8:8">
      <c r="H159622" s="12"/>
    </row>
    <row r="159623" spans="8:8">
      <c r="H159623" s="12"/>
    </row>
    <row r="159624" spans="8:8">
      <c r="H159624" s="12"/>
    </row>
    <row r="159625" spans="8:8">
      <c r="H159625" s="12"/>
    </row>
    <row r="159626" spans="8:8">
      <c r="H159626" s="12"/>
    </row>
    <row r="159627" spans="8:8">
      <c r="H159627" s="12"/>
    </row>
    <row r="159628" spans="8:8">
      <c r="H159628" s="12"/>
    </row>
    <row r="159629" spans="8:8">
      <c r="H159629" s="12"/>
    </row>
    <row r="159630" spans="8:8">
      <c r="H159630" s="12"/>
    </row>
    <row r="159631" spans="8:8">
      <c r="H159631" s="12"/>
    </row>
    <row r="159632" spans="8:8">
      <c r="H159632" s="12"/>
    </row>
    <row r="159633" spans="8:8">
      <c r="H159633" s="12"/>
    </row>
    <row r="159634" spans="8:8">
      <c r="H159634" s="12"/>
    </row>
    <row r="159635" spans="8:8">
      <c r="H159635" s="12"/>
    </row>
    <row r="159636" spans="8:8">
      <c r="H159636" s="12"/>
    </row>
    <row r="159637" spans="8:8">
      <c r="H159637" s="12"/>
    </row>
    <row r="159638" spans="8:8">
      <c r="H159638" s="12"/>
    </row>
    <row r="159639" spans="8:8">
      <c r="H159639" s="12"/>
    </row>
    <row r="159640" spans="8:8">
      <c r="H159640" s="12"/>
    </row>
    <row r="159641" spans="8:8">
      <c r="H159641" s="12"/>
    </row>
    <row r="159642" spans="8:8">
      <c r="H159642" s="12"/>
    </row>
    <row r="159643" spans="8:8">
      <c r="H159643" s="12"/>
    </row>
    <row r="159644" spans="8:8">
      <c r="H159644" s="12"/>
    </row>
    <row r="159645" spans="8:8">
      <c r="H159645" s="12"/>
    </row>
    <row r="159646" spans="8:8">
      <c r="H159646" s="12"/>
    </row>
    <row r="159647" spans="8:8">
      <c r="H159647" s="12"/>
    </row>
    <row r="159648" spans="8:8">
      <c r="H159648" s="12"/>
    </row>
    <row r="159649" spans="8:8">
      <c r="H159649" s="12"/>
    </row>
    <row r="159650" spans="8:8">
      <c r="H159650" s="12"/>
    </row>
    <row r="159651" spans="8:8">
      <c r="H159651" s="12"/>
    </row>
    <row r="159652" spans="8:8">
      <c r="H159652" s="12"/>
    </row>
    <row r="159653" spans="8:8">
      <c r="H159653" s="12"/>
    </row>
    <row r="159654" spans="8:8">
      <c r="H159654" s="12"/>
    </row>
    <row r="159655" spans="8:8">
      <c r="H159655" s="12"/>
    </row>
    <row r="159656" spans="8:8">
      <c r="H159656" s="12"/>
    </row>
    <row r="159657" spans="8:8">
      <c r="H159657" s="12"/>
    </row>
    <row r="159658" spans="8:8">
      <c r="H159658" s="12"/>
    </row>
    <row r="159659" spans="8:8">
      <c r="H159659" s="12"/>
    </row>
    <row r="159660" spans="8:8">
      <c r="H159660" s="12"/>
    </row>
    <row r="159661" spans="8:8">
      <c r="H159661" s="12"/>
    </row>
    <row r="159662" spans="8:8">
      <c r="H159662" s="12"/>
    </row>
    <row r="159663" spans="8:8">
      <c r="H159663" s="12"/>
    </row>
    <row r="159664" spans="8:8">
      <c r="H159664" s="12"/>
    </row>
    <row r="159665" spans="8:8">
      <c r="H159665" s="12"/>
    </row>
    <row r="159666" spans="8:8">
      <c r="H159666" s="12"/>
    </row>
    <row r="159667" spans="8:8">
      <c r="H159667" s="12"/>
    </row>
    <row r="159668" spans="8:8">
      <c r="H159668" s="12"/>
    </row>
    <row r="159669" spans="8:8">
      <c r="H159669" s="12"/>
    </row>
    <row r="159670" spans="8:8">
      <c r="H159670" s="12"/>
    </row>
    <row r="159671" spans="8:8">
      <c r="H159671" s="12"/>
    </row>
    <row r="159672" spans="8:8">
      <c r="H159672" s="12"/>
    </row>
    <row r="159673" spans="8:8">
      <c r="H159673" s="12"/>
    </row>
    <row r="159674" spans="8:8">
      <c r="H159674" s="12"/>
    </row>
    <row r="159675" spans="8:8">
      <c r="H159675" s="12"/>
    </row>
    <row r="159676" spans="8:8">
      <c r="H159676" s="12"/>
    </row>
    <row r="159677" spans="8:8">
      <c r="H159677" s="12"/>
    </row>
    <row r="159678" spans="8:8">
      <c r="H159678" s="12"/>
    </row>
    <row r="159679" spans="8:8">
      <c r="H159679" s="12"/>
    </row>
    <row r="159680" spans="8:8">
      <c r="H159680" s="12"/>
    </row>
    <row r="159681" spans="8:8">
      <c r="H159681" s="12"/>
    </row>
    <row r="159682" spans="8:8">
      <c r="H159682" s="12"/>
    </row>
    <row r="159683" spans="8:8">
      <c r="H159683" s="12"/>
    </row>
    <row r="159684" spans="8:8">
      <c r="H159684" s="12"/>
    </row>
    <row r="159685" spans="8:8">
      <c r="H159685" s="12"/>
    </row>
    <row r="159686" spans="8:8">
      <c r="H159686" s="12"/>
    </row>
    <row r="159687" spans="8:8">
      <c r="H159687" s="12"/>
    </row>
    <row r="159688" spans="8:8">
      <c r="H159688" s="12"/>
    </row>
    <row r="159689" spans="8:8">
      <c r="H159689" s="12"/>
    </row>
    <row r="159690" spans="8:8">
      <c r="H159690" s="12"/>
    </row>
    <row r="159691" spans="8:8">
      <c r="H159691" s="12"/>
    </row>
    <row r="159692" spans="8:8">
      <c r="H159692" s="12"/>
    </row>
    <row r="159693" spans="8:8">
      <c r="H159693" s="12"/>
    </row>
    <row r="159694" spans="8:8">
      <c r="H159694" s="12"/>
    </row>
    <row r="159695" spans="8:8">
      <c r="H159695" s="12"/>
    </row>
    <row r="159696" spans="8:8">
      <c r="H159696" s="12"/>
    </row>
    <row r="159697" spans="8:8">
      <c r="H159697" s="12"/>
    </row>
    <row r="159698" spans="8:8">
      <c r="H159698" s="12"/>
    </row>
    <row r="159699" spans="8:8">
      <c r="H159699" s="12"/>
    </row>
    <row r="159700" spans="8:8">
      <c r="H159700" s="12"/>
    </row>
    <row r="159701" spans="8:8">
      <c r="H159701" s="12"/>
    </row>
    <row r="159702" spans="8:8">
      <c r="H159702" s="12"/>
    </row>
    <row r="159703" spans="8:8">
      <c r="H159703" s="12"/>
    </row>
    <row r="159704" spans="8:8">
      <c r="H159704" s="12"/>
    </row>
    <row r="159705" spans="8:8">
      <c r="H159705" s="12"/>
    </row>
    <row r="159706" spans="8:8">
      <c r="H159706" s="12"/>
    </row>
    <row r="159707" spans="8:8">
      <c r="H159707" s="12"/>
    </row>
    <row r="159708" spans="8:8">
      <c r="H159708" s="12"/>
    </row>
    <row r="159709" spans="8:8">
      <c r="H159709" s="12"/>
    </row>
    <row r="159710" spans="8:8">
      <c r="H159710" s="12"/>
    </row>
    <row r="159711" spans="8:8">
      <c r="H159711" s="12"/>
    </row>
    <row r="159712" spans="8:8">
      <c r="H159712" s="12"/>
    </row>
    <row r="159713" spans="8:8">
      <c r="H159713" s="12"/>
    </row>
    <row r="159714" spans="8:8">
      <c r="H159714" s="12"/>
    </row>
    <row r="159715" spans="8:8">
      <c r="H159715" s="12"/>
    </row>
    <row r="159716" spans="8:8">
      <c r="H159716" s="12"/>
    </row>
    <row r="159717" spans="8:8">
      <c r="H159717" s="12"/>
    </row>
    <row r="159718" spans="8:8">
      <c r="H159718" s="12"/>
    </row>
    <row r="159719" spans="8:8">
      <c r="H159719" s="12"/>
    </row>
    <row r="159720" spans="8:8">
      <c r="H159720" s="12"/>
    </row>
    <row r="159721" spans="8:8">
      <c r="H159721" s="12"/>
    </row>
    <row r="159722" spans="8:8">
      <c r="H159722" s="12"/>
    </row>
    <row r="159723" spans="8:8">
      <c r="H159723" s="12"/>
    </row>
    <row r="159724" spans="8:8">
      <c r="H159724" s="12"/>
    </row>
    <row r="159725" spans="8:8">
      <c r="H159725" s="12"/>
    </row>
    <row r="159726" spans="8:8">
      <c r="H159726" s="12"/>
    </row>
    <row r="159727" spans="8:8">
      <c r="H159727" s="12"/>
    </row>
    <row r="159728" spans="8:8">
      <c r="H159728" s="12"/>
    </row>
    <row r="159729" spans="8:8">
      <c r="H159729" s="12"/>
    </row>
    <row r="159730" spans="8:8">
      <c r="H159730" s="12"/>
    </row>
    <row r="159731" spans="8:8">
      <c r="H159731" s="12"/>
    </row>
    <row r="159732" spans="8:8">
      <c r="H159732" s="12"/>
    </row>
    <row r="159733" spans="8:8">
      <c r="H159733" s="12"/>
    </row>
    <row r="159734" spans="8:8">
      <c r="H159734" s="12"/>
    </row>
    <row r="159735" spans="8:8">
      <c r="H159735" s="12"/>
    </row>
    <row r="159736" spans="8:8">
      <c r="H159736" s="12"/>
    </row>
    <row r="159737" spans="8:8">
      <c r="H159737" s="12"/>
    </row>
    <row r="159738" spans="8:8">
      <c r="H159738" s="12"/>
    </row>
    <row r="159739" spans="8:8">
      <c r="H159739" s="12"/>
    </row>
    <row r="159740" spans="8:8">
      <c r="H159740" s="12"/>
    </row>
    <row r="159741" spans="8:8">
      <c r="H159741" s="12"/>
    </row>
    <row r="159742" spans="8:8">
      <c r="H159742" s="12"/>
    </row>
    <row r="159743" spans="8:8">
      <c r="H159743" s="12"/>
    </row>
    <row r="159744" spans="8:8">
      <c r="H159744" s="12"/>
    </row>
    <row r="159745" spans="8:8">
      <c r="H159745" s="12"/>
    </row>
    <row r="159746" spans="8:8">
      <c r="H159746" s="12"/>
    </row>
    <row r="159747" spans="8:8">
      <c r="H159747" s="12"/>
    </row>
    <row r="159748" spans="8:8">
      <c r="H159748" s="12"/>
    </row>
    <row r="159749" spans="8:8">
      <c r="H159749" s="12"/>
    </row>
    <row r="159750" spans="8:8">
      <c r="H159750" s="12"/>
    </row>
    <row r="159751" spans="8:8">
      <c r="H159751" s="12"/>
    </row>
    <row r="159752" spans="8:8">
      <c r="H159752" s="12"/>
    </row>
    <row r="159753" spans="8:8">
      <c r="H159753" s="12"/>
    </row>
    <row r="159754" spans="8:8">
      <c r="H159754" s="12"/>
    </row>
    <row r="159755" spans="8:8">
      <c r="H159755" s="12"/>
    </row>
    <row r="159756" spans="8:8">
      <c r="H159756" s="12"/>
    </row>
    <row r="159757" spans="8:8">
      <c r="H159757" s="12"/>
    </row>
    <row r="159758" spans="8:8">
      <c r="H159758" s="12"/>
    </row>
    <row r="159759" spans="8:8">
      <c r="H159759" s="12"/>
    </row>
    <row r="159760" spans="8:8">
      <c r="H159760" s="12"/>
    </row>
    <row r="159761" spans="8:8">
      <c r="H159761" s="12"/>
    </row>
    <row r="159762" spans="8:8">
      <c r="H159762" s="12"/>
    </row>
    <row r="159763" spans="8:8">
      <c r="H159763" s="12"/>
    </row>
    <row r="159764" spans="8:8">
      <c r="H159764" s="12"/>
    </row>
    <row r="159765" spans="8:8">
      <c r="H159765" s="12"/>
    </row>
    <row r="159766" spans="8:8">
      <c r="H159766" s="12"/>
    </row>
    <row r="159767" spans="8:8">
      <c r="H159767" s="12"/>
    </row>
    <row r="159768" spans="8:8">
      <c r="H159768" s="12"/>
    </row>
    <row r="159769" spans="8:8">
      <c r="H159769" s="12"/>
    </row>
    <row r="159770" spans="8:8">
      <c r="H159770" s="12"/>
    </row>
    <row r="159771" spans="8:8">
      <c r="H159771" s="12"/>
    </row>
    <row r="159772" spans="8:8">
      <c r="H159772" s="12"/>
    </row>
    <row r="159773" spans="8:8">
      <c r="H159773" s="12"/>
    </row>
    <row r="159774" spans="8:8">
      <c r="H159774" s="12"/>
    </row>
    <row r="159775" spans="8:8">
      <c r="H159775" s="12"/>
    </row>
    <row r="159776" spans="8:8">
      <c r="H159776" s="12"/>
    </row>
    <row r="159777" spans="8:8">
      <c r="H159777" s="12"/>
    </row>
    <row r="159778" spans="8:8">
      <c r="H159778" s="12"/>
    </row>
    <row r="159779" spans="8:8">
      <c r="H159779" s="12"/>
    </row>
    <row r="159780" spans="8:8">
      <c r="H159780" s="12"/>
    </row>
    <row r="159781" spans="8:8">
      <c r="H159781" s="12"/>
    </row>
    <row r="159782" spans="8:8">
      <c r="H159782" s="12"/>
    </row>
    <row r="159783" spans="8:8">
      <c r="H159783" s="12"/>
    </row>
    <row r="159784" spans="8:8">
      <c r="H159784" s="12"/>
    </row>
    <row r="159785" spans="8:8">
      <c r="H159785" s="12"/>
    </row>
    <row r="159786" spans="8:8">
      <c r="H159786" s="12"/>
    </row>
    <row r="159787" spans="8:8">
      <c r="H159787" s="12"/>
    </row>
    <row r="159788" spans="8:8">
      <c r="H159788" s="12"/>
    </row>
    <row r="159789" spans="8:8">
      <c r="H159789" s="12"/>
    </row>
    <row r="159790" spans="8:8">
      <c r="H159790" s="12"/>
    </row>
    <row r="159791" spans="8:8">
      <c r="H159791" s="12"/>
    </row>
    <row r="159792" spans="8:8">
      <c r="H159792" s="12"/>
    </row>
    <row r="159793" spans="8:8">
      <c r="H159793" s="12"/>
    </row>
    <row r="159794" spans="8:8">
      <c r="H159794" s="12"/>
    </row>
    <row r="159795" spans="8:8">
      <c r="H159795" s="12"/>
    </row>
    <row r="159796" spans="8:8">
      <c r="H159796" s="12"/>
    </row>
    <row r="159797" spans="8:8">
      <c r="H159797" s="12"/>
    </row>
    <row r="159798" spans="8:8">
      <c r="H159798" s="12"/>
    </row>
    <row r="159799" spans="8:8">
      <c r="H159799" s="12"/>
    </row>
    <row r="159800" spans="8:8">
      <c r="H159800" s="12"/>
    </row>
    <row r="159801" spans="8:8">
      <c r="H159801" s="12"/>
    </row>
    <row r="159802" spans="8:8">
      <c r="H159802" s="12"/>
    </row>
    <row r="159803" spans="8:8">
      <c r="H159803" s="12"/>
    </row>
    <row r="159804" spans="8:8">
      <c r="H159804" s="12"/>
    </row>
    <row r="159805" spans="8:8">
      <c r="H159805" s="12"/>
    </row>
    <row r="159806" spans="8:8">
      <c r="H159806" s="12"/>
    </row>
    <row r="159807" spans="8:8">
      <c r="H159807" s="12"/>
    </row>
    <row r="159808" spans="8:8">
      <c r="H159808" s="12"/>
    </row>
    <row r="159809" spans="8:8">
      <c r="H159809" s="12"/>
    </row>
    <row r="159810" spans="8:8">
      <c r="H159810" s="12"/>
    </row>
    <row r="159811" spans="8:8">
      <c r="H159811" s="12"/>
    </row>
    <row r="159812" spans="8:8">
      <c r="H159812" s="12"/>
    </row>
    <row r="159813" spans="8:8">
      <c r="H159813" s="12"/>
    </row>
    <row r="159814" spans="8:8">
      <c r="H159814" s="12"/>
    </row>
    <row r="159815" spans="8:8">
      <c r="H159815" s="12"/>
    </row>
    <row r="159816" spans="8:8">
      <c r="H159816" s="12"/>
    </row>
    <row r="159817" spans="8:8">
      <c r="H159817" s="12"/>
    </row>
    <row r="159818" spans="8:8">
      <c r="H159818" s="12"/>
    </row>
    <row r="159819" spans="8:8">
      <c r="H159819" s="12"/>
    </row>
    <row r="159820" spans="8:8">
      <c r="H159820" s="12"/>
    </row>
    <row r="159821" spans="8:8">
      <c r="H159821" s="12"/>
    </row>
    <row r="159822" spans="8:8">
      <c r="H159822" s="12"/>
    </row>
    <row r="159823" spans="8:8">
      <c r="H159823" s="12"/>
    </row>
    <row r="159824" spans="8:8">
      <c r="H159824" s="12"/>
    </row>
    <row r="159825" spans="8:8">
      <c r="H159825" s="12"/>
    </row>
    <row r="159826" spans="8:8">
      <c r="H159826" s="12"/>
    </row>
    <row r="159827" spans="8:8">
      <c r="H159827" s="12"/>
    </row>
    <row r="159828" spans="8:8">
      <c r="H159828" s="12"/>
    </row>
    <row r="159829" spans="8:8">
      <c r="H159829" s="12"/>
    </row>
    <row r="159830" spans="8:8">
      <c r="H159830" s="12"/>
    </row>
    <row r="159831" spans="8:8">
      <c r="H159831" s="12"/>
    </row>
    <row r="159832" spans="8:8">
      <c r="H159832" s="12"/>
    </row>
    <row r="159833" spans="8:8">
      <c r="H159833" s="12"/>
    </row>
    <row r="159834" spans="8:8">
      <c r="H159834" s="12"/>
    </row>
    <row r="159835" spans="8:8">
      <c r="H159835" s="12"/>
    </row>
    <row r="159836" spans="8:8">
      <c r="H159836" s="12"/>
    </row>
    <row r="159837" spans="8:8">
      <c r="H159837" s="12"/>
    </row>
    <row r="159838" spans="8:8">
      <c r="H159838" s="12"/>
    </row>
    <row r="159839" spans="8:8">
      <c r="H159839" s="12"/>
    </row>
    <row r="159840" spans="8:8">
      <c r="H159840" s="12"/>
    </row>
    <row r="159841" spans="8:8">
      <c r="H159841" s="12"/>
    </row>
    <row r="159842" spans="8:8">
      <c r="H159842" s="12"/>
    </row>
    <row r="159843" spans="8:8">
      <c r="H159843" s="12"/>
    </row>
    <row r="159844" spans="8:8">
      <c r="H159844" s="12"/>
    </row>
    <row r="159845" spans="8:8">
      <c r="H159845" s="12"/>
    </row>
    <row r="159846" spans="8:8">
      <c r="H159846" s="12"/>
    </row>
    <row r="159847" spans="8:8">
      <c r="H159847" s="12"/>
    </row>
    <row r="159848" spans="8:8">
      <c r="H159848" s="12"/>
    </row>
    <row r="159849" spans="8:8">
      <c r="H159849" s="12"/>
    </row>
    <row r="159850" spans="8:8">
      <c r="H159850" s="12"/>
    </row>
    <row r="159851" spans="8:8">
      <c r="H159851" s="12"/>
    </row>
    <row r="159852" spans="8:8">
      <c r="H159852" s="12"/>
    </row>
    <row r="159853" spans="8:8">
      <c r="H159853" s="12"/>
    </row>
    <row r="159854" spans="8:8">
      <c r="H159854" s="12"/>
    </row>
    <row r="159855" spans="8:8">
      <c r="H159855" s="12"/>
    </row>
    <row r="159856" spans="8:8">
      <c r="H159856" s="12"/>
    </row>
    <row r="159857" spans="8:8">
      <c r="H159857" s="12"/>
    </row>
    <row r="159858" spans="8:8">
      <c r="H159858" s="12"/>
    </row>
    <row r="159859" spans="8:8">
      <c r="H159859" s="12"/>
    </row>
    <row r="159860" spans="8:8">
      <c r="H159860" s="12"/>
    </row>
    <row r="159861" spans="8:8">
      <c r="H159861" s="12"/>
    </row>
    <row r="159862" spans="8:8">
      <c r="H159862" s="12"/>
    </row>
    <row r="159863" spans="8:8">
      <c r="H159863" s="12"/>
    </row>
    <row r="159864" spans="8:8">
      <c r="H159864" s="12"/>
    </row>
    <row r="159865" spans="8:8">
      <c r="H159865" s="12"/>
    </row>
    <row r="159866" spans="8:8">
      <c r="H159866" s="12"/>
    </row>
    <row r="159867" spans="8:8">
      <c r="H159867" s="12"/>
    </row>
    <row r="159868" spans="8:8">
      <c r="H159868" s="12"/>
    </row>
    <row r="159869" spans="8:8">
      <c r="H159869" s="12"/>
    </row>
    <row r="159870" spans="8:8">
      <c r="H159870" s="12"/>
    </row>
    <row r="159871" spans="8:8">
      <c r="H159871" s="12"/>
    </row>
    <row r="159872" spans="8:8">
      <c r="H159872" s="12"/>
    </row>
    <row r="159873" spans="8:8">
      <c r="H159873" s="12"/>
    </row>
    <row r="159874" spans="8:8">
      <c r="H159874" s="12"/>
    </row>
    <row r="159875" spans="8:8">
      <c r="H159875" s="12"/>
    </row>
    <row r="159876" spans="8:8">
      <c r="H159876" s="12"/>
    </row>
    <row r="159877" spans="8:8">
      <c r="H159877" s="12"/>
    </row>
    <row r="159878" spans="8:8">
      <c r="H159878" s="12"/>
    </row>
    <row r="159879" spans="8:8">
      <c r="H159879" s="12"/>
    </row>
    <row r="159880" spans="8:8">
      <c r="H159880" s="12"/>
    </row>
    <row r="159881" spans="8:8">
      <c r="H159881" s="12"/>
    </row>
    <row r="159882" spans="8:8">
      <c r="H159882" s="12"/>
    </row>
    <row r="159883" spans="8:8">
      <c r="H159883" s="12"/>
    </row>
    <row r="159884" spans="8:8">
      <c r="H159884" s="12"/>
    </row>
    <row r="159885" spans="8:8">
      <c r="H159885" s="12"/>
    </row>
    <row r="159886" spans="8:8">
      <c r="H159886" s="12"/>
    </row>
    <row r="159887" spans="8:8">
      <c r="H159887" s="12"/>
    </row>
    <row r="159888" spans="8:8">
      <c r="H159888" s="12"/>
    </row>
    <row r="159889" spans="8:8">
      <c r="H159889" s="12"/>
    </row>
    <row r="159890" spans="8:8">
      <c r="H159890" s="12"/>
    </row>
    <row r="159891" spans="8:8">
      <c r="H159891" s="12"/>
    </row>
    <row r="159892" spans="8:8">
      <c r="H159892" s="12"/>
    </row>
    <row r="159893" spans="8:8">
      <c r="H159893" s="12"/>
    </row>
    <row r="159894" spans="8:8">
      <c r="H159894" s="12"/>
    </row>
    <row r="159895" spans="8:8">
      <c r="H159895" s="12"/>
    </row>
    <row r="159896" spans="8:8">
      <c r="H159896" s="12"/>
    </row>
    <row r="159897" spans="8:8">
      <c r="H159897" s="12"/>
    </row>
    <row r="159898" spans="8:8">
      <c r="H159898" s="12"/>
    </row>
    <row r="159899" spans="8:8">
      <c r="H159899" s="12"/>
    </row>
    <row r="159900" spans="8:8">
      <c r="H159900" s="12"/>
    </row>
    <row r="159901" spans="8:8">
      <c r="H159901" s="12"/>
    </row>
    <row r="159902" spans="8:8">
      <c r="H159902" s="12"/>
    </row>
    <row r="159903" spans="8:8">
      <c r="H159903" s="12"/>
    </row>
    <row r="159904" spans="8:8">
      <c r="H159904" s="12"/>
    </row>
    <row r="159905" spans="8:8">
      <c r="H159905" s="12"/>
    </row>
    <row r="159906" spans="8:8">
      <c r="H159906" s="12"/>
    </row>
    <row r="159907" spans="8:8">
      <c r="H159907" s="12"/>
    </row>
    <row r="159908" spans="8:8">
      <c r="H159908" s="12"/>
    </row>
    <row r="159909" spans="8:8">
      <c r="H159909" s="12"/>
    </row>
    <row r="159910" spans="8:8">
      <c r="H159910" s="12"/>
    </row>
    <row r="159911" spans="8:8">
      <c r="H159911" s="12"/>
    </row>
    <row r="159912" spans="8:8">
      <c r="H159912" s="12"/>
    </row>
    <row r="159913" spans="8:8">
      <c r="H159913" s="12"/>
    </row>
    <row r="159914" spans="8:8">
      <c r="H159914" s="12"/>
    </row>
    <row r="159915" spans="8:8">
      <c r="H159915" s="12"/>
    </row>
    <row r="159916" spans="8:8">
      <c r="H159916" s="12"/>
    </row>
    <row r="159917" spans="8:8">
      <c r="H159917" s="12"/>
    </row>
    <row r="159918" spans="8:8">
      <c r="H159918" s="12"/>
    </row>
    <row r="159919" spans="8:8">
      <c r="H159919" s="12"/>
    </row>
    <row r="159920" spans="8:8">
      <c r="H159920" s="12"/>
    </row>
    <row r="159921" spans="8:8">
      <c r="H159921" s="12"/>
    </row>
    <row r="159922" spans="8:8">
      <c r="H159922" s="12"/>
    </row>
    <row r="159923" spans="8:8">
      <c r="H159923" s="12"/>
    </row>
    <row r="159924" spans="8:8">
      <c r="H159924" s="12"/>
    </row>
    <row r="159925" spans="8:8">
      <c r="H159925" s="12"/>
    </row>
    <row r="159926" spans="8:8">
      <c r="H159926" s="12"/>
    </row>
    <row r="159927" spans="8:8">
      <c r="H159927" s="12"/>
    </row>
    <row r="159928" spans="8:8">
      <c r="H159928" s="12"/>
    </row>
    <row r="159929" spans="8:8">
      <c r="H159929" s="12"/>
    </row>
    <row r="159930" spans="8:8">
      <c r="H159930" s="12"/>
    </row>
    <row r="159931" spans="8:8">
      <c r="H159931" s="12"/>
    </row>
    <row r="159932" spans="8:8">
      <c r="H159932" s="12"/>
    </row>
    <row r="159933" spans="8:8">
      <c r="H159933" s="12"/>
    </row>
    <row r="159934" spans="8:8">
      <c r="H159934" s="12"/>
    </row>
    <row r="159935" spans="8:8">
      <c r="H159935" s="12"/>
    </row>
    <row r="159936" spans="8:8">
      <c r="H159936" s="12"/>
    </row>
    <row r="159937" spans="8:8">
      <c r="H159937" s="12"/>
    </row>
    <row r="159938" spans="8:8">
      <c r="H159938" s="12"/>
    </row>
    <row r="159939" spans="8:8">
      <c r="H159939" s="12"/>
    </row>
    <row r="159940" spans="8:8">
      <c r="H159940" s="12"/>
    </row>
    <row r="159941" spans="8:8">
      <c r="H159941" s="12"/>
    </row>
    <row r="159942" spans="8:8">
      <c r="H159942" s="12"/>
    </row>
    <row r="159943" spans="8:8">
      <c r="H159943" s="12"/>
    </row>
    <row r="159944" spans="8:8">
      <c r="H159944" s="12"/>
    </row>
    <row r="159945" spans="8:8">
      <c r="H159945" s="12"/>
    </row>
    <row r="159946" spans="8:8">
      <c r="H159946" s="12"/>
    </row>
    <row r="159947" spans="8:8">
      <c r="H159947" s="12"/>
    </row>
    <row r="159948" spans="8:8">
      <c r="H159948" s="12"/>
    </row>
    <row r="159949" spans="8:8">
      <c r="H159949" s="12"/>
    </row>
    <row r="159950" spans="8:8">
      <c r="H159950" s="12"/>
    </row>
    <row r="159951" spans="8:8">
      <c r="H159951" s="12"/>
    </row>
    <row r="159952" spans="8:8">
      <c r="H159952" s="12"/>
    </row>
    <row r="159953" spans="8:8">
      <c r="H159953" s="12"/>
    </row>
    <row r="159954" spans="8:8">
      <c r="H159954" s="12"/>
    </row>
    <row r="159955" spans="8:8">
      <c r="H159955" s="12"/>
    </row>
    <row r="159956" spans="8:8">
      <c r="H159956" s="12"/>
    </row>
    <row r="159957" spans="8:8">
      <c r="H159957" s="12"/>
    </row>
    <row r="159958" spans="8:8">
      <c r="H159958" s="12"/>
    </row>
    <row r="159959" spans="8:8">
      <c r="H159959" s="12"/>
    </row>
    <row r="159960" spans="8:8">
      <c r="H159960" s="12"/>
    </row>
    <row r="159961" spans="8:8">
      <c r="H159961" s="12"/>
    </row>
    <row r="159962" spans="8:8">
      <c r="H159962" s="12"/>
    </row>
    <row r="159963" spans="8:8">
      <c r="H159963" s="12"/>
    </row>
    <row r="159964" spans="8:8">
      <c r="H159964" s="12"/>
    </row>
    <row r="159965" spans="8:8">
      <c r="H159965" s="12"/>
    </row>
    <row r="159966" spans="8:8">
      <c r="H159966" s="12"/>
    </row>
    <row r="159967" spans="8:8">
      <c r="H159967" s="12"/>
    </row>
    <row r="159968" spans="8:8">
      <c r="H159968" s="12"/>
    </row>
    <row r="159969" spans="8:8">
      <c r="H159969" s="12"/>
    </row>
    <row r="159970" spans="8:8">
      <c r="H159970" s="12"/>
    </row>
    <row r="159971" spans="8:8">
      <c r="H159971" s="12"/>
    </row>
    <row r="159972" spans="8:8">
      <c r="H159972" s="12"/>
    </row>
    <row r="159973" spans="8:8">
      <c r="H159973" s="12"/>
    </row>
    <row r="159974" spans="8:8">
      <c r="H159974" s="12"/>
    </row>
    <row r="159975" spans="8:8">
      <c r="H159975" s="12"/>
    </row>
    <row r="159976" spans="8:8">
      <c r="H159976" s="12"/>
    </row>
    <row r="159977" spans="8:8">
      <c r="H159977" s="12"/>
    </row>
    <row r="159978" spans="8:8">
      <c r="H159978" s="12"/>
    </row>
    <row r="159979" spans="8:8">
      <c r="H159979" s="12"/>
    </row>
    <row r="159980" spans="8:8">
      <c r="H159980" s="12"/>
    </row>
    <row r="159981" spans="8:8">
      <c r="H159981" s="12"/>
    </row>
    <row r="159982" spans="8:8">
      <c r="H159982" s="12"/>
    </row>
    <row r="159983" spans="8:8">
      <c r="H159983" s="12"/>
    </row>
    <row r="159984" spans="8:8">
      <c r="H159984" s="12"/>
    </row>
    <row r="159985" spans="8:8">
      <c r="H159985" s="12"/>
    </row>
    <row r="159986" spans="8:8">
      <c r="H159986" s="12"/>
    </row>
    <row r="159987" spans="8:8">
      <c r="H159987" s="12"/>
    </row>
    <row r="159988" spans="8:8">
      <c r="H159988" s="12"/>
    </row>
    <row r="159989" spans="8:8">
      <c r="H159989" s="12"/>
    </row>
    <row r="159990" spans="8:8">
      <c r="H159990" s="12"/>
    </row>
    <row r="159991" spans="8:8">
      <c r="H159991" s="12"/>
    </row>
    <row r="159992" spans="8:8">
      <c r="H159992" s="12"/>
    </row>
    <row r="159993" spans="8:8">
      <c r="H159993" s="12"/>
    </row>
    <row r="159994" spans="8:8">
      <c r="H159994" s="12"/>
    </row>
    <row r="159995" spans="8:8">
      <c r="H159995" s="12"/>
    </row>
    <row r="159996" spans="8:8">
      <c r="H159996" s="12"/>
    </row>
    <row r="159997" spans="8:8">
      <c r="H159997" s="12"/>
    </row>
    <row r="159998" spans="8:8">
      <c r="H159998" s="12"/>
    </row>
    <row r="159999" spans="8:8">
      <c r="H159999" s="12"/>
    </row>
    <row r="160000" spans="8:8">
      <c r="H160000" s="12"/>
    </row>
    <row r="160001" spans="8:8">
      <c r="H160001" s="12"/>
    </row>
    <row r="160002" spans="8:8">
      <c r="H160002" s="12"/>
    </row>
    <row r="160003" spans="8:8">
      <c r="H160003" s="12"/>
    </row>
    <row r="160004" spans="8:8">
      <c r="H160004" s="12"/>
    </row>
    <row r="160005" spans="8:8">
      <c r="H160005" s="12"/>
    </row>
    <row r="160006" spans="8:8">
      <c r="H160006" s="12"/>
    </row>
    <row r="160007" spans="8:8">
      <c r="H160007" s="12"/>
    </row>
    <row r="160008" spans="8:8">
      <c r="H160008" s="12"/>
    </row>
    <row r="160009" spans="8:8">
      <c r="H160009" s="12"/>
    </row>
    <row r="160010" spans="8:8">
      <c r="H160010" s="12"/>
    </row>
    <row r="160011" spans="8:8">
      <c r="H160011" s="12"/>
    </row>
    <row r="160012" spans="8:8">
      <c r="H160012" s="12"/>
    </row>
    <row r="160013" spans="8:8">
      <c r="H160013" s="12"/>
    </row>
    <row r="160014" spans="8:8">
      <c r="H160014" s="12"/>
    </row>
    <row r="160015" spans="8:8">
      <c r="H160015" s="12"/>
    </row>
    <row r="160016" spans="8:8">
      <c r="H160016" s="12"/>
    </row>
    <row r="160017" spans="8:8">
      <c r="H160017" s="12"/>
    </row>
    <row r="160018" spans="8:8">
      <c r="H160018" s="12"/>
    </row>
    <row r="160019" spans="8:8">
      <c r="H160019" s="12"/>
    </row>
    <row r="160020" spans="8:8">
      <c r="H160020" s="12"/>
    </row>
    <row r="160021" spans="8:8">
      <c r="H160021" s="12"/>
    </row>
    <row r="160022" spans="8:8">
      <c r="H160022" s="12"/>
    </row>
    <row r="160023" spans="8:8">
      <c r="H160023" s="12"/>
    </row>
    <row r="160024" spans="8:8">
      <c r="H160024" s="12"/>
    </row>
    <row r="160025" spans="8:8">
      <c r="H160025" s="12"/>
    </row>
    <row r="160026" spans="8:8">
      <c r="H160026" s="12"/>
    </row>
    <row r="160027" spans="8:8">
      <c r="H160027" s="12"/>
    </row>
    <row r="160028" spans="8:8">
      <c r="H160028" s="12"/>
    </row>
    <row r="160029" spans="8:8">
      <c r="H160029" s="12"/>
    </row>
    <row r="160030" spans="8:8">
      <c r="H160030" s="12"/>
    </row>
    <row r="160031" spans="8:8">
      <c r="H160031" s="12"/>
    </row>
    <row r="160032" spans="8:8">
      <c r="H160032" s="12"/>
    </row>
    <row r="160033" spans="8:8">
      <c r="H160033" s="12"/>
    </row>
    <row r="160034" spans="8:8">
      <c r="H160034" s="12"/>
    </row>
    <row r="160035" spans="8:8">
      <c r="H160035" s="12"/>
    </row>
    <row r="160036" spans="8:8">
      <c r="H160036" s="12"/>
    </row>
    <row r="160037" spans="8:8">
      <c r="H160037" s="12"/>
    </row>
    <row r="160038" spans="8:8">
      <c r="H160038" s="12"/>
    </row>
    <row r="160039" spans="8:8">
      <c r="H160039" s="12"/>
    </row>
    <row r="160040" spans="8:8">
      <c r="H160040" s="12"/>
    </row>
    <row r="160041" spans="8:8">
      <c r="H160041" s="12"/>
    </row>
    <row r="160042" spans="8:8">
      <c r="H160042" s="12"/>
    </row>
    <row r="160043" spans="8:8">
      <c r="H160043" s="12"/>
    </row>
    <row r="160044" spans="8:8">
      <c r="H160044" s="12"/>
    </row>
    <row r="160045" spans="8:8">
      <c r="H160045" s="12"/>
    </row>
    <row r="160046" spans="8:8">
      <c r="H160046" s="12"/>
    </row>
    <row r="160047" spans="8:8">
      <c r="H160047" s="12"/>
    </row>
    <row r="160048" spans="8:8">
      <c r="H160048" s="12"/>
    </row>
    <row r="160049" spans="8:8">
      <c r="H160049" s="12"/>
    </row>
    <row r="160050" spans="8:8">
      <c r="H160050" s="12"/>
    </row>
    <row r="160051" spans="8:8">
      <c r="H160051" s="12"/>
    </row>
    <row r="160052" spans="8:8">
      <c r="H160052" s="12"/>
    </row>
    <row r="160053" spans="8:8">
      <c r="H160053" s="12"/>
    </row>
    <row r="160054" spans="8:8">
      <c r="H160054" s="12"/>
    </row>
    <row r="160055" spans="8:8">
      <c r="H160055" s="12"/>
    </row>
    <row r="160056" spans="8:8">
      <c r="H160056" s="12"/>
    </row>
    <row r="160057" spans="8:8">
      <c r="H160057" s="12"/>
    </row>
    <row r="160058" spans="8:8">
      <c r="H160058" s="12"/>
    </row>
    <row r="160059" spans="8:8">
      <c r="H160059" s="12"/>
    </row>
    <row r="160060" spans="8:8">
      <c r="H160060" s="12"/>
    </row>
    <row r="160061" spans="8:8">
      <c r="H160061" s="12"/>
    </row>
    <row r="160062" spans="8:8">
      <c r="H160062" s="12"/>
    </row>
    <row r="160063" spans="8:8">
      <c r="H160063" s="12"/>
    </row>
    <row r="160064" spans="8:8">
      <c r="H160064" s="12"/>
    </row>
    <row r="160065" spans="8:8">
      <c r="H160065" s="12"/>
    </row>
    <row r="160066" spans="8:8">
      <c r="H160066" s="12"/>
    </row>
    <row r="160067" spans="8:8">
      <c r="H160067" s="12"/>
    </row>
    <row r="160068" spans="8:8">
      <c r="H160068" s="12"/>
    </row>
    <row r="160069" spans="8:8">
      <c r="H160069" s="12"/>
    </row>
    <row r="160070" spans="8:8">
      <c r="H160070" s="12"/>
    </row>
    <row r="160071" spans="8:8">
      <c r="H160071" s="12"/>
    </row>
    <row r="160072" spans="8:8">
      <c r="H160072" s="12"/>
    </row>
    <row r="160073" spans="8:8">
      <c r="H160073" s="12"/>
    </row>
    <row r="160074" spans="8:8">
      <c r="H160074" s="12"/>
    </row>
    <row r="160075" spans="8:8">
      <c r="H160075" s="12"/>
    </row>
    <row r="160076" spans="8:8">
      <c r="H160076" s="12"/>
    </row>
    <row r="160077" spans="8:8">
      <c r="H160077" s="12"/>
    </row>
    <row r="160078" spans="8:8">
      <c r="H160078" s="12"/>
    </row>
    <row r="160079" spans="8:8">
      <c r="H160079" s="12"/>
    </row>
    <row r="160080" spans="8:8">
      <c r="H160080" s="12"/>
    </row>
    <row r="160081" spans="8:8">
      <c r="H160081" s="12"/>
    </row>
    <row r="160082" spans="8:8">
      <c r="H160082" s="12"/>
    </row>
    <row r="160083" spans="8:8">
      <c r="H160083" s="12"/>
    </row>
    <row r="160084" spans="8:8">
      <c r="H160084" s="12"/>
    </row>
    <row r="160085" spans="8:8">
      <c r="H160085" s="12"/>
    </row>
    <row r="160086" spans="8:8">
      <c r="H160086" s="12"/>
    </row>
    <row r="160087" spans="8:8">
      <c r="H160087" s="12"/>
    </row>
    <row r="160088" spans="8:8">
      <c r="H160088" s="12"/>
    </row>
    <row r="160089" spans="8:8">
      <c r="H160089" s="12"/>
    </row>
    <row r="160090" spans="8:8">
      <c r="H160090" s="12"/>
    </row>
    <row r="160091" spans="8:8">
      <c r="H160091" s="12"/>
    </row>
    <row r="160092" spans="8:8">
      <c r="H160092" s="12"/>
    </row>
    <row r="160093" spans="8:8">
      <c r="H160093" s="12"/>
    </row>
    <row r="160094" spans="8:8">
      <c r="H160094" s="12"/>
    </row>
    <row r="160095" spans="8:8">
      <c r="H160095" s="12"/>
    </row>
    <row r="160096" spans="8:8">
      <c r="H160096" s="12"/>
    </row>
    <row r="160097" spans="8:8">
      <c r="H160097" s="12"/>
    </row>
    <row r="160098" spans="8:8">
      <c r="H160098" s="12"/>
    </row>
    <row r="160099" spans="8:8">
      <c r="H160099" s="12"/>
    </row>
    <row r="160100" spans="8:8">
      <c r="H160100" s="12"/>
    </row>
    <row r="160101" spans="8:8">
      <c r="H160101" s="12"/>
    </row>
    <row r="160102" spans="8:8">
      <c r="H160102" s="12"/>
    </row>
    <row r="160103" spans="8:8">
      <c r="H160103" s="12"/>
    </row>
    <row r="160104" spans="8:8">
      <c r="H160104" s="12"/>
    </row>
    <row r="160105" spans="8:8">
      <c r="H160105" s="12"/>
    </row>
    <row r="160106" spans="8:8">
      <c r="H160106" s="12"/>
    </row>
    <row r="160107" spans="8:8">
      <c r="H160107" s="12"/>
    </row>
    <row r="160108" spans="8:8">
      <c r="H160108" s="12"/>
    </row>
    <row r="160109" spans="8:8">
      <c r="H160109" s="12"/>
    </row>
    <row r="160110" spans="8:8">
      <c r="H160110" s="12"/>
    </row>
    <row r="160111" spans="8:8">
      <c r="H160111" s="12"/>
    </row>
    <row r="160112" spans="8:8">
      <c r="H160112" s="12"/>
    </row>
    <row r="160113" spans="8:8">
      <c r="H160113" s="12"/>
    </row>
    <row r="160114" spans="8:8">
      <c r="H160114" s="12"/>
    </row>
    <row r="160115" spans="8:8">
      <c r="H160115" s="12"/>
    </row>
    <row r="160116" spans="8:8">
      <c r="H160116" s="12"/>
    </row>
    <row r="160117" spans="8:8">
      <c r="H160117" s="12"/>
    </row>
    <row r="160118" spans="8:8">
      <c r="H160118" s="12"/>
    </row>
    <row r="160119" spans="8:8">
      <c r="H160119" s="12"/>
    </row>
    <row r="160120" spans="8:8">
      <c r="H160120" s="12"/>
    </row>
    <row r="160121" spans="8:8">
      <c r="H160121" s="12"/>
    </row>
    <row r="160122" spans="8:8">
      <c r="H160122" s="12"/>
    </row>
    <row r="160123" spans="8:8">
      <c r="H160123" s="12"/>
    </row>
    <row r="160124" spans="8:8">
      <c r="H160124" s="12"/>
    </row>
    <row r="160125" spans="8:8">
      <c r="H160125" s="12"/>
    </row>
    <row r="160126" spans="8:8">
      <c r="H160126" s="12"/>
    </row>
    <row r="160127" spans="8:8">
      <c r="H160127" s="12"/>
    </row>
    <row r="160128" spans="8:8">
      <c r="H160128" s="12"/>
    </row>
    <row r="160129" spans="8:8">
      <c r="H160129" s="12"/>
    </row>
    <row r="160130" spans="8:8">
      <c r="H160130" s="12"/>
    </row>
    <row r="160131" spans="8:8">
      <c r="H160131" s="12"/>
    </row>
    <row r="160132" spans="8:8">
      <c r="H160132" s="12"/>
    </row>
    <row r="160133" spans="8:8">
      <c r="H160133" s="12"/>
    </row>
    <row r="160134" spans="8:8">
      <c r="H160134" s="12"/>
    </row>
    <row r="160135" spans="8:8">
      <c r="H160135" s="12"/>
    </row>
    <row r="160136" spans="8:8">
      <c r="H160136" s="12"/>
    </row>
    <row r="160137" spans="8:8">
      <c r="H160137" s="12"/>
    </row>
    <row r="160138" spans="8:8">
      <c r="H160138" s="12"/>
    </row>
    <row r="160139" spans="8:8">
      <c r="H160139" s="12"/>
    </row>
    <row r="160140" spans="8:8">
      <c r="H160140" s="12"/>
    </row>
    <row r="160141" spans="8:8">
      <c r="H160141" s="12"/>
    </row>
    <row r="160142" spans="8:8">
      <c r="H160142" s="12"/>
    </row>
    <row r="160143" spans="8:8">
      <c r="H160143" s="12"/>
    </row>
    <row r="160144" spans="8:8">
      <c r="H160144" s="12"/>
    </row>
    <row r="160145" spans="8:8">
      <c r="H160145" s="12"/>
    </row>
    <row r="160146" spans="8:8">
      <c r="H160146" s="12"/>
    </row>
    <row r="160147" spans="8:8">
      <c r="H160147" s="12"/>
    </row>
    <row r="160148" spans="8:8">
      <c r="H160148" s="12"/>
    </row>
    <row r="160149" spans="8:8">
      <c r="H160149" s="12"/>
    </row>
    <row r="160150" spans="8:8">
      <c r="H160150" s="12"/>
    </row>
    <row r="160151" spans="8:8">
      <c r="H160151" s="12"/>
    </row>
    <row r="160152" spans="8:8">
      <c r="H160152" s="12"/>
    </row>
    <row r="160153" spans="8:8">
      <c r="H160153" s="12"/>
    </row>
    <row r="160154" spans="8:8">
      <c r="H160154" s="12"/>
    </row>
    <row r="160155" spans="8:8">
      <c r="H160155" s="12"/>
    </row>
    <row r="160156" spans="8:8">
      <c r="H160156" s="12"/>
    </row>
    <row r="160157" spans="8:8">
      <c r="H160157" s="12"/>
    </row>
    <row r="160158" spans="8:8">
      <c r="H160158" s="12"/>
    </row>
    <row r="160159" spans="8:8">
      <c r="H160159" s="12"/>
    </row>
    <row r="160160" spans="8:8">
      <c r="H160160" s="12"/>
    </row>
    <row r="160161" spans="8:8">
      <c r="H160161" s="12"/>
    </row>
    <row r="160162" spans="8:8">
      <c r="H160162" s="12"/>
    </row>
    <row r="160163" spans="8:8">
      <c r="H160163" s="12"/>
    </row>
    <row r="160164" spans="8:8">
      <c r="H160164" s="12"/>
    </row>
    <row r="160165" spans="8:8">
      <c r="H160165" s="12"/>
    </row>
    <row r="160166" spans="8:8">
      <c r="H160166" s="12"/>
    </row>
    <row r="160167" spans="8:8">
      <c r="H160167" s="12"/>
    </row>
    <row r="160168" spans="8:8">
      <c r="H160168" s="12"/>
    </row>
    <row r="160169" spans="8:8">
      <c r="H160169" s="12"/>
    </row>
    <row r="160170" spans="8:8">
      <c r="H160170" s="12"/>
    </row>
    <row r="160171" spans="8:8">
      <c r="H160171" s="12"/>
    </row>
    <row r="160172" spans="8:8">
      <c r="H160172" s="12"/>
    </row>
    <row r="160173" spans="8:8">
      <c r="H160173" s="12"/>
    </row>
    <row r="160174" spans="8:8">
      <c r="H160174" s="12"/>
    </row>
    <row r="160175" spans="8:8">
      <c r="H160175" s="12"/>
    </row>
    <row r="160176" spans="8:8">
      <c r="H160176" s="12"/>
    </row>
    <row r="160177" spans="8:8">
      <c r="H160177" s="12"/>
    </row>
    <row r="160178" spans="8:8">
      <c r="H160178" s="12"/>
    </row>
    <row r="160179" spans="8:8">
      <c r="H160179" s="12"/>
    </row>
    <row r="160180" spans="8:8">
      <c r="H160180" s="12"/>
    </row>
    <row r="160181" spans="8:8">
      <c r="H160181" s="12"/>
    </row>
    <row r="160182" spans="8:8">
      <c r="H160182" s="12"/>
    </row>
    <row r="160183" spans="8:8">
      <c r="H160183" s="12"/>
    </row>
    <row r="160184" spans="8:8">
      <c r="H160184" s="12"/>
    </row>
    <row r="160185" spans="8:8">
      <c r="H160185" s="12"/>
    </row>
    <row r="160186" spans="8:8">
      <c r="H160186" s="12"/>
    </row>
    <row r="160187" spans="8:8">
      <c r="H160187" s="12"/>
    </row>
    <row r="160188" spans="8:8">
      <c r="H160188" s="12"/>
    </row>
    <row r="160189" spans="8:8">
      <c r="H160189" s="12"/>
    </row>
    <row r="160190" spans="8:8">
      <c r="H160190" s="12"/>
    </row>
    <row r="160191" spans="8:8">
      <c r="H160191" s="12"/>
    </row>
    <row r="160192" spans="8:8">
      <c r="H160192" s="12"/>
    </row>
    <row r="160193" spans="8:8">
      <c r="H160193" s="12"/>
    </row>
    <row r="160194" spans="8:8">
      <c r="H160194" s="12"/>
    </row>
    <row r="160195" spans="8:8">
      <c r="H160195" s="12"/>
    </row>
    <row r="160196" spans="8:8">
      <c r="H160196" s="12"/>
    </row>
    <row r="160197" spans="8:8">
      <c r="H160197" s="12"/>
    </row>
    <row r="160198" spans="8:8">
      <c r="H160198" s="12"/>
    </row>
    <row r="160199" spans="8:8">
      <c r="H160199" s="12"/>
    </row>
    <row r="160200" spans="8:8">
      <c r="H160200" s="12"/>
    </row>
    <row r="160201" spans="8:8">
      <c r="H160201" s="12"/>
    </row>
    <row r="160202" spans="8:8">
      <c r="H160202" s="12"/>
    </row>
    <row r="160203" spans="8:8">
      <c r="H160203" s="12"/>
    </row>
    <row r="160204" spans="8:8">
      <c r="H160204" s="12"/>
    </row>
    <row r="160205" spans="8:8">
      <c r="H160205" s="12"/>
    </row>
    <row r="160206" spans="8:8">
      <c r="H160206" s="12"/>
    </row>
    <row r="160207" spans="8:8">
      <c r="H160207" s="12"/>
    </row>
    <row r="160208" spans="8:8">
      <c r="H160208" s="12"/>
    </row>
    <row r="160209" spans="8:8">
      <c r="H160209" s="12"/>
    </row>
    <row r="160210" spans="8:8">
      <c r="H160210" s="12"/>
    </row>
    <row r="160211" spans="8:8">
      <c r="H160211" s="12"/>
    </row>
    <row r="160212" spans="8:8">
      <c r="H160212" s="12"/>
    </row>
    <row r="160213" spans="8:8">
      <c r="H160213" s="12"/>
    </row>
    <row r="160214" spans="8:8">
      <c r="H160214" s="12"/>
    </row>
    <row r="160215" spans="8:8">
      <c r="H160215" s="12"/>
    </row>
    <row r="160216" spans="8:8">
      <c r="H160216" s="12"/>
    </row>
    <row r="160217" spans="8:8">
      <c r="H160217" s="12"/>
    </row>
    <row r="160218" spans="8:8">
      <c r="H160218" s="12"/>
    </row>
    <row r="160219" spans="8:8">
      <c r="H160219" s="12"/>
    </row>
    <row r="160220" spans="8:8">
      <c r="H160220" s="12"/>
    </row>
    <row r="160221" spans="8:8">
      <c r="H160221" s="12"/>
    </row>
    <row r="160222" spans="8:8">
      <c r="H160222" s="12"/>
    </row>
    <row r="160223" spans="8:8">
      <c r="H160223" s="12"/>
    </row>
    <row r="160224" spans="8:8">
      <c r="H160224" s="12"/>
    </row>
    <row r="160225" spans="8:8">
      <c r="H160225" s="12"/>
    </row>
    <row r="160226" spans="8:8">
      <c r="H160226" s="12"/>
    </row>
    <row r="160227" spans="8:8">
      <c r="H160227" s="12"/>
    </row>
    <row r="160228" spans="8:8">
      <c r="H160228" s="12"/>
    </row>
    <row r="160229" spans="8:8">
      <c r="H160229" s="12"/>
    </row>
    <row r="160230" spans="8:8">
      <c r="H160230" s="12"/>
    </row>
    <row r="160231" spans="8:8">
      <c r="H160231" s="12"/>
    </row>
    <row r="160232" spans="8:8">
      <c r="H160232" s="12"/>
    </row>
    <row r="160233" spans="8:8">
      <c r="H160233" s="12"/>
    </row>
    <row r="160234" spans="8:8">
      <c r="H160234" s="12"/>
    </row>
    <row r="160235" spans="8:8">
      <c r="H160235" s="12"/>
    </row>
    <row r="160236" spans="8:8">
      <c r="H160236" s="12"/>
    </row>
    <row r="160237" spans="8:8">
      <c r="H160237" s="12"/>
    </row>
    <row r="160238" spans="8:8">
      <c r="H160238" s="12"/>
    </row>
    <row r="160239" spans="8:8">
      <c r="H160239" s="12"/>
    </row>
    <row r="160240" spans="8:8">
      <c r="H160240" s="12"/>
    </row>
    <row r="160241" spans="8:8">
      <c r="H160241" s="12"/>
    </row>
    <row r="160242" spans="8:8">
      <c r="H160242" s="12"/>
    </row>
    <row r="160243" spans="8:8">
      <c r="H160243" s="12"/>
    </row>
    <row r="160244" spans="8:8">
      <c r="H160244" s="12"/>
    </row>
    <row r="160245" spans="8:8">
      <c r="H160245" s="12"/>
    </row>
    <row r="160246" spans="8:8">
      <c r="H160246" s="12"/>
    </row>
    <row r="160247" spans="8:8">
      <c r="H160247" s="12"/>
    </row>
    <row r="160248" spans="8:8">
      <c r="H160248" s="12"/>
    </row>
    <row r="160249" spans="8:8">
      <c r="H160249" s="12"/>
    </row>
    <row r="160250" spans="8:8">
      <c r="H160250" s="12"/>
    </row>
    <row r="160251" spans="8:8">
      <c r="H160251" s="12"/>
    </row>
    <row r="160252" spans="8:8">
      <c r="H160252" s="12"/>
    </row>
    <row r="160253" spans="8:8">
      <c r="H160253" s="12"/>
    </row>
    <row r="160254" spans="8:8">
      <c r="H160254" s="12"/>
    </row>
    <row r="160255" spans="8:8">
      <c r="H160255" s="12"/>
    </row>
    <row r="160256" spans="8:8">
      <c r="H160256" s="12"/>
    </row>
    <row r="160257" spans="8:8">
      <c r="H160257" s="12"/>
    </row>
    <row r="160258" spans="8:8">
      <c r="H160258" s="12"/>
    </row>
    <row r="160259" spans="8:8">
      <c r="H160259" s="12"/>
    </row>
    <row r="160260" spans="8:8">
      <c r="H160260" s="12"/>
    </row>
    <row r="160261" spans="8:8">
      <c r="H160261" s="12"/>
    </row>
    <row r="160262" spans="8:8">
      <c r="H160262" s="12"/>
    </row>
    <row r="160263" spans="8:8">
      <c r="H160263" s="12"/>
    </row>
    <row r="160264" spans="8:8">
      <c r="H160264" s="12"/>
    </row>
    <row r="160265" spans="8:8">
      <c r="H160265" s="12"/>
    </row>
    <row r="160266" spans="8:8">
      <c r="H160266" s="12"/>
    </row>
    <row r="160267" spans="8:8">
      <c r="H160267" s="12"/>
    </row>
    <row r="160268" spans="8:8">
      <c r="H160268" s="12"/>
    </row>
    <row r="160269" spans="8:8">
      <c r="H160269" s="12"/>
    </row>
    <row r="160270" spans="8:8">
      <c r="H160270" s="12"/>
    </row>
    <row r="160271" spans="8:8">
      <c r="H160271" s="12"/>
    </row>
    <row r="160272" spans="8:8">
      <c r="H160272" s="12"/>
    </row>
    <row r="160273" spans="8:8">
      <c r="H160273" s="12"/>
    </row>
    <row r="160274" spans="8:8">
      <c r="H160274" s="12"/>
    </row>
    <row r="160275" spans="8:8">
      <c r="H160275" s="12"/>
    </row>
    <row r="160276" spans="8:8">
      <c r="H160276" s="12"/>
    </row>
    <row r="160277" spans="8:8">
      <c r="H160277" s="12"/>
    </row>
    <row r="160278" spans="8:8">
      <c r="H160278" s="12"/>
    </row>
    <row r="160279" spans="8:8">
      <c r="H160279" s="12"/>
    </row>
    <row r="160280" spans="8:8">
      <c r="H160280" s="12"/>
    </row>
    <row r="160281" spans="8:8">
      <c r="H160281" s="12"/>
    </row>
    <row r="160282" spans="8:8">
      <c r="H160282" s="12"/>
    </row>
    <row r="160283" spans="8:8">
      <c r="H160283" s="12"/>
    </row>
    <row r="160284" spans="8:8">
      <c r="H160284" s="12"/>
    </row>
    <row r="160285" spans="8:8">
      <c r="H160285" s="12"/>
    </row>
    <row r="160286" spans="8:8">
      <c r="H160286" s="12"/>
    </row>
    <row r="160287" spans="8:8">
      <c r="H160287" s="12"/>
    </row>
    <row r="160288" spans="8:8">
      <c r="H160288" s="12"/>
    </row>
    <row r="160289" spans="8:8">
      <c r="H160289" s="12"/>
    </row>
    <row r="160290" spans="8:8">
      <c r="H160290" s="12"/>
    </row>
    <row r="160291" spans="8:8">
      <c r="H160291" s="12"/>
    </row>
    <row r="160292" spans="8:8">
      <c r="H160292" s="12"/>
    </row>
    <row r="160293" spans="8:8">
      <c r="H160293" s="12"/>
    </row>
    <row r="160294" spans="8:8">
      <c r="H160294" s="12"/>
    </row>
    <row r="160295" spans="8:8">
      <c r="H160295" s="12"/>
    </row>
    <row r="160296" spans="8:8">
      <c r="H160296" s="12"/>
    </row>
    <row r="160297" spans="8:8">
      <c r="H160297" s="12"/>
    </row>
    <row r="160298" spans="8:8">
      <c r="H160298" s="12"/>
    </row>
    <row r="160299" spans="8:8">
      <c r="H160299" s="12"/>
    </row>
    <row r="160300" spans="8:8">
      <c r="H160300" s="12"/>
    </row>
    <row r="160301" spans="8:8">
      <c r="H160301" s="12"/>
    </row>
    <row r="160302" spans="8:8">
      <c r="H160302" s="12"/>
    </row>
    <row r="160303" spans="8:8">
      <c r="H160303" s="12"/>
    </row>
    <row r="160304" spans="8:8">
      <c r="H160304" s="12"/>
    </row>
    <row r="160305" spans="8:8">
      <c r="H160305" s="12"/>
    </row>
    <row r="160306" spans="8:8">
      <c r="H160306" s="12"/>
    </row>
    <row r="160307" spans="8:8">
      <c r="H160307" s="12"/>
    </row>
    <row r="160308" spans="8:8">
      <c r="H160308" s="12"/>
    </row>
    <row r="160309" spans="8:8">
      <c r="H160309" s="12"/>
    </row>
    <row r="160310" spans="8:8">
      <c r="H160310" s="12"/>
    </row>
    <row r="160311" spans="8:8">
      <c r="H160311" s="12"/>
    </row>
    <row r="160312" spans="8:8">
      <c r="H160312" s="12"/>
    </row>
    <row r="160313" spans="8:8">
      <c r="H160313" s="12"/>
    </row>
    <row r="160314" spans="8:8">
      <c r="H160314" s="12"/>
    </row>
    <row r="160315" spans="8:8">
      <c r="H160315" s="12"/>
    </row>
    <row r="160316" spans="8:8">
      <c r="H160316" s="12"/>
    </row>
    <row r="160317" spans="8:8">
      <c r="H160317" s="12"/>
    </row>
    <row r="160318" spans="8:8">
      <c r="H160318" s="12"/>
    </row>
    <row r="160319" spans="8:8">
      <c r="H160319" s="12"/>
    </row>
    <row r="160320" spans="8:8">
      <c r="H160320" s="12"/>
    </row>
    <row r="160321" spans="8:8">
      <c r="H160321" s="12"/>
    </row>
    <row r="160322" spans="8:8">
      <c r="H160322" s="12"/>
    </row>
    <row r="160323" spans="8:8">
      <c r="H160323" s="12"/>
    </row>
    <row r="160324" spans="8:8">
      <c r="H160324" s="12"/>
    </row>
    <row r="160325" spans="8:8">
      <c r="H160325" s="12"/>
    </row>
    <row r="160326" spans="8:8">
      <c r="H160326" s="12"/>
    </row>
    <row r="160327" spans="8:8">
      <c r="H160327" s="12"/>
    </row>
    <row r="160328" spans="8:8">
      <c r="H160328" s="12"/>
    </row>
    <row r="160329" spans="8:8">
      <c r="H160329" s="12"/>
    </row>
    <row r="160330" spans="8:8">
      <c r="H160330" s="12"/>
    </row>
    <row r="160331" spans="8:8">
      <c r="H160331" s="12"/>
    </row>
    <row r="160332" spans="8:8">
      <c r="H160332" s="12"/>
    </row>
    <row r="160333" spans="8:8">
      <c r="H160333" s="12"/>
    </row>
    <row r="160334" spans="8:8">
      <c r="H160334" s="12"/>
    </row>
    <row r="160335" spans="8:8">
      <c r="H160335" s="12"/>
    </row>
    <row r="160336" spans="8:8">
      <c r="H160336" s="12"/>
    </row>
    <row r="160337" spans="8:8">
      <c r="H160337" s="12"/>
    </row>
    <row r="160338" spans="8:8">
      <c r="H160338" s="12"/>
    </row>
    <row r="160339" spans="8:8">
      <c r="H160339" s="12"/>
    </row>
    <row r="160340" spans="8:8">
      <c r="H160340" s="12"/>
    </row>
    <row r="160341" spans="8:8">
      <c r="H160341" s="12"/>
    </row>
    <row r="160342" spans="8:8">
      <c r="H160342" s="12"/>
    </row>
    <row r="160343" spans="8:8">
      <c r="H160343" s="12"/>
    </row>
    <row r="160344" spans="8:8">
      <c r="H160344" s="12"/>
    </row>
    <row r="160345" spans="8:8">
      <c r="H160345" s="12"/>
    </row>
    <row r="160346" spans="8:8">
      <c r="H160346" s="12"/>
    </row>
    <row r="160347" spans="8:8">
      <c r="H160347" s="12"/>
    </row>
    <row r="160348" spans="8:8">
      <c r="H160348" s="12"/>
    </row>
    <row r="160349" spans="8:8">
      <c r="H160349" s="12"/>
    </row>
    <row r="160350" spans="8:8">
      <c r="H160350" s="12"/>
    </row>
    <row r="160351" spans="8:8">
      <c r="H160351" s="12"/>
    </row>
    <row r="160352" spans="8:8">
      <c r="H160352" s="12"/>
    </row>
    <row r="160353" spans="8:8">
      <c r="H160353" s="12"/>
    </row>
    <row r="160354" spans="8:8">
      <c r="H160354" s="12"/>
    </row>
    <row r="160355" spans="8:8">
      <c r="H160355" s="12"/>
    </row>
    <row r="160356" spans="8:8">
      <c r="H160356" s="12"/>
    </row>
    <row r="160357" spans="8:8">
      <c r="H160357" s="12"/>
    </row>
    <row r="160358" spans="8:8">
      <c r="H160358" s="12"/>
    </row>
    <row r="160359" spans="8:8">
      <c r="H160359" s="12"/>
    </row>
    <row r="160360" spans="8:8">
      <c r="H160360" s="12"/>
    </row>
    <row r="160361" spans="8:8">
      <c r="H160361" s="12"/>
    </row>
    <row r="160362" spans="8:8">
      <c r="H160362" s="12"/>
    </row>
    <row r="160363" spans="8:8">
      <c r="H160363" s="12"/>
    </row>
    <row r="160364" spans="8:8">
      <c r="H160364" s="12"/>
    </row>
    <row r="160365" spans="8:8">
      <c r="H160365" s="12"/>
    </row>
    <row r="160366" spans="8:8">
      <c r="H160366" s="12"/>
    </row>
    <row r="160367" spans="8:8">
      <c r="H160367" s="12"/>
    </row>
    <row r="160368" spans="8:8">
      <c r="H160368" s="12"/>
    </row>
    <row r="160369" spans="8:8">
      <c r="H160369" s="12"/>
    </row>
    <row r="160370" spans="8:8">
      <c r="H160370" s="12"/>
    </row>
    <row r="160371" spans="8:8">
      <c r="H160371" s="12"/>
    </row>
    <row r="160372" spans="8:8">
      <c r="H160372" s="12"/>
    </row>
    <row r="160373" spans="8:8">
      <c r="H160373" s="12"/>
    </row>
    <row r="160374" spans="8:8">
      <c r="H160374" s="12"/>
    </row>
    <row r="160375" spans="8:8">
      <c r="H160375" s="12"/>
    </row>
    <row r="160376" spans="8:8">
      <c r="H160376" s="12"/>
    </row>
    <row r="160377" spans="8:8">
      <c r="H160377" s="12"/>
    </row>
    <row r="160378" spans="8:8">
      <c r="H160378" s="12"/>
    </row>
    <row r="160379" spans="8:8">
      <c r="H160379" s="12"/>
    </row>
    <row r="160380" spans="8:8">
      <c r="H160380" s="12"/>
    </row>
    <row r="160381" spans="8:8">
      <c r="H160381" s="12"/>
    </row>
    <row r="160382" spans="8:8">
      <c r="H160382" s="12"/>
    </row>
    <row r="160383" spans="8:8">
      <c r="H160383" s="12"/>
    </row>
    <row r="160384" spans="8:8">
      <c r="H160384" s="12"/>
    </row>
    <row r="160385" spans="8:8">
      <c r="H160385" s="12"/>
    </row>
    <row r="160386" spans="8:8">
      <c r="H160386" s="12"/>
    </row>
    <row r="160387" spans="8:8">
      <c r="H160387" s="12"/>
    </row>
    <row r="160388" spans="8:8">
      <c r="H160388" s="12"/>
    </row>
    <row r="160389" spans="8:8">
      <c r="H160389" s="12"/>
    </row>
    <row r="160390" spans="8:8">
      <c r="H160390" s="12"/>
    </row>
    <row r="160391" spans="8:8">
      <c r="H160391" s="12"/>
    </row>
    <row r="160392" spans="8:8">
      <c r="H160392" s="12"/>
    </row>
    <row r="160393" spans="8:8">
      <c r="H160393" s="12"/>
    </row>
    <row r="160394" spans="8:8">
      <c r="H160394" s="12"/>
    </row>
    <row r="160395" spans="8:8">
      <c r="H160395" s="12"/>
    </row>
    <row r="160396" spans="8:8">
      <c r="H160396" s="12"/>
    </row>
    <row r="160397" spans="8:8">
      <c r="H160397" s="12"/>
    </row>
    <row r="160398" spans="8:8">
      <c r="H160398" s="12"/>
    </row>
    <row r="160399" spans="8:8">
      <c r="H160399" s="12"/>
    </row>
    <row r="160400" spans="8:8">
      <c r="H160400" s="12"/>
    </row>
    <row r="160401" spans="8:8">
      <c r="H160401" s="12"/>
    </row>
    <row r="160402" spans="8:8">
      <c r="H160402" s="12"/>
    </row>
    <row r="160403" spans="8:8">
      <c r="H160403" s="12"/>
    </row>
    <row r="160404" spans="8:8">
      <c r="H160404" s="12"/>
    </row>
    <row r="160405" spans="8:8">
      <c r="H160405" s="12"/>
    </row>
    <row r="160406" spans="8:8">
      <c r="H160406" s="12"/>
    </row>
    <row r="160407" spans="8:8">
      <c r="H160407" s="12"/>
    </row>
    <row r="160408" spans="8:8">
      <c r="H160408" s="12"/>
    </row>
    <row r="160409" spans="8:8">
      <c r="H160409" s="12"/>
    </row>
    <row r="160410" spans="8:8">
      <c r="H160410" s="12"/>
    </row>
    <row r="160411" spans="8:8">
      <c r="H160411" s="12"/>
    </row>
    <row r="160412" spans="8:8">
      <c r="H160412" s="12"/>
    </row>
    <row r="160413" spans="8:8">
      <c r="H160413" s="12"/>
    </row>
    <row r="160414" spans="8:8">
      <c r="H160414" s="12"/>
    </row>
    <row r="160415" spans="8:8">
      <c r="H160415" s="12"/>
    </row>
    <row r="160416" spans="8:8">
      <c r="H160416" s="12"/>
    </row>
    <row r="160417" spans="8:8">
      <c r="H160417" s="12"/>
    </row>
    <row r="160418" spans="8:8">
      <c r="H160418" s="12"/>
    </row>
    <row r="160419" spans="8:8">
      <c r="H160419" s="12"/>
    </row>
    <row r="160420" spans="8:8">
      <c r="H160420" s="12"/>
    </row>
    <row r="160421" spans="8:8">
      <c r="H160421" s="12"/>
    </row>
    <row r="160422" spans="8:8">
      <c r="H160422" s="12"/>
    </row>
    <row r="160423" spans="8:8">
      <c r="H160423" s="12"/>
    </row>
    <row r="160424" spans="8:8">
      <c r="H160424" s="12"/>
    </row>
    <row r="160425" spans="8:8">
      <c r="H160425" s="12"/>
    </row>
    <row r="160426" spans="8:8">
      <c r="H160426" s="12"/>
    </row>
    <row r="160427" spans="8:8">
      <c r="H160427" s="12"/>
    </row>
    <row r="160428" spans="8:8">
      <c r="H160428" s="12"/>
    </row>
    <row r="160429" spans="8:8">
      <c r="H160429" s="12"/>
    </row>
    <row r="160430" spans="8:8">
      <c r="H160430" s="12"/>
    </row>
    <row r="160431" spans="8:8">
      <c r="H160431" s="12"/>
    </row>
    <row r="160432" spans="8:8">
      <c r="H160432" s="12"/>
    </row>
    <row r="160433" spans="8:8">
      <c r="H160433" s="12"/>
    </row>
    <row r="160434" spans="8:8">
      <c r="H160434" s="12"/>
    </row>
    <row r="160435" spans="8:8">
      <c r="H160435" s="12"/>
    </row>
    <row r="160436" spans="8:8">
      <c r="H160436" s="12"/>
    </row>
    <row r="160437" spans="8:8">
      <c r="H160437" s="12"/>
    </row>
    <row r="160438" spans="8:8">
      <c r="H160438" s="12"/>
    </row>
    <row r="160439" spans="8:8">
      <c r="H160439" s="12"/>
    </row>
    <row r="160440" spans="8:8">
      <c r="H160440" s="12"/>
    </row>
    <row r="160441" spans="8:8">
      <c r="H160441" s="12"/>
    </row>
    <row r="160442" spans="8:8">
      <c r="H160442" s="12"/>
    </row>
    <row r="160443" spans="8:8">
      <c r="H160443" s="12"/>
    </row>
    <row r="160444" spans="8:8">
      <c r="H160444" s="12"/>
    </row>
    <row r="160445" spans="8:8">
      <c r="H160445" s="12"/>
    </row>
    <row r="160446" spans="8:8">
      <c r="H160446" s="12"/>
    </row>
    <row r="160447" spans="8:8">
      <c r="H160447" s="12"/>
    </row>
    <row r="160448" spans="8:8">
      <c r="H160448" s="12"/>
    </row>
    <row r="160449" spans="8:8">
      <c r="H160449" s="12"/>
    </row>
    <row r="160450" spans="8:8">
      <c r="H160450" s="12"/>
    </row>
    <row r="160451" spans="8:8">
      <c r="H160451" s="12"/>
    </row>
    <row r="160452" spans="8:8">
      <c r="H160452" s="12"/>
    </row>
    <row r="160453" spans="8:8">
      <c r="H160453" s="12"/>
    </row>
    <row r="160454" spans="8:8">
      <c r="H160454" s="12"/>
    </row>
    <row r="160455" spans="8:8">
      <c r="H160455" s="12"/>
    </row>
    <row r="160456" spans="8:8">
      <c r="H160456" s="12"/>
    </row>
    <row r="160457" spans="8:8">
      <c r="H160457" s="12"/>
    </row>
    <row r="160458" spans="8:8">
      <c r="H160458" s="12"/>
    </row>
    <row r="160459" spans="8:8">
      <c r="H160459" s="12"/>
    </row>
    <row r="160460" spans="8:8">
      <c r="H160460" s="12"/>
    </row>
    <row r="160461" spans="8:8">
      <c r="H160461" s="12"/>
    </row>
    <row r="160462" spans="8:8">
      <c r="H160462" s="12"/>
    </row>
    <row r="160463" spans="8:8">
      <c r="H160463" s="12"/>
    </row>
    <row r="160464" spans="8:8">
      <c r="H160464" s="12"/>
    </row>
    <row r="160465" spans="8:8">
      <c r="H160465" s="12"/>
    </row>
    <row r="160466" spans="8:8">
      <c r="H160466" s="12"/>
    </row>
    <row r="160467" spans="8:8">
      <c r="H160467" s="12"/>
    </row>
    <row r="160468" spans="8:8">
      <c r="H160468" s="12"/>
    </row>
    <row r="160469" spans="8:8">
      <c r="H160469" s="12"/>
    </row>
    <row r="160470" spans="8:8">
      <c r="H160470" s="12"/>
    </row>
    <row r="160471" spans="8:8">
      <c r="H160471" s="12"/>
    </row>
    <row r="160472" spans="8:8">
      <c r="H160472" s="12"/>
    </row>
    <row r="160473" spans="8:8">
      <c r="H160473" s="12"/>
    </row>
    <row r="160474" spans="8:8">
      <c r="H160474" s="12"/>
    </row>
    <row r="160475" spans="8:8">
      <c r="H160475" s="12"/>
    </row>
    <row r="160476" spans="8:8">
      <c r="H160476" s="12"/>
    </row>
    <row r="160477" spans="8:8">
      <c r="H160477" s="12"/>
    </row>
    <row r="160478" spans="8:8">
      <c r="H160478" s="12"/>
    </row>
    <row r="160479" spans="8:8">
      <c r="H160479" s="12"/>
    </row>
    <row r="160480" spans="8:8">
      <c r="H160480" s="12"/>
    </row>
    <row r="160481" spans="8:8">
      <c r="H160481" s="12"/>
    </row>
    <row r="160482" spans="8:8">
      <c r="H160482" s="12"/>
    </row>
    <row r="160483" spans="8:8">
      <c r="H160483" s="12"/>
    </row>
    <row r="160484" spans="8:8">
      <c r="H160484" s="12"/>
    </row>
    <row r="160485" spans="8:8">
      <c r="H160485" s="12"/>
    </row>
    <row r="160486" spans="8:8">
      <c r="H160486" s="12"/>
    </row>
    <row r="160487" spans="8:8">
      <c r="H160487" s="12"/>
    </row>
    <row r="160488" spans="8:8">
      <c r="H160488" s="12"/>
    </row>
    <row r="160489" spans="8:8">
      <c r="H160489" s="12"/>
    </row>
    <row r="160490" spans="8:8">
      <c r="H160490" s="12"/>
    </row>
    <row r="160491" spans="8:8">
      <c r="H160491" s="12"/>
    </row>
    <row r="160492" spans="8:8">
      <c r="H160492" s="12"/>
    </row>
    <row r="160493" spans="8:8">
      <c r="H160493" s="12"/>
    </row>
    <row r="160494" spans="8:8">
      <c r="H160494" s="12"/>
    </row>
    <row r="160495" spans="8:8">
      <c r="H160495" s="12"/>
    </row>
    <row r="160496" spans="8:8">
      <c r="H160496" s="12"/>
    </row>
    <row r="160497" spans="8:8">
      <c r="H160497" s="12"/>
    </row>
    <row r="160498" spans="8:8">
      <c r="H160498" s="12"/>
    </row>
    <row r="160499" spans="8:8">
      <c r="H160499" s="12"/>
    </row>
    <row r="160500" spans="8:8">
      <c r="H160500" s="12"/>
    </row>
    <row r="160501" spans="8:8">
      <c r="H160501" s="12"/>
    </row>
    <row r="160502" spans="8:8">
      <c r="H160502" s="12"/>
    </row>
    <row r="160503" spans="8:8">
      <c r="H160503" s="12"/>
    </row>
    <row r="160504" spans="8:8">
      <c r="H160504" s="12"/>
    </row>
    <row r="160505" spans="8:8">
      <c r="H160505" s="12"/>
    </row>
    <row r="160506" spans="8:8">
      <c r="H160506" s="12"/>
    </row>
    <row r="160507" spans="8:8">
      <c r="H160507" s="12"/>
    </row>
    <row r="160508" spans="8:8">
      <c r="H160508" s="12"/>
    </row>
    <row r="160509" spans="8:8">
      <c r="H160509" s="12"/>
    </row>
    <row r="160510" spans="8:8">
      <c r="H160510" s="12"/>
    </row>
    <row r="160511" spans="8:8">
      <c r="H160511" s="12"/>
    </row>
    <row r="160512" spans="8:8">
      <c r="H160512" s="12"/>
    </row>
    <row r="160513" spans="8:8">
      <c r="H160513" s="12"/>
    </row>
    <row r="160514" spans="8:8">
      <c r="H160514" s="12"/>
    </row>
    <row r="160515" spans="8:8">
      <c r="H160515" s="12"/>
    </row>
    <row r="160516" spans="8:8">
      <c r="H160516" s="12"/>
    </row>
    <row r="160517" spans="8:8">
      <c r="H160517" s="12"/>
    </row>
    <row r="160518" spans="8:8">
      <c r="H160518" s="12"/>
    </row>
    <row r="160519" spans="8:8">
      <c r="H160519" s="12"/>
    </row>
    <row r="160520" spans="8:8">
      <c r="H160520" s="12"/>
    </row>
    <row r="160521" spans="8:8">
      <c r="H160521" s="12"/>
    </row>
    <row r="160522" spans="8:8">
      <c r="H160522" s="12"/>
    </row>
    <row r="160523" spans="8:8">
      <c r="H160523" s="12"/>
    </row>
    <row r="160524" spans="8:8">
      <c r="H160524" s="12"/>
    </row>
    <row r="160525" spans="8:8">
      <c r="H160525" s="12"/>
    </row>
    <row r="160526" spans="8:8">
      <c r="H160526" s="12"/>
    </row>
    <row r="160527" spans="8:8">
      <c r="H160527" s="12"/>
    </row>
    <row r="160528" spans="8:8">
      <c r="H160528" s="12"/>
    </row>
    <row r="160529" spans="8:8">
      <c r="H160529" s="12"/>
    </row>
    <row r="160530" spans="8:8">
      <c r="H160530" s="12"/>
    </row>
    <row r="160531" spans="8:8">
      <c r="H160531" s="12"/>
    </row>
    <row r="160532" spans="8:8">
      <c r="H160532" s="12"/>
    </row>
    <row r="160533" spans="8:8">
      <c r="H160533" s="12"/>
    </row>
    <row r="160534" spans="8:8">
      <c r="H160534" s="12"/>
    </row>
    <row r="160535" spans="8:8">
      <c r="H160535" s="12"/>
    </row>
    <row r="160536" spans="8:8">
      <c r="H160536" s="12"/>
    </row>
    <row r="160537" spans="8:8">
      <c r="H160537" s="12"/>
    </row>
    <row r="160538" spans="8:8">
      <c r="H160538" s="12"/>
    </row>
    <row r="160539" spans="8:8">
      <c r="H160539" s="12"/>
    </row>
    <row r="160540" spans="8:8">
      <c r="H160540" s="12"/>
    </row>
    <row r="160541" spans="8:8">
      <c r="H160541" s="12"/>
    </row>
    <row r="160542" spans="8:8">
      <c r="H160542" s="12"/>
    </row>
    <row r="160543" spans="8:8">
      <c r="H160543" s="12"/>
    </row>
    <row r="160544" spans="8:8">
      <c r="H160544" s="12"/>
    </row>
    <row r="160545" spans="8:8">
      <c r="H160545" s="12"/>
    </row>
    <row r="160546" spans="8:8">
      <c r="H160546" s="12"/>
    </row>
    <row r="160547" spans="8:8">
      <c r="H160547" s="12"/>
    </row>
    <row r="160548" spans="8:8">
      <c r="H160548" s="12"/>
    </row>
    <row r="160549" spans="8:8">
      <c r="H160549" s="12"/>
    </row>
    <row r="160550" spans="8:8">
      <c r="H160550" s="12"/>
    </row>
    <row r="160551" spans="8:8">
      <c r="H160551" s="12"/>
    </row>
    <row r="160552" spans="8:8">
      <c r="H160552" s="12"/>
    </row>
    <row r="160553" spans="8:8">
      <c r="H160553" s="12"/>
    </row>
    <row r="160554" spans="8:8">
      <c r="H160554" s="12"/>
    </row>
    <row r="160555" spans="8:8">
      <c r="H160555" s="12"/>
    </row>
    <row r="160556" spans="8:8">
      <c r="H160556" s="12"/>
    </row>
    <row r="160557" spans="8:8">
      <c r="H160557" s="12"/>
    </row>
    <row r="160558" spans="8:8">
      <c r="H160558" s="12"/>
    </row>
    <row r="160559" spans="8:8">
      <c r="H160559" s="12"/>
    </row>
    <row r="160560" spans="8:8">
      <c r="H160560" s="12"/>
    </row>
    <row r="160561" spans="8:8">
      <c r="H160561" s="12"/>
    </row>
    <row r="160562" spans="8:8">
      <c r="H160562" s="12"/>
    </row>
    <row r="160563" spans="8:8">
      <c r="H160563" s="12"/>
    </row>
    <row r="160564" spans="8:8">
      <c r="H160564" s="12"/>
    </row>
    <row r="160565" spans="8:8">
      <c r="H160565" s="12"/>
    </row>
    <row r="160566" spans="8:8">
      <c r="H160566" s="12"/>
    </row>
    <row r="160567" spans="8:8">
      <c r="H160567" s="12"/>
    </row>
    <row r="160568" spans="8:8">
      <c r="H160568" s="12"/>
    </row>
    <row r="160569" spans="8:8">
      <c r="H160569" s="12"/>
    </row>
    <row r="160570" spans="8:8">
      <c r="H160570" s="12"/>
    </row>
    <row r="160571" spans="8:8">
      <c r="H160571" s="12"/>
    </row>
    <row r="160572" spans="8:8">
      <c r="H160572" s="12"/>
    </row>
    <row r="160573" spans="8:8">
      <c r="H160573" s="12"/>
    </row>
    <row r="160574" spans="8:8">
      <c r="H160574" s="12"/>
    </row>
    <row r="160575" spans="8:8">
      <c r="H160575" s="12"/>
    </row>
    <row r="160576" spans="8:8">
      <c r="H160576" s="12"/>
    </row>
    <row r="160577" spans="8:8">
      <c r="H160577" s="12"/>
    </row>
    <row r="160578" spans="8:8">
      <c r="H160578" s="12"/>
    </row>
    <row r="160579" spans="8:8">
      <c r="H160579" s="12"/>
    </row>
    <row r="160580" spans="8:8">
      <c r="H160580" s="12"/>
    </row>
    <row r="160581" spans="8:8">
      <c r="H160581" s="12"/>
    </row>
    <row r="160582" spans="8:8">
      <c r="H160582" s="12"/>
    </row>
    <row r="160583" spans="8:8">
      <c r="H160583" s="12"/>
    </row>
    <row r="160584" spans="8:8">
      <c r="H160584" s="12"/>
    </row>
    <row r="160585" spans="8:8">
      <c r="H160585" s="12"/>
    </row>
    <row r="160586" spans="8:8">
      <c r="H160586" s="12"/>
    </row>
    <row r="160587" spans="8:8">
      <c r="H160587" s="12"/>
    </row>
    <row r="160588" spans="8:8">
      <c r="H160588" s="12"/>
    </row>
    <row r="160589" spans="8:8">
      <c r="H160589" s="12"/>
    </row>
    <row r="160590" spans="8:8">
      <c r="H160590" s="12"/>
    </row>
    <row r="160591" spans="8:8">
      <c r="H160591" s="12"/>
    </row>
    <row r="160592" spans="8:8">
      <c r="H160592" s="12"/>
    </row>
    <row r="160593" spans="8:8">
      <c r="H160593" s="12"/>
    </row>
    <row r="160594" spans="8:8">
      <c r="H160594" s="12"/>
    </row>
    <row r="160595" spans="8:8">
      <c r="H160595" s="12"/>
    </row>
    <row r="160596" spans="8:8">
      <c r="H160596" s="12"/>
    </row>
    <row r="160597" spans="8:8">
      <c r="H160597" s="12"/>
    </row>
    <row r="160598" spans="8:8">
      <c r="H160598" s="12"/>
    </row>
    <row r="160599" spans="8:8">
      <c r="H160599" s="12"/>
    </row>
    <row r="160600" spans="8:8">
      <c r="H160600" s="12"/>
    </row>
    <row r="160601" spans="8:8">
      <c r="H160601" s="12"/>
    </row>
    <row r="160602" spans="8:8">
      <c r="H160602" s="12"/>
    </row>
    <row r="160603" spans="8:8">
      <c r="H160603" s="12"/>
    </row>
    <row r="160604" spans="8:8">
      <c r="H160604" s="12"/>
    </row>
    <row r="160605" spans="8:8">
      <c r="H160605" s="12"/>
    </row>
    <row r="160606" spans="8:8">
      <c r="H160606" s="12"/>
    </row>
    <row r="160607" spans="8:8">
      <c r="H160607" s="12"/>
    </row>
    <row r="160608" spans="8:8">
      <c r="H160608" s="12"/>
    </row>
    <row r="160609" spans="8:8">
      <c r="H160609" s="12"/>
    </row>
    <row r="160610" spans="8:8">
      <c r="H160610" s="12"/>
    </row>
    <row r="160611" spans="8:8">
      <c r="H160611" s="12"/>
    </row>
    <row r="160612" spans="8:8">
      <c r="H160612" s="12"/>
    </row>
    <row r="160613" spans="8:8">
      <c r="H160613" s="12"/>
    </row>
    <row r="160614" spans="8:8">
      <c r="H160614" s="12"/>
    </row>
    <row r="160615" spans="8:8">
      <c r="H160615" s="12"/>
    </row>
    <row r="160616" spans="8:8">
      <c r="H160616" s="12"/>
    </row>
    <row r="160617" spans="8:8">
      <c r="H160617" s="12"/>
    </row>
    <row r="160618" spans="8:8">
      <c r="H160618" s="12"/>
    </row>
    <row r="160619" spans="8:8">
      <c r="H160619" s="12"/>
    </row>
    <row r="160620" spans="8:8">
      <c r="H160620" s="12"/>
    </row>
    <row r="160621" spans="8:8">
      <c r="H160621" s="12"/>
    </row>
    <row r="160622" spans="8:8">
      <c r="H160622" s="12"/>
    </row>
    <row r="160623" spans="8:8">
      <c r="H160623" s="12"/>
    </row>
    <row r="160624" spans="8:8">
      <c r="H160624" s="12"/>
    </row>
    <row r="160625" spans="8:8">
      <c r="H160625" s="12"/>
    </row>
    <row r="160626" spans="8:8">
      <c r="H160626" s="12"/>
    </row>
    <row r="160627" spans="8:8">
      <c r="H160627" s="12"/>
    </row>
    <row r="160628" spans="8:8">
      <c r="H160628" s="12"/>
    </row>
    <row r="160629" spans="8:8">
      <c r="H160629" s="12"/>
    </row>
    <row r="160630" spans="8:8">
      <c r="H160630" s="12"/>
    </row>
    <row r="160631" spans="8:8">
      <c r="H160631" s="12"/>
    </row>
    <row r="160632" spans="8:8">
      <c r="H160632" s="12"/>
    </row>
    <row r="160633" spans="8:8">
      <c r="H160633" s="12"/>
    </row>
    <row r="160634" spans="8:8">
      <c r="H160634" s="12"/>
    </row>
    <row r="160635" spans="8:8">
      <c r="H160635" s="12"/>
    </row>
    <row r="160636" spans="8:8">
      <c r="H160636" s="12"/>
    </row>
    <row r="160637" spans="8:8">
      <c r="H160637" s="12"/>
    </row>
    <row r="160638" spans="8:8">
      <c r="H160638" s="12"/>
    </row>
    <row r="160639" spans="8:8">
      <c r="H160639" s="12"/>
    </row>
    <row r="160640" spans="8:8">
      <c r="H160640" s="12"/>
    </row>
    <row r="160641" spans="8:8">
      <c r="H160641" s="12"/>
    </row>
    <row r="160642" spans="8:8">
      <c r="H160642" s="12"/>
    </row>
    <row r="160643" spans="8:8">
      <c r="H160643" s="12"/>
    </row>
    <row r="160644" spans="8:8">
      <c r="H160644" s="12"/>
    </row>
    <row r="160645" spans="8:8">
      <c r="H160645" s="12"/>
    </row>
    <row r="160646" spans="8:8">
      <c r="H160646" s="12"/>
    </row>
    <row r="160647" spans="8:8">
      <c r="H160647" s="12"/>
    </row>
    <row r="160648" spans="8:8">
      <c r="H160648" s="12"/>
    </row>
    <row r="160649" spans="8:8">
      <c r="H160649" s="12"/>
    </row>
    <row r="160650" spans="8:8">
      <c r="H160650" s="12"/>
    </row>
    <row r="160651" spans="8:8">
      <c r="H160651" s="12"/>
    </row>
    <row r="160652" spans="8:8">
      <c r="H160652" s="12"/>
    </row>
    <row r="160653" spans="8:8">
      <c r="H160653" s="12"/>
    </row>
    <row r="160654" spans="8:8">
      <c r="H160654" s="12"/>
    </row>
    <row r="160655" spans="8:8">
      <c r="H160655" s="12"/>
    </row>
    <row r="160656" spans="8:8">
      <c r="H160656" s="12"/>
    </row>
    <row r="160657" spans="8:8">
      <c r="H160657" s="12"/>
    </row>
    <row r="160658" spans="8:8">
      <c r="H160658" s="12"/>
    </row>
    <row r="160659" spans="8:8">
      <c r="H160659" s="12"/>
    </row>
    <row r="160660" spans="8:8">
      <c r="H160660" s="12"/>
    </row>
    <row r="160661" spans="8:8">
      <c r="H160661" s="12"/>
    </row>
    <row r="160662" spans="8:8">
      <c r="H160662" s="12"/>
    </row>
    <row r="160663" spans="8:8">
      <c r="H160663" s="12"/>
    </row>
    <row r="160664" spans="8:8">
      <c r="H160664" s="12"/>
    </row>
    <row r="160665" spans="8:8">
      <c r="H160665" s="12"/>
    </row>
    <row r="160666" spans="8:8">
      <c r="H160666" s="12"/>
    </row>
    <row r="160667" spans="8:8">
      <c r="H160667" s="12"/>
    </row>
    <row r="160668" spans="8:8">
      <c r="H160668" s="12"/>
    </row>
    <row r="160669" spans="8:8">
      <c r="H160669" s="12"/>
    </row>
    <row r="160670" spans="8:8">
      <c r="H160670" s="12"/>
    </row>
    <row r="160671" spans="8:8">
      <c r="H160671" s="12"/>
    </row>
    <row r="160672" spans="8:8">
      <c r="H160672" s="12"/>
    </row>
    <row r="160673" spans="8:8">
      <c r="H160673" s="12"/>
    </row>
    <row r="160674" spans="8:8">
      <c r="H160674" s="12"/>
    </row>
    <row r="160675" spans="8:8">
      <c r="H160675" s="12"/>
    </row>
    <row r="160676" spans="8:8">
      <c r="H160676" s="12"/>
    </row>
    <row r="160677" spans="8:8">
      <c r="H160677" s="12"/>
    </row>
    <row r="160678" spans="8:8">
      <c r="H160678" s="12"/>
    </row>
    <row r="160679" spans="8:8">
      <c r="H160679" s="12"/>
    </row>
    <row r="160680" spans="8:8">
      <c r="H160680" s="12"/>
    </row>
    <row r="160681" spans="8:8">
      <c r="H160681" s="12"/>
    </row>
    <row r="160682" spans="8:8">
      <c r="H160682" s="12"/>
    </row>
    <row r="160683" spans="8:8">
      <c r="H160683" s="12"/>
    </row>
    <row r="160684" spans="8:8">
      <c r="H160684" s="12"/>
    </row>
    <row r="160685" spans="8:8">
      <c r="H160685" s="12"/>
    </row>
    <row r="160686" spans="8:8">
      <c r="H160686" s="12"/>
    </row>
    <row r="160687" spans="8:8">
      <c r="H160687" s="12"/>
    </row>
    <row r="160688" spans="8:8">
      <c r="H160688" s="12"/>
    </row>
    <row r="160689" spans="8:8">
      <c r="H160689" s="12"/>
    </row>
    <row r="160690" spans="8:8">
      <c r="H160690" s="12"/>
    </row>
    <row r="160691" spans="8:8">
      <c r="H160691" s="12"/>
    </row>
    <row r="160692" spans="8:8">
      <c r="H160692" s="12"/>
    </row>
    <row r="160693" spans="8:8">
      <c r="H160693" s="12"/>
    </row>
    <row r="160694" spans="8:8">
      <c r="H160694" s="12"/>
    </row>
    <row r="160695" spans="8:8">
      <c r="H160695" s="12"/>
    </row>
    <row r="160696" spans="8:8">
      <c r="H160696" s="12"/>
    </row>
    <row r="160697" spans="8:8">
      <c r="H160697" s="12"/>
    </row>
    <row r="160698" spans="8:8">
      <c r="H160698" s="12"/>
    </row>
    <row r="160699" spans="8:8">
      <c r="H160699" s="12"/>
    </row>
    <row r="160700" spans="8:8">
      <c r="H160700" s="12"/>
    </row>
    <row r="160701" spans="8:8">
      <c r="H160701" s="12"/>
    </row>
    <row r="160702" spans="8:8">
      <c r="H160702" s="12"/>
    </row>
    <row r="160703" spans="8:8">
      <c r="H160703" s="12"/>
    </row>
    <row r="160704" spans="8:8">
      <c r="H160704" s="12"/>
    </row>
    <row r="160705" spans="8:8">
      <c r="H160705" s="12"/>
    </row>
    <row r="160706" spans="8:8">
      <c r="H160706" s="12"/>
    </row>
    <row r="160707" spans="8:8">
      <c r="H160707" s="12"/>
    </row>
    <row r="160708" spans="8:8">
      <c r="H160708" s="12"/>
    </row>
    <row r="160709" spans="8:8">
      <c r="H160709" s="12"/>
    </row>
    <row r="160710" spans="8:8">
      <c r="H160710" s="12"/>
    </row>
    <row r="160711" spans="8:8">
      <c r="H160711" s="12"/>
    </row>
    <row r="160712" spans="8:8">
      <c r="H160712" s="12"/>
    </row>
    <row r="160713" spans="8:8">
      <c r="H160713" s="12"/>
    </row>
    <row r="160714" spans="8:8">
      <c r="H160714" s="12"/>
    </row>
    <row r="160715" spans="8:8">
      <c r="H160715" s="12"/>
    </row>
    <row r="160716" spans="8:8">
      <c r="H160716" s="12"/>
    </row>
    <row r="160717" spans="8:8">
      <c r="H160717" s="12"/>
    </row>
    <row r="160718" spans="8:8">
      <c r="H160718" s="12"/>
    </row>
    <row r="160719" spans="8:8">
      <c r="H160719" s="12"/>
    </row>
    <row r="160720" spans="8:8">
      <c r="H160720" s="12"/>
    </row>
    <row r="160721" spans="8:8">
      <c r="H160721" s="12"/>
    </row>
    <row r="160722" spans="8:8">
      <c r="H160722" s="12"/>
    </row>
    <row r="160723" spans="8:8">
      <c r="H160723" s="12"/>
    </row>
    <row r="160724" spans="8:8">
      <c r="H160724" s="12"/>
    </row>
    <row r="160725" spans="8:8">
      <c r="H160725" s="12"/>
    </row>
    <row r="160726" spans="8:8">
      <c r="H160726" s="12"/>
    </row>
    <row r="160727" spans="8:8">
      <c r="H160727" s="12"/>
    </row>
    <row r="160728" spans="8:8">
      <c r="H160728" s="12"/>
    </row>
    <row r="160729" spans="8:8">
      <c r="H160729" s="12"/>
    </row>
    <row r="160730" spans="8:8">
      <c r="H160730" s="12"/>
    </row>
    <row r="160731" spans="8:8">
      <c r="H160731" s="12"/>
    </row>
    <row r="160732" spans="8:8">
      <c r="H160732" s="12"/>
    </row>
    <row r="160733" spans="8:8">
      <c r="H160733" s="12"/>
    </row>
    <row r="160734" spans="8:8">
      <c r="H160734" s="12"/>
    </row>
    <row r="160735" spans="8:8">
      <c r="H160735" s="12"/>
    </row>
    <row r="160736" spans="8:8">
      <c r="H160736" s="12"/>
    </row>
    <row r="160737" spans="8:8">
      <c r="H160737" s="12"/>
    </row>
    <row r="160738" spans="8:8">
      <c r="H160738" s="12"/>
    </row>
    <row r="160739" spans="8:8">
      <c r="H160739" s="12"/>
    </row>
    <row r="160740" spans="8:8">
      <c r="H160740" s="12"/>
    </row>
    <row r="160741" spans="8:8">
      <c r="H160741" s="12"/>
    </row>
    <row r="160742" spans="8:8">
      <c r="H160742" s="12"/>
    </row>
    <row r="160743" spans="8:8">
      <c r="H160743" s="12"/>
    </row>
    <row r="160744" spans="8:8">
      <c r="H160744" s="12"/>
    </row>
    <row r="160745" spans="8:8">
      <c r="H160745" s="12"/>
    </row>
    <row r="160746" spans="8:8">
      <c r="H160746" s="12"/>
    </row>
    <row r="160747" spans="8:8">
      <c r="H160747" s="12"/>
    </row>
    <row r="160748" spans="8:8">
      <c r="H160748" s="12"/>
    </row>
    <row r="160749" spans="8:8">
      <c r="H160749" s="12"/>
    </row>
    <row r="160750" spans="8:8">
      <c r="H160750" s="12"/>
    </row>
    <row r="160751" spans="8:8">
      <c r="H160751" s="12"/>
    </row>
    <row r="160752" spans="8:8">
      <c r="H160752" s="12"/>
    </row>
    <row r="160753" spans="8:8">
      <c r="H160753" s="12"/>
    </row>
    <row r="160754" spans="8:8">
      <c r="H160754" s="12"/>
    </row>
    <row r="160755" spans="8:8">
      <c r="H160755" s="12"/>
    </row>
    <row r="160756" spans="8:8">
      <c r="H160756" s="12"/>
    </row>
    <row r="160757" spans="8:8">
      <c r="H160757" s="12"/>
    </row>
    <row r="160758" spans="8:8">
      <c r="H160758" s="12"/>
    </row>
    <row r="160759" spans="8:8">
      <c r="H160759" s="12"/>
    </row>
    <row r="160760" spans="8:8">
      <c r="H160760" s="12"/>
    </row>
    <row r="160761" spans="8:8">
      <c r="H160761" s="12"/>
    </row>
    <row r="160762" spans="8:8">
      <c r="H160762" s="12"/>
    </row>
    <row r="160763" spans="8:8">
      <c r="H160763" s="12"/>
    </row>
    <row r="160764" spans="8:8">
      <c r="H160764" s="12"/>
    </row>
    <row r="160765" spans="8:8">
      <c r="H160765" s="12"/>
    </row>
    <row r="160766" spans="8:8">
      <c r="H160766" s="12"/>
    </row>
    <row r="160767" spans="8:8">
      <c r="H160767" s="12"/>
    </row>
    <row r="160768" spans="8:8">
      <c r="H160768" s="12"/>
    </row>
    <row r="160769" spans="8:8">
      <c r="H160769" s="12"/>
    </row>
    <row r="160770" spans="8:8">
      <c r="H160770" s="12"/>
    </row>
    <row r="160771" spans="8:8">
      <c r="H160771" s="12"/>
    </row>
    <row r="160772" spans="8:8">
      <c r="H160772" s="12"/>
    </row>
    <row r="160773" spans="8:8">
      <c r="H160773" s="12"/>
    </row>
    <row r="160774" spans="8:8">
      <c r="H160774" s="12"/>
    </row>
    <row r="160775" spans="8:8">
      <c r="H160775" s="12"/>
    </row>
    <row r="160776" spans="8:8">
      <c r="H160776" s="12"/>
    </row>
    <row r="160777" spans="8:8">
      <c r="H160777" s="12"/>
    </row>
    <row r="160778" spans="8:8">
      <c r="H160778" s="12"/>
    </row>
    <row r="160779" spans="8:8">
      <c r="H160779" s="12"/>
    </row>
    <row r="160780" spans="8:8">
      <c r="H160780" s="12"/>
    </row>
    <row r="160781" spans="8:8">
      <c r="H160781" s="12"/>
    </row>
    <row r="160782" spans="8:8">
      <c r="H160782" s="12"/>
    </row>
    <row r="160783" spans="8:8">
      <c r="H160783" s="12"/>
    </row>
    <row r="160784" spans="8:8">
      <c r="H160784" s="12"/>
    </row>
    <row r="160785" spans="8:8">
      <c r="H160785" s="12"/>
    </row>
    <row r="160786" spans="8:8">
      <c r="H160786" s="12"/>
    </row>
    <row r="160787" spans="8:8">
      <c r="H160787" s="12"/>
    </row>
    <row r="160788" spans="8:8">
      <c r="H160788" s="12"/>
    </row>
    <row r="160789" spans="8:8">
      <c r="H160789" s="12"/>
    </row>
    <row r="160790" spans="8:8">
      <c r="H160790" s="12"/>
    </row>
    <row r="160791" spans="8:8">
      <c r="H160791" s="12"/>
    </row>
    <row r="160792" spans="8:8">
      <c r="H160792" s="12"/>
    </row>
    <row r="160793" spans="8:8">
      <c r="H160793" s="12"/>
    </row>
    <row r="160794" spans="8:8">
      <c r="H160794" s="12"/>
    </row>
    <row r="160795" spans="8:8">
      <c r="H160795" s="12"/>
    </row>
    <row r="160796" spans="8:8">
      <c r="H160796" s="12"/>
    </row>
    <row r="160797" spans="8:8">
      <c r="H160797" s="12"/>
    </row>
    <row r="160798" spans="8:8">
      <c r="H160798" s="12"/>
    </row>
    <row r="160799" spans="8:8">
      <c r="H160799" s="12"/>
    </row>
    <row r="160800" spans="8:8">
      <c r="H160800" s="12"/>
    </row>
    <row r="160801" spans="8:8">
      <c r="H160801" s="12"/>
    </row>
    <row r="160802" spans="8:8">
      <c r="H160802" s="12"/>
    </row>
    <row r="160803" spans="8:8">
      <c r="H160803" s="12"/>
    </row>
    <row r="160804" spans="8:8">
      <c r="H160804" s="12"/>
    </row>
    <row r="160805" spans="8:8">
      <c r="H160805" s="12"/>
    </row>
    <row r="160806" spans="8:8">
      <c r="H160806" s="12"/>
    </row>
    <row r="160807" spans="8:8">
      <c r="H160807" s="12"/>
    </row>
    <row r="160808" spans="8:8">
      <c r="H160808" s="12"/>
    </row>
    <row r="160809" spans="8:8">
      <c r="H160809" s="12"/>
    </row>
    <row r="160810" spans="8:8">
      <c r="H160810" s="12"/>
    </row>
    <row r="160811" spans="8:8">
      <c r="H160811" s="12"/>
    </row>
    <row r="160812" spans="8:8">
      <c r="H160812" s="12"/>
    </row>
    <row r="160813" spans="8:8">
      <c r="H160813" s="12"/>
    </row>
    <row r="160814" spans="8:8">
      <c r="H160814" s="12"/>
    </row>
    <row r="160815" spans="8:8">
      <c r="H160815" s="12"/>
    </row>
    <row r="160816" spans="8:8">
      <c r="H160816" s="12"/>
    </row>
    <row r="160817" spans="8:8">
      <c r="H160817" s="12"/>
    </row>
    <row r="160818" spans="8:8">
      <c r="H160818" s="12"/>
    </row>
    <row r="160819" spans="8:8">
      <c r="H160819" s="12"/>
    </row>
    <row r="160820" spans="8:8">
      <c r="H160820" s="12"/>
    </row>
    <row r="160821" spans="8:8">
      <c r="H160821" s="12"/>
    </row>
    <row r="160822" spans="8:8">
      <c r="H160822" s="12"/>
    </row>
    <row r="160823" spans="8:8">
      <c r="H160823" s="12"/>
    </row>
    <row r="160824" spans="8:8">
      <c r="H160824" s="12"/>
    </row>
    <row r="160825" spans="8:8">
      <c r="H160825" s="12"/>
    </row>
    <row r="160826" spans="8:8">
      <c r="H160826" s="12"/>
    </row>
    <row r="160827" spans="8:8">
      <c r="H160827" s="12"/>
    </row>
    <row r="160828" spans="8:8">
      <c r="H160828" s="12"/>
    </row>
    <row r="160829" spans="8:8">
      <c r="H160829" s="12"/>
    </row>
    <row r="160830" spans="8:8">
      <c r="H160830" s="12"/>
    </row>
    <row r="160831" spans="8:8">
      <c r="H160831" s="12"/>
    </row>
    <row r="160832" spans="8:8">
      <c r="H160832" s="12"/>
    </row>
    <row r="160833" spans="8:8">
      <c r="H160833" s="12"/>
    </row>
    <row r="160834" spans="8:8">
      <c r="H160834" s="12"/>
    </row>
    <row r="160835" spans="8:8">
      <c r="H160835" s="12"/>
    </row>
    <row r="160836" spans="8:8">
      <c r="H160836" s="12"/>
    </row>
    <row r="160837" spans="8:8">
      <c r="H160837" s="12"/>
    </row>
    <row r="160838" spans="8:8">
      <c r="H160838" s="12"/>
    </row>
    <row r="160839" spans="8:8">
      <c r="H160839" s="12"/>
    </row>
    <row r="160840" spans="8:8">
      <c r="H160840" s="12"/>
    </row>
    <row r="160841" spans="8:8">
      <c r="H160841" s="12"/>
    </row>
    <row r="160842" spans="8:8">
      <c r="H160842" s="12"/>
    </row>
    <row r="160843" spans="8:8">
      <c r="H160843" s="12"/>
    </row>
    <row r="160844" spans="8:8">
      <c r="H160844" s="12"/>
    </row>
    <row r="160845" spans="8:8">
      <c r="H160845" s="12"/>
    </row>
    <row r="160846" spans="8:8">
      <c r="H160846" s="12"/>
    </row>
    <row r="160847" spans="8:8">
      <c r="H160847" s="12"/>
    </row>
    <row r="160848" spans="8:8">
      <c r="H160848" s="12"/>
    </row>
    <row r="160849" spans="8:8">
      <c r="H160849" s="12"/>
    </row>
    <row r="160850" spans="8:8">
      <c r="H160850" s="12"/>
    </row>
    <row r="160851" spans="8:8">
      <c r="H160851" s="12"/>
    </row>
    <row r="160852" spans="8:8">
      <c r="H160852" s="12"/>
    </row>
    <row r="160853" spans="8:8">
      <c r="H160853" s="12"/>
    </row>
    <row r="160854" spans="8:8">
      <c r="H160854" s="12"/>
    </row>
    <row r="160855" spans="8:8">
      <c r="H160855" s="12"/>
    </row>
    <row r="160856" spans="8:8">
      <c r="H160856" s="12"/>
    </row>
    <row r="160857" spans="8:8">
      <c r="H160857" s="12"/>
    </row>
    <row r="160858" spans="8:8">
      <c r="H160858" s="12"/>
    </row>
    <row r="160859" spans="8:8">
      <c r="H160859" s="12"/>
    </row>
    <row r="160860" spans="8:8">
      <c r="H160860" s="12"/>
    </row>
    <row r="160861" spans="8:8">
      <c r="H160861" s="12"/>
    </row>
    <row r="160862" spans="8:8">
      <c r="H160862" s="12"/>
    </row>
    <row r="160863" spans="8:8">
      <c r="H160863" s="12"/>
    </row>
    <row r="160864" spans="8:8">
      <c r="H160864" s="12"/>
    </row>
    <row r="160865" spans="8:8">
      <c r="H160865" s="12"/>
    </row>
    <row r="160866" spans="8:8">
      <c r="H160866" s="12"/>
    </row>
    <row r="160867" spans="8:8">
      <c r="H160867" s="12"/>
    </row>
    <row r="160868" spans="8:8">
      <c r="H160868" s="12"/>
    </row>
    <row r="160869" spans="8:8">
      <c r="H160869" s="12"/>
    </row>
    <row r="160870" spans="8:8">
      <c r="H160870" s="12"/>
    </row>
    <row r="160871" spans="8:8">
      <c r="H160871" s="12"/>
    </row>
    <row r="160872" spans="8:8">
      <c r="H160872" s="12"/>
    </row>
    <row r="160873" spans="8:8">
      <c r="H160873" s="12"/>
    </row>
    <row r="160874" spans="8:8">
      <c r="H160874" s="12"/>
    </row>
    <row r="160875" spans="8:8">
      <c r="H160875" s="12"/>
    </row>
    <row r="160876" spans="8:8">
      <c r="H160876" s="12"/>
    </row>
    <row r="160877" spans="8:8">
      <c r="H160877" s="12"/>
    </row>
    <row r="160878" spans="8:8">
      <c r="H160878" s="12"/>
    </row>
    <row r="160879" spans="8:8">
      <c r="H160879" s="12"/>
    </row>
    <row r="160880" spans="8:8">
      <c r="H160880" s="12"/>
    </row>
    <row r="160881" spans="8:8">
      <c r="H160881" s="12"/>
    </row>
    <row r="160882" spans="8:8">
      <c r="H160882" s="12"/>
    </row>
    <row r="160883" spans="8:8">
      <c r="H160883" s="12"/>
    </row>
    <row r="160884" spans="8:8">
      <c r="H160884" s="12"/>
    </row>
    <row r="160885" spans="8:8">
      <c r="H160885" s="12"/>
    </row>
    <row r="160886" spans="8:8">
      <c r="H160886" s="12"/>
    </row>
    <row r="160887" spans="8:8">
      <c r="H160887" s="12"/>
    </row>
    <row r="160888" spans="8:8">
      <c r="H160888" s="12"/>
    </row>
    <row r="160889" spans="8:8">
      <c r="H160889" s="12"/>
    </row>
    <row r="160890" spans="8:8">
      <c r="H160890" s="12"/>
    </row>
    <row r="160891" spans="8:8">
      <c r="H160891" s="12"/>
    </row>
    <row r="160892" spans="8:8">
      <c r="H160892" s="12"/>
    </row>
    <row r="160893" spans="8:8">
      <c r="H160893" s="12"/>
    </row>
    <row r="160894" spans="8:8">
      <c r="H160894" s="12"/>
    </row>
    <row r="160895" spans="8:8">
      <c r="H160895" s="12"/>
    </row>
    <row r="160896" spans="8:8">
      <c r="H160896" s="12"/>
    </row>
    <row r="160897" spans="8:8">
      <c r="H160897" s="12"/>
    </row>
    <row r="160898" spans="8:8">
      <c r="H160898" s="12"/>
    </row>
    <row r="160899" spans="8:8">
      <c r="H160899" s="12"/>
    </row>
    <row r="160900" spans="8:8">
      <c r="H160900" s="12"/>
    </row>
    <row r="160901" spans="8:8">
      <c r="H160901" s="12"/>
    </row>
    <row r="160902" spans="8:8">
      <c r="H160902" s="12"/>
    </row>
    <row r="160903" spans="8:8">
      <c r="H160903" s="12"/>
    </row>
    <row r="160904" spans="8:8">
      <c r="H160904" s="12"/>
    </row>
    <row r="160905" spans="8:8">
      <c r="H160905" s="12"/>
    </row>
    <row r="160906" spans="8:8">
      <c r="H160906" s="12"/>
    </row>
    <row r="160907" spans="8:8">
      <c r="H160907" s="12"/>
    </row>
    <row r="160908" spans="8:8">
      <c r="H160908" s="12"/>
    </row>
    <row r="160909" spans="8:8">
      <c r="H160909" s="12"/>
    </row>
    <row r="160910" spans="8:8">
      <c r="H160910" s="12"/>
    </row>
    <row r="160911" spans="8:8">
      <c r="H160911" s="12"/>
    </row>
    <row r="160912" spans="8:8">
      <c r="H160912" s="12"/>
    </row>
    <row r="160913" spans="8:8">
      <c r="H160913" s="12"/>
    </row>
    <row r="160914" spans="8:8">
      <c r="H160914" s="12"/>
    </row>
    <row r="160915" spans="8:8">
      <c r="H160915" s="12"/>
    </row>
    <row r="160916" spans="8:8">
      <c r="H160916" s="12"/>
    </row>
    <row r="160917" spans="8:8">
      <c r="H160917" s="12"/>
    </row>
    <row r="160918" spans="8:8">
      <c r="H160918" s="12"/>
    </row>
    <row r="160919" spans="8:8">
      <c r="H160919" s="12"/>
    </row>
    <row r="160920" spans="8:8">
      <c r="H160920" s="12"/>
    </row>
    <row r="160921" spans="8:8">
      <c r="H160921" s="12"/>
    </row>
    <row r="160922" spans="8:8">
      <c r="H160922" s="12"/>
    </row>
    <row r="160923" spans="8:8">
      <c r="H160923" s="12"/>
    </row>
    <row r="160924" spans="8:8">
      <c r="H160924" s="12"/>
    </row>
    <row r="160925" spans="8:8">
      <c r="H160925" s="12"/>
    </row>
    <row r="160926" spans="8:8">
      <c r="H160926" s="12"/>
    </row>
    <row r="160927" spans="8:8">
      <c r="H160927" s="12"/>
    </row>
    <row r="160928" spans="8:8">
      <c r="H160928" s="12"/>
    </row>
    <row r="160929" spans="8:8">
      <c r="H160929" s="12"/>
    </row>
    <row r="160930" spans="8:8">
      <c r="H160930" s="12"/>
    </row>
    <row r="160931" spans="8:8">
      <c r="H160931" s="12"/>
    </row>
    <row r="160932" spans="8:8">
      <c r="H160932" s="12"/>
    </row>
    <row r="160933" spans="8:8">
      <c r="H160933" s="12"/>
    </row>
    <row r="160934" spans="8:8">
      <c r="H160934" s="12"/>
    </row>
    <row r="160935" spans="8:8">
      <c r="H160935" s="12"/>
    </row>
    <row r="160936" spans="8:8">
      <c r="H160936" s="12"/>
    </row>
    <row r="160937" spans="8:8">
      <c r="H160937" s="12"/>
    </row>
    <row r="160938" spans="8:8">
      <c r="H160938" s="12"/>
    </row>
    <row r="160939" spans="8:8">
      <c r="H160939" s="12"/>
    </row>
    <row r="160940" spans="8:8">
      <c r="H160940" s="12"/>
    </row>
    <row r="160941" spans="8:8">
      <c r="H160941" s="12"/>
    </row>
    <row r="160942" spans="8:8">
      <c r="H160942" s="12"/>
    </row>
    <row r="160943" spans="8:8">
      <c r="H160943" s="12"/>
    </row>
    <row r="160944" spans="8:8">
      <c r="H160944" s="12"/>
    </row>
    <row r="160945" spans="8:8">
      <c r="H160945" s="12"/>
    </row>
    <row r="160946" spans="8:8">
      <c r="H160946" s="12"/>
    </row>
    <row r="160947" spans="8:8">
      <c r="H160947" s="12"/>
    </row>
    <row r="160948" spans="8:8">
      <c r="H160948" s="12"/>
    </row>
    <row r="160949" spans="8:8">
      <c r="H160949" s="12"/>
    </row>
    <row r="160950" spans="8:8">
      <c r="H160950" s="12"/>
    </row>
    <row r="160951" spans="8:8">
      <c r="H160951" s="12"/>
    </row>
    <row r="160952" spans="8:8">
      <c r="H160952" s="12"/>
    </row>
    <row r="160953" spans="8:8">
      <c r="H160953" s="12"/>
    </row>
    <row r="160954" spans="8:8">
      <c r="H160954" s="12"/>
    </row>
    <row r="160955" spans="8:8">
      <c r="H160955" s="12"/>
    </row>
    <row r="160956" spans="8:8">
      <c r="H160956" s="12"/>
    </row>
    <row r="160957" spans="8:8">
      <c r="H160957" s="12"/>
    </row>
    <row r="160958" spans="8:8">
      <c r="H160958" s="12"/>
    </row>
    <row r="160959" spans="8:8">
      <c r="H160959" s="12"/>
    </row>
    <row r="160960" spans="8:8">
      <c r="H160960" s="12"/>
    </row>
    <row r="160961" spans="8:8">
      <c r="H160961" s="12"/>
    </row>
    <row r="160962" spans="8:8">
      <c r="H160962" s="12"/>
    </row>
    <row r="160963" spans="8:8">
      <c r="H160963" s="12"/>
    </row>
    <row r="160964" spans="8:8">
      <c r="H160964" s="12"/>
    </row>
    <row r="160965" spans="8:8">
      <c r="H160965" s="12"/>
    </row>
    <row r="160966" spans="8:8">
      <c r="H160966" s="12"/>
    </row>
    <row r="160967" spans="8:8">
      <c r="H160967" s="12"/>
    </row>
    <row r="160968" spans="8:8">
      <c r="H160968" s="12"/>
    </row>
    <row r="160969" spans="8:8">
      <c r="H160969" s="12"/>
    </row>
    <row r="160970" spans="8:8">
      <c r="H160970" s="12"/>
    </row>
    <row r="160971" spans="8:8">
      <c r="H160971" s="12"/>
    </row>
    <row r="160972" spans="8:8">
      <c r="H160972" s="12"/>
    </row>
    <row r="160973" spans="8:8">
      <c r="H160973" s="12"/>
    </row>
    <row r="160974" spans="8:8">
      <c r="H160974" s="12"/>
    </row>
    <row r="160975" spans="8:8">
      <c r="H160975" s="12"/>
    </row>
    <row r="160976" spans="8:8">
      <c r="H160976" s="12"/>
    </row>
    <row r="160977" spans="8:8">
      <c r="H160977" s="12"/>
    </row>
    <row r="160978" spans="8:8">
      <c r="H160978" s="12"/>
    </row>
    <row r="160979" spans="8:8">
      <c r="H160979" s="12"/>
    </row>
    <row r="160980" spans="8:8">
      <c r="H160980" s="12"/>
    </row>
    <row r="160981" spans="8:8">
      <c r="H160981" s="12"/>
    </row>
    <row r="160982" spans="8:8">
      <c r="H160982" s="12"/>
    </row>
    <row r="160983" spans="8:8">
      <c r="H160983" s="12"/>
    </row>
    <row r="160984" spans="8:8">
      <c r="H160984" s="12"/>
    </row>
    <row r="160985" spans="8:8">
      <c r="H160985" s="12"/>
    </row>
    <row r="160986" spans="8:8">
      <c r="H160986" s="12"/>
    </row>
    <row r="160987" spans="8:8">
      <c r="H160987" s="12"/>
    </row>
    <row r="160988" spans="8:8">
      <c r="H160988" s="12"/>
    </row>
    <row r="160989" spans="8:8">
      <c r="H160989" s="12"/>
    </row>
    <row r="160990" spans="8:8">
      <c r="H160990" s="12"/>
    </row>
    <row r="160991" spans="8:8">
      <c r="H160991" s="12"/>
    </row>
    <row r="160992" spans="8:8">
      <c r="H160992" s="12"/>
    </row>
    <row r="160993" spans="8:8">
      <c r="H160993" s="12"/>
    </row>
    <row r="160994" spans="8:8">
      <c r="H160994" s="12"/>
    </row>
    <row r="160995" spans="8:8">
      <c r="H160995" s="12"/>
    </row>
    <row r="160996" spans="8:8">
      <c r="H160996" s="12"/>
    </row>
    <row r="160997" spans="8:8">
      <c r="H160997" s="12"/>
    </row>
    <row r="160998" spans="8:8">
      <c r="H160998" s="12"/>
    </row>
    <row r="160999" spans="8:8">
      <c r="H160999" s="12"/>
    </row>
    <row r="161000" spans="8:8">
      <c r="H161000" s="12"/>
    </row>
    <row r="161001" spans="8:8">
      <c r="H161001" s="12"/>
    </row>
    <row r="161002" spans="8:8">
      <c r="H161002" s="12"/>
    </row>
    <row r="161003" spans="8:8">
      <c r="H161003" s="12"/>
    </row>
    <row r="161004" spans="8:8">
      <c r="H161004" s="12"/>
    </row>
    <row r="161005" spans="8:8">
      <c r="H161005" s="12"/>
    </row>
    <row r="161006" spans="8:8">
      <c r="H161006" s="12"/>
    </row>
    <row r="161007" spans="8:8">
      <c r="H161007" s="12"/>
    </row>
    <row r="161008" spans="8:8">
      <c r="H161008" s="12"/>
    </row>
    <row r="161009" spans="8:8">
      <c r="H161009" s="12"/>
    </row>
    <row r="161010" spans="8:8">
      <c r="H161010" s="12"/>
    </row>
    <row r="161011" spans="8:8">
      <c r="H161011" s="12"/>
    </row>
    <row r="161012" spans="8:8">
      <c r="H161012" s="12"/>
    </row>
    <row r="161013" spans="8:8">
      <c r="H161013" s="12"/>
    </row>
    <row r="161014" spans="8:8">
      <c r="H161014" s="12"/>
    </row>
    <row r="161015" spans="8:8">
      <c r="H161015" s="12"/>
    </row>
    <row r="161016" spans="8:8">
      <c r="H161016" s="12"/>
    </row>
    <row r="161017" spans="8:8">
      <c r="H161017" s="12"/>
    </row>
    <row r="161018" spans="8:8">
      <c r="H161018" s="12"/>
    </row>
    <row r="161019" spans="8:8">
      <c r="H161019" s="12"/>
    </row>
    <row r="161020" spans="8:8">
      <c r="H161020" s="12"/>
    </row>
    <row r="161021" spans="8:8">
      <c r="H161021" s="12"/>
    </row>
    <row r="161022" spans="8:8">
      <c r="H161022" s="12"/>
    </row>
    <row r="161023" spans="8:8">
      <c r="H161023" s="12"/>
    </row>
    <row r="161024" spans="8:8">
      <c r="H161024" s="12"/>
    </row>
    <row r="161025" spans="8:8">
      <c r="H161025" s="12"/>
    </row>
    <row r="161026" spans="8:8">
      <c r="H161026" s="12"/>
    </row>
    <row r="161027" spans="8:8">
      <c r="H161027" s="12"/>
    </row>
    <row r="161028" spans="8:8">
      <c r="H161028" s="12"/>
    </row>
    <row r="161029" spans="8:8">
      <c r="H161029" s="12"/>
    </row>
    <row r="161030" spans="8:8">
      <c r="H161030" s="12"/>
    </row>
    <row r="161031" spans="8:8">
      <c r="H161031" s="12"/>
    </row>
    <row r="161032" spans="8:8">
      <c r="H161032" s="12"/>
    </row>
    <row r="161033" spans="8:8">
      <c r="H161033" s="12"/>
    </row>
    <row r="161034" spans="8:8">
      <c r="H161034" s="12"/>
    </row>
    <row r="161035" spans="8:8">
      <c r="H161035" s="12"/>
    </row>
    <row r="161036" spans="8:8">
      <c r="H161036" s="12"/>
    </row>
    <row r="161037" spans="8:8">
      <c r="H161037" s="12"/>
    </row>
    <row r="161038" spans="8:8">
      <c r="H161038" s="12"/>
    </row>
    <row r="161039" spans="8:8">
      <c r="H161039" s="12"/>
    </row>
    <row r="161040" spans="8:8">
      <c r="H161040" s="12"/>
    </row>
    <row r="161041" spans="8:8">
      <c r="H161041" s="12"/>
    </row>
    <row r="161042" spans="8:8">
      <c r="H161042" s="12"/>
    </row>
    <row r="161043" spans="8:8">
      <c r="H161043" s="12"/>
    </row>
    <row r="161044" spans="8:8">
      <c r="H161044" s="12"/>
    </row>
    <row r="161045" spans="8:8">
      <c r="H161045" s="12"/>
    </row>
    <row r="161046" spans="8:8">
      <c r="H161046" s="12"/>
    </row>
    <row r="161047" spans="8:8">
      <c r="H161047" s="12"/>
    </row>
    <row r="161048" spans="8:8">
      <c r="H161048" s="12"/>
    </row>
    <row r="161049" spans="8:8">
      <c r="H161049" s="12"/>
    </row>
    <row r="161050" spans="8:8">
      <c r="H161050" s="12"/>
    </row>
    <row r="161051" spans="8:8">
      <c r="H161051" s="12"/>
    </row>
    <row r="161052" spans="8:8">
      <c r="H161052" s="12"/>
    </row>
    <row r="161053" spans="8:8">
      <c r="H161053" s="12"/>
    </row>
    <row r="161054" spans="8:8">
      <c r="H161054" s="12"/>
    </row>
    <row r="161055" spans="8:8">
      <c r="H161055" s="12"/>
    </row>
    <row r="161056" spans="8:8">
      <c r="H161056" s="12"/>
    </row>
    <row r="161057" spans="8:8">
      <c r="H161057" s="12"/>
    </row>
    <row r="161058" spans="8:8">
      <c r="H161058" s="12"/>
    </row>
    <row r="161059" spans="8:8">
      <c r="H161059" s="12"/>
    </row>
    <row r="161060" spans="8:8">
      <c r="H161060" s="12"/>
    </row>
    <row r="161061" spans="8:8">
      <c r="H161061" s="12"/>
    </row>
    <row r="161062" spans="8:8">
      <c r="H161062" s="12"/>
    </row>
    <row r="161063" spans="8:8">
      <c r="H161063" s="12"/>
    </row>
    <row r="161064" spans="8:8">
      <c r="H161064" s="12"/>
    </row>
    <row r="161065" spans="8:8">
      <c r="H161065" s="12"/>
    </row>
    <row r="161066" spans="8:8">
      <c r="H161066" s="12"/>
    </row>
    <row r="161067" spans="8:8">
      <c r="H161067" s="12"/>
    </row>
    <row r="161068" spans="8:8">
      <c r="H161068" s="12"/>
    </row>
    <row r="161069" spans="8:8">
      <c r="H161069" s="12"/>
    </row>
    <row r="161070" spans="8:8">
      <c r="H161070" s="12"/>
    </row>
    <row r="161071" spans="8:8">
      <c r="H161071" s="12"/>
    </row>
    <row r="161072" spans="8:8">
      <c r="H161072" s="12"/>
    </row>
    <row r="161073" spans="8:8">
      <c r="H161073" s="12"/>
    </row>
    <row r="161074" spans="8:8">
      <c r="H161074" s="12"/>
    </row>
    <row r="161075" spans="8:8">
      <c r="H161075" s="12"/>
    </row>
    <row r="161076" spans="8:8">
      <c r="H161076" s="12"/>
    </row>
    <row r="161077" spans="8:8">
      <c r="H161077" s="12"/>
    </row>
    <row r="161078" spans="8:8">
      <c r="H161078" s="12"/>
    </row>
    <row r="161079" spans="8:8">
      <c r="H161079" s="12"/>
    </row>
    <row r="161080" spans="8:8">
      <c r="H161080" s="12"/>
    </row>
    <row r="161081" spans="8:8">
      <c r="H161081" s="12"/>
    </row>
    <row r="161082" spans="8:8">
      <c r="H161082" s="12"/>
    </row>
    <row r="161083" spans="8:8">
      <c r="H161083" s="12"/>
    </row>
    <row r="161084" spans="8:8">
      <c r="H161084" s="12"/>
    </row>
    <row r="161085" spans="8:8">
      <c r="H161085" s="12"/>
    </row>
    <row r="161086" spans="8:8">
      <c r="H161086" s="12"/>
    </row>
    <row r="161087" spans="8:8">
      <c r="H161087" s="12"/>
    </row>
    <row r="161088" spans="8:8">
      <c r="H161088" s="12"/>
    </row>
    <row r="161089" spans="8:8">
      <c r="H161089" s="12"/>
    </row>
    <row r="161090" spans="8:8">
      <c r="H161090" s="12"/>
    </row>
    <row r="161091" spans="8:8">
      <c r="H161091" s="12"/>
    </row>
    <row r="161092" spans="8:8">
      <c r="H161092" s="12"/>
    </row>
    <row r="161093" spans="8:8">
      <c r="H161093" s="12"/>
    </row>
    <row r="161094" spans="8:8">
      <c r="H161094" s="12"/>
    </row>
    <row r="161095" spans="8:8">
      <c r="H161095" s="12"/>
    </row>
    <row r="161096" spans="8:8">
      <c r="H161096" s="12"/>
    </row>
    <row r="161097" spans="8:8">
      <c r="H161097" s="12"/>
    </row>
    <row r="161098" spans="8:8">
      <c r="H161098" s="12"/>
    </row>
    <row r="161099" spans="8:8">
      <c r="H161099" s="12"/>
    </row>
    <row r="161100" spans="8:8">
      <c r="H161100" s="12"/>
    </row>
    <row r="161101" spans="8:8">
      <c r="H161101" s="12"/>
    </row>
    <row r="161102" spans="8:8">
      <c r="H161102" s="12"/>
    </row>
    <row r="161103" spans="8:8">
      <c r="H161103" s="12"/>
    </row>
    <row r="161104" spans="8:8">
      <c r="H161104" s="12"/>
    </row>
    <row r="161105" spans="8:8">
      <c r="H161105" s="12"/>
    </row>
    <row r="161106" spans="8:8">
      <c r="H161106" s="12"/>
    </row>
    <row r="161107" spans="8:8">
      <c r="H161107" s="12"/>
    </row>
    <row r="161108" spans="8:8">
      <c r="H161108" s="12"/>
    </row>
    <row r="161109" spans="8:8">
      <c r="H161109" s="12"/>
    </row>
    <row r="161110" spans="8:8">
      <c r="H161110" s="12"/>
    </row>
    <row r="161111" spans="8:8">
      <c r="H161111" s="12"/>
    </row>
    <row r="161112" spans="8:8">
      <c r="H161112" s="12"/>
    </row>
    <row r="161113" spans="8:8">
      <c r="H161113" s="12"/>
    </row>
    <row r="161114" spans="8:8">
      <c r="H161114" s="12"/>
    </row>
    <row r="161115" spans="8:8">
      <c r="H161115" s="12"/>
    </row>
    <row r="161116" spans="8:8">
      <c r="H161116" s="12"/>
    </row>
    <row r="161117" spans="8:8">
      <c r="H161117" s="12"/>
    </row>
    <row r="161118" spans="8:8">
      <c r="H161118" s="12"/>
    </row>
    <row r="161119" spans="8:8">
      <c r="H161119" s="12"/>
    </row>
    <row r="161120" spans="8:8">
      <c r="H161120" s="12"/>
    </row>
    <row r="161121" spans="8:8">
      <c r="H161121" s="12"/>
    </row>
    <row r="161122" spans="8:8">
      <c r="H161122" s="12"/>
    </row>
    <row r="161123" spans="8:8">
      <c r="H161123" s="12"/>
    </row>
    <row r="161124" spans="8:8">
      <c r="H161124" s="12"/>
    </row>
    <row r="161125" spans="8:8">
      <c r="H161125" s="12"/>
    </row>
    <row r="161126" spans="8:8">
      <c r="H161126" s="12"/>
    </row>
    <row r="161127" spans="8:8">
      <c r="H161127" s="12"/>
    </row>
    <row r="161128" spans="8:8">
      <c r="H161128" s="12"/>
    </row>
    <row r="161129" spans="8:8">
      <c r="H161129" s="12"/>
    </row>
    <row r="161130" spans="8:8">
      <c r="H161130" s="12"/>
    </row>
    <row r="161131" spans="8:8">
      <c r="H161131" s="12"/>
    </row>
    <row r="161132" spans="8:8">
      <c r="H161132" s="12"/>
    </row>
    <row r="161133" spans="8:8">
      <c r="H161133" s="12"/>
    </row>
    <row r="161134" spans="8:8">
      <c r="H161134" s="12"/>
    </row>
    <row r="161135" spans="8:8">
      <c r="H161135" s="12"/>
    </row>
    <row r="161136" spans="8:8">
      <c r="H161136" s="12"/>
    </row>
    <row r="161137" spans="8:8">
      <c r="H161137" s="12"/>
    </row>
    <row r="161138" spans="8:8">
      <c r="H161138" s="12"/>
    </row>
    <row r="161139" spans="8:8">
      <c r="H161139" s="12"/>
    </row>
    <row r="161140" spans="8:8">
      <c r="H161140" s="12"/>
    </row>
    <row r="161141" spans="8:8">
      <c r="H161141" s="12"/>
    </row>
    <row r="161142" spans="8:8">
      <c r="H161142" s="12"/>
    </row>
    <row r="161143" spans="8:8">
      <c r="H161143" s="12"/>
    </row>
    <row r="161144" spans="8:8">
      <c r="H161144" s="12"/>
    </row>
    <row r="161145" spans="8:8">
      <c r="H161145" s="12"/>
    </row>
    <row r="161146" spans="8:8">
      <c r="H161146" s="12"/>
    </row>
    <row r="161147" spans="8:8">
      <c r="H161147" s="12"/>
    </row>
    <row r="161148" spans="8:8">
      <c r="H161148" s="12"/>
    </row>
    <row r="161149" spans="8:8">
      <c r="H161149" s="12"/>
    </row>
    <row r="161150" spans="8:8">
      <c r="H161150" s="12"/>
    </row>
    <row r="161151" spans="8:8">
      <c r="H161151" s="12"/>
    </row>
    <row r="161152" spans="8:8">
      <c r="H161152" s="12"/>
    </row>
    <row r="161153" spans="8:8">
      <c r="H161153" s="12"/>
    </row>
    <row r="161154" spans="8:8">
      <c r="H161154" s="12"/>
    </row>
    <row r="161155" spans="8:8">
      <c r="H161155" s="12"/>
    </row>
    <row r="161156" spans="8:8">
      <c r="H161156" s="12"/>
    </row>
    <row r="161157" spans="8:8">
      <c r="H161157" s="12"/>
    </row>
    <row r="161158" spans="8:8">
      <c r="H161158" s="12"/>
    </row>
    <row r="161159" spans="8:8">
      <c r="H161159" s="12"/>
    </row>
    <row r="161160" spans="8:8">
      <c r="H161160" s="12"/>
    </row>
    <row r="161161" spans="8:8">
      <c r="H161161" s="12"/>
    </row>
    <row r="161162" spans="8:8">
      <c r="H161162" s="12"/>
    </row>
    <row r="161163" spans="8:8">
      <c r="H161163" s="12"/>
    </row>
    <row r="161164" spans="8:8">
      <c r="H161164" s="12"/>
    </row>
    <row r="161165" spans="8:8">
      <c r="H161165" s="12"/>
    </row>
    <row r="161166" spans="8:8">
      <c r="H161166" s="12"/>
    </row>
    <row r="161167" spans="8:8">
      <c r="H161167" s="12"/>
    </row>
    <row r="161168" spans="8:8">
      <c r="H161168" s="12"/>
    </row>
    <row r="161169" spans="8:8">
      <c r="H161169" s="12"/>
    </row>
    <row r="161170" spans="8:8">
      <c r="H161170" s="12"/>
    </row>
    <row r="161171" spans="8:8">
      <c r="H161171" s="12"/>
    </row>
    <row r="161172" spans="8:8">
      <c r="H161172" s="12"/>
    </row>
    <row r="161173" spans="8:8">
      <c r="H161173" s="12"/>
    </row>
    <row r="161174" spans="8:8">
      <c r="H161174" s="12"/>
    </row>
    <row r="161175" spans="8:8">
      <c r="H161175" s="12"/>
    </row>
    <row r="161176" spans="8:8">
      <c r="H161176" s="12"/>
    </row>
    <row r="161177" spans="8:8">
      <c r="H161177" s="12"/>
    </row>
    <row r="161178" spans="8:8">
      <c r="H161178" s="12"/>
    </row>
    <row r="161179" spans="8:8">
      <c r="H161179" s="12"/>
    </row>
    <row r="161180" spans="8:8">
      <c r="H161180" s="12"/>
    </row>
    <row r="161181" spans="8:8">
      <c r="H161181" s="12"/>
    </row>
    <row r="161182" spans="8:8">
      <c r="H161182" s="12"/>
    </row>
    <row r="161183" spans="8:8">
      <c r="H161183" s="12"/>
    </row>
    <row r="161184" spans="8:8">
      <c r="H161184" s="12"/>
    </row>
    <row r="161185" spans="8:8">
      <c r="H161185" s="12"/>
    </row>
    <row r="161186" spans="8:8">
      <c r="H161186" s="12"/>
    </row>
    <row r="161187" spans="8:8">
      <c r="H161187" s="12"/>
    </row>
    <row r="161188" spans="8:8">
      <c r="H161188" s="12"/>
    </row>
    <row r="161189" spans="8:8">
      <c r="H161189" s="12"/>
    </row>
    <row r="161190" spans="8:8">
      <c r="H161190" s="12"/>
    </row>
    <row r="161191" spans="8:8">
      <c r="H161191" s="12"/>
    </row>
    <row r="161192" spans="8:8">
      <c r="H161192" s="12"/>
    </row>
    <row r="161193" spans="8:8">
      <c r="H161193" s="12"/>
    </row>
    <row r="161194" spans="8:8">
      <c r="H161194" s="12"/>
    </row>
    <row r="161195" spans="8:8">
      <c r="H161195" s="12"/>
    </row>
    <row r="161196" spans="8:8">
      <c r="H161196" s="12"/>
    </row>
    <row r="161197" spans="8:8">
      <c r="H161197" s="12"/>
    </row>
    <row r="161198" spans="8:8">
      <c r="H161198" s="12"/>
    </row>
    <row r="161199" spans="8:8">
      <c r="H161199" s="12"/>
    </row>
    <row r="161200" spans="8:8">
      <c r="H161200" s="12"/>
    </row>
    <row r="161201" spans="8:8">
      <c r="H161201" s="12"/>
    </row>
    <row r="161202" spans="8:8">
      <c r="H161202" s="12"/>
    </row>
    <row r="161203" spans="8:8">
      <c r="H161203" s="12"/>
    </row>
    <row r="161204" spans="8:8">
      <c r="H161204" s="12"/>
    </row>
    <row r="161205" spans="8:8">
      <c r="H161205" s="12"/>
    </row>
    <row r="161206" spans="8:8">
      <c r="H161206" s="12"/>
    </row>
    <row r="161207" spans="8:8">
      <c r="H161207" s="12"/>
    </row>
    <row r="161208" spans="8:8">
      <c r="H161208" s="12"/>
    </row>
    <row r="161209" spans="8:8">
      <c r="H161209" s="12"/>
    </row>
    <row r="161210" spans="8:8">
      <c r="H161210" s="12"/>
    </row>
    <row r="161211" spans="8:8">
      <c r="H161211" s="12"/>
    </row>
    <row r="161212" spans="8:8">
      <c r="H161212" s="12"/>
    </row>
    <row r="161213" spans="8:8">
      <c r="H161213" s="12"/>
    </row>
    <row r="161214" spans="8:8">
      <c r="H161214" s="12"/>
    </row>
    <row r="161215" spans="8:8">
      <c r="H161215" s="12"/>
    </row>
    <row r="161216" spans="8:8">
      <c r="H161216" s="12"/>
    </row>
    <row r="161217" spans="8:8">
      <c r="H161217" s="12"/>
    </row>
    <row r="161218" spans="8:8">
      <c r="H161218" s="12"/>
    </row>
    <row r="161219" spans="8:8">
      <c r="H161219" s="12"/>
    </row>
    <row r="161220" spans="8:8">
      <c r="H161220" s="12"/>
    </row>
    <row r="161221" spans="8:8">
      <c r="H161221" s="12"/>
    </row>
    <row r="161222" spans="8:8">
      <c r="H161222" s="12"/>
    </row>
    <row r="161223" spans="8:8">
      <c r="H161223" s="12"/>
    </row>
    <row r="161224" spans="8:8">
      <c r="H161224" s="12"/>
    </row>
    <row r="161225" spans="8:8">
      <c r="H161225" s="12"/>
    </row>
    <row r="161226" spans="8:8">
      <c r="H161226" s="12"/>
    </row>
    <row r="161227" spans="8:8">
      <c r="H161227" s="12"/>
    </row>
    <row r="161228" spans="8:8">
      <c r="H161228" s="12"/>
    </row>
    <row r="161229" spans="8:8">
      <c r="H161229" s="12"/>
    </row>
    <row r="161230" spans="8:8">
      <c r="H161230" s="12"/>
    </row>
    <row r="161231" spans="8:8">
      <c r="H161231" s="12"/>
    </row>
    <row r="161232" spans="8:8">
      <c r="H161232" s="12"/>
    </row>
    <row r="161233" spans="8:8">
      <c r="H161233" s="12"/>
    </row>
    <row r="161234" spans="8:8">
      <c r="H161234" s="12"/>
    </row>
    <row r="161235" spans="8:8">
      <c r="H161235" s="12"/>
    </row>
    <row r="161236" spans="8:8">
      <c r="H161236" s="12"/>
    </row>
    <row r="161237" spans="8:8">
      <c r="H161237" s="12"/>
    </row>
    <row r="161238" spans="8:8">
      <c r="H161238" s="12"/>
    </row>
    <row r="161239" spans="8:8">
      <c r="H161239" s="12"/>
    </row>
    <row r="161240" spans="8:8">
      <c r="H161240" s="12"/>
    </row>
    <row r="161241" spans="8:8">
      <c r="H161241" s="12"/>
    </row>
    <row r="161242" spans="8:8">
      <c r="H161242" s="12"/>
    </row>
    <row r="161243" spans="8:8">
      <c r="H161243" s="12"/>
    </row>
    <row r="161244" spans="8:8">
      <c r="H161244" s="12"/>
    </row>
    <row r="161245" spans="8:8">
      <c r="H161245" s="12"/>
    </row>
    <row r="161246" spans="8:8">
      <c r="H161246" s="12"/>
    </row>
    <row r="161247" spans="8:8">
      <c r="H161247" s="12"/>
    </row>
    <row r="161248" spans="8:8">
      <c r="H161248" s="12"/>
    </row>
    <row r="161249" spans="8:8">
      <c r="H161249" s="12"/>
    </row>
    <row r="161250" spans="8:8">
      <c r="H161250" s="12"/>
    </row>
    <row r="161251" spans="8:8">
      <c r="H161251" s="12"/>
    </row>
    <row r="161252" spans="8:8">
      <c r="H161252" s="12"/>
    </row>
    <row r="161253" spans="8:8">
      <c r="H161253" s="12"/>
    </row>
    <row r="161254" spans="8:8">
      <c r="H161254" s="12"/>
    </row>
    <row r="161255" spans="8:8">
      <c r="H161255" s="12"/>
    </row>
    <row r="161256" spans="8:8">
      <c r="H161256" s="12"/>
    </row>
    <row r="161257" spans="8:8">
      <c r="H161257" s="12"/>
    </row>
    <row r="161258" spans="8:8">
      <c r="H161258" s="12"/>
    </row>
    <row r="161259" spans="8:8">
      <c r="H161259" s="12"/>
    </row>
    <row r="161260" spans="8:8">
      <c r="H161260" s="12"/>
    </row>
    <row r="161261" spans="8:8">
      <c r="H161261" s="12"/>
    </row>
    <row r="161262" spans="8:8">
      <c r="H161262" s="12"/>
    </row>
    <row r="161263" spans="8:8">
      <c r="H161263" s="12"/>
    </row>
    <row r="161264" spans="8:8">
      <c r="H161264" s="12"/>
    </row>
    <row r="161265" spans="8:8">
      <c r="H161265" s="12"/>
    </row>
    <row r="161266" spans="8:8">
      <c r="H161266" s="12"/>
    </row>
    <row r="161267" spans="8:8">
      <c r="H161267" s="12"/>
    </row>
    <row r="161268" spans="8:8">
      <c r="H161268" s="12"/>
    </row>
    <row r="161269" spans="8:8">
      <c r="H161269" s="12"/>
    </row>
    <row r="161270" spans="8:8">
      <c r="H161270" s="12"/>
    </row>
    <row r="161271" spans="8:8">
      <c r="H161271" s="12"/>
    </row>
    <row r="161272" spans="8:8">
      <c r="H161272" s="12"/>
    </row>
    <row r="161273" spans="8:8">
      <c r="H161273" s="12"/>
    </row>
    <row r="161274" spans="8:8">
      <c r="H161274" s="12"/>
    </row>
    <row r="161275" spans="8:8">
      <c r="H161275" s="12"/>
    </row>
    <row r="161276" spans="8:8">
      <c r="H161276" s="12"/>
    </row>
    <row r="161277" spans="8:8">
      <c r="H161277" s="12"/>
    </row>
    <row r="161278" spans="8:8">
      <c r="H161278" s="12"/>
    </row>
    <row r="161279" spans="8:8">
      <c r="H161279" s="12"/>
    </row>
    <row r="161280" spans="8:8">
      <c r="H161280" s="12"/>
    </row>
    <row r="161281" spans="8:8">
      <c r="H161281" s="12"/>
    </row>
    <row r="161282" spans="8:8">
      <c r="H161282" s="12"/>
    </row>
    <row r="161283" spans="8:8">
      <c r="H161283" s="12"/>
    </row>
    <row r="161284" spans="8:8">
      <c r="H161284" s="12"/>
    </row>
    <row r="161285" spans="8:8">
      <c r="H161285" s="12"/>
    </row>
    <row r="161286" spans="8:8">
      <c r="H161286" s="12"/>
    </row>
    <row r="161287" spans="8:8">
      <c r="H161287" s="12"/>
    </row>
    <row r="161288" spans="8:8">
      <c r="H161288" s="12"/>
    </row>
    <row r="161289" spans="8:8">
      <c r="H161289" s="12"/>
    </row>
    <row r="161290" spans="8:8">
      <c r="H161290" s="12"/>
    </row>
    <row r="161291" spans="8:8">
      <c r="H161291" s="12"/>
    </row>
    <row r="161292" spans="8:8">
      <c r="H161292" s="12"/>
    </row>
    <row r="161293" spans="8:8">
      <c r="H161293" s="12"/>
    </row>
    <row r="161294" spans="8:8">
      <c r="H161294" s="12"/>
    </row>
    <row r="161295" spans="8:8">
      <c r="H161295" s="12"/>
    </row>
    <row r="161296" spans="8:8">
      <c r="H161296" s="12"/>
    </row>
    <row r="161297" spans="8:8">
      <c r="H161297" s="12"/>
    </row>
    <row r="161298" spans="8:8">
      <c r="H161298" s="12"/>
    </row>
    <row r="161299" spans="8:8">
      <c r="H161299" s="12"/>
    </row>
    <row r="161300" spans="8:8">
      <c r="H161300" s="12"/>
    </row>
    <row r="161301" spans="8:8">
      <c r="H161301" s="12"/>
    </row>
    <row r="161302" spans="8:8">
      <c r="H161302" s="12"/>
    </row>
    <row r="161303" spans="8:8">
      <c r="H161303" s="12"/>
    </row>
    <row r="161304" spans="8:8">
      <c r="H161304" s="12"/>
    </row>
    <row r="161305" spans="8:8">
      <c r="H161305" s="12"/>
    </row>
    <row r="161306" spans="8:8">
      <c r="H161306" s="12"/>
    </row>
    <row r="161307" spans="8:8">
      <c r="H161307" s="12"/>
    </row>
    <row r="161308" spans="8:8">
      <c r="H161308" s="12"/>
    </row>
    <row r="161309" spans="8:8">
      <c r="H161309" s="12"/>
    </row>
    <row r="161310" spans="8:8">
      <c r="H161310" s="12"/>
    </row>
    <row r="161311" spans="8:8">
      <c r="H161311" s="12"/>
    </row>
    <row r="161312" spans="8:8">
      <c r="H161312" s="12"/>
    </row>
    <row r="161313" spans="8:8">
      <c r="H161313" s="12"/>
    </row>
    <row r="161314" spans="8:8">
      <c r="H161314" s="12"/>
    </row>
    <row r="161315" spans="8:8">
      <c r="H161315" s="12"/>
    </row>
    <row r="161316" spans="8:8">
      <c r="H161316" s="12"/>
    </row>
    <row r="161317" spans="8:8">
      <c r="H161317" s="12"/>
    </row>
    <row r="161318" spans="8:8">
      <c r="H161318" s="12"/>
    </row>
    <row r="161319" spans="8:8">
      <c r="H161319" s="12"/>
    </row>
    <row r="161320" spans="8:8">
      <c r="H161320" s="12"/>
    </row>
    <row r="161321" spans="8:8">
      <c r="H161321" s="12"/>
    </row>
    <row r="161322" spans="8:8">
      <c r="H161322" s="12"/>
    </row>
    <row r="161323" spans="8:8">
      <c r="H161323" s="12"/>
    </row>
    <row r="161324" spans="8:8">
      <c r="H161324" s="12"/>
    </row>
    <row r="161325" spans="8:8">
      <c r="H161325" s="12"/>
    </row>
    <row r="161326" spans="8:8">
      <c r="H161326" s="12"/>
    </row>
    <row r="161327" spans="8:8">
      <c r="H161327" s="12"/>
    </row>
    <row r="161328" spans="8:8">
      <c r="H161328" s="12"/>
    </row>
    <row r="161329" spans="8:8">
      <c r="H161329" s="12"/>
    </row>
    <row r="161330" spans="8:8">
      <c r="H161330" s="12"/>
    </row>
    <row r="161331" spans="8:8">
      <c r="H161331" s="12"/>
    </row>
    <row r="161332" spans="8:8">
      <c r="H161332" s="12"/>
    </row>
    <row r="161333" spans="8:8">
      <c r="H161333" s="12"/>
    </row>
    <row r="161334" spans="8:8">
      <c r="H161334" s="12"/>
    </row>
    <row r="161335" spans="8:8">
      <c r="H161335" s="12"/>
    </row>
    <row r="161336" spans="8:8">
      <c r="H161336" s="12"/>
    </row>
    <row r="161337" spans="8:8">
      <c r="H161337" s="12"/>
    </row>
    <row r="161338" spans="8:8">
      <c r="H161338" s="12"/>
    </row>
    <row r="161339" spans="8:8">
      <c r="H161339" s="12"/>
    </row>
    <row r="161340" spans="8:8">
      <c r="H161340" s="12"/>
    </row>
    <row r="161341" spans="8:8">
      <c r="H161341" s="12"/>
    </row>
    <row r="161342" spans="8:8">
      <c r="H161342" s="12"/>
    </row>
    <row r="161343" spans="8:8">
      <c r="H161343" s="12"/>
    </row>
    <row r="161344" spans="8:8">
      <c r="H161344" s="12"/>
    </row>
    <row r="161345" spans="8:8">
      <c r="H161345" s="12"/>
    </row>
    <row r="161346" spans="8:8">
      <c r="H161346" s="12"/>
    </row>
    <row r="161347" spans="8:8">
      <c r="H161347" s="12"/>
    </row>
    <row r="161348" spans="8:8">
      <c r="H161348" s="12"/>
    </row>
    <row r="161349" spans="8:8">
      <c r="H161349" s="12"/>
    </row>
    <row r="161350" spans="8:8">
      <c r="H161350" s="12"/>
    </row>
    <row r="161351" spans="8:8">
      <c r="H161351" s="12"/>
    </row>
    <row r="161352" spans="8:8">
      <c r="H161352" s="12"/>
    </row>
    <row r="161353" spans="8:8">
      <c r="H161353" s="12"/>
    </row>
    <row r="161354" spans="8:8">
      <c r="H161354" s="12"/>
    </row>
    <row r="161355" spans="8:8">
      <c r="H161355" s="12"/>
    </row>
    <row r="161356" spans="8:8">
      <c r="H161356" s="12"/>
    </row>
    <row r="161357" spans="8:8">
      <c r="H161357" s="12"/>
    </row>
    <row r="161358" spans="8:8">
      <c r="H161358" s="12"/>
    </row>
    <row r="161359" spans="8:8">
      <c r="H161359" s="12"/>
    </row>
    <row r="161360" spans="8:8">
      <c r="H161360" s="12"/>
    </row>
    <row r="161361" spans="8:8">
      <c r="H161361" s="12"/>
    </row>
    <row r="161362" spans="8:8">
      <c r="H161362" s="12"/>
    </row>
    <row r="161363" spans="8:8">
      <c r="H161363" s="12"/>
    </row>
    <row r="161364" spans="8:8">
      <c r="H161364" s="12"/>
    </row>
    <row r="161365" spans="8:8">
      <c r="H161365" s="12"/>
    </row>
    <row r="161366" spans="8:8">
      <c r="H161366" s="12"/>
    </row>
    <row r="161367" spans="8:8">
      <c r="H161367" s="12"/>
    </row>
    <row r="161368" spans="8:8">
      <c r="H161368" s="12"/>
    </row>
    <row r="161369" spans="8:8">
      <c r="H161369" s="12"/>
    </row>
    <row r="161370" spans="8:8">
      <c r="H161370" s="12"/>
    </row>
    <row r="161371" spans="8:8">
      <c r="H161371" s="12"/>
    </row>
    <row r="161372" spans="8:8">
      <c r="H161372" s="12"/>
    </row>
    <row r="161373" spans="8:8">
      <c r="H161373" s="12"/>
    </row>
    <row r="161374" spans="8:8">
      <c r="H161374" s="12"/>
    </row>
    <row r="161375" spans="8:8">
      <c r="H161375" s="12"/>
    </row>
    <row r="161376" spans="8:8">
      <c r="H161376" s="12"/>
    </row>
    <row r="161377" spans="8:8">
      <c r="H161377" s="12"/>
    </row>
    <row r="161378" spans="8:8">
      <c r="H161378" s="12"/>
    </row>
    <row r="161379" spans="8:8">
      <c r="H161379" s="12"/>
    </row>
    <row r="161380" spans="8:8">
      <c r="H161380" s="12"/>
    </row>
    <row r="161381" spans="8:8">
      <c r="H161381" s="12"/>
    </row>
    <row r="161382" spans="8:8">
      <c r="H161382" s="12"/>
    </row>
    <row r="161383" spans="8:8">
      <c r="H161383" s="12"/>
    </row>
    <row r="161384" spans="8:8">
      <c r="H161384" s="12"/>
    </row>
    <row r="161385" spans="8:8">
      <c r="H161385" s="12"/>
    </row>
    <row r="161386" spans="8:8">
      <c r="H161386" s="12"/>
    </row>
    <row r="161387" spans="8:8">
      <c r="H161387" s="12"/>
    </row>
    <row r="161388" spans="8:8">
      <c r="H161388" s="12"/>
    </row>
    <row r="161389" spans="8:8">
      <c r="H161389" s="12"/>
    </row>
    <row r="161390" spans="8:8">
      <c r="H161390" s="12"/>
    </row>
    <row r="161391" spans="8:8">
      <c r="H161391" s="12"/>
    </row>
    <row r="161392" spans="8:8">
      <c r="H161392" s="12"/>
    </row>
    <row r="161393" spans="8:8">
      <c r="H161393" s="12"/>
    </row>
    <row r="161394" spans="8:8">
      <c r="H161394" s="12"/>
    </row>
    <row r="161395" spans="8:8">
      <c r="H161395" s="12"/>
    </row>
    <row r="161396" spans="8:8">
      <c r="H161396" s="12"/>
    </row>
    <row r="161397" spans="8:8">
      <c r="H161397" s="12"/>
    </row>
    <row r="161398" spans="8:8">
      <c r="H161398" s="12"/>
    </row>
    <row r="161399" spans="8:8">
      <c r="H161399" s="12"/>
    </row>
    <row r="161400" spans="8:8">
      <c r="H161400" s="12"/>
    </row>
    <row r="161401" spans="8:8">
      <c r="H161401" s="12"/>
    </row>
    <row r="161402" spans="8:8">
      <c r="H161402" s="12"/>
    </row>
    <row r="161403" spans="8:8">
      <c r="H161403" s="12"/>
    </row>
    <row r="161404" spans="8:8">
      <c r="H161404" s="12"/>
    </row>
    <row r="161405" spans="8:8">
      <c r="H161405" s="12"/>
    </row>
    <row r="161406" spans="8:8">
      <c r="H161406" s="12"/>
    </row>
    <row r="161407" spans="8:8">
      <c r="H161407" s="12"/>
    </row>
    <row r="161408" spans="8:8">
      <c r="H161408" s="12"/>
    </row>
    <row r="161409" spans="8:8">
      <c r="H161409" s="12"/>
    </row>
    <row r="161410" spans="8:8">
      <c r="H161410" s="12"/>
    </row>
    <row r="161411" spans="8:8">
      <c r="H161411" s="12"/>
    </row>
    <row r="161412" spans="8:8">
      <c r="H161412" s="12"/>
    </row>
    <row r="161413" spans="8:8">
      <c r="H161413" s="12"/>
    </row>
    <row r="161414" spans="8:8">
      <c r="H161414" s="12"/>
    </row>
    <row r="161415" spans="8:8">
      <c r="H161415" s="12"/>
    </row>
    <row r="161416" spans="8:8">
      <c r="H161416" s="12"/>
    </row>
    <row r="161417" spans="8:8">
      <c r="H161417" s="12"/>
    </row>
    <row r="161418" spans="8:8">
      <c r="H161418" s="12"/>
    </row>
    <row r="161419" spans="8:8">
      <c r="H161419" s="12"/>
    </row>
    <row r="161420" spans="8:8">
      <c r="H161420" s="12"/>
    </row>
    <row r="161421" spans="8:8">
      <c r="H161421" s="12"/>
    </row>
    <row r="161422" spans="8:8">
      <c r="H161422" s="12"/>
    </row>
    <row r="161423" spans="8:8">
      <c r="H161423" s="12"/>
    </row>
    <row r="161424" spans="8:8">
      <c r="H161424" s="12"/>
    </row>
    <row r="161425" spans="8:8">
      <c r="H161425" s="12"/>
    </row>
    <row r="161426" spans="8:8">
      <c r="H161426" s="12"/>
    </row>
    <row r="161427" spans="8:8">
      <c r="H161427" s="12"/>
    </row>
    <row r="161428" spans="8:8">
      <c r="H161428" s="12"/>
    </row>
    <row r="161429" spans="8:8">
      <c r="H161429" s="12"/>
    </row>
    <row r="161430" spans="8:8">
      <c r="H161430" s="12"/>
    </row>
    <row r="161431" spans="8:8">
      <c r="H161431" s="12"/>
    </row>
    <row r="161432" spans="8:8">
      <c r="H161432" s="12"/>
    </row>
    <row r="161433" spans="8:8">
      <c r="H161433" s="12"/>
    </row>
    <row r="161434" spans="8:8">
      <c r="H161434" s="12"/>
    </row>
    <row r="161435" spans="8:8">
      <c r="H161435" s="12"/>
    </row>
    <row r="161436" spans="8:8">
      <c r="H161436" s="12"/>
    </row>
    <row r="161437" spans="8:8">
      <c r="H161437" s="12"/>
    </row>
    <row r="161438" spans="8:8">
      <c r="H161438" s="12"/>
    </row>
    <row r="161439" spans="8:8">
      <c r="H161439" s="12"/>
    </row>
    <row r="161440" spans="8:8">
      <c r="H161440" s="12"/>
    </row>
    <row r="161441" spans="8:8">
      <c r="H161441" s="12"/>
    </row>
    <row r="161442" spans="8:8">
      <c r="H161442" s="12"/>
    </row>
    <row r="161443" spans="8:8">
      <c r="H161443" s="12"/>
    </row>
    <row r="161444" spans="8:8">
      <c r="H161444" s="12"/>
    </row>
    <row r="161445" spans="8:8">
      <c r="H161445" s="12"/>
    </row>
    <row r="161446" spans="8:8">
      <c r="H161446" s="12"/>
    </row>
    <row r="161447" spans="8:8">
      <c r="H161447" s="12"/>
    </row>
    <row r="161448" spans="8:8">
      <c r="H161448" s="12"/>
    </row>
    <row r="161449" spans="8:8">
      <c r="H161449" s="12"/>
    </row>
    <row r="161450" spans="8:8">
      <c r="H161450" s="12"/>
    </row>
    <row r="161451" spans="8:8">
      <c r="H161451" s="12"/>
    </row>
    <row r="161452" spans="8:8">
      <c r="H161452" s="12"/>
    </row>
    <row r="161453" spans="8:8">
      <c r="H161453" s="12"/>
    </row>
    <row r="161454" spans="8:8">
      <c r="H161454" s="12"/>
    </row>
    <row r="161455" spans="8:8">
      <c r="H161455" s="12"/>
    </row>
    <row r="161456" spans="8:8">
      <c r="H161456" s="12"/>
    </row>
    <row r="161457" spans="8:8">
      <c r="H161457" s="12"/>
    </row>
    <row r="161458" spans="8:8">
      <c r="H161458" s="12"/>
    </row>
    <row r="161459" spans="8:8">
      <c r="H161459" s="12"/>
    </row>
    <row r="161460" spans="8:8">
      <c r="H161460" s="12"/>
    </row>
    <row r="161461" spans="8:8">
      <c r="H161461" s="12"/>
    </row>
    <row r="161462" spans="8:8">
      <c r="H161462" s="12"/>
    </row>
    <row r="161463" spans="8:8">
      <c r="H161463" s="12"/>
    </row>
    <row r="161464" spans="8:8">
      <c r="H161464" s="12"/>
    </row>
    <row r="161465" spans="8:8">
      <c r="H161465" s="12"/>
    </row>
    <row r="161466" spans="8:8">
      <c r="H161466" s="12"/>
    </row>
    <row r="161467" spans="8:8">
      <c r="H161467" s="12"/>
    </row>
    <row r="161468" spans="8:8">
      <c r="H161468" s="12"/>
    </row>
    <row r="161469" spans="8:8">
      <c r="H161469" s="12"/>
    </row>
    <row r="161470" spans="8:8">
      <c r="H161470" s="12"/>
    </row>
    <row r="161471" spans="8:8">
      <c r="H161471" s="12"/>
    </row>
    <row r="161472" spans="8:8">
      <c r="H161472" s="12"/>
    </row>
    <row r="161473" spans="8:8">
      <c r="H161473" s="12"/>
    </row>
    <row r="161474" spans="8:8">
      <c r="H161474" s="12"/>
    </row>
    <row r="161475" spans="8:8">
      <c r="H161475" s="12"/>
    </row>
    <row r="161476" spans="8:8">
      <c r="H161476" s="12"/>
    </row>
    <row r="161477" spans="8:8">
      <c r="H161477" s="12"/>
    </row>
    <row r="161478" spans="8:8">
      <c r="H161478" s="12"/>
    </row>
    <row r="161479" spans="8:8">
      <c r="H161479" s="12"/>
    </row>
    <row r="161480" spans="8:8">
      <c r="H161480" s="12"/>
    </row>
    <row r="161481" spans="8:8">
      <c r="H161481" s="12"/>
    </row>
    <row r="161482" spans="8:8">
      <c r="H161482" s="12"/>
    </row>
    <row r="161483" spans="8:8">
      <c r="H161483" s="12"/>
    </row>
    <row r="161484" spans="8:8">
      <c r="H161484" s="12"/>
    </row>
    <row r="161485" spans="8:8">
      <c r="H161485" s="12"/>
    </row>
    <row r="161486" spans="8:8">
      <c r="H161486" s="12"/>
    </row>
    <row r="161487" spans="8:8">
      <c r="H161487" s="12"/>
    </row>
    <row r="161488" spans="8:8">
      <c r="H161488" s="12"/>
    </row>
    <row r="161489" spans="8:8">
      <c r="H161489" s="12"/>
    </row>
    <row r="161490" spans="8:8">
      <c r="H161490" s="12"/>
    </row>
    <row r="161491" spans="8:8">
      <c r="H161491" s="12"/>
    </row>
    <row r="161492" spans="8:8">
      <c r="H161492" s="12"/>
    </row>
    <row r="161493" spans="8:8">
      <c r="H161493" s="12"/>
    </row>
    <row r="161494" spans="8:8">
      <c r="H161494" s="12"/>
    </row>
    <row r="161495" spans="8:8">
      <c r="H161495" s="12"/>
    </row>
    <row r="161496" spans="8:8">
      <c r="H161496" s="12"/>
    </row>
    <row r="161497" spans="8:8">
      <c r="H161497" s="12"/>
    </row>
    <row r="161498" spans="8:8">
      <c r="H161498" s="12"/>
    </row>
    <row r="161499" spans="8:8">
      <c r="H161499" s="12"/>
    </row>
    <row r="161500" spans="8:8">
      <c r="H161500" s="12"/>
    </row>
    <row r="161501" spans="8:8">
      <c r="H161501" s="12"/>
    </row>
    <row r="161502" spans="8:8">
      <c r="H161502" s="12"/>
    </row>
    <row r="161503" spans="8:8">
      <c r="H161503" s="12"/>
    </row>
    <row r="161504" spans="8:8">
      <c r="H161504" s="12"/>
    </row>
    <row r="161505" spans="8:8">
      <c r="H161505" s="12"/>
    </row>
    <row r="161506" spans="8:8">
      <c r="H161506" s="12"/>
    </row>
    <row r="161507" spans="8:8">
      <c r="H161507" s="12"/>
    </row>
    <row r="161508" spans="8:8">
      <c r="H161508" s="12"/>
    </row>
    <row r="161509" spans="8:8">
      <c r="H161509" s="12"/>
    </row>
    <row r="161510" spans="8:8">
      <c r="H161510" s="12"/>
    </row>
    <row r="161511" spans="8:8">
      <c r="H161511" s="12"/>
    </row>
    <row r="161512" spans="8:8">
      <c r="H161512" s="12"/>
    </row>
    <row r="161513" spans="8:8">
      <c r="H161513" s="12"/>
    </row>
    <row r="161514" spans="8:8">
      <c r="H161514" s="12"/>
    </row>
    <row r="161515" spans="8:8">
      <c r="H161515" s="12"/>
    </row>
    <row r="161516" spans="8:8">
      <c r="H161516" s="12"/>
    </row>
    <row r="161517" spans="8:8">
      <c r="H161517" s="12"/>
    </row>
    <row r="161518" spans="8:8">
      <c r="H161518" s="12"/>
    </row>
    <row r="161519" spans="8:8">
      <c r="H161519" s="12"/>
    </row>
    <row r="161520" spans="8:8">
      <c r="H161520" s="12"/>
    </row>
    <row r="161521" spans="8:8">
      <c r="H161521" s="12"/>
    </row>
    <row r="161522" spans="8:8">
      <c r="H161522" s="12"/>
    </row>
    <row r="161523" spans="8:8">
      <c r="H161523" s="12"/>
    </row>
    <row r="161524" spans="8:8">
      <c r="H161524" s="12"/>
    </row>
    <row r="161525" spans="8:8">
      <c r="H161525" s="12"/>
    </row>
    <row r="161526" spans="8:8">
      <c r="H161526" s="12"/>
    </row>
    <row r="161527" spans="8:8">
      <c r="H161527" s="12"/>
    </row>
    <row r="161528" spans="8:8">
      <c r="H161528" s="12"/>
    </row>
    <row r="161529" spans="8:8">
      <c r="H161529" s="12"/>
    </row>
    <row r="161530" spans="8:8">
      <c r="H161530" s="12"/>
    </row>
    <row r="161531" spans="8:8">
      <c r="H161531" s="12"/>
    </row>
    <row r="161532" spans="8:8">
      <c r="H161532" s="12"/>
    </row>
    <row r="161533" spans="8:8">
      <c r="H161533" s="12"/>
    </row>
    <row r="161534" spans="8:8">
      <c r="H161534" s="12"/>
    </row>
    <row r="161535" spans="8:8">
      <c r="H161535" s="12"/>
    </row>
    <row r="161536" spans="8:8">
      <c r="H161536" s="12"/>
    </row>
    <row r="161537" spans="8:8">
      <c r="H161537" s="12"/>
    </row>
    <row r="161538" spans="8:8">
      <c r="H161538" s="12"/>
    </row>
    <row r="161539" spans="8:8">
      <c r="H161539" s="12"/>
    </row>
    <row r="161540" spans="8:8">
      <c r="H161540" s="12"/>
    </row>
    <row r="161541" spans="8:8">
      <c r="H161541" s="12"/>
    </row>
    <row r="161542" spans="8:8">
      <c r="H161542" s="12"/>
    </row>
    <row r="161543" spans="8:8">
      <c r="H161543" s="12"/>
    </row>
    <row r="161544" spans="8:8">
      <c r="H161544" s="12"/>
    </row>
    <row r="161545" spans="8:8">
      <c r="H161545" s="12"/>
    </row>
    <row r="161546" spans="8:8">
      <c r="H161546" s="12"/>
    </row>
    <row r="161547" spans="8:8">
      <c r="H161547" s="12"/>
    </row>
    <row r="161548" spans="8:8">
      <c r="H161548" s="12"/>
    </row>
    <row r="161549" spans="8:8">
      <c r="H161549" s="12"/>
    </row>
    <row r="161550" spans="8:8">
      <c r="H161550" s="12"/>
    </row>
    <row r="161551" spans="8:8">
      <c r="H161551" s="12"/>
    </row>
    <row r="161552" spans="8:8">
      <c r="H161552" s="12"/>
    </row>
    <row r="161553" spans="8:8">
      <c r="H161553" s="12"/>
    </row>
    <row r="161554" spans="8:8">
      <c r="H161554" s="12"/>
    </row>
    <row r="161555" spans="8:8">
      <c r="H161555" s="12"/>
    </row>
    <row r="161556" spans="8:8">
      <c r="H161556" s="12"/>
    </row>
    <row r="161557" spans="8:8">
      <c r="H161557" s="12"/>
    </row>
    <row r="161558" spans="8:8">
      <c r="H161558" s="12"/>
    </row>
    <row r="161559" spans="8:8">
      <c r="H161559" s="12"/>
    </row>
    <row r="161560" spans="8:8">
      <c r="H161560" s="12"/>
    </row>
    <row r="161561" spans="8:8">
      <c r="H161561" s="12"/>
    </row>
    <row r="161562" spans="8:8">
      <c r="H161562" s="12"/>
    </row>
    <row r="161563" spans="8:8">
      <c r="H161563" s="12"/>
    </row>
    <row r="161564" spans="8:8">
      <c r="H161564" s="12"/>
    </row>
    <row r="161565" spans="8:8">
      <c r="H161565" s="12"/>
    </row>
    <row r="161566" spans="8:8">
      <c r="H161566" s="12"/>
    </row>
    <row r="161567" spans="8:8">
      <c r="H161567" s="12"/>
    </row>
    <row r="161568" spans="8:8">
      <c r="H161568" s="12"/>
    </row>
    <row r="161569" spans="8:8">
      <c r="H161569" s="12"/>
    </row>
    <row r="161570" spans="8:8">
      <c r="H161570" s="12"/>
    </row>
    <row r="161571" spans="8:8">
      <c r="H161571" s="12"/>
    </row>
    <row r="161572" spans="8:8">
      <c r="H161572" s="12"/>
    </row>
    <row r="161573" spans="8:8">
      <c r="H161573" s="12"/>
    </row>
    <row r="161574" spans="8:8">
      <c r="H161574" s="12"/>
    </row>
    <row r="161575" spans="8:8">
      <c r="H161575" s="12"/>
    </row>
    <row r="161576" spans="8:8">
      <c r="H161576" s="12"/>
    </row>
    <row r="161577" spans="8:8">
      <c r="H161577" s="12"/>
    </row>
    <row r="161578" spans="8:8">
      <c r="H161578" s="12"/>
    </row>
    <row r="161579" spans="8:8">
      <c r="H161579" s="12"/>
    </row>
    <row r="161580" spans="8:8">
      <c r="H161580" s="12"/>
    </row>
    <row r="161581" spans="8:8">
      <c r="H161581" s="12"/>
    </row>
    <row r="161582" spans="8:8">
      <c r="H161582" s="12"/>
    </row>
    <row r="161583" spans="8:8">
      <c r="H161583" s="12"/>
    </row>
    <row r="161584" spans="8:8">
      <c r="H161584" s="12"/>
    </row>
    <row r="161585" spans="8:8">
      <c r="H161585" s="12"/>
    </row>
    <row r="161586" spans="8:8">
      <c r="H161586" s="12"/>
    </row>
    <row r="161587" spans="8:8">
      <c r="H161587" s="12"/>
    </row>
    <row r="161588" spans="8:8">
      <c r="H161588" s="12"/>
    </row>
    <row r="161589" spans="8:8">
      <c r="H161589" s="12"/>
    </row>
    <row r="161590" spans="8:8">
      <c r="H161590" s="12"/>
    </row>
    <row r="161591" spans="8:8">
      <c r="H161591" s="12"/>
    </row>
    <row r="161592" spans="8:8">
      <c r="H161592" s="12"/>
    </row>
    <row r="161593" spans="8:8">
      <c r="H161593" s="12"/>
    </row>
    <row r="161594" spans="8:8">
      <c r="H161594" s="12"/>
    </row>
    <row r="161595" spans="8:8">
      <c r="H161595" s="12"/>
    </row>
    <row r="161596" spans="8:8">
      <c r="H161596" s="12"/>
    </row>
    <row r="161597" spans="8:8">
      <c r="H161597" s="12"/>
    </row>
    <row r="161598" spans="8:8">
      <c r="H161598" s="12"/>
    </row>
    <row r="161599" spans="8:8">
      <c r="H161599" s="12"/>
    </row>
    <row r="161600" spans="8:8">
      <c r="H161600" s="12"/>
    </row>
    <row r="161601" spans="8:8">
      <c r="H161601" s="12"/>
    </row>
    <row r="161602" spans="8:8">
      <c r="H161602" s="12"/>
    </row>
    <row r="161603" spans="8:8">
      <c r="H161603" s="12"/>
    </row>
    <row r="161604" spans="8:8">
      <c r="H161604" s="12"/>
    </row>
    <row r="161605" spans="8:8">
      <c r="H161605" s="12"/>
    </row>
    <row r="161606" spans="8:8">
      <c r="H161606" s="12"/>
    </row>
    <row r="161607" spans="8:8">
      <c r="H161607" s="12"/>
    </row>
    <row r="161608" spans="8:8">
      <c r="H161608" s="12"/>
    </row>
    <row r="161609" spans="8:8">
      <c r="H161609" s="12"/>
    </row>
    <row r="161610" spans="8:8">
      <c r="H161610" s="12"/>
    </row>
    <row r="161611" spans="8:8">
      <c r="H161611" s="12"/>
    </row>
    <row r="161612" spans="8:8">
      <c r="H161612" s="12"/>
    </row>
    <row r="161613" spans="8:8">
      <c r="H161613" s="12"/>
    </row>
    <row r="161614" spans="8:8">
      <c r="H161614" s="12"/>
    </row>
    <row r="161615" spans="8:8">
      <c r="H161615" s="12"/>
    </row>
    <row r="161616" spans="8:8">
      <c r="H161616" s="12"/>
    </row>
    <row r="161617" spans="8:8">
      <c r="H161617" s="12"/>
    </row>
    <row r="161618" spans="8:8">
      <c r="H161618" s="12"/>
    </row>
    <row r="161619" spans="8:8">
      <c r="H161619" s="12"/>
    </row>
    <row r="161620" spans="8:8">
      <c r="H161620" s="12"/>
    </row>
    <row r="161621" spans="8:8">
      <c r="H161621" s="12"/>
    </row>
    <row r="161622" spans="8:8">
      <c r="H161622" s="12"/>
    </row>
    <row r="161623" spans="8:8">
      <c r="H161623" s="12"/>
    </row>
    <row r="161624" spans="8:8">
      <c r="H161624" s="12"/>
    </row>
    <row r="161625" spans="8:8">
      <c r="H161625" s="12"/>
    </row>
    <row r="161626" spans="8:8">
      <c r="H161626" s="12"/>
    </row>
    <row r="161627" spans="8:8">
      <c r="H161627" s="12"/>
    </row>
    <row r="161628" spans="8:8">
      <c r="H161628" s="12"/>
    </row>
    <row r="161629" spans="8:8">
      <c r="H161629" s="12"/>
    </row>
    <row r="161630" spans="8:8">
      <c r="H161630" s="12"/>
    </row>
    <row r="161631" spans="8:8">
      <c r="H161631" s="12"/>
    </row>
    <row r="161632" spans="8:8">
      <c r="H161632" s="12"/>
    </row>
    <row r="161633" spans="8:8">
      <c r="H161633" s="12"/>
    </row>
    <row r="161634" spans="8:8">
      <c r="H161634" s="12"/>
    </row>
    <row r="161635" spans="8:8">
      <c r="H161635" s="12"/>
    </row>
    <row r="161636" spans="8:8">
      <c r="H161636" s="12"/>
    </row>
    <row r="161637" spans="8:8">
      <c r="H161637" s="12"/>
    </row>
    <row r="161638" spans="8:8">
      <c r="H161638" s="12"/>
    </row>
    <row r="161639" spans="8:8">
      <c r="H161639" s="12"/>
    </row>
    <row r="161640" spans="8:8">
      <c r="H161640" s="12"/>
    </row>
    <row r="161641" spans="8:8">
      <c r="H161641" s="12"/>
    </row>
    <row r="161642" spans="8:8">
      <c r="H161642" s="12"/>
    </row>
    <row r="161643" spans="8:8">
      <c r="H161643" s="12"/>
    </row>
    <row r="161644" spans="8:8">
      <c r="H161644" s="12"/>
    </row>
    <row r="161645" spans="8:8">
      <c r="H161645" s="12"/>
    </row>
    <row r="161646" spans="8:8">
      <c r="H161646" s="12"/>
    </row>
    <row r="161647" spans="8:8">
      <c r="H161647" s="12"/>
    </row>
    <row r="161648" spans="8:8">
      <c r="H161648" s="12"/>
    </row>
    <row r="161649" spans="8:8">
      <c r="H161649" s="12"/>
    </row>
    <row r="161650" spans="8:8">
      <c r="H161650" s="12"/>
    </row>
    <row r="161651" spans="8:8">
      <c r="H161651" s="12"/>
    </row>
    <row r="161652" spans="8:8">
      <c r="H161652" s="12"/>
    </row>
    <row r="161653" spans="8:8">
      <c r="H161653" s="12"/>
    </row>
    <row r="161654" spans="8:8">
      <c r="H161654" s="12"/>
    </row>
    <row r="161655" spans="8:8">
      <c r="H161655" s="12"/>
    </row>
    <row r="161656" spans="8:8">
      <c r="H161656" s="12"/>
    </row>
    <row r="161657" spans="8:8">
      <c r="H161657" s="12"/>
    </row>
    <row r="161658" spans="8:8">
      <c r="H161658" s="12"/>
    </row>
    <row r="161659" spans="8:8">
      <c r="H161659" s="12"/>
    </row>
    <row r="161660" spans="8:8">
      <c r="H161660" s="12"/>
    </row>
    <row r="161661" spans="8:8">
      <c r="H161661" s="12"/>
    </row>
    <row r="161662" spans="8:8">
      <c r="H161662" s="12"/>
    </row>
    <row r="161663" spans="8:8">
      <c r="H161663" s="12"/>
    </row>
    <row r="161664" spans="8:8">
      <c r="H161664" s="12"/>
    </row>
    <row r="161665" spans="8:8">
      <c r="H161665" s="12"/>
    </row>
    <row r="161666" spans="8:8">
      <c r="H161666" s="12"/>
    </row>
    <row r="161667" spans="8:8">
      <c r="H161667" s="12"/>
    </row>
    <row r="161668" spans="8:8">
      <c r="H161668" s="12"/>
    </row>
    <row r="161669" spans="8:8">
      <c r="H161669" s="12"/>
    </row>
    <row r="161670" spans="8:8">
      <c r="H161670" s="12"/>
    </row>
    <row r="161671" spans="8:8">
      <c r="H161671" s="12"/>
    </row>
    <row r="161672" spans="8:8">
      <c r="H161672" s="12"/>
    </row>
    <row r="161673" spans="8:8">
      <c r="H161673" s="12"/>
    </row>
    <row r="161674" spans="8:8">
      <c r="H161674" s="12"/>
    </row>
    <row r="161675" spans="8:8">
      <c r="H161675" s="12"/>
    </row>
    <row r="161676" spans="8:8">
      <c r="H161676" s="12"/>
    </row>
    <row r="161677" spans="8:8">
      <c r="H161677" s="12"/>
    </row>
    <row r="161678" spans="8:8">
      <c r="H161678" s="12"/>
    </row>
    <row r="161679" spans="8:8">
      <c r="H161679" s="12"/>
    </row>
    <row r="161680" spans="8:8">
      <c r="H161680" s="12"/>
    </row>
    <row r="161681" spans="8:8">
      <c r="H161681" s="12"/>
    </row>
    <row r="161682" spans="8:8">
      <c r="H161682" s="12"/>
    </row>
    <row r="161683" spans="8:8">
      <c r="H161683" s="12"/>
    </row>
    <row r="161684" spans="8:8">
      <c r="H161684" s="12"/>
    </row>
    <row r="161685" spans="8:8">
      <c r="H161685" s="12"/>
    </row>
    <row r="161686" spans="8:8">
      <c r="H161686" s="12"/>
    </row>
    <row r="161687" spans="8:8">
      <c r="H161687" s="12"/>
    </row>
    <row r="161688" spans="8:8">
      <c r="H161688" s="12"/>
    </row>
    <row r="161689" spans="8:8">
      <c r="H161689" s="12"/>
    </row>
    <row r="161690" spans="8:8">
      <c r="H161690" s="12"/>
    </row>
    <row r="161691" spans="8:8">
      <c r="H161691" s="12"/>
    </row>
    <row r="161692" spans="8:8">
      <c r="H161692" s="12"/>
    </row>
    <row r="161693" spans="8:8">
      <c r="H161693" s="12"/>
    </row>
    <row r="161694" spans="8:8">
      <c r="H161694" s="12"/>
    </row>
    <row r="161695" spans="8:8">
      <c r="H161695" s="12"/>
    </row>
    <row r="161696" spans="8:8">
      <c r="H161696" s="12"/>
    </row>
    <row r="161697" spans="8:8">
      <c r="H161697" s="12"/>
    </row>
    <row r="161698" spans="8:8">
      <c r="H161698" s="12"/>
    </row>
    <row r="161699" spans="8:8">
      <c r="H161699" s="12"/>
    </row>
    <row r="161700" spans="8:8">
      <c r="H161700" s="12"/>
    </row>
    <row r="161701" spans="8:8">
      <c r="H161701" s="12"/>
    </row>
    <row r="161702" spans="8:8">
      <c r="H161702" s="12"/>
    </row>
    <row r="161703" spans="8:8">
      <c r="H161703" s="12"/>
    </row>
    <row r="161704" spans="8:8">
      <c r="H161704" s="12"/>
    </row>
    <row r="161705" spans="8:8">
      <c r="H161705" s="12"/>
    </row>
    <row r="161706" spans="8:8">
      <c r="H161706" s="12"/>
    </row>
    <row r="161707" spans="8:8">
      <c r="H161707" s="12"/>
    </row>
    <row r="161708" spans="8:8">
      <c r="H161708" s="12"/>
    </row>
    <row r="161709" spans="8:8">
      <c r="H161709" s="12"/>
    </row>
    <row r="161710" spans="8:8">
      <c r="H161710" s="12"/>
    </row>
    <row r="161711" spans="8:8">
      <c r="H161711" s="12"/>
    </row>
    <row r="161712" spans="8:8">
      <c r="H161712" s="12"/>
    </row>
    <row r="161713" spans="8:8">
      <c r="H161713" s="12"/>
    </row>
    <row r="161714" spans="8:8">
      <c r="H161714" s="12"/>
    </row>
    <row r="161715" spans="8:8">
      <c r="H161715" s="12"/>
    </row>
    <row r="161716" spans="8:8">
      <c r="H161716" s="12"/>
    </row>
    <row r="161717" spans="8:8">
      <c r="H161717" s="12"/>
    </row>
    <row r="161718" spans="8:8">
      <c r="H161718" s="12"/>
    </row>
    <row r="161719" spans="8:8">
      <c r="H161719" s="12"/>
    </row>
    <row r="161720" spans="8:8">
      <c r="H161720" s="12"/>
    </row>
    <row r="161721" spans="8:8">
      <c r="H161721" s="12"/>
    </row>
    <row r="161722" spans="8:8">
      <c r="H161722" s="12"/>
    </row>
    <row r="161723" spans="8:8">
      <c r="H161723" s="12"/>
    </row>
    <row r="161724" spans="8:8">
      <c r="H161724" s="12"/>
    </row>
    <row r="161725" spans="8:8">
      <c r="H161725" s="12"/>
    </row>
    <row r="161726" spans="8:8">
      <c r="H161726" s="12"/>
    </row>
    <row r="161727" spans="8:8">
      <c r="H161727" s="12"/>
    </row>
    <row r="161728" spans="8:8">
      <c r="H161728" s="12"/>
    </row>
    <row r="161729" spans="8:8">
      <c r="H161729" s="12"/>
    </row>
    <row r="161730" spans="8:8">
      <c r="H161730" s="12"/>
    </row>
    <row r="161731" spans="8:8">
      <c r="H161731" s="12"/>
    </row>
    <row r="161732" spans="8:8">
      <c r="H161732" s="12"/>
    </row>
    <row r="161733" spans="8:8">
      <c r="H161733" s="12"/>
    </row>
    <row r="161734" spans="8:8">
      <c r="H161734" s="12"/>
    </row>
    <row r="161735" spans="8:8">
      <c r="H161735" s="12"/>
    </row>
    <row r="161736" spans="8:8">
      <c r="H161736" s="12"/>
    </row>
    <row r="161737" spans="8:8">
      <c r="H161737" s="12"/>
    </row>
    <row r="161738" spans="8:8">
      <c r="H161738" s="12"/>
    </row>
    <row r="161739" spans="8:8">
      <c r="H161739" s="12"/>
    </row>
    <row r="161740" spans="8:8">
      <c r="H161740" s="12"/>
    </row>
    <row r="161741" spans="8:8">
      <c r="H161741" s="12"/>
    </row>
    <row r="161742" spans="8:8">
      <c r="H161742" s="12"/>
    </row>
    <row r="161743" spans="8:8">
      <c r="H161743" s="12"/>
    </row>
    <row r="161744" spans="8:8">
      <c r="H161744" s="12"/>
    </row>
    <row r="161745" spans="8:8">
      <c r="H161745" s="12"/>
    </row>
    <row r="161746" spans="8:8">
      <c r="H161746" s="12"/>
    </row>
    <row r="161747" spans="8:8">
      <c r="H161747" s="12"/>
    </row>
    <row r="161748" spans="8:8">
      <c r="H161748" s="12"/>
    </row>
    <row r="161749" spans="8:8">
      <c r="H161749" s="12"/>
    </row>
    <row r="161750" spans="8:8">
      <c r="H161750" s="12"/>
    </row>
    <row r="161751" spans="8:8">
      <c r="H161751" s="12"/>
    </row>
    <row r="161752" spans="8:8">
      <c r="H161752" s="12"/>
    </row>
    <row r="161753" spans="8:8">
      <c r="H161753" s="12"/>
    </row>
    <row r="161754" spans="8:8">
      <c r="H161754" s="12"/>
    </row>
    <row r="161755" spans="8:8">
      <c r="H161755" s="12"/>
    </row>
    <row r="161756" spans="8:8">
      <c r="H161756" s="12"/>
    </row>
    <row r="161757" spans="8:8">
      <c r="H161757" s="12"/>
    </row>
    <row r="161758" spans="8:8">
      <c r="H161758" s="12"/>
    </row>
    <row r="161759" spans="8:8">
      <c r="H161759" s="12"/>
    </row>
    <row r="161760" spans="8:8">
      <c r="H161760" s="12"/>
    </row>
    <row r="161761" spans="8:8">
      <c r="H161761" s="12"/>
    </row>
    <row r="161762" spans="8:8">
      <c r="H161762" s="12"/>
    </row>
    <row r="161763" spans="8:8">
      <c r="H161763" s="12"/>
    </row>
    <row r="161764" spans="8:8">
      <c r="H161764" s="12"/>
    </row>
    <row r="161765" spans="8:8">
      <c r="H161765" s="12"/>
    </row>
    <row r="161766" spans="8:8">
      <c r="H161766" s="12"/>
    </row>
    <row r="161767" spans="8:8">
      <c r="H161767" s="12"/>
    </row>
    <row r="161768" spans="8:8">
      <c r="H161768" s="12"/>
    </row>
    <row r="161769" spans="8:8">
      <c r="H161769" s="12"/>
    </row>
    <row r="161770" spans="8:8">
      <c r="H161770" s="12"/>
    </row>
    <row r="161771" spans="8:8">
      <c r="H161771" s="12"/>
    </row>
    <row r="161772" spans="8:8">
      <c r="H161772" s="12"/>
    </row>
    <row r="161773" spans="8:8">
      <c r="H161773" s="12"/>
    </row>
    <row r="161774" spans="8:8">
      <c r="H161774" s="12"/>
    </row>
    <row r="161775" spans="8:8">
      <c r="H161775" s="12"/>
    </row>
    <row r="161776" spans="8:8">
      <c r="H161776" s="12"/>
    </row>
    <row r="161777" spans="8:8">
      <c r="H161777" s="12"/>
    </row>
    <row r="161778" spans="8:8">
      <c r="H161778" s="12"/>
    </row>
    <row r="161779" spans="8:8">
      <c r="H161779" s="12"/>
    </row>
    <row r="161780" spans="8:8">
      <c r="H161780" s="12"/>
    </row>
    <row r="161781" spans="8:8">
      <c r="H161781" s="12"/>
    </row>
    <row r="161782" spans="8:8">
      <c r="H161782" s="12"/>
    </row>
    <row r="161783" spans="8:8">
      <c r="H161783" s="12"/>
    </row>
    <row r="161784" spans="8:8">
      <c r="H161784" s="12"/>
    </row>
    <row r="161785" spans="8:8">
      <c r="H161785" s="12"/>
    </row>
    <row r="161786" spans="8:8">
      <c r="H161786" s="12"/>
    </row>
    <row r="161787" spans="8:8">
      <c r="H161787" s="12"/>
    </row>
    <row r="161788" spans="8:8">
      <c r="H161788" s="12"/>
    </row>
    <row r="161789" spans="8:8">
      <c r="H161789" s="12"/>
    </row>
    <row r="161790" spans="8:8">
      <c r="H161790" s="12"/>
    </row>
    <row r="161791" spans="8:8">
      <c r="H161791" s="12"/>
    </row>
    <row r="161792" spans="8:8">
      <c r="H161792" s="12"/>
    </row>
    <row r="161793" spans="8:8">
      <c r="H161793" s="12"/>
    </row>
    <row r="161794" spans="8:8">
      <c r="H161794" s="12"/>
    </row>
    <row r="161795" spans="8:8">
      <c r="H161795" s="12"/>
    </row>
    <row r="161796" spans="8:8">
      <c r="H161796" s="12"/>
    </row>
    <row r="161797" spans="8:8">
      <c r="H161797" s="12"/>
    </row>
    <row r="161798" spans="8:8">
      <c r="H161798" s="12"/>
    </row>
    <row r="161799" spans="8:8">
      <c r="H161799" s="12"/>
    </row>
    <row r="161800" spans="8:8">
      <c r="H161800" s="12"/>
    </row>
    <row r="161801" spans="8:8">
      <c r="H161801" s="12"/>
    </row>
    <row r="161802" spans="8:8">
      <c r="H161802" s="12"/>
    </row>
    <row r="161803" spans="8:8">
      <c r="H161803" s="12"/>
    </row>
    <row r="161804" spans="8:8">
      <c r="H161804" s="12"/>
    </row>
    <row r="161805" spans="8:8">
      <c r="H161805" s="12"/>
    </row>
    <row r="161806" spans="8:8">
      <c r="H161806" s="12"/>
    </row>
    <row r="161807" spans="8:8">
      <c r="H161807" s="12"/>
    </row>
    <row r="161808" spans="8:8">
      <c r="H161808" s="12"/>
    </row>
    <row r="161809" spans="8:8">
      <c r="H161809" s="12"/>
    </row>
    <row r="161810" spans="8:8">
      <c r="H161810" s="12"/>
    </row>
    <row r="161811" spans="8:8">
      <c r="H161811" s="12"/>
    </row>
    <row r="161812" spans="8:8">
      <c r="H161812" s="12"/>
    </row>
    <row r="161813" spans="8:8">
      <c r="H161813" s="12"/>
    </row>
    <row r="161814" spans="8:8">
      <c r="H161814" s="12"/>
    </row>
    <row r="161815" spans="8:8">
      <c r="H161815" s="12"/>
    </row>
    <row r="161816" spans="8:8">
      <c r="H161816" s="12"/>
    </row>
    <row r="161817" spans="8:8">
      <c r="H161817" s="12"/>
    </row>
    <row r="161818" spans="8:8">
      <c r="H161818" s="12"/>
    </row>
    <row r="161819" spans="8:8">
      <c r="H161819" s="12"/>
    </row>
    <row r="161820" spans="8:8">
      <c r="H161820" s="12"/>
    </row>
    <row r="161821" spans="8:8">
      <c r="H161821" s="12"/>
    </row>
    <row r="161822" spans="8:8">
      <c r="H161822" s="12"/>
    </row>
    <row r="161823" spans="8:8">
      <c r="H161823" s="12"/>
    </row>
    <row r="161824" spans="8:8">
      <c r="H161824" s="12"/>
    </row>
    <row r="161825" spans="8:8">
      <c r="H161825" s="12"/>
    </row>
    <row r="161826" spans="8:8">
      <c r="H161826" s="12"/>
    </row>
    <row r="161827" spans="8:8">
      <c r="H161827" s="12"/>
    </row>
    <row r="161828" spans="8:8">
      <c r="H161828" s="12"/>
    </row>
    <row r="161829" spans="8:8">
      <c r="H161829" s="12"/>
    </row>
    <row r="161830" spans="8:8">
      <c r="H161830" s="12"/>
    </row>
    <row r="161831" spans="8:8">
      <c r="H161831" s="12"/>
    </row>
    <row r="161832" spans="8:8">
      <c r="H161832" s="12"/>
    </row>
    <row r="161833" spans="8:8">
      <c r="H161833" s="12"/>
    </row>
    <row r="161834" spans="8:8">
      <c r="H161834" s="12"/>
    </row>
    <row r="161835" spans="8:8">
      <c r="H161835" s="12"/>
    </row>
    <row r="161836" spans="8:8">
      <c r="H161836" s="12"/>
    </row>
    <row r="161837" spans="8:8">
      <c r="H161837" s="12"/>
    </row>
    <row r="161838" spans="8:8">
      <c r="H161838" s="12"/>
    </row>
    <row r="161839" spans="8:8">
      <c r="H161839" s="12"/>
    </row>
    <row r="161840" spans="8:8">
      <c r="H161840" s="12"/>
    </row>
    <row r="161841" spans="8:8">
      <c r="H161841" s="12"/>
    </row>
    <row r="161842" spans="8:8">
      <c r="H161842" s="12"/>
    </row>
    <row r="161843" spans="8:8">
      <c r="H161843" s="12"/>
    </row>
    <row r="161844" spans="8:8">
      <c r="H161844" s="12"/>
    </row>
    <row r="161845" spans="8:8">
      <c r="H161845" s="12"/>
    </row>
    <row r="161846" spans="8:8">
      <c r="H161846" s="12"/>
    </row>
    <row r="161847" spans="8:8">
      <c r="H161847" s="12"/>
    </row>
    <row r="161848" spans="8:8">
      <c r="H161848" s="12"/>
    </row>
    <row r="161849" spans="8:8">
      <c r="H161849" s="12"/>
    </row>
    <row r="161850" spans="8:8">
      <c r="H161850" s="12"/>
    </row>
    <row r="161851" spans="8:8">
      <c r="H161851" s="12"/>
    </row>
    <row r="161852" spans="8:8">
      <c r="H161852" s="12"/>
    </row>
    <row r="161853" spans="8:8">
      <c r="H161853" s="12"/>
    </row>
    <row r="161854" spans="8:8">
      <c r="H161854" s="12"/>
    </row>
    <row r="161855" spans="8:8">
      <c r="H161855" s="12"/>
    </row>
    <row r="161856" spans="8:8">
      <c r="H161856" s="12"/>
    </row>
    <row r="161857" spans="8:8">
      <c r="H161857" s="12"/>
    </row>
    <row r="161858" spans="8:8">
      <c r="H161858" s="12"/>
    </row>
    <row r="161859" spans="8:8">
      <c r="H161859" s="12"/>
    </row>
    <row r="161860" spans="8:8">
      <c r="H161860" s="12"/>
    </row>
    <row r="161861" spans="8:8">
      <c r="H161861" s="12"/>
    </row>
    <row r="161862" spans="8:8">
      <c r="H161862" s="12"/>
    </row>
    <row r="161863" spans="8:8">
      <c r="H161863" s="12"/>
    </row>
    <row r="161864" spans="8:8">
      <c r="H161864" s="12"/>
    </row>
    <row r="161865" spans="8:8">
      <c r="H161865" s="12"/>
    </row>
    <row r="161866" spans="8:8">
      <c r="H161866" s="12"/>
    </row>
    <row r="161867" spans="8:8">
      <c r="H161867" s="12"/>
    </row>
    <row r="161868" spans="8:8">
      <c r="H161868" s="12"/>
    </row>
    <row r="161869" spans="8:8">
      <c r="H161869" s="12"/>
    </row>
    <row r="161870" spans="8:8">
      <c r="H161870" s="12"/>
    </row>
    <row r="161871" spans="8:8">
      <c r="H161871" s="12"/>
    </row>
    <row r="161872" spans="8:8">
      <c r="H161872" s="12"/>
    </row>
    <row r="161873" spans="8:8">
      <c r="H161873" s="12"/>
    </row>
    <row r="161874" spans="8:8">
      <c r="H161874" s="12"/>
    </row>
    <row r="161875" spans="8:8">
      <c r="H161875" s="12"/>
    </row>
    <row r="161876" spans="8:8">
      <c r="H161876" s="12"/>
    </row>
    <row r="161877" spans="8:8">
      <c r="H161877" s="12"/>
    </row>
    <row r="161878" spans="8:8">
      <c r="H161878" s="12"/>
    </row>
    <row r="161879" spans="8:8">
      <c r="H161879" s="12"/>
    </row>
    <row r="161880" spans="8:8">
      <c r="H161880" s="12"/>
    </row>
    <row r="161881" spans="8:8">
      <c r="H161881" s="12"/>
    </row>
    <row r="161882" spans="8:8">
      <c r="H161882" s="12"/>
    </row>
    <row r="161883" spans="8:8">
      <c r="H161883" s="12"/>
    </row>
    <row r="161884" spans="8:8">
      <c r="H161884" s="12"/>
    </row>
    <row r="161885" spans="8:8">
      <c r="H161885" s="12"/>
    </row>
    <row r="161886" spans="8:8">
      <c r="H161886" s="12"/>
    </row>
    <row r="161887" spans="8:8">
      <c r="H161887" s="12"/>
    </row>
    <row r="161888" spans="8:8">
      <c r="H161888" s="12"/>
    </row>
    <row r="161889" spans="8:8">
      <c r="H161889" s="12"/>
    </row>
    <row r="161890" spans="8:8">
      <c r="H161890" s="12"/>
    </row>
    <row r="161891" spans="8:8">
      <c r="H161891" s="12"/>
    </row>
    <row r="161892" spans="8:8">
      <c r="H161892" s="12"/>
    </row>
    <row r="161893" spans="8:8">
      <c r="H161893" s="12"/>
    </row>
    <row r="161894" spans="8:8">
      <c r="H161894" s="12"/>
    </row>
    <row r="161895" spans="8:8">
      <c r="H161895" s="12"/>
    </row>
    <row r="161896" spans="8:8">
      <c r="H161896" s="12"/>
    </row>
    <row r="161897" spans="8:8">
      <c r="H161897" s="12"/>
    </row>
    <row r="161898" spans="8:8">
      <c r="H161898" s="12"/>
    </row>
    <row r="161899" spans="8:8">
      <c r="H161899" s="12"/>
    </row>
    <row r="161900" spans="8:8">
      <c r="H161900" s="12"/>
    </row>
    <row r="161901" spans="8:8">
      <c r="H161901" s="12"/>
    </row>
    <row r="161902" spans="8:8">
      <c r="H161902" s="12"/>
    </row>
    <row r="161903" spans="8:8">
      <c r="H161903" s="12"/>
    </row>
    <row r="161904" spans="8:8">
      <c r="H161904" s="12"/>
    </row>
    <row r="161905" spans="8:8">
      <c r="H161905" s="12"/>
    </row>
    <row r="161906" spans="8:8">
      <c r="H161906" s="12"/>
    </row>
    <row r="161907" spans="8:8">
      <c r="H161907" s="12"/>
    </row>
    <row r="161908" spans="8:8">
      <c r="H161908" s="12"/>
    </row>
    <row r="161909" spans="8:8">
      <c r="H161909" s="12"/>
    </row>
    <row r="161910" spans="8:8">
      <c r="H161910" s="12"/>
    </row>
    <row r="161911" spans="8:8">
      <c r="H161911" s="12"/>
    </row>
    <row r="161912" spans="8:8">
      <c r="H161912" s="12"/>
    </row>
    <row r="161913" spans="8:8">
      <c r="H161913" s="12"/>
    </row>
    <row r="161914" spans="8:8">
      <c r="H161914" s="12"/>
    </row>
    <row r="161915" spans="8:8">
      <c r="H161915" s="12"/>
    </row>
    <row r="161916" spans="8:8">
      <c r="H161916" s="12"/>
    </row>
    <row r="161917" spans="8:8">
      <c r="H161917" s="12"/>
    </row>
    <row r="161918" spans="8:8">
      <c r="H161918" s="12"/>
    </row>
    <row r="161919" spans="8:8">
      <c r="H161919" s="12"/>
    </row>
    <row r="161920" spans="8:8">
      <c r="H161920" s="12"/>
    </row>
    <row r="161921" spans="8:8">
      <c r="H161921" s="12"/>
    </row>
    <row r="161922" spans="8:8">
      <c r="H161922" s="12"/>
    </row>
    <row r="161923" spans="8:8">
      <c r="H161923" s="12"/>
    </row>
    <row r="161924" spans="8:8">
      <c r="H161924" s="12"/>
    </row>
    <row r="161925" spans="8:8">
      <c r="H161925" s="12"/>
    </row>
    <row r="161926" spans="8:8">
      <c r="H161926" s="12"/>
    </row>
    <row r="161927" spans="8:8">
      <c r="H161927" s="12"/>
    </row>
    <row r="161928" spans="8:8">
      <c r="H161928" s="12"/>
    </row>
    <row r="161929" spans="8:8">
      <c r="H161929" s="12"/>
    </row>
    <row r="161930" spans="8:8">
      <c r="H161930" s="12"/>
    </row>
    <row r="161931" spans="8:8">
      <c r="H161931" s="12"/>
    </row>
    <row r="161932" spans="8:8">
      <c r="H161932" s="12"/>
    </row>
    <row r="161933" spans="8:8">
      <c r="H161933" s="12"/>
    </row>
    <row r="161934" spans="8:8">
      <c r="H161934" s="12"/>
    </row>
    <row r="161935" spans="8:8">
      <c r="H161935" s="12"/>
    </row>
    <row r="161936" spans="8:8">
      <c r="H161936" s="12"/>
    </row>
    <row r="161937" spans="8:8">
      <c r="H161937" s="12"/>
    </row>
    <row r="161938" spans="8:8">
      <c r="H161938" s="12"/>
    </row>
    <row r="161939" spans="8:8">
      <c r="H161939" s="12"/>
    </row>
    <row r="161940" spans="8:8">
      <c r="H161940" s="12"/>
    </row>
    <row r="161941" spans="8:8">
      <c r="H161941" s="12"/>
    </row>
    <row r="161942" spans="8:8">
      <c r="H161942" s="12"/>
    </row>
    <row r="161943" spans="8:8">
      <c r="H161943" s="12"/>
    </row>
    <row r="161944" spans="8:8">
      <c r="H161944" s="12"/>
    </row>
    <row r="161945" spans="8:8">
      <c r="H161945" s="12"/>
    </row>
    <row r="161946" spans="8:8">
      <c r="H161946" s="12"/>
    </row>
    <row r="161947" spans="8:8">
      <c r="H161947" s="12"/>
    </row>
    <row r="161948" spans="8:8">
      <c r="H161948" s="12"/>
    </row>
    <row r="161949" spans="8:8">
      <c r="H161949" s="12"/>
    </row>
    <row r="161950" spans="8:8">
      <c r="H161950" s="12"/>
    </row>
    <row r="161951" spans="8:8">
      <c r="H161951" s="12"/>
    </row>
    <row r="161952" spans="8:8">
      <c r="H161952" s="12"/>
    </row>
    <row r="161953" spans="8:8">
      <c r="H161953" s="12"/>
    </row>
    <row r="161954" spans="8:8">
      <c r="H161954" s="12"/>
    </row>
    <row r="161955" spans="8:8">
      <c r="H161955" s="12"/>
    </row>
    <row r="161956" spans="8:8">
      <c r="H161956" s="12"/>
    </row>
    <row r="161957" spans="8:8">
      <c r="H161957" s="12"/>
    </row>
    <row r="161958" spans="8:8">
      <c r="H161958" s="12"/>
    </row>
    <row r="161959" spans="8:8">
      <c r="H161959" s="12"/>
    </row>
    <row r="161960" spans="8:8">
      <c r="H161960" s="12"/>
    </row>
    <row r="161961" spans="8:8">
      <c r="H161961" s="12"/>
    </row>
    <row r="161962" spans="8:8">
      <c r="H161962" s="12"/>
    </row>
    <row r="161963" spans="8:8">
      <c r="H161963" s="12"/>
    </row>
    <row r="161964" spans="8:8">
      <c r="H161964" s="12"/>
    </row>
    <row r="161965" spans="8:8">
      <c r="H161965" s="12"/>
    </row>
    <row r="161966" spans="8:8">
      <c r="H161966" s="12"/>
    </row>
    <row r="161967" spans="8:8">
      <c r="H161967" s="12"/>
    </row>
    <row r="161968" spans="8:8">
      <c r="H161968" s="12"/>
    </row>
    <row r="161969" spans="8:8">
      <c r="H161969" s="12"/>
    </row>
    <row r="161970" spans="8:8">
      <c r="H161970" s="12"/>
    </row>
    <row r="161971" spans="8:8">
      <c r="H161971" s="12"/>
    </row>
    <row r="161972" spans="8:8">
      <c r="H161972" s="12"/>
    </row>
    <row r="161973" spans="8:8">
      <c r="H161973" s="12"/>
    </row>
    <row r="161974" spans="8:8">
      <c r="H161974" s="12"/>
    </row>
    <row r="161975" spans="8:8">
      <c r="H161975" s="12"/>
    </row>
    <row r="161976" spans="8:8">
      <c r="H161976" s="12"/>
    </row>
    <row r="161977" spans="8:8">
      <c r="H161977" s="12"/>
    </row>
    <row r="161978" spans="8:8">
      <c r="H161978" s="12"/>
    </row>
    <row r="161979" spans="8:8">
      <c r="H161979" s="12"/>
    </row>
    <row r="161980" spans="8:8">
      <c r="H161980" s="12"/>
    </row>
    <row r="161981" spans="8:8">
      <c r="H161981" s="12"/>
    </row>
    <row r="161982" spans="8:8">
      <c r="H161982" s="12"/>
    </row>
    <row r="161983" spans="8:8">
      <c r="H161983" s="12"/>
    </row>
    <row r="161984" spans="8:8">
      <c r="H161984" s="12"/>
    </row>
    <row r="161985" spans="8:8">
      <c r="H161985" s="12"/>
    </row>
    <row r="161986" spans="8:8">
      <c r="H161986" s="12"/>
    </row>
    <row r="161987" spans="8:8">
      <c r="H161987" s="12"/>
    </row>
    <row r="161988" spans="8:8">
      <c r="H161988" s="12"/>
    </row>
    <row r="161989" spans="8:8">
      <c r="H161989" s="12"/>
    </row>
    <row r="161990" spans="8:8">
      <c r="H161990" s="12"/>
    </row>
    <row r="161991" spans="8:8">
      <c r="H161991" s="12"/>
    </row>
    <row r="161992" spans="8:8">
      <c r="H161992" s="12"/>
    </row>
    <row r="161993" spans="8:8">
      <c r="H161993" s="12"/>
    </row>
    <row r="161994" spans="8:8">
      <c r="H161994" s="12"/>
    </row>
    <row r="161995" spans="8:8">
      <c r="H161995" s="12"/>
    </row>
    <row r="161996" spans="8:8">
      <c r="H161996" s="12"/>
    </row>
    <row r="161997" spans="8:8">
      <c r="H161997" s="12"/>
    </row>
    <row r="161998" spans="8:8">
      <c r="H161998" s="12"/>
    </row>
    <row r="161999" spans="8:8">
      <c r="H161999" s="12"/>
    </row>
    <row r="162000" spans="8:8">
      <c r="H162000" s="12"/>
    </row>
    <row r="162001" spans="8:8">
      <c r="H162001" s="12"/>
    </row>
    <row r="162002" spans="8:8">
      <c r="H162002" s="12"/>
    </row>
    <row r="162003" spans="8:8">
      <c r="H162003" s="12"/>
    </row>
    <row r="162004" spans="8:8">
      <c r="H162004" s="12"/>
    </row>
    <row r="162005" spans="8:8">
      <c r="H162005" s="12"/>
    </row>
    <row r="162006" spans="8:8">
      <c r="H162006" s="12"/>
    </row>
    <row r="162007" spans="8:8">
      <c r="H162007" s="12"/>
    </row>
    <row r="162008" spans="8:8">
      <c r="H162008" s="12"/>
    </row>
    <row r="162009" spans="8:8">
      <c r="H162009" s="12"/>
    </row>
    <row r="162010" spans="8:8">
      <c r="H162010" s="12"/>
    </row>
    <row r="162011" spans="8:8">
      <c r="H162011" s="12"/>
    </row>
    <row r="162012" spans="8:8">
      <c r="H162012" s="12"/>
    </row>
    <row r="162013" spans="8:8">
      <c r="H162013" s="12"/>
    </row>
    <row r="162014" spans="8:8">
      <c r="H162014" s="12"/>
    </row>
    <row r="162015" spans="8:8">
      <c r="H162015" s="12"/>
    </row>
    <row r="162016" spans="8:8">
      <c r="H162016" s="12"/>
    </row>
    <row r="162017" spans="8:8">
      <c r="H162017" s="12"/>
    </row>
    <row r="162018" spans="8:8">
      <c r="H162018" s="12"/>
    </row>
    <row r="162019" spans="8:8">
      <c r="H162019" s="12"/>
    </row>
    <row r="162020" spans="8:8">
      <c r="H162020" s="12"/>
    </row>
    <row r="162021" spans="8:8">
      <c r="H162021" s="12"/>
    </row>
    <row r="162022" spans="8:8">
      <c r="H162022" s="12"/>
    </row>
    <row r="162023" spans="8:8">
      <c r="H162023" s="12"/>
    </row>
    <row r="162024" spans="8:8">
      <c r="H162024" s="12"/>
    </row>
    <row r="162025" spans="8:8">
      <c r="H162025" s="12"/>
    </row>
    <row r="162026" spans="8:8">
      <c r="H162026" s="12"/>
    </row>
    <row r="162027" spans="8:8">
      <c r="H162027" s="12"/>
    </row>
    <row r="162028" spans="8:8">
      <c r="H162028" s="12"/>
    </row>
    <row r="162029" spans="8:8">
      <c r="H162029" s="12"/>
    </row>
    <row r="162030" spans="8:8">
      <c r="H162030" s="12"/>
    </row>
    <row r="162031" spans="8:8">
      <c r="H162031" s="12"/>
    </row>
    <row r="162032" spans="8:8">
      <c r="H162032" s="12"/>
    </row>
    <row r="162033" spans="8:8">
      <c r="H162033" s="12"/>
    </row>
    <row r="162034" spans="8:8">
      <c r="H162034" s="12"/>
    </row>
    <row r="162035" spans="8:8">
      <c r="H162035" s="12"/>
    </row>
    <row r="162036" spans="8:8">
      <c r="H162036" s="12"/>
    </row>
    <row r="162037" spans="8:8">
      <c r="H162037" s="12"/>
    </row>
    <row r="162038" spans="8:8">
      <c r="H162038" s="12"/>
    </row>
    <row r="162039" spans="8:8">
      <c r="H162039" s="12"/>
    </row>
    <row r="162040" spans="8:8">
      <c r="H162040" s="12"/>
    </row>
    <row r="162041" spans="8:8">
      <c r="H162041" s="12"/>
    </row>
    <row r="162042" spans="8:8">
      <c r="H162042" s="12"/>
    </row>
    <row r="162043" spans="8:8">
      <c r="H162043" s="12"/>
    </row>
    <row r="162044" spans="8:8">
      <c r="H162044" s="12"/>
    </row>
    <row r="162045" spans="8:8">
      <c r="H162045" s="12"/>
    </row>
    <row r="162046" spans="8:8">
      <c r="H162046" s="12"/>
    </row>
    <row r="162047" spans="8:8">
      <c r="H162047" s="12"/>
    </row>
    <row r="162048" spans="8:8">
      <c r="H162048" s="12"/>
    </row>
    <row r="162049" spans="8:8">
      <c r="H162049" s="12"/>
    </row>
    <row r="162050" spans="8:8">
      <c r="H162050" s="12"/>
    </row>
    <row r="162051" spans="8:8">
      <c r="H162051" s="12"/>
    </row>
    <row r="162052" spans="8:8">
      <c r="H162052" s="12"/>
    </row>
    <row r="162053" spans="8:8">
      <c r="H162053" s="12"/>
    </row>
    <row r="162054" spans="8:8">
      <c r="H162054" s="12"/>
    </row>
    <row r="162055" spans="8:8">
      <c r="H162055" s="12"/>
    </row>
    <row r="162056" spans="8:8">
      <c r="H162056" s="12"/>
    </row>
    <row r="162057" spans="8:8">
      <c r="H162057" s="12"/>
    </row>
    <row r="162058" spans="8:8">
      <c r="H162058" s="12"/>
    </row>
    <row r="162059" spans="8:8">
      <c r="H162059" s="12"/>
    </row>
    <row r="162060" spans="8:8">
      <c r="H162060" s="12"/>
    </row>
    <row r="162061" spans="8:8">
      <c r="H162061" s="12"/>
    </row>
    <row r="162062" spans="8:8">
      <c r="H162062" s="12"/>
    </row>
    <row r="162063" spans="8:8">
      <c r="H162063" s="12"/>
    </row>
    <row r="162064" spans="8:8">
      <c r="H162064" s="12"/>
    </row>
    <row r="162065" spans="8:8">
      <c r="H162065" s="12"/>
    </row>
    <row r="162066" spans="8:8">
      <c r="H162066" s="12"/>
    </row>
    <row r="162067" spans="8:8">
      <c r="H162067" s="12"/>
    </row>
    <row r="162068" spans="8:8">
      <c r="H162068" s="12"/>
    </row>
    <row r="162069" spans="8:8">
      <c r="H162069" s="12"/>
    </row>
    <row r="162070" spans="8:8">
      <c r="H162070" s="12"/>
    </row>
    <row r="162071" spans="8:8">
      <c r="H162071" s="12"/>
    </row>
    <row r="162072" spans="8:8">
      <c r="H162072" s="12"/>
    </row>
    <row r="162073" spans="8:8">
      <c r="H162073" s="12"/>
    </row>
    <row r="162074" spans="8:8">
      <c r="H162074" s="12"/>
    </row>
    <row r="162075" spans="8:8">
      <c r="H162075" s="12"/>
    </row>
    <row r="162076" spans="8:8">
      <c r="H162076" s="12"/>
    </row>
    <row r="162077" spans="8:8">
      <c r="H162077" s="12"/>
    </row>
    <row r="162078" spans="8:8">
      <c r="H162078" s="12"/>
    </row>
    <row r="162079" spans="8:8">
      <c r="H162079" s="12"/>
    </row>
    <row r="162080" spans="8:8">
      <c r="H162080" s="12"/>
    </row>
    <row r="162081" spans="8:8">
      <c r="H162081" s="12"/>
    </row>
    <row r="162082" spans="8:8">
      <c r="H162082" s="12"/>
    </row>
    <row r="162083" spans="8:8">
      <c r="H162083" s="12"/>
    </row>
    <row r="162084" spans="8:8">
      <c r="H162084" s="12"/>
    </row>
    <row r="162085" spans="8:8">
      <c r="H162085" s="12"/>
    </row>
    <row r="162086" spans="8:8">
      <c r="H162086" s="12"/>
    </row>
    <row r="162087" spans="8:8">
      <c r="H162087" s="12"/>
    </row>
    <row r="162088" spans="8:8">
      <c r="H162088" s="12"/>
    </row>
    <row r="162089" spans="8:8">
      <c r="H162089" s="12"/>
    </row>
    <row r="162090" spans="8:8">
      <c r="H162090" s="12"/>
    </row>
    <row r="162091" spans="8:8">
      <c r="H162091" s="12"/>
    </row>
    <row r="162092" spans="8:8">
      <c r="H162092" s="12"/>
    </row>
    <row r="162093" spans="8:8">
      <c r="H162093" s="12"/>
    </row>
    <row r="162094" spans="8:8">
      <c r="H162094" s="12"/>
    </row>
    <row r="162095" spans="8:8">
      <c r="H162095" s="12"/>
    </row>
    <row r="162096" spans="8:8">
      <c r="H162096" s="12"/>
    </row>
    <row r="162097" spans="8:8">
      <c r="H162097" s="12"/>
    </row>
    <row r="162098" spans="8:8">
      <c r="H162098" s="12"/>
    </row>
    <row r="162099" spans="8:8">
      <c r="H162099" s="12"/>
    </row>
    <row r="162100" spans="8:8">
      <c r="H162100" s="12"/>
    </row>
    <row r="162101" spans="8:8">
      <c r="H162101" s="12"/>
    </row>
    <row r="162102" spans="8:8">
      <c r="H162102" s="12"/>
    </row>
    <row r="162103" spans="8:8">
      <c r="H162103" s="12"/>
    </row>
    <row r="162104" spans="8:8">
      <c r="H162104" s="12"/>
    </row>
    <row r="162105" spans="8:8">
      <c r="H162105" s="12"/>
    </row>
    <row r="162106" spans="8:8">
      <c r="H162106" s="12"/>
    </row>
    <row r="162107" spans="8:8">
      <c r="H162107" s="12"/>
    </row>
    <row r="162108" spans="8:8">
      <c r="H162108" s="12"/>
    </row>
    <row r="162109" spans="8:8">
      <c r="H162109" s="12"/>
    </row>
    <row r="162110" spans="8:8">
      <c r="H162110" s="12"/>
    </row>
    <row r="162111" spans="8:8">
      <c r="H162111" s="12"/>
    </row>
    <row r="162112" spans="8:8">
      <c r="H162112" s="12"/>
    </row>
    <row r="162113" spans="8:8">
      <c r="H162113" s="12"/>
    </row>
    <row r="162114" spans="8:8">
      <c r="H162114" s="12"/>
    </row>
    <row r="162115" spans="8:8">
      <c r="H162115" s="12"/>
    </row>
    <row r="162116" spans="8:8">
      <c r="H162116" s="12"/>
    </row>
    <row r="162117" spans="8:8">
      <c r="H162117" s="12"/>
    </row>
    <row r="162118" spans="8:8">
      <c r="H162118" s="12"/>
    </row>
    <row r="162119" spans="8:8">
      <c r="H162119" s="12"/>
    </row>
    <row r="162120" spans="8:8">
      <c r="H162120" s="12"/>
    </row>
    <row r="162121" spans="8:8">
      <c r="H162121" s="12"/>
    </row>
    <row r="162122" spans="8:8">
      <c r="H162122" s="12"/>
    </row>
    <row r="162123" spans="8:8">
      <c r="H162123" s="12"/>
    </row>
    <row r="162124" spans="8:8">
      <c r="H162124" s="12"/>
    </row>
    <row r="162125" spans="8:8">
      <c r="H162125" s="12"/>
    </row>
    <row r="162126" spans="8:8">
      <c r="H162126" s="12"/>
    </row>
    <row r="162127" spans="8:8">
      <c r="H162127" s="12"/>
    </row>
    <row r="162128" spans="8:8">
      <c r="H162128" s="12"/>
    </row>
    <row r="162129" spans="8:8">
      <c r="H162129" s="12"/>
    </row>
    <row r="162130" spans="8:8">
      <c r="H162130" s="12"/>
    </row>
    <row r="162131" spans="8:8">
      <c r="H162131" s="12"/>
    </row>
    <row r="162132" spans="8:8">
      <c r="H162132" s="12"/>
    </row>
    <row r="162133" spans="8:8">
      <c r="H162133" s="12"/>
    </row>
    <row r="162134" spans="8:8">
      <c r="H162134" s="12"/>
    </row>
    <row r="162135" spans="8:8">
      <c r="H162135" s="12"/>
    </row>
    <row r="162136" spans="8:8">
      <c r="H162136" s="12"/>
    </row>
    <row r="162137" spans="8:8">
      <c r="H162137" s="12"/>
    </row>
    <row r="162138" spans="8:8">
      <c r="H162138" s="12"/>
    </row>
    <row r="162139" spans="8:8">
      <c r="H162139" s="12"/>
    </row>
    <row r="162140" spans="8:8">
      <c r="H162140" s="12"/>
    </row>
    <row r="162141" spans="8:8">
      <c r="H162141" s="12"/>
    </row>
    <row r="162142" spans="8:8">
      <c r="H162142" s="12"/>
    </row>
    <row r="162143" spans="8:8">
      <c r="H162143" s="12"/>
    </row>
    <row r="162144" spans="8:8">
      <c r="H162144" s="12"/>
    </row>
    <row r="162145" spans="8:8">
      <c r="H162145" s="12"/>
    </row>
    <row r="162146" spans="8:8">
      <c r="H162146" s="12"/>
    </row>
    <row r="162147" spans="8:8">
      <c r="H162147" s="12"/>
    </row>
    <row r="162148" spans="8:8">
      <c r="H162148" s="12"/>
    </row>
    <row r="162149" spans="8:8">
      <c r="H162149" s="12"/>
    </row>
    <row r="162150" spans="8:8">
      <c r="H162150" s="12"/>
    </row>
    <row r="162151" spans="8:8">
      <c r="H162151" s="12"/>
    </row>
    <row r="162152" spans="8:8">
      <c r="H162152" s="12"/>
    </row>
    <row r="162153" spans="8:8">
      <c r="H162153" s="12"/>
    </row>
    <row r="162154" spans="8:8">
      <c r="H162154" s="12"/>
    </row>
    <row r="162155" spans="8:8">
      <c r="H162155" s="12"/>
    </row>
    <row r="162156" spans="8:8">
      <c r="H162156" s="12"/>
    </row>
    <row r="162157" spans="8:8">
      <c r="H162157" s="12"/>
    </row>
    <row r="162158" spans="8:8">
      <c r="H162158" s="12"/>
    </row>
    <row r="162159" spans="8:8">
      <c r="H162159" s="12"/>
    </row>
    <row r="162160" spans="8:8">
      <c r="H162160" s="12"/>
    </row>
    <row r="162161" spans="8:8">
      <c r="H162161" s="12"/>
    </row>
    <row r="162162" spans="8:8">
      <c r="H162162" s="12"/>
    </row>
    <row r="162163" spans="8:8">
      <c r="H162163" s="12"/>
    </row>
    <row r="162164" spans="8:8">
      <c r="H162164" s="12"/>
    </row>
    <row r="162165" spans="8:8">
      <c r="H162165" s="12"/>
    </row>
    <row r="162166" spans="8:8">
      <c r="H162166" s="12"/>
    </row>
    <row r="162167" spans="8:8">
      <c r="H162167" s="12"/>
    </row>
    <row r="162168" spans="8:8">
      <c r="H162168" s="12"/>
    </row>
    <row r="162169" spans="8:8">
      <c r="H162169" s="12"/>
    </row>
    <row r="162170" spans="8:8">
      <c r="H162170" s="12"/>
    </row>
    <row r="162171" spans="8:8">
      <c r="H162171" s="12"/>
    </row>
    <row r="162172" spans="8:8">
      <c r="H162172" s="12"/>
    </row>
    <row r="162173" spans="8:8">
      <c r="H162173" s="12"/>
    </row>
    <row r="162174" spans="8:8">
      <c r="H162174" s="12"/>
    </row>
    <row r="162175" spans="8:8">
      <c r="H162175" s="12"/>
    </row>
    <row r="162176" spans="8:8">
      <c r="H162176" s="12"/>
    </row>
    <row r="162177" spans="8:8">
      <c r="H162177" s="12"/>
    </row>
    <row r="162178" spans="8:8">
      <c r="H162178" s="12"/>
    </row>
    <row r="162179" spans="8:8">
      <c r="H162179" s="12"/>
    </row>
    <row r="162180" spans="8:8">
      <c r="H162180" s="12"/>
    </row>
    <row r="162181" spans="8:8">
      <c r="H162181" s="12"/>
    </row>
    <row r="162182" spans="8:8">
      <c r="H162182" s="12"/>
    </row>
    <row r="162183" spans="8:8">
      <c r="H162183" s="12"/>
    </row>
    <row r="162184" spans="8:8">
      <c r="H162184" s="12"/>
    </row>
    <row r="162185" spans="8:8">
      <c r="H162185" s="12"/>
    </row>
    <row r="162186" spans="8:8">
      <c r="H162186" s="12"/>
    </row>
    <row r="162187" spans="8:8">
      <c r="H162187" s="12"/>
    </row>
    <row r="162188" spans="8:8">
      <c r="H162188" s="12"/>
    </row>
    <row r="162189" spans="8:8">
      <c r="H162189" s="12"/>
    </row>
    <row r="162190" spans="8:8">
      <c r="H162190" s="12"/>
    </row>
    <row r="162191" spans="8:8">
      <c r="H162191" s="12"/>
    </row>
    <row r="162192" spans="8:8">
      <c r="H162192" s="12"/>
    </row>
    <row r="162193" spans="8:8">
      <c r="H162193" s="12"/>
    </row>
    <row r="162194" spans="8:8">
      <c r="H162194" s="12"/>
    </row>
    <row r="162195" spans="8:8">
      <c r="H162195" s="12"/>
    </row>
    <row r="162196" spans="8:8">
      <c r="H162196" s="12"/>
    </row>
    <row r="162197" spans="8:8">
      <c r="H162197" s="12"/>
    </row>
    <row r="162198" spans="8:8">
      <c r="H162198" s="12"/>
    </row>
    <row r="162199" spans="8:8">
      <c r="H162199" s="12"/>
    </row>
    <row r="162200" spans="8:8">
      <c r="H162200" s="12"/>
    </row>
    <row r="162201" spans="8:8">
      <c r="H162201" s="12"/>
    </row>
    <row r="162202" spans="8:8">
      <c r="H162202" s="12"/>
    </row>
    <row r="162203" spans="8:8">
      <c r="H162203" s="12"/>
    </row>
    <row r="162204" spans="8:8">
      <c r="H162204" s="12"/>
    </row>
    <row r="162205" spans="8:8">
      <c r="H162205" s="12"/>
    </row>
    <row r="162206" spans="8:8">
      <c r="H162206" s="12"/>
    </row>
    <row r="162207" spans="8:8">
      <c r="H162207" s="12"/>
    </row>
    <row r="162208" spans="8:8">
      <c r="H162208" s="12"/>
    </row>
    <row r="162209" spans="8:8">
      <c r="H162209" s="12"/>
    </row>
    <row r="162210" spans="8:8">
      <c r="H162210" s="12"/>
    </row>
    <row r="162211" spans="8:8">
      <c r="H162211" s="12"/>
    </row>
    <row r="162212" spans="8:8">
      <c r="H162212" s="12"/>
    </row>
    <row r="162213" spans="8:8">
      <c r="H162213" s="12"/>
    </row>
    <row r="162214" spans="8:8">
      <c r="H162214" s="12"/>
    </row>
    <row r="162215" spans="8:8">
      <c r="H162215" s="12"/>
    </row>
    <row r="162216" spans="8:8">
      <c r="H162216" s="12"/>
    </row>
    <row r="162217" spans="8:8">
      <c r="H162217" s="12"/>
    </row>
    <row r="162218" spans="8:8">
      <c r="H162218" s="12"/>
    </row>
    <row r="162219" spans="8:8">
      <c r="H162219" s="12"/>
    </row>
    <row r="162220" spans="8:8">
      <c r="H162220" s="12"/>
    </row>
    <row r="162221" spans="8:8">
      <c r="H162221" s="12"/>
    </row>
    <row r="162222" spans="8:8">
      <c r="H162222" s="12"/>
    </row>
    <row r="162223" spans="8:8">
      <c r="H162223" s="12"/>
    </row>
    <row r="162224" spans="8:8">
      <c r="H162224" s="12"/>
    </row>
    <row r="162225" spans="8:8">
      <c r="H162225" s="12"/>
    </row>
    <row r="162226" spans="8:8">
      <c r="H162226" s="12"/>
    </row>
    <row r="162227" spans="8:8">
      <c r="H162227" s="12"/>
    </row>
    <row r="162228" spans="8:8">
      <c r="H162228" s="12"/>
    </row>
    <row r="162229" spans="8:8">
      <c r="H162229" s="12"/>
    </row>
    <row r="162230" spans="8:8">
      <c r="H162230" s="12"/>
    </row>
    <row r="162231" spans="8:8">
      <c r="H162231" s="12"/>
    </row>
    <row r="162232" spans="8:8">
      <c r="H162232" s="12"/>
    </row>
    <row r="162233" spans="8:8">
      <c r="H162233" s="12"/>
    </row>
    <row r="162234" spans="8:8">
      <c r="H162234" s="12"/>
    </row>
    <row r="162235" spans="8:8">
      <c r="H162235" s="12"/>
    </row>
    <row r="162236" spans="8:8">
      <c r="H162236" s="12"/>
    </row>
    <row r="162237" spans="8:8">
      <c r="H162237" s="12"/>
    </row>
    <row r="162238" spans="8:8">
      <c r="H162238" s="12"/>
    </row>
    <row r="162239" spans="8:8">
      <c r="H162239" s="12"/>
    </row>
    <row r="162240" spans="8:8">
      <c r="H162240" s="12"/>
    </row>
    <row r="162241" spans="8:8">
      <c r="H162241" s="12"/>
    </row>
    <row r="162242" spans="8:8">
      <c r="H162242" s="12"/>
    </row>
    <row r="162243" spans="8:8">
      <c r="H162243" s="12"/>
    </row>
    <row r="162244" spans="8:8">
      <c r="H162244" s="12"/>
    </row>
    <row r="162245" spans="8:8">
      <c r="H162245" s="12"/>
    </row>
    <row r="162246" spans="8:8">
      <c r="H162246" s="12"/>
    </row>
    <row r="162247" spans="8:8">
      <c r="H162247" s="12"/>
    </row>
    <row r="162248" spans="8:8">
      <c r="H162248" s="12"/>
    </row>
    <row r="162249" spans="8:8">
      <c r="H162249" s="12"/>
    </row>
    <row r="162250" spans="8:8">
      <c r="H162250" s="12"/>
    </row>
    <row r="162251" spans="8:8">
      <c r="H162251" s="12"/>
    </row>
    <row r="162252" spans="8:8">
      <c r="H162252" s="12"/>
    </row>
    <row r="162253" spans="8:8">
      <c r="H162253" s="12"/>
    </row>
    <row r="162254" spans="8:8">
      <c r="H162254" s="12"/>
    </row>
    <row r="162255" spans="8:8">
      <c r="H162255" s="12"/>
    </row>
    <row r="162256" spans="8:8">
      <c r="H162256" s="12"/>
    </row>
    <row r="162257" spans="8:8">
      <c r="H162257" s="12"/>
    </row>
    <row r="162258" spans="8:8">
      <c r="H162258" s="12"/>
    </row>
    <row r="162259" spans="8:8">
      <c r="H162259" s="12"/>
    </row>
    <row r="162260" spans="8:8">
      <c r="H162260" s="12"/>
    </row>
    <row r="162261" spans="8:8">
      <c r="H162261" s="12"/>
    </row>
    <row r="162262" spans="8:8">
      <c r="H162262" s="12"/>
    </row>
    <row r="162263" spans="8:8">
      <c r="H162263" s="12"/>
    </row>
    <row r="162264" spans="8:8">
      <c r="H162264" s="12"/>
    </row>
    <row r="162265" spans="8:8">
      <c r="H162265" s="12"/>
    </row>
    <row r="162266" spans="8:8">
      <c r="H162266" s="12"/>
    </row>
    <row r="162267" spans="8:8">
      <c r="H162267" s="12"/>
    </row>
    <row r="162268" spans="8:8">
      <c r="H162268" s="12"/>
    </row>
    <row r="162269" spans="8:8">
      <c r="H162269" s="12"/>
    </row>
    <row r="162270" spans="8:8">
      <c r="H162270" s="12"/>
    </row>
    <row r="162271" spans="8:8">
      <c r="H162271" s="12"/>
    </row>
    <row r="162272" spans="8:8">
      <c r="H162272" s="12"/>
    </row>
    <row r="162273" spans="8:8">
      <c r="H162273" s="12"/>
    </row>
    <row r="162274" spans="8:8">
      <c r="H162274" s="12"/>
    </row>
    <row r="162275" spans="8:8">
      <c r="H162275" s="12"/>
    </row>
    <row r="162276" spans="8:8">
      <c r="H162276" s="12"/>
    </row>
    <row r="162277" spans="8:8">
      <c r="H162277" s="12"/>
    </row>
    <row r="162278" spans="8:8">
      <c r="H162278" s="12"/>
    </row>
    <row r="162279" spans="8:8">
      <c r="H162279" s="12"/>
    </row>
    <row r="162280" spans="8:8">
      <c r="H162280" s="12"/>
    </row>
    <row r="162281" spans="8:8">
      <c r="H162281" s="12"/>
    </row>
    <row r="162282" spans="8:8">
      <c r="H162282" s="12"/>
    </row>
    <row r="162283" spans="8:8">
      <c r="H162283" s="12"/>
    </row>
    <row r="162284" spans="8:8">
      <c r="H162284" s="12"/>
    </row>
    <row r="162285" spans="8:8">
      <c r="H162285" s="12"/>
    </row>
    <row r="162286" spans="8:8">
      <c r="H162286" s="12"/>
    </row>
    <row r="162287" spans="8:8">
      <c r="H162287" s="12"/>
    </row>
    <row r="162288" spans="8:8">
      <c r="H162288" s="12"/>
    </row>
    <row r="162289" spans="8:8">
      <c r="H162289" s="12"/>
    </row>
    <row r="162290" spans="8:8">
      <c r="H162290" s="12"/>
    </row>
    <row r="162291" spans="8:8">
      <c r="H162291" s="12"/>
    </row>
    <row r="162292" spans="8:8">
      <c r="H162292" s="12"/>
    </row>
    <row r="162293" spans="8:8">
      <c r="H162293" s="12"/>
    </row>
    <row r="162294" spans="8:8">
      <c r="H162294" s="12"/>
    </row>
    <row r="162295" spans="8:8">
      <c r="H162295" s="12"/>
    </row>
    <row r="162296" spans="8:8">
      <c r="H162296" s="12"/>
    </row>
    <row r="162297" spans="8:8">
      <c r="H162297" s="12"/>
    </row>
    <row r="162298" spans="8:8">
      <c r="H162298" s="12"/>
    </row>
    <row r="162299" spans="8:8">
      <c r="H162299" s="12"/>
    </row>
    <row r="162300" spans="8:8">
      <c r="H162300" s="12"/>
    </row>
    <row r="162301" spans="8:8">
      <c r="H162301" s="12"/>
    </row>
    <row r="162302" spans="8:8">
      <c r="H162302" s="12"/>
    </row>
    <row r="162303" spans="8:8">
      <c r="H162303" s="12"/>
    </row>
    <row r="162304" spans="8:8">
      <c r="H162304" s="12"/>
    </row>
    <row r="162305" spans="8:8">
      <c r="H162305" s="12"/>
    </row>
    <row r="162306" spans="8:8">
      <c r="H162306" s="12"/>
    </row>
    <row r="162307" spans="8:8">
      <c r="H162307" s="12"/>
    </row>
    <row r="162308" spans="8:8">
      <c r="H162308" s="12"/>
    </row>
    <row r="162309" spans="8:8">
      <c r="H162309" s="12"/>
    </row>
    <row r="162310" spans="8:8">
      <c r="H162310" s="12"/>
    </row>
    <row r="162311" spans="8:8">
      <c r="H162311" s="12"/>
    </row>
    <row r="162312" spans="8:8">
      <c r="H162312" s="12"/>
    </row>
    <row r="162313" spans="8:8">
      <c r="H162313" s="12"/>
    </row>
    <row r="162314" spans="8:8">
      <c r="H162314" s="12"/>
    </row>
    <row r="162315" spans="8:8">
      <c r="H162315" s="12"/>
    </row>
    <row r="162316" spans="8:8">
      <c r="H162316" s="12"/>
    </row>
    <row r="162317" spans="8:8">
      <c r="H162317" s="12"/>
    </row>
    <row r="162318" spans="8:8">
      <c r="H162318" s="12"/>
    </row>
    <row r="162319" spans="8:8">
      <c r="H162319" s="12"/>
    </row>
    <row r="162320" spans="8:8">
      <c r="H162320" s="12"/>
    </row>
    <row r="162321" spans="8:8">
      <c r="H162321" s="12"/>
    </row>
    <row r="162322" spans="8:8">
      <c r="H162322" s="12"/>
    </row>
    <row r="162323" spans="8:8">
      <c r="H162323" s="12"/>
    </row>
    <row r="162324" spans="8:8">
      <c r="H162324" s="12"/>
    </row>
    <row r="162325" spans="8:8">
      <c r="H162325" s="12"/>
    </row>
    <row r="162326" spans="8:8">
      <c r="H162326" s="12"/>
    </row>
    <row r="162327" spans="8:8">
      <c r="H162327" s="12"/>
    </row>
    <row r="162328" spans="8:8">
      <c r="H162328" s="12"/>
    </row>
    <row r="162329" spans="8:8">
      <c r="H162329" s="12"/>
    </row>
    <row r="162330" spans="8:8">
      <c r="H162330" s="12"/>
    </row>
    <row r="162331" spans="8:8">
      <c r="H162331" s="12"/>
    </row>
    <row r="162332" spans="8:8">
      <c r="H162332" s="12"/>
    </row>
    <row r="162333" spans="8:8">
      <c r="H162333" s="12"/>
    </row>
    <row r="162334" spans="8:8">
      <c r="H162334" s="12"/>
    </row>
    <row r="162335" spans="8:8">
      <c r="H162335" s="12"/>
    </row>
    <row r="162336" spans="8:8">
      <c r="H162336" s="12"/>
    </row>
    <row r="162337" spans="8:8">
      <c r="H162337" s="12"/>
    </row>
    <row r="162338" spans="8:8">
      <c r="H162338" s="12"/>
    </row>
    <row r="162339" spans="8:8">
      <c r="H162339" s="12"/>
    </row>
    <row r="162340" spans="8:8">
      <c r="H162340" s="12"/>
    </row>
    <row r="162341" spans="8:8">
      <c r="H162341" s="12"/>
    </row>
    <row r="162342" spans="8:8">
      <c r="H162342" s="12"/>
    </row>
    <row r="162343" spans="8:8">
      <c r="H162343" s="12"/>
    </row>
    <row r="162344" spans="8:8">
      <c r="H162344" s="12"/>
    </row>
    <row r="162345" spans="8:8">
      <c r="H162345" s="12"/>
    </row>
    <row r="162346" spans="8:8">
      <c r="H162346" s="12"/>
    </row>
    <row r="162347" spans="8:8">
      <c r="H162347" s="12"/>
    </row>
    <row r="162348" spans="8:8">
      <c r="H162348" s="12"/>
    </row>
    <row r="162349" spans="8:8">
      <c r="H162349" s="12"/>
    </row>
    <row r="162350" spans="8:8">
      <c r="H162350" s="12"/>
    </row>
    <row r="162351" spans="8:8">
      <c r="H162351" s="12"/>
    </row>
    <row r="162352" spans="8:8">
      <c r="H162352" s="12"/>
    </row>
    <row r="162353" spans="8:8">
      <c r="H162353" s="12"/>
    </row>
    <row r="162354" spans="8:8">
      <c r="H162354" s="12"/>
    </row>
    <row r="162355" spans="8:8">
      <c r="H162355" s="12"/>
    </row>
    <row r="162356" spans="8:8">
      <c r="H162356" s="12"/>
    </row>
    <row r="162357" spans="8:8">
      <c r="H162357" s="12"/>
    </row>
    <row r="162358" spans="8:8">
      <c r="H162358" s="12"/>
    </row>
    <row r="162359" spans="8:8">
      <c r="H162359" s="12"/>
    </row>
    <row r="162360" spans="8:8">
      <c r="H162360" s="12"/>
    </row>
    <row r="162361" spans="8:8">
      <c r="H162361" s="12"/>
    </row>
    <row r="162362" spans="8:8">
      <c r="H162362" s="12"/>
    </row>
    <row r="162363" spans="8:8">
      <c r="H162363" s="12"/>
    </row>
    <row r="162364" spans="8:8">
      <c r="H162364" s="12"/>
    </row>
    <row r="162365" spans="8:8">
      <c r="H162365" s="12"/>
    </row>
    <row r="162366" spans="8:8">
      <c r="H162366" s="12"/>
    </row>
    <row r="162367" spans="8:8">
      <c r="H162367" s="12"/>
    </row>
    <row r="162368" spans="8:8">
      <c r="H162368" s="12"/>
    </row>
    <row r="162369" spans="8:8">
      <c r="H162369" s="12"/>
    </row>
    <row r="162370" spans="8:8">
      <c r="H162370" s="12"/>
    </row>
    <row r="162371" spans="8:8">
      <c r="H162371" s="12"/>
    </row>
    <row r="162372" spans="8:8">
      <c r="H162372" s="12"/>
    </row>
    <row r="162373" spans="8:8">
      <c r="H162373" s="12"/>
    </row>
    <row r="162374" spans="8:8">
      <c r="H162374" s="12"/>
    </row>
    <row r="162375" spans="8:8">
      <c r="H162375" s="12"/>
    </row>
    <row r="162376" spans="8:8">
      <c r="H162376" s="12"/>
    </row>
    <row r="162377" spans="8:8">
      <c r="H162377" s="12"/>
    </row>
    <row r="162378" spans="8:8">
      <c r="H162378" s="12"/>
    </row>
    <row r="162379" spans="8:8">
      <c r="H162379" s="12"/>
    </row>
    <row r="162380" spans="8:8">
      <c r="H162380" s="12"/>
    </row>
    <row r="162381" spans="8:8">
      <c r="H162381" s="12"/>
    </row>
    <row r="162382" spans="8:8">
      <c r="H162382" s="12"/>
    </row>
    <row r="162383" spans="8:8">
      <c r="H162383" s="12"/>
    </row>
    <row r="162384" spans="8:8">
      <c r="H162384" s="12"/>
    </row>
    <row r="162385" spans="8:8">
      <c r="H162385" s="12"/>
    </row>
    <row r="162386" spans="8:8">
      <c r="H162386" s="12"/>
    </row>
    <row r="162387" spans="8:8">
      <c r="H162387" s="12"/>
    </row>
    <row r="162388" spans="8:8">
      <c r="H162388" s="12"/>
    </row>
    <row r="162389" spans="8:8">
      <c r="H162389" s="12"/>
    </row>
    <row r="162390" spans="8:8">
      <c r="H162390" s="12"/>
    </row>
    <row r="162391" spans="8:8">
      <c r="H162391" s="12"/>
    </row>
    <row r="162392" spans="8:8">
      <c r="H162392" s="12"/>
    </row>
    <row r="162393" spans="8:8">
      <c r="H162393" s="12"/>
    </row>
    <row r="162394" spans="8:8">
      <c r="H162394" s="12"/>
    </row>
    <row r="162395" spans="8:8">
      <c r="H162395" s="12"/>
    </row>
    <row r="162396" spans="8:8">
      <c r="H162396" s="12"/>
    </row>
    <row r="162397" spans="8:8">
      <c r="H162397" s="12"/>
    </row>
    <row r="162398" spans="8:8">
      <c r="H162398" s="12"/>
    </row>
    <row r="162399" spans="8:8">
      <c r="H162399" s="12"/>
    </row>
    <row r="162400" spans="8:8">
      <c r="H162400" s="12"/>
    </row>
    <row r="162401" spans="8:8">
      <c r="H162401" s="12"/>
    </row>
    <row r="162402" spans="8:8">
      <c r="H162402" s="12"/>
    </row>
    <row r="162403" spans="8:8">
      <c r="H162403" s="12"/>
    </row>
    <row r="162404" spans="8:8">
      <c r="H162404" s="12"/>
    </row>
    <row r="162405" spans="8:8">
      <c r="H162405" s="12"/>
    </row>
    <row r="162406" spans="8:8">
      <c r="H162406" s="12"/>
    </row>
    <row r="162407" spans="8:8">
      <c r="H162407" s="12"/>
    </row>
    <row r="162408" spans="8:8">
      <c r="H162408" s="12"/>
    </row>
    <row r="162409" spans="8:8">
      <c r="H162409" s="12"/>
    </row>
    <row r="162410" spans="8:8">
      <c r="H162410" s="12"/>
    </row>
    <row r="162411" spans="8:8">
      <c r="H162411" s="12"/>
    </row>
    <row r="162412" spans="8:8">
      <c r="H162412" s="12"/>
    </row>
    <row r="162413" spans="8:8">
      <c r="H162413" s="12"/>
    </row>
    <row r="162414" spans="8:8">
      <c r="H162414" s="12"/>
    </row>
    <row r="162415" spans="8:8">
      <c r="H162415" s="12"/>
    </row>
    <row r="162416" spans="8:8">
      <c r="H162416" s="12"/>
    </row>
    <row r="162417" spans="8:8">
      <c r="H162417" s="12"/>
    </row>
    <row r="162418" spans="8:8">
      <c r="H162418" s="12"/>
    </row>
    <row r="162419" spans="8:8">
      <c r="H162419" s="12"/>
    </row>
    <row r="162420" spans="8:8">
      <c r="H162420" s="12"/>
    </row>
    <row r="162421" spans="8:8">
      <c r="H162421" s="12"/>
    </row>
    <row r="162422" spans="8:8">
      <c r="H162422" s="12"/>
    </row>
    <row r="162423" spans="8:8">
      <c r="H162423" s="12"/>
    </row>
    <row r="162424" spans="8:8">
      <c r="H162424" s="12"/>
    </row>
    <row r="162425" spans="8:8">
      <c r="H162425" s="12"/>
    </row>
    <row r="162426" spans="8:8">
      <c r="H162426" s="12"/>
    </row>
    <row r="162427" spans="8:8">
      <c r="H162427" s="12"/>
    </row>
    <row r="162428" spans="8:8">
      <c r="H162428" s="12"/>
    </row>
    <row r="162429" spans="8:8">
      <c r="H162429" s="12"/>
    </row>
    <row r="162430" spans="8:8">
      <c r="H162430" s="12"/>
    </row>
    <row r="162431" spans="8:8">
      <c r="H162431" s="12"/>
    </row>
    <row r="162432" spans="8:8">
      <c r="H162432" s="12"/>
    </row>
    <row r="162433" spans="8:8">
      <c r="H162433" s="12"/>
    </row>
    <row r="162434" spans="8:8">
      <c r="H162434" s="12"/>
    </row>
    <row r="162435" spans="8:8">
      <c r="H162435" s="12"/>
    </row>
    <row r="162436" spans="8:8">
      <c r="H162436" s="12"/>
    </row>
    <row r="162437" spans="8:8">
      <c r="H162437" s="12"/>
    </row>
    <row r="162438" spans="8:8">
      <c r="H162438" s="12"/>
    </row>
    <row r="162439" spans="8:8">
      <c r="H162439" s="12"/>
    </row>
    <row r="162440" spans="8:8">
      <c r="H162440" s="12"/>
    </row>
    <row r="162441" spans="8:8">
      <c r="H162441" s="12"/>
    </row>
    <row r="162442" spans="8:8">
      <c r="H162442" s="12"/>
    </row>
    <row r="162443" spans="8:8">
      <c r="H162443" s="12"/>
    </row>
    <row r="162444" spans="8:8">
      <c r="H162444" s="12"/>
    </row>
    <row r="162445" spans="8:8">
      <c r="H162445" s="12"/>
    </row>
    <row r="162446" spans="8:8">
      <c r="H162446" s="12"/>
    </row>
    <row r="162447" spans="8:8">
      <c r="H162447" s="12"/>
    </row>
    <row r="162448" spans="8:8">
      <c r="H162448" s="12"/>
    </row>
    <row r="162449" spans="8:8">
      <c r="H162449" s="12"/>
    </row>
    <row r="162450" spans="8:8">
      <c r="H162450" s="12"/>
    </row>
    <row r="162451" spans="8:8">
      <c r="H162451" s="12"/>
    </row>
    <row r="162452" spans="8:8">
      <c r="H162452" s="12"/>
    </row>
    <row r="162453" spans="8:8">
      <c r="H162453" s="12"/>
    </row>
    <row r="162454" spans="8:8">
      <c r="H162454" s="12"/>
    </row>
    <row r="162455" spans="8:8">
      <c r="H162455" s="12"/>
    </row>
    <row r="162456" spans="8:8">
      <c r="H162456" s="12"/>
    </row>
    <row r="162457" spans="8:8">
      <c r="H162457" s="12"/>
    </row>
    <row r="162458" spans="8:8">
      <c r="H162458" s="12"/>
    </row>
    <row r="162459" spans="8:8">
      <c r="H162459" s="12"/>
    </row>
    <row r="162460" spans="8:8">
      <c r="H162460" s="12"/>
    </row>
    <row r="162461" spans="8:8">
      <c r="H162461" s="12"/>
    </row>
    <row r="162462" spans="8:8">
      <c r="H162462" s="12"/>
    </row>
    <row r="162463" spans="8:8">
      <c r="H162463" s="12"/>
    </row>
    <row r="162464" spans="8:8">
      <c r="H162464" s="12"/>
    </row>
    <row r="162465" spans="8:8">
      <c r="H162465" s="12"/>
    </row>
    <row r="162466" spans="8:8">
      <c r="H162466" s="12"/>
    </row>
    <row r="162467" spans="8:8">
      <c r="H162467" s="12"/>
    </row>
    <row r="162468" spans="8:8">
      <c r="H162468" s="12"/>
    </row>
    <row r="162469" spans="8:8">
      <c r="H162469" s="12"/>
    </row>
    <row r="162470" spans="8:8">
      <c r="H162470" s="12"/>
    </row>
    <row r="162471" spans="8:8">
      <c r="H162471" s="12"/>
    </row>
    <row r="162472" spans="8:8">
      <c r="H162472" s="12"/>
    </row>
    <row r="162473" spans="8:8">
      <c r="H162473" s="12"/>
    </row>
    <row r="162474" spans="8:8">
      <c r="H162474" s="12"/>
    </row>
    <row r="162475" spans="8:8">
      <c r="H162475" s="12"/>
    </row>
    <row r="162476" spans="8:8">
      <c r="H162476" s="12"/>
    </row>
    <row r="162477" spans="8:8">
      <c r="H162477" s="12"/>
    </row>
    <row r="162478" spans="8:8">
      <c r="H162478" s="12"/>
    </row>
    <row r="162479" spans="8:8">
      <c r="H162479" s="12"/>
    </row>
    <row r="162480" spans="8:8">
      <c r="H162480" s="12"/>
    </row>
    <row r="162481" spans="8:8">
      <c r="H162481" s="12"/>
    </row>
    <row r="162482" spans="8:8">
      <c r="H162482" s="12"/>
    </row>
    <row r="162483" spans="8:8">
      <c r="H162483" s="12"/>
    </row>
    <row r="162484" spans="8:8">
      <c r="H162484" s="12"/>
    </row>
    <row r="162485" spans="8:8">
      <c r="H162485" s="12"/>
    </row>
    <row r="162486" spans="8:8">
      <c r="H162486" s="12"/>
    </row>
    <row r="162487" spans="8:8">
      <c r="H162487" s="12"/>
    </row>
    <row r="162488" spans="8:8">
      <c r="H162488" s="12"/>
    </row>
    <row r="162489" spans="8:8">
      <c r="H162489" s="12"/>
    </row>
    <row r="162490" spans="8:8">
      <c r="H162490" s="12"/>
    </row>
    <row r="162491" spans="8:8">
      <c r="H162491" s="12"/>
    </row>
    <row r="162492" spans="8:8">
      <c r="H162492" s="12"/>
    </row>
    <row r="162493" spans="8:8">
      <c r="H162493" s="12"/>
    </row>
    <row r="162494" spans="8:8">
      <c r="H162494" s="12"/>
    </row>
    <row r="162495" spans="8:8">
      <c r="H162495" s="12"/>
    </row>
    <row r="162496" spans="8:8">
      <c r="H162496" s="12"/>
    </row>
    <row r="162497" spans="8:8">
      <c r="H162497" s="12"/>
    </row>
    <row r="162498" spans="8:8">
      <c r="H162498" s="12"/>
    </row>
    <row r="162499" spans="8:8">
      <c r="H162499" s="12"/>
    </row>
    <row r="162500" spans="8:8">
      <c r="H162500" s="12"/>
    </row>
    <row r="162501" spans="8:8">
      <c r="H162501" s="12"/>
    </row>
    <row r="162502" spans="8:8">
      <c r="H162502" s="12"/>
    </row>
    <row r="162503" spans="8:8">
      <c r="H162503" s="12"/>
    </row>
    <row r="162504" spans="8:8">
      <c r="H162504" s="12"/>
    </row>
    <row r="162505" spans="8:8">
      <c r="H162505" s="12"/>
    </row>
    <row r="162506" spans="8:8">
      <c r="H162506" s="12"/>
    </row>
    <row r="162507" spans="8:8">
      <c r="H162507" s="12"/>
    </row>
    <row r="162508" spans="8:8">
      <c r="H162508" s="12"/>
    </row>
    <row r="162509" spans="8:8">
      <c r="H162509" s="12"/>
    </row>
    <row r="162510" spans="8:8">
      <c r="H162510" s="12"/>
    </row>
    <row r="162511" spans="8:8">
      <c r="H162511" s="12"/>
    </row>
    <row r="162512" spans="8:8">
      <c r="H162512" s="12"/>
    </row>
    <row r="162513" spans="8:8">
      <c r="H162513" s="12"/>
    </row>
    <row r="162514" spans="8:8">
      <c r="H162514" s="12"/>
    </row>
    <row r="162515" spans="8:8">
      <c r="H162515" s="12"/>
    </row>
    <row r="162516" spans="8:8">
      <c r="H162516" s="12"/>
    </row>
    <row r="162517" spans="8:8">
      <c r="H162517" s="12"/>
    </row>
    <row r="162518" spans="8:8">
      <c r="H162518" s="12"/>
    </row>
    <row r="162519" spans="8:8">
      <c r="H162519" s="12"/>
    </row>
    <row r="162520" spans="8:8">
      <c r="H162520" s="12"/>
    </row>
    <row r="162521" spans="8:8">
      <c r="H162521" s="12"/>
    </row>
    <row r="162522" spans="8:8">
      <c r="H162522" s="12"/>
    </row>
    <row r="162523" spans="8:8">
      <c r="H162523" s="12"/>
    </row>
    <row r="162524" spans="8:8">
      <c r="H162524" s="12"/>
    </row>
    <row r="162525" spans="8:8">
      <c r="H162525" s="12"/>
    </row>
    <row r="162526" spans="8:8">
      <c r="H162526" s="12"/>
    </row>
    <row r="162527" spans="8:8">
      <c r="H162527" s="12"/>
    </row>
    <row r="162528" spans="8:8">
      <c r="H162528" s="12"/>
    </row>
    <row r="162529" spans="8:8">
      <c r="H162529" s="12"/>
    </row>
    <row r="162530" spans="8:8">
      <c r="H162530" s="12"/>
    </row>
    <row r="162531" spans="8:8">
      <c r="H162531" s="12"/>
    </row>
    <row r="162532" spans="8:8">
      <c r="H162532" s="12"/>
    </row>
    <row r="162533" spans="8:8">
      <c r="H162533" s="12"/>
    </row>
    <row r="162534" spans="8:8">
      <c r="H162534" s="12"/>
    </row>
    <row r="162535" spans="8:8">
      <c r="H162535" s="12"/>
    </row>
    <row r="162536" spans="8:8">
      <c r="H162536" s="12"/>
    </row>
    <row r="162537" spans="8:8">
      <c r="H162537" s="12"/>
    </row>
    <row r="162538" spans="8:8">
      <c r="H162538" s="12"/>
    </row>
    <row r="162539" spans="8:8">
      <c r="H162539" s="12"/>
    </row>
    <row r="162540" spans="8:8">
      <c r="H162540" s="12"/>
    </row>
    <row r="162541" spans="8:8">
      <c r="H162541" s="12"/>
    </row>
    <row r="162542" spans="8:8">
      <c r="H162542" s="12"/>
    </row>
    <row r="162543" spans="8:8">
      <c r="H162543" s="12"/>
    </row>
    <row r="162544" spans="8:8">
      <c r="H162544" s="12"/>
    </row>
    <row r="162545" spans="8:8">
      <c r="H162545" s="12"/>
    </row>
    <row r="162546" spans="8:8">
      <c r="H162546" s="12"/>
    </row>
    <row r="162547" spans="8:8">
      <c r="H162547" s="12"/>
    </row>
    <row r="162548" spans="8:8">
      <c r="H162548" s="12"/>
    </row>
    <row r="162549" spans="8:8">
      <c r="H162549" s="12"/>
    </row>
    <row r="162550" spans="8:8">
      <c r="H162550" s="12"/>
    </row>
    <row r="162551" spans="8:8">
      <c r="H162551" s="12"/>
    </row>
    <row r="162552" spans="8:8">
      <c r="H162552" s="12"/>
    </row>
    <row r="162553" spans="8:8">
      <c r="H162553" s="12"/>
    </row>
    <row r="162554" spans="8:8">
      <c r="H162554" s="12"/>
    </row>
    <row r="162555" spans="8:8">
      <c r="H162555" s="12"/>
    </row>
    <row r="162556" spans="8:8">
      <c r="H162556" s="12"/>
    </row>
    <row r="162557" spans="8:8">
      <c r="H162557" s="12"/>
    </row>
    <row r="162558" spans="8:8">
      <c r="H162558" s="12"/>
    </row>
    <row r="162559" spans="8:8">
      <c r="H162559" s="12"/>
    </row>
    <row r="162560" spans="8:8">
      <c r="H162560" s="12"/>
    </row>
    <row r="162561" spans="8:8">
      <c r="H162561" s="12"/>
    </row>
    <row r="162562" spans="8:8">
      <c r="H162562" s="12"/>
    </row>
    <row r="162563" spans="8:8">
      <c r="H162563" s="12"/>
    </row>
    <row r="162564" spans="8:8">
      <c r="H162564" s="12"/>
    </row>
    <row r="162565" spans="8:8">
      <c r="H162565" s="12"/>
    </row>
    <row r="162566" spans="8:8">
      <c r="H162566" s="12"/>
    </row>
    <row r="162567" spans="8:8">
      <c r="H162567" s="12"/>
    </row>
    <row r="162568" spans="8:8">
      <c r="H162568" s="12"/>
    </row>
    <row r="162569" spans="8:8">
      <c r="H162569" s="12"/>
    </row>
    <row r="162570" spans="8:8">
      <c r="H162570" s="12"/>
    </row>
    <row r="162571" spans="8:8">
      <c r="H162571" s="12"/>
    </row>
    <row r="162572" spans="8:8">
      <c r="H162572" s="12"/>
    </row>
    <row r="162573" spans="8:8">
      <c r="H162573" s="12"/>
    </row>
    <row r="162574" spans="8:8">
      <c r="H162574" s="12"/>
    </row>
    <row r="162575" spans="8:8">
      <c r="H162575" s="12"/>
    </row>
    <row r="162576" spans="8:8">
      <c r="H162576" s="12"/>
    </row>
    <row r="162577" spans="8:8">
      <c r="H162577" s="12"/>
    </row>
    <row r="162578" spans="8:8">
      <c r="H162578" s="12"/>
    </row>
    <row r="162579" spans="8:8">
      <c r="H162579" s="12"/>
    </row>
    <row r="162580" spans="8:8">
      <c r="H162580" s="12"/>
    </row>
    <row r="162581" spans="8:8">
      <c r="H162581" s="12"/>
    </row>
    <row r="162582" spans="8:8">
      <c r="H162582" s="12"/>
    </row>
    <row r="162583" spans="8:8">
      <c r="H162583" s="12"/>
    </row>
    <row r="162584" spans="8:8">
      <c r="H162584" s="12"/>
    </row>
    <row r="162585" spans="8:8">
      <c r="H162585" s="12"/>
    </row>
    <row r="162586" spans="8:8">
      <c r="H162586" s="12"/>
    </row>
    <row r="162587" spans="8:8">
      <c r="H162587" s="12"/>
    </row>
    <row r="162588" spans="8:8">
      <c r="H162588" s="12"/>
    </row>
    <row r="162589" spans="8:8">
      <c r="H162589" s="12"/>
    </row>
    <row r="162590" spans="8:8">
      <c r="H162590" s="12"/>
    </row>
    <row r="162591" spans="8:8">
      <c r="H162591" s="12"/>
    </row>
    <row r="162592" spans="8:8">
      <c r="H162592" s="12"/>
    </row>
    <row r="162593" spans="8:8">
      <c r="H162593" s="12"/>
    </row>
    <row r="162594" spans="8:8">
      <c r="H162594" s="12"/>
    </row>
    <row r="162595" spans="8:8">
      <c r="H162595" s="12"/>
    </row>
    <row r="162596" spans="8:8">
      <c r="H162596" s="12"/>
    </row>
    <row r="162597" spans="8:8">
      <c r="H162597" s="12"/>
    </row>
    <row r="162598" spans="8:8">
      <c r="H162598" s="12"/>
    </row>
    <row r="162599" spans="8:8">
      <c r="H162599" s="12"/>
    </row>
    <row r="162600" spans="8:8">
      <c r="H162600" s="12"/>
    </row>
    <row r="162601" spans="8:8">
      <c r="H162601" s="12"/>
    </row>
    <row r="162602" spans="8:8">
      <c r="H162602" s="12"/>
    </row>
    <row r="162603" spans="8:8">
      <c r="H162603" s="12"/>
    </row>
    <row r="162604" spans="8:8">
      <c r="H162604" s="12"/>
    </row>
    <row r="162605" spans="8:8">
      <c r="H162605" s="12"/>
    </row>
    <row r="162606" spans="8:8">
      <c r="H162606" s="12"/>
    </row>
    <row r="162607" spans="8:8">
      <c r="H162607" s="12"/>
    </row>
    <row r="162608" spans="8:8">
      <c r="H162608" s="12"/>
    </row>
    <row r="162609" spans="8:8">
      <c r="H162609" s="12"/>
    </row>
    <row r="162610" spans="8:8">
      <c r="H162610" s="12"/>
    </row>
    <row r="162611" spans="8:8">
      <c r="H162611" s="12"/>
    </row>
    <row r="162612" spans="8:8">
      <c r="H162612" s="12"/>
    </row>
    <row r="162613" spans="8:8">
      <c r="H162613" s="12"/>
    </row>
    <row r="162614" spans="8:8">
      <c r="H162614" s="12"/>
    </row>
    <row r="162615" spans="8:8">
      <c r="H162615" s="12"/>
    </row>
    <row r="162616" spans="8:8">
      <c r="H162616" s="12"/>
    </row>
    <row r="162617" spans="8:8">
      <c r="H162617" s="12"/>
    </row>
    <row r="162618" spans="8:8">
      <c r="H162618" s="12"/>
    </row>
    <row r="162619" spans="8:8">
      <c r="H162619" s="12"/>
    </row>
    <row r="162620" spans="8:8">
      <c r="H162620" s="12"/>
    </row>
    <row r="162621" spans="8:8">
      <c r="H162621" s="12"/>
    </row>
    <row r="162622" spans="8:8">
      <c r="H162622" s="12"/>
    </row>
    <row r="162623" spans="8:8">
      <c r="H162623" s="12"/>
    </row>
    <row r="162624" spans="8:8">
      <c r="H162624" s="12"/>
    </row>
    <row r="162625" spans="8:8">
      <c r="H162625" s="12"/>
    </row>
    <row r="162626" spans="8:8">
      <c r="H162626" s="12"/>
    </row>
    <row r="162627" spans="8:8">
      <c r="H162627" s="12"/>
    </row>
    <row r="162628" spans="8:8">
      <c r="H162628" s="12"/>
    </row>
    <row r="162629" spans="8:8">
      <c r="H162629" s="12"/>
    </row>
    <row r="162630" spans="8:8">
      <c r="H162630" s="12"/>
    </row>
    <row r="162631" spans="8:8">
      <c r="H162631" s="12"/>
    </row>
    <row r="162632" spans="8:8">
      <c r="H162632" s="12"/>
    </row>
    <row r="162633" spans="8:8">
      <c r="H162633" s="12"/>
    </row>
    <row r="162634" spans="8:8">
      <c r="H162634" s="12"/>
    </row>
    <row r="162635" spans="8:8">
      <c r="H162635" s="12"/>
    </row>
    <row r="162636" spans="8:8">
      <c r="H162636" s="12"/>
    </row>
    <row r="162637" spans="8:8">
      <c r="H162637" s="12"/>
    </row>
    <row r="162638" spans="8:8">
      <c r="H162638" s="12"/>
    </row>
    <row r="162639" spans="8:8">
      <c r="H162639" s="12"/>
    </row>
    <row r="162640" spans="8:8">
      <c r="H162640" s="12"/>
    </row>
    <row r="162641" spans="8:8">
      <c r="H162641" s="12"/>
    </row>
    <row r="162642" spans="8:8">
      <c r="H162642" s="12"/>
    </row>
    <row r="162643" spans="8:8">
      <c r="H162643" s="12"/>
    </row>
    <row r="162644" spans="8:8">
      <c r="H162644" s="12"/>
    </row>
    <row r="162645" spans="8:8">
      <c r="H162645" s="12"/>
    </row>
    <row r="162646" spans="8:8">
      <c r="H162646" s="12"/>
    </row>
    <row r="162647" spans="8:8">
      <c r="H162647" s="12"/>
    </row>
    <row r="162648" spans="8:8">
      <c r="H162648" s="12"/>
    </row>
    <row r="162649" spans="8:8">
      <c r="H162649" s="12"/>
    </row>
    <row r="162650" spans="8:8">
      <c r="H162650" s="12"/>
    </row>
    <row r="162651" spans="8:8">
      <c r="H162651" s="12"/>
    </row>
    <row r="162652" spans="8:8">
      <c r="H162652" s="12"/>
    </row>
    <row r="162653" spans="8:8">
      <c r="H162653" s="12"/>
    </row>
    <row r="162654" spans="8:8">
      <c r="H162654" s="12"/>
    </row>
    <row r="162655" spans="8:8">
      <c r="H162655" s="12"/>
    </row>
    <row r="162656" spans="8:8">
      <c r="H162656" s="12"/>
    </row>
    <row r="162657" spans="8:8">
      <c r="H162657" s="12"/>
    </row>
    <row r="162658" spans="8:8">
      <c r="H162658" s="12"/>
    </row>
    <row r="162659" spans="8:8">
      <c r="H162659" s="12"/>
    </row>
    <row r="162660" spans="8:8">
      <c r="H162660" s="12"/>
    </row>
    <row r="162661" spans="8:8">
      <c r="H162661" s="12"/>
    </row>
    <row r="162662" spans="8:8">
      <c r="H162662" s="12"/>
    </row>
    <row r="162663" spans="8:8">
      <c r="H162663" s="12"/>
    </row>
    <row r="162664" spans="8:8">
      <c r="H162664" s="12"/>
    </row>
    <row r="162665" spans="8:8">
      <c r="H162665" s="12"/>
    </row>
    <row r="162666" spans="8:8">
      <c r="H162666" s="12"/>
    </row>
    <row r="162667" spans="8:8">
      <c r="H162667" s="12"/>
    </row>
    <row r="162668" spans="8:8">
      <c r="H162668" s="12"/>
    </row>
    <row r="162669" spans="8:8">
      <c r="H162669" s="12"/>
    </row>
    <row r="162670" spans="8:8">
      <c r="H162670" s="12"/>
    </row>
    <row r="162671" spans="8:8">
      <c r="H162671" s="12"/>
    </row>
    <row r="162672" spans="8:8">
      <c r="H162672" s="12"/>
    </row>
    <row r="162673" spans="8:8">
      <c r="H162673" s="12"/>
    </row>
    <row r="162674" spans="8:8">
      <c r="H162674" s="12"/>
    </row>
    <row r="162675" spans="8:8">
      <c r="H162675" s="12"/>
    </row>
    <row r="162676" spans="8:8">
      <c r="H162676" s="12"/>
    </row>
    <row r="162677" spans="8:8">
      <c r="H162677" s="12"/>
    </row>
    <row r="162678" spans="8:8">
      <c r="H162678" s="12"/>
    </row>
    <row r="162679" spans="8:8">
      <c r="H162679" s="12"/>
    </row>
    <row r="162680" spans="8:8">
      <c r="H162680" s="12"/>
    </row>
    <row r="162681" spans="8:8">
      <c r="H162681" s="12"/>
    </row>
    <row r="162682" spans="8:8">
      <c r="H162682" s="12"/>
    </row>
    <row r="162683" spans="8:8">
      <c r="H162683" s="12"/>
    </row>
    <row r="162684" spans="8:8">
      <c r="H162684" s="12"/>
    </row>
    <row r="162685" spans="8:8">
      <c r="H162685" s="12"/>
    </row>
    <row r="162686" spans="8:8">
      <c r="H162686" s="12"/>
    </row>
    <row r="162687" spans="8:8">
      <c r="H162687" s="12"/>
    </row>
    <row r="162688" spans="8:8">
      <c r="H162688" s="12"/>
    </row>
    <row r="162689" spans="8:8">
      <c r="H162689" s="12"/>
    </row>
    <row r="162690" spans="8:8">
      <c r="H162690" s="12"/>
    </row>
    <row r="162691" spans="8:8">
      <c r="H162691" s="12"/>
    </row>
    <row r="162692" spans="8:8">
      <c r="H162692" s="12"/>
    </row>
    <row r="162693" spans="8:8">
      <c r="H162693" s="12"/>
    </row>
    <row r="162694" spans="8:8">
      <c r="H162694" s="12"/>
    </row>
    <row r="162695" spans="8:8">
      <c r="H162695" s="12"/>
    </row>
    <row r="162696" spans="8:8">
      <c r="H162696" s="12"/>
    </row>
    <row r="162697" spans="8:8">
      <c r="H162697" s="12"/>
    </row>
    <row r="162698" spans="8:8">
      <c r="H162698" s="12"/>
    </row>
    <row r="162699" spans="8:8">
      <c r="H162699" s="12"/>
    </row>
    <row r="162700" spans="8:8">
      <c r="H162700" s="12"/>
    </row>
    <row r="162701" spans="8:8">
      <c r="H162701" s="12"/>
    </row>
    <row r="162702" spans="8:8">
      <c r="H162702" s="12"/>
    </row>
    <row r="162703" spans="8:8">
      <c r="H162703" s="12"/>
    </row>
    <row r="162704" spans="8:8">
      <c r="H162704" s="12"/>
    </row>
    <row r="162705" spans="8:8">
      <c r="H162705" s="12"/>
    </row>
    <row r="162706" spans="8:8">
      <c r="H162706" s="12"/>
    </row>
    <row r="162707" spans="8:8">
      <c r="H162707" s="12"/>
    </row>
    <row r="162708" spans="8:8">
      <c r="H162708" s="12"/>
    </row>
    <row r="162709" spans="8:8">
      <c r="H162709" s="12"/>
    </row>
    <row r="162710" spans="8:8">
      <c r="H162710" s="12"/>
    </row>
    <row r="162711" spans="8:8">
      <c r="H162711" s="12"/>
    </row>
    <row r="162712" spans="8:8">
      <c r="H162712" s="12"/>
    </row>
    <row r="162713" spans="8:8">
      <c r="H162713" s="12"/>
    </row>
    <row r="162714" spans="8:8">
      <c r="H162714" s="12"/>
    </row>
    <row r="162715" spans="8:8">
      <c r="H162715" s="12"/>
    </row>
    <row r="162716" spans="8:8">
      <c r="H162716" s="12"/>
    </row>
    <row r="162717" spans="8:8">
      <c r="H162717" s="12"/>
    </row>
    <row r="162718" spans="8:8">
      <c r="H162718" s="12"/>
    </row>
    <row r="162719" spans="8:8">
      <c r="H162719" s="12"/>
    </row>
    <row r="162720" spans="8:8">
      <c r="H162720" s="12"/>
    </row>
    <row r="162721" spans="8:8">
      <c r="H162721" s="12"/>
    </row>
    <row r="162722" spans="8:8">
      <c r="H162722" s="12"/>
    </row>
    <row r="162723" spans="8:8">
      <c r="H162723" s="12"/>
    </row>
    <row r="162724" spans="8:8">
      <c r="H162724" s="12"/>
    </row>
    <row r="162725" spans="8:8">
      <c r="H162725" s="12"/>
    </row>
    <row r="162726" spans="8:8">
      <c r="H162726" s="12"/>
    </row>
    <row r="162727" spans="8:8">
      <c r="H162727" s="12"/>
    </row>
    <row r="162728" spans="8:8">
      <c r="H162728" s="12"/>
    </row>
    <row r="162729" spans="8:8">
      <c r="H162729" s="12"/>
    </row>
    <row r="162730" spans="8:8">
      <c r="H162730" s="12"/>
    </row>
    <row r="162731" spans="8:8">
      <c r="H162731" s="12"/>
    </row>
    <row r="162732" spans="8:8">
      <c r="H162732" s="12"/>
    </row>
    <row r="162733" spans="8:8">
      <c r="H162733" s="12"/>
    </row>
    <row r="162734" spans="8:8">
      <c r="H162734" s="12"/>
    </row>
    <row r="162735" spans="8:8">
      <c r="H162735" s="12"/>
    </row>
    <row r="162736" spans="8:8">
      <c r="H162736" s="12"/>
    </row>
    <row r="162737" spans="8:8">
      <c r="H162737" s="12"/>
    </row>
    <row r="162738" spans="8:8">
      <c r="H162738" s="12"/>
    </row>
    <row r="162739" spans="8:8">
      <c r="H162739" s="12"/>
    </row>
    <row r="162740" spans="8:8">
      <c r="H162740" s="12"/>
    </row>
    <row r="162741" spans="8:8">
      <c r="H162741" s="12"/>
    </row>
    <row r="162742" spans="8:8">
      <c r="H162742" s="12"/>
    </row>
    <row r="162743" spans="8:8">
      <c r="H162743" s="12"/>
    </row>
    <row r="162744" spans="8:8">
      <c r="H162744" s="12"/>
    </row>
    <row r="162745" spans="8:8">
      <c r="H162745" s="12"/>
    </row>
    <row r="162746" spans="8:8">
      <c r="H162746" s="12"/>
    </row>
    <row r="162747" spans="8:8">
      <c r="H162747" s="12"/>
    </row>
    <row r="162748" spans="8:8">
      <c r="H162748" s="12"/>
    </row>
    <row r="162749" spans="8:8">
      <c r="H162749" s="12"/>
    </row>
    <row r="162750" spans="8:8">
      <c r="H162750" s="12"/>
    </row>
    <row r="162751" spans="8:8">
      <c r="H162751" s="12"/>
    </row>
    <row r="162752" spans="8:8">
      <c r="H162752" s="12"/>
    </row>
    <row r="162753" spans="8:8">
      <c r="H162753" s="12"/>
    </row>
    <row r="162754" spans="8:8">
      <c r="H162754" s="12"/>
    </row>
    <row r="162755" spans="8:8">
      <c r="H162755" s="12"/>
    </row>
    <row r="162756" spans="8:8">
      <c r="H162756" s="12"/>
    </row>
    <row r="162757" spans="8:8">
      <c r="H162757" s="12"/>
    </row>
    <row r="162758" spans="8:8">
      <c r="H162758" s="12"/>
    </row>
    <row r="162759" spans="8:8">
      <c r="H162759" s="12"/>
    </row>
    <row r="162760" spans="8:8">
      <c r="H162760" s="12"/>
    </row>
    <row r="162761" spans="8:8">
      <c r="H162761" s="12"/>
    </row>
    <row r="162762" spans="8:8">
      <c r="H162762" s="12"/>
    </row>
    <row r="162763" spans="8:8">
      <c r="H162763" s="12"/>
    </row>
    <row r="162764" spans="8:8">
      <c r="H162764" s="12"/>
    </row>
    <row r="162765" spans="8:8">
      <c r="H162765" s="12"/>
    </row>
    <row r="162766" spans="8:8">
      <c r="H162766" s="12"/>
    </row>
    <row r="162767" spans="8:8">
      <c r="H162767" s="12"/>
    </row>
    <row r="162768" spans="8:8">
      <c r="H162768" s="12"/>
    </row>
    <row r="162769" spans="8:8">
      <c r="H162769" s="12"/>
    </row>
    <row r="162770" spans="8:8">
      <c r="H162770" s="12"/>
    </row>
    <row r="162771" spans="8:8">
      <c r="H162771" s="12"/>
    </row>
    <row r="162772" spans="8:8">
      <c r="H162772" s="12"/>
    </row>
    <row r="162773" spans="8:8">
      <c r="H162773" s="12"/>
    </row>
    <row r="162774" spans="8:8">
      <c r="H162774" s="12"/>
    </row>
    <row r="162775" spans="8:8">
      <c r="H162775" s="12"/>
    </row>
    <row r="162776" spans="8:8">
      <c r="H162776" s="12"/>
    </row>
    <row r="162777" spans="8:8">
      <c r="H162777" s="12"/>
    </row>
    <row r="162778" spans="8:8">
      <c r="H162778" s="12"/>
    </row>
    <row r="162779" spans="8:8">
      <c r="H162779" s="12"/>
    </row>
    <row r="162780" spans="8:8">
      <c r="H162780" s="12"/>
    </row>
    <row r="162781" spans="8:8">
      <c r="H162781" s="12"/>
    </row>
    <row r="162782" spans="8:8">
      <c r="H162782" s="12"/>
    </row>
    <row r="162783" spans="8:8">
      <c r="H162783" s="12"/>
    </row>
    <row r="162784" spans="8:8">
      <c r="H162784" s="12"/>
    </row>
    <row r="162785" spans="8:8">
      <c r="H162785" s="12"/>
    </row>
    <row r="162786" spans="8:8">
      <c r="H162786" s="12"/>
    </row>
    <row r="162787" spans="8:8">
      <c r="H162787" s="12"/>
    </row>
    <row r="162788" spans="8:8">
      <c r="H162788" s="12"/>
    </row>
    <row r="162789" spans="8:8">
      <c r="H162789" s="12"/>
    </row>
    <row r="162790" spans="8:8">
      <c r="H162790" s="12"/>
    </row>
    <row r="162791" spans="8:8">
      <c r="H162791" s="12"/>
    </row>
    <row r="162792" spans="8:8">
      <c r="H162792" s="12"/>
    </row>
    <row r="162793" spans="8:8">
      <c r="H162793" s="12"/>
    </row>
    <row r="162794" spans="8:8">
      <c r="H162794" s="12"/>
    </row>
    <row r="162795" spans="8:8">
      <c r="H162795" s="12"/>
    </row>
    <row r="162796" spans="8:8">
      <c r="H162796" s="12"/>
    </row>
    <row r="162797" spans="8:8">
      <c r="H162797" s="12"/>
    </row>
    <row r="162798" spans="8:8">
      <c r="H162798" s="12"/>
    </row>
    <row r="162799" spans="8:8">
      <c r="H162799" s="12"/>
    </row>
    <row r="162800" spans="8:8">
      <c r="H162800" s="12"/>
    </row>
    <row r="162801" spans="8:8">
      <c r="H162801" s="12"/>
    </row>
    <row r="162802" spans="8:8">
      <c r="H162802" s="12"/>
    </row>
    <row r="162803" spans="8:8">
      <c r="H162803" s="12"/>
    </row>
    <row r="162804" spans="8:8">
      <c r="H162804" s="12"/>
    </row>
    <row r="162805" spans="8:8">
      <c r="H162805" s="12"/>
    </row>
    <row r="162806" spans="8:8">
      <c r="H162806" s="12"/>
    </row>
    <row r="162807" spans="8:8">
      <c r="H162807" s="12"/>
    </row>
    <row r="162808" spans="8:8">
      <c r="H162808" s="12"/>
    </row>
    <row r="162809" spans="8:8">
      <c r="H162809" s="12"/>
    </row>
    <row r="162810" spans="8:8">
      <c r="H162810" s="12"/>
    </row>
    <row r="162811" spans="8:8">
      <c r="H162811" s="12"/>
    </row>
    <row r="162812" spans="8:8">
      <c r="H162812" s="12"/>
    </row>
    <row r="162813" spans="8:8">
      <c r="H162813" s="12"/>
    </row>
    <row r="162814" spans="8:8">
      <c r="H162814" s="12"/>
    </row>
    <row r="162815" spans="8:8">
      <c r="H162815" s="12"/>
    </row>
    <row r="162816" spans="8:8">
      <c r="H162816" s="12"/>
    </row>
    <row r="162817" spans="8:8">
      <c r="H162817" s="12"/>
    </row>
    <row r="162818" spans="8:8">
      <c r="H162818" s="12"/>
    </row>
    <row r="162819" spans="8:8">
      <c r="H162819" s="12"/>
    </row>
    <row r="162820" spans="8:8">
      <c r="H162820" s="12"/>
    </row>
    <row r="162821" spans="8:8">
      <c r="H162821" s="12"/>
    </row>
    <row r="162822" spans="8:8">
      <c r="H162822" s="12"/>
    </row>
    <row r="162823" spans="8:8">
      <c r="H162823" s="12"/>
    </row>
    <row r="162824" spans="8:8">
      <c r="H162824" s="12"/>
    </row>
    <row r="162825" spans="8:8">
      <c r="H162825" s="12"/>
    </row>
    <row r="162826" spans="8:8">
      <c r="H162826" s="12"/>
    </row>
    <row r="162827" spans="8:8">
      <c r="H162827" s="12"/>
    </row>
    <row r="162828" spans="8:8">
      <c r="H162828" s="12"/>
    </row>
    <row r="162829" spans="8:8">
      <c r="H162829" s="12"/>
    </row>
    <row r="162830" spans="8:8">
      <c r="H162830" s="12"/>
    </row>
    <row r="162831" spans="8:8">
      <c r="H162831" s="12"/>
    </row>
    <row r="162832" spans="8:8">
      <c r="H162832" s="12"/>
    </row>
    <row r="162833" spans="8:8">
      <c r="H162833" s="12"/>
    </row>
    <row r="162834" spans="8:8">
      <c r="H162834" s="12"/>
    </row>
    <row r="162835" spans="8:8">
      <c r="H162835" s="12"/>
    </row>
    <row r="162836" spans="8:8">
      <c r="H162836" s="12"/>
    </row>
    <row r="162837" spans="8:8">
      <c r="H162837" s="12"/>
    </row>
    <row r="162838" spans="8:8">
      <c r="H162838" s="12"/>
    </row>
    <row r="162839" spans="8:8">
      <c r="H162839" s="12"/>
    </row>
    <row r="162840" spans="8:8">
      <c r="H162840" s="12"/>
    </row>
    <row r="162841" spans="8:8">
      <c r="H162841" s="12"/>
    </row>
    <row r="162842" spans="8:8">
      <c r="H162842" s="12"/>
    </row>
    <row r="162843" spans="8:8">
      <c r="H162843" s="12"/>
    </row>
    <row r="162844" spans="8:8">
      <c r="H162844" s="12"/>
    </row>
    <row r="162845" spans="8:8">
      <c r="H162845" s="12"/>
    </row>
    <row r="162846" spans="8:8">
      <c r="H162846" s="12"/>
    </row>
    <row r="162847" spans="8:8">
      <c r="H162847" s="12"/>
    </row>
    <row r="162848" spans="8:8">
      <c r="H162848" s="12"/>
    </row>
    <row r="162849" spans="8:8">
      <c r="H162849" s="12"/>
    </row>
    <row r="162850" spans="8:8">
      <c r="H162850" s="12"/>
    </row>
    <row r="162851" spans="8:8">
      <c r="H162851" s="12"/>
    </row>
    <row r="162852" spans="8:8">
      <c r="H162852" s="12"/>
    </row>
    <row r="162853" spans="8:8">
      <c r="H162853" s="12"/>
    </row>
    <row r="162854" spans="8:8">
      <c r="H162854" s="12"/>
    </row>
    <row r="162855" spans="8:8">
      <c r="H162855" s="12"/>
    </row>
    <row r="162856" spans="8:8">
      <c r="H162856" s="12"/>
    </row>
    <row r="162857" spans="8:8">
      <c r="H162857" s="12"/>
    </row>
    <row r="162858" spans="8:8">
      <c r="H162858" s="12"/>
    </row>
    <row r="162859" spans="8:8">
      <c r="H162859" s="12"/>
    </row>
    <row r="162860" spans="8:8">
      <c r="H162860" s="12"/>
    </row>
    <row r="162861" spans="8:8">
      <c r="H162861" s="12"/>
    </row>
    <row r="162862" spans="8:8">
      <c r="H162862" s="12"/>
    </row>
    <row r="162863" spans="8:8">
      <c r="H162863" s="12"/>
    </row>
    <row r="162864" spans="8:8">
      <c r="H162864" s="12"/>
    </row>
    <row r="162865" spans="8:8">
      <c r="H162865" s="12"/>
    </row>
    <row r="162866" spans="8:8">
      <c r="H162866" s="12"/>
    </row>
    <row r="162867" spans="8:8">
      <c r="H162867" s="12"/>
    </row>
    <row r="162868" spans="8:8">
      <c r="H162868" s="12"/>
    </row>
    <row r="162869" spans="8:8">
      <c r="H162869" s="12"/>
    </row>
    <row r="162870" spans="8:8">
      <c r="H162870" s="12"/>
    </row>
    <row r="162871" spans="8:8">
      <c r="H162871" s="12"/>
    </row>
    <row r="162872" spans="8:8">
      <c r="H162872" s="12"/>
    </row>
    <row r="162873" spans="8:8">
      <c r="H162873" s="12"/>
    </row>
    <row r="162874" spans="8:8">
      <c r="H162874" s="12"/>
    </row>
    <row r="162875" spans="8:8">
      <c r="H162875" s="12"/>
    </row>
    <row r="162876" spans="8:8">
      <c r="H162876" s="12"/>
    </row>
    <row r="162877" spans="8:8">
      <c r="H162877" s="12"/>
    </row>
    <row r="162878" spans="8:8">
      <c r="H162878" s="12"/>
    </row>
    <row r="162879" spans="8:8">
      <c r="H162879" s="12"/>
    </row>
    <row r="162880" spans="8:8">
      <c r="H162880" s="12"/>
    </row>
    <row r="162881" spans="8:8">
      <c r="H162881" s="12"/>
    </row>
    <row r="162882" spans="8:8">
      <c r="H162882" s="12"/>
    </row>
    <row r="162883" spans="8:8">
      <c r="H162883" s="12"/>
    </row>
    <row r="162884" spans="8:8">
      <c r="H162884" s="12"/>
    </row>
    <row r="162885" spans="8:8">
      <c r="H162885" s="12"/>
    </row>
    <row r="162886" spans="8:8">
      <c r="H162886" s="12"/>
    </row>
    <row r="162887" spans="8:8">
      <c r="H162887" s="12"/>
    </row>
    <row r="162888" spans="8:8">
      <c r="H162888" s="12"/>
    </row>
    <row r="162889" spans="8:8">
      <c r="H162889" s="12"/>
    </row>
    <row r="162890" spans="8:8">
      <c r="H162890" s="12"/>
    </row>
    <row r="162891" spans="8:8">
      <c r="H162891" s="12"/>
    </row>
    <row r="162892" spans="8:8">
      <c r="H162892" s="12"/>
    </row>
    <row r="162893" spans="8:8">
      <c r="H162893" s="12"/>
    </row>
    <row r="162894" spans="8:8">
      <c r="H162894" s="12"/>
    </row>
    <row r="162895" spans="8:8">
      <c r="H162895" s="12"/>
    </row>
    <row r="162896" spans="8:8">
      <c r="H162896" s="12"/>
    </row>
    <row r="162897" spans="8:8">
      <c r="H162897" s="12"/>
    </row>
    <row r="162898" spans="8:8">
      <c r="H162898" s="12"/>
    </row>
    <row r="162899" spans="8:8">
      <c r="H162899" s="12"/>
    </row>
    <row r="162900" spans="8:8">
      <c r="H162900" s="12"/>
    </row>
    <row r="162901" spans="8:8">
      <c r="H162901" s="12"/>
    </row>
    <row r="162902" spans="8:8">
      <c r="H162902" s="12"/>
    </row>
    <row r="162903" spans="8:8">
      <c r="H162903" s="12"/>
    </row>
    <row r="162904" spans="8:8">
      <c r="H162904" s="12"/>
    </row>
    <row r="162905" spans="8:8">
      <c r="H162905" s="12"/>
    </row>
    <row r="162906" spans="8:8">
      <c r="H162906" s="12"/>
    </row>
    <row r="162907" spans="8:8">
      <c r="H162907" s="12"/>
    </row>
    <row r="162908" spans="8:8">
      <c r="H162908" s="12"/>
    </row>
    <row r="162909" spans="8:8">
      <c r="H162909" s="12"/>
    </row>
    <row r="162910" spans="8:8">
      <c r="H162910" s="12"/>
    </row>
    <row r="162911" spans="8:8">
      <c r="H162911" s="12"/>
    </row>
    <row r="162912" spans="8:8">
      <c r="H162912" s="12"/>
    </row>
    <row r="162913" spans="8:8">
      <c r="H162913" s="12"/>
    </row>
    <row r="162914" spans="8:8">
      <c r="H162914" s="12"/>
    </row>
    <row r="162915" spans="8:8">
      <c r="H162915" s="12"/>
    </row>
    <row r="162916" spans="8:8">
      <c r="H162916" s="12"/>
    </row>
    <row r="162917" spans="8:8">
      <c r="H162917" s="12"/>
    </row>
    <row r="162918" spans="8:8">
      <c r="H162918" s="12"/>
    </row>
    <row r="162919" spans="8:8">
      <c r="H162919" s="12"/>
    </row>
    <row r="162920" spans="8:8">
      <c r="H162920" s="12"/>
    </row>
    <row r="162921" spans="8:8">
      <c r="H162921" s="12"/>
    </row>
    <row r="162922" spans="8:8">
      <c r="H162922" s="12"/>
    </row>
    <row r="162923" spans="8:8">
      <c r="H162923" s="12"/>
    </row>
    <row r="162924" spans="8:8">
      <c r="H162924" s="12"/>
    </row>
    <row r="162925" spans="8:8">
      <c r="H162925" s="12"/>
    </row>
    <row r="162926" spans="8:8">
      <c r="H162926" s="12"/>
    </row>
    <row r="162927" spans="8:8">
      <c r="H162927" s="12"/>
    </row>
    <row r="162928" spans="8:8">
      <c r="H162928" s="12"/>
    </row>
    <row r="162929" spans="8:8">
      <c r="H162929" s="12"/>
    </row>
    <row r="162930" spans="8:8">
      <c r="H162930" s="12"/>
    </row>
    <row r="162931" spans="8:8">
      <c r="H162931" s="12"/>
    </row>
    <row r="162932" spans="8:8">
      <c r="H162932" s="12"/>
    </row>
    <row r="162933" spans="8:8">
      <c r="H162933" s="12"/>
    </row>
    <row r="162934" spans="8:8">
      <c r="H162934" s="12"/>
    </row>
    <row r="162935" spans="8:8">
      <c r="H162935" s="12"/>
    </row>
    <row r="162936" spans="8:8">
      <c r="H162936" s="12"/>
    </row>
    <row r="162937" spans="8:8">
      <c r="H162937" s="12"/>
    </row>
    <row r="162938" spans="8:8">
      <c r="H162938" s="12"/>
    </row>
    <row r="162939" spans="8:8">
      <c r="H162939" s="12"/>
    </row>
    <row r="162940" spans="8:8">
      <c r="H162940" s="12"/>
    </row>
    <row r="162941" spans="8:8">
      <c r="H162941" s="12"/>
    </row>
    <row r="162942" spans="8:8">
      <c r="H162942" s="12"/>
    </row>
    <row r="162943" spans="8:8">
      <c r="H162943" s="12"/>
    </row>
    <row r="162944" spans="8:8">
      <c r="H162944" s="12"/>
    </row>
    <row r="162945" spans="8:8">
      <c r="H162945" s="12"/>
    </row>
    <row r="162946" spans="8:8">
      <c r="H162946" s="12"/>
    </row>
    <row r="162947" spans="8:8">
      <c r="H162947" s="12"/>
    </row>
    <row r="162948" spans="8:8">
      <c r="H162948" s="12"/>
    </row>
    <row r="162949" spans="8:8">
      <c r="H162949" s="12"/>
    </row>
    <row r="162950" spans="8:8">
      <c r="H162950" s="12"/>
    </row>
    <row r="162951" spans="8:8">
      <c r="H162951" s="12"/>
    </row>
    <row r="162952" spans="8:8">
      <c r="H162952" s="12"/>
    </row>
    <row r="162953" spans="8:8">
      <c r="H162953" s="12"/>
    </row>
    <row r="162954" spans="8:8">
      <c r="H162954" s="12"/>
    </row>
    <row r="162955" spans="8:8">
      <c r="H162955" s="12"/>
    </row>
    <row r="162956" spans="8:8">
      <c r="H162956" s="12"/>
    </row>
    <row r="162957" spans="8:8">
      <c r="H162957" s="12"/>
    </row>
    <row r="162958" spans="8:8">
      <c r="H162958" s="12"/>
    </row>
    <row r="162959" spans="8:8">
      <c r="H162959" s="12"/>
    </row>
    <row r="162960" spans="8:8">
      <c r="H162960" s="12"/>
    </row>
    <row r="162961" spans="8:8">
      <c r="H162961" s="12"/>
    </row>
    <row r="162962" spans="8:8">
      <c r="H162962" s="12"/>
    </row>
    <row r="162963" spans="8:8">
      <c r="H162963" s="12"/>
    </row>
    <row r="162964" spans="8:8">
      <c r="H162964" s="12"/>
    </row>
    <row r="162965" spans="8:8">
      <c r="H162965" s="12"/>
    </row>
    <row r="162966" spans="8:8">
      <c r="H162966" s="12"/>
    </row>
    <row r="162967" spans="8:8">
      <c r="H162967" s="12"/>
    </row>
    <row r="162968" spans="8:8">
      <c r="H162968" s="12"/>
    </row>
    <row r="162969" spans="8:8">
      <c r="H162969" s="12"/>
    </row>
    <row r="162970" spans="8:8">
      <c r="H162970" s="12"/>
    </row>
    <row r="162971" spans="8:8">
      <c r="H162971" s="12"/>
    </row>
    <row r="162972" spans="8:8">
      <c r="H162972" s="12"/>
    </row>
    <row r="162973" spans="8:8">
      <c r="H162973" s="12"/>
    </row>
    <row r="162974" spans="8:8">
      <c r="H162974" s="12"/>
    </row>
    <row r="162975" spans="8:8">
      <c r="H162975" s="12"/>
    </row>
    <row r="162976" spans="8:8">
      <c r="H162976" s="12"/>
    </row>
    <row r="162977" spans="8:8">
      <c r="H162977" s="12"/>
    </row>
    <row r="162978" spans="8:8">
      <c r="H162978" s="12"/>
    </row>
    <row r="162979" spans="8:8">
      <c r="H162979" s="12"/>
    </row>
    <row r="162980" spans="8:8">
      <c r="H162980" s="12"/>
    </row>
    <row r="162981" spans="8:8">
      <c r="H162981" s="12"/>
    </row>
    <row r="162982" spans="8:8">
      <c r="H162982" s="12"/>
    </row>
    <row r="162983" spans="8:8">
      <c r="H162983" s="12"/>
    </row>
    <row r="162984" spans="8:8">
      <c r="H162984" s="12"/>
    </row>
    <row r="162985" spans="8:8">
      <c r="H162985" s="12"/>
    </row>
    <row r="162986" spans="8:8">
      <c r="H162986" s="12"/>
    </row>
    <row r="162987" spans="8:8">
      <c r="H162987" s="12"/>
    </row>
    <row r="162988" spans="8:8">
      <c r="H162988" s="12"/>
    </row>
    <row r="162989" spans="8:8">
      <c r="H162989" s="12"/>
    </row>
    <row r="162990" spans="8:8">
      <c r="H162990" s="12"/>
    </row>
    <row r="162991" spans="8:8">
      <c r="H162991" s="12"/>
    </row>
    <row r="162992" spans="8:8">
      <c r="H162992" s="12"/>
    </row>
    <row r="162993" spans="8:8">
      <c r="H162993" s="12"/>
    </row>
    <row r="162994" spans="8:8">
      <c r="H162994" s="12"/>
    </row>
    <row r="162995" spans="8:8">
      <c r="H162995" s="12"/>
    </row>
    <row r="162996" spans="8:8">
      <c r="H162996" s="12"/>
    </row>
    <row r="162997" spans="8:8">
      <c r="H162997" s="12"/>
    </row>
    <row r="162998" spans="8:8">
      <c r="H162998" s="12"/>
    </row>
    <row r="162999" spans="8:8">
      <c r="H162999" s="12"/>
    </row>
    <row r="163000" spans="8:8">
      <c r="H163000" s="12"/>
    </row>
    <row r="163001" spans="8:8">
      <c r="H163001" s="12"/>
    </row>
    <row r="163002" spans="8:8">
      <c r="H163002" s="12"/>
    </row>
    <row r="163003" spans="8:8">
      <c r="H163003" s="12"/>
    </row>
    <row r="163004" spans="8:8">
      <c r="H163004" s="12"/>
    </row>
    <row r="163005" spans="8:8">
      <c r="H163005" s="12"/>
    </row>
    <row r="163006" spans="8:8">
      <c r="H163006" s="12"/>
    </row>
    <row r="163007" spans="8:8">
      <c r="H163007" s="12"/>
    </row>
    <row r="163008" spans="8:8">
      <c r="H163008" s="12"/>
    </row>
    <row r="163009" spans="8:8">
      <c r="H163009" s="12"/>
    </row>
    <row r="163010" spans="8:8">
      <c r="H163010" s="12"/>
    </row>
    <row r="163011" spans="8:8">
      <c r="H163011" s="12"/>
    </row>
    <row r="163012" spans="8:8">
      <c r="H163012" s="12"/>
    </row>
    <row r="163013" spans="8:8">
      <c r="H163013" s="12"/>
    </row>
    <row r="163014" spans="8:8">
      <c r="H163014" s="12"/>
    </row>
    <row r="163015" spans="8:8">
      <c r="H163015" s="12"/>
    </row>
    <row r="163016" spans="8:8">
      <c r="H163016" s="12"/>
    </row>
    <row r="163017" spans="8:8">
      <c r="H163017" s="12"/>
    </row>
    <row r="163018" spans="8:8">
      <c r="H163018" s="12"/>
    </row>
    <row r="163019" spans="8:8">
      <c r="H163019" s="12"/>
    </row>
    <row r="163020" spans="8:8">
      <c r="H163020" s="12"/>
    </row>
    <row r="163021" spans="8:8">
      <c r="H163021" s="12"/>
    </row>
    <row r="163022" spans="8:8">
      <c r="H163022" s="12"/>
    </row>
    <row r="163023" spans="8:8">
      <c r="H163023" s="12"/>
    </row>
    <row r="163024" spans="8:8">
      <c r="H163024" s="12"/>
    </row>
    <row r="163025" spans="8:8">
      <c r="H163025" s="12"/>
    </row>
    <row r="163026" spans="8:8">
      <c r="H163026" s="12"/>
    </row>
    <row r="163027" spans="8:8">
      <c r="H163027" s="12"/>
    </row>
    <row r="163028" spans="8:8">
      <c r="H163028" s="12"/>
    </row>
    <row r="163029" spans="8:8">
      <c r="H163029" s="12"/>
    </row>
    <row r="163030" spans="8:8">
      <c r="H163030" s="12"/>
    </row>
    <row r="163031" spans="8:8">
      <c r="H163031" s="12"/>
    </row>
    <row r="163032" spans="8:8">
      <c r="H163032" s="12"/>
    </row>
    <row r="163033" spans="8:8">
      <c r="H163033" s="12"/>
    </row>
    <row r="163034" spans="8:8">
      <c r="H163034" s="12"/>
    </row>
    <row r="163035" spans="8:8">
      <c r="H163035" s="12"/>
    </row>
    <row r="163036" spans="8:8">
      <c r="H163036" s="12"/>
    </row>
    <row r="163037" spans="8:8">
      <c r="H163037" s="12"/>
    </row>
    <row r="163038" spans="8:8">
      <c r="H163038" s="12"/>
    </row>
    <row r="163039" spans="8:8">
      <c r="H163039" s="12"/>
    </row>
    <row r="163040" spans="8:8">
      <c r="H163040" s="12"/>
    </row>
    <row r="163041" spans="8:8">
      <c r="H163041" s="12"/>
    </row>
    <row r="163042" spans="8:8">
      <c r="H163042" s="12"/>
    </row>
    <row r="163043" spans="8:8">
      <c r="H163043" s="12"/>
    </row>
    <row r="163044" spans="8:8">
      <c r="H163044" s="12"/>
    </row>
    <row r="163045" spans="8:8">
      <c r="H163045" s="12"/>
    </row>
    <row r="163046" spans="8:8">
      <c r="H163046" s="12"/>
    </row>
    <row r="163047" spans="8:8">
      <c r="H163047" s="12"/>
    </row>
    <row r="163048" spans="8:8">
      <c r="H163048" s="12"/>
    </row>
    <row r="163049" spans="8:8">
      <c r="H163049" s="12"/>
    </row>
    <row r="163050" spans="8:8">
      <c r="H163050" s="12"/>
    </row>
    <row r="163051" spans="8:8">
      <c r="H163051" s="12"/>
    </row>
    <row r="163052" spans="8:8">
      <c r="H163052" s="12"/>
    </row>
    <row r="163053" spans="8:8">
      <c r="H163053" s="12"/>
    </row>
    <row r="163054" spans="8:8">
      <c r="H163054" s="12"/>
    </row>
    <row r="163055" spans="8:8">
      <c r="H163055" s="12"/>
    </row>
    <row r="163056" spans="8:8">
      <c r="H163056" s="12"/>
    </row>
    <row r="163057" spans="8:8">
      <c r="H163057" s="12"/>
    </row>
    <row r="163058" spans="8:8">
      <c r="H163058" s="12"/>
    </row>
    <row r="163059" spans="8:8">
      <c r="H163059" s="12"/>
    </row>
    <row r="163060" spans="8:8">
      <c r="H163060" s="12"/>
    </row>
    <row r="163061" spans="8:8">
      <c r="H163061" s="12"/>
    </row>
    <row r="163062" spans="8:8">
      <c r="H163062" s="12"/>
    </row>
    <row r="163063" spans="8:8">
      <c r="H163063" s="12"/>
    </row>
    <row r="163064" spans="8:8">
      <c r="H163064" s="12"/>
    </row>
    <row r="163065" spans="8:8">
      <c r="H163065" s="12"/>
    </row>
    <row r="163066" spans="8:8">
      <c r="H163066" s="12"/>
    </row>
    <row r="163067" spans="8:8">
      <c r="H163067" s="12"/>
    </row>
    <row r="163068" spans="8:8">
      <c r="H163068" s="12"/>
    </row>
    <row r="163069" spans="8:8">
      <c r="H163069" s="12"/>
    </row>
    <row r="163070" spans="8:8">
      <c r="H163070" s="12"/>
    </row>
    <row r="163071" spans="8:8">
      <c r="H163071" s="12"/>
    </row>
    <row r="163072" spans="8:8">
      <c r="H163072" s="12"/>
    </row>
    <row r="163073" spans="8:8">
      <c r="H163073" s="12"/>
    </row>
    <row r="163074" spans="8:8">
      <c r="H163074" s="12"/>
    </row>
    <row r="163075" spans="8:8">
      <c r="H163075" s="12"/>
    </row>
    <row r="163076" spans="8:8">
      <c r="H163076" s="12"/>
    </row>
    <row r="163077" spans="8:8">
      <c r="H163077" s="12"/>
    </row>
    <row r="163078" spans="8:8">
      <c r="H163078" s="12"/>
    </row>
    <row r="163079" spans="8:8">
      <c r="H163079" s="12"/>
    </row>
    <row r="163080" spans="8:8">
      <c r="H163080" s="12"/>
    </row>
    <row r="163081" spans="8:8">
      <c r="H163081" s="12"/>
    </row>
    <row r="163082" spans="8:8">
      <c r="H163082" s="12"/>
    </row>
    <row r="163083" spans="8:8">
      <c r="H163083" s="12"/>
    </row>
    <row r="163084" spans="8:8">
      <c r="H163084" s="12"/>
    </row>
    <row r="163085" spans="8:8">
      <c r="H163085" s="12"/>
    </row>
    <row r="163086" spans="8:8">
      <c r="H163086" s="12"/>
    </row>
    <row r="163087" spans="8:8">
      <c r="H163087" s="12"/>
    </row>
    <row r="163088" spans="8:8">
      <c r="H163088" s="12"/>
    </row>
    <row r="163089" spans="8:8">
      <c r="H163089" s="12"/>
    </row>
    <row r="163090" spans="8:8">
      <c r="H163090" s="12"/>
    </row>
    <row r="163091" spans="8:8">
      <c r="H163091" s="12"/>
    </row>
    <row r="163092" spans="8:8">
      <c r="H163092" s="12"/>
    </row>
    <row r="163093" spans="8:8">
      <c r="H163093" s="12"/>
    </row>
    <row r="163094" spans="8:8">
      <c r="H163094" s="12"/>
    </row>
    <row r="163095" spans="8:8">
      <c r="H163095" s="12"/>
    </row>
    <row r="163096" spans="8:8">
      <c r="H163096" s="12"/>
    </row>
    <row r="163097" spans="8:8">
      <c r="H163097" s="12"/>
    </row>
    <row r="163098" spans="8:8">
      <c r="H163098" s="12"/>
    </row>
    <row r="163099" spans="8:8">
      <c r="H163099" s="12"/>
    </row>
    <row r="163100" spans="8:8">
      <c r="H163100" s="12"/>
    </row>
    <row r="163101" spans="8:8">
      <c r="H163101" s="12"/>
    </row>
    <row r="163102" spans="8:8">
      <c r="H163102" s="12"/>
    </row>
    <row r="163103" spans="8:8">
      <c r="H163103" s="12"/>
    </row>
    <row r="163104" spans="8:8">
      <c r="H163104" s="12"/>
    </row>
    <row r="163105" spans="8:8">
      <c r="H163105" s="12"/>
    </row>
    <row r="163106" spans="8:8">
      <c r="H163106" s="12"/>
    </row>
    <row r="163107" spans="8:8">
      <c r="H163107" s="12"/>
    </row>
    <row r="163108" spans="8:8">
      <c r="H163108" s="12"/>
    </row>
    <row r="163109" spans="8:8">
      <c r="H163109" s="12"/>
    </row>
    <row r="163110" spans="8:8">
      <c r="H163110" s="12"/>
    </row>
    <row r="163111" spans="8:8">
      <c r="H163111" s="12"/>
    </row>
    <row r="163112" spans="8:8">
      <c r="H163112" s="12"/>
    </row>
    <row r="163113" spans="8:8">
      <c r="H163113" s="12"/>
    </row>
    <row r="163114" spans="8:8">
      <c r="H163114" s="12"/>
    </row>
    <row r="163115" spans="8:8">
      <c r="H163115" s="12"/>
    </row>
    <row r="163116" spans="8:8">
      <c r="H163116" s="12"/>
    </row>
    <row r="163117" spans="8:8">
      <c r="H163117" s="12"/>
    </row>
    <row r="163118" spans="8:8">
      <c r="H163118" s="12"/>
    </row>
    <row r="163119" spans="8:8">
      <c r="H163119" s="12"/>
    </row>
    <row r="163120" spans="8:8">
      <c r="H163120" s="12"/>
    </row>
    <row r="163121" spans="8:8">
      <c r="H163121" s="12"/>
    </row>
    <row r="163122" spans="8:8">
      <c r="H163122" s="12"/>
    </row>
    <row r="163123" spans="8:8">
      <c r="H163123" s="12"/>
    </row>
    <row r="163124" spans="8:8">
      <c r="H163124" s="12"/>
    </row>
    <row r="163125" spans="8:8">
      <c r="H163125" s="12"/>
    </row>
    <row r="163126" spans="8:8">
      <c r="H163126" s="12"/>
    </row>
    <row r="163127" spans="8:8">
      <c r="H163127" s="12"/>
    </row>
    <row r="163128" spans="8:8">
      <c r="H163128" s="12"/>
    </row>
    <row r="163129" spans="8:8">
      <c r="H163129" s="12"/>
    </row>
    <row r="163130" spans="8:8">
      <c r="H163130" s="12"/>
    </row>
    <row r="163131" spans="8:8">
      <c r="H163131" s="12"/>
    </row>
    <row r="163132" spans="8:8">
      <c r="H163132" s="12"/>
    </row>
    <row r="163133" spans="8:8">
      <c r="H163133" s="12"/>
    </row>
    <row r="163134" spans="8:8">
      <c r="H163134" s="12"/>
    </row>
    <row r="163135" spans="8:8">
      <c r="H163135" s="12"/>
    </row>
    <row r="163136" spans="8:8">
      <c r="H163136" s="12"/>
    </row>
    <row r="163137" spans="8:8">
      <c r="H163137" s="12"/>
    </row>
    <row r="163138" spans="8:8">
      <c r="H163138" s="12"/>
    </row>
    <row r="163139" spans="8:8">
      <c r="H163139" s="12"/>
    </row>
    <row r="163140" spans="8:8">
      <c r="H163140" s="12"/>
    </row>
    <row r="163141" spans="8:8">
      <c r="H163141" s="12"/>
    </row>
    <row r="163142" spans="8:8">
      <c r="H163142" s="12"/>
    </row>
    <row r="163143" spans="8:8">
      <c r="H163143" s="12"/>
    </row>
    <row r="163144" spans="8:8">
      <c r="H163144" s="12"/>
    </row>
    <row r="163145" spans="8:8">
      <c r="H163145" s="12"/>
    </row>
    <row r="163146" spans="8:8">
      <c r="H163146" s="12"/>
    </row>
    <row r="163147" spans="8:8">
      <c r="H163147" s="12"/>
    </row>
    <row r="163148" spans="8:8">
      <c r="H163148" s="12"/>
    </row>
    <row r="163149" spans="8:8">
      <c r="H163149" s="12"/>
    </row>
    <row r="163150" spans="8:8">
      <c r="H163150" s="12"/>
    </row>
    <row r="163151" spans="8:8">
      <c r="H163151" s="12"/>
    </row>
    <row r="163152" spans="8:8">
      <c r="H163152" s="12"/>
    </row>
    <row r="163153" spans="8:8">
      <c r="H163153" s="12"/>
    </row>
    <row r="163154" spans="8:8">
      <c r="H163154" s="12"/>
    </row>
    <row r="163155" spans="8:8">
      <c r="H163155" s="12"/>
    </row>
    <row r="163156" spans="8:8">
      <c r="H163156" s="12"/>
    </row>
    <row r="163157" spans="8:8">
      <c r="H163157" s="12"/>
    </row>
    <row r="163158" spans="8:8">
      <c r="H163158" s="12"/>
    </row>
    <row r="163159" spans="8:8">
      <c r="H163159" s="12"/>
    </row>
    <row r="163160" spans="8:8">
      <c r="H163160" s="12"/>
    </row>
    <row r="163161" spans="8:8">
      <c r="H163161" s="12"/>
    </row>
    <row r="163162" spans="8:8">
      <c r="H163162" s="12"/>
    </row>
    <row r="163163" spans="8:8">
      <c r="H163163" s="12"/>
    </row>
    <row r="163164" spans="8:8">
      <c r="H163164" s="12"/>
    </row>
    <row r="163165" spans="8:8">
      <c r="H163165" s="12"/>
    </row>
    <row r="163166" spans="8:8">
      <c r="H163166" s="12"/>
    </row>
    <row r="163167" spans="8:8">
      <c r="H163167" s="12"/>
    </row>
    <row r="163168" spans="8:8">
      <c r="H163168" s="12"/>
    </row>
    <row r="163169" spans="8:8">
      <c r="H163169" s="12"/>
    </row>
    <row r="163170" spans="8:8">
      <c r="H163170" s="12"/>
    </row>
    <row r="163171" spans="8:8">
      <c r="H163171" s="12"/>
    </row>
    <row r="163172" spans="8:8">
      <c r="H163172" s="12"/>
    </row>
    <row r="163173" spans="8:8">
      <c r="H163173" s="12"/>
    </row>
    <row r="163174" spans="8:8">
      <c r="H163174" s="12"/>
    </row>
    <row r="163175" spans="8:8">
      <c r="H163175" s="12"/>
    </row>
    <row r="163176" spans="8:8">
      <c r="H163176" s="12"/>
    </row>
    <row r="163177" spans="8:8">
      <c r="H163177" s="12"/>
    </row>
    <row r="163178" spans="8:8">
      <c r="H163178" s="12"/>
    </row>
    <row r="163179" spans="8:8">
      <c r="H163179" s="12"/>
    </row>
    <row r="163180" spans="8:8">
      <c r="H163180" s="12"/>
    </row>
    <row r="163181" spans="8:8">
      <c r="H163181" s="12"/>
    </row>
    <row r="163182" spans="8:8">
      <c r="H163182" s="12"/>
    </row>
    <row r="163183" spans="8:8">
      <c r="H163183" s="12"/>
    </row>
    <row r="163184" spans="8:8">
      <c r="H163184" s="12"/>
    </row>
    <row r="163185" spans="8:8">
      <c r="H163185" s="12"/>
    </row>
    <row r="163186" spans="8:8">
      <c r="H163186" s="12"/>
    </row>
    <row r="163187" spans="8:8">
      <c r="H163187" s="12"/>
    </row>
    <row r="163188" spans="8:8">
      <c r="H163188" s="12"/>
    </row>
    <row r="163189" spans="8:8">
      <c r="H163189" s="12"/>
    </row>
    <row r="163190" spans="8:8">
      <c r="H163190" s="12"/>
    </row>
    <row r="163191" spans="8:8">
      <c r="H163191" s="12"/>
    </row>
    <row r="163192" spans="8:8">
      <c r="H163192" s="12"/>
    </row>
    <row r="163193" spans="8:8">
      <c r="H163193" s="12"/>
    </row>
    <row r="163194" spans="8:8">
      <c r="H163194" s="12"/>
    </row>
    <row r="163195" spans="8:8">
      <c r="H163195" s="12"/>
    </row>
    <row r="163196" spans="8:8">
      <c r="H163196" s="12"/>
    </row>
    <row r="163197" spans="8:8">
      <c r="H163197" s="12"/>
    </row>
    <row r="163198" spans="8:8">
      <c r="H163198" s="12"/>
    </row>
    <row r="163199" spans="8:8">
      <c r="H163199" s="12"/>
    </row>
    <row r="163200" spans="8:8">
      <c r="H163200" s="12"/>
    </row>
    <row r="163201" spans="8:8">
      <c r="H163201" s="12"/>
    </row>
    <row r="163202" spans="8:8">
      <c r="H163202" s="12"/>
    </row>
    <row r="163203" spans="8:8">
      <c r="H163203" s="12"/>
    </row>
    <row r="163204" spans="8:8">
      <c r="H163204" s="12"/>
    </row>
    <row r="163205" spans="8:8">
      <c r="H163205" s="12"/>
    </row>
    <row r="163206" spans="8:8">
      <c r="H163206" s="12"/>
    </row>
    <row r="163207" spans="8:8">
      <c r="H163207" s="12"/>
    </row>
    <row r="163208" spans="8:8">
      <c r="H163208" s="12"/>
    </row>
    <row r="163209" spans="8:8">
      <c r="H163209" s="12"/>
    </row>
    <row r="163210" spans="8:8">
      <c r="H163210" s="12"/>
    </row>
    <row r="163211" spans="8:8">
      <c r="H163211" s="12"/>
    </row>
    <row r="163212" spans="8:8">
      <c r="H163212" s="12"/>
    </row>
    <row r="163213" spans="8:8">
      <c r="H163213" s="12"/>
    </row>
    <row r="163214" spans="8:8">
      <c r="H163214" s="12"/>
    </row>
    <row r="163215" spans="8:8">
      <c r="H163215" s="12"/>
    </row>
    <row r="163216" spans="8:8">
      <c r="H163216" s="12"/>
    </row>
    <row r="163217" spans="8:8">
      <c r="H163217" s="12"/>
    </row>
    <row r="163218" spans="8:8">
      <c r="H163218" s="12"/>
    </row>
    <row r="163219" spans="8:8">
      <c r="H163219" s="12"/>
    </row>
    <row r="163220" spans="8:8">
      <c r="H163220" s="12"/>
    </row>
    <row r="163221" spans="8:8">
      <c r="H163221" s="12"/>
    </row>
    <row r="163222" spans="8:8">
      <c r="H163222" s="12"/>
    </row>
    <row r="163223" spans="8:8">
      <c r="H163223" s="12"/>
    </row>
    <row r="163224" spans="8:8">
      <c r="H163224" s="12"/>
    </row>
    <row r="163225" spans="8:8">
      <c r="H163225" s="12"/>
    </row>
    <row r="163226" spans="8:8">
      <c r="H163226" s="12"/>
    </row>
    <row r="163227" spans="8:8">
      <c r="H163227" s="12"/>
    </row>
    <row r="163228" spans="8:8">
      <c r="H163228" s="12"/>
    </row>
    <row r="163229" spans="8:8">
      <c r="H163229" s="12"/>
    </row>
    <row r="163230" spans="8:8">
      <c r="H163230" s="12"/>
    </row>
    <row r="163231" spans="8:8">
      <c r="H163231" s="12"/>
    </row>
    <row r="163232" spans="8:8">
      <c r="H163232" s="12"/>
    </row>
    <row r="163233" spans="8:8">
      <c r="H163233" s="12"/>
    </row>
    <row r="163234" spans="8:8">
      <c r="H163234" s="12"/>
    </row>
    <row r="163235" spans="8:8">
      <c r="H163235" s="12"/>
    </row>
    <row r="163236" spans="8:8">
      <c r="H163236" s="12"/>
    </row>
    <row r="163237" spans="8:8">
      <c r="H163237" s="12"/>
    </row>
    <row r="163238" spans="8:8">
      <c r="H163238" s="12"/>
    </row>
    <row r="163239" spans="8:8">
      <c r="H163239" s="12"/>
    </row>
    <row r="163240" spans="8:8">
      <c r="H163240" s="12"/>
    </row>
    <row r="163241" spans="8:8">
      <c r="H163241" s="12"/>
    </row>
    <row r="163242" spans="8:8">
      <c r="H163242" s="12"/>
    </row>
    <row r="163243" spans="8:8">
      <c r="H163243" s="12"/>
    </row>
    <row r="163244" spans="8:8">
      <c r="H163244" s="12"/>
    </row>
    <row r="163245" spans="8:8">
      <c r="H163245" s="12"/>
    </row>
    <row r="163246" spans="8:8">
      <c r="H163246" s="12"/>
    </row>
    <row r="163247" spans="8:8">
      <c r="H163247" s="12"/>
    </row>
    <row r="163248" spans="8:8">
      <c r="H163248" s="12"/>
    </row>
    <row r="163249" spans="8:8">
      <c r="H163249" s="12"/>
    </row>
    <row r="163250" spans="8:8">
      <c r="H163250" s="12"/>
    </row>
    <row r="163251" spans="8:8">
      <c r="H163251" s="12"/>
    </row>
    <row r="163252" spans="8:8">
      <c r="H163252" s="12"/>
    </row>
    <row r="163253" spans="8:8">
      <c r="H163253" s="12"/>
    </row>
    <row r="163254" spans="8:8">
      <c r="H163254" s="12"/>
    </row>
    <row r="163255" spans="8:8">
      <c r="H163255" s="12"/>
    </row>
    <row r="163256" spans="8:8">
      <c r="H163256" s="12"/>
    </row>
    <row r="163257" spans="8:8">
      <c r="H163257" s="12"/>
    </row>
    <row r="163258" spans="8:8">
      <c r="H163258" s="12"/>
    </row>
    <row r="163259" spans="8:8">
      <c r="H163259" s="12"/>
    </row>
    <row r="163260" spans="8:8">
      <c r="H163260" s="12"/>
    </row>
    <row r="163261" spans="8:8">
      <c r="H163261" s="12"/>
    </row>
    <row r="163262" spans="8:8">
      <c r="H163262" s="12"/>
    </row>
    <row r="163263" spans="8:8">
      <c r="H163263" s="12"/>
    </row>
    <row r="163264" spans="8:8">
      <c r="H163264" s="12"/>
    </row>
    <row r="163265" spans="8:8">
      <c r="H163265" s="12"/>
    </row>
    <row r="163266" spans="8:8">
      <c r="H163266" s="12"/>
    </row>
    <row r="163267" spans="8:8">
      <c r="H163267" s="12"/>
    </row>
    <row r="163268" spans="8:8">
      <c r="H163268" s="12"/>
    </row>
    <row r="163269" spans="8:8">
      <c r="H163269" s="12"/>
    </row>
    <row r="163270" spans="8:8">
      <c r="H163270" s="12"/>
    </row>
    <row r="163271" spans="8:8">
      <c r="H163271" s="12"/>
    </row>
    <row r="163272" spans="8:8">
      <c r="H163272" s="12"/>
    </row>
    <row r="163273" spans="8:8">
      <c r="H163273" s="12"/>
    </row>
    <row r="163274" spans="8:8">
      <c r="H163274" s="12"/>
    </row>
    <row r="163275" spans="8:8">
      <c r="H163275" s="12"/>
    </row>
    <row r="163276" spans="8:8">
      <c r="H163276" s="12"/>
    </row>
    <row r="163277" spans="8:8">
      <c r="H163277" s="12"/>
    </row>
    <row r="163278" spans="8:8">
      <c r="H163278" s="12"/>
    </row>
    <row r="163279" spans="8:8">
      <c r="H163279" s="12"/>
    </row>
    <row r="163280" spans="8:8">
      <c r="H163280" s="12"/>
    </row>
    <row r="163281" spans="8:8">
      <c r="H163281" s="12"/>
    </row>
    <row r="163282" spans="8:8">
      <c r="H163282" s="12"/>
    </row>
    <row r="163283" spans="8:8">
      <c r="H163283" s="12"/>
    </row>
    <row r="163284" spans="8:8">
      <c r="H163284" s="12"/>
    </row>
    <row r="163285" spans="8:8">
      <c r="H163285" s="12"/>
    </row>
    <row r="163286" spans="8:8">
      <c r="H163286" s="12"/>
    </row>
    <row r="163287" spans="8:8">
      <c r="H163287" s="12"/>
    </row>
    <row r="163288" spans="8:8">
      <c r="H163288" s="12"/>
    </row>
    <row r="163289" spans="8:8">
      <c r="H163289" s="12"/>
    </row>
    <row r="163290" spans="8:8">
      <c r="H163290" s="12"/>
    </row>
    <row r="163291" spans="8:8">
      <c r="H163291" s="12"/>
    </row>
    <row r="163292" spans="8:8">
      <c r="H163292" s="12"/>
    </row>
    <row r="163293" spans="8:8">
      <c r="H163293" s="12"/>
    </row>
    <row r="163294" spans="8:8">
      <c r="H163294" s="12"/>
    </row>
    <row r="163295" spans="8:8">
      <c r="H163295" s="12"/>
    </row>
    <row r="163296" spans="8:8">
      <c r="H163296" s="12"/>
    </row>
    <row r="163297" spans="8:8">
      <c r="H163297" s="12"/>
    </row>
    <row r="163298" spans="8:8">
      <c r="H163298" s="12"/>
    </row>
    <row r="163299" spans="8:8">
      <c r="H163299" s="12"/>
    </row>
    <row r="163300" spans="8:8">
      <c r="H163300" s="12"/>
    </row>
    <row r="163301" spans="8:8">
      <c r="H163301" s="12"/>
    </row>
    <row r="163302" spans="8:8">
      <c r="H163302" s="12"/>
    </row>
    <row r="163303" spans="8:8">
      <c r="H163303" s="12"/>
    </row>
    <row r="163304" spans="8:8">
      <c r="H163304" s="12"/>
    </row>
    <row r="163305" spans="8:8">
      <c r="H163305" s="12"/>
    </row>
    <row r="163306" spans="8:8">
      <c r="H163306" s="12"/>
    </row>
    <row r="163307" spans="8:8">
      <c r="H163307" s="12"/>
    </row>
    <row r="163308" spans="8:8">
      <c r="H163308" s="12"/>
    </row>
    <row r="163309" spans="8:8">
      <c r="H163309" s="12"/>
    </row>
    <row r="163310" spans="8:8">
      <c r="H163310" s="12"/>
    </row>
    <row r="163311" spans="8:8">
      <c r="H163311" s="12"/>
    </row>
    <row r="163312" spans="8:8">
      <c r="H163312" s="12"/>
    </row>
    <row r="163313" spans="8:8">
      <c r="H163313" s="12"/>
    </row>
    <row r="163314" spans="8:8">
      <c r="H163314" s="12"/>
    </row>
    <row r="163315" spans="8:8">
      <c r="H163315" s="12"/>
    </row>
    <row r="163316" spans="8:8">
      <c r="H163316" s="12"/>
    </row>
    <row r="163317" spans="8:8">
      <c r="H163317" s="12"/>
    </row>
    <row r="163318" spans="8:8">
      <c r="H163318" s="12"/>
    </row>
    <row r="163319" spans="8:8">
      <c r="H163319" s="12"/>
    </row>
    <row r="163320" spans="8:8">
      <c r="H163320" s="12"/>
    </row>
    <row r="163321" spans="8:8">
      <c r="H163321" s="12"/>
    </row>
    <row r="163322" spans="8:8">
      <c r="H163322" s="12"/>
    </row>
    <row r="163323" spans="8:8">
      <c r="H163323" s="12"/>
    </row>
    <row r="163324" spans="8:8">
      <c r="H163324" s="12"/>
    </row>
    <row r="163325" spans="8:8">
      <c r="H163325" s="12"/>
    </row>
    <row r="163326" spans="8:8">
      <c r="H163326" s="12"/>
    </row>
    <row r="163327" spans="8:8">
      <c r="H163327" s="12"/>
    </row>
    <row r="163328" spans="8:8">
      <c r="H163328" s="12"/>
    </row>
    <row r="163329" spans="8:8">
      <c r="H163329" s="12"/>
    </row>
    <row r="163330" spans="8:8">
      <c r="H163330" s="12"/>
    </row>
    <row r="163331" spans="8:8">
      <c r="H163331" s="12"/>
    </row>
    <row r="163332" spans="8:8">
      <c r="H163332" s="12"/>
    </row>
    <row r="163333" spans="8:8">
      <c r="H163333" s="12"/>
    </row>
    <row r="163334" spans="8:8">
      <c r="H163334" s="12"/>
    </row>
    <row r="163335" spans="8:8">
      <c r="H163335" s="12"/>
    </row>
    <row r="163336" spans="8:8">
      <c r="H163336" s="12"/>
    </row>
    <row r="163337" spans="8:8">
      <c r="H163337" s="12"/>
    </row>
    <row r="163338" spans="8:8">
      <c r="H163338" s="12"/>
    </row>
    <row r="163339" spans="8:8">
      <c r="H163339" s="12"/>
    </row>
    <row r="163340" spans="8:8">
      <c r="H163340" s="12"/>
    </row>
    <row r="163341" spans="8:8">
      <c r="H163341" s="12"/>
    </row>
    <row r="163342" spans="8:8">
      <c r="H163342" s="12"/>
    </row>
    <row r="163343" spans="8:8">
      <c r="H163343" s="12"/>
    </row>
    <row r="163344" spans="8:8">
      <c r="H163344" s="12"/>
    </row>
    <row r="163345" spans="8:8">
      <c r="H163345" s="12"/>
    </row>
    <row r="163346" spans="8:8">
      <c r="H163346" s="12"/>
    </row>
    <row r="163347" spans="8:8">
      <c r="H163347" s="12"/>
    </row>
    <row r="163348" spans="8:8">
      <c r="H163348" s="12"/>
    </row>
    <row r="163349" spans="8:8">
      <c r="H163349" s="12"/>
    </row>
    <row r="163350" spans="8:8">
      <c r="H163350" s="12"/>
    </row>
    <row r="163351" spans="8:8">
      <c r="H163351" s="12"/>
    </row>
    <row r="163352" spans="8:8">
      <c r="H163352" s="12"/>
    </row>
    <row r="163353" spans="8:8">
      <c r="H163353" s="12"/>
    </row>
    <row r="163354" spans="8:8">
      <c r="H163354" s="12"/>
    </row>
    <row r="163355" spans="8:8">
      <c r="H163355" s="12"/>
    </row>
    <row r="163356" spans="8:8">
      <c r="H163356" s="12"/>
    </row>
    <row r="163357" spans="8:8">
      <c r="H163357" s="12"/>
    </row>
    <row r="163358" spans="8:8">
      <c r="H163358" s="12"/>
    </row>
    <row r="163359" spans="8:8">
      <c r="H163359" s="12"/>
    </row>
    <row r="163360" spans="8:8">
      <c r="H163360" s="12"/>
    </row>
    <row r="163361" spans="8:8">
      <c r="H163361" s="12"/>
    </row>
    <row r="163362" spans="8:8">
      <c r="H163362" s="12"/>
    </row>
    <row r="163363" spans="8:8">
      <c r="H163363" s="12"/>
    </row>
    <row r="163364" spans="8:8">
      <c r="H163364" s="12"/>
    </row>
    <row r="163365" spans="8:8">
      <c r="H163365" s="12"/>
    </row>
    <row r="163366" spans="8:8">
      <c r="H163366" s="12"/>
    </row>
    <row r="163367" spans="8:8">
      <c r="H163367" s="12"/>
    </row>
    <row r="163368" spans="8:8">
      <c r="H163368" s="12"/>
    </row>
    <row r="163369" spans="8:8">
      <c r="H163369" s="12"/>
    </row>
    <row r="163370" spans="8:8">
      <c r="H163370" s="12"/>
    </row>
    <row r="163371" spans="8:8">
      <c r="H163371" s="12"/>
    </row>
    <row r="163372" spans="8:8">
      <c r="H163372" s="12"/>
    </row>
    <row r="163373" spans="8:8">
      <c r="H163373" s="12"/>
    </row>
    <row r="163374" spans="8:8">
      <c r="H163374" s="12"/>
    </row>
    <row r="163375" spans="8:8">
      <c r="H163375" s="12"/>
    </row>
    <row r="163376" spans="8:8">
      <c r="H163376" s="12"/>
    </row>
    <row r="163377" spans="8:8">
      <c r="H163377" s="12"/>
    </row>
    <row r="163378" spans="8:8">
      <c r="H163378" s="12"/>
    </row>
    <row r="163379" spans="8:8">
      <c r="H163379" s="12"/>
    </row>
    <row r="163380" spans="8:8">
      <c r="H163380" s="12"/>
    </row>
    <row r="163381" spans="8:8">
      <c r="H163381" s="12"/>
    </row>
    <row r="163382" spans="8:8">
      <c r="H163382" s="12"/>
    </row>
    <row r="163383" spans="8:8">
      <c r="H163383" s="12"/>
    </row>
    <row r="163384" spans="8:8">
      <c r="H163384" s="12"/>
    </row>
    <row r="163385" spans="8:8">
      <c r="H163385" s="12"/>
    </row>
    <row r="163386" spans="8:8">
      <c r="H163386" s="12"/>
    </row>
    <row r="163387" spans="8:8">
      <c r="H163387" s="12"/>
    </row>
    <row r="163388" spans="8:8">
      <c r="H163388" s="12"/>
    </row>
    <row r="163389" spans="8:8">
      <c r="H163389" s="12"/>
    </row>
    <row r="163390" spans="8:8">
      <c r="H163390" s="12"/>
    </row>
    <row r="163391" spans="8:8">
      <c r="H163391" s="12"/>
    </row>
    <row r="163392" spans="8:8">
      <c r="H163392" s="12"/>
    </row>
    <row r="163393" spans="8:8">
      <c r="H163393" s="12"/>
    </row>
    <row r="163394" spans="8:8">
      <c r="H163394" s="12"/>
    </row>
    <row r="163395" spans="8:8">
      <c r="H163395" s="12"/>
    </row>
    <row r="163396" spans="8:8">
      <c r="H163396" s="12"/>
    </row>
    <row r="163397" spans="8:8">
      <c r="H163397" s="12"/>
    </row>
    <row r="163398" spans="8:8">
      <c r="H163398" s="12"/>
    </row>
    <row r="163399" spans="8:8">
      <c r="H163399" s="12"/>
    </row>
    <row r="163400" spans="8:8">
      <c r="H163400" s="12"/>
    </row>
    <row r="163401" spans="8:8">
      <c r="H163401" s="12"/>
    </row>
    <row r="163402" spans="8:8">
      <c r="H163402" s="12"/>
    </row>
    <row r="163403" spans="8:8">
      <c r="H163403" s="12"/>
    </row>
    <row r="163404" spans="8:8">
      <c r="H163404" s="12"/>
    </row>
    <row r="163405" spans="8:8">
      <c r="H163405" s="12"/>
    </row>
    <row r="163406" spans="8:8">
      <c r="H163406" s="12"/>
    </row>
    <row r="163407" spans="8:8">
      <c r="H163407" s="12"/>
    </row>
    <row r="163408" spans="8:8">
      <c r="H163408" s="12"/>
    </row>
    <row r="163409" spans="8:8">
      <c r="H163409" s="12"/>
    </row>
    <row r="163410" spans="8:8">
      <c r="H163410" s="12"/>
    </row>
    <row r="163411" spans="8:8">
      <c r="H163411" s="12"/>
    </row>
    <row r="163412" spans="8:8">
      <c r="H163412" s="12"/>
    </row>
    <row r="163413" spans="8:8">
      <c r="H163413" s="12"/>
    </row>
    <row r="163414" spans="8:8">
      <c r="H163414" s="12"/>
    </row>
    <row r="163415" spans="8:8">
      <c r="H163415" s="12"/>
    </row>
    <row r="163416" spans="8:8">
      <c r="H163416" s="12"/>
    </row>
    <row r="163417" spans="8:8">
      <c r="H163417" s="12"/>
    </row>
    <row r="163418" spans="8:8">
      <c r="H163418" s="12"/>
    </row>
    <row r="163419" spans="8:8">
      <c r="H163419" s="12"/>
    </row>
    <row r="163420" spans="8:8">
      <c r="H163420" s="12"/>
    </row>
    <row r="163421" spans="8:8">
      <c r="H163421" s="12"/>
    </row>
    <row r="163422" spans="8:8">
      <c r="H163422" s="12"/>
    </row>
    <row r="163423" spans="8:8">
      <c r="H163423" s="12"/>
    </row>
    <row r="163424" spans="8:8">
      <c r="H163424" s="12"/>
    </row>
    <row r="163425" spans="8:8">
      <c r="H163425" s="12"/>
    </row>
    <row r="163426" spans="8:8">
      <c r="H163426" s="12"/>
    </row>
    <row r="163427" spans="8:8">
      <c r="H163427" s="12"/>
    </row>
    <row r="163428" spans="8:8">
      <c r="H163428" s="12"/>
    </row>
    <row r="163429" spans="8:8">
      <c r="H163429" s="12"/>
    </row>
    <row r="163430" spans="8:8">
      <c r="H163430" s="12"/>
    </row>
    <row r="163431" spans="8:8">
      <c r="H163431" s="12"/>
    </row>
    <row r="163432" spans="8:8">
      <c r="H163432" s="12"/>
    </row>
    <row r="163433" spans="8:8">
      <c r="H163433" s="12"/>
    </row>
    <row r="163434" spans="8:8">
      <c r="H163434" s="12"/>
    </row>
    <row r="163435" spans="8:8">
      <c r="H163435" s="12"/>
    </row>
    <row r="163436" spans="8:8">
      <c r="H163436" s="12"/>
    </row>
    <row r="163437" spans="8:8">
      <c r="H163437" s="12"/>
    </row>
    <row r="163438" spans="8:8">
      <c r="H163438" s="12"/>
    </row>
    <row r="163439" spans="8:8">
      <c r="H163439" s="12"/>
    </row>
    <row r="163440" spans="8:8">
      <c r="H163440" s="12"/>
    </row>
    <row r="163441" spans="8:8">
      <c r="H163441" s="12"/>
    </row>
    <row r="163442" spans="8:8">
      <c r="H163442" s="12"/>
    </row>
    <row r="163443" spans="8:8">
      <c r="H163443" s="12"/>
    </row>
    <row r="163444" spans="8:8">
      <c r="H163444" s="12"/>
    </row>
    <row r="163445" spans="8:8">
      <c r="H163445" s="12"/>
    </row>
    <row r="163446" spans="8:8">
      <c r="H163446" s="12"/>
    </row>
    <row r="163447" spans="8:8">
      <c r="H163447" s="12"/>
    </row>
    <row r="163448" spans="8:8">
      <c r="H163448" s="12"/>
    </row>
    <row r="163449" spans="8:8">
      <c r="H163449" s="12"/>
    </row>
    <row r="163450" spans="8:8">
      <c r="H163450" s="12"/>
    </row>
    <row r="163451" spans="8:8">
      <c r="H163451" s="12"/>
    </row>
    <row r="163452" spans="8:8">
      <c r="H163452" s="12"/>
    </row>
    <row r="163453" spans="8:8">
      <c r="H163453" s="12"/>
    </row>
    <row r="163454" spans="8:8">
      <c r="H163454" s="12"/>
    </row>
    <row r="163455" spans="8:8">
      <c r="H163455" s="12"/>
    </row>
    <row r="163456" spans="8:8">
      <c r="H163456" s="12"/>
    </row>
    <row r="163457" spans="8:8">
      <c r="H163457" s="12"/>
    </row>
    <row r="163458" spans="8:8">
      <c r="H163458" s="12"/>
    </row>
    <row r="163459" spans="8:8">
      <c r="H163459" s="12"/>
    </row>
    <row r="163460" spans="8:8">
      <c r="H163460" s="12"/>
    </row>
    <row r="163461" spans="8:8">
      <c r="H163461" s="12"/>
    </row>
    <row r="163462" spans="8:8">
      <c r="H163462" s="12"/>
    </row>
    <row r="163463" spans="8:8">
      <c r="H163463" s="12"/>
    </row>
    <row r="163464" spans="8:8">
      <c r="H163464" s="12"/>
    </row>
    <row r="163465" spans="8:8">
      <c r="H163465" s="12"/>
    </row>
    <row r="163466" spans="8:8">
      <c r="H163466" s="12"/>
    </row>
    <row r="163467" spans="8:8">
      <c r="H163467" s="12"/>
    </row>
    <row r="163468" spans="8:8">
      <c r="H163468" s="12"/>
    </row>
    <row r="163469" spans="8:8">
      <c r="H163469" s="12"/>
    </row>
    <row r="163470" spans="8:8">
      <c r="H163470" s="12"/>
    </row>
    <row r="163471" spans="8:8">
      <c r="H163471" s="12"/>
    </row>
    <row r="163472" spans="8:8">
      <c r="H163472" s="12"/>
    </row>
    <row r="163473" spans="8:8">
      <c r="H163473" s="12"/>
    </row>
    <row r="163474" spans="8:8">
      <c r="H163474" s="12"/>
    </row>
    <row r="163475" spans="8:8">
      <c r="H163475" s="12"/>
    </row>
    <row r="163476" spans="8:8">
      <c r="H163476" s="12"/>
    </row>
    <row r="163477" spans="8:8">
      <c r="H163477" s="12"/>
    </row>
    <row r="163478" spans="8:8">
      <c r="H163478" s="12"/>
    </row>
    <row r="163479" spans="8:8">
      <c r="H163479" s="12"/>
    </row>
    <row r="163480" spans="8:8">
      <c r="H163480" s="12"/>
    </row>
    <row r="163481" spans="8:8">
      <c r="H163481" s="12"/>
    </row>
    <row r="163482" spans="8:8">
      <c r="H163482" s="12"/>
    </row>
    <row r="163483" spans="8:8">
      <c r="H163483" s="12"/>
    </row>
    <row r="163484" spans="8:8">
      <c r="H163484" s="12"/>
    </row>
    <row r="163485" spans="8:8">
      <c r="H163485" s="12"/>
    </row>
    <row r="163486" spans="8:8">
      <c r="H163486" s="12"/>
    </row>
    <row r="163487" spans="8:8">
      <c r="H163487" s="12"/>
    </row>
    <row r="163488" spans="8:8">
      <c r="H163488" s="12"/>
    </row>
    <row r="163489" spans="8:8">
      <c r="H163489" s="12"/>
    </row>
    <row r="163490" spans="8:8">
      <c r="H163490" s="12"/>
    </row>
    <row r="163491" spans="8:8">
      <c r="H163491" s="12"/>
    </row>
    <row r="163492" spans="8:8">
      <c r="H163492" s="12"/>
    </row>
    <row r="163493" spans="8:8">
      <c r="H163493" s="12"/>
    </row>
    <row r="163494" spans="8:8">
      <c r="H163494" s="12"/>
    </row>
    <row r="163495" spans="8:8">
      <c r="H163495" s="12"/>
    </row>
    <row r="163496" spans="8:8">
      <c r="H163496" s="12"/>
    </row>
    <row r="163497" spans="8:8">
      <c r="H163497" s="12"/>
    </row>
    <row r="163498" spans="8:8">
      <c r="H163498" s="12"/>
    </row>
    <row r="163499" spans="8:8">
      <c r="H163499" s="12"/>
    </row>
    <row r="163500" spans="8:8">
      <c r="H163500" s="12"/>
    </row>
    <row r="163501" spans="8:8">
      <c r="H163501" s="12"/>
    </row>
    <row r="163502" spans="8:8">
      <c r="H163502" s="12"/>
    </row>
    <row r="163503" spans="8:8">
      <c r="H163503" s="12"/>
    </row>
    <row r="163504" spans="8:8">
      <c r="H163504" s="12"/>
    </row>
    <row r="163505" spans="8:8">
      <c r="H163505" s="12"/>
    </row>
    <row r="163506" spans="8:8">
      <c r="H163506" s="12"/>
    </row>
    <row r="163507" spans="8:8">
      <c r="H163507" s="12"/>
    </row>
    <row r="163508" spans="8:8">
      <c r="H163508" s="12"/>
    </row>
    <row r="163509" spans="8:8">
      <c r="H163509" s="12"/>
    </row>
    <row r="163510" spans="8:8">
      <c r="H163510" s="12"/>
    </row>
    <row r="163511" spans="8:8">
      <c r="H163511" s="12"/>
    </row>
    <row r="163512" spans="8:8">
      <c r="H163512" s="12"/>
    </row>
    <row r="163513" spans="8:8">
      <c r="H163513" s="12"/>
    </row>
    <row r="163514" spans="8:8">
      <c r="H163514" s="12"/>
    </row>
    <row r="163515" spans="8:8">
      <c r="H163515" s="12"/>
    </row>
    <row r="163516" spans="8:8">
      <c r="H163516" s="12"/>
    </row>
    <row r="163517" spans="8:8">
      <c r="H163517" s="12"/>
    </row>
    <row r="163518" spans="8:8">
      <c r="H163518" s="12"/>
    </row>
    <row r="163519" spans="8:8">
      <c r="H163519" s="12"/>
    </row>
    <row r="163520" spans="8:8">
      <c r="H163520" s="12"/>
    </row>
    <row r="163521" spans="8:8">
      <c r="H163521" s="12"/>
    </row>
    <row r="163522" spans="8:8">
      <c r="H163522" s="12"/>
    </row>
    <row r="163523" spans="8:8">
      <c r="H163523" s="12"/>
    </row>
    <row r="163524" spans="8:8">
      <c r="H163524" s="12"/>
    </row>
    <row r="163525" spans="8:8">
      <c r="H163525" s="12"/>
    </row>
    <row r="163526" spans="8:8">
      <c r="H163526" s="12"/>
    </row>
    <row r="163527" spans="8:8">
      <c r="H163527" s="12"/>
    </row>
    <row r="163528" spans="8:8">
      <c r="H163528" s="12"/>
    </row>
    <row r="163529" spans="8:8">
      <c r="H163529" s="12"/>
    </row>
    <row r="163530" spans="8:8">
      <c r="H163530" s="12"/>
    </row>
    <row r="163531" spans="8:8">
      <c r="H163531" s="12"/>
    </row>
    <row r="163532" spans="8:8">
      <c r="H163532" s="12"/>
    </row>
    <row r="163533" spans="8:8">
      <c r="H163533" s="12"/>
    </row>
    <row r="163534" spans="8:8">
      <c r="H163534" s="12"/>
    </row>
    <row r="163535" spans="8:8">
      <c r="H163535" s="12"/>
    </row>
    <row r="163536" spans="8:8">
      <c r="H163536" s="12"/>
    </row>
    <row r="163537" spans="8:8">
      <c r="H163537" s="12"/>
    </row>
    <row r="163538" spans="8:8">
      <c r="H163538" s="12"/>
    </row>
    <row r="163539" spans="8:8">
      <c r="H163539" s="12"/>
    </row>
    <row r="163540" spans="8:8">
      <c r="H163540" s="12"/>
    </row>
    <row r="163541" spans="8:8">
      <c r="H163541" s="12"/>
    </row>
    <row r="163542" spans="8:8">
      <c r="H163542" s="12"/>
    </row>
    <row r="163543" spans="8:8">
      <c r="H163543" s="12"/>
    </row>
    <row r="163544" spans="8:8">
      <c r="H163544" s="12"/>
    </row>
    <row r="163545" spans="8:8">
      <c r="H163545" s="12"/>
    </row>
    <row r="163546" spans="8:8">
      <c r="H163546" s="12"/>
    </row>
    <row r="163547" spans="8:8">
      <c r="H163547" s="12"/>
    </row>
    <row r="163548" spans="8:8">
      <c r="H163548" s="12"/>
    </row>
    <row r="163549" spans="8:8">
      <c r="H163549" s="12"/>
    </row>
    <row r="163550" spans="8:8">
      <c r="H163550" s="12"/>
    </row>
    <row r="163551" spans="8:8">
      <c r="H163551" s="12"/>
    </row>
    <row r="163552" spans="8:8">
      <c r="H163552" s="12"/>
    </row>
    <row r="163553" spans="8:8">
      <c r="H163553" s="12"/>
    </row>
    <row r="163554" spans="8:8">
      <c r="H163554" s="12"/>
    </row>
    <row r="163555" spans="8:8">
      <c r="H163555" s="12"/>
    </row>
    <row r="163556" spans="8:8">
      <c r="H163556" s="12"/>
    </row>
    <row r="163557" spans="8:8">
      <c r="H163557" s="12"/>
    </row>
    <row r="163558" spans="8:8">
      <c r="H163558" s="12"/>
    </row>
    <row r="163559" spans="8:8">
      <c r="H163559" s="12"/>
    </row>
    <row r="163560" spans="8:8">
      <c r="H163560" s="12"/>
    </row>
    <row r="163561" spans="8:8">
      <c r="H163561" s="12"/>
    </row>
    <row r="163562" spans="8:8">
      <c r="H163562" s="12"/>
    </row>
    <row r="163563" spans="8:8">
      <c r="H163563" s="12"/>
    </row>
    <row r="163564" spans="8:8">
      <c r="H163564" s="12"/>
    </row>
    <row r="163565" spans="8:8">
      <c r="H163565" s="12"/>
    </row>
    <row r="163566" spans="8:8">
      <c r="H163566" s="12"/>
    </row>
    <row r="163567" spans="8:8">
      <c r="H163567" s="12"/>
    </row>
    <row r="163568" spans="8:8">
      <c r="H163568" s="12"/>
    </row>
    <row r="163569" spans="8:8">
      <c r="H163569" s="12"/>
    </row>
    <row r="163570" spans="8:8">
      <c r="H163570" s="12"/>
    </row>
    <row r="163571" spans="8:8">
      <c r="H163571" s="12"/>
    </row>
    <row r="163572" spans="8:8">
      <c r="H163572" s="12"/>
    </row>
    <row r="163573" spans="8:8">
      <c r="H163573" s="12"/>
    </row>
    <row r="163574" spans="8:8">
      <c r="H163574" s="12"/>
    </row>
    <row r="163575" spans="8:8">
      <c r="H163575" s="12"/>
    </row>
    <row r="163576" spans="8:8">
      <c r="H163576" s="12"/>
    </row>
    <row r="163577" spans="8:8">
      <c r="H163577" s="12"/>
    </row>
    <row r="163578" spans="8:8">
      <c r="H163578" s="12"/>
    </row>
    <row r="163579" spans="8:8">
      <c r="H163579" s="12"/>
    </row>
    <row r="163580" spans="8:8">
      <c r="H163580" s="12"/>
    </row>
    <row r="163581" spans="8:8">
      <c r="H163581" s="12"/>
    </row>
    <row r="163582" spans="8:8">
      <c r="H163582" s="12"/>
    </row>
    <row r="163583" spans="8:8">
      <c r="H163583" s="12"/>
    </row>
    <row r="163584" spans="8:8">
      <c r="H163584" s="12"/>
    </row>
    <row r="163585" spans="8:8">
      <c r="H163585" s="12"/>
    </row>
    <row r="163586" spans="8:8">
      <c r="H163586" s="12"/>
    </row>
    <row r="163587" spans="8:8">
      <c r="H163587" s="12"/>
    </row>
    <row r="163588" spans="8:8">
      <c r="H163588" s="12"/>
    </row>
    <row r="163589" spans="8:8">
      <c r="H163589" s="12"/>
    </row>
    <row r="163590" spans="8:8">
      <c r="H163590" s="12"/>
    </row>
    <row r="163591" spans="8:8">
      <c r="H163591" s="12"/>
    </row>
    <row r="163592" spans="8:8">
      <c r="H163592" s="12"/>
    </row>
    <row r="163593" spans="8:8">
      <c r="H163593" s="12"/>
    </row>
    <row r="163594" spans="8:8">
      <c r="H163594" s="12"/>
    </row>
    <row r="163595" spans="8:8">
      <c r="H163595" s="12"/>
    </row>
    <row r="163596" spans="8:8">
      <c r="H163596" s="12"/>
    </row>
    <row r="163597" spans="8:8">
      <c r="H163597" s="12"/>
    </row>
    <row r="163598" spans="8:8">
      <c r="H163598" s="12"/>
    </row>
    <row r="163599" spans="8:8">
      <c r="H163599" s="12"/>
    </row>
    <row r="163600" spans="8:8">
      <c r="H163600" s="12"/>
    </row>
    <row r="163601" spans="8:8">
      <c r="H163601" s="12"/>
    </row>
    <row r="163602" spans="8:8">
      <c r="H163602" s="12"/>
    </row>
    <row r="163603" spans="8:8">
      <c r="H163603" s="12"/>
    </row>
    <row r="163604" spans="8:8">
      <c r="H163604" s="12"/>
    </row>
    <row r="163605" spans="8:8">
      <c r="H163605" s="12"/>
    </row>
    <row r="163606" spans="8:8">
      <c r="H163606" s="12"/>
    </row>
    <row r="163607" spans="8:8">
      <c r="H163607" s="12"/>
    </row>
    <row r="163608" spans="8:8">
      <c r="H163608" s="12"/>
    </row>
    <row r="163609" spans="8:8">
      <c r="H163609" s="12"/>
    </row>
    <row r="163610" spans="8:8">
      <c r="H163610" s="12"/>
    </row>
    <row r="163611" spans="8:8">
      <c r="H163611" s="12"/>
    </row>
    <row r="163612" spans="8:8">
      <c r="H163612" s="12"/>
    </row>
    <row r="163613" spans="8:8">
      <c r="H163613" s="12"/>
    </row>
    <row r="163614" spans="8:8">
      <c r="H163614" s="12"/>
    </row>
    <row r="163615" spans="8:8">
      <c r="H163615" s="12"/>
    </row>
    <row r="163616" spans="8:8">
      <c r="H163616" s="12"/>
    </row>
    <row r="163617" spans="8:8">
      <c r="H163617" s="12"/>
    </row>
    <row r="163618" spans="8:8">
      <c r="H163618" s="12"/>
    </row>
    <row r="163619" spans="8:8">
      <c r="H163619" s="12"/>
    </row>
    <row r="163620" spans="8:8">
      <c r="H163620" s="12"/>
    </row>
    <row r="163621" spans="8:8">
      <c r="H163621" s="12"/>
    </row>
    <row r="163622" spans="8:8">
      <c r="H163622" s="12"/>
    </row>
    <row r="163623" spans="8:8">
      <c r="H163623" s="12"/>
    </row>
    <row r="163624" spans="8:8">
      <c r="H163624" s="12"/>
    </row>
    <row r="163625" spans="8:8">
      <c r="H163625" s="12"/>
    </row>
    <row r="163626" spans="8:8">
      <c r="H163626" s="12"/>
    </row>
    <row r="163627" spans="8:8">
      <c r="H163627" s="12"/>
    </row>
    <row r="163628" spans="8:8">
      <c r="H163628" s="12"/>
    </row>
    <row r="163629" spans="8:8">
      <c r="H163629" s="12"/>
    </row>
    <row r="163630" spans="8:8">
      <c r="H163630" s="12"/>
    </row>
    <row r="163631" spans="8:8">
      <c r="H163631" s="12"/>
    </row>
    <row r="163632" spans="8:8">
      <c r="H163632" s="12"/>
    </row>
    <row r="163633" spans="8:8">
      <c r="H163633" s="12"/>
    </row>
    <row r="163634" spans="8:8">
      <c r="H163634" s="12"/>
    </row>
    <row r="163635" spans="8:8">
      <c r="H163635" s="12"/>
    </row>
    <row r="163636" spans="8:8">
      <c r="H163636" s="12"/>
    </row>
    <row r="163637" spans="8:8">
      <c r="H163637" s="12"/>
    </row>
    <row r="163638" spans="8:8">
      <c r="H163638" s="12"/>
    </row>
    <row r="163639" spans="8:8">
      <c r="H163639" s="12"/>
    </row>
    <row r="163640" spans="8:8">
      <c r="H163640" s="12"/>
    </row>
    <row r="163641" spans="8:8">
      <c r="H163641" s="12"/>
    </row>
    <row r="163642" spans="8:8">
      <c r="H163642" s="12"/>
    </row>
    <row r="163643" spans="8:8">
      <c r="H163643" s="12"/>
    </row>
    <row r="163644" spans="8:8">
      <c r="H163644" s="12"/>
    </row>
    <row r="163645" spans="8:8">
      <c r="H163645" s="12"/>
    </row>
    <row r="163646" spans="8:8">
      <c r="H163646" s="12"/>
    </row>
    <row r="163647" spans="8:8">
      <c r="H163647" s="12"/>
    </row>
    <row r="163648" spans="8:8">
      <c r="H163648" s="12"/>
    </row>
    <row r="163649" spans="8:8">
      <c r="H163649" s="12"/>
    </row>
    <row r="163650" spans="8:8">
      <c r="H163650" s="12"/>
    </row>
    <row r="163651" spans="8:8">
      <c r="H163651" s="12"/>
    </row>
    <row r="163652" spans="8:8">
      <c r="H163652" s="12"/>
    </row>
    <row r="163653" spans="8:8">
      <c r="H163653" s="12"/>
    </row>
    <row r="163654" spans="8:8">
      <c r="H163654" s="12"/>
    </row>
    <row r="163655" spans="8:8">
      <c r="H163655" s="12"/>
    </row>
    <row r="163656" spans="8:8">
      <c r="H163656" s="12"/>
    </row>
    <row r="163657" spans="8:8">
      <c r="H163657" s="12"/>
    </row>
    <row r="163658" spans="8:8">
      <c r="H163658" s="12"/>
    </row>
    <row r="163659" spans="8:8">
      <c r="H163659" s="12"/>
    </row>
    <row r="163660" spans="8:8">
      <c r="H163660" s="12"/>
    </row>
    <row r="163661" spans="8:8">
      <c r="H163661" s="12"/>
    </row>
    <row r="163662" spans="8:8">
      <c r="H163662" s="12"/>
    </row>
    <row r="163663" spans="8:8">
      <c r="H163663" s="12"/>
    </row>
    <row r="163664" spans="8:8">
      <c r="H163664" s="12"/>
    </row>
    <row r="163665" spans="8:8">
      <c r="H163665" s="12"/>
    </row>
    <row r="163666" spans="8:8">
      <c r="H163666" s="12"/>
    </row>
    <row r="163667" spans="8:8">
      <c r="H163667" s="12"/>
    </row>
    <row r="163668" spans="8:8">
      <c r="H163668" s="12"/>
    </row>
    <row r="163669" spans="8:8">
      <c r="H163669" s="12"/>
    </row>
    <row r="163670" spans="8:8">
      <c r="H163670" s="12"/>
    </row>
    <row r="163671" spans="8:8">
      <c r="H163671" s="12"/>
    </row>
    <row r="163672" spans="8:8">
      <c r="H163672" s="12"/>
    </row>
    <row r="163673" spans="8:8">
      <c r="H163673" s="12"/>
    </row>
    <row r="163674" spans="8:8">
      <c r="H163674" s="12"/>
    </row>
    <row r="163675" spans="8:8">
      <c r="H163675" s="12"/>
    </row>
    <row r="163676" spans="8:8">
      <c r="H163676" s="12"/>
    </row>
    <row r="163677" spans="8:8">
      <c r="H163677" s="12"/>
    </row>
    <row r="163678" spans="8:8">
      <c r="H163678" s="12"/>
    </row>
    <row r="163679" spans="8:8">
      <c r="H163679" s="12"/>
    </row>
    <row r="163680" spans="8:8">
      <c r="H163680" s="12"/>
    </row>
    <row r="163681" spans="8:8">
      <c r="H163681" s="12"/>
    </row>
    <row r="163682" spans="8:8">
      <c r="H163682" s="12"/>
    </row>
    <row r="163683" spans="8:8">
      <c r="H163683" s="12"/>
    </row>
    <row r="163684" spans="8:8">
      <c r="H163684" s="12"/>
    </row>
    <row r="163685" spans="8:8">
      <c r="H163685" s="12"/>
    </row>
    <row r="163686" spans="8:8">
      <c r="H163686" s="12"/>
    </row>
    <row r="163687" spans="8:8">
      <c r="H163687" s="12"/>
    </row>
    <row r="163688" spans="8:8">
      <c r="H163688" s="12"/>
    </row>
    <row r="163689" spans="8:8">
      <c r="H163689" s="12"/>
    </row>
    <row r="163690" spans="8:8">
      <c r="H163690" s="12"/>
    </row>
    <row r="163691" spans="8:8">
      <c r="H163691" s="12"/>
    </row>
    <row r="163692" spans="8:8">
      <c r="H163692" s="12"/>
    </row>
    <row r="163693" spans="8:8">
      <c r="H163693" s="12"/>
    </row>
    <row r="163694" spans="8:8">
      <c r="H163694" s="12"/>
    </row>
    <row r="163695" spans="8:8">
      <c r="H163695" s="12"/>
    </row>
    <row r="163696" spans="8:8">
      <c r="H163696" s="12"/>
    </row>
    <row r="163697" spans="8:8">
      <c r="H163697" s="12"/>
    </row>
    <row r="163698" spans="8:8">
      <c r="H163698" s="12"/>
    </row>
    <row r="163699" spans="8:8">
      <c r="H163699" s="12"/>
    </row>
    <row r="163700" spans="8:8">
      <c r="H163700" s="12"/>
    </row>
    <row r="163701" spans="8:8">
      <c r="H163701" s="12"/>
    </row>
    <row r="163702" spans="8:8">
      <c r="H163702" s="12"/>
    </row>
    <row r="163703" spans="8:8">
      <c r="H163703" s="12"/>
    </row>
    <row r="163704" spans="8:8">
      <c r="H163704" s="12"/>
    </row>
    <row r="163705" spans="8:8">
      <c r="H163705" s="12"/>
    </row>
    <row r="163706" spans="8:8">
      <c r="H163706" s="12"/>
    </row>
    <row r="163707" spans="8:8">
      <c r="H163707" s="12"/>
    </row>
    <row r="163708" spans="8:8">
      <c r="H163708" s="12"/>
    </row>
    <row r="163709" spans="8:8">
      <c r="H163709" s="12"/>
    </row>
    <row r="163710" spans="8:8">
      <c r="H163710" s="12"/>
    </row>
    <row r="163711" spans="8:8">
      <c r="H163711" s="12"/>
    </row>
    <row r="163712" spans="8:8">
      <c r="H163712" s="12"/>
    </row>
    <row r="163713" spans="8:8">
      <c r="H163713" s="12"/>
    </row>
    <row r="163714" spans="8:8">
      <c r="H163714" s="12"/>
    </row>
    <row r="163715" spans="8:8">
      <c r="H163715" s="12"/>
    </row>
    <row r="163716" spans="8:8">
      <c r="H163716" s="12"/>
    </row>
    <row r="163717" spans="8:8">
      <c r="H163717" s="12"/>
    </row>
    <row r="163718" spans="8:8">
      <c r="H163718" s="12"/>
    </row>
    <row r="163719" spans="8:8">
      <c r="H163719" s="12"/>
    </row>
    <row r="163720" spans="8:8">
      <c r="H163720" s="12"/>
    </row>
    <row r="163721" spans="8:8">
      <c r="H163721" s="12"/>
    </row>
    <row r="163722" spans="8:8">
      <c r="H163722" s="12"/>
    </row>
    <row r="163723" spans="8:8">
      <c r="H163723" s="12"/>
    </row>
    <row r="163724" spans="8:8">
      <c r="H163724" s="12"/>
    </row>
    <row r="163725" spans="8:8">
      <c r="H163725" s="12"/>
    </row>
    <row r="163726" spans="8:8">
      <c r="H163726" s="12"/>
    </row>
    <row r="163727" spans="8:8">
      <c r="H163727" s="12"/>
    </row>
    <row r="163728" spans="8:8">
      <c r="H163728" s="12"/>
    </row>
    <row r="163729" spans="8:8">
      <c r="H163729" s="12"/>
    </row>
    <row r="163730" spans="8:8">
      <c r="H163730" s="12"/>
    </row>
    <row r="163731" spans="8:8">
      <c r="H163731" s="12"/>
    </row>
    <row r="163732" spans="8:8">
      <c r="H163732" s="12"/>
    </row>
    <row r="163733" spans="8:8">
      <c r="H163733" s="12"/>
    </row>
    <row r="163734" spans="8:8">
      <c r="H163734" s="12"/>
    </row>
    <row r="163735" spans="8:8">
      <c r="H163735" s="12"/>
    </row>
    <row r="163736" spans="8:8">
      <c r="H163736" s="12"/>
    </row>
    <row r="163737" spans="8:8">
      <c r="H163737" s="12"/>
    </row>
    <row r="163738" spans="8:8">
      <c r="H163738" s="12"/>
    </row>
    <row r="163739" spans="8:8">
      <c r="H163739" s="12"/>
    </row>
    <row r="163740" spans="8:8">
      <c r="H163740" s="12"/>
    </row>
    <row r="163741" spans="8:8">
      <c r="H163741" s="12"/>
    </row>
    <row r="163742" spans="8:8">
      <c r="H163742" s="12"/>
    </row>
    <row r="163743" spans="8:8">
      <c r="H163743" s="12"/>
    </row>
    <row r="163744" spans="8:8">
      <c r="H163744" s="12"/>
    </row>
    <row r="163745" spans="8:8">
      <c r="H163745" s="12"/>
    </row>
    <row r="163746" spans="8:8">
      <c r="H163746" s="12"/>
    </row>
    <row r="163747" spans="8:8">
      <c r="H163747" s="12"/>
    </row>
    <row r="163748" spans="8:8">
      <c r="H163748" s="12"/>
    </row>
    <row r="163749" spans="8:8">
      <c r="H163749" s="12"/>
    </row>
    <row r="163750" spans="8:8">
      <c r="H163750" s="12"/>
    </row>
    <row r="163751" spans="8:8">
      <c r="H163751" s="12"/>
    </row>
    <row r="163752" spans="8:8">
      <c r="H163752" s="12"/>
    </row>
    <row r="163753" spans="8:8">
      <c r="H163753" s="12"/>
    </row>
    <row r="163754" spans="8:8">
      <c r="H163754" s="12"/>
    </row>
    <row r="163755" spans="8:8">
      <c r="H163755" s="12"/>
    </row>
    <row r="163756" spans="8:8">
      <c r="H163756" s="12"/>
    </row>
    <row r="163757" spans="8:8">
      <c r="H163757" s="12"/>
    </row>
    <row r="163758" spans="8:8">
      <c r="H163758" s="12"/>
    </row>
    <row r="163759" spans="8:8">
      <c r="H163759" s="12"/>
    </row>
    <row r="163760" spans="8:8">
      <c r="H163760" s="12"/>
    </row>
    <row r="163761" spans="8:8">
      <c r="H163761" s="12"/>
    </row>
    <row r="163762" spans="8:8">
      <c r="H163762" s="12"/>
    </row>
    <row r="163763" spans="8:8">
      <c r="H163763" s="12"/>
    </row>
    <row r="163764" spans="8:8">
      <c r="H163764" s="12"/>
    </row>
    <row r="163765" spans="8:8">
      <c r="H163765" s="12"/>
    </row>
    <row r="163766" spans="8:8">
      <c r="H163766" s="12"/>
    </row>
    <row r="163767" spans="8:8">
      <c r="H163767" s="12"/>
    </row>
    <row r="163768" spans="8:8">
      <c r="H163768" s="12"/>
    </row>
    <row r="163769" spans="8:8">
      <c r="H163769" s="12"/>
    </row>
    <row r="163770" spans="8:8">
      <c r="H163770" s="12"/>
    </row>
    <row r="163771" spans="8:8">
      <c r="H163771" s="12"/>
    </row>
    <row r="163772" spans="8:8">
      <c r="H163772" s="12"/>
    </row>
    <row r="163773" spans="8:8">
      <c r="H163773" s="12"/>
    </row>
    <row r="163774" spans="8:8">
      <c r="H163774" s="12"/>
    </row>
    <row r="163775" spans="8:8">
      <c r="H163775" s="12"/>
    </row>
    <row r="163776" spans="8:8">
      <c r="H163776" s="12"/>
    </row>
    <row r="163777" spans="8:8">
      <c r="H163777" s="12"/>
    </row>
    <row r="163778" spans="8:8">
      <c r="H163778" s="12"/>
    </row>
    <row r="163779" spans="8:8">
      <c r="H163779" s="12"/>
    </row>
    <row r="163780" spans="8:8">
      <c r="H163780" s="12"/>
    </row>
    <row r="163781" spans="8:8">
      <c r="H163781" s="12"/>
    </row>
    <row r="163782" spans="8:8">
      <c r="H163782" s="12"/>
    </row>
    <row r="163783" spans="8:8">
      <c r="H163783" s="12"/>
    </row>
    <row r="163784" spans="8:8">
      <c r="H163784" s="12"/>
    </row>
    <row r="163785" spans="8:8">
      <c r="H163785" s="12"/>
    </row>
    <row r="163786" spans="8:8">
      <c r="H163786" s="12"/>
    </row>
    <row r="163787" spans="8:8">
      <c r="H163787" s="12"/>
    </row>
    <row r="163788" spans="8:8">
      <c r="H163788" s="12"/>
    </row>
    <row r="163789" spans="8:8">
      <c r="H163789" s="12"/>
    </row>
    <row r="163790" spans="8:8">
      <c r="H163790" s="12"/>
    </row>
    <row r="163791" spans="8:8">
      <c r="H163791" s="12"/>
    </row>
    <row r="163792" spans="8:8">
      <c r="H163792" s="12"/>
    </row>
    <row r="163793" spans="8:8">
      <c r="H163793" s="12"/>
    </row>
    <row r="163794" spans="8:8">
      <c r="H163794" s="12"/>
    </row>
    <row r="163795" spans="8:8">
      <c r="H163795" s="12"/>
    </row>
    <row r="163796" spans="8:8">
      <c r="H163796" s="12"/>
    </row>
    <row r="163797" spans="8:8">
      <c r="H163797" s="12"/>
    </row>
    <row r="163798" spans="8:8">
      <c r="H163798" s="12"/>
    </row>
    <row r="163799" spans="8:8">
      <c r="H163799" s="12"/>
    </row>
    <row r="163800" spans="8:8">
      <c r="H163800" s="12"/>
    </row>
    <row r="163801" spans="8:8">
      <c r="H163801" s="12"/>
    </row>
    <row r="163802" spans="8:8">
      <c r="H163802" s="12"/>
    </row>
    <row r="163803" spans="8:8">
      <c r="H163803" s="12"/>
    </row>
    <row r="163804" spans="8:8">
      <c r="H163804" s="12"/>
    </row>
    <row r="163805" spans="8:8">
      <c r="H163805" s="12"/>
    </row>
    <row r="163806" spans="8:8">
      <c r="H163806" s="12"/>
    </row>
    <row r="163807" spans="8:8">
      <c r="H163807" s="12"/>
    </row>
    <row r="163808" spans="8:8">
      <c r="H163808" s="12"/>
    </row>
    <row r="163809" spans="8:8">
      <c r="H163809" s="12"/>
    </row>
    <row r="163810" spans="8:8">
      <c r="H163810" s="12"/>
    </row>
    <row r="163811" spans="8:8">
      <c r="H163811" s="12"/>
    </row>
    <row r="163812" spans="8:8">
      <c r="H163812" s="12"/>
    </row>
    <row r="163813" spans="8:8">
      <c r="H163813" s="12"/>
    </row>
    <row r="163814" spans="8:8">
      <c r="H163814" s="12"/>
    </row>
    <row r="163815" spans="8:8">
      <c r="H163815" s="12"/>
    </row>
    <row r="163816" spans="8:8">
      <c r="H163816" s="12"/>
    </row>
    <row r="163817" spans="8:8">
      <c r="H163817" s="12"/>
    </row>
    <row r="163818" spans="8:8">
      <c r="H163818" s="12"/>
    </row>
    <row r="163819" spans="8:8">
      <c r="H163819" s="12"/>
    </row>
    <row r="163820" spans="8:8">
      <c r="H163820" s="12"/>
    </row>
    <row r="163821" spans="8:8">
      <c r="H163821" s="12"/>
    </row>
    <row r="163822" spans="8:8">
      <c r="H163822" s="12"/>
    </row>
    <row r="163823" spans="8:8">
      <c r="H163823" s="12"/>
    </row>
    <row r="163824" spans="8:8">
      <c r="H163824" s="12"/>
    </row>
    <row r="163825" spans="8:8">
      <c r="H163825" s="12"/>
    </row>
    <row r="163826" spans="8:8">
      <c r="H163826" s="12"/>
    </row>
    <row r="163827" spans="8:8">
      <c r="H163827" s="12"/>
    </row>
    <row r="163828" spans="8:8">
      <c r="H163828" s="12"/>
    </row>
    <row r="163829" spans="8:8">
      <c r="H163829" s="12"/>
    </row>
    <row r="163830" spans="8:8">
      <c r="H163830" s="12"/>
    </row>
    <row r="163831" spans="8:8">
      <c r="H163831" s="12"/>
    </row>
    <row r="163832" spans="8:8">
      <c r="H163832" s="12"/>
    </row>
    <row r="163833" spans="8:8">
      <c r="H163833" s="12"/>
    </row>
    <row r="163834" spans="8:8">
      <c r="H163834" s="12"/>
    </row>
    <row r="163835" spans="8:8">
      <c r="H163835" s="12"/>
    </row>
    <row r="163836" spans="8:8">
      <c r="H163836" s="12"/>
    </row>
    <row r="163837" spans="8:8">
      <c r="H163837" s="12"/>
    </row>
    <row r="163838" spans="8:8">
      <c r="H163838" s="12"/>
    </row>
    <row r="163839" spans="8:8">
      <c r="H163839" s="12"/>
    </row>
    <row r="163840" spans="8:8">
      <c r="H163840" s="12"/>
    </row>
    <row r="163841" spans="8:8">
      <c r="H163841" s="12"/>
    </row>
    <row r="163842" spans="8:8">
      <c r="H163842" s="12"/>
    </row>
    <row r="163843" spans="8:8">
      <c r="H163843" s="12"/>
    </row>
    <row r="163844" spans="8:8">
      <c r="H163844" s="12"/>
    </row>
    <row r="163845" spans="8:8">
      <c r="H163845" s="12"/>
    </row>
    <row r="163846" spans="8:8">
      <c r="H163846" s="12"/>
    </row>
    <row r="163847" spans="8:8">
      <c r="H163847" s="12"/>
    </row>
    <row r="163848" spans="8:8">
      <c r="H163848" s="12"/>
    </row>
    <row r="163849" spans="8:8">
      <c r="H163849" s="12"/>
    </row>
    <row r="163850" spans="8:8">
      <c r="H163850" s="12"/>
    </row>
    <row r="163851" spans="8:8">
      <c r="H163851" s="12"/>
    </row>
    <row r="163852" spans="8:8">
      <c r="H163852" s="12"/>
    </row>
    <row r="163853" spans="8:8">
      <c r="H163853" s="12"/>
    </row>
    <row r="163854" spans="8:8">
      <c r="H163854" s="12"/>
    </row>
    <row r="163855" spans="8:8">
      <c r="H163855" s="12"/>
    </row>
    <row r="163856" spans="8:8">
      <c r="H163856" s="12"/>
    </row>
    <row r="163857" spans="8:8">
      <c r="H163857" s="12"/>
    </row>
    <row r="163858" spans="8:8">
      <c r="H163858" s="12"/>
    </row>
    <row r="163859" spans="8:8">
      <c r="H163859" s="12"/>
    </row>
    <row r="163860" spans="8:8">
      <c r="H163860" s="12"/>
    </row>
    <row r="163861" spans="8:8">
      <c r="H163861" s="12"/>
    </row>
    <row r="163862" spans="8:8">
      <c r="H163862" s="12"/>
    </row>
    <row r="163863" spans="8:8">
      <c r="H163863" s="12"/>
    </row>
    <row r="163864" spans="8:8">
      <c r="H163864" s="12"/>
    </row>
    <row r="163865" spans="8:8">
      <c r="H163865" s="12"/>
    </row>
    <row r="163866" spans="8:8">
      <c r="H163866" s="12"/>
    </row>
    <row r="163867" spans="8:8">
      <c r="H163867" s="12"/>
    </row>
    <row r="163868" spans="8:8">
      <c r="H163868" s="12"/>
    </row>
    <row r="163869" spans="8:8">
      <c r="H163869" s="12"/>
    </row>
    <row r="163870" spans="8:8">
      <c r="H163870" s="12"/>
    </row>
    <row r="163871" spans="8:8">
      <c r="H163871" s="12"/>
    </row>
    <row r="163872" spans="8:8">
      <c r="H163872" s="12"/>
    </row>
    <row r="163873" spans="8:8">
      <c r="H163873" s="12"/>
    </row>
    <row r="163874" spans="8:8">
      <c r="H163874" s="12"/>
    </row>
    <row r="163875" spans="8:8">
      <c r="H163875" s="12"/>
    </row>
    <row r="163876" spans="8:8">
      <c r="H163876" s="12"/>
    </row>
    <row r="163877" spans="8:8">
      <c r="H163877" s="12"/>
    </row>
    <row r="163878" spans="8:8">
      <c r="H163878" s="12"/>
    </row>
    <row r="163879" spans="8:8">
      <c r="H163879" s="12"/>
    </row>
    <row r="163880" spans="8:8">
      <c r="H163880" s="12"/>
    </row>
    <row r="163881" spans="8:8">
      <c r="H163881" s="12"/>
    </row>
    <row r="163882" spans="8:8">
      <c r="H163882" s="12"/>
    </row>
    <row r="163883" spans="8:8">
      <c r="H163883" s="12"/>
    </row>
    <row r="163884" spans="8:8">
      <c r="H163884" s="12"/>
    </row>
    <row r="163885" spans="8:8">
      <c r="H163885" s="12"/>
    </row>
    <row r="163886" spans="8:8">
      <c r="H163886" s="12"/>
    </row>
    <row r="163887" spans="8:8">
      <c r="H163887" s="12"/>
    </row>
    <row r="163888" spans="8:8">
      <c r="H163888" s="12"/>
    </row>
    <row r="163889" spans="8:8">
      <c r="H163889" s="12"/>
    </row>
    <row r="163890" spans="8:8">
      <c r="H163890" s="12"/>
    </row>
    <row r="163891" spans="8:8">
      <c r="H163891" s="12"/>
    </row>
    <row r="163892" spans="8:8">
      <c r="H163892" s="12"/>
    </row>
    <row r="163893" spans="8:8">
      <c r="H163893" s="12"/>
    </row>
    <row r="163894" spans="8:8">
      <c r="H163894" s="12"/>
    </row>
    <row r="163895" spans="8:8">
      <c r="H163895" s="12"/>
    </row>
    <row r="163896" spans="8:8">
      <c r="H163896" s="12"/>
    </row>
    <row r="163897" spans="8:8">
      <c r="H163897" s="12"/>
    </row>
    <row r="163898" spans="8:8">
      <c r="H163898" s="12"/>
    </row>
    <row r="163899" spans="8:8">
      <c r="H163899" s="12"/>
    </row>
    <row r="163900" spans="8:8">
      <c r="H163900" s="12"/>
    </row>
    <row r="163901" spans="8:8">
      <c r="H163901" s="12"/>
    </row>
    <row r="163902" spans="8:8">
      <c r="H163902" s="12"/>
    </row>
    <row r="163903" spans="8:8">
      <c r="H163903" s="12"/>
    </row>
    <row r="163904" spans="8:8">
      <c r="H163904" s="12"/>
    </row>
    <row r="163905" spans="8:8">
      <c r="H163905" s="12"/>
    </row>
    <row r="163906" spans="8:8">
      <c r="H163906" s="12"/>
    </row>
    <row r="163907" spans="8:8">
      <c r="H163907" s="12"/>
    </row>
    <row r="163908" spans="8:8">
      <c r="H163908" s="12"/>
    </row>
    <row r="163909" spans="8:8">
      <c r="H163909" s="12"/>
    </row>
    <row r="163910" spans="8:8">
      <c r="H163910" s="12"/>
    </row>
    <row r="163911" spans="8:8">
      <c r="H163911" s="12"/>
    </row>
    <row r="163912" spans="8:8">
      <c r="H163912" s="12"/>
    </row>
    <row r="163913" spans="8:8">
      <c r="H163913" s="12"/>
    </row>
    <row r="163914" spans="8:8">
      <c r="H163914" s="12"/>
    </row>
    <row r="163915" spans="8:8">
      <c r="H163915" s="12"/>
    </row>
    <row r="163916" spans="8:8">
      <c r="H163916" s="12"/>
    </row>
    <row r="163917" spans="8:8">
      <c r="H163917" s="12"/>
    </row>
    <row r="163918" spans="8:8">
      <c r="H163918" s="12"/>
    </row>
    <row r="163919" spans="8:8">
      <c r="H163919" s="12"/>
    </row>
    <row r="163920" spans="8:8">
      <c r="H163920" s="12"/>
    </row>
    <row r="163921" spans="8:8">
      <c r="H163921" s="12"/>
    </row>
    <row r="163922" spans="8:8">
      <c r="H163922" s="12"/>
    </row>
    <row r="163923" spans="8:8">
      <c r="H163923" s="12"/>
    </row>
    <row r="163924" spans="8:8">
      <c r="H163924" s="12"/>
    </row>
    <row r="163925" spans="8:8">
      <c r="H163925" s="12"/>
    </row>
    <row r="163926" spans="8:8">
      <c r="H163926" s="12"/>
    </row>
    <row r="163927" spans="8:8">
      <c r="H163927" s="12"/>
    </row>
    <row r="163928" spans="8:8">
      <c r="H163928" s="12"/>
    </row>
    <row r="163929" spans="8:8">
      <c r="H163929" s="12"/>
    </row>
    <row r="163930" spans="8:8">
      <c r="H163930" s="12"/>
    </row>
    <row r="163931" spans="8:8">
      <c r="H163931" s="12"/>
    </row>
    <row r="163932" spans="8:8">
      <c r="H163932" s="12"/>
    </row>
    <row r="163933" spans="8:8">
      <c r="H163933" s="12"/>
    </row>
    <row r="163934" spans="8:8">
      <c r="H163934" s="12"/>
    </row>
    <row r="163935" spans="8:8">
      <c r="H163935" s="12"/>
    </row>
    <row r="163936" spans="8:8">
      <c r="H163936" s="12"/>
    </row>
    <row r="163937" spans="8:8">
      <c r="H163937" s="12"/>
    </row>
    <row r="163938" spans="8:8">
      <c r="H163938" s="12"/>
    </row>
    <row r="163939" spans="8:8">
      <c r="H163939" s="12"/>
    </row>
    <row r="163940" spans="8:8">
      <c r="H163940" s="12"/>
    </row>
    <row r="163941" spans="8:8">
      <c r="H163941" s="12"/>
    </row>
    <row r="163942" spans="8:8">
      <c r="H163942" s="12"/>
    </row>
    <row r="163943" spans="8:8">
      <c r="H163943" s="12"/>
    </row>
    <row r="163944" spans="8:8">
      <c r="H163944" s="12"/>
    </row>
    <row r="163945" spans="8:8">
      <c r="H163945" s="12"/>
    </row>
    <row r="163946" spans="8:8">
      <c r="H163946" s="12"/>
    </row>
    <row r="163947" spans="8:8">
      <c r="H163947" s="12"/>
    </row>
    <row r="163948" spans="8:8">
      <c r="H163948" s="12"/>
    </row>
    <row r="163949" spans="8:8">
      <c r="H163949" s="12"/>
    </row>
    <row r="163950" spans="8:8">
      <c r="H163950" s="12"/>
    </row>
    <row r="163951" spans="8:8">
      <c r="H163951" s="12"/>
    </row>
    <row r="163952" spans="8:8">
      <c r="H163952" s="12"/>
    </row>
    <row r="163953" spans="8:8">
      <c r="H163953" s="12"/>
    </row>
    <row r="163954" spans="8:8">
      <c r="H163954" s="12"/>
    </row>
    <row r="163955" spans="8:8">
      <c r="H163955" s="12"/>
    </row>
    <row r="163956" spans="8:8">
      <c r="H163956" s="12"/>
    </row>
    <row r="163957" spans="8:8">
      <c r="H163957" s="12"/>
    </row>
    <row r="163958" spans="8:8">
      <c r="H163958" s="12"/>
    </row>
    <row r="163959" spans="8:8">
      <c r="H163959" s="12"/>
    </row>
    <row r="163960" spans="8:8">
      <c r="H163960" s="12"/>
    </row>
    <row r="163961" spans="8:8">
      <c r="H163961" s="12"/>
    </row>
    <row r="163962" spans="8:8">
      <c r="H163962" s="12"/>
    </row>
    <row r="163963" spans="8:8">
      <c r="H163963" s="12"/>
    </row>
    <row r="163964" spans="8:8">
      <c r="H163964" s="12"/>
    </row>
    <row r="163965" spans="8:8">
      <c r="H163965" s="12"/>
    </row>
    <row r="163966" spans="8:8">
      <c r="H163966" s="12"/>
    </row>
    <row r="163967" spans="8:8">
      <c r="H163967" s="12"/>
    </row>
    <row r="163968" spans="8:8">
      <c r="H163968" s="12"/>
    </row>
    <row r="163969" spans="8:8">
      <c r="H163969" s="12"/>
    </row>
    <row r="163970" spans="8:8">
      <c r="H163970" s="12"/>
    </row>
    <row r="163971" spans="8:8">
      <c r="H163971" s="12"/>
    </row>
    <row r="163972" spans="8:8">
      <c r="H163972" s="12"/>
    </row>
    <row r="163973" spans="8:8">
      <c r="H163973" s="12"/>
    </row>
    <row r="163974" spans="8:8">
      <c r="H163974" s="12"/>
    </row>
    <row r="163975" spans="8:8">
      <c r="H163975" s="12"/>
    </row>
    <row r="163976" spans="8:8">
      <c r="H163976" s="12"/>
    </row>
    <row r="163977" spans="8:8">
      <c r="H163977" s="12"/>
    </row>
    <row r="163978" spans="8:8">
      <c r="H163978" s="12"/>
    </row>
    <row r="163979" spans="8:8">
      <c r="H163979" s="12"/>
    </row>
    <row r="163980" spans="8:8">
      <c r="H163980" s="12"/>
    </row>
    <row r="163981" spans="8:8">
      <c r="H163981" s="12"/>
    </row>
    <row r="163982" spans="8:8">
      <c r="H163982" s="12"/>
    </row>
    <row r="163983" spans="8:8">
      <c r="H163983" s="12"/>
    </row>
    <row r="163984" spans="8:8">
      <c r="H163984" s="12"/>
    </row>
    <row r="163985" spans="8:8">
      <c r="H163985" s="12"/>
    </row>
    <row r="163986" spans="8:8">
      <c r="H163986" s="12"/>
    </row>
    <row r="163987" spans="8:8">
      <c r="H163987" s="12"/>
    </row>
    <row r="163988" spans="8:8">
      <c r="H163988" s="12"/>
    </row>
    <row r="163989" spans="8:8">
      <c r="H163989" s="12"/>
    </row>
    <row r="163990" spans="8:8">
      <c r="H163990" s="12"/>
    </row>
    <row r="163991" spans="8:8">
      <c r="H163991" s="12"/>
    </row>
    <row r="163992" spans="8:8">
      <c r="H163992" s="12"/>
    </row>
    <row r="163993" spans="8:8">
      <c r="H163993" s="12"/>
    </row>
    <row r="163994" spans="8:8">
      <c r="H163994" s="12"/>
    </row>
    <row r="163995" spans="8:8">
      <c r="H163995" s="12"/>
    </row>
    <row r="163996" spans="8:8">
      <c r="H163996" s="12"/>
    </row>
    <row r="163997" spans="8:8">
      <c r="H163997" s="12"/>
    </row>
    <row r="163998" spans="8:8">
      <c r="H163998" s="12"/>
    </row>
    <row r="163999" spans="8:8">
      <c r="H163999" s="12"/>
    </row>
    <row r="164000" spans="8:8">
      <c r="H164000" s="12"/>
    </row>
    <row r="164001" spans="8:8">
      <c r="H164001" s="12"/>
    </row>
    <row r="164002" spans="8:8">
      <c r="H164002" s="12"/>
    </row>
    <row r="164003" spans="8:8">
      <c r="H164003" s="12"/>
    </row>
    <row r="164004" spans="8:8">
      <c r="H164004" s="12"/>
    </row>
    <row r="164005" spans="8:8">
      <c r="H164005" s="12"/>
    </row>
    <row r="164006" spans="8:8">
      <c r="H164006" s="12"/>
    </row>
    <row r="164007" spans="8:8">
      <c r="H164007" s="12"/>
    </row>
    <row r="164008" spans="8:8">
      <c r="H164008" s="12"/>
    </row>
    <row r="164009" spans="8:8">
      <c r="H164009" s="12"/>
    </row>
    <row r="164010" spans="8:8">
      <c r="H164010" s="12"/>
    </row>
    <row r="164011" spans="8:8">
      <c r="H164011" s="12"/>
    </row>
    <row r="164012" spans="8:8">
      <c r="H164012" s="12"/>
    </row>
    <row r="164013" spans="8:8">
      <c r="H164013" s="12"/>
    </row>
    <row r="164014" spans="8:8">
      <c r="H164014" s="12"/>
    </row>
    <row r="164015" spans="8:8">
      <c r="H164015" s="12"/>
    </row>
    <row r="164016" spans="8:8">
      <c r="H164016" s="12"/>
    </row>
    <row r="164017" spans="8:8">
      <c r="H164017" s="12"/>
    </row>
    <row r="164018" spans="8:8">
      <c r="H164018" s="12"/>
    </row>
    <row r="164019" spans="8:8">
      <c r="H164019" s="12"/>
    </row>
    <row r="164020" spans="8:8">
      <c r="H164020" s="12"/>
    </row>
    <row r="164021" spans="8:8">
      <c r="H164021" s="12"/>
    </row>
    <row r="164022" spans="8:8">
      <c r="H164022" s="12"/>
    </row>
    <row r="164023" spans="8:8">
      <c r="H164023" s="12"/>
    </row>
    <row r="164024" spans="8:8">
      <c r="H164024" s="12"/>
    </row>
    <row r="164025" spans="8:8">
      <c r="H164025" s="12"/>
    </row>
    <row r="164026" spans="8:8">
      <c r="H164026" s="12"/>
    </row>
    <row r="164027" spans="8:8">
      <c r="H164027" s="12"/>
    </row>
    <row r="164028" spans="8:8">
      <c r="H164028" s="12"/>
    </row>
    <row r="164029" spans="8:8">
      <c r="H164029" s="12"/>
    </row>
    <row r="164030" spans="8:8">
      <c r="H164030" s="12"/>
    </row>
    <row r="164031" spans="8:8">
      <c r="H164031" s="12"/>
    </row>
    <row r="164032" spans="8:8">
      <c r="H164032" s="12"/>
    </row>
    <row r="164033" spans="8:8">
      <c r="H164033" s="12"/>
    </row>
    <row r="164034" spans="8:8">
      <c r="H164034" s="12"/>
    </row>
    <row r="164035" spans="8:8">
      <c r="H164035" s="12"/>
    </row>
    <row r="164036" spans="8:8">
      <c r="H164036" s="12"/>
    </row>
    <row r="164037" spans="8:8">
      <c r="H164037" s="12"/>
    </row>
    <row r="164038" spans="8:8">
      <c r="H164038" s="12"/>
    </row>
    <row r="164039" spans="8:8">
      <c r="H164039" s="12"/>
    </row>
    <row r="164040" spans="8:8">
      <c r="H164040" s="12"/>
    </row>
    <row r="164041" spans="8:8">
      <c r="H164041" s="12"/>
    </row>
    <row r="164042" spans="8:8">
      <c r="H164042" s="12"/>
    </row>
    <row r="164043" spans="8:8">
      <c r="H164043" s="12"/>
    </row>
    <row r="164044" spans="8:8">
      <c r="H164044" s="12"/>
    </row>
    <row r="164045" spans="8:8">
      <c r="H164045" s="12"/>
    </row>
    <row r="164046" spans="8:8">
      <c r="H164046" s="12"/>
    </row>
    <row r="164047" spans="8:8">
      <c r="H164047" s="12"/>
    </row>
    <row r="164048" spans="8:8">
      <c r="H164048" s="12"/>
    </row>
    <row r="164049" spans="8:8">
      <c r="H164049" s="12"/>
    </row>
    <row r="164050" spans="8:8">
      <c r="H164050" s="12"/>
    </row>
    <row r="164051" spans="8:8">
      <c r="H164051" s="12"/>
    </row>
    <row r="164052" spans="8:8">
      <c r="H164052" s="12"/>
    </row>
    <row r="164053" spans="8:8">
      <c r="H164053" s="12"/>
    </row>
    <row r="164054" spans="8:8">
      <c r="H164054" s="12"/>
    </row>
    <row r="164055" spans="8:8">
      <c r="H164055" s="12"/>
    </row>
    <row r="164056" spans="8:8">
      <c r="H164056" s="12"/>
    </row>
    <row r="164057" spans="8:8">
      <c r="H164057" s="12"/>
    </row>
    <row r="164058" spans="8:8">
      <c r="H164058" s="12"/>
    </row>
    <row r="164059" spans="8:8">
      <c r="H164059" s="12"/>
    </row>
    <row r="164060" spans="8:8">
      <c r="H164060" s="12"/>
    </row>
    <row r="164061" spans="8:8">
      <c r="H164061" s="12"/>
    </row>
    <row r="164062" spans="8:8">
      <c r="H164062" s="12"/>
    </row>
    <row r="164063" spans="8:8">
      <c r="H164063" s="12"/>
    </row>
    <row r="164064" spans="8:8">
      <c r="H164064" s="12"/>
    </row>
    <row r="164065" spans="8:8">
      <c r="H164065" s="12"/>
    </row>
    <row r="164066" spans="8:8">
      <c r="H164066" s="12"/>
    </row>
    <row r="164067" spans="8:8">
      <c r="H164067" s="12"/>
    </row>
    <row r="164068" spans="8:8">
      <c r="H164068" s="12"/>
    </row>
    <row r="164069" spans="8:8">
      <c r="H164069" s="12"/>
    </row>
    <row r="164070" spans="8:8">
      <c r="H164070" s="12"/>
    </row>
    <row r="164071" spans="8:8">
      <c r="H164071" s="12"/>
    </row>
    <row r="164072" spans="8:8">
      <c r="H164072" s="12"/>
    </row>
    <row r="164073" spans="8:8">
      <c r="H164073" s="12"/>
    </row>
    <row r="164074" spans="8:8">
      <c r="H164074" s="12"/>
    </row>
    <row r="164075" spans="8:8">
      <c r="H164075" s="12"/>
    </row>
    <row r="164076" spans="8:8">
      <c r="H164076" s="12"/>
    </row>
    <row r="164077" spans="8:8">
      <c r="H164077" s="12"/>
    </row>
    <row r="164078" spans="8:8">
      <c r="H164078" s="12"/>
    </row>
    <row r="164079" spans="8:8">
      <c r="H164079" s="12"/>
    </row>
    <row r="164080" spans="8:8">
      <c r="H164080" s="12"/>
    </row>
    <row r="164081" spans="8:8">
      <c r="H164081" s="12"/>
    </row>
    <row r="164082" spans="8:8">
      <c r="H164082" s="12"/>
    </row>
    <row r="164083" spans="8:8">
      <c r="H164083" s="12"/>
    </row>
    <row r="164084" spans="8:8">
      <c r="H164084" s="12"/>
    </row>
    <row r="164085" spans="8:8">
      <c r="H164085" s="12"/>
    </row>
    <row r="164086" spans="8:8">
      <c r="H164086" s="12"/>
    </row>
    <row r="164087" spans="8:8">
      <c r="H164087" s="12"/>
    </row>
    <row r="164088" spans="8:8">
      <c r="H164088" s="12"/>
    </row>
    <row r="164089" spans="8:8">
      <c r="H164089" s="12"/>
    </row>
    <row r="164090" spans="8:8">
      <c r="H164090" s="12"/>
    </row>
    <row r="164091" spans="8:8">
      <c r="H164091" s="12"/>
    </row>
    <row r="164092" spans="8:8">
      <c r="H164092" s="12"/>
    </row>
    <row r="164093" spans="8:8">
      <c r="H164093" s="12"/>
    </row>
    <row r="164094" spans="8:8">
      <c r="H164094" s="12"/>
    </row>
    <row r="164095" spans="8:8">
      <c r="H164095" s="12"/>
    </row>
    <row r="164096" spans="8:8">
      <c r="H164096" s="12"/>
    </row>
    <row r="164097" spans="8:8">
      <c r="H164097" s="12"/>
    </row>
    <row r="164098" spans="8:8">
      <c r="H164098" s="12"/>
    </row>
    <row r="164099" spans="8:8">
      <c r="H164099" s="12"/>
    </row>
    <row r="164100" spans="8:8">
      <c r="H164100" s="12"/>
    </row>
    <row r="164101" spans="8:8">
      <c r="H164101" s="12"/>
    </row>
    <row r="164102" spans="8:8">
      <c r="H164102" s="12"/>
    </row>
    <row r="164103" spans="8:8">
      <c r="H164103" s="12"/>
    </row>
    <row r="164104" spans="8:8">
      <c r="H164104" s="12"/>
    </row>
    <row r="164105" spans="8:8">
      <c r="H164105" s="12"/>
    </row>
    <row r="164106" spans="8:8">
      <c r="H164106" s="12"/>
    </row>
    <row r="164107" spans="8:8">
      <c r="H164107" s="12"/>
    </row>
    <row r="164108" spans="8:8">
      <c r="H164108" s="12"/>
    </row>
    <row r="164109" spans="8:8">
      <c r="H164109" s="12"/>
    </row>
    <row r="164110" spans="8:8">
      <c r="H164110" s="12"/>
    </row>
    <row r="164111" spans="8:8">
      <c r="H164111" s="12"/>
    </row>
    <row r="164112" spans="8:8">
      <c r="H164112" s="12"/>
    </row>
    <row r="164113" spans="8:8">
      <c r="H164113" s="12"/>
    </row>
    <row r="164114" spans="8:8">
      <c r="H164114" s="12"/>
    </row>
    <row r="164115" spans="8:8">
      <c r="H164115" s="12"/>
    </row>
    <row r="164116" spans="8:8">
      <c r="H164116" s="12"/>
    </row>
    <row r="164117" spans="8:8">
      <c r="H164117" s="12"/>
    </row>
    <row r="164118" spans="8:8">
      <c r="H164118" s="12"/>
    </row>
    <row r="164119" spans="8:8">
      <c r="H164119" s="12"/>
    </row>
    <row r="164120" spans="8:8">
      <c r="H164120" s="12"/>
    </row>
    <row r="164121" spans="8:8">
      <c r="H164121" s="12"/>
    </row>
    <row r="164122" spans="8:8">
      <c r="H164122" s="12"/>
    </row>
    <row r="164123" spans="8:8">
      <c r="H164123" s="12"/>
    </row>
    <row r="164124" spans="8:8">
      <c r="H164124" s="12"/>
    </row>
    <row r="164125" spans="8:8">
      <c r="H164125" s="12"/>
    </row>
    <row r="164126" spans="8:8">
      <c r="H164126" s="12"/>
    </row>
    <row r="164127" spans="8:8">
      <c r="H164127" s="12"/>
    </row>
    <row r="164128" spans="8:8">
      <c r="H164128" s="12"/>
    </row>
    <row r="164129" spans="8:8">
      <c r="H164129" s="12"/>
    </row>
    <row r="164130" spans="8:8">
      <c r="H164130" s="12"/>
    </row>
    <row r="164131" spans="8:8">
      <c r="H164131" s="12"/>
    </row>
    <row r="164132" spans="8:8">
      <c r="H164132" s="12"/>
    </row>
    <row r="164133" spans="8:8">
      <c r="H164133" s="12"/>
    </row>
    <row r="164134" spans="8:8">
      <c r="H164134" s="12"/>
    </row>
    <row r="164135" spans="8:8">
      <c r="H164135" s="12"/>
    </row>
    <row r="164136" spans="8:8">
      <c r="H164136" s="12"/>
    </row>
    <row r="164137" spans="8:8">
      <c r="H164137" s="12"/>
    </row>
    <row r="164138" spans="8:8">
      <c r="H164138" s="12"/>
    </row>
    <row r="164139" spans="8:8">
      <c r="H164139" s="12"/>
    </row>
    <row r="164140" spans="8:8">
      <c r="H164140" s="12"/>
    </row>
    <row r="164141" spans="8:8">
      <c r="H164141" s="12"/>
    </row>
    <row r="164142" spans="8:8">
      <c r="H164142" s="12"/>
    </row>
    <row r="164143" spans="8:8">
      <c r="H164143" s="12"/>
    </row>
    <row r="164144" spans="8:8">
      <c r="H164144" s="12"/>
    </row>
    <row r="164145" spans="8:8">
      <c r="H164145" s="12"/>
    </row>
    <row r="164146" spans="8:8">
      <c r="H164146" s="12"/>
    </row>
    <row r="164147" spans="8:8">
      <c r="H164147" s="12"/>
    </row>
    <row r="164148" spans="8:8">
      <c r="H164148" s="12"/>
    </row>
    <row r="164149" spans="8:8">
      <c r="H164149" s="12"/>
    </row>
    <row r="164150" spans="8:8">
      <c r="H164150" s="12"/>
    </row>
    <row r="164151" spans="8:8">
      <c r="H164151" s="12"/>
    </row>
    <row r="164152" spans="8:8">
      <c r="H164152" s="12"/>
    </row>
    <row r="164153" spans="8:8">
      <c r="H164153" s="12"/>
    </row>
    <row r="164154" spans="8:8">
      <c r="H164154" s="12"/>
    </row>
    <row r="164155" spans="8:8">
      <c r="H164155" s="12"/>
    </row>
    <row r="164156" spans="8:8">
      <c r="H164156" s="12"/>
    </row>
    <row r="164157" spans="8:8">
      <c r="H164157" s="12"/>
    </row>
    <row r="164158" spans="8:8">
      <c r="H164158" s="12"/>
    </row>
    <row r="164159" spans="8:8">
      <c r="H164159" s="12"/>
    </row>
    <row r="164160" spans="8:8">
      <c r="H164160" s="12"/>
    </row>
    <row r="164161" spans="8:8">
      <c r="H164161" s="12"/>
    </row>
    <row r="164162" spans="8:8">
      <c r="H164162" s="12"/>
    </row>
    <row r="164163" spans="8:8">
      <c r="H164163" s="12"/>
    </row>
    <row r="164164" spans="8:8">
      <c r="H164164" s="12"/>
    </row>
    <row r="164165" spans="8:8">
      <c r="H164165" s="12"/>
    </row>
    <row r="164166" spans="8:8">
      <c r="H164166" s="12"/>
    </row>
    <row r="164167" spans="8:8">
      <c r="H164167" s="12"/>
    </row>
    <row r="164168" spans="8:8">
      <c r="H164168" s="12"/>
    </row>
    <row r="164169" spans="8:8">
      <c r="H164169" s="12"/>
    </row>
    <row r="164170" spans="8:8">
      <c r="H164170" s="12"/>
    </row>
    <row r="164171" spans="8:8">
      <c r="H164171" s="12"/>
    </row>
    <row r="164172" spans="8:8">
      <c r="H164172" s="12"/>
    </row>
    <row r="164173" spans="8:8">
      <c r="H164173" s="12"/>
    </row>
    <row r="164174" spans="8:8">
      <c r="H164174" s="12"/>
    </row>
    <row r="164175" spans="8:8">
      <c r="H164175" s="12"/>
    </row>
    <row r="164176" spans="8:8">
      <c r="H164176" s="12"/>
    </row>
    <row r="164177" spans="8:8">
      <c r="H164177" s="12"/>
    </row>
    <row r="164178" spans="8:8">
      <c r="H164178" s="12"/>
    </row>
    <row r="164179" spans="8:8">
      <c r="H164179" s="12"/>
    </row>
    <row r="164180" spans="8:8">
      <c r="H164180" s="12"/>
    </row>
    <row r="164181" spans="8:8">
      <c r="H164181" s="12"/>
    </row>
    <row r="164182" spans="8:8">
      <c r="H164182" s="12"/>
    </row>
    <row r="164183" spans="8:8">
      <c r="H164183" s="12"/>
    </row>
    <row r="164184" spans="8:8">
      <c r="H164184" s="12"/>
    </row>
    <row r="164185" spans="8:8">
      <c r="H164185" s="12"/>
    </row>
    <row r="164186" spans="8:8">
      <c r="H164186" s="12"/>
    </row>
    <row r="164187" spans="8:8">
      <c r="H164187" s="12"/>
    </row>
    <row r="164188" spans="8:8">
      <c r="H164188" s="12"/>
    </row>
    <row r="164189" spans="8:8">
      <c r="H164189" s="12"/>
    </row>
    <row r="164190" spans="8:8">
      <c r="H164190" s="12"/>
    </row>
    <row r="164191" spans="8:8">
      <c r="H164191" s="12"/>
    </row>
    <row r="164192" spans="8:8">
      <c r="H164192" s="12"/>
    </row>
    <row r="164193" spans="8:8">
      <c r="H164193" s="12"/>
    </row>
    <row r="164194" spans="8:8">
      <c r="H164194" s="12"/>
    </row>
    <row r="164195" spans="8:8">
      <c r="H164195" s="12"/>
    </row>
    <row r="164196" spans="8:8">
      <c r="H164196" s="12"/>
    </row>
    <row r="164197" spans="8:8">
      <c r="H164197" s="12"/>
    </row>
    <row r="164198" spans="8:8">
      <c r="H164198" s="12"/>
    </row>
    <row r="164199" spans="8:8">
      <c r="H164199" s="12"/>
    </row>
    <row r="164200" spans="8:8">
      <c r="H164200" s="12"/>
    </row>
    <row r="164201" spans="8:8">
      <c r="H164201" s="12"/>
    </row>
    <row r="164202" spans="8:8">
      <c r="H164202" s="12"/>
    </row>
    <row r="164203" spans="8:8">
      <c r="H164203" s="12"/>
    </row>
    <row r="164204" spans="8:8">
      <c r="H164204" s="12"/>
    </row>
    <row r="164205" spans="8:8">
      <c r="H164205" s="12"/>
    </row>
    <row r="164206" spans="8:8">
      <c r="H164206" s="12"/>
    </row>
    <row r="164207" spans="8:8">
      <c r="H164207" s="12"/>
    </row>
    <row r="164208" spans="8:8">
      <c r="H164208" s="12"/>
    </row>
    <row r="164209" spans="8:8">
      <c r="H164209" s="12"/>
    </row>
    <row r="164210" spans="8:8">
      <c r="H164210" s="12"/>
    </row>
    <row r="164211" spans="8:8">
      <c r="H164211" s="12"/>
    </row>
    <row r="164212" spans="8:8">
      <c r="H164212" s="12"/>
    </row>
    <row r="164213" spans="8:8">
      <c r="H164213" s="12"/>
    </row>
    <row r="164214" spans="8:8">
      <c r="H164214" s="12"/>
    </row>
    <row r="164215" spans="8:8">
      <c r="H164215" s="12"/>
    </row>
    <row r="164216" spans="8:8">
      <c r="H164216" s="12"/>
    </row>
    <row r="164217" spans="8:8">
      <c r="H164217" s="12"/>
    </row>
    <row r="164218" spans="8:8">
      <c r="H164218" s="12"/>
    </row>
    <row r="164219" spans="8:8">
      <c r="H164219" s="12"/>
    </row>
    <row r="164220" spans="8:8">
      <c r="H164220" s="12"/>
    </row>
    <row r="164221" spans="8:8">
      <c r="H164221" s="12"/>
    </row>
    <row r="164222" spans="8:8">
      <c r="H164222" s="12"/>
    </row>
    <row r="164223" spans="8:8">
      <c r="H164223" s="12"/>
    </row>
    <row r="164224" spans="8:8">
      <c r="H164224" s="12"/>
    </row>
    <row r="164225" spans="8:8">
      <c r="H164225" s="12"/>
    </row>
    <row r="164226" spans="8:8">
      <c r="H164226" s="12"/>
    </row>
    <row r="164227" spans="8:8">
      <c r="H164227" s="12"/>
    </row>
    <row r="164228" spans="8:8">
      <c r="H164228" s="12"/>
    </row>
    <row r="164229" spans="8:8">
      <c r="H164229" s="12"/>
    </row>
    <row r="164230" spans="8:8">
      <c r="H164230" s="12"/>
    </row>
    <row r="164231" spans="8:8">
      <c r="H164231" s="12"/>
    </row>
    <row r="164232" spans="8:8">
      <c r="H164232" s="12"/>
    </row>
    <row r="164233" spans="8:8">
      <c r="H164233" s="12"/>
    </row>
    <row r="164234" spans="8:8">
      <c r="H164234" s="12"/>
    </row>
    <row r="164235" spans="8:8">
      <c r="H164235" s="12"/>
    </row>
    <row r="164236" spans="8:8">
      <c r="H164236" s="12"/>
    </row>
    <row r="164237" spans="8:8">
      <c r="H164237" s="12"/>
    </row>
    <row r="164238" spans="8:8">
      <c r="H164238" s="12"/>
    </row>
    <row r="164239" spans="8:8">
      <c r="H164239" s="12"/>
    </row>
    <row r="164240" spans="8:8">
      <c r="H164240" s="12"/>
    </row>
    <row r="164241" spans="8:8">
      <c r="H164241" s="12"/>
    </row>
    <row r="164242" spans="8:8">
      <c r="H164242" s="12"/>
    </row>
    <row r="164243" spans="8:8">
      <c r="H164243" s="12"/>
    </row>
    <row r="164244" spans="8:8">
      <c r="H164244" s="12"/>
    </row>
    <row r="164245" spans="8:8">
      <c r="H164245" s="12"/>
    </row>
    <row r="164246" spans="8:8">
      <c r="H164246" s="12"/>
    </row>
    <row r="164247" spans="8:8">
      <c r="H164247" s="12"/>
    </row>
    <row r="164248" spans="8:8">
      <c r="H164248" s="12"/>
    </row>
    <row r="164249" spans="8:8">
      <c r="H164249" s="12"/>
    </row>
    <row r="164250" spans="8:8">
      <c r="H164250" s="12"/>
    </row>
    <row r="164251" spans="8:8">
      <c r="H164251" s="12"/>
    </row>
    <row r="164252" spans="8:8">
      <c r="H164252" s="12"/>
    </row>
    <row r="164253" spans="8:8">
      <c r="H164253" s="12"/>
    </row>
    <row r="164254" spans="8:8">
      <c r="H164254" s="12"/>
    </row>
    <row r="164255" spans="8:8">
      <c r="H164255" s="12"/>
    </row>
    <row r="164256" spans="8:8">
      <c r="H164256" s="12"/>
    </row>
    <row r="164257" spans="8:8">
      <c r="H164257" s="12"/>
    </row>
    <row r="164258" spans="8:8">
      <c r="H164258" s="12"/>
    </row>
    <row r="164259" spans="8:8">
      <c r="H164259" s="12"/>
    </row>
    <row r="164260" spans="8:8">
      <c r="H164260" s="12"/>
    </row>
    <row r="164261" spans="8:8">
      <c r="H164261" s="12"/>
    </row>
    <row r="164262" spans="8:8">
      <c r="H164262" s="12"/>
    </row>
    <row r="164263" spans="8:8">
      <c r="H164263" s="12"/>
    </row>
    <row r="164264" spans="8:8">
      <c r="H164264" s="12"/>
    </row>
    <row r="164265" spans="8:8">
      <c r="H164265" s="12"/>
    </row>
    <row r="164266" spans="8:8">
      <c r="H164266" s="12"/>
    </row>
    <row r="164267" spans="8:8">
      <c r="H164267" s="12"/>
    </row>
    <row r="164268" spans="8:8">
      <c r="H164268" s="12"/>
    </row>
    <row r="164269" spans="8:8">
      <c r="H164269" s="12"/>
    </row>
    <row r="164270" spans="8:8">
      <c r="H164270" s="12"/>
    </row>
    <row r="164271" spans="8:8">
      <c r="H164271" s="12"/>
    </row>
    <row r="164272" spans="8:8">
      <c r="H164272" s="12"/>
    </row>
    <row r="164273" spans="8:8">
      <c r="H164273" s="12"/>
    </row>
    <row r="164274" spans="8:8">
      <c r="H164274" s="12"/>
    </row>
    <row r="164275" spans="8:8">
      <c r="H164275" s="12"/>
    </row>
    <row r="164276" spans="8:8">
      <c r="H164276" s="12"/>
    </row>
    <row r="164277" spans="8:8">
      <c r="H164277" s="12"/>
    </row>
    <row r="164278" spans="8:8">
      <c r="H164278" s="12"/>
    </row>
    <row r="164279" spans="8:8">
      <c r="H164279" s="12"/>
    </row>
    <row r="164280" spans="8:8">
      <c r="H164280" s="12"/>
    </row>
    <row r="164281" spans="8:8">
      <c r="H164281" s="12"/>
    </row>
    <row r="164282" spans="8:8">
      <c r="H164282" s="12"/>
    </row>
    <row r="164283" spans="8:8">
      <c r="H164283" s="12"/>
    </row>
    <row r="164284" spans="8:8">
      <c r="H164284" s="12"/>
    </row>
    <row r="164285" spans="8:8">
      <c r="H164285" s="12"/>
    </row>
    <row r="164286" spans="8:8">
      <c r="H164286" s="12"/>
    </row>
    <row r="164287" spans="8:8">
      <c r="H164287" s="12"/>
    </row>
    <row r="164288" spans="8:8">
      <c r="H164288" s="12"/>
    </row>
    <row r="164289" spans="8:8">
      <c r="H164289" s="12"/>
    </row>
    <row r="164290" spans="8:8">
      <c r="H164290" s="12"/>
    </row>
    <row r="164291" spans="8:8">
      <c r="H164291" s="12"/>
    </row>
    <row r="164292" spans="8:8">
      <c r="H164292" s="12"/>
    </row>
    <row r="164293" spans="8:8">
      <c r="H164293" s="12"/>
    </row>
    <row r="164294" spans="8:8">
      <c r="H164294" s="12"/>
    </row>
    <row r="164295" spans="8:8">
      <c r="H164295" s="12"/>
    </row>
    <row r="164296" spans="8:8">
      <c r="H164296" s="12"/>
    </row>
    <row r="164297" spans="8:8">
      <c r="H164297" s="12"/>
    </row>
    <row r="164298" spans="8:8">
      <c r="H164298" s="12"/>
    </row>
    <row r="164299" spans="8:8">
      <c r="H164299" s="12"/>
    </row>
    <row r="164300" spans="8:8">
      <c r="H164300" s="12"/>
    </row>
    <row r="164301" spans="8:8">
      <c r="H164301" s="12"/>
    </row>
    <row r="164302" spans="8:8">
      <c r="H164302" s="12"/>
    </row>
    <row r="164303" spans="8:8">
      <c r="H164303" s="12"/>
    </row>
    <row r="164304" spans="8:8">
      <c r="H164304" s="12"/>
    </row>
    <row r="164305" spans="8:8">
      <c r="H164305" s="12"/>
    </row>
    <row r="164306" spans="8:8">
      <c r="H164306" s="12"/>
    </row>
    <row r="164307" spans="8:8">
      <c r="H164307" s="12"/>
    </row>
    <row r="164308" spans="8:8">
      <c r="H164308" s="12"/>
    </row>
    <row r="164309" spans="8:8">
      <c r="H164309" s="12"/>
    </row>
    <row r="164310" spans="8:8">
      <c r="H164310" s="12"/>
    </row>
    <row r="164311" spans="8:8">
      <c r="H164311" s="12"/>
    </row>
    <row r="164312" spans="8:8">
      <c r="H164312" s="12"/>
    </row>
    <row r="164313" spans="8:8">
      <c r="H164313" s="12"/>
    </row>
    <row r="164314" spans="8:8">
      <c r="H164314" s="12"/>
    </row>
    <row r="164315" spans="8:8">
      <c r="H164315" s="12"/>
    </row>
    <row r="164316" spans="8:8">
      <c r="H164316" s="12"/>
    </row>
    <row r="164317" spans="8:8">
      <c r="H164317" s="12"/>
    </row>
    <row r="164318" spans="8:8">
      <c r="H164318" s="12"/>
    </row>
    <row r="164319" spans="8:8">
      <c r="H164319" s="12"/>
    </row>
    <row r="164320" spans="8:8">
      <c r="H164320" s="12"/>
    </row>
    <row r="164321" spans="8:8">
      <c r="H164321" s="12"/>
    </row>
    <row r="164322" spans="8:8">
      <c r="H164322" s="12"/>
    </row>
    <row r="164323" spans="8:8">
      <c r="H164323" s="12"/>
    </row>
    <row r="164324" spans="8:8">
      <c r="H164324" s="12"/>
    </row>
    <row r="164325" spans="8:8">
      <c r="H164325" s="12"/>
    </row>
    <row r="164326" spans="8:8">
      <c r="H164326" s="12"/>
    </row>
    <row r="164327" spans="8:8">
      <c r="H164327" s="12"/>
    </row>
    <row r="164328" spans="8:8">
      <c r="H164328" s="12"/>
    </row>
    <row r="164329" spans="8:8">
      <c r="H164329" s="12"/>
    </row>
    <row r="164330" spans="8:8">
      <c r="H164330" s="12"/>
    </row>
    <row r="164331" spans="8:8">
      <c r="H164331" s="12"/>
    </row>
    <row r="164332" spans="8:8">
      <c r="H164332" s="12"/>
    </row>
    <row r="164333" spans="8:8">
      <c r="H164333" s="12"/>
    </row>
    <row r="164334" spans="8:8">
      <c r="H164334" s="12"/>
    </row>
    <row r="164335" spans="8:8">
      <c r="H164335" s="12"/>
    </row>
    <row r="164336" spans="8:8">
      <c r="H164336" s="12"/>
    </row>
    <row r="164337" spans="8:8">
      <c r="H164337" s="12"/>
    </row>
    <row r="164338" spans="8:8">
      <c r="H164338" s="12"/>
    </row>
    <row r="164339" spans="8:8">
      <c r="H164339" s="12"/>
    </row>
    <row r="164340" spans="8:8">
      <c r="H164340" s="12"/>
    </row>
    <row r="164341" spans="8:8">
      <c r="H164341" s="12"/>
    </row>
    <row r="164342" spans="8:8">
      <c r="H164342" s="12"/>
    </row>
    <row r="164343" spans="8:8">
      <c r="H164343" s="12"/>
    </row>
    <row r="164344" spans="8:8">
      <c r="H164344" s="12"/>
    </row>
    <row r="164345" spans="8:8">
      <c r="H164345" s="12"/>
    </row>
    <row r="164346" spans="8:8">
      <c r="H164346" s="12"/>
    </row>
    <row r="164347" spans="8:8">
      <c r="H164347" s="12"/>
    </row>
    <row r="164348" spans="8:8">
      <c r="H164348" s="12"/>
    </row>
    <row r="164349" spans="8:8">
      <c r="H164349" s="12"/>
    </row>
    <row r="164350" spans="8:8">
      <c r="H164350" s="12"/>
    </row>
    <row r="164351" spans="8:8">
      <c r="H164351" s="12"/>
    </row>
    <row r="164352" spans="8:8">
      <c r="H164352" s="12"/>
    </row>
    <row r="164353" spans="8:8">
      <c r="H164353" s="12"/>
    </row>
    <row r="164354" spans="8:8">
      <c r="H164354" s="12"/>
    </row>
    <row r="164355" spans="8:8">
      <c r="H164355" s="12"/>
    </row>
    <row r="164356" spans="8:8">
      <c r="H164356" s="12"/>
    </row>
    <row r="164357" spans="8:8">
      <c r="H164357" s="12"/>
    </row>
    <row r="164358" spans="8:8">
      <c r="H164358" s="12"/>
    </row>
    <row r="164359" spans="8:8">
      <c r="H164359" s="12"/>
    </row>
    <row r="164360" spans="8:8">
      <c r="H164360" s="12"/>
    </row>
    <row r="164361" spans="8:8">
      <c r="H164361" s="12"/>
    </row>
    <row r="164362" spans="8:8">
      <c r="H164362" s="12"/>
    </row>
    <row r="164363" spans="8:8">
      <c r="H164363" s="12"/>
    </row>
    <row r="164364" spans="8:8">
      <c r="H164364" s="12"/>
    </row>
    <row r="164365" spans="8:8">
      <c r="H164365" s="12"/>
    </row>
    <row r="164366" spans="8:8">
      <c r="H164366" s="12"/>
    </row>
    <row r="164367" spans="8:8">
      <c r="H164367" s="12"/>
    </row>
    <row r="164368" spans="8:8">
      <c r="H164368" s="12"/>
    </row>
    <row r="164369" spans="8:8">
      <c r="H164369" s="12"/>
    </row>
    <row r="164370" spans="8:8">
      <c r="H164370" s="12"/>
    </row>
    <row r="164371" spans="8:8">
      <c r="H164371" s="12"/>
    </row>
    <row r="164372" spans="8:8">
      <c r="H164372" s="12"/>
    </row>
    <row r="164373" spans="8:8">
      <c r="H164373" s="12"/>
    </row>
    <row r="164374" spans="8:8">
      <c r="H164374" s="12"/>
    </row>
    <row r="164375" spans="8:8">
      <c r="H164375" s="12"/>
    </row>
    <row r="164376" spans="8:8">
      <c r="H164376" s="12"/>
    </row>
    <row r="164377" spans="8:8">
      <c r="H164377" s="12"/>
    </row>
    <row r="164378" spans="8:8">
      <c r="H164378" s="12"/>
    </row>
    <row r="164379" spans="8:8">
      <c r="H164379" s="12"/>
    </row>
    <row r="164380" spans="8:8">
      <c r="H164380" s="12"/>
    </row>
    <row r="164381" spans="8:8">
      <c r="H164381" s="12"/>
    </row>
    <row r="164382" spans="8:8">
      <c r="H164382" s="12"/>
    </row>
    <row r="164383" spans="8:8">
      <c r="H164383" s="12"/>
    </row>
    <row r="164384" spans="8:8">
      <c r="H164384" s="12"/>
    </row>
    <row r="164385" spans="8:8">
      <c r="H164385" s="12"/>
    </row>
    <row r="164386" spans="8:8">
      <c r="H164386" s="12"/>
    </row>
    <row r="164387" spans="8:8">
      <c r="H164387" s="12"/>
    </row>
    <row r="164388" spans="8:8">
      <c r="H164388" s="12"/>
    </row>
    <row r="164389" spans="8:8">
      <c r="H164389" s="12"/>
    </row>
    <row r="164390" spans="8:8">
      <c r="H164390" s="12"/>
    </row>
    <row r="164391" spans="8:8">
      <c r="H164391" s="12"/>
    </row>
    <row r="164392" spans="8:8">
      <c r="H164392" s="12"/>
    </row>
    <row r="164393" spans="8:8">
      <c r="H164393" s="12"/>
    </row>
    <row r="164394" spans="8:8">
      <c r="H164394" s="12"/>
    </row>
    <row r="164395" spans="8:8">
      <c r="H164395" s="12"/>
    </row>
    <row r="164396" spans="8:8">
      <c r="H164396" s="12"/>
    </row>
    <row r="164397" spans="8:8">
      <c r="H164397" s="12"/>
    </row>
    <row r="164398" spans="8:8">
      <c r="H164398" s="12"/>
    </row>
    <row r="164399" spans="8:8">
      <c r="H164399" s="12"/>
    </row>
    <row r="164400" spans="8:8">
      <c r="H164400" s="12"/>
    </row>
    <row r="164401" spans="8:8">
      <c r="H164401" s="12"/>
    </row>
    <row r="164402" spans="8:8">
      <c r="H164402" s="12"/>
    </row>
    <row r="164403" spans="8:8">
      <c r="H164403" s="12"/>
    </row>
    <row r="164404" spans="8:8">
      <c r="H164404" s="12"/>
    </row>
    <row r="164405" spans="8:8">
      <c r="H164405" s="12"/>
    </row>
    <row r="164406" spans="8:8">
      <c r="H164406" s="12"/>
    </row>
    <row r="164407" spans="8:8">
      <c r="H164407" s="12"/>
    </row>
    <row r="164408" spans="8:8">
      <c r="H164408" s="12"/>
    </row>
    <row r="164409" spans="8:8">
      <c r="H164409" s="12"/>
    </row>
    <row r="164410" spans="8:8">
      <c r="H164410" s="12"/>
    </row>
    <row r="164411" spans="8:8">
      <c r="H164411" s="12"/>
    </row>
    <row r="164412" spans="8:8">
      <c r="H164412" s="12"/>
    </row>
    <row r="164413" spans="8:8">
      <c r="H164413" s="12"/>
    </row>
    <row r="164414" spans="8:8">
      <c r="H164414" s="12"/>
    </row>
    <row r="164415" spans="8:8">
      <c r="H164415" s="12"/>
    </row>
    <row r="164416" spans="8:8">
      <c r="H164416" s="12"/>
    </row>
    <row r="164417" spans="8:8">
      <c r="H164417" s="12"/>
    </row>
    <row r="164418" spans="8:8">
      <c r="H164418" s="12"/>
    </row>
    <row r="164419" spans="8:8">
      <c r="H164419" s="12"/>
    </row>
    <row r="164420" spans="8:8">
      <c r="H164420" s="12"/>
    </row>
    <row r="164421" spans="8:8">
      <c r="H164421" s="12"/>
    </row>
    <row r="164422" spans="8:8">
      <c r="H164422" s="12"/>
    </row>
    <row r="164423" spans="8:8">
      <c r="H164423" s="12"/>
    </row>
    <row r="164424" spans="8:8">
      <c r="H164424" s="12"/>
    </row>
    <row r="164425" spans="8:8">
      <c r="H164425" s="12"/>
    </row>
    <row r="164426" spans="8:8">
      <c r="H164426" s="12"/>
    </row>
    <row r="164427" spans="8:8">
      <c r="H164427" s="12"/>
    </row>
    <row r="164428" spans="8:8">
      <c r="H164428" s="12"/>
    </row>
    <row r="164429" spans="8:8">
      <c r="H164429" s="12"/>
    </row>
    <row r="164430" spans="8:8">
      <c r="H164430" s="12"/>
    </row>
    <row r="164431" spans="8:8">
      <c r="H164431" s="12"/>
    </row>
    <row r="164432" spans="8:8">
      <c r="H164432" s="12"/>
    </row>
    <row r="164433" spans="8:8">
      <c r="H164433" s="12"/>
    </row>
    <row r="164434" spans="8:8">
      <c r="H164434" s="12"/>
    </row>
    <row r="164435" spans="8:8">
      <c r="H164435" s="12"/>
    </row>
    <row r="164436" spans="8:8">
      <c r="H164436" s="12"/>
    </row>
    <row r="164437" spans="8:8">
      <c r="H164437" s="12"/>
    </row>
    <row r="164438" spans="8:8">
      <c r="H164438" s="12"/>
    </row>
    <row r="164439" spans="8:8">
      <c r="H164439" s="12"/>
    </row>
    <row r="164440" spans="8:8">
      <c r="H164440" s="12"/>
    </row>
    <row r="164441" spans="8:8">
      <c r="H164441" s="12"/>
    </row>
    <row r="164442" spans="8:8">
      <c r="H164442" s="12"/>
    </row>
    <row r="164443" spans="8:8">
      <c r="H164443" s="12"/>
    </row>
    <row r="164444" spans="8:8">
      <c r="H164444" s="12"/>
    </row>
    <row r="164445" spans="8:8">
      <c r="H164445" s="12"/>
    </row>
    <row r="164446" spans="8:8">
      <c r="H164446" s="12"/>
    </row>
    <row r="164447" spans="8:8">
      <c r="H164447" s="12"/>
    </row>
    <row r="164448" spans="8:8">
      <c r="H164448" s="12"/>
    </row>
    <row r="164449" spans="8:8">
      <c r="H164449" s="12"/>
    </row>
    <row r="164450" spans="8:8">
      <c r="H164450" s="12"/>
    </row>
    <row r="164451" spans="8:8">
      <c r="H164451" s="12"/>
    </row>
    <row r="164452" spans="8:8">
      <c r="H164452" s="12"/>
    </row>
    <row r="164453" spans="8:8">
      <c r="H164453" s="12"/>
    </row>
    <row r="164454" spans="8:8">
      <c r="H164454" s="12"/>
    </row>
    <row r="164455" spans="8:8">
      <c r="H164455" s="12"/>
    </row>
    <row r="164456" spans="8:8">
      <c r="H164456" s="12"/>
    </row>
    <row r="164457" spans="8:8">
      <c r="H164457" s="12"/>
    </row>
    <row r="164458" spans="8:8">
      <c r="H164458" s="12"/>
    </row>
    <row r="164459" spans="8:8">
      <c r="H164459" s="12"/>
    </row>
    <row r="164460" spans="8:8">
      <c r="H164460" s="12"/>
    </row>
    <row r="164461" spans="8:8">
      <c r="H164461" s="12"/>
    </row>
    <row r="164462" spans="8:8">
      <c r="H164462" s="12"/>
    </row>
    <row r="164463" spans="8:8">
      <c r="H164463" s="12"/>
    </row>
    <row r="164464" spans="8:8">
      <c r="H164464" s="12"/>
    </row>
    <row r="164465" spans="8:8">
      <c r="H164465" s="12"/>
    </row>
    <row r="164466" spans="8:8">
      <c r="H164466" s="12"/>
    </row>
    <row r="164467" spans="8:8">
      <c r="H164467" s="12"/>
    </row>
    <row r="164468" spans="8:8">
      <c r="H164468" s="12"/>
    </row>
    <row r="164469" spans="8:8">
      <c r="H164469" s="12"/>
    </row>
    <row r="164470" spans="8:8">
      <c r="H164470" s="12"/>
    </row>
    <row r="164471" spans="8:8">
      <c r="H164471" s="12"/>
    </row>
    <row r="164472" spans="8:8">
      <c r="H164472" s="12"/>
    </row>
    <row r="164473" spans="8:8">
      <c r="H164473" s="12"/>
    </row>
    <row r="164474" spans="8:8">
      <c r="H164474" s="12"/>
    </row>
    <row r="164475" spans="8:8">
      <c r="H164475" s="12"/>
    </row>
    <row r="164476" spans="8:8">
      <c r="H164476" s="12"/>
    </row>
    <row r="164477" spans="8:8">
      <c r="H164477" s="12"/>
    </row>
    <row r="164478" spans="8:8">
      <c r="H164478" s="12"/>
    </row>
    <row r="164479" spans="8:8">
      <c r="H164479" s="12"/>
    </row>
    <row r="164480" spans="8:8">
      <c r="H164480" s="12"/>
    </row>
    <row r="164481" spans="8:8">
      <c r="H164481" s="12"/>
    </row>
    <row r="164482" spans="8:8">
      <c r="H164482" s="12"/>
    </row>
    <row r="164483" spans="8:8">
      <c r="H164483" s="12"/>
    </row>
    <row r="164484" spans="8:8">
      <c r="H164484" s="12"/>
    </row>
    <row r="164485" spans="8:8">
      <c r="H164485" s="12"/>
    </row>
    <row r="164486" spans="8:8">
      <c r="H164486" s="12"/>
    </row>
    <row r="164487" spans="8:8">
      <c r="H164487" s="12"/>
    </row>
    <row r="164488" spans="8:8">
      <c r="H164488" s="12"/>
    </row>
    <row r="164489" spans="8:8">
      <c r="H164489" s="12"/>
    </row>
    <row r="164490" spans="8:8">
      <c r="H164490" s="12"/>
    </row>
    <row r="164491" spans="8:8">
      <c r="H164491" s="12"/>
    </row>
    <row r="164492" spans="8:8">
      <c r="H164492" s="12"/>
    </row>
    <row r="164493" spans="8:8">
      <c r="H164493" s="12"/>
    </row>
    <row r="164494" spans="8:8">
      <c r="H164494" s="12"/>
    </row>
    <row r="164495" spans="8:8">
      <c r="H164495" s="12"/>
    </row>
    <row r="164496" spans="8:8">
      <c r="H164496" s="12"/>
    </row>
    <row r="164497" spans="8:8">
      <c r="H164497" s="12"/>
    </row>
    <row r="164498" spans="8:8">
      <c r="H164498" s="12"/>
    </row>
    <row r="164499" spans="8:8">
      <c r="H164499" s="12"/>
    </row>
    <row r="164500" spans="8:8">
      <c r="H164500" s="12"/>
    </row>
    <row r="164501" spans="8:8">
      <c r="H164501" s="12"/>
    </row>
    <row r="164502" spans="8:8">
      <c r="H164502" s="12"/>
    </row>
    <row r="164503" spans="8:8">
      <c r="H164503" s="12"/>
    </row>
    <row r="164504" spans="8:8">
      <c r="H164504" s="12"/>
    </row>
    <row r="164505" spans="8:8">
      <c r="H164505" s="12"/>
    </row>
    <row r="164506" spans="8:8">
      <c r="H164506" s="12"/>
    </row>
    <row r="164507" spans="8:8">
      <c r="H164507" s="12"/>
    </row>
    <row r="164508" spans="8:8">
      <c r="H164508" s="12"/>
    </row>
    <row r="164509" spans="8:8">
      <c r="H164509" s="12"/>
    </row>
    <row r="164510" spans="8:8">
      <c r="H164510" s="12"/>
    </row>
    <row r="164511" spans="8:8">
      <c r="H164511" s="12"/>
    </row>
    <row r="164512" spans="8:8">
      <c r="H164512" s="12"/>
    </row>
    <row r="164513" spans="8:8">
      <c r="H164513" s="12"/>
    </row>
    <row r="164514" spans="8:8">
      <c r="H164514" s="12"/>
    </row>
    <row r="164515" spans="8:8">
      <c r="H164515" s="12"/>
    </row>
    <row r="164516" spans="8:8">
      <c r="H164516" s="12"/>
    </row>
    <row r="164517" spans="8:8">
      <c r="H164517" s="12"/>
    </row>
    <row r="164518" spans="8:8">
      <c r="H164518" s="12"/>
    </row>
    <row r="164519" spans="8:8">
      <c r="H164519" s="12"/>
    </row>
    <row r="164520" spans="8:8">
      <c r="H164520" s="12"/>
    </row>
    <row r="164521" spans="8:8">
      <c r="H164521" s="12"/>
    </row>
    <row r="164522" spans="8:8">
      <c r="H164522" s="12"/>
    </row>
    <row r="164523" spans="8:8">
      <c r="H164523" s="12"/>
    </row>
    <row r="164524" spans="8:8">
      <c r="H164524" s="12"/>
    </row>
    <row r="164525" spans="8:8">
      <c r="H164525" s="12"/>
    </row>
    <row r="164526" spans="8:8">
      <c r="H164526" s="12"/>
    </row>
    <row r="164527" spans="8:8">
      <c r="H164527" s="12"/>
    </row>
    <row r="164528" spans="8:8">
      <c r="H164528" s="12"/>
    </row>
    <row r="164529" spans="8:8">
      <c r="H164529" s="12"/>
    </row>
    <row r="164530" spans="8:8">
      <c r="H164530" s="12"/>
    </row>
    <row r="164531" spans="8:8">
      <c r="H164531" s="12"/>
    </row>
    <row r="164532" spans="8:8">
      <c r="H164532" s="12"/>
    </row>
    <row r="164533" spans="8:8">
      <c r="H164533" s="12"/>
    </row>
    <row r="164534" spans="8:8">
      <c r="H164534" s="12"/>
    </row>
    <row r="164535" spans="8:8">
      <c r="H164535" s="12"/>
    </row>
    <row r="164536" spans="8:8">
      <c r="H164536" s="12"/>
    </row>
    <row r="164537" spans="8:8">
      <c r="H164537" s="12"/>
    </row>
    <row r="164538" spans="8:8">
      <c r="H164538" s="12"/>
    </row>
    <row r="164539" spans="8:8">
      <c r="H164539" s="12"/>
    </row>
    <row r="164540" spans="8:8">
      <c r="H164540" s="12"/>
    </row>
    <row r="164541" spans="8:8">
      <c r="H164541" s="12"/>
    </row>
    <row r="164542" spans="8:8">
      <c r="H164542" s="12"/>
    </row>
    <row r="164543" spans="8:8">
      <c r="H164543" s="12"/>
    </row>
    <row r="164544" spans="8:8">
      <c r="H164544" s="12"/>
    </row>
    <row r="164545" spans="8:8">
      <c r="H164545" s="12"/>
    </row>
    <row r="164546" spans="8:8">
      <c r="H164546" s="12"/>
    </row>
    <row r="164547" spans="8:8">
      <c r="H164547" s="12"/>
    </row>
    <row r="164548" spans="8:8">
      <c r="H164548" s="12"/>
    </row>
    <row r="164549" spans="8:8">
      <c r="H164549" s="12"/>
    </row>
    <row r="164550" spans="8:8">
      <c r="H164550" s="12"/>
    </row>
    <row r="164551" spans="8:8">
      <c r="H164551" s="12"/>
    </row>
    <row r="164552" spans="8:8">
      <c r="H164552" s="12"/>
    </row>
    <row r="164553" spans="8:8">
      <c r="H164553" s="12"/>
    </row>
    <row r="164554" spans="8:8">
      <c r="H164554" s="12"/>
    </row>
    <row r="164555" spans="8:8">
      <c r="H164555" s="12"/>
    </row>
    <row r="164556" spans="8:8">
      <c r="H164556" s="12"/>
    </row>
    <row r="164557" spans="8:8">
      <c r="H164557" s="12"/>
    </row>
    <row r="164558" spans="8:8">
      <c r="H164558" s="12"/>
    </row>
    <row r="164559" spans="8:8">
      <c r="H164559" s="12"/>
    </row>
    <row r="164560" spans="8:8">
      <c r="H164560" s="12"/>
    </row>
    <row r="164561" spans="8:8">
      <c r="H164561" s="12"/>
    </row>
    <row r="164562" spans="8:8">
      <c r="H164562" s="12"/>
    </row>
    <row r="164563" spans="8:8">
      <c r="H164563" s="12"/>
    </row>
    <row r="164564" spans="8:8">
      <c r="H164564" s="12"/>
    </row>
    <row r="164565" spans="8:8">
      <c r="H164565" s="12"/>
    </row>
    <row r="164566" spans="8:8">
      <c r="H164566" s="12"/>
    </row>
    <row r="164567" spans="8:8">
      <c r="H164567" s="12"/>
    </row>
    <row r="164568" spans="8:8">
      <c r="H164568" s="12"/>
    </row>
    <row r="164569" spans="8:8">
      <c r="H164569" s="12"/>
    </row>
    <row r="164570" spans="8:8">
      <c r="H164570" s="12"/>
    </row>
    <row r="164571" spans="8:8">
      <c r="H164571" s="12"/>
    </row>
    <row r="164572" spans="8:8">
      <c r="H164572" s="12"/>
    </row>
    <row r="164573" spans="8:8">
      <c r="H164573" s="12"/>
    </row>
    <row r="164574" spans="8:8">
      <c r="H164574" s="12"/>
    </row>
    <row r="164575" spans="8:8">
      <c r="H164575" s="12"/>
    </row>
    <row r="164576" spans="8:8">
      <c r="H164576" s="12"/>
    </row>
    <row r="164577" spans="8:8">
      <c r="H164577" s="12"/>
    </row>
    <row r="164578" spans="8:8">
      <c r="H164578" s="12"/>
    </row>
    <row r="164579" spans="8:8">
      <c r="H164579" s="12"/>
    </row>
    <row r="164580" spans="8:8">
      <c r="H164580" s="12"/>
    </row>
    <row r="164581" spans="8:8">
      <c r="H164581" s="12"/>
    </row>
    <row r="164582" spans="8:8">
      <c r="H164582" s="12"/>
    </row>
    <row r="164583" spans="8:8">
      <c r="H164583" s="12"/>
    </row>
    <row r="164584" spans="8:8">
      <c r="H164584" s="12"/>
    </row>
    <row r="164585" spans="8:8">
      <c r="H164585" s="12"/>
    </row>
    <row r="164586" spans="8:8">
      <c r="H164586" s="12"/>
    </row>
    <row r="164587" spans="8:8">
      <c r="H164587" s="12"/>
    </row>
    <row r="164588" spans="8:8">
      <c r="H164588" s="12"/>
    </row>
    <row r="164589" spans="8:8">
      <c r="H164589" s="12"/>
    </row>
    <row r="164590" spans="8:8">
      <c r="H164590" s="12"/>
    </row>
    <row r="164591" spans="8:8">
      <c r="H164591" s="12"/>
    </row>
    <row r="164592" spans="8:8">
      <c r="H164592" s="12"/>
    </row>
    <row r="164593" spans="8:8">
      <c r="H164593" s="12"/>
    </row>
    <row r="164594" spans="8:8">
      <c r="H164594" s="12"/>
    </row>
    <row r="164595" spans="8:8">
      <c r="H164595" s="12"/>
    </row>
    <row r="164596" spans="8:8">
      <c r="H164596" s="12"/>
    </row>
    <row r="164597" spans="8:8">
      <c r="H164597" s="12"/>
    </row>
    <row r="164598" spans="8:8">
      <c r="H164598" s="12"/>
    </row>
    <row r="164599" spans="8:8">
      <c r="H164599" s="12"/>
    </row>
    <row r="164600" spans="8:8">
      <c r="H164600" s="12"/>
    </row>
    <row r="164601" spans="8:8">
      <c r="H164601" s="12"/>
    </row>
    <row r="164602" spans="8:8">
      <c r="H164602" s="12"/>
    </row>
    <row r="164603" spans="8:8">
      <c r="H164603" s="12"/>
    </row>
    <row r="164604" spans="8:8">
      <c r="H164604" s="12"/>
    </row>
    <row r="164605" spans="8:8">
      <c r="H164605" s="12"/>
    </row>
    <row r="164606" spans="8:8">
      <c r="H164606" s="12"/>
    </row>
    <row r="164607" spans="8:8">
      <c r="H164607" s="12"/>
    </row>
    <row r="164608" spans="8:8">
      <c r="H164608" s="12"/>
    </row>
    <row r="164609" spans="8:8">
      <c r="H164609" s="12"/>
    </row>
    <row r="164610" spans="8:8">
      <c r="H164610" s="12"/>
    </row>
    <row r="164611" spans="8:8">
      <c r="H164611" s="12"/>
    </row>
    <row r="164612" spans="8:8">
      <c r="H164612" s="12"/>
    </row>
    <row r="164613" spans="8:8">
      <c r="H164613" s="12"/>
    </row>
    <row r="164614" spans="8:8">
      <c r="H164614" s="12"/>
    </row>
    <row r="164615" spans="8:8">
      <c r="H164615" s="12"/>
    </row>
    <row r="164616" spans="8:8">
      <c r="H164616" s="12"/>
    </row>
    <row r="164617" spans="8:8">
      <c r="H164617" s="12"/>
    </row>
    <row r="164618" spans="8:8">
      <c r="H164618" s="12"/>
    </row>
    <row r="164619" spans="8:8">
      <c r="H164619" s="12"/>
    </row>
    <row r="164620" spans="8:8">
      <c r="H164620" s="12"/>
    </row>
    <row r="164621" spans="8:8">
      <c r="H164621" s="12"/>
    </row>
    <row r="164622" spans="8:8">
      <c r="H164622" s="12"/>
    </row>
    <row r="164623" spans="8:8">
      <c r="H164623" s="12"/>
    </row>
    <row r="164624" spans="8:8">
      <c r="H164624" s="12"/>
    </row>
    <row r="164625" spans="8:8">
      <c r="H164625" s="12"/>
    </row>
    <row r="164626" spans="8:8">
      <c r="H164626" s="12"/>
    </row>
    <row r="164627" spans="8:8">
      <c r="H164627" s="12"/>
    </row>
    <row r="164628" spans="8:8">
      <c r="H164628" s="12"/>
    </row>
    <row r="164629" spans="8:8">
      <c r="H164629" s="12"/>
    </row>
    <row r="164630" spans="8:8">
      <c r="H164630" s="12"/>
    </row>
    <row r="164631" spans="8:8">
      <c r="H164631" s="12"/>
    </row>
    <row r="164632" spans="8:8">
      <c r="H164632" s="12"/>
    </row>
    <row r="164633" spans="8:8">
      <c r="H164633" s="12"/>
    </row>
    <row r="164634" spans="8:8">
      <c r="H164634" s="12"/>
    </row>
    <row r="164635" spans="8:8">
      <c r="H164635" s="12"/>
    </row>
    <row r="164636" spans="8:8">
      <c r="H164636" s="12"/>
    </row>
    <row r="164637" spans="8:8">
      <c r="H164637" s="12"/>
    </row>
    <row r="164638" spans="8:8">
      <c r="H164638" s="12"/>
    </row>
    <row r="164639" spans="8:8">
      <c r="H164639" s="12"/>
    </row>
    <row r="164640" spans="8:8">
      <c r="H164640" s="12"/>
    </row>
    <row r="164641" spans="8:8">
      <c r="H164641" s="12"/>
    </row>
    <row r="164642" spans="8:8">
      <c r="H164642" s="12"/>
    </row>
    <row r="164643" spans="8:8">
      <c r="H164643" s="12"/>
    </row>
    <row r="164644" spans="8:8">
      <c r="H164644" s="12"/>
    </row>
    <row r="164645" spans="8:8">
      <c r="H164645" s="12"/>
    </row>
    <row r="164646" spans="8:8">
      <c r="H164646" s="12"/>
    </row>
    <row r="164647" spans="8:8">
      <c r="H164647" s="12"/>
    </row>
    <row r="164648" spans="8:8">
      <c r="H164648" s="12"/>
    </row>
    <row r="164649" spans="8:8">
      <c r="H164649" s="12"/>
    </row>
    <row r="164650" spans="8:8">
      <c r="H164650" s="12"/>
    </row>
    <row r="164651" spans="8:8">
      <c r="H164651" s="12"/>
    </row>
    <row r="164652" spans="8:8">
      <c r="H164652" s="12"/>
    </row>
    <row r="164653" spans="8:8">
      <c r="H164653" s="12"/>
    </row>
    <row r="164654" spans="8:8">
      <c r="H164654" s="12"/>
    </row>
    <row r="164655" spans="8:8">
      <c r="H164655" s="12"/>
    </row>
    <row r="164656" spans="8:8">
      <c r="H164656" s="12"/>
    </row>
    <row r="164657" spans="8:8">
      <c r="H164657" s="12"/>
    </row>
    <row r="164658" spans="8:8">
      <c r="H164658" s="12"/>
    </row>
    <row r="164659" spans="8:8">
      <c r="H164659" s="12"/>
    </row>
    <row r="164660" spans="8:8">
      <c r="H164660" s="12"/>
    </row>
    <row r="164661" spans="8:8">
      <c r="H164661" s="12"/>
    </row>
    <row r="164662" spans="8:8">
      <c r="H164662" s="12"/>
    </row>
    <row r="164663" spans="8:8">
      <c r="H164663" s="12"/>
    </row>
    <row r="164664" spans="8:8">
      <c r="H164664" s="12"/>
    </row>
    <row r="164665" spans="8:8">
      <c r="H164665" s="12"/>
    </row>
    <row r="164666" spans="8:8">
      <c r="H164666" s="12"/>
    </row>
    <row r="164667" spans="8:8">
      <c r="H164667" s="12"/>
    </row>
    <row r="164668" spans="8:8">
      <c r="H164668" s="12"/>
    </row>
    <row r="164669" spans="8:8">
      <c r="H164669" s="12"/>
    </row>
    <row r="164670" spans="8:8">
      <c r="H164670" s="12"/>
    </row>
    <row r="164671" spans="8:8">
      <c r="H164671" s="12"/>
    </row>
    <row r="164672" spans="8:8">
      <c r="H164672" s="12"/>
    </row>
    <row r="164673" spans="8:8">
      <c r="H164673" s="12"/>
    </row>
    <row r="164674" spans="8:8">
      <c r="H164674" s="12"/>
    </row>
    <row r="164675" spans="8:8">
      <c r="H164675" s="12"/>
    </row>
    <row r="164676" spans="8:8">
      <c r="H164676" s="12"/>
    </row>
    <row r="164677" spans="8:8">
      <c r="H164677" s="12"/>
    </row>
    <row r="164678" spans="8:8">
      <c r="H164678" s="12"/>
    </row>
    <row r="164679" spans="8:8">
      <c r="H164679" s="12"/>
    </row>
    <row r="164680" spans="8:8">
      <c r="H164680" s="12"/>
    </row>
    <row r="164681" spans="8:8">
      <c r="H164681" s="12"/>
    </row>
    <row r="164682" spans="8:8">
      <c r="H164682" s="12"/>
    </row>
    <row r="164683" spans="8:8">
      <c r="H164683" s="12"/>
    </row>
    <row r="164684" spans="8:8">
      <c r="H164684" s="12"/>
    </row>
    <row r="164685" spans="8:8">
      <c r="H164685" s="12"/>
    </row>
    <row r="164686" spans="8:8">
      <c r="H164686" s="12"/>
    </row>
    <row r="164687" spans="8:8">
      <c r="H164687" s="12"/>
    </row>
    <row r="164688" spans="8:8">
      <c r="H164688" s="12"/>
    </row>
    <row r="164689" spans="8:8">
      <c r="H164689" s="12"/>
    </row>
    <row r="164690" spans="8:8">
      <c r="H164690" s="12"/>
    </row>
    <row r="164691" spans="8:8">
      <c r="H164691" s="12"/>
    </row>
    <row r="164692" spans="8:8">
      <c r="H164692" s="12"/>
    </row>
    <row r="164693" spans="8:8">
      <c r="H164693" s="12"/>
    </row>
    <row r="164694" spans="8:8">
      <c r="H164694" s="12"/>
    </row>
    <row r="164695" spans="8:8">
      <c r="H164695" s="12"/>
    </row>
    <row r="164696" spans="8:8">
      <c r="H164696" s="12"/>
    </row>
    <row r="164697" spans="8:8">
      <c r="H164697" s="12"/>
    </row>
    <row r="164698" spans="8:8">
      <c r="H164698" s="12"/>
    </row>
    <row r="164699" spans="8:8">
      <c r="H164699" s="12"/>
    </row>
    <row r="164700" spans="8:8">
      <c r="H164700" s="12"/>
    </row>
    <row r="164701" spans="8:8">
      <c r="H164701" s="12"/>
    </row>
    <row r="164702" spans="8:8">
      <c r="H164702" s="12"/>
    </row>
    <row r="164703" spans="8:8">
      <c r="H164703" s="12"/>
    </row>
    <row r="164704" spans="8:8">
      <c r="H164704" s="12"/>
    </row>
    <row r="164705" spans="8:8">
      <c r="H164705" s="12"/>
    </row>
    <row r="164706" spans="8:8">
      <c r="H164706" s="12"/>
    </row>
    <row r="164707" spans="8:8">
      <c r="H164707" s="12"/>
    </row>
    <row r="164708" spans="8:8">
      <c r="H164708" s="12"/>
    </row>
    <row r="164709" spans="8:8">
      <c r="H164709" s="12"/>
    </row>
    <row r="164710" spans="8:8">
      <c r="H164710" s="12"/>
    </row>
    <row r="164711" spans="8:8">
      <c r="H164711" s="12"/>
    </row>
    <row r="164712" spans="8:8">
      <c r="H164712" s="12"/>
    </row>
    <row r="164713" spans="8:8">
      <c r="H164713" s="12"/>
    </row>
    <row r="164714" spans="8:8">
      <c r="H164714" s="12"/>
    </row>
    <row r="164715" spans="8:8">
      <c r="H164715" s="12"/>
    </row>
    <row r="164716" spans="8:8">
      <c r="H164716" s="12"/>
    </row>
    <row r="164717" spans="8:8">
      <c r="H164717" s="12"/>
    </row>
    <row r="164718" spans="8:8">
      <c r="H164718" s="12"/>
    </row>
    <row r="164719" spans="8:8">
      <c r="H164719" s="12"/>
    </row>
    <row r="164720" spans="8:8">
      <c r="H164720" s="12"/>
    </row>
    <row r="164721" spans="8:8">
      <c r="H164721" s="12"/>
    </row>
    <row r="164722" spans="8:8">
      <c r="H164722" s="12"/>
    </row>
    <row r="164723" spans="8:8">
      <c r="H164723" s="12"/>
    </row>
    <row r="164724" spans="8:8">
      <c r="H164724" s="12"/>
    </row>
    <row r="164725" spans="8:8">
      <c r="H164725" s="12"/>
    </row>
    <row r="164726" spans="8:8">
      <c r="H164726" s="12"/>
    </row>
    <row r="164727" spans="8:8">
      <c r="H164727" s="12"/>
    </row>
    <row r="164728" spans="8:8">
      <c r="H164728" s="12"/>
    </row>
    <row r="164729" spans="8:8">
      <c r="H164729" s="12"/>
    </row>
    <row r="164730" spans="8:8">
      <c r="H164730" s="12"/>
    </row>
    <row r="164731" spans="8:8">
      <c r="H164731" s="12"/>
    </row>
    <row r="164732" spans="8:8">
      <c r="H164732" s="12"/>
    </row>
    <row r="164733" spans="8:8">
      <c r="H164733" s="12"/>
    </row>
    <row r="164734" spans="8:8">
      <c r="H164734" s="12"/>
    </row>
    <row r="164735" spans="8:8">
      <c r="H164735" s="12"/>
    </row>
    <row r="164736" spans="8:8">
      <c r="H164736" s="12"/>
    </row>
    <row r="164737" spans="8:8">
      <c r="H164737" s="12"/>
    </row>
    <row r="164738" spans="8:8">
      <c r="H164738" s="12"/>
    </row>
    <row r="164739" spans="8:8">
      <c r="H164739" s="12"/>
    </row>
    <row r="164740" spans="8:8">
      <c r="H164740" s="12"/>
    </row>
    <row r="164741" spans="8:8">
      <c r="H164741" s="12"/>
    </row>
    <row r="164742" spans="8:8">
      <c r="H164742" s="12"/>
    </row>
    <row r="164743" spans="8:8">
      <c r="H164743" s="12"/>
    </row>
    <row r="164744" spans="8:8">
      <c r="H164744" s="12"/>
    </row>
    <row r="164745" spans="8:8">
      <c r="H164745" s="12"/>
    </row>
    <row r="164746" spans="8:8">
      <c r="H164746" s="12"/>
    </row>
    <row r="164747" spans="8:8">
      <c r="H164747" s="12"/>
    </row>
    <row r="164748" spans="8:8">
      <c r="H164748" s="12"/>
    </row>
    <row r="164749" spans="8:8">
      <c r="H164749" s="12"/>
    </row>
    <row r="164750" spans="8:8">
      <c r="H164750" s="12"/>
    </row>
    <row r="164751" spans="8:8">
      <c r="H164751" s="12"/>
    </row>
    <row r="164752" spans="8:8">
      <c r="H164752" s="12"/>
    </row>
    <row r="164753" spans="8:8">
      <c r="H164753" s="12"/>
    </row>
    <row r="164754" spans="8:8">
      <c r="H164754" s="12"/>
    </row>
    <row r="164755" spans="8:8">
      <c r="H164755" s="12"/>
    </row>
    <row r="164756" spans="8:8">
      <c r="H164756" s="12"/>
    </row>
    <row r="164757" spans="8:8">
      <c r="H164757" s="12"/>
    </row>
    <row r="164758" spans="8:8">
      <c r="H164758" s="12"/>
    </row>
    <row r="164759" spans="8:8">
      <c r="H164759" s="12"/>
    </row>
    <row r="164760" spans="8:8">
      <c r="H164760" s="12"/>
    </row>
    <row r="164761" spans="8:8">
      <c r="H164761" s="12"/>
    </row>
    <row r="164762" spans="8:8">
      <c r="H164762" s="12"/>
    </row>
    <row r="164763" spans="8:8">
      <c r="H164763" s="12"/>
    </row>
    <row r="164764" spans="8:8">
      <c r="H164764" s="12"/>
    </row>
    <row r="164765" spans="8:8">
      <c r="H164765" s="12"/>
    </row>
    <row r="164766" spans="8:8">
      <c r="H164766" s="12"/>
    </row>
    <row r="164767" spans="8:8">
      <c r="H164767" s="12"/>
    </row>
    <row r="164768" spans="8:8">
      <c r="H164768" s="12"/>
    </row>
    <row r="164769" spans="8:8">
      <c r="H164769" s="12"/>
    </row>
    <row r="164770" spans="8:8">
      <c r="H164770" s="12"/>
    </row>
    <row r="164771" spans="8:8">
      <c r="H164771" s="12"/>
    </row>
    <row r="164772" spans="8:8">
      <c r="H164772" s="12"/>
    </row>
    <row r="164773" spans="8:8">
      <c r="H164773" s="12"/>
    </row>
    <row r="164774" spans="8:8">
      <c r="H164774" s="12"/>
    </row>
    <row r="164775" spans="8:8">
      <c r="H164775" s="12"/>
    </row>
    <row r="164776" spans="8:8">
      <c r="H164776" s="12"/>
    </row>
    <row r="164777" spans="8:8">
      <c r="H164777" s="12"/>
    </row>
    <row r="164778" spans="8:8">
      <c r="H164778" s="12"/>
    </row>
    <row r="164779" spans="8:8">
      <c r="H164779" s="12"/>
    </row>
    <row r="164780" spans="8:8">
      <c r="H164780" s="12"/>
    </row>
    <row r="164781" spans="8:8">
      <c r="H164781" s="12"/>
    </row>
    <row r="164782" spans="8:8">
      <c r="H164782" s="12"/>
    </row>
    <row r="164783" spans="8:8">
      <c r="H164783" s="12"/>
    </row>
    <row r="164784" spans="8:8">
      <c r="H164784" s="12"/>
    </row>
    <row r="164785" spans="8:8">
      <c r="H164785" s="12"/>
    </row>
    <row r="164786" spans="8:8">
      <c r="H164786" s="12"/>
    </row>
    <row r="164787" spans="8:8">
      <c r="H164787" s="12"/>
    </row>
    <row r="164788" spans="8:8">
      <c r="H164788" s="12"/>
    </row>
    <row r="164789" spans="8:8">
      <c r="H164789" s="12"/>
    </row>
    <row r="164790" spans="8:8">
      <c r="H164790" s="12"/>
    </row>
    <row r="164791" spans="8:8">
      <c r="H164791" s="12"/>
    </row>
    <row r="164792" spans="8:8">
      <c r="H164792" s="12"/>
    </row>
    <row r="164793" spans="8:8">
      <c r="H164793" s="12"/>
    </row>
    <row r="164794" spans="8:8">
      <c r="H164794" s="12"/>
    </row>
    <row r="164795" spans="8:8">
      <c r="H164795" s="12"/>
    </row>
    <row r="164796" spans="8:8">
      <c r="H164796" s="12"/>
    </row>
    <row r="164797" spans="8:8">
      <c r="H164797" s="12"/>
    </row>
    <row r="164798" spans="8:8">
      <c r="H164798" s="12"/>
    </row>
    <row r="164799" spans="8:8">
      <c r="H164799" s="12"/>
    </row>
    <row r="164800" spans="8:8">
      <c r="H164800" s="12"/>
    </row>
    <row r="164801" spans="8:8">
      <c r="H164801" s="12"/>
    </row>
    <row r="164802" spans="8:8">
      <c r="H164802" s="12"/>
    </row>
    <row r="164803" spans="8:8">
      <c r="H164803" s="12"/>
    </row>
    <row r="164804" spans="8:8">
      <c r="H164804" s="12"/>
    </row>
    <row r="164805" spans="8:8">
      <c r="H164805" s="12"/>
    </row>
    <row r="164806" spans="8:8">
      <c r="H164806" s="12"/>
    </row>
    <row r="164807" spans="8:8">
      <c r="H164807" s="12"/>
    </row>
    <row r="164808" spans="8:8">
      <c r="H164808" s="12"/>
    </row>
    <row r="164809" spans="8:8">
      <c r="H164809" s="12"/>
    </row>
    <row r="164810" spans="8:8">
      <c r="H164810" s="12"/>
    </row>
    <row r="164811" spans="8:8">
      <c r="H164811" s="12"/>
    </row>
    <row r="164812" spans="8:8">
      <c r="H164812" s="12"/>
    </row>
    <row r="164813" spans="8:8">
      <c r="H164813" s="12"/>
    </row>
    <row r="164814" spans="8:8">
      <c r="H164814" s="12"/>
    </row>
    <row r="164815" spans="8:8">
      <c r="H164815" s="12"/>
    </row>
    <row r="164816" spans="8:8">
      <c r="H164816" s="12"/>
    </row>
    <row r="164817" spans="8:8">
      <c r="H164817" s="12"/>
    </row>
    <row r="164818" spans="8:8">
      <c r="H164818" s="12"/>
    </row>
    <row r="164819" spans="8:8">
      <c r="H164819" s="12"/>
    </row>
    <row r="164820" spans="8:8">
      <c r="H164820" s="12"/>
    </row>
    <row r="164821" spans="8:8">
      <c r="H164821" s="12"/>
    </row>
    <row r="164822" spans="8:8">
      <c r="H164822" s="12"/>
    </row>
    <row r="164823" spans="8:8">
      <c r="H164823" s="12"/>
    </row>
    <row r="164824" spans="8:8">
      <c r="H164824" s="12"/>
    </row>
    <row r="164825" spans="8:8">
      <c r="H164825" s="12"/>
    </row>
    <row r="164826" spans="8:8">
      <c r="H164826" s="12"/>
    </row>
    <row r="164827" spans="8:8">
      <c r="H164827" s="12"/>
    </row>
    <row r="164828" spans="8:8">
      <c r="H164828" s="12"/>
    </row>
    <row r="164829" spans="8:8">
      <c r="H164829" s="12"/>
    </row>
    <row r="164830" spans="8:8">
      <c r="H164830" s="12"/>
    </row>
    <row r="164831" spans="8:8">
      <c r="H164831" s="12"/>
    </row>
    <row r="164832" spans="8:8">
      <c r="H164832" s="12"/>
    </row>
    <row r="164833" spans="8:8">
      <c r="H164833" s="12"/>
    </row>
    <row r="164834" spans="8:8">
      <c r="H164834" s="12"/>
    </row>
    <row r="164835" spans="8:8">
      <c r="H164835" s="12"/>
    </row>
    <row r="164836" spans="8:8">
      <c r="H164836" s="12"/>
    </row>
    <row r="164837" spans="8:8">
      <c r="H164837" s="12"/>
    </row>
    <row r="164838" spans="8:8">
      <c r="H164838" s="12"/>
    </row>
    <row r="164839" spans="8:8">
      <c r="H164839" s="12"/>
    </row>
    <row r="164840" spans="8:8">
      <c r="H164840" s="12"/>
    </row>
    <row r="164841" spans="8:8">
      <c r="H164841" s="12"/>
    </row>
    <row r="164842" spans="8:8">
      <c r="H164842" s="12"/>
    </row>
    <row r="164843" spans="8:8">
      <c r="H164843" s="12"/>
    </row>
    <row r="164844" spans="8:8">
      <c r="H164844" s="12"/>
    </row>
    <row r="164845" spans="8:8">
      <c r="H164845" s="12"/>
    </row>
    <row r="164846" spans="8:8">
      <c r="H164846" s="12"/>
    </row>
    <row r="164847" spans="8:8">
      <c r="H164847" s="12"/>
    </row>
    <row r="164848" spans="8:8">
      <c r="H164848" s="12"/>
    </row>
    <row r="164849" spans="8:8">
      <c r="H164849" s="12"/>
    </row>
    <row r="164850" spans="8:8">
      <c r="H164850" s="12"/>
    </row>
    <row r="164851" spans="8:8">
      <c r="H164851" s="12"/>
    </row>
    <row r="164852" spans="8:8">
      <c r="H164852" s="12"/>
    </row>
    <row r="164853" spans="8:8">
      <c r="H164853" s="12"/>
    </row>
    <row r="164854" spans="8:8">
      <c r="H164854" s="12"/>
    </row>
    <row r="164855" spans="8:8">
      <c r="H164855" s="12"/>
    </row>
    <row r="164856" spans="8:8">
      <c r="H164856" s="12"/>
    </row>
    <row r="164857" spans="8:8">
      <c r="H164857" s="12"/>
    </row>
    <row r="164858" spans="8:8">
      <c r="H164858" s="12"/>
    </row>
    <row r="164859" spans="8:8">
      <c r="H164859" s="12"/>
    </row>
    <row r="164860" spans="8:8">
      <c r="H164860" s="12"/>
    </row>
    <row r="164861" spans="8:8">
      <c r="H164861" s="12"/>
    </row>
    <row r="164862" spans="8:8">
      <c r="H164862" s="12"/>
    </row>
    <row r="164863" spans="8:8">
      <c r="H164863" s="12"/>
    </row>
    <row r="164864" spans="8:8">
      <c r="H164864" s="12"/>
    </row>
    <row r="164865" spans="8:8">
      <c r="H164865" s="12"/>
    </row>
    <row r="164866" spans="8:8">
      <c r="H164866" s="12"/>
    </row>
    <row r="164867" spans="8:8">
      <c r="H164867" s="12"/>
    </row>
    <row r="164868" spans="8:8">
      <c r="H164868" s="12"/>
    </row>
    <row r="164869" spans="8:8">
      <c r="H164869" s="12"/>
    </row>
    <row r="164870" spans="8:8">
      <c r="H164870" s="12"/>
    </row>
    <row r="164871" spans="8:8">
      <c r="H164871" s="12"/>
    </row>
    <row r="164872" spans="8:8">
      <c r="H164872" s="12"/>
    </row>
    <row r="164873" spans="8:8">
      <c r="H164873" s="12"/>
    </row>
    <row r="164874" spans="8:8">
      <c r="H164874" s="12"/>
    </row>
    <row r="164875" spans="8:8">
      <c r="H164875" s="12"/>
    </row>
    <row r="164876" spans="8:8">
      <c r="H164876" s="12"/>
    </row>
    <row r="164877" spans="8:8">
      <c r="H164877" s="12"/>
    </row>
    <row r="164878" spans="8:8">
      <c r="H164878" s="12"/>
    </row>
    <row r="164879" spans="8:8">
      <c r="H164879" s="12"/>
    </row>
    <row r="164880" spans="8:8">
      <c r="H164880" s="12"/>
    </row>
    <row r="164881" spans="8:8">
      <c r="H164881" s="12"/>
    </row>
    <row r="164882" spans="8:8">
      <c r="H164882" s="12"/>
    </row>
    <row r="164883" spans="8:8">
      <c r="H164883" s="12"/>
    </row>
    <row r="164884" spans="8:8">
      <c r="H164884" s="12"/>
    </row>
    <row r="164885" spans="8:8">
      <c r="H164885" s="12"/>
    </row>
    <row r="164886" spans="8:8">
      <c r="H164886" s="12"/>
    </row>
    <row r="164887" spans="8:8">
      <c r="H164887" s="12"/>
    </row>
    <row r="164888" spans="8:8">
      <c r="H164888" s="12"/>
    </row>
    <row r="164889" spans="8:8">
      <c r="H164889" s="12"/>
    </row>
    <row r="164890" spans="8:8">
      <c r="H164890" s="12"/>
    </row>
    <row r="164891" spans="8:8">
      <c r="H164891" s="12"/>
    </row>
    <row r="164892" spans="8:8">
      <c r="H164892" s="12"/>
    </row>
    <row r="164893" spans="8:8">
      <c r="H164893" s="12"/>
    </row>
    <row r="164894" spans="8:8">
      <c r="H164894" s="12"/>
    </row>
    <row r="164895" spans="8:8">
      <c r="H164895" s="12"/>
    </row>
    <row r="164896" spans="8:8">
      <c r="H164896" s="12"/>
    </row>
    <row r="164897" spans="8:8">
      <c r="H164897" s="12"/>
    </row>
    <row r="164898" spans="8:8">
      <c r="H164898" s="12"/>
    </row>
    <row r="164899" spans="8:8">
      <c r="H164899" s="12"/>
    </row>
    <row r="164900" spans="8:8">
      <c r="H164900" s="12"/>
    </row>
    <row r="164901" spans="8:8">
      <c r="H164901" s="12"/>
    </row>
    <row r="164902" spans="8:8">
      <c r="H164902" s="12"/>
    </row>
    <row r="164903" spans="8:8">
      <c r="H164903" s="12"/>
    </row>
    <row r="164904" spans="8:8">
      <c r="H164904" s="12"/>
    </row>
    <row r="164905" spans="8:8">
      <c r="H164905" s="12"/>
    </row>
    <row r="164906" spans="8:8">
      <c r="H164906" s="12"/>
    </row>
    <row r="164907" spans="8:8">
      <c r="H164907" s="12"/>
    </row>
    <row r="164908" spans="8:8">
      <c r="H164908" s="12"/>
    </row>
    <row r="164909" spans="8:8">
      <c r="H164909" s="12"/>
    </row>
    <row r="164910" spans="8:8">
      <c r="H164910" s="12"/>
    </row>
    <row r="164911" spans="8:8">
      <c r="H164911" s="12"/>
    </row>
    <row r="164912" spans="8:8">
      <c r="H164912" s="12"/>
    </row>
    <row r="164913" spans="8:8">
      <c r="H164913" s="12"/>
    </row>
    <row r="164914" spans="8:8">
      <c r="H164914" s="12"/>
    </row>
    <row r="164915" spans="8:8">
      <c r="H164915" s="12"/>
    </row>
    <row r="164916" spans="8:8">
      <c r="H164916" s="12"/>
    </row>
    <row r="164917" spans="8:8">
      <c r="H164917" s="12"/>
    </row>
    <row r="164918" spans="8:8">
      <c r="H164918" s="12"/>
    </row>
    <row r="164919" spans="8:8">
      <c r="H164919" s="12"/>
    </row>
    <row r="164920" spans="8:8">
      <c r="H164920" s="12"/>
    </row>
    <row r="164921" spans="8:8">
      <c r="H164921" s="12"/>
    </row>
    <row r="164922" spans="8:8">
      <c r="H164922" s="12"/>
    </row>
    <row r="164923" spans="8:8">
      <c r="H164923" s="12"/>
    </row>
    <row r="164924" spans="8:8">
      <c r="H164924" s="12"/>
    </row>
    <row r="164925" spans="8:8">
      <c r="H164925" s="12"/>
    </row>
    <row r="164926" spans="8:8">
      <c r="H164926" s="12"/>
    </row>
    <row r="164927" spans="8:8">
      <c r="H164927" s="12"/>
    </row>
    <row r="164928" spans="8:8">
      <c r="H164928" s="12"/>
    </row>
    <row r="164929" spans="8:8">
      <c r="H164929" s="12"/>
    </row>
    <row r="164930" spans="8:8">
      <c r="H164930" s="12"/>
    </row>
    <row r="164931" spans="8:8">
      <c r="H164931" s="12"/>
    </row>
    <row r="164932" spans="8:8">
      <c r="H164932" s="12"/>
    </row>
    <row r="164933" spans="8:8">
      <c r="H164933" s="12"/>
    </row>
    <row r="164934" spans="8:8">
      <c r="H164934" s="12"/>
    </row>
    <row r="164935" spans="8:8">
      <c r="H164935" s="12"/>
    </row>
    <row r="164936" spans="8:8">
      <c r="H164936" s="12"/>
    </row>
    <row r="164937" spans="8:8">
      <c r="H164937" s="12"/>
    </row>
    <row r="164938" spans="8:8">
      <c r="H164938" s="12"/>
    </row>
    <row r="164939" spans="8:8">
      <c r="H164939" s="12"/>
    </row>
    <row r="164940" spans="8:8">
      <c r="H164940" s="12"/>
    </row>
    <row r="164941" spans="8:8">
      <c r="H164941" s="12"/>
    </row>
    <row r="164942" spans="8:8">
      <c r="H164942" s="12"/>
    </row>
    <row r="164943" spans="8:8">
      <c r="H164943" s="12"/>
    </row>
    <row r="164944" spans="8:8">
      <c r="H164944" s="12"/>
    </row>
    <row r="164945" spans="8:8">
      <c r="H164945" s="12"/>
    </row>
    <row r="164946" spans="8:8">
      <c r="H164946" s="12"/>
    </row>
    <row r="164947" spans="8:8">
      <c r="H164947" s="12"/>
    </row>
    <row r="164948" spans="8:8">
      <c r="H164948" s="12"/>
    </row>
    <row r="164949" spans="8:8">
      <c r="H164949" s="12"/>
    </row>
    <row r="164950" spans="8:8">
      <c r="H164950" s="12"/>
    </row>
    <row r="164951" spans="8:8">
      <c r="H164951" s="12"/>
    </row>
    <row r="164952" spans="8:8">
      <c r="H164952" s="12"/>
    </row>
    <row r="164953" spans="8:8">
      <c r="H164953" s="12"/>
    </row>
    <row r="164954" spans="8:8">
      <c r="H164954" s="12"/>
    </row>
    <row r="164955" spans="8:8">
      <c r="H164955" s="12"/>
    </row>
    <row r="164956" spans="8:8">
      <c r="H164956" s="12"/>
    </row>
    <row r="164957" spans="8:8">
      <c r="H164957" s="12"/>
    </row>
    <row r="164958" spans="8:8">
      <c r="H164958" s="12"/>
    </row>
    <row r="164959" spans="8:8">
      <c r="H164959" s="12"/>
    </row>
    <row r="164960" spans="8:8">
      <c r="H164960" s="12"/>
    </row>
    <row r="164961" spans="8:8">
      <c r="H164961" s="12"/>
    </row>
    <row r="164962" spans="8:8">
      <c r="H164962" s="12"/>
    </row>
    <row r="164963" spans="8:8">
      <c r="H164963" s="12"/>
    </row>
    <row r="164964" spans="8:8">
      <c r="H164964" s="12"/>
    </row>
    <row r="164965" spans="8:8">
      <c r="H164965" s="12"/>
    </row>
    <row r="164966" spans="8:8">
      <c r="H164966" s="12"/>
    </row>
    <row r="164967" spans="8:8">
      <c r="H164967" s="12"/>
    </row>
    <row r="164968" spans="8:8">
      <c r="H164968" s="12"/>
    </row>
    <row r="164969" spans="8:8">
      <c r="H164969" s="12"/>
    </row>
    <row r="164970" spans="8:8">
      <c r="H164970" s="12"/>
    </row>
    <row r="164971" spans="8:8">
      <c r="H164971" s="12"/>
    </row>
    <row r="164972" spans="8:8">
      <c r="H164972" s="12"/>
    </row>
    <row r="164973" spans="8:8">
      <c r="H164973" s="12"/>
    </row>
    <row r="164974" spans="8:8">
      <c r="H164974" s="12"/>
    </row>
    <row r="164975" spans="8:8">
      <c r="H164975" s="12"/>
    </row>
    <row r="164976" spans="8:8">
      <c r="H164976" s="12"/>
    </row>
    <row r="164977" spans="8:8">
      <c r="H164977" s="12"/>
    </row>
    <row r="164978" spans="8:8">
      <c r="H164978" s="12"/>
    </row>
    <row r="164979" spans="8:8">
      <c r="H164979" s="12"/>
    </row>
    <row r="164980" spans="8:8">
      <c r="H164980" s="12"/>
    </row>
    <row r="164981" spans="8:8">
      <c r="H164981" s="12"/>
    </row>
    <row r="164982" spans="8:8">
      <c r="H164982" s="12"/>
    </row>
    <row r="164983" spans="8:8">
      <c r="H164983" s="12"/>
    </row>
    <row r="164984" spans="8:8">
      <c r="H164984" s="12"/>
    </row>
    <row r="164985" spans="8:8">
      <c r="H164985" s="12"/>
    </row>
    <row r="164986" spans="8:8">
      <c r="H164986" s="12"/>
    </row>
    <row r="164987" spans="8:8">
      <c r="H164987" s="12"/>
    </row>
    <row r="164988" spans="8:8">
      <c r="H164988" s="12"/>
    </row>
    <row r="164989" spans="8:8">
      <c r="H164989" s="12"/>
    </row>
    <row r="164990" spans="8:8">
      <c r="H164990" s="12"/>
    </row>
    <row r="164991" spans="8:8">
      <c r="H164991" s="12"/>
    </row>
    <row r="164992" spans="8:8">
      <c r="H164992" s="12"/>
    </row>
    <row r="164993" spans="8:8">
      <c r="H164993" s="12"/>
    </row>
    <row r="164994" spans="8:8">
      <c r="H164994" s="12"/>
    </row>
    <row r="164995" spans="8:8">
      <c r="H164995" s="12"/>
    </row>
    <row r="164996" spans="8:8">
      <c r="H164996" s="12"/>
    </row>
    <row r="164997" spans="8:8">
      <c r="H164997" s="12"/>
    </row>
    <row r="164998" spans="8:8">
      <c r="H164998" s="12"/>
    </row>
    <row r="164999" spans="8:8">
      <c r="H164999" s="12"/>
    </row>
    <row r="165000" spans="8:8">
      <c r="H165000" s="12"/>
    </row>
    <row r="165001" spans="8:8">
      <c r="H165001" s="12"/>
    </row>
    <row r="165002" spans="8:8">
      <c r="H165002" s="12"/>
    </row>
    <row r="165003" spans="8:8">
      <c r="H165003" s="12"/>
    </row>
    <row r="165004" spans="8:8">
      <c r="H165004" s="12"/>
    </row>
    <row r="165005" spans="8:8">
      <c r="H165005" s="12"/>
    </row>
    <row r="165006" spans="8:8">
      <c r="H165006" s="12"/>
    </row>
    <row r="165007" spans="8:8">
      <c r="H165007" s="12"/>
    </row>
    <row r="165008" spans="8:8">
      <c r="H165008" s="12"/>
    </row>
    <row r="165009" spans="8:8">
      <c r="H165009" s="12"/>
    </row>
    <row r="165010" spans="8:8">
      <c r="H165010" s="12"/>
    </row>
    <row r="165011" spans="8:8">
      <c r="H165011" s="12"/>
    </row>
    <row r="165012" spans="8:8">
      <c r="H165012" s="12"/>
    </row>
    <row r="165013" spans="8:8">
      <c r="H165013" s="12"/>
    </row>
    <row r="165014" spans="8:8">
      <c r="H165014" s="12"/>
    </row>
    <row r="165015" spans="8:8">
      <c r="H165015" s="12"/>
    </row>
    <row r="165016" spans="8:8">
      <c r="H165016" s="12"/>
    </row>
    <row r="165017" spans="8:8">
      <c r="H165017" s="12"/>
    </row>
    <row r="165018" spans="8:8">
      <c r="H165018" s="12"/>
    </row>
    <row r="165019" spans="8:8">
      <c r="H165019" s="12"/>
    </row>
    <row r="165020" spans="8:8">
      <c r="H165020" s="12"/>
    </row>
    <row r="165021" spans="8:8">
      <c r="H165021" s="12"/>
    </row>
    <row r="165022" spans="8:8">
      <c r="H165022" s="12"/>
    </row>
    <row r="165023" spans="8:8">
      <c r="H165023" s="12"/>
    </row>
    <row r="165024" spans="8:8">
      <c r="H165024" s="12"/>
    </row>
    <row r="165025" spans="8:8">
      <c r="H165025" s="12"/>
    </row>
    <row r="165026" spans="8:8">
      <c r="H165026" s="12"/>
    </row>
    <row r="165027" spans="8:8">
      <c r="H165027" s="12"/>
    </row>
    <row r="165028" spans="8:8">
      <c r="H165028" s="12"/>
    </row>
    <row r="165029" spans="8:8">
      <c r="H165029" s="12"/>
    </row>
    <row r="165030" spans="8:8">
      <c r="H165030" s="12"/>
    </row>
    <row r="165031" spans="8:8">
      <c r="H165031" s="12"/>
    </row>
    <row r="165032" spans="8:8">
      <c r="H165032" s="12"/>
    </row>
    <row r="165033" spans="8:8">
      <c r="H165033" s="12"/>
    </row>
    <row r="165034" spans="8:8">
      <c r="H165034" s="12"/>
    </row>
    <row r="165035" spans="8:8">
      <c r="H165035" s="12"/>
    </row>
    <row r="165036" spans="8:8">
      <c r="H165036" s="12"/>
    </row>
    <row r="165037" spans="8:8">
      <c r="H165037" s="12"/>
    </row>
    <row r="165038" spans="8:8">
      <c r="H165038" s="12"/>
    </row>
    <row r="165039" spans="8:8">
      <c r="H165039" s="12"/>
    </row>
    <row r="165040" spans="8:8">
      <c r="H165040" s="12"/>
    </row>
    <row r="165041" spans="8:8">
      <c r="H165041" s="12"/>
    </row>
    <row r="165042" spans="8:8">
      <c r="H165042" s="12"/>
    </row>
    <row r="165043" spans="8:8">
      <c r="H165043" s="12"/>
    </row>
    <row r="165044" spans="8:8">
      <c r="H165044" s="12"/>
    </row>
    <row r="165045" spans="8:8">
      <c r="H165045" s="12"/>
    </row>
    <row r="165046" spans="8:8">
      <c r="H165046" s="12"/>
    </row>
    <row r="165047" spans="8:8">
      <c r="H165047" s="12"/>
    </row>
    <row r="165048" spans="8:8">
      <c r="H165048" s="12"/>
    </row>
    <row r="165049" spans="8:8">
      <c r="H165049" s="12"/>
    </row>
    <row r="165050" spans="8:8">
      <c r="H165050" s="12"/>
    </row>
    <row r="165051" spans="8:8">
      <c r="H165051" s="12"/>
    </row>
    <row r="165052" spans="8:8">
      <c r="H165052" s="12"/>
    </row>
    <row r="165053" spans="8:8">
      <c r="H165053" s="12"/>
    </row>
    <row r="165054" spans="8:8">
      <c r="H165054" s="12"/>
    </row>
    <row r="165055" spans="8:8">
      <c r="H165055" s="12"/>
    </row>
    <row r="165056" spans="8:8">
      <c r="H165056" s="12"/>
    </row>
    <row r="165057" spans="8:8">
      <c r="H165057" s="12"/>
    </row>
    <row r="165058" spans="8:8">
      <c r="H165058" s="12"/>
    </row>
    <row r="165059" spans="8:8">
      <c r="H165059" s="12"/>
    </row>
    <row r="165060" spans="8:8">
      <c r="H165060" s="12"/>
    </row>
    <row r="165061" spans="8:8">
      <c r="H165061" s="12"/>
    </row>
    <row r="165062" spans="8:8">
      <c r="H165062" s="12"/>
    </row>
    <row r="165063" spans="8:8">
      <c r="H165063" s="12"/>
    </row>
    <row r="165064" spans="8:8">
      <c r="H165064" s="12"/>
    </row>
    <row r="165065" spans="8:8">
      <c r="H165065" s="12"/>
    </row>
    <row r="165066" spans="8:8">
      <c r="H165066" s="12"/>
    </row>
    <row r="165067" spans="8:8">
      <c r="H165067" s="12"/>
    </row>
    <row r="165068" spans="8:8">
      <c r="H165068" s="12"/>
    </row>
    <row r="165069" spans="8:8">
      <c r="H165069" s="12"/>
    </row>
    <row r="165070" spans="8:8">
      <c r="H165070" s="12"/>
    </row>
    <row r="165071" spans="8:8">
      <c r="H165071" s="12"/>
    </row>
    <row r="165072" spans="8:8">
      <c r="H165072" s="12"/>
    </row>
    <row r="165073" spans="8:8">
      <c r="H165073" s="12"/>
    </row>
    <row r="165074" spans="8:8">
      <c r="H165074" s="12"/>
    </row>
    <row r="165075" spans="8:8">
      <c r="H165075" s="12"/>
    </row>
    <row r="165076" spans="8:8">
      <c r="H165076" s="12"/>
    </row>
    <row r="165077" spans="8:8">
      <c r="H165077" s="12"/>
    </row>
    <row r="165078" spans="8:8">
      <c r="H165078" s="12"/>
    </row>
    <row r="165079" spans="8:8">
      <c r="H165079" s="12"/>
    </row>
    <row r="165080" spans="8:8">
      <c r="H165080" s="12"/>
    </row>
    <row r="165081" spans="8:8">
      <c r="H165081" s="12"/>
    </row>
    <row r="165082" spans="8:8">
      <c r="H165082" s="12"/>
    </row>
    <row r="165083" spans="8:8">
      <c r="H165083" s="12"/>
    </row>
    <row r="165084" spans="8:8">
      <c r="H165084" s="12"/>
    </row>
    <row r="165085" spans="8:8">
      <c r="H165085" s="12"/>
    </row>
    <row r="165086" spans="8:8">
      <c r="H165086" s="12"/>
    </row>
    <row r="165087" spans="8:8">
      <c r="H165087" s="12"/>
    </row>
    <row r="165088" spans="8:8">
      <c r="H165088" s="12"/>
    </row>
    <row r="165089" spans="8:8">
      <c r="H165089" s="12"/>
    </row>
    <row r="165090" spans="8:8">
      <c r="H165090" s="12"/>
    </row>
    <row r="165091" spans="8:8">
      <c r="H165091" s="12"/>
    </row>
    <row r="165092" spans="8:8">
      <c r="H165092" s="12"/>
    </row>
    <row r="165093" spans="8:8">
      <c r="H165093" s="12"/>
    </row>
    <row r="165094" spans="8:8">
      <c r="H165094" s="12"/>
    </row>
    <row r="165095" spans="8:8">
      <c r="H165095" s="12"/>
    </row>
    <row r="165096" spans="8:8">
      <c r="H165096" s="12"/>
    </row>
    <row r="165097" spans="8:8">
      <c r="H165097" s="12"/>
    </row>
    <row r="165098" spans="8:8">
      <c r="H165098" s="12"/>
    </row>
    <row r="165099" spans="8:8">
      <c r="H165099" s="12"/>
    </row>
    <row r="165100" spans="8:8">
      <c r="H165100" s="12"/>
    </row>
    <row r="165101" spans="8:8">
      <c r="H165101" s="12"/>
    </row>
    <row r="165102" spans="8:8">
      <c r="H165102" s="12"/>
    </row>
    <row r="165103" spans="8:8">
      <c r="H165103" s="12"/>
    </row>
    <row r="165104" spans="8:8">
      <c r="H165104" s="12"/>
    </row>
    <row r="165105" spans="8:8">
      <c r="H165105" s="12"/>
    </row>
    <row r="165106" spans="8:8">
      <c r="H165106" s="12"/>
    </row>
    <row r="165107" spans="8:8">
      <c r="H165107" s="12"/>
    </row>
    <row r="165108" spans="8:8">
      <c r="H165108" s="12"/>
    </row>
    <row r="165109" spans="8:8">
      <c r="H165109" s="12"/>
    </row>
    <row r="165110" spans="8:8">
      <c r="H165110" s="12"/>
    </row>
    <row r="165111" spans="8:8">
      <c r="H165111" s="12"/>
    </row>
    <row r="165112" spans="8:8">
      <c r="H165112" s="12"/>
    </row>
    <row r="165113" spans="8:8">
      <c r="H165113" s="12"/>
    </row>
    <row r="165114" spans="8:8">
      <c r="H165114" s="12"/>
    </row>
    <row r="165115" spans="8:8">
      <c r="H165115" s="12"/>
    </row>
    <row r="165116" spans="8:8">
      <c r="H165116" s="12"/>
    </row>
    <row r="165117" spans="8:8">
      <c r="H165117" s="12"/>
    </row>
    <row r="165118" spans="8:8">
      <c r="H165118" s="12"/>
    </row>
    <row r="165119" spans="8:8">
      <c r="H165119" s="12"/>
    </row>
    <row r="165120" spans="8:8">
      <c r="H165120" s="12"/>
    </row>
    <row r="165121" spans="8:8">
      <c r="H165121" s="12"/>
    </row>
    <row r="165122" spans="8:8">
      <c r="H165122" s="12"/>
    </row>
    <row r="165123" spans="8:8">
      <c r="H165123" s="12"/>
    </row>
    <row r="165124" spans="8:8">
      <c r="H165124" s="12"/>
    </row>
    <row r="165125" spans="8:8">
      <c r="H165125" s="12"/>
    </row>
    <row r="165126" spans="8:8">
      <c r="H165126" s="12"/>
    </row>
    <row r="165127" spans="8:8">
      <c r="H165127" s="12"/>
    </row>
    <row r="165128" spans="8:8">
      <c r="H165128" s="12"/>
    </row>
    <row r="165129" spans="8:8">
      <c r="H165129" s="12"/>
    </row>
    <row r="165130" spans="8:8">
      <c r="H165130" s="12"/>
    </row>
    <row r="165131" spans="8:8">
      <c r="H165131" s="12"/>
    </row>
    <row r="165132" spans="8:8">
      <c r="H165132" s="12"/>
    </row>
    <row r="165133" spans="8:8">
      <c r="H165133" s="12"/>
    </row>
    <row r="165134" spans="8:8">
      <c r="H165134" s="12"/>
    </row>
    <row r="165135" spans="8:8">
      <c r="H165135" s="12"/>
    </row>
    <row r="165136" spans="8:8">
      <c r="H165136" s="12"/>
    </row>
    <row r="165137" spans="8:8">
      <c r="H165137" s="12"/>
    </row>
    <row r="165138" spans="8:8">
      <c r="H165138" s="12"/>
    </row>
    <row r="165139" spans="8:8">
      <c r="H165139" s="12"/>
    </row>
    <row r="165140" spans="8:8">
      <c r="H165140" s="12"/>
    </row>
    <row r="165141" spans="8:8">
      <c r="H165141" s="12"/>
    </row>
    <row r="165142" spans="8:8">
      <c r="H165142" s="12"/>
    </row>
    <row r="165143" spans="8:8">
      <c r="H165143" s="12"/>
    </row>
    <row r="165144" spans="8:8">
      <c r="H165144" s="12"/>
    </row>
    <row r="165145" spans="8:8">
      <c r="H165145" s="12"/>
    </row>
    <row r="165146" spans="8:8">
      <c r="H165146" s="12"/>
    </row>
    <row r="165147" spans="8:8">
      <c r="H165147" s="12"/>
    </row>
    <row r="165148" spans="8:8">
      <c r="H165148" s="12"/>
    </row>
    <row r="165149" spans="8:8">
      <c r="H165149" s="12"/>
    </row>
    <row r="165150" spans="8:8">
      <c r="H165150" s="12"/>
    </row>
    <row r="165151" spans="8:8">
      <c r="H165151" s="12"/>
    </row>
    <row r="165152" spans="8:8">
      <c r="H165152" s="12"/>
    </row>
    <row r="165153" spans="8:8">
      <c r="H165153" s="12"/>
    </row>
    <row r="165154" spans="8:8">
      <c r="H165154" s="12"/>
    </row>
    <row r="165155" spans="8:8">
      <c r="H165155" s="12"/>
    </row>
    <row r="165156" spans="8:8">
      <c r="H165156" s="12"/>
    </row>
    <row r="165157" spans="8:8">
      <c r="H165157" s="12"/>
    </row>
    <row r="165158" spans="8:8">
      <c r="H165158" s="12"/>
    </row>
    <row r="165159" spans="8:8">
      <c r="H165159" s="12"/>
    </row>
    <row r="165160" spans="8:8">
      <c r="H165160" s="12"/>
    </row>
    <row r="165161" spans="8:8">
      <c r="H165161" s="12"/>
    </row>
    <row r="165162" spans="8:8">
      <c r="H165162" s="12"/>
    </row>
    <row r="165163" spans="8:8">
      <c r="H165163" s="12"/>
    </row>
    <row r="165164" spans="8:8">
      <c r="H165164" s="12"/>
    </row>
    <row r="165165" spans="8:8">
      <c r="H165165" s="12"/>
    </row>
    <row r="165166" spans="8:8">
      <c r="H165166" s="12"/>
    </row>
    <row r="165167" spans="8:8">
      <c r="H165167" s="12"/>
    </row>
    <row r="165168" spans="8:8">
      <c r="H165168" s="12"/>
    </row>
    <row r="165169" spans="8:8">
      <c r="H165169" s="12"/>
    </row>
    <row r="165170" spans="8:8">
      <c r="H165170" s="12"/>
    </row>
    <row r="165171" spans="8:8">
      <c r="H165171" s="12"/>
    </row>
    <row r="165172" spans="8:8">
      <c r="H165172" s="12"/>
    </row>
    <row r="165173" spans="8:8">
      <c r="H165173" s="12"/>
    </row>
    <row r="165174" spans="8:8">
      <c r="H165174" s="12"/>
    </row>
    <row r="165175" spans="8:8">
      <c r="H165175" s="12"/>
    </row>
    <row r="165176" spans="8:8">
      <c r="H165176" s="12"/>
    </row>
    <row r="165177" spans="8:8">
      <c r="H165177" s="12"/>
    </row>
    <row r="165178" spans="8:8">
      <c r="H165178" s="12"/>
    </row>
    <row r="165179" spans="8:8">
      <c r="H165179" s="12"/>
    </row>
    <row r="165180" spans="8:8">
      <c r="H165180" s="12"/>
    </row>
    <row r="165181" spans="8:8">
      <c r="H165181" s="12"/>
    </row>
    <row r="165182" spans="8:8">
      <c r="H165182" s="12"/>
    </row>
    <row r="165183" spans="8:8">
      <c r="H165183" s="12"/>
    </row>
    <row r="165184" spans="8:8">
      <c r="H165184" s="12"/>
    </row>
    <row r="165185" spans="8:8">
      <c r="H165185" s="12"/>
    </row>
    <row r="165186" spans="8:8">
      <c r="H165186" s="12"/>
    </row>
    <row r="165187" spans="8:8">
      <c r="H165187" s="12"/>
    </row>
    <row r="165188" spans="8:8">
      <c r="H165188" s="12"/>
    </row>
    <row r="165189" spans="8:8">
      <c r="H165189" s="12"/>
    </row>
    <row r="165190" spans="8:8">
      <c r="H165190" s="12"/>
    </row>
    <row r="165191" spans="8:8">
      <c r="H165191" s="12"/>
    </row>
    <row r="165192" spans="8:8">
      <c r="H165192" s="12"/>
    </row>
    <row r="165193" spans="8:8">
      <c r="H165193" s="12"/>
    </row>
    <row r="165194" spans="8:8">
      <c r="H165194" s="12"/>
    </row>
    <row r="165195" spans="8:8">
      <c r="H165195" s="12"/>
    </row>
    <row r="165196" spans="8:8">
      <c r="H165196" s="12"/>
    </row>
    <row r="165197" spans="8:8">
      <c r="H165197" s="12"/>
    </row>
    <row r="165198" spans="8:8">
      <c r="H165198" s="12"/>
    </row>
    <row r="165199" spans="8:8">
      <c r="H165199" s="12"/>
    </row>
    <row r="165200" spans="8:8">
      <c r="H165200" s="12"/>
    </row>
    <row r="165201" spans="8:8">
      <c r="H165201" s="12"/>
    </row>
    <row r="165202" spans="8:8">
      <c r="H165202" s="12"/>
    </row>
    <row r="165203" spans="8:8">
      <c r="H165203" s="12"/>
    </row>
    <row r="165204" spans="8:8">
      <c r="H165204" s="12"/>
    </row>
    <row r="165205" spans="8:8">
      <c r="H165205" s="12"/>
    </row>
    <row r="165206" spans="8:8">
      <c r="H165206" s="12"/>
    </row>
    <row r="165207" spans="8:8">
      <c r="H165207" s="12"/>
    </row>
    <row r="165208" spans="8:8">
      <c r="H165208" s="12"/>
    </row>
    <row r="165209" spans="8:8">
      <c r="H165209" s="12"/>
    </row>
    <row r="165210" spans="8:8">
      <c r="H165210" s="12"/>
    </row>
    <row r="165211" spans="8:8">
      <c r="H165211" s="12"/>
    </row>
    <row r="165212" spans="8:8">
      <c r="H165212" s="12"/>
    </row>
    <row r="165213" spans="8:8">
      <c r="H165213" s="12"/>
    </row>
    <row r="165214" spans="8:8">
      <c r="H165214" s="12"/>
    </row>
    <row r="165215" spans="8:8">
      <c r="H165215" s="12"/>
    </row>
    <row r="165216" spans="8:8">
      <c r="H165216" s="12"/>
    </row>
    <row r="165217" spans="8:8">
      <c r="H165217" s="12"/>
    </row>
    <row r="165218" spans="8:8">
      <c r="H165218" s="12"/>
    </row>
    <row r="165219" spans="8:8">
      <c r="H165219" s="12"/>
    </row>
    <row r="165220" spans="8:8">
      <c r="H165220" s="12"/>
    </row>
    <row r="165221" spans="8:8">
      <c r="H165221" s="12"/>
    </row>
    <row r="165222" spans="8:8">
      <c r="H165222" s="12"/>
    </row>
    <row r="165223" spans="8:8">
      <c r="H165223" s="12"/>
    </row>
    <row r="165224" spans="8:8">
      <c r="H165224" s="12"/>
    </row>
    <row r="165225" spans="8:8">
      <c r="H165225" s="12"/>
    </row>
    <row r="165226" spans="8:8">
      <c r="H165226" s="12"/>
    </row>
    <row r="165227" spans="8:8">
      <c r="H165227" s="12"/>
    </row>
    <row r="165228" spans="8:8">
      <c r="H165228" s="12"/>
    </row>
    <row r="165229" spans="8:8">
      <c r="H165229" s="12"/>
    </row>
    <row r="165230" spans="8:8">
      <c r="H165230" s="12"/>
    </row>
    <row r="165231" spans="8:8">
      <c r="H165231" s="12"/>
    </row>
    <row r="165232" spans="8:8">
      <c r="H165232" s="12"/>
    </row>
    <row r="165233" spans="8:8">
      <c r="H165233" s="12"/>
    </row>
    <row r="165234" spans="8:8">
      <c r="H165234" s="12"/>
    </row>
    <row r="165235" spans="8:8">
      <c r="H165235" s="12"/>
    </row>
    <row r="165236" spans="8:8">
      <c r="H165236" s="12"/>
    </row>
    <row r="165237" spans="8:8">
      <c r="H165237" s="12"/>
    </row>
    <row r="165238" spans="8:8">
      <c r="H165238" s="12"/>
    </row>
    <row r="165239" spans="8:8">
      <c r="H165239" s="12"/>
    </row>
    <row r="165240" spans="8:8">
      <c r="H165240" s="12"/>
    </row>
    <row r="165241" spans="8:8">
      <c r="H165241" s="12"/>
    </row>
    <row r="165242" spans="8:8">
      <c r="H165242" s="12"/>
    </row>
    <row r="165243" spans="8:8">
      <c r="H165243" s="12"/>
    </row>
    <row r="165244" spans="8:8">
      <c r="H165244" s="12"/>
    </row>
    <row r="165245" spans="8:8">
      <c r="H165245" s="12"/>
    </row>
    <row r="165246" spans="8:8">
      <c r="H165246" s="12"/>
    </row>
    <row r="165247" spans="8:8">
      <c r="H165247" s="12"/>
    </row>
    <row r="165248" spans="8:8">
      <c r="H165248" s="12"/>
    </row>
    <row r="165249" spans="8:8">
      <c r="H165249" s="12"/>
    </row>
    <row r="165250" spans="8:8">
      <c r="H165250" s="12"/>
    </row>
    <row r="165251" spans="8:8">
      <c r="H165251" s="12"/>
    </row>
    <row r="165252" spans="8:8">
      <c r="H165252" s="12"/>
    </row>
    <row r="165253" spans="8:8">
      <c r="H165253" s="12"/>
    </row>
    <row r="165254" spans="8:8">
      <c r="H165254" s="12"/>
    </row>
    <row r="165255" spans="8:8">
      <c r="H165255" s="12"/>
    </row>
    <row r="165256" spans="8:8">
      <c r="H165256" s="12"/>
    </row>
    <row r="165257" spans="8:8">
      <c r="H165257" s="12"/>
    </row>
    <row r="165258" spans="8:8">
      <c r="H165258" s="12"/>
    </row>
    <row r="165259" spans="8:8">
      <c r="H165259" s="12"/>
    </row>
    <row r="165260" spans="8:8">
      <c r="H165260" s="12"/>
    </row>
    <row r="165261" spans="8:8">
      <c r="H165261" s="12"/>
    </row>
    <row r="165262" spans="8:8">
      <c r="H165262" s="12"/>
    </row>
    <row r="165263" spans="8:8">
      <c r="H165263" s="12"/>
    </row>
    <row r="165264" spans="8:8">
      <c r="H165264" s="12"/>
    </row>
    <row r="165265" spans="8:8">
      <c r="H165265" s="12"/>
    </row>
    <row r="165266" spans="8:8">
      <c r="H165266" s="12"/>
    </row>
    <row r="165267" spans="8:8">
      <c r="H165267" s="12"/>
    </row>
    <row r="165268" spans="8:8">
      <c r="H165268" s="12"/>
    </row>
    <row r="165269" spans="8:8">
      <c r="H165269" s="12"/>
    </row>
    <row r="165270" spans="8:8">
      <c r="H165270" s="12"/>
    </row>
    <row r="165271" spans="8:8">
      <c r="H165271" s="12"/>
    </row>
    <row r="165272" spans="8:8">
      <c r="H165272" s="12"/>
    </row>
    <row r="165273" spans="8:8">
      <c r="H165273" s="12"/>
    </row>
    <row r="165274" spans="8:8">
      <c r="H165274" s="12"/>
    </row>
    <row r="165275" spans="8:8">
      <c r="H165275" s="12"/>
    </row>
    <row r="165276" spans="8:8">
      <c r="H165276" s="12"/>
    </row>
    <row r="165277" spans="8:8">
      <c r="H165277" s="12"/>
    </row>
    <row r="165278" spans="8:8">
      <c r="H165278" s="12"/>
    </row>
    <row r="165279" spans="8:8">
      <c r="H165279" s="12"/>
    </row>
    <row r="165280" spans="8:8">
      <c r="H165280" s="12"/>
    </row>
    <row r="165281" spans="8:8">
      <c r="H165281" s="12"/>
    </row>
    <row r="165282" spans="8:8">
      <c r="H165282" s="12"/>
    </row>
    <row r="165283" spans="8:8">
      <c r="H165283" s="12"/>
    </row>
    <row r="165284" spans="8:8">
      <c r="H165284" s="12"/>
    </row>
    <row r="165285" spans="8:8">
      <c r="H165285" s="12"/>
    </row>
    <row r="165286" spans="8:8">
      <c r="H165286" s="12"/>
    </row>
    <row r="165287" spans="8:8">
      <c r="H165287" s="12"/>
    </row>
    <row r="165288" spans="8:8">
      <c r="H165288" s="12"/>
    </row>
    <row r="165289" spans="8:8">
      <c r="H165289" s="12"/>
    </row>
    <row r="165290" spans="8:8">
      <c r="H165290" s="12"/>
    </row>
    <row r="165291" spans="8:8">
      <c r="H165291" s="12"/>
    </row>
    <row r="165292" spans="8:8">
      <c r="H165292" s="12"/>
    </row>
    <row r="165293" spans="8:8">
      <c r="H165293" s="12"/>
    </row>
    <row r="165294" spans="8:8">
      <c r="H165294" s="12"/>
    </row>
    <row r="165295" spans="8:8">
      <c r="H165295" s="12"/>
    </row>
    <row r="165296" spans="8:8">
      <c r="H165296" s="12"/>
    </row>
    <row r="165297" spans="8:8">
      <c r="H165297" s="12"/>
    </row>
    <row r="165298" spans="8:8">
      <c r="H165298" s="12"/>
    </row>
    <row r="165299" spans="8:8">
      <c r="H165299" s="12"/>
    </row>
    <row r="165300" spans="8:8">
      <c r="H165300" s="12"/>
    </row>
    <row r="165301" spans="8:8">
      <c r="H165301" s="12"/>
    </row>
    <row r="165302" spans="8:8">
      <c r="H165302" s="12"/>
    </row>
    <row r="165303" spans="8:8">
      <c r="H165303" s="12"/>
    </row>
    <row r="165304" spans="8:8">
      <c r="H165304" s="12"/>
    </row>
    <row r="165305" spans="8:8">
      <c r="H165305" s="12"/>
    </row>
    <row r="165306" spans="8:8">
      <c r="H165306" s="12"/>
    </row>
    <row r="165307" spans="8:8">
      <c r="H165307" s="12"/>
    </row>
    <row r="165308" spans="8:8">
      <c r="H165308" s="12"/>
    </row>
    <row r="165309" spans="8:8">
      <c r="H165309" s="12"/>
    </row>
    <row r="165310" spans="8:8">
      <c r="H165310" s="12"/>
    </row>
    <row r="165311" spans="8:8">
      <c r="H165311" s="12"/>
    </row>
    <row r="165312" spans="8:8">
      <c r="H165312" s="12"/>
    </row>
    <row r="165313" spans="8:8">
      <c r="H165313" s="12"/>
    </row>
    <row r="165314" spans="8:8">
      <c r="H165314" s="12"/>
    </row>
    <row r="165315" spans="8:8">
      <c r="H165315" s="12"/>
    </row>
    <row r="165316" spans="8:8">
      <c r="H165316" s="12"/>
    </row>
    <row r="165317" spans="8:8">
      <c r="H165317" s="12"/>
    </row>
    <row r="165318" spans="8:8">
      <c r="H165318" s="12"/>
    </row>
    <row r="165319" spans="8:8">
      <c r="H165319" s="12"/>
    </row>
    <row r="165320" spans="8:8">
      <c r="H165320" s="12"/>
    </row>
    <row r="165321" spans="8:8">
      <c r="H165321" s="12"/>
    </row>
    <row r="165322" spans="8:8">
      <c r="H165322" s="12"/>
    </row>
    <row r="165323" spans="8:8">
      <c r="H165323" s="12"/>
    </row>
    <row r="165324" spans="8:8">
      <c r="H165324" s="12"/>
    </row>
    <row r="165325" spans="8:8">
      <c r="H165325" s="12"/>
    </row>
    <row r="165326" spans="8:8">
      <c r="H165326" s="12"/>
    </row>
    <row r="165327" spans="8:8">
      <c r="H165327" s="12"/>
    </row>
    <row r="165328" spans="8:8">
      <c r="H165328" s="12"/>
    </row>
    <row r="165329" spans="8:8">
      <c r="H165329" s="12"/>
    </row>
    <row r="165330" spans="8:8">
      <c r="H165330" s="12"/>
    </row>
    <row r="165331" spans="8:8">
      <c r="H165331" s="12"/>
    </row>
    <row r="165332" spans="8:8">
      <c r="H165332" s="12"/>
    </row>
    <row r="165333" spans="8:8">
      <c r="H165333" s="12"/>
    </row>
    <row r="165334" spans="8:8">
      <c r="H165334" s="12"/>
    </row>
    <row r="165335" spans="8:8">
      <c r="H165335" s="12"/>
    </row>
    <row r="165336" spans="8:8">
      <c r="H165336" s="12"/>
    </row>
    <row r="165337" spans="8:8">
      <c r="H165337" s="12"/>
    </row>
    <row r="165338" spans="8:8">
      <c r="H165338" s="12"/>
    </row>
    <row r="165339" spans="8:8">
      <c r="H165339" s="12"/>
    </row>
    <row r="165340" spans="8:8">
      <c r="H165340" s="12"/>
    </row>
    <row r="165341" spans="8:8">
      <c r="H165341" s="12"/>
    </row>
    <row r="165342" spans="8:8">
      <c r="H165342" s="12"/>
    </row>
    <row r="165343" spans="8:8">
      <c r="H165343" s="12"/>
    </row>
    <row r="165344" spans="8:8">
      <c r="H165344" s="12"/>
    </row>
    <row r="165345" spans="8:8">
      <c r="H165345" s="12"/>
    </row>
    <row r="165346" spans="8:8">
      <c r="H165346" s="12"/>
    </row>
    <row r="165347" spans="8:8">
      <c r="H165347" s="12"/>
    </row>
    <row r="165348" spans="8:8">
      <c r="H165348" s="12"/>
    </row>
    <row r="165349" spans="8:8">
      <c r="H165349" s="12"/>
    </row>
    <row r="165350" spans="8:8">
      <c r="H165350" s="12"/>
    </row>
    <row r="165351" spans="8:8">
      <c r="H165351" s="12"/>
    </row>
    <row r="165352" spans="8:8">
      <c r="H165352" s="12"/>
    </row>
    <row r="165353" spans="8:8">
      <c r="H165353" s="12"/>
    </row>
    <row r="165354" spans="8:8">
      <c r="H165354" s="12"/>
    </row>
    <row r="165355" spans="8:8">
      <c r="H165355" s="12"/>
    </row>
    <row r="165356" spans="8:8">
      <c r="H165356" s="12"/>
    </row>
    <row r="165357" spans="8:8">
      <c r="H165357" s="12"/>
    </row>
    <row r="165358" spans="8:8">
      <c r="H165358" s="12"/>
    </row>
    <row r="165359" spans="8:8">
      <c r="H165359" s="12"/>
    </row>
    <row r="165360" spans="8:8">
      <c r="H165360" s="12"/>
    </row>
    <row r="165361" spans="8:8">
      <c r="H165361" s="12"/>
    </row>
    <row r="165362" spans="8:8">
      <c r="H165362" s="12"/>
    </row>
    <row r="165363" spans="8:8">
      <c r="H165363" s="12"/>
    </row>
    <row r="165364" spans="8:8">
      <c r="H165364" s="12"/>
    </row>
    <row r="165365" spans="8:8">
      <c r="H165365" s="12"/>
    </row>
    <row r="165366" spans="8:8">
      <c r="H165366" s="12"/>
    </row>
    <row r="165367" spans="8:8">
      <c r="H165367" s="12"/>
    </row>
    <row r="165368" spans="8:8">
      <c r="H165368" s="12"/>
    </row>
    <row r="165369" spans="8:8">
      <c r="H165369" s="12"/>
    </row>
    <row r="165370" spans="8:8">
      <c r="H165370" s="12"/>
    </row>
    <row r="165371" spans="8:8">
      <c r="H165371" s="12"/>
    </row>
    <row r="165372" spans="8:8">
      <c r="H165372" s="12"/>
    </row>
    <row r="165373" spans="8:8">
      <c r="H165373" s="12"/>
    </row>
    <row r="165374" spans="8:8">
      <c r="H165374" s="12"/>
    </row>
    <row r="165375" spans="8:8">
      <c r="H165375" s="12"/>
    </row>
    <row r="165376" spans="8:8">
      <c r="H165376" s="12"/>
    </row>
    <row r="165377" spans="8:8">
      <c r="H165377" s="12"/>
    </row>
    <row r="165378" spans="8:8">
      <c r="H165378" s="12"/>
    </row>
    <row r="165379" spans="8:8">
      <c r="H165379" s="12"/>
    </row>
    <row r="165380" spans="8:8">
      <c r="H165380" s="12"/>
    </row>
    <row r="165381" spans="8:8">
      <c r="H165381" s="12"/>
    </row>
    <row r="165382" spans="8:8">
      <c r="H165382" s="12"/>
    </row>
    <row r="165383" spans="8:8">
      <c r="H165383" s="12"/>
    </row>
    <row r="165384" spans="8:8">
      <c r="H165384" s="12"/>
    </row>
    <row r="165385" spans="8:8">
      <c r="H165385" s="12"/>
    </row>
    <row r="165386" spans="8:8">
      <c r="H165386" s="12"/>
    </row>
    <row r="165387" spans="8:8">
      <c r="H165387" s="12"/>
    </row>
    <row r="165388" spans="8:8">
      <c r="H165388" s="12"/>
    </row>
    <row r="165389" spans="8:8">
      <c r="H165389" s="12"/>
    </row>
    <row r="165390" spans="8:8">
      <c r="H165390" s="12"/>
    </row>
    <row r="165391" spans="8:8">
      <c r="H165391" s="12"/>
    </row>
    <row r="165392" spans="8:8">
      <c r="H165392" s="12"/>
    </row>
    <row r="165393" spans="8:8">
      <c r="H165393" s="12"/>
    </row>
    <row r="165394" spans="8:8">
      <c r="H165394" s="12"/>
    </row>
    <row r="165395" spans="8:8">
      <c r="H165395" s="12"/>
    </row>
    <row r="165396" spans="8:8">
      <c r="H165396" s="12"/>
    </row>
    <row r="165397" spans="8:8">
      <c r="H165397" s="12"/>
    </row>
    <row r="165398" spans="8:8">
      <c r="H165398" s="12"/>
    </row>
    <row r="165399" spans="8:8">
      <c r="H165399" s="12"/>
    </row>
    <row r="165400" spans="8:8">
      <c r="H165400" s="12"/>
    </row>
    <row r="165401" spans="8:8">
      <c r="H165401" s="12"/>
    </row>
    <row r="165402" spans="8:8">
      <c r="H165402" s="12"/>
    </row>
    <row r="165403" spans="8:8">
      <c r="H165403" s="12"/>
    </row>
    <row r="165404" spans="8:8">
      <c r="H165404" s="12"/>
    </row>
    <row r="165405" spans="8:8">
      <c r="H165405" s="12"/>
    </row>
    <row r="165406" spans="8:8">
      <c r="H165406" s="12"/>
    </row>
    <row r="165407" spans="8:8">
      <c r="H165407" s="12"/>
    </row>
    <row r="165408" spans="8:8">
      <c r="H165408" s="12"/>
    </row>
    <row r="165409" spans="8:8">
      <c r="H165409" s="12"/>
    </row>
    <row r="165410" spans="8:8">
      <c r="H165410" s="12"/>
    </row>
    <row r="165411" spans="8:8">
      <c r="H165411" s="12"/>
    </row>
    <row r="165412" spans="8:8">
      <c r="H165412" s="12"/>
    </row>
    <row r="165413" spans="8:8">
      <c r="H165413" s="12"/>
    </row>
    <row r="165414" spans="8:8">
      <c r="H165414" s="12"/>
    </row>
    <row r="165415" spans="8:8">
      <c r="H165415" s="12"/>
    </row>
    <row r="165416" spans="8:8">
      <c r="H165416" s="12"/>
    </row>
    <row r="165417" spans="8:8">
      <c r="H165417" s="12"/>
    </row>
    <row r="165418" spans="8:8">
      <c r="H165418" s="12"/>
    </row>
    <row r="165419" spans="8:8">
      <c r="H165419" s="12"/>
    </row>
    <row r="165420" spans="8:8">
      <c r="H165420" s="12"/>
    </row>
    <row r="165421" spans="8:8">
      <c r="H165421" s="12"/>
    </row>
    <row r="165422" spans="8:8">
      <c r="H165422" s="12"/>
    </row>
    <row r="165423" spans="8:8">
      <c r="H165423" s="12"/>
    </row>
    <row r="165424" spans="8:8">
      <c r="H165424" s="12"/>
    </row>
    <row r="165425" spans="8:8">
      <c r="H165425" s="12"/>
    </row>
    <row r="165426" spans="8:8">
      <c r="H165426" s="12"/>
    </row>
    <row r="165427" spans="8:8">
      <c r="H165427" s="12"/>
    </row>
    <row r="165428" spans="8:8">
      <c r="H165428" s="12"/>
    </row>
    <row r="165429" spans="8:8">
      <c r="H165429" s="12"/>
    </row>
    <row r="165430" spans="8:8">
      <c r="H165430" s="12"/>
    </row>
    <row r="165431" spans="8:8">
      <c r="H165431" s="12"/>
    </row>
    <row r="165432" spans="8:8">
      <c r="H165432" s="12"/>
    </row>
    <row r="165433" spans="8:8">
      <c r="H165433" s="12"/>
    </row>
    <row r="165434" spans="8:8">
      <c r="H165434" s="12"/>
    </row>
    <row r="165435" spans="8:8">
      <c r="H165435" s="12"/>
    </row>
    <row r="165436" spans="8:8">
      <c r="H165436" s="12"/>
    </row>
    <row r="165437" spans="8:8">
      <c r="H165437" s="12"/>
    </row>
    <row r="165438" spans="8:8">
      <c r="H165438" s="12"/>
    </row>
    <row r="165439" spans="8:8">
      <c r="H165439" s="12"/>
    </row>
    <row r="165440" spans="8:8">
      <c r="H165440" s="12"/>
    </row>
    <row r="165441" spans="8:8">
      <c r="H165441" s="12"/>
    </row>
    <row r="165442" spans="8:8">
      <c r="H165442" s="12"/>
    </row>
    <row r="165443" spans="8:8">
      <c r="H165443" s="12"/>
    </row>
    <row r="165444" spans="8:8">
      <c r="H165444" s="12"/>
    </row>
    <row r="165445" spans="8:8">
      <c r="H165445" s="12"/>
    </row>
    <row r="165446" spans="8:8">
      <c r="H165446" s="12"/>
    </row>
    <row r="165447" spans="8:8">
      <c r="H165447" s="12"/>
    </row>
    <row r="165448" spans="8:8">
      <c r="H165448" s="12"/>
    </row>
    <row r="165449" spans="8:8">
      <c r="H165449" s="12"/>
    </row>
    <row r="165450" spans="8:8">
      <c r="H165450" s="12"/>
    </row>
    <row r="165451" spans="8:8">
      <c r="H165451" s="12"/>
    </row>
    <row r="165452" spans="8:8">
      <c r="H165452" s="12"/>
    </row>
    <row r="165453" spans="8:8">
      <c r="H165453" s="12"/>
    </row>
    <row r="165454" spans="8:8">
      <c r="H165454" s="12"/>
    </row>
    <row r="165455" spans="8:8">
      <c r="H165455" s="12"/>
    </row>
    <row r="165456" spans="8:8">
      <c r="H165456" s="12"/>
    </row>
    <row r="165457" spans="8:8">
      <c r="H165457" s="12"/>
    </row>
    <row r="165458" spans="8:8">
      <c r="H165458" s="12"/>
    </row>
    <row r="165459" spans="8:8">
      <c r="H165459" s="12"/>
    </row>
    <row r="165460" spans="8:8">
      <c r="H165460" s="12"/>
    </row>
    <row r="165461" spans="8:8">
      <c r="H165461" s="12"/>
    </row>
    <row r="165462" spans="8:8">
      <c r="H165462" s="12"/>
    </row>
    <row r="165463" spans="8:8">
      <c r="H165463" s="12"/>
    </row>
    <row r="165464" spans="8:8">
      <c r="H165464" s="12"/>
    </row>
    <row r="165465" spans="8:8">
      <c r="H165465" s="12"/>
    </row>
    <row r="165466" spans="8:8">
      <c r="H165466" s="12"/>
    </row>
    <row r="165467" spans="8:8">
      <c r="H165467" s="12"/>
    </row>
    <row r="165468" spans="8:8">
      <c r="H165468" s="12"/>
    </row>
    <row r="165469" spans="8:8">
      <c r="H165469" s="12"/>
    </row>
    <row r="165470" spans="8:8">
      <c r="H165470" s="12"/>
    </row>
    <row r="165471" spans="8:8">
      <c r="H165471" s="12"/>
    </row>
    <row r="165472" spans="8:8">
      <c r="H165472" s="12"/>
    </row>
    <row r="165473" spans="8:8">
      <c r="H165473" s="12"/>
    </row>
    <row r="165474" spans="8:8">
      <c r="H165474" s="12"/>
    </row>
    <row r="165475" spans="8:8">
      <c r="H165475" s="12"/>
    </row>
    <row r="165476" spans="8:8">
      <c r="H165476" s="12"/>
    </row>
    <row r="165477" spans="8:8">
      <c r="H165477" s="12"/>
    </row>
    <row r="165478" spans="8:8">
      <c r="H165478" s="12"/>
    </row>
    <row r="165479" spans="8:8">
      <c r="H165479" s="12"/>
    </row>
    <row r="165480" spans="8:8">
      <c r="H165480" s="12"/>
    </row>
    <row r="165481" spans="8:8">
      <c r="H165481" s="12"/>
    </row>
    <row r="165482" spans="8:8">
      <c r="H165482" s="12"/>
    </row>
    <row r="165483" spans="8:8">
      <c r="H165483" s="12"/>
    </row>
    <row r="165484" spans="8:8">
      <c r="H165484" s="12"/>
    </row>
    <row r="165485" spans="8:8">
      <c r="H165485" s="12"/>
    </row>
    <row r="165486" spans="8:8">
      <c r="H165486" s="12"/>
    </row>
    <row r="165487" spans="8:8">
      <c r="H165487" s="12"/>
    </row>
    <row r="165488" spans="8:8">
      <c r="H165488" s="12"/>
    </row>
    <row r="165489" spans="8:8">
      <c r="H165489" s="12"/>
    </row>
    <row r="165490" spans="8:8">
      <c r="H165490" s="12"/>
    </row>
    <row r="165491" spans="8:8">
      <c r="H165491" s="12"/>
    </row>
    <row r="165492" spans="8:8">
      <c r="H165492" s="12"/>
    </row>
    <row r="165493" spans="8:8">
      <c r="H165493" s="12"/>
    </row>
    <row r="165494" spans="8:8">
      <c r="H165494" s="12"/>
    </row>
    <row r="165495" spans="8:8">
      <c r="H165495" s="12"/>
    </row>
    <row r="165496" spans="8:8">
      <c r="H165496" s="12"/>
    </row>
    <row r="165497" spans="8:8">
      <c r="H165497" s="12"/>
    </row>
    <row r="165498" spans="8:8">
      <c r="H165498" s="12"/>
    </row>
    <row r="165499" spans="8:8">
      <c r="H165499" s="12"/>
    </row>
    <row r="165500" spans="8:8">
      <c r="H165500" s="12"/>
    </row>
    <row r="165501" spans="8:8">
      <c r="H165501" s="12"/>
    </row>
    <row r="165502" spans="8:8">
      <c r="H165502" s="12"/>
    </row>
    <row r="165503" spans="8:8">
      <c r="H165503" s="12"/>
    </row>
    <row r="165504" spans="8:8">
      <c r="H165504" s="12"/>
    </row>
    <row r="165505" spans="8:8">
      <c r="H165505" s="12"/>
    </row>
    <row r="165506" spans="8:8">
      <c r="H165506" s="12"/>
    </row>
    <row r="165507" spans="8:8">
      <c r="H165507" s="12"/>
    </row>
    <row r="165508" spans="8:8">
      <c r="H165508" s="12"/>
    </row>
    <row r="165509" spans="8:8">
      <c r="H165509" s="12"/>
    </row>
    <row r="165510" spans="8:8">
      <c r="H165510" s="12"/>
    </row>
    <row r="165511" spans="8:8">
      <c r="H165511" s="12"/>
    </row>
    <row r="165512" spans="8:8">
      <c r="H165512" s="12"/>
    </row>
    <row r="165513" spans="8:8">
      <c r="H165513" s="12"/>
    </row>
    <row r="165514" spans="8:8">
      <c r="H165514" s="12"/>
    </row>
    <row r="165515" spans="8:8">
      <c r="H165515" s="12"/>
    </row>
    <row r="165516" spans="8:8">
      <c r="H165516" s="12"/>
    </row>
    <row r="165517" spans="8:8">
      <c r="H165517" s="12"/>
    </row>
    <row r="165518" spans="8:8">
      <c r="H165518" s="12"/>
    </row>
    <row r="165519" spans="8:8">
      <c r="H165519" s="12"/>
    </row>
    <row r="165520" spans="8:8">
      <c r="H165520" s="12"/>
    </row>
    <row r="165521" spans="8:8">
      <c r="H165521" s="12"/>
    </row>
    <row r="165522" spans="8:8">
      <c r="H165522" s="12"/>
    </row>
    <row r="165523" spans="8:8">
      <c r="H165523" s="12"/>
    </row>
    <row r="165524" spans="8:8">
      <c r="H165524" s="12"/>
    </row>
    <row r="165525" spans="8:8">
      <c r="H165525" s="12"/>
    </row>
    <row r="165526" spans="8:8">
      <c r="H165526" s="12"/>
    </row>
    <row r="165527" spans="8:8">
      <c r="H165527" s="12"/>
    </row>
    <row r="165528" spans="8:8">
      <c r="H165528" s="12"/>
    </row>
    <row r="165529" spans="8:8">
      <c r="H165529" s="12"/>
    </row>
    <row r="165530" spans="8:8">
      <c r="H165530" s="12"/>
    </row>
    <row r="165531" spans="8:8">
      <c r="H165531" s="12"/>
    </row>
    <row r="165532" spans="8:8">
      <c r="H165532" s="12"/>
    </row>
    <row r="165533" spans="8:8">
      <c r="H165533" s="12"/>
    </row>
    <row r="165534" spans="8:8">
      <c r="H165534" s="12"/>
    </row>
    <row r="165535" spans="8:8">
      <c r="H165535" s="12"/>
    </row>
    <row r="165536" spans="8:8">
      <c r="H165536" s="12"/>
    </row>
    <row r="165537" spans="8:8">
      <c r="H165537" s="12"/>
    </row>
    <row r="165538" spans="8:8">
      <c r="H165538" s="12"/>
    </row>
    <row r="165539" spans="8:8">
      <c r="H165539" s="12"/>
    </row>
    <row r="165540" spans="8:8">
      <c r="H165540" s="12"/>
    </row>
    <row r="165541" spans="8:8">
      <c r="H165541" s="12"/>
    </row>
    <row r="165542" spans="8:8">
      <c r="H165542" s="12"/>
    </row>
    <row r="165543" spans="8:8">
      <c r="H165543" s="12"/>
    </row>
    <row r="165544" spans="8:8">
      <c r="H165544" s="12"/>
    </row>
    <row r="165545" spans="8:8">
      <c r="H165545" s="12"/>
    </row>
    <row r="165546" spans="8:8">
      <c r="H165546" s="12"/>
    </row>
    <row r="165547" spans="8:8">
      <c r="H165547" s="12"/>
    </row>
    <row r="165548" spans="8:8">
      <c r="H165548" s="12"/>
    </row>
    <row r="165549" spans="8:8">
      <c r="H165549" s="12"/>
    </row>
    <row r="165550" spans="8:8">
      <c r="H165550" s="12"/>
    </row>
    <row r="165551" spans="8:8">
      <c r="H165551" s="12"/>
    </row>
    <row r="165552" spans="8:8">
      <c r="H165552" s="12"/>
    </row>
    <row r="165553" spans="8:8">
      <c r="H165553" s="12"/>
    </row>
    <row r="165554" spans="8:8">
      <c r="H165554" s="12"/>
    </row>
    <row r="165555" spans="8:8">
      <c r="H165555" s="12"/>
    </row>
    <row r="165556" spans="8:8">
      <c r="H165556" s="12"/>
    </row>
    <row r="165557" spans="8:8">
      <c r="H165557" s="12"/>
    </row>
    <row r="165558" spans="8:8">
      <c r="H165558" s="12"/>
    </row>
    <row r="165559" spans="8:8">
      <c r="H165559" s="12"/>
    </row>
    <row r="165560" spans="8:8">
      <c r="H165560" s="12"/>
    </row>
    <row r="165561" spans="8:8">
      <c r="H165561" s="12"/>
    </row>
    <row r="165562" spans="8:8">
      <c r="H165562" s="12"/>
    </row>
    <row r="165563" spans="8:8">
      <c r="H165563" s="12"/>
    </row>
    <row r="165564" spans="8:8">
      <c r="H165564" s="12"/>
    </row>
    <row r="165565" spans="8:8">
      <c r="H165565" s="12"/>
    </row>
    <row r="165566" spans="8:8">
      <c r="H165566" s="12"/>
    </row>
    <row r="165567" spans="8:8">
      <c r="H165567" s="12"/>
    </row>
    <row r="165568" spans="8:8">
      <c r="H165568" s="12"/>
    </row>
    <row r="165569" spans="8:8">
      <c r="H165569" s="12"/>
    </row>
    <row r="165570" spans="8:8">
      <c r="H165570" s="12"/>
    </row>
    <row r="165571" spans="8:8">
      <c r="H165571" s="12"/>
    </row>
    <row r="165572" spans="8:8">
      <c r="H165572" s="12"/>
    </row>
    <row r="165573" spans="8:8">
      <c r="H165573" s="12"/>
    </row>
    <row r="165574" spans="8:8">
      <c r="H165574" s="12"/>
    </row>
    <row r="165575" spans="8:8">
      <c r="H165575" s="12"/>
    </row>
    <row r="165576" spans="8:8">
      <c r="H165576" s="12"/>
    </row>
    <row r="165577" spans="8:8">
      <c r="H165577" s="12"/>
    </row>
    <row r="165578" spans="8:8">
      <c r="H165578" s="12"/>
    </row>
    <row r="165579" spans="8:8">
      <c r="H165579" s="12"/>
    </row>
    <row r="165580" spans="8:8">
      <c r="H165580" s="12"/>
    </row>
    <row r="165581" spans="8:8">
      <c r="H165581" s="12"/>
    </row>
    <row r="165582" spans="8:8">
      <c r="H165582" s="12"/>
    </row>
    <row r="165583" spans="8:8">
      <c r="H165583" s="12"/>
    </row>
    <row r="165584" spans="8:8">
      <c r="H165584" s="12"/>
    </row>
    <row r="165585" spans="8:8">
      <c r="H165585" s="12"/>
    </row>
    <row r="165586" spans="8:8">
      <c r="H165586" s="12"/>
    </row>
    <row r="165587" spans="8:8">
      <c r="H165587" s="12"/>
    </row>
    <row r="165588" spans="8:8">
      <c r="H165588" s="12"/>
    </row>
    <row r="165589" spans="8:8">
      <c r="H165589" s="12"/>
    </row>
    <row r="165590" spans="8:8">
      <c r="H165590" s="12"/>
    </row>
    <row r="165591" spans="8:8">
      <c r="H165591" s="12"/>
    </row>
    <row r="165592" spans="8:8">
      <c r="H165592" s="12"/>
    </row>
    <row r="165593" spans="8:8">
      <c r="H165593" s="12"/>
    </row>
    <row r="165594" spans="8:8">
      <c r="H165594" s="12"/>
    </row>
    <row r="165595" spans="8:8">
      <c r="H165595" s="12"/>
    </row>
    <row r="165596" spans="8:8">
      <c r="H165596" s="12"/>
    </row>
    <row r="165597" spans="8:8">
      <c r="H165597" s="12"/>
    </row>
    <row r="165598" spans="8:8">
      <c r="H165598" s="12"/>
    </row>
    <row r="165599" spans="8:8">
      <c r="H165599" s="12"/>
    </row>
    <row r="165600" spans="8:8">
      <c r="H165600" s="12"/>
    </row>
    <row r="165601" spans="8:8">
      <c r="H165601" s="12"/>
    </row>
    <row r="165602" spans="8:8">
      <c r="H165602" s="12"/>
    </row>
    <row r="165603" spans="8:8">
      <c r="H165603" s="12"/>
    </row>
    <row r="165604" spans="8:8">
      <c r="H165604" s="12"/>
    </row>
    <row r="165605" spans="8:8">
      <c r="H165605" s="12"/>
    </row>
    <row r="165606" spans="8:8">
      <c r="H165606" s="12"/>
    </row>
    <row r="165607" spans="8:8">
      <c r="H165607" s="12"/>
    </row>
    <row r="165608" spans="8:8">
      <c r="H165608" s="12"/>
    </row>
    <row r="165609" spans="8:8">
      <c r="H165609" s="12"/>
    </row>
    <row r="165610" spans="8:8">
      <c r="H165610" s="12"/>
    </row>
    <row r="165611" spans="8:8">
      <c r="H165611" s="12"/>
    </row>
    <row r="165612" spans="8:8">
      <c r="H165612" s="12"/>
    </row>
    <row r="165613" spans="8:8">
      <c r="H165613" s="12"/>
    </row>
    <row r="165614" spans="8:8">
      <c r="H165614" s="12"/>
    </row>
    <row r="165615" spans="8:8">
      <c r="H165615" s="12"/>
    </row>
    <row r="165616" spans="8:8">
      <c r="H165616" s="12"/>
    </row>
    <row r="165617" spans="8:8">
      <c r="H165617" s="12"/>
    </row>
    <row r="165618" spans="8:8">
      <c r="H165618" s="12"/>
    </row>
    <row r="165619" spans="8:8">
      <c r="H165619" s="12"/>
    </row>
    <row r="165620" spans="8:8">
      <c r="H165620" s="12"/>
    </row>
    <row r="165621" spans="8:8">
      <c r="H165621" s="12"/>
    </row>
    <row r="165622" spans="8:8">
      <c r="H165622" s="12"/>
    </row>
    <row r="165623" spans="8:8">
      <c r="H165623" s="12"/>
    </row>
    <row r="165624" spans="8:8">
      <c r="H165624" s="12"/>
    </row>
    <row r="165625" spans="8:8">
      <c r="H165625" s="12"/>
    </row>
    <row r="165626" spans="8:8">
      <c r="H165626" s="12"/>
    </row>
    <row r="165627" spans="8:8">
      <c r="H165627" s="12"/>
    </row>
    <row r="165628" spans="8:8">
      <c r="H165628" s="12"/>
    </row>
    <row r="165629" spans="8:8">
      <c r="H165629" s="12"/>
    </row>
    <row r="165630" spans="8:8">
      <c r="H165630" s="12"/>
    </row>
    <row r="165631" spans="8:8">
      <c r="H165631" s="12"/>
    </row>
    <row r="165632" spans="8:8">
      <c r="H165632" s="12"/>
    </row>
    <row r="165633" spans="8:8">
      <c r="H165633" s="12"/>
    </row>
    <row r="165634" spans="8:8">
      <c r="H165634" s="12"/>
    </row>
    <row r="165635" spans="8:8">
      <c r="H165635" s="12"/>
    </row>
    <row r="165636" spans="8:8">
      <c r="H165636" s="12"/>
    </row>
    <row r="165637" spans="8:8">
      <c r="H165637" s="12"/>
    </row>
    <row r="165638" spans="8:8">
      <c r="H165638" s="12"/>
    </row>
    <row r="165639" spans="8:8">
      <c r="H165639" s="12"/>
    </row>
    <row r="165640" spans="8:8">
      <c r="H165640" s="12"/>
    </row>
    <row r="165641" spans="8:8">
      <c r="H165641" s="12"/>
    </row>
    <row r="165642" spans="8:8">
      <c r="H165642" s="12"/>
    </row>
    <row r="165643" spans="8:8">
      <c r="H165643" s="12"/>
    </row>
    <row r="165644" spans="8:8">
      <c r="H165644" s="12"/>
    </row>
    <row r="165645" spans="8:8">
      <c r="H165645" s="12"/>
    </row>
    <row r="165646" spans="8:8">
      <c r="H165646" s="12"/>
    </row>
    <row r="165647" spans="8:8">
      <c r="H165647" s="12"/>
    </row>
    <row r="165648" spans="8:8">
      <c r="H165648" s="12"/>
    </row>
    <row r="165649" spans="8:8">
      <c r="H165649" s="12"/>
    </row>
    <row r="165650" spans="8:8">
      <c r="H165650" s="12"/>
    </row>
    <row r="165651" spans="8:8">
      <c r="H165651" s="12"/>
    </row>
    <row r="165652" spans="8:8">
      <c r="H165652" s="12"/>
    </row>
    <row r="165653" spans="8:8">
      <c r="H165653" s="12"/>
    </row>
    <row r="165654" spans="8:8">
      <c r="H165654" s="12"/>
    </row>
    <row r="165655" spans="8:8">
      <c r="H165655" s="12"/>
    </row>
    <row r="165656" spans="8:8">
      <c r="H165656" s="12"/>
    </row>
    <row r="165657" spans="8:8">
      <c r="H165657" s="12"/>
    </row>
    <row r="165658" spans="8:8">
      <c r="H165658" s="12"/>
    </row>
    <row r="165659" spans="8:8">
      <c r="H165659" s="12"/>
    </row>
    <row r="165660" spans="8:8">
      <c r="H165660" s="12"/>
    </row>
    <row r="165661" spans="8:8">
      <c r="H165661" s="12"/>
    </row>
    <row r="165662" spans="8:8">
      <c r="H165662" s="12"/>
    </row>
    <row r="165663" spans="8:8">
      <c r="H165663" s="12"/>
    </row>
    <row r="165664" spans="8:8">
      <c r="H165664" s="12"/>
    </row>
    <row r="165665" spans="8:8">
      <c r="H165665" s="12"/>
    </row>
    <row r="165666" spans="8:8">
      <c r="H165666" s="12"/>
    </row>
    <row r="165667" spans="8:8">
      <c r="H165667" s="12"/>
    </row>
    <row r="165668" spans="8:8">
      <c r="H165668" s="12"/>
    </row>
    <row r="165669" spans="8:8">
      <c r="H165669" s="12"/>
    </row>
    <row r="165670" spans="8:8">
      <c r="H165670" s="12"/>
    </row>
    <row r="165671" spans="8:8">
      <c r="H165671" s="12"/>
    </row>
    <row r="165672" spans="8:8">
      <c r="H165672" s="12"/>
    </row>
    <row r="165673" spans="8:8">
      <c r="H165673" s="12"/>
    </row>
    <row r="165674" spans="8:8">
      <c r="H165674" s="12"/>
    </row>
    <row r="165675" spans="8:8">
      <c r="H165675" s="12"/>
    </row>
    <row r="165676" spans="8:8">
      <c r="H165676" s="12"/>
    </row>
    <row r="165677" spans="8:8">
      <c r="H165677" s="12"/>
    </row>
    <row r="165678" spans="8:8">
      <c r="H165678" s="12"/>
    </row>
    <row r="165679" spans="8:8">
      <c r="H165679" s="12"/>
    </row>
    <row r="165680" spans="8:8">
      <c r="H165680" s="12"/>
    </row>
    <row r="165681" spans="8:8">
      <c r="H165681" s="12"/>
    </row>
    <row r="165682" spans="8:8">
      <c r="H165682" s="12"/>
    </row>
    <row r="165683" spans="8:8">
      <c r="H165683" s="12"/>
    </row>
    <row r="165684" spans="8:8">
      <c r="H165684" s="12"/>
    </row>
    <row r="165685" spans="8:8">
      <c r="H165685" s="12"/>
    </row>
    <row r="165686" spans="8:8">
      <c r="H165686" s="12"/>
    </row>
    <row r="165687" spans="8:8">
      <c r="H165687" s="12"/>
    </row>
    <row r="165688" spans="8:8">
      <c r="H165688" s="12"/>
    </row>
    <row r="165689" spans="8:8">
      <c r="H165689" s="12"/>
    </row>
    <row r="165690" spans="8:8">
      <c r="H165690" s="12"/>
    </row>
    <row r="165691" spans="8:8">
      <c r="H165691" s="12"/>
    </row>
    <row r="165692" spans="8:8">
      <c r="H165692" s="12"/>
    </row>
    <row r="165693" spans="8:8">
      <c r="H165693" s="12"/>
    </row>
    <row r="165694" spans="8:8">
      <c r="H165694" s="12"/>
    </row>
    <row r="165695" spans="8:8">
      <c r="H165695" s="12"/>
    </row>
    <row r="165696" spans="8:8">
      <c r="H165696" s="12"/>
    </row>
    <row r="165697" spans="8:8">
      <c r="H165697" s="12"/>
    </row>
    <row r="165698" spans="8:8">
      <c r="H165698" s="12"/>
    </row>
    <row r="165699" spans="8:8">
      <c r="H165699" s="12"/>
    </row>
    <row r="165700" spans="8:8">
      <c r="H165700" s="12"/>
    </row>
    <row r="165701" spans="8:8">
      <c r="H165701" s="12"/>
    </row>
    <row r="165702" spans="8:8">
      <c r="H165702" s="12"/>
    </row>
    <row r="165703" spans="8:8">
      <c r="H165703" s="12"/>
    </row>
    <row r="165704" spans="8:8">
      <c r="H165704" s="12"/>
    </row>
    <row r="165705" spans="8:8">
      <c r="H165705" s="12"/>
    </row>
    <row r="165706" spans="8:8">
      <c r="H165706" s="12"/>
    </row>
    <row r="165707" spans="8:8">
      <c r="H165707" s="12"/>
    </row>
    <row r="165708" spans="8:8">
      <c r="H165708" s="12"/>
    </row>
    <row r="165709" spans="8:8">
      <c r="H165709" s="12"/>
    </row>
    <row r="165710" spans="8:8">
      <c r="H165710" s="12"/>
    </row>
    <row r="165711" spans="8:8">
      <c r="H165711" s="12"/>
    </row>
    <row r="165712" spans="8:8">
      <c r="H165712" s="12"/>
    </row>
    <row r="165713" spans="8:8">
      <c r="H165713" s="12"/>
    </row>
    <row r="165714" spans="8:8">
      <c r="H165714" s="12"/>
    </row>
    <row r="165715" spans="8:8">
      <c r="H165715" s="12"/>
    </row>
    <row r="165716" spans="8:8">
      <c r="H165716" s="12"/>
    </row>
    <row r="165717" spans="8:8">
      <c r="H165717" s="12"/>
    </row>
    <row r="165718" spans="8:8">
      <c r="H165718" s="12"/>
    </row>
    <row r="165719" spans="8:8">
      <c r="H165719" s="12"/>
    </row>
    <row r="165720" spans="8:8">
      <c r="H165720" s="12"/>
    </row>
    <row r="165721" spans="8:8">
      <c r="H165721" s="12"/>
    </row>
    <row r="165722" spans="8:8">
      <c r="H165722" s="12"/>
    </row>
    <row r="165723" spans="8:8">
      <c r="H165723" s="12"/>
    </row>
    <row r="165724" spans="8:8">
      <c r="H165724" s="12"/>
    </row>
    <row r="165725" spans="8:8">
      <c r="H165725" s="12"/>
    </row>
    <row r="165726" spans="8:8">
      <c r="H165726" s="12"/>
    </row>
    <row r="165727" spans="8:8">
      <c r="H165727" s="12"/>
    </row>
    <row r="165728" spans="8:8">
      <c r="H165728" s="12"/>
    </row>
    <row r="165729" spans="8:8">
      <c r="H165729" s="12"/>
    </row>
    <row r="165730" spans="8:8">
      <c r="H165730" s="12"/>
    </row>
    <row r="165731" spans="8:8">
      <c r="H165731" s="12"/>
    </row>
    <row r="165732" spans="8:8">
      <c r="H165732" s="12"/>
    </row>
    <row r="165733" spans="8:8">
      <c r="H165733" s="12"/>
    </row>
    <row r="165734" spans="8:8">
      <c r="H165734" s="12"/>
    </row>
    <row r="165735" spans="8:8">
      <c r="H165735" s="12"/>
    </row>
    <row r="165736" spans="8:8">
      <c r="H165736" s="12"/>
    </row>
    <row r="165737" spans="8:8">
      <c r="H165737" s="12"/>
    </row>
    <row r="165738" spans="8:8">
      <c r="H165738" s="12"/>
    </row>
    <row r="165739" spans="8:8">
      <c r="H165739" s="12"/>
    </row>
    <row r="165740" spans="8:8">
      <c r="H165740" s="12"/>
    </row>
    <row r="165741" spans="8:8">
      <c r="H165741" s="12"/>
    </row>
    <row r="165742" spans="8:8">
      <c r="H165742" s="12"/>
    </row>
    <row r="165743" spans="8:8">
      <c r="H165743" s="12"/>
    </row>
    <row r="165744" spans="8:8">
      <c r="H165744" s="12"/>
    </row>
    <row r="165745" spans="8:8">
      <c r="H165745" s="12"/>
    </row>
    <row r="165746" spans="8:8">
      <c r="H165746" s="12"/>
    </row>
    <row r="165747" spans="8:8">
      <c r="H165747" s="12"/>
    </row>
    <row r="165748" spans="8:8">
      <c r="H165748" s="12"/>
    </row>
    <row r="165749" spans="8:8">
      <c r="H165749" s="12"/>
    </row>
    <row r="165750" spans="8:8">
      <c r="H165750" s="12"/>
    </row>
    <row r="165751" spans="8:8">
      <c r="H165751" s="12"/>
    </row>
    <row r="165752" spans="8:8">
      <c r="H165752" s="12"/>
    </row>
    <row r="165753" spans="8:8">
      <c r="H165753" s="12"/>
    </row>
    <row r="165754" spans="8:8">
      <c r="H165754" s="12"/>
    </row>
    <row r="165755" spans="8:8">
      <c r="H165755" s="12"/>
    </row>
    <row r="165756" spans="8:8">
      <c r="H165756" s="12"/>
    </row>
    <row r="165757" spans="8:8">
      <c r="H165757" s="12"/>
    </row>
    <row r="165758" spans="8:8">
      <c r="H165758" s="12"/>
    </row>
    <row r="165759" spans="8:8">
      <c r="H165759" s="12"/>
    </row>
    <row r="165760" spans="8:8">
      <c r="H165760" s="12"/>
    </row>
    <row r="165761" spans="8:8">
      <c r="H165761" s="12"/>
    </row>
    <row r="165762" spans="8:8">
      <c r="H165762" s="12"/>
    </row>
    <row r="165763" spans="8:8">
      <c r="H165763" s="12"/>
    </row>
    <row r="165764" spans="8:8">
      <c r="H165764" s="12"/>
    </row>
    <row r="165765" spans="8:8">
      <c r="H165765" s="12"/>
    </row>
    <row r="165766" spans="8:8">
      <c r="H165766" s="12"/>
    </row>
    <row r="165767" spans="8:8">
      <c r="H165767" s="12"/>
    </row>
    <row r="165768" spans="8:8">
      <c r="H165768" s="12"/>
    </row>
    <row r="165769" spans="8:8">
      <c r="H165769" s="12"/>
    </row>
    <row r="165770" spans="8:8">
      <c r="H165770" s="12"/>
    </row>
    <row r="165771" spans="8:8">
      <c r="H165771" s="12"/>
    </row>
    <row r="165772" spans="8:8">
      <c r="H165772" s="12"/>
    </row>
    <row r="165773" spans="8:8">
      <c r="H165773" s="12"/>
    </row>
    <row r="165774" spans="8:8">
      <c r="H165774" s="12"/>
    </row>
    <row r="165775" spans="8:8">
      <c r="H165775" s="12"/>
    </row>
    <row r="165776" spans="8:8">
      <c r="H165776" s="12"/>
    </row>
    <row r="165777" spans="8:8">
      <c r="H165777" s="12"/>
    </row>
    <row r="165778" spans="8:8">
      <c r="H165778" s="12"/>
    </row>
    <row r="165779" spans="8:8">
      <c r="H165779" s="12"/>
    </row>
    <row r="165780" spans="8:8">
      <c r="H165780" s="12"/>
    </row>
    <row r="165781" spans="8:8">
      <c r="H165781" s="12"/>
    </row>
    <row r="165782" spans="8:8">
      <c r="H165782" s="12"/>
    </row>
    <row r="165783" spans="8:8">
      <c r="H165783" s="12"/>
    </row>
    <row r="165784" spans="8:8">
      <c r="H165784" s="12"/>
    </row>
    <row r="165785" spans="8:8">
      <c r="H165785" s="12"/>
    </row>
    <row r="165786" spans="8:8">
      <c r="H165786" s="12"/>
    </row>
    <row r="165787" spans="8:8">
      <c r="H165787" s="12"/>
    </row>
    <row r="165788" spans="8:8">
      <c r="H165788" s="12"/>
    </row>
    <row r="165789" spans="8:8">
      <c r="H165789" s="12"/>
    </row>
    <row r="165790" spans="8:8">
      <c r="H165790" s="12"/>
    </row>
    <row r="165791" spans="8:8">
      <c r="H165791" s="12"/>
    </row>
    <row r="165792" spans="8:8">
      <c r="H165792" s="12"/>
    </row>
    <row r="165793" spans="8:8">
      <c r="H165793" s="12"/>
    </row>
    <row r="165794" spans="8:8">
      <c r="H165794" s="12"/>
    </row>
    <row r="165795" spans="8:8">
      <c r="H165795" s="12"/>
    </row>
    <row r="165796" spans="8:8">
      <c r="H165796" s="12"/>
    </row>
    <row r="165797" spans="8:8">
      <c r="H165797" s="12"/>
    </row>
    <row r="165798" spans="8:8">
      <c r="H165798" s="12"/>
    </row>
    <row r="165799" spans="8:8">
      <c r="H165799" s="12"/>
    </row>
    <row r="165800" spans="8:8">
      <c r="H165800" s="12"/>
    </row>
    <row r="165801" spans="8:8">
      <c r="H165801" s="12"/>
    </row>
    <row r="165802" spans="8:8">
      <c r="H165802" s="12"/>
    </row>
    <row r="165803" spans="8:8">
      <c r="H165803" s="12"/>
    </row>
    <row r="165804" spans="8:8">
      <c r="H165804" s="12"/>
    </row>
    <row r="165805" spans="8:8">
      <c r="H165805" s="12"/>
    </row>
    <row r="165806" spans="8:8">
      <c r="H165806" s="12"/>
    </row>
    <row r="165807" spans="8:8">
      <c r="H165807" s="12"/>
    </row>
    <row r="165808" spans="8:8">
      <c r="H165808" s="12"/>
    </row>
    <row r="165809" spans="8:8">
      <c r="H165809" s="12"/>
    </row>
    <row r="165810" spans="8:8">
      <c r="H165810" s="12"/>
    </row>
    <row r="165811" spans="8:8">
      <c r="H165811" s="12"/>
    </row>
    <row r="165812" spans="8:8">
      <c r="H165812" s="12"/>
    </row>
    <row r="165813" spans="8:8">
      <c r="H165813" s="12"/>
    </row>
    <row r="165814" spans="8:8">
      <c r="H165814" s="12"/>
    </row>
    <row r="165815" spans="8:8">
      <c r="H165815" s="12"/>
    </row>
    <row r="165816" spans="8:8">
      <c r="H165816" s="12"/>
    </row>
    <row r="165817" spans="8:8">
      <c r="H165817" s="12"/>
    </row>
    <row r="165818" spans="8:8">
      <c r="H165818" s="12"/>
    </row>
    <row r="165819" spans="8:8">
      <c r="H165819" s="12"/>
    </row>
    <row r="165820" spans="8:8">
      <c r="H165820" s="12"/>
    </row>
    <row r="165821" spans="8:8">
      <c r="H165821" s="12"/>
    </row>
    <row r="165822" spans="8:8">
      <c r="H165822" s="12"/>
    </row>
    <row r="165823" spans="8:8">
      <c r="H165823" s="12"/>
    </row>
    <row r="165824" spans="8:8">
      <c r="H165824" s="12"/>
    </row>
    <row r="165825" spans="8:8">
      <c r="H165825" s="12"/>
    </row>
    <row r="165826" spans="8:8">
      <c r="H165826" s="12"/>
    </row>
    <row r="165827" spans="8:8">
      <c r="H165827" s="12"/>
    </row>
    <row r="165828" spans="8:8">
      <c r="H165828" s="12"/>
    </row>
    <row r="165829" spans="8:8">
      <c r="H165829" s="12"/>
    </row>
    <row r="165830" spans="8:8">
      <c r="H165830" s="12"/>
    </row>
    <row r="165831" spans="8:8">
      <c r="H165831" s="12"/>
    </row>
    <row r="165832" spans="8:8">
      <c r="H165832" s="12"/>
    </row>
    <row r="165833" spans="8:8">
      <c r="H165833" s="12"/>
    </row>
    <row r="165834" spans="8:8">
      <c r="H165834" s="12"/>
    </row>
    <row r="165835" spans="8:8">
      <c r="H165835" s="12"/>
    </row>
    <row r="165836" spans="8:8">
      <c r="H165836" s="12"/>
    </row>
    <row r="165837" spans="8:8">
      <c r="H165837" s="12"/>
    </row>
    <row r="165838" spans="8:8">
      <c r="H165838" s="12"/>
    </row>
    <row r="165839" spans="8:8">
      <c r="H165839" s="12"/>
    </row>
    <row r="165840" spans="8:8">
      <c r="H165840" s="12"/>
    </row>
    <row r="165841" spans="8:8">
      <c r="H165841" s="12"/>
    </row>
    <row r="165842" spans="8:8">
      <c r="H165842" s="12"/>
    </row>
    <row r="165843" spans="8:8">
      <c r="H165843" s="12"/>
    </row>
    <row r="165844" spans="8:8">
      <c r="H165844" s="12"/>
    </row>
    <row r="165845" spans="8:8">
      <c r="H165845" s="12"/>
    </row>
    <row r="165846" spans="8:8">
      <c r="H165846" s="12"/>
    </row>
    <row r="165847" spans="8:8">
      <c r="H165847" s="12"/>
    </row>
    <row r="165848" spans="8:8">
      <c r="H165848" s="12"/>
    </row>
    <row r="165849" spans="8:8">
      <c r="H165849" s="12"/>
    </row>
    <row r="165850" spans="8:8">
      <c r="H165850" s="12"/>
    </row>
    <row r="165851" spans="8:8">
      <c r="H165851" s="12"/>
    </row>
    <row r="165852" spans="8:8">
      <c r="H165852" s="12"/>
    </row>
    <row r="165853" spans="8:8">
      <c r="H165853" s="12"/>
    </row>
    <row r="165854" spans="8:8">
      <c r="H165854" s="12"/>
    </row>
    <row r="165855" spans="8:8">
      <c r="H165855" s="12"/>
    </row>
    <row r="165856" spans="8:8">
      <c r="H165856" s="12"/>
    </row>
    <row r="165857" spans="8:8">
      <c r="H165857" s="12"/>
    </row>
    <row r="165858" spans="8:8">
      <c r="H165858" s="12"/>
    </row>
    <row r="165859" spans="8:8">
      <c r="H165859" s="12"/>
    </row>
    <row r="165860" spans="8:8">
      <c r="H165860" s="12"/>
    </row>
    <row r="165861" spans="8:8">
      <c r="H165861" s="12"/>
    </row>
    <row r="165862" spans="8:8">
      <c r="H165862" s="12"/>
    </row>
    <row r="165863" spans="8:8">
      <c r="H165863" s="12"/>
    </row>
    <row r="165864" spans="8:8">
      <c r="H165864" s="12"/>
    </row>
    <row r="165865" spans="8:8">
      <c r="H165865" s="12"/>
    </row>
    <row r="165866" spans="8:8">
      <c r="H165866" s="12"/>
    </row>
    <row r="165867" spans="8:8">
      <c r="H165867" s="12"/>
    </row>
    <row r="165868" spans="8:8">
      <c r="H165868" s="12"/>
    </row>
    <row r="165869" spans="8:8">
      <c r="H165869" s="12"/>
    </row>
    <row r="165870" spans="8:8">
      <c r="H165870" s="12"/>
    </row>
    <row r="165871" spans="8:8">
      <c r="H165871" s="12"/>
    </row>
    <row r="165872" spans="8:8">
      <c r="H165872" s="12"/>
    </row>
    <row r="165873" spans="8:8">
      <c r="H165873" s="12"/>
    </row>
    <row r="165874" spans="8:8">
      <c r="H165874" s="12"/>
    </row>
    <row r="165875" spans="8:8">
      <c r="H165875" s="12"/>
    </row>
    <row r="165876" spans="8:8">
      <c r="H165876" s="12"/>
    </row>
    <row r="165877" spans="8:8">
      <c r="H165877" s="12"/>
    </row>
    <row r="165878" spans="8:8">
      <c r="H165878" s="12"/>
    </row>
    <row r="165879" spans="8:8">
      <c r="H165879" s="12"/>
    </row>
    <row r="165880" spans="8:8">
      <c r="H165880" s="12"/>
    </row>
    <row r="165881" spans="8:8">
      <c r="H165881" s="12"/>
    </row>
    <row r="165882" spans="8:8">
      <c r="H165882" s="12"/>
    </row>
    <row r="165883" spans="8:8">
      <c r="H165883" s="12"/>
    </row>
    <row r="165884" spans="8:8">
      <c r="H165884" s="12"/>
    </row>
    <row r="165885" spans="8:8">
      <c r="H165885" s="12"/>
    </row>
    <row r="165886" spans="8:8">
      <c r="H165886" s="12"/>
    </row>
    <row r="165887" spans="8:8">
      <c r="H165887" s="12"/>
    </row>
    <row r="165888" spans="8:8">
      <c r="H165888" s="12"/>
    </row>
    <row r="165889" spans="8:8">
      <c r="H165889" s="12"/>
    </row>
    <row r="165890" spans="8:8">
      <c r="H165890" s="12"/>
    </row>
    <row r="165891" spans="8:8">
      <c r="H165891" s="12"/>
    </row>
    <row r="165892" spans="8:8">
      <c r="H165892" s="12"/>
    </row>
    <row r="165893" spans="8:8">
      <c r="H165893" s="12"/>
    </row>
    <row r="165894" spans="8:8">
      <c r="H165894" s="12"/>
    </row>
    <row r="165895" spans="8:8">
      <c r="H165895" s="12"/>
    </row>
    <row r="165896" spans="8:8">
      <c r="H165896" s="12"/>
    </row>
    <row r="165897" spans="8:8">
      <c r="H165897" s="12"/>
    </row>
    <row r="165898" spans="8:8">
      <c r="H165898" s="12"/>
    </row>
    <row r="165899" spans="8:8">
      <c r="H165899" s="12"/>
    </row>
    <row r="165900" spans="8:8">
      <c r="H165900" s="12"/>
    </row>
    <row r="165901" spans="8:8">
      <c r="H165901" s="12"/>
    </row>
    <row r="165902" spans="8:8">
      <c r="H165902" s="12"/>
    </row>
    <row r="165903" spans="8:8">
      <c r="H165903" s="12"/>
    </row>
    <row r="165904" spans="8:8">
      <c r="H165904" s="12"/>
    </row>
    <row r="165905" spans="8:8">
      <c r="H165905" s="12"/>
    </row>
    <row r="165906" spans="8:8">
      <c r="H165906" s="12"/>
    </row>
    <row r="165907" spans="8:8">
      <c r="H165907" s="12"/>
    </row>
    <row r="165908" spans="8:8">
      <c r="H165908" s="12"/>
    </row>
    <row r="165909" spans="8:8">
      <c r="H165909" s="12"/>
    </row>
    <row r="165910" spans="8:8">
      <c r="H165910" s="12"/>
    </row>
    <row r="165911" spans="8:8">
      <c r="H165911" s="12"/>
    </row>
    <row r="165912" spans="8:8">
      <c r="H165912" s="12"/>
    </row>
    <row r="165913" spans="8:8">
      <c r="H165913" s="12"/>
    </row>
    <row r="165914" spans="8:8">
      <c r="H165914" s="12"/>
    </row>
    <row r="165915" spans="8:8">
      <c r="H165915" s="12"/>
    </row>
    <row r="165916" spans="8:8">
      <c r="H165916" s="12"/>
    </row>
    <row r="165917" spans="8:8">
      <c r="H165917" s="12"/>
    </row>
    <row r="165918" spans="8:8">
      <c r="H165918" s="12"/>
    </row>
    <row r="165919" spans="8:8">
      <c r="H165919" s="12"/>
    </row>
    <row r="165920" spans="8:8">
      <c r="H165920" s="12"/>
    </row>
    <row r="165921" spans="8:8">
      <c r="H165921" s="12"/>
    </row>
    <row r="165922" spans="8:8">
      <c r="H165922" s="12"/>
    </row>
    <row r="165923" spans="8:8">
      <c r="H165923" s="12"/>
    </row>
    <row r="165924" spans="8:8">
      <c r="H165924" s="12"/>
    </row>
    <row r="165925" spans="8:8">
      <c r="H165925" s="12"/>
    </row>
    <row r="165926" spans="8:8">
      <c r="H165926" s="12"/>
    </row>
    <row r="165927" spans="8:8">
      <c r="H165927" s="12"/>
    </row>
    <row r="165928" spans="8:8">
      <c r="H165928" s="12"/>
    </row>
    <row r="165929" spans="8:8">
      <c r="H165929" s="12"/>
    </row>
    <row r="165930" spans="8:8">
      <c r="H165930" s="12"/>
    </row>
    <row r="165931" spans="8:8">
      <c r="H165931" s="12"/>
    </row>
    <row r="165932" spans="8:8">
      <c r="H165932" s="12"/>
    </row>
    <row r="165933" spans="8:8">
      <c r="H165933" s="12"/>
    </row>
    <row r="165934" spans="8:8">
      <c r="H165934" s="12"/>
    </row>
    <row r="165935" spans="8:8">
      <c r="H165935" s="12"/>
    </row>
    <row r="165936" spans="8:8">
      <c r="H165936" s="12"/>
    </row>
    <row r="165937" spans="8:8">
      <c r="H165937" s="12"/>
    </row>
    <row r="165938" spans="8:8">
      <c r="H165938" s="12"/>
    </row>
    <row r="165939" spans="8:8">
      <c r="H165939" s="12"/>
    </row>
    <row r="165940" spans="8:8">
      <c r="H165940" s="12"/>
    </row>
    <row r="165941" spans="8:8">
      <c r="H165941" s="12"/>
    </row>
    <row r="165942" spans="8:8">
      <c r="H165942" s="12"/>
    </row>
    <row r="165943" spans="8:8">
      <c r="H165943" s="12"/>
    </row>
    <row r="165944" spans="8:8">
      <c r="H165944" s="12"/>
    </row>
    <row r="165945" spans="8:8">
      <c r="H165945" s="12"/>
    </row>
    <row r="165946" spans="8:8">
      <c r="H165946" s="12"/>
    </row>
    <row r="165947" spans="8:8">
      <c r="H165947" s="12"/>
    </row>
    <row r="165948" spans="8:8">
      <c r="H165948" s="12"/>
    </row>
    <row r="165949" spans="8:8">
      <c r="H165949" s="12"/>
    </row>
    <row r="165950" spans="8:8">
      <c r="H165950" s="12"/>
    </row>
    <row r="165951" spans="8:8">
      <c r="H165951" s="12"/>
    </row>
    <row r="165952" spans="8:8">
      <c r="H165952" s="12"/>
    </row>
    <row r="165953" spans="8:8">
      <c r="H165953" s="12"/>
    </row>
    <row r="165954" spans="8:8">
      <c r="H165954" s="12"/>
    </row>
    <row r="165955" spans="8:8">
      <c r="H165955" s="12"/>
    </row>
    <row r="165956" spans="8:8">
      <c r="H165956" s="12"/>
    </row>
    <row r="165957" spans="8:8">
      <c r="H165957" s="12"/>
    </row>
    <row r="165958" spans="8:8">
      <c r="H165958" s="12"/>
    </row>
    <row r="165959" spans="8:8">
      <c r="H165959" s="12"/>
    </row>
    <row r="165960" spans="8:8">
      <c r="H165960" s="12"/>
    </row>
    <row r="165961" spans="8:8">
      <c r="H165961" s="12"/>
    </row>
    <row r="165962" spans="8:8">
      <c r="H165962" s="12"/>
    </row>
    <row r="165963" spans="8:8">
      <c r="H165963" s="12"/>
    </row>
    <row r="165964" spans="8:8">
      <c r="H165964" s="12"/>
    </row>
    <row r="165965" spans="8:8">
      <c r="H165965" s="12"/>
    </row>
    <row r="165966" spans="8:8">
      <c r="H165966" s="12"/>
    </row>
    <row r="165967" spans="8:8">
      <c r="H165967" s="12"/>
    </row>
    <row r="165968" spans="8:8">
      <c r="H165968" s="12"/>
    </row>
    <row r="165969" spans="8:8">
      <c r="H165969" s="12"/>
    </row>
    <row r="165970" spans="8:8">
      <c r="H165970" s="12"/>
    </row>
    <row r="165971" spans="8:8">
      <c r="H165971" s="12"/>
    </row>
    <row r="165972" spans="8:8">
      <c r="H165972" s="12"/>
    </row>
    <row r="165973" spans="8:8">
      <c r="H165973" s="12"/>
    </row>
    <row r="165974" spans="8:8">
      <c r="H165974" s="12"/>
    </row>
    <row r="165975" spans="8:8">
      <c r="H165975" s="12"/>
    </row>
    <row r="165976" spans="8:8">
      <c r="H165976" s="12"/>
    </row>
    <row r="165977" spans="8:8">
      <c r="H165977" s="12"/>
    </row>
    <row r="165978" spans="8:8">
      <c r="H165978" s="12"/>
    </row>
    <row r="165979" spans="8:8">
      <c r="H165979" s="12"/>
    </row>
    <row r="165980" spans="8:8">
      <c r="H165980" s="12"/>
    </row>
    <row r="165981" spans="8:8">
      <c r="H165981" s="12"/>
    </row>
    <row r="165982" spans="8:8">
      <c r="H165982" s="12"/>
    </row>
    <row r="165983" spans="8:8">
      <c r="H165983" s="12"/>
    </row>
    <row r="165984" spans="8:8">
      <c r="H165984" s="12"/>
    </row>
    <row r="165985" spans="8:8">
      <c r="H165985" s="12"/>
    </row>
    <row r="165986" spans="8:8">
      <c r="H165986" s="12"/>
    </row>
    <row r="165987" spans="8:8">
      <c r="H165987" s="12"/>
    </row>
    <row r="165988" spans="8:8">
      <c r="H165988" s="12"/>
    </row>
    <row r="165989" spans="8:8">
      <c r="H165989" s="12"/>
    </row>
    <row r="165990" spans="8:8">
      <c r="H165990" s="12"/>
    </row>
    <row r="165991" spans="8:8">
      <c r="H165991" s="12"/>
    </row>
    <row r="165992" spans="8:8">
      <c r="H165992" s="12"/>
    </row>
    <row r="165993" spans="8:8">
      <c r="H165993" s="12"/>
    </row>
    <row r="165994" spans="8:8">
      <c r="H165994" s="12"/>
    </row>
    <row r="165995" spans="8:8">
      <c r="H165995" s="12"/>
    </row>
    <row r="165996" spans="8:8">
      <c r="H165996" s="12"/>
    </row>
    <row r="165997" spans="8:8">
      <c r="H165997" s="12"/>
    </row>
    <row r="165998" spans="8:8">
      <c r="H165998" s="12"/>
    </row>
    <row r="165999" spans="8:8">
      <c r="H165999" s="12"/>
    </row>
    <row r="166000" spans="8:8">
      <c r="H166000" s="12"/>
    </row>
    <row r="166001" spans="8:8">
      <c r="H166001" s="12"/>
    </row>
    <row r="166002" spans="8:8">
      <c r="H166002" s="12"/>
    </row>
    <row r="166003" spans="8:8">
      <c r="H166003" s="12"/>
    </row>
    <row r="166004" spans="8:8">
      <c r="H166004" s="12"/>
    </row>
    <row r="166005" spans="8:8">
      <c r="H166005" s="12"/>
    </row>
    <row r="166006" spans="8:8">
      <c r="H166006" s="12"/>
    </row>
    <row r="166007" spans="8:8">
      <c r="H166007" s="12"/>
    </row>
    <row r="166008" spans="8:8">
      <c r="H166008" s="12"/>
    </row>
    <row r="166009" spans="8:8">
      <c r="H166009" s="12"/>
    </row>
    <row r="166010" spans="8:8">
      <c r="H166010" s="12"/>
    </row>
    <row r="166011" spans="8:8">
      <c r="H166011" s="12"/>
    </row>
    <row r="166012" spans="8:8">
      <c r="H166012" s="12"/>
    </row>
    <row r="166013" spans="8:8">
      <c r="H166013" s="12"/>
    </row>
    <row r="166014" spans="8:8">
      <c r="H166014" s="12"/>
    </row>
    <row r="166015" spans="8:8">
      <c r="H166015" s="12"/>
    </row>
    <row r="166016" spans="8:8">
      <c r="H166016" s="12"/>
    </row>
    <row r="166017" spans="8:8">
      <c r="H166017" s="12"/>
    </row>
    <row r="166018" spans="8:8">
      <c r="H166018" s="12"/>
    </row>
    <row r="166019" spans="8:8">
      <c r="H166019" s="12"/>
    </row>
    <row r="166020" spans="8:8">
      <c r="H166020" s="12"/>
    </row>
    <row r="166021" spans="8:8">
      <c r="H166021" s="12"/>
    </row>
    <row r="166022" spans="8:8">
      <c r="H166022" s="12"/>
    </row>
    <row r="166023" spans="8:8">
      <c r="H166023" s="12"/>
    </row>
    <row r="166024" spans="8:8">
      <c r="H166024" s="12"/>
    </row>
    <row r="166025" spans="8:8">
      <c r="H166025" s="12"/>
    </row>
    <row r="166026" spans="8:8">
      <c r="H166026" s="12"/>
    </row>
    <row r="166027" spans="8:8">
      <c r="H166027" s="12"/>
    </row>
    <row r="166028" spans="8:8">
      <c r="H166028" s="12"/>
    </row>
    <row r="166029" spans="8:8">
      <c r="H166029" s="12"/>
    </row>
    <row r="166030" spans="8:8">
      <c r="H166030" s="12"/>
    </row>
    <row r="166031" spans="8:8">
      <c r="H166031" s="12"/>
    </row>
    <row r="166032" spans="8:8">
      <c r="H166032" s="12"/>
    </row>
    <row r="166033" spans="8:8">
      <c r="H166033" s="12"/>
    </row>
    <row r="166034" spans="8:8">
      <c r="H166034" s="12"/>
    </row>
    <row r="166035" spans="8:8">
      <c r="H166035" s="12"/>
    </row>
    <row r="166036" spans="8:8">
      <c r="H166036" s="12"/>
    </row>
    <row r="166037" spans="8:8">
      <c r="H166037" s="12"/>
    </row>
    <row r="166038" spans="8:8">
      <c r="H166038" s="12"/>
    </row>
    <row r="166039" spans="8:8">
      <c r="H166039" s="12"/>
    </row>
    <row r="166040" spans="8:8">
      <c r="H166040" s="12"/>
    </row>
    <row r="166041" spans="8:8">
      <c r="H166041" s="12"/>
    </row>
    <row r="166042" spans="8:8">
      <c r="H166042" s="12"/>
    </row>
    <row r="166043" spans="8:8">
      <c r="H166043" s="12"/>
    </row>
    <row r="166044" spans="8:8">
      <c r="H166044" s="12"/>
    </row>
    <row r="166045" spans="8:8">
      <c r="H166045" s="12"/>
    </row>
    <row r="166046" spans="8:8">
      <c r="H166046" s="12"/>
    </row>
    <row r="166047" spans="8:8">
      <c r="H166047" s="12"/>
    </row>
    <row r="166048" spans="8:8">
      <c r="H166048" s="12"/>
    </row>
    <row r="166049" spans="8:8">
      <c r="H166049" s="12"/>
    </row>
    <row r="166050" spans="8:8">
      <c r="H166050" s="12"/>
    </row>
    <row r="166051" spans="8:8">
      <c r="H166051" s="12"/>
    </row>
    <row r="166052" spans="8:8">
      <c r="H166052" s="12"/>
    </row>
    <row r="166053" spans="8:8">
      <c r="H166053" s="12"/>
    </row>
    <row r="166054" spans="8:8">
      <c r="H166054" s="12"/>
    </row>
    <row r="166055" spans="8:8">
      <c r="H166055" s="12"/>
    </row>
    <row r="166056" spans="8:8">
      <c r="H166056" s="12"/>
    </row>
    <row r="166057" spans="8:8">
      <c r="H166057" s="12"/>
    </row>
    <row r="166058" spans="8:8">
      <c r="H166058" s="12"/>
    </row>
    <row r="166059" spans="8:8">
      <c r="H166059" s="12"/>
    </row>
    <row r="166060" spans="8:8">
      <c r="H166060" s="12"/>
    </row>
    <row r="166061" spans="8:8">
      <c r="H166061" s="12"/>
    </row>
    <row r="166062" spans="8:8">
      <c r="H166062" s="12"/>
    </row>
    <row r="166063" spans="8:8">
      <c r="H166063" s="12"/>
    </row>
    <row r="166064" spans="8:8">
      <c r="H166064" s="12"/>
    </row>
    <row r="166065" spans="8:8">
      <c r="H166065" s="12"/>
    </row>
    <row r="166066" spans="8:8">
      <c r="H166066" s="12"/>
    </row>
    <row r="166067" spans="8:8">
      <c r="H166067" s="12"/>
    </row>
    <row r="166068" spans="8:8">
      <c r="H166068" s="12"/>
    </row>
    <row r="166069" spans="8:8">
      <c r="H166069" s="12"/>
    </row>
    <row r="166070" spans="8:8">
      <c r="H166070" s="12"/>
    </row>
    <row r="166071" spans="8:8">
      <c r="H166071" s="12"/>
    </row>
    <row r="166072" spans="8:8">
      <c r="H166072" s="12"/>
    </row>
    <row r="166073" spans="8:8">
      <c r="H166073" s="12"/>
    </row>
    <row r="166074" spans="8:8">
      <c r="H166074" s="12"/>
    </row>
    <row r="166075" spans="8:8">
      <c r="H166075" s="12"/>
    </row>
    <row r="166076" spans="8:8">
      <c r="H166076" s="12"/>
    </row>
    <row r="166077" spans="8:8">
      <c r="H166077" s="12"/>
    </row>
    <row r="166078" spans="8:8">
      <c r="H166078" s="12"/>
    </row>
    <row r="166079" spans="8:8">
      <c r="H166079" s="12"/>
    </row>
    <row r="166080" spans="8:8">
      <c r="H166080" s="12"/>
    </row>
    <row r="166081" spans="8:8">
      <c r="H166081" s="12"/>
    </row>
    <row r="166082" spans="8:8">
      <c r="H166082" s="12"/>
    </row>
    <row r="166083" spans="8:8">
      <c r="H166083" s="12"/>
    </row>
    <row r="166084" spans="8:8">
      <c r="H166084" s="12"/>
    </row>
    <row r="166085" spans="8:8">
      <c r="H166085" s="12"/>
    </row>
    <row r="166086" spans="8:8">
      <c r="H166086" s="12"/>
    </row>
    <row r="166087" spans="8:8">
      <c r="H166087" s="12"/>
    </row>
    <row r="166088" spans="8:8">
      <c r="H166088" s="12"/>
    </row>
    <row r="166089" spans="8:8">
      <c r="H166089" s="12"/>
    </row>
    <row r="166090" spans="8:8">
      <c r="H166090" s="12"/>
    </row>
    <row r="166091" spans="8:8">
      <c r="H166091" s="12"/>
    </row>
    <row r="166092" spans="8:8">
      <c r="H166092" s="12"/>
    </row>
    <row r="166093" spans="8:8">
      <c r="H166093" s="12"/>
    </row>
    <row r="166094" spans="8:8">
      <c r="H166094" s="12"/>
    </row>
    <row r="166095" spans="8:8">
      <c r="H166095" s="12"/>
    </row>
    <row r="166096" spans="8:8">
      <c r="H166096" s="12"/>
    </row>
    <row r="166097" spans="8:8">
      <c r="H166097" s="12"/>
    </row>
    <row r="166098" spans="8:8">
      <c r="H166098" s="12"/>
    </row>
    <row r="166099" spans="8:8">
      <c r="H166099" s="12"/>
    </row>
    <row r="166100" spans="8:8">
      <c r="H166100" s="12"/>
    </row>
    <row r="166101" spans="8:8">
      <c r="H166101" s="12"/>
    </row>
    <row r="166102" spans="8:8">
      <c r="H166102" s="12"/>
    </row>
    <row r="166103" spans="8:8">
      <c r="H166103" s="12"/>
    </row>
    <row r="166104" spans="8:8">
      <c r="H166104" s="12"/>
    </row>
    <row r="166105" spans="8:8">
      <c r="H166105" s="12"/>
    </row>
    <row r="166106" spans="8:8">
      <c r="H166106" s="12"/>
    </row>
    <row r="166107" spans="8:8">
      <c r="H166107" s="12"/>
    </row>
    <row r="166108" spans="8:8">
      <c r="H166108" s="12"/>
    </row>
    <row r="166109" spans="8:8">
      <c r="H166109" s="12"/>
    </row>
    <row r="166110" spans="8:8">
      <c r="H166110" s="12"/>
    </row>
    <row r="166111" spans="8:8">
      <c r="H166111" s="12"/>
    </row>
    <row r="166112" spans="8:8">
      <c r="H166112" s="12"/>
    </row>
    <row r="166113" spans="8:8">
      <c r="H166113" s="12"/>
    </row>
    <row r="166114" spans="8:8">
      <c r="H166114" s="12"/>
    </row>
    <row r="166115" spans="8:8">
      <c r="H166115" s="12"/>
    </row>
    <row r="166116" spans="8:8">
      <c r="H166116" s="12"/>
    </row>
    <row r="166117" spans="8:8">
      <c r="H166117" s="12"/>
    </row>
    <row r="166118" spans="8:8">
      <c r="H166118" s="12"/>
    </row>
    <row r="166119" spans="8:8">
      <c r="H166119" s="12"/>
    </row>
    <row r="166120" spans="8:8">
      <c r="H166120" s="12"/>
    </row>
    <row r="166121" spans="8:8">
      <c r="H166121" s="12"/>
    </row>
    <row r="166122" spans="8:8">
      <c r="H166122" s="12"/>
    </row>
    <row r="166123" spans="8:8">
      <c r="H166123" s="12"/>
    </row>
    <row r="166124" spans="8:8">
      <c r="H166124" s="12"/>
    </row>
    <row r="166125" spans="8:8">
      <c r="H166125" s="12"/>
    </row>
    <row r="166126" spans="8:8">
      <c r="H166126" s="12"/>
    </row>
    <row r="166127" spans="8:8">
      <c r="H166127" s="12"/>
    </row>
    <row r="166128" spans="8:8">
      <c r="H166128" s="12"/>
    </row>
    <row r="166129" spans="8:8">
      <c r="H166129" s="12"/>
    </row>
    <row r="166130" spans="8:8">
      <c r="H166130" s="12"/>
    </row>
    <row r="166131" spans="8:8">
      <c r="H166131" s="12"/>
    </row>
    <row r="166132" spans="8:8">
      <c r="H166132" s="12"/>
    </row>
    <row r="166133" spans="8:8">
      <c r="H166133" s="12"/>
    </row>
    <row r="166134" spans="8:8">
      <c r="H166134" s="12"/>
    </row>
    <row r="166135" spans="8:8">
      <c r="H166135" s="12"/>
    </row>
    <row r="166136" spans="8:8">
      <c r="H166136" s="12"/>
    </row>
    <row r="166137" spans="8:8">
      <c r="H166137" s="12"/>
    </row>
    <row r="166138" spans="8:8">
      <c r="H166138" s="12"/>
    </row>
    <row r="166139" spans="8:8">
      <c r="H166139" s="12"/>
    </row>
    <row r="166140" spans="8:8">
      <c r="H166140" s="12"/>
    </row>
    <row r="166141" spans="8:8">
      <c r="H166141" s="12"/>
    </row>
    <row r="166142" spans="8:8">
      <c r="H166142" s="12"/>
    </row>
    <row r="166143" spans="8:8">
      <c r="H166143" s="12"/>
    </row>
    <row r="166144" spans="8:8">
      <c r="H166144" s="12"/>
    </row>
    <row r="166145" spans="8:8">
      <c r="H166145" s="12"/>
    </row>
    <row r="166146" spans="8:8">
      <c r="H166146" s="12"/>
    </row>
    <row r="166147" spans="8:8">
      <c r="H166147" s="12"/>
    </row>
    <row r="166148" spans="8:8">
      <c r="H166148" s="12"/>
    </row>
    <row r="166149" spans="8:8">
      <c r="H166149" s="12"/>
    </row>
    <row r="166150" spans="8:8">
      <c r="H166150" s="12"/>
    </row>
    <row r="166151" spans="8:8">
      <c r="H166151" s="12"/>
    </row>
    <row r="166152" spans="8:8">
      <c r="H166152" s="12"/>
    </row>
    <row r="166153" spans="8:8">
      <c r="H166153" s="12"/>
    </row>
    <row r="166154" spans="8:8">
      <c r="H166154" s="12"/>
    </row>
    <row r="166155" spans="8:8">
      <c r="H166155" s="12"/>
    </row>
    <row r="166156" spans="8:8">
      <c r="H166156" s="12"/>
    </row>
    <row r="166157" spans="8:8">
      <c r="H166157" s="12"/>
    </row>
    <row r="166158" spans="8:8">
      <c r="H166158" s="12"/>
    </row>
    <row r="166159" spans="8:8">
      <c r="H166159" s="12"/>
    </row>
    <row r="166160" spans="8:8">
      <c r="H166160" s="12"/>
    </row>
    <row r="166161" spans="8:8">
      <c r="H166161" s="12"/>
    </row>
    <row r="166162" spans="8:8">
      <c r="H166162" s="12"/>
    </row>
    <row r="166163" spans="8:8">
      <c r="H166163" s="12"/>
    </row>
    <row r="166164" spans="8:8">
      <c r="H166164" s="12"/>
    </row>
    <row r="166165" spans="8:8">
      <c r="H166165" s="12"/>
    </row>
    <row r="166166" spans="8:8">
      <c r="H166166" s="12"/>
    </row>
    <row r="166167" spans="8:8">
      <c r="H166167" s="12"/>
    </row>
    <row r="166168" spans="8:8">
      <c r="H166168" s="12"/>
    </row>
    <row r="166169" spans="8:8">
      <c r="H166169" s="12"/>
    </row>
    <row r="166170" spans="8:8">
      <c r="H166170" s="12"/>
    </row>
    <row r="166171" spans="8:8">
      <c r="H166171" s="12"/>
    </row>
    <row r="166172" spans="8:8">
      <c r="H166172" s="12"/>
    </row>
    <row r="166173" spans="8:8">
      <c r="H166173" s="12"/>
    </row>
    <row r="166174" spans="8:8">
      <c r="H166174" s="12"/>
    </row>
    <row r="166175" spans="8:8">
      <c r="H166175" s="12"/>
    </row>
    <row r="166176" spans="8:8">
      <c r="H166176" s="12"/>
    </row>
    <row r="166177" spans="8:8">
      <c r="H166177" s="12"/>
    </row>
    <row r="166178" spans="8:8">
      <c r="H166178" s="12"/>
    </row>
    <row r="166179" spans="8:8">
      <c r="H166179" s="12"/>
    </row>
    <row r="166180" spans="8:8">
      <c r="H166180" s="12"/>
    </row>
    <row r="166181" spans="8:8">
      <c r="H166181" s="12"/>
    </row>
    <row r="166182" spans="8:8">
      <c r="H166182" s="12"/>
    </row>
    <row r="166183" spans="8:8">
      <c r="H166183" s="12"/>
    </row>
    <row r="166184" spans="8:8">
      <c r="H166184" s="12"/>
    </row>
    <row r="166185" spans="8:8">
      <c r="H166185" s="12"/>
    </row>
    <row r="166186" spans="8:8">
      <c r="H166186" s="12"/>
    </row>
    <row r="166187" spans="8:8">
      <c r="H166187" s="12"/>
    </row>
    <row r="166188" spans="8:8">
      <c r="H166188" s="12"/>
    </row>
    <row r="166189" spans="8:8">
      <c r="H166189" s="12"/>
    </row>
    <row r="166190" spans="8:8">
      <c r="H166190" s="12"/>
    </row>
    <row r="166191" spans="8:8">
      <c r="H166191" s="12"/>
    </row>
    <row r="166192" spans="8:8">
      <c r="H166192" s="12"/>
    </row>
    <row r="166193" spans="8:8">
      <c r="H166193" s="12"/>
    </row>
    <row r="166194" spans="8:8">
      <c r="H166194" s="12"/>
    </row>
    <row r="166195" spans="8:8">
      <c r="H166195" s="12"/>
    </row>
    <row r="166196" spans="8:8">
      <c r="H166196" s="12"/>
    </row>
    <row r="166197" spans="8:8">
      <c r="H166197" s="12"/>
    </row>
    <row r="166198" spans="8:8">
      <c r="H166198" s="12"/>
    </row>
    <row r="166199" spans="8:8">
      <c r="H166199" s="12"/>
    </row>
    <row r="166200" spans="8:8">
      <c r="H166200" s="12"/>
    </row>
    <row r="166201" spans="8:8">
      <c r="H166201" s="12"/>
    </row>
    <row r="166202" spans="8:8">
      <c r="H166202" s="12"/>
    </row>
    <row r="166203" spans="8:8">
      <c r="H166203" s="12"/>
    </row>
    <row r="166204" spans="8:8">
      <c r="H166204" s="12"/>
    </row>
    <row r="166205" spans="8:8">
      <c r="H166205" s="12"/>
    </row>
    <row r="166206" spans="8:8">
      <c r="H166206" s="12"/>
    </row>
    <row r="166207" spans="8:8">
      <c r="H166207" s="12"/>
    </row>
    <row r="166208" spans="8:8">
      <c r="H166208" s="12"/>
    </row>
    <row r="166209" spans="8:8">
      <c r="H166209" s="12"/>
    </row>
    <row r="166210" spans="8:8">
      <c r="H166210" s="12"/>
    </row>
    <row r="166211" spans="8:8">
      <c r="H166211" s="12"/>
    </row>
    <row r="166212" spans="8:8">
      <c r="H166212" s="12"/>
    </row>
    <row r="166213" spans="8:8">
      <c r="H166213" s="12"/>
    </row>
    <row r="166214" spans="8:8">
      <c r="H166214" s="12"/>
    </row>
    <row r="166215" spans="8:8">
      <c r="H166215" s="12"/>
    </row>
    <row r="166216" spans="8:8">
      <c r="H166216" s="12"/>
    </row>
    <row r="166217" spans="8:8">
      <c r="H166217" s="12"/>
    </row>
    <row r="166218" spans="8:8">
      <c r="H166218" s="12"/>
    </row>
    <row r="166219" spans="8:8">
      <c r="H166219" s="12"/>
    </row>
    <row r="166220" spans="8:8">
      <c r="H166220" s="12"/>
    </row>
    <row r="166221" spans="8:8">
      <c r="H166221" s="12"/>
    </row>
    <row r="166222" spans="8:8">
      <c r="H166222" s="12"/>
    </row>
    <row r="166223" spans="8:8">
      <c r="H166223" s="12"/>
    </row>
    <row r="166224" spans="8:8">
      <c r="H166224" s="12"/>
    </row>
    <row r="166225" spans="8:8">
      <c r="H166225" s="12"/>
    </row>
    <row r="166226" spans="8:8">
      <c r="H166226" s="12"/>
    </row>
    <row r="166227" spans="8:8">
      <c r="H166227" s="12"/>
    </row>
    <row r="166228" spans="8:8">
      <c r="H166228" s="12"/>
    </row>
    <row r="166229" spans="8:8">
      <c r="H166229" s="12"/>
    </row>
    <row r="166230" spans="8:8">
      <c r="H166230" s="12"/>
    </row>
    <row r="166231" spans="8:8">
      <c r="H166231" s="12"/>
    </row>
    <row r="166232" spans="8:8">
      <c r="H166232" s="12"/>
    </row>
    <row r="166233" spans="8:8">
      <c r="H166233" s="12"/>
    </row>
    <row r="166234" spans="8:8">
      <c r="H166234" s="12"/>
    </row>
    <row r="166235" spans="8:8">
      <c r="H166235" s="12"/>
    </row>
    <row r="166236" spans="8:8">
      <c r="H166236" s="12"/>
    </row>
    <row r="166237" spans="8:8">
      <c r="H166237" s="12"/>
    </row>
    <row r="166238" spans="8:8">
      <c r="H166238" s="12"/>
    </row>
    <row r="166239" spans="8:8">
      <c r="H166239" s="12"/>
    </row>
    <row r="166240" spans="8:8">
      <c r="H166240" s="12"/>
    </row>
    <row r="166241" spans="8:8">
      <c r="H166241" s="12"/>
    </row>
    <row r="166242" spans="8:8">
      <c r="H166242" s="12"/>
    </row>
    <row r="166243" spans="8:8">
      <c r="H166243" s="12"/>
    </row>
    <row r="166244" spans="8:8">
      <c r="H166244" s="12"/>
    </row>
    <row r="166245" spans="8:8">
      <c r="H166245" s="12"/>
    </row>
    <row r="166246" spans="8:8">
      <c r="H166246" s="12"/>
    </row>
    <row r="166247" spans="8:8">
      <c r="H166247" s="12"/>
    </row>
    <row r="166248" spans="8:8">
      <c r="H166248" s="12"/>
    </row>
    <row r="166249" spans="8:8">
      <c r="H166249" s="12"/>
    </row>
    <row r="166250" spans="8:8">
      <c r="H166250" s="12"/>
    </row>
    <row r="166251" spans="8:8">
      <c r="H166251" s="12"/>
    </row>
    <row r="166252" spans="8:8">
      <c r="H166252" s="12"/>
    </row>
    <row r="166253" spans="8:8">
      <c r="H166253" s="12"/>
    </row>
    <row r="166254" spans="8:8">
      <c r="H166254" s="12"/>
    </row>
    <row r="166255" spans="8:8">
      <c r="H166255" s="12"/>
    </row>
    <row r="166256" spans="8:8">
      <c r="H166256" s="12"/>
    </row>
    <row r="166257" spans="8:8">
      <c r="H166257" s="12"/>
    </row>
    <row r="166258" spans="8:8">
      <c r="H166258" s="12"/>
    </row>
    <row r="166259" spans="8:8">
      <c r="H166259" s="12"/>
    </row>
    <row r="166260" spans="8:8">
      <c r="H166260" s="12"/>
    </row>
    <row r="166261" spans="8:8">
      <c r="H166261" s="12"/>
    </row>
    <row r="166262" spans="8:8">
      <c r="H166262" s="12"/>
    </row>
    <row r="166263" spans="8:8">
      <c r="H166263" s="12"/>
    </row>
    <row r="166264" spans="8:8">
      <c r="H166264" s="12"/>
    </row>
    <row r="166265" spans="8:8">
      <c r="H166265" s="12"/>
    </row>
    <row r="166266" spans="8:8">
      <c r="H166266" s="12"/>
    </row>
    <row r="166267" spans="8:8">
      <c r="H166267" s="12"/>
    </row>
    <row r="166268" spans="8:8">
      <c r="H166268" s="12"/>
    </row>
    <row r="166269" spans="8:8">
      <c r="H166269" s="12"/>
    </row>
    <row r="166270" spans="8:8">
      <c r="H166270" s="12"/>
    </row>
    <row r="166271" spans="8:8">
      <c r="H166271" s="12"/>
    </row>
    <row r="166272" spans="8:8">
      <c r="H166272" s="12"/>
    </row>
    <row r="166273" spans="8:8">
      <c r="H166273" s="12"/>
    </row>
    <row r="166274" spans="8:8">
      <c r="H166274" s="12"/>
    </row>
    <row r="166275" spans="8:8">
      <c r="H166275" s="12"/>
    </row>
    <row r="166276" spans="8:8">
      <c r="H166276" s="12"/>
    </row>
    <row r="166277" spans="8:8">
      <c r="H166277" s="12"/>
    </row>
    <row r="166278" spans="8:8">
      <c r="H166278" s="12"/>
    </row>
    <row r="166279" spans="8:8">
      <c r="H166279" s="12"/>
    </row>
    <row r="166280" spans="8:8">
      <c r="H166280" s="12"/>
    </row>
    <row r="166281" spans="8:8">
      <c r="H166281" s="12"/>
    </row>
    <row r="166282" spans="8:8">
      <c r="H166282" s="12"/>
    </row>
    <row r="166283" spans="8:8">
      <c r="H166283" s="12"/>
    </row>
    <row r="166284" spans="8:8">
      <c r="H166284" s="12"/>
    </row>
    <row r="166285" spans="8:8">
      <c r="H166285" s="12"/>
    </row>
    <row r="166286" spans="8:8">
      <c r="H166286" s="12"/>
    </row>
    <row r="166287" spans="8:8">
      <c r="H166287" s="12"/>
    </row>
    <row r="166288" spans="8:8">
      <c r="H166288" s="12"/>
    </row>
    <row r="166289" spans="8:8">
      <c r="H166289" s="12"/>
    </row>
    <row r="166290" spans="8:8">
      <c r="H166290" s="12"/>
    </row>
    <row r="166291" spans="8:8">
      <c r="H166291" s="12"/>
    </row>
    <row r="166292" spans="8:8">
      <c r="H166292" s="12"/>
    </row>
    <row r="166293" spans="8:8">
      <c r="H166293" s="12"/>
    </row>
    <row r="166294" spans="8:8">
      <c r="H166294" s="12"/>
    </row>
    <row r="166295" spans="8:8">
      <c r="H166295" s="12"/>
    </row>
    <row r="166296" spans="8:8">
      <c r="H166296" s="12"/>
    </row>
    <row r="166297" spans="8:8">
      <c r="H166297" s="12"/>
    </row>
    <row r="166298" spans="8:8">
      <c r="H166298" s="12"/>
    </row>
    <row r="166299" spans="8:8">
      <c r="H166299" s="12"/>
    </row>
    <row r="166300" spans="8:8">
      <c r="H166300" s="12"/>
    </row>
    <row r="166301" spans="8:8">
      <c r="H166301" s="12"/>
    </row>
    <row r="166302" spans="8:8">
      <c r="H166302" s="12"/>
    </row>
    <row r="166303" spans="8:8">
      <c r="H166303" s="12"/>
    </row>
    <row r="166304" spans="8:8">
      <c r="H166304" s="12"/>
    </row>
    <row r="166305" spans="8:8">
      <c r="H166305" s="12"/>
    </row>
    <row r="166306" spans="8:8">
      <c r="H166306" s="12"/>
    </row>
    <row r="166307" spans="8:8">
      <c r="H166307" s="12"/>
    </row>
    <row r="166308" spans="8:8">
      <c r="H166308" s="12"/>
    </row>
    <row r="166309" spans="8:8">
      <c r="H166309" s="12"/>
    </row>
    <row r="166310" spans="8:8">
      <c r="H166310" s="12"/>
    </row>
    <row r="166311" spans="8:8">
      <c r="H166311" s="12"/>
    </row>
    <row r="166312" spans="8:8">
      <c r="H166312" s="12"/>
    </row>
    <row r="166313" spans="8:8">
      <c r="H166313" s="12"/>
    </row>
    <row r="166314" spans="8:8">
      <c r="H166314" s="12"/>
    </row>
    <row r="166315" spans="8:8">
      <c r="H166315" s="12"/>
    </row>
    <row r="166316" spans="8:8">
      <c r="H166316" s="12"/>
    </row>
    <row r="166317" spans="8:8">
      <c r="H166317" s="12"/>
    </row>
    <row r="166318" spans="8:8">
      <c r="H166318" s="12"/>
    </row>
    <row r="166319" spans="8:8">
      <c r="H166319" s="12"/>
    </row>
    <row r="166320" spans="8:8">
      <c r="H166320" s="12"/>
    </row>
    <row r="166321" spans="8:8">
      <c r="H166321" s="12"/>
    </row>
    <row r="166322" spans="8:8">
      <c r="H166322" s="12"/>
    </row>
    <row r="166323" spans="8:8">
      <c r="H166323" s="12"/>
    </row>
    <row r="166324" spans="8:8">
      <c r="H166324" s="12"/>
    </row>
    <row r="166325" spans="8:8">
      <c r="H166325" s="12"/>
    </row>
    <row r="166326" spans="8:8">
      <c r="H166326" s="12"/>
    </row>
    <row r="166327" spans="8:8">
      <c r="H166327" s="12"/>
    </row>
    <row r="166328" spans="8:8">
      <c r="H166328" s="12"/>
    </row>
    <row r="166329" spans="8:8">
      <c r="H166329" s="12"/>
    </row>
    <row r="166330" spans="8:8">
      <c r="H166330" s="12"/>
    </row>
    <row r="166331" spans="8:8">
      <c r="H166331" s="12"/>
    </row>
    <row r="166332" spans="8:8">
      <c r="H166332" s="12"/>
    </row>
    <row r="166333" spans="8:8">
      <c r="H166333" s="12"/>
    </row>
    <row r="166334" spans="8:8">
      <c r="H166334" s="12"/>
    </row>
    <row r="166335" spans="8:8">
      <c r="H166335" s="12"/>
    </row>
    <row r="166336" spans="8:8">
      <c r="H166336" s="12"/>
    </row>
    <row r="166337" spans="8:8">
      <c r="H166337" s="12"/>
    </row>
    <row r="166338" spans="8:8">
      <c r="H166338" s="12"/>
    </row>
    <row r="166339" spans="8:8">
      <c r="H166339" s="12"/>
    </row>
    <row r="166340" spans="8:8">
      <c r="H166340" s="12"/>
    </row>
    <row r="166341" spans="8:8">
      <c r="H166341" s="12"/>
    </row>
    <row r="166342" spans="8:8">
      <c r="H166342" s="12"/>
    </row>
    <row r="166343" spans="8:8">
      <c r="H166343" s="12"/>
    </row>
    <row r="166344" spans="8:8">
      <c r="H166344" s="12"/>
    </row>
    <row r="166345" spans="8:8">
      <c r="H166345" s="12"/>
    </row>
    <row r="166346" spans="8:8">
      <c r="H166346" s="12"/>
    </row>
    <row r="166347" spans="8:8">
      <c r="H166347" s="12"/>
    </row>
    <row r="166348" spans="8:8">
      <c r="H166348" s="12"/>
    </row>
    <row r="166349" spans="8:8">
      <c r="H166349" s="12"/>
    </row>
    <row r="166350" spans="8:8">
      <c r="H166350" s="12"/>
    </row>
    <row r="166351" spans="8:8">
      <c r="H166351" s="12"/>
    </row>
    <row r="166352" spans="8:8">
      <c r="H166352" s="12"/>
    </row>
    <row r="166353" spans="8:8">
      <c r="H166353" s="12"/>
    </row>
    <row r="166354" spans="8:8">
      <c r="H166354" s="12"/>
    </row>
    <row r="166355" spans="8:8">
      <c r="H166355" s="12"/>
    </row>
    <row r="166356" spans="8:8">
      <c r="H166356" s="12"/>
    </row>
    <row r="166357" spans="8:8">
      <c r="H166357" s="12"/>
    </row>
    <row r="166358" spans="8:8">
      <c r="H166358" s="12"/>
    </row>
    <row r="166359" spans="8:8">
      <c r="H166359" s="12"/>
    </row>
    <row r="166360" spans="8:8">
      <c r="H166360" s="12"/>
    </row>
    <row r="166361" spans="8:8">
      <c r="H166361" s="12"/>
    </row>
    <row r="166362" spans="8:8">
      <c r="H166362" s="12"/>
    </row>
    <row r="166363" spans="8:8">
      <c r="H166363" s="12"/>
    </row>
    <row r="166364" spans="8:8">
      <c r="H166364" s="12"/>
    </row>
    <row r="166365" spans="8:8">
      <c r="H166365" s="12"/>
    </row>
    <row r="166366" spans="8:8">
      <c r="H166366" s="12"/>
    </row>
    <row r="166367" spans="8:8">
      <c r="H166367" s="12"/>
    </row>
    <row r="166368" spans="8:8">
      <c r="H166368" s="12"/>
    </row>
    <row r="166369" spans="8:8">
      <c r="H166369" s="12"/>
    </row>
    <row r="166370" spans="8:8">
      <c r="H166370" s="12"/>
    </row>
    <row r="166371" spans="8:8">
      <c r="H166371" s="12"/>
    </row>
    <row r="166372" spans="8:8">
      <c r="H166372" s="12"/>
    </row>
    <row r="166373" spans="8:8">
      <c r="H166373" s="12"/>
    </row>
    <row r="166374" spans="8:8">
      <c r="H166374" s="12"/>
    </row>
    <row r="166375" spans="8:8">
      <c r="H166375" s="12"/>
    </row>
    <row r="166376" spans="8:8">
      <c r="H166376" s="12"/>
    </row>
    <row r="166377" spans="8:8">
      <c r="H166377" s="12"/>
    </row>
    <row r="166378" spans="8:8">
      <c r="H166378" s="12"/>
    </row>
    <row r="166379" spans="8:8">
      <c r="H166379" s="12"/>
    </row>
    <row r="166380" spans="8:8">
      <c r="H166380" s="12"/>
    </row>
    <row r="166381" spans="8:8">
      <c r="H166381" s="12"/>
    </row>
    <row r="166382" spans="8:8">
      <c r="H166382" s="12"/>
    </row>
    <row r="166383" spans="8:8">
      <c r="H166383" s="12"/>
    </row>
    <row r="166384" spans="8:8">
      <c r="H166384" s="12"/>
    </row>
    <row r="166385" spans="8:8">
      <c r="H166385" s="12"/>
    </row>
    <row r="166386" spans="8:8">
      <c r="H166386" s="12"/>
    </row>
    <row r="166387" spans="8:8">
      <c r="H166387" s="12"/>
    </row>
    <row r="166388" spans="8:8">
      <c r="H166388" s="12"/>
    </row>
    <row r="166389" spans="8:8">
      <c r="H166389" s="12"/>
    </row>
    <row r="166390" spans="8:8">
      <c r="H166390" s="12"/>
    </row>
    <row r="166391" spans="8:8">
      <c r="H166391" s="12"/>
    </row>
    <row r="166392" spans="8:8">
      <c r="H166392" s="12"/>
    </row>
    <row r="166393" spans="8:8">
      <c r="H166393" s="12"/>
    </row>
    <row r="166394" spans="8:8">
      <c r="H166394" s="12"/>
    </row>
    <row r="166395" spans="8:8">
      <c r="H166395" s="12"/>
    </row>
    <row r="166396" spans="8:8">
      <c r="H166396" s="12"/>
    </row>
    <row r="166397" spans="8:8">
      <c r="H166397" s="12"/>
    </row>
    <row r="166398" spans="8:8">
      <c r="H166398" s="12"/>
    </row>
    <row r="166399" spans="8:8">
      <c r="H166399" s="12"/>
    </row>
    <row r="166400" spans="8:8">
      <c r="H166400" s="12"/>
    </row>
    <row r="166401" spans="8:8">
      <c r="H166401" s="12"/>
    </row>
    <row r="166402" spans="8:8">
      <c r="H166402" s="12"/>
    </row>
    <row r="166403" spans="8:8">
      <c r="H166403" s="12"/>
    </row>
    <row r="166404" spans="8:8">
      <c r="H166404" s="12"/>
    </row>
    <row r="166405" spans="8:8">
      <c r="H166405" s="12"/>
    </row>
    <row r="166406" spans="8:8">
      <c r="H166406" s="12"/>
    </row>
    <row r="166407" spans="8:8">
      <c r="H166407" s="12"/>
    </row>
    <row r="166408" spans="8:8">
      <c r="H166408" s="12"/>
    </row>
    <row r="166409" spans="8:8">
      <c r="H166409" s="12"/>
    </row>
    <row r="166410" spans="8:8">
      <c r="H166410" s="12"/>
    </row>
    <row r="166411" spans="8:8">
      <c r="H166411" s="12"/>
    </row>
    <row r="166412" spans="8:8">
      <c r="H166412" s="12"/>
    </row>
    <row r="166413" spans="8:8">
      <c r="H166413" s="12"/>
    </row>
    <row r="166414" spans="8:8">
      <c r="H166414" s="12"/>
    </row>
    <row r="166415" spans="8:8">
      <c r="H166415" s="12"/>
    </row>
    <row r="166416" spans="8:8">
      <c r="H166416" s="12"/>
    </row>
    <row r="166417" spans="8:8">
      <c r="H166417" s="12"/>
    </row>
    <row r="166418" spans="8:8">
      <c r="H166418" s="12"/>
    </row>
    <row r="166419" spans="8:8">
      <c r="H166419" s="12"/>
    </row>
    <row r="166420" spans="8:8">
      <c r="H166420" s="12"/>
    </row>
    <row r="166421" spans="8:8">
      <c r="H166421" s="12"/>
    </row>
    <row r="166422" spans="8:8">
      <c r="H166422" s="12"/>
    </row>
    <row r="166423" spans="8:8">
      <c r="H166423" s="12"/>
    </row>
    <row r="166424" spans="8:8">
      <c r="H166424" s="12"/>
    </row>
    <row r="166425" spans="8:8">
      <c r="H166425" s="12"/>
    </row>
    <row r="166426" spans="8:8">
      <c r="H166426" s="12"/>
    </row>
    <row r="166427" spans="8:8">
      <c r="H166427" s="12"/>
    </row>
    <row r="166428" spans="8:8">
      <c r="H166428" s="12"/>
    </row>
    <row r="166429" spans="8:8">
      <c r="H166429" s="12"/>
    </row>
    <row r="166430" spans="8:8">
      <c r="H166430" s="12"/>
    </row>
    <row r="166431" spans="8:8">
      <c r="H166431" s="12"/>
    </row>
    <row r="166432" spans="8:8">
      <c r="H166432" s="12"/>
    </row>
    <row r="166433" spans="8:8">
      <c r="H166433" s="12"/>
    </row>
    <row r="166434" spans="8:8">
      <c r="H166434" s="12"/>
    </row>
    <row r="166435" spans="8:8">
      <c r="H166435" s="12"/>
    </row>
    <row r="166436" spans="8:8">
      <c r="H166436" s="12"/>
    </row>
    <row r="166437" spans="8:8">
      <c r="H166437" s="12"/>
    </row>
    <row r="166438" spans="8:8">
      <c r="H166438" s="12"/>
    </row>
    <row r="166439" spans="8:8">
      <c r="H166439" s="12"/>
    </row>
    <row r="166440" spans="8:8">
      <c r="H166440" s="12"/>
    </row>
    <row r="166441" spans="8:8">
      <c r="H166441" s="12"/>
    </row>
    <row r="166442" spans="8:8">
      <c r="H166442" s="12"/>
    </row>
    <row r="166443" spans="8:8">
      <c r="H166443" s="12"/>
    </row>
    <row r="166444" spans="8:8">
      <c r="H166444" s="12"/>
    </row>
    <row r="166445" spans="8:8">
      <c r="H166445" s="12"/>
    </row>
    <row r="166446" spans="8:8">
      <c r="H166446" s="12"/>
    </row>
    <row r="166447" spans="8:8">
      <c r="H166447" s="12"/>
    </row>
    <row r="166448" spans="8:8">
      <c r="H166448" s="12"/>
    </row>
    <row r="166449" spans="8:8">
      <c r="H166449" s="12"/>
    </row>
    <row r="166450" spans="8:8">
      <c r="H166450" s="12"/>
    </row>
    <row r="166451" spans="8:8">
      <c r="H166451" s="12"/>
    </row>
    <row r="166452" spans="8:8">
      <c r="H166452" s="12"/>
    </row>
    <row r="166453" spans="8:8">
      <c r="H166453" s="12"/>
    </row>
    <row r="166454" spans="8:8">
      <c r="H166454" s="12"/>
    </row>
    <row r="166455" spans="8:8">
      <c r="H166455" s="12"/>
    </row>
    <row r="166456" spans="8:8">
      <c r="H166456" s="12"/>
    </row>
    <row r="166457" spans="8:8">
      <c r="H166457" s="12"/>
    </row>
    <row r="166458" spans="8:8">
      <c r="H166458" s="12"/>
    </row>
    <row r="166459" spans="8:8">
      <c r="H166459" s="12"/>
    </row>
    <row r="166460" spans="8:8">
      <c r="H166460" s="12"/>
    </row>
    <row r="166461" spans="8:8">
      <c r="H166461" s="12"/>
    </row>
    <row r="166462" spans="8:8">
      <c r="H166462" s="12"/>
    </row>
    <row r="166463" spans="8:8">
      <c r="H166463" s="12"/>
    </row>
    <row r="166464" spans="8:8">
      <c r="H166464" s="12"/>
    </row>
    <row r="166465" spans="8:8">
      <c r="H166465" s="12"/>
    </row>
    <row r="166466" spans="8:8">
      <c r="H166466" s="12"/>
    </row>
    <row r="166467" spans="8:8">
      <c r="H166467" s="12"/>
    </row>
    <row r="166468" spans="8:8">
      <c r="H166468" s="12"/>
    </row>
    <row r="166469" spans="8:8">
      <c r="H166469" s="12"/>
    </row>
    <row r="166470" spans="8:8">
      <c r="H166470" s="12"/>
    </row>
    <row r="166471" spans="8:8">
      <c r="H166471" s="12"/>
    </row>
    <row r="166472" spans="8:8">
      <c r="H166472" s="12"/>
    </row>
    <row r="166473" spans="8:8">
      <c r="H166473" s="12"/>
    </row>
    <row r="166474" spans="8:8">
      <c r="H166474" s="12"/>
    </row>
    <row r="166475" spans="8:8">
      <c r="H166475" s="12"/>
    </row>
    <row r="166476" spans="8:8">
      <c r="H166476" s="12"/>
    </row>
    <row r="166477" spans="8:8">
      <c r="H166477" s="12"/>
    </row>
    <row r="166478" spans="8:8">
      <c r="H166478" s="12"/>
    </row>
    <row r="166479" spans="8:8">
      <c r="H166479" s="12"/>
    </row>
    <row r="166480" spans="8:8">
      <c r="H166480" s="12"/>
    </row>
    <row r="166481" spans="8:8">
      <c r="H166481" s="12"/>
    </row>
    <row r="166482" spans="8:8">
      <c r="H166482" s="12"/>
    </row>
    <row r="166483" spans="8:8">
      <c r="H166483" s="12"/>
    </row>
    <row r="166484" spans="8:8">
      <c r="H166484" s="12"/>
    </row>
    <row r="166485" spans="8:8">
      <c r="H166485" s="12"/>
    </row>
    <row r="166486" spans="8:8">
      <c r="H166486" s="12"/>
    </row>
    <row r="166487" spans="8:8">
      <c r="H166487" s="12"/>
    </row>
    <row r="166488" spans="8:8">
      <c r="H166488" s="12"/>
    </row>
    <row r="166489" spans="8:8">
      <c r="H166489" s="12"/>
    </row>
    <row r="166490" spans="8:8">
      <c r="H166490" s="12"/>
    </row>
    <row r="166491" spans="8:8">
      <c r="H166491" s="12"/>
    </row>
    <row r="166492" spans="8:8">
      <c r="H166492" s="12"/>
    </row>
    <row r="166493" spans="8:8">
      <c r="H166493" s="12"/>
    </row>
    <row r="166494" spans="8:8">
      <c r="H166494" s="12"/>
    </row>
    <row r="166495" spans="8:8">
      <c r="H166495" s="12"/>
    </row>
    <row r="166496" spans="8:8">
      <c r="H166496" s="12"/>
    </row>
    <row r="166497" spans="8:8">
      <c r="H166497" s="12"/>
    </row>
    <row r="166498" spans="8:8">
      <c r="H166498" s="12"/>
    </row>
    <row r="166499" spans="8:8">
      <c r="H166499" s="12"/>
    </row>
    <row r="166500" spans="8:8">
      <c r="H166500" s="12"/>
    </row>
    <row r="166501" spans="8:8">
      <c r="H166501" s="12"/>
    </row>
    <row r="166502" spans="8:8">
      <c r="H166502" s="12"/>
    </row>
    <row r="166503" spans="8:8">
      <c r="H166503" s="12"/>
    </row>
    <row r="166504" spans="8:8">
      <c r="H166504" s="12"/>
    </row>
    <row r="166505" spans="8:8">
      <c r="H166505" s="12"/>
    </row>
    <row r="166506" spans="8:8">
      <c r="H166506" s="12"/>
    </row>
    <row r="166507" spans="8:8">
      <c r="H166507" s="12"/>
    </row>
    <row r="166508" spans="8:8">
      <c r="H166508" s="12"/>
    </row>
    <row r="166509" spans="8:8">
      <c r="H166509" s="12"/>
    </row>
    <row r="166510" spans="8:8">
      <c r="H166510" s="12"/>
    </row>
    <row r="166511" spans="8:8">
      <c r="H166511" s="12"/>
    </row>
    <row r="166512" spans="8:8">
      <c r="H166512" s="12"/>
    </row>
    <row r="166513" spans="8:8">
      <c r="H166513" s="12"/>
    </row>
    <row r="166514" spans="8:8">
      <c r="H166514" s="12"/>
    </row>
    <row r="166515" spans="8:8">
      <c r="H166515" s="12"/>
    </row>
    <row r="166516" spans="8:8">
      <c r="H166516" s="12"/>
    </row>
    <row r="166517" spans="8:8">
      <c r="H166517" s="12"/>
    </row>
    <row r="166518" spans="8:8">
      <c r="H166518" s="12"/>
    </row>
    <row r="166519" spans="8:8">
      <c r="H166519" s="12"/>
    </row>
    <row r="166520" spans="8:8">
      <c r="H166520" s="12"/>
    </row>
    <row r="166521" spans="8:8">
      <c r="H166521" s="12"/>
    </row>
    <row r="166522" spans="8:8">
      <c r="H166522" s="12"/>
    </row>
    <row r="166523" spans="8:8">
      <c r="H166523" s="12"/>
    </row>
    <row r="166524" spans="8:8">
      <c r="H166524" s="12"/>
    </row>
    <row r="166525" spans="8:8">
      <c r="H166525" s="12"/>
    </row>
    <row r="166526" spans="8:8">
      <c r="H166526" s="12"/>
    </row>
    <row r="166527" spans="8:8">
      <c r="H166527" s="12"/>
    </row>
    <row r="166528" spans="8:8">
      <c r="H166528" s="12"/>
    </row>
    <row r="166529" spans="8:8">
      <c r="H166529" s="12"/>
    </row>
    <row r="166530" spans="8:8">
      <c r="H166530" s="12"/>
    </row>
    <row r="166531" spans="8:8">
      <c r="H166531" s="12"/>
    </row>
    <row r="166532" spans="8:8">
      <c r="H166532" s="12"/>
    </row>
    <row r="166533" spans="8:8">
      <c r="H166533" s="12"/>
    </row>
    <row r="166534" spans="8:8">
      <c r="H166534" s="12"/>
    </row>
    <row r="166535" spans="8:8">
      <c r="H166535" s="12"/>
    </row>
    <row r="166536" spans="8:8">
      <c r="H166536" s="12"/>
    </row>
    <row r="166537" spans="8:8">
      <c r="H166537" s="12"/>
    </row>
    <row r="166538" spans="8:8">
      <c r="H166538" s="12"/>
    </row>
    <row r="166539" spans="8:8">
      <c r="H166539" s="12"/>
    </row>
    <row r="166540" spans="8:8">
      <c r="H166540" s="12"/>
    </row>
    <row r="166541" spans="8:8">
      <c r="H166541" s="12"/>
    </row>
    <row r="166542" spans="8:8">
      <c r="H166542" s="12"/>
    </row>
    <row r="166543" spans="8:8">
      <c r="H166543" s="12"/>
    </row>
    <row r="166544" spans="8:8">
      <c r="H166544" s="12"/>
    </row>
    <row r="166545" spans="8:8">
      <c r="H166545" s="12"/>
    </row>
    <row r="166546" spans="8:8">
      <c r="H166546" s="12"/>
    </row>
    <row r="166547" spans="8:8">
      <c r="H166547" s="12"/>
    </row>
    <row r="166548" spans="8:8">
      <c r="H166548" s="12"/>
    </row>
    <row r="166549" spans="8:8">
      <c r="H166549" s="12"/>
    </row>
    <row r="166550" spans="8:8">
      <c r="H166550" s="12"/>
    </row>
    <row r="166551" spans="8:8">
      <c r="H166551" s="12"/>
    </row>
    <row r="166552" spans="8:8">
      <c r="H166552" s="12"/>
    </row>
    <row r="166553" spans="8:8">
      <c r="H166553" s="12"/>
    </row>
    <row r="166554" spans="8:8">
      <c r="H166554" s="12"/>
    </row>
    <row r="166555" spans="8:8">
      <c r="H166555" s="12"/>
    </row>
    <row r="166556" spans="8:8">
      <c r="H166556" s="12"/>
    </row>
    <row r="166557" spans="8:8">
      <c r="H166557" s="12"/>
    </row>
    <row r="166558" spans="8:8">
      <c r="H166558" s="12"/>
    </row>
    <row r="166559" spans="8:8">
      <c r="H166559" s="12"/>
    </row>
    <row r="166560" spans="8:8">
      <c r="H166560" s="12"/>
    </row>
    <row r="166561" spans="8:8">
      <c r="H166561" s="12"/>
    </row>
    <row r="166562" spans="8:8">
      <c r="H166562" s="12"/>
    </row>
    <row r="166563" spans="8:8">
      <c r="H166563" s="12"/>
    </row>
    <row r="166564" spans="8:8">
      <c r="H166564" s="12"/>
    </row>
    <row r="166565" spans="8:8">
      <c r="H166565" s="12"/>
    </row>
    <row r="166566" spans="8:8">
      <c r="H166566" s="12"/>
    </row>
    <row r="166567" spans="8:8">
      <c r="H166567" s="12"/>
    </row>
    <row r="166568" spans="8:8">
      <c r="H166568" s="12"/>
    </row>
    <row r="166569" spans="8:8">
      <c r="H166569" s="12"/>
    </row>
    <row r="166570" spans="8:8">
      <c r="H166570" s="12"/>
    </row>
    <row r="166571" spans="8:8">
      <c r="H166571" s="12"/>
    </row>
    <row r="166572" spans="8:8">
      <c r="H166572" s="12"/>
    </row>
    <row r="166573" spans="8:8">
      <c r="H166573" s="12"/>
    </row>
    <row r="166574" spans="8:8">
      <c r="H166574" s="12"/>
    </row>
    <row r="166575" spans="8:8">
      <c r="H166575" s="12"/>
    </row>
    <row r="166576" spans="8:8">
      <c r="H166576" s="12"/>
    </row>
    <row r="166577" spans="8:8">
      <c r="H166577" s="12"/>
    </row>
    <row r="166578" spans="8:8">
      <c r="H166578" s="12"/>
    </row>
    <row r="166579" spans="8:8">
      <c r="H166579" s="12"/>
    </row>
    <row r="166580" spans="8:8">
      <c r="H166580" s="12"/>
    </row>
    <row r="166581" spans="8:8">
      <c r="H166581" s="12"/>
    </row>
    <row r="166582" spans="8:8">
      <c r="H166582" s="12"/>
    </row>
    <row r="166583" spans="8:8">
      <c r="H166583" s="12"/>
    </row>
    <row r="166584" spans="8:8">
      <c r="H166584" s="12"/>
    </row>
    <row r="166585" spans="8:8">
      <c r="H166585" s="12"/>
    </row>
    <row r="166586" spans="8:8">
      <c r="H166586" s="12"/>
    </row>
    <row r="166587" spans="8:8">
      <c r="H166587" s="12"/>
    </row>
    <row r="166588" spans="8:8">
      <c r="H166588" s="12"/>
    </row>
    <row r="166589" spans="8:8">
      <c r="H166589" s="12"/>
    </row>
    <row r="166590" spans="8:8">
      <c r="H166590" s="12"/>
    </row>
    <row r="166591" spans="8:8">
      <c r="H166591" s="12"/>
    </row>
    <row r="166592" spans="8:8">
      <c r="H166592" s="12"/>
    </row>
    <row r="166593" spans="8:8">
      <c r="H166593" s="12"/>
    </row>
    <row r="166594" spans="8:8">
      <c r="H166594" s="12"/>
    </row>
    <row r="166595" spans="8:8">
      <c r="H166595" s="12"/>
    </row>
    <row r="166596" spans="8:8">
      <c r="H166596" s="12"/>
    </row>
    <row r="166597" spans="8:8">
      <c r="H166597" s="12"/>
    </row>
    <row r="166598" spans="8:8">
      <c r="H166598" s="12"/>
    </row>
    <row r="166599" spans="8:8">
      <c r="H166599" s="12"/>
    </row>
    <row r="166600" spans="8:8">
      <c r="H166600" s="12"/>
    </row>
    <row r="166601" spans="8:8">
      <c r="H166601" s="12"/>
    </row>
    <row r="166602" spans="8:8">
      <c r="H166602" s="12"/>
    </row>
    <row r="166603" spans="8:8">
      <c r="H166603" s="12"/>
    </row>
    <row r="166604" spans="8:8">
      <c r="H166604" s="12"/>
    </row>
    <row r="166605" spans="8:8">
      <c r="H166605" s="12"/>
    </row>
    <row r="166606" spans="8:8">
      <c r="H166606" s="12"/>
    </row>
    <row r="166607" spans="8:8">
      <c r="H166607" s="12"/>
    </row>
    <row r="166608" spans="8:8">
      <c r="H166608" s="12"/>
    </row>
    <row r="166609" spans="8:8">
      <c r="H166609" s="12"/>
    </row>
    <row r="166610" spans="8:8">
      <c r="H166610" s="12"/>
    </row>
    <row r="166611" spans="8:8">
      <c r="H166611" s="12"/>
    </row>
    <row r="166612" spans="8:8">
      <c r="H166612" s="12"/>
    </row>
    <row r="166613" spans="8:8">
      <c r="H166613" s="12"/>
    </row>
    <row r="166614" spans="8:8">
      <c r="H166614" s="12"/>
    </row>
    <row r="166615" spans="8:8">
      <c r="H166615" s="12"/>
    </row>
    <row r="166616" spans="8:8">
      <c r="H166616" s="12"/>
    </row>
    <row r="166617" spans="8:8">
      <c r="H166617" s="12"/>
    </row>
    <row r="166618" spans="8:8">
      <c r="H166618" s="12"/>
    </row>
    <row r="166619" spans="8:8">
      <c r="H166619" s="12"/>
    </row>
    <row r="166620" spans="8:8">
      <c r="H166620" s="12"/>
    </row>
    <row r="166621" spans="8:8">
      <c r="H166621" s="12"/>
    </row>
    <row r="166622" spans="8:8">
      <c r="H166622" s="12"/>
    </row>
    <row r="166623" spans="8:8">
      <c r="H166623" s="12"/>
    </row>
    <row r="166624" spans="8:8">
      <c r="H166624" s="12"/>
    </row>
    <row r="166625" spans="8:8">
      <c r="H166625" s="12"/>
    </row>
    <row r="166626" spans="8:8">
      <c r="H166626" s="12"/>
    </row>
    <row r="166627" spans="8:8">
      <c r="H166627" s="12"/>
    </row>
    <row r="166628" spans="8:8">
      <c r="H166628" s="12"/>
    </row>
    <row r="166629" spans="8:8">
      <c r="H166629" s="12"/>
    </row>
    <row r="166630" spans="8:8">
      <c r="H166630" s="12"/>
    </row>
    <row r="166631" spans="8:8">
      <c r="H166631" s="12"/>
    </row>
    <row r="166632" spans="8:8">
      <c r="H166632" s="12"/>
    </row>
    <row r="166633" spans="8:8">
      <c r="H166633" s="12"/>
    </row>
    <row r="166634" spans="8:8">
      <c r="H166634" s="12"/>
    </row>
    <row r="166635" spans="8:8">
      <c r="H166635" s="12"/>
    </row>
    <row r="166636" spans="8:8">
      <c r="H166636" s="12"/>
    </row>
    <row r="166637" spans="8:8">
      <c r="H166637" s="12"/>
    </row>
    <row r="166638" spans="8:8">
      <c r="H166638" s="12"/>
    </row>
    <row r="166639" spans="8:8">
      <c r="H166639" s="12"/>
    </row>
    <row r="166640" spans="8:8">
      <c r="H166640" s="12"/>
    </row>
    <row r="166641" spans="8:8">
      <c r="H166641" s="12"/>
    </row>
    <row r="166642" spans="8:8">
      <c r="H166642" s="12"/>
    </row>
    <row r="166643" spans="8:8">
      <c r="H166643" s="12"/>
    </row>
    <row r="166644" spans="8:8">
      <c r="H166644" s="12"/>
    </row>
    <row r="166645" spans="8:8">
      <c r="H166645" s="12"/>
    </row>
    <row r="166646" spans="8:8">
      <c r="H166646" s="12"/>
    </row>
    <row r="166647" spans="8:8">
      <c r="H166647" s="12"/>
    </row>
    <row r="166648" spans="8:8">
      <c r="H166648" s="12"/>
    </row>
    <row r="166649" spans="8:8">
      <c r="H166649" s="12"/>
    </row>
    <row r="166650" spans="8:8">
      <c r="H166650" s="12"/>
    </row>
    <row r="166651" spans="8:8">
      <c r="H166651" s="12"/>
    </row>
    <row r="166652" spans="8:8">
      <c r="H166652" s="12"/>
    </row>
    <row r="166653" spans="8:8">
      <c r="H166653" s="12"/>
    </row>
    <row r="166654" spans="8:8">
      <c r="H166654" s="12"/>
    </row>
    <row r="166655" spans="8:8">
      <c r="H166655" s="12"/>
    </row>
    <row r="166656" spans="8:8">
      <c r="H166656" s="12"/>
    </row>
    <row r="166657" spans="8:8">
      <c r="H166657" s="12"/>
    </row>
    <row r="166658" spans="8:8">
      <c r="H166658" s="12"/>
    </row>
    <row r="166659" spans="8:8">
      <c r="H166659" s="12"/>
    </row>
    <row r="166660" spans="8:8">
      <c r="H166660" s="12"/>
    </row>
    <row r="166661" spans="8:8">
      <c r="H166661" s="12"/>
    </row>
    <row r="166662" spans="8:8">
      <c r="H166662" s="12"/>
    </row>
    <row r="166663" spans="8:8">
      <c r="H166663" s="12"/>
    </row>
    <row r="166664" spans="8:8">
      <c r="H166664" s="12"/>
    </row>
    <row r="166665" spans="8:8">
      <c r="H166665" s="12"/>
    </row>
    <row r="166666" spans="8:8">
      <c r="H166666" s="12"/>
    </row>
    <row r="166667" spans="8:8">
      <c r="H166667" s="12"/>
    </row>
    <row r="166668" spans="8:8">
      <c r="H166668" s="12"/>
    </row>
    <row r="166669" spans="8:8">
      <c r="H166669" s="12"/>
    </row>
    <row r="166670" spans="8:8">
      <c r="H166670" s="12"/>
    </row>
    <row r="166671" spans="8:8">
      <c r="H166671" s="12"/>
    </row>
    <row r="166672" spans="8:8">
      <c r="H166672" s="12"/>
    </row>
    <row r="166673" spans="8:8">
      <c r="H166673" s="12"/>
    </row>
    <row r="166674" spans="8:8">
      <c r="H166674" s="12"/>
    </row>
    <row r="166675" spans="8:8">
      <c r="H166675" s="12"/>
    </row>
    <row r="166676" spans="8:8">
      <c r="H166676" s="12"/>
    </row>
    <row r="166677" spans="8:8">
      <c r="H166677" s="12"/>
    </row>
    <row r="166678" spans="8:8">
      <c r="H166678" s="12"/>
    </row>
    <row r="166679" spans="8:8">
      <c r="H166679" s="12"/>
    </row>
    <row r="166680" spans="8:8">
      <c r="H166680" s="12"/>
    </row>
    <row r="166681" spans="8:8">
      <c r="H166681" s="12"/>
    </row>
    <row r="166682" spans="8:8">
      <c r="H166682" s="12"/>
    </row>
    <row r="166683" spans="8:8">
      <c r="H166683" s="12"/>
    </row>
    <row r="166684" spans="8:8">
      <c r="H166684" s="12"/>
    </row>
    <row r="166685" spans="8:8">
      <c r="H166685" s="12"/>
    </row>
    <row r="166686" spans="8:8">
      <c r="H166686" s="12"/>
    </row>
    <row r="166687" spans="8:8">
      <c r="H166687" s="12"/>
    </row>
    <row r="166688" spans="8:8">
      <c r="H166688" s="12"/>
    </row>
    <row r="166689" spans="8:8">
      <c r="H166689" s="12"/>
    </row>
    <row r="166690" spans="8:8">
      <c r="H166690" s="12"/>
    </row>
    <row r="166691" spans="8:8">
      <c r="H166691" s="12"/>
    </row>
    <row r="166692" spans="8:8">
      <c r="H166692" s="12"/>
    </row>
    <row r="166693" spans="8:8">
      <c r="H166693" s="12"/>
    </row>
    <row r="166694" spans="8:8">
      <c r="H166694" s="12"/>
    </row>
    <row r="166695" spans="8:8">
      <c r="H166695" s="12"/>
    </row>
    <row r="166696" spans="8:8">
      <c r="H166696" s="12"/>
    </row>
    <row r="166697" spans="8:8">
      <c r="H166697" s="12"/>
    </row>
    <row r="166698" spans="8:8">
      <c r="H166698" s="12"/>
    </row>
    <row r="166699" spans="8:8">
      <c r="H166699" s="12"/>
    </row>
    <row r="166700" spans="8:8">
      <c r="H166700" s="12"/>
    </row>
    <row r="166701" spans="8:8">
      <c r="H166701" s="12"/>
    </row>
    <row r="166702" spans="8:8">
      <c r="H166702" s="12"/>
    </row>
    <row r="166703" spans="8:8">
      <c r="H166703" s="12"/>
    </row>
    <row r="166704" spans="8:8">
      <c r="H166704" s="12"/>
    </row>
    <row r="166705" spans="8:8">
      <c r="H166705" s="12"/>
    </row>
    <row r="166706" spans="8:8">
      <c r="H166706" s="12"/>
    </row>
    <row r="166707" spans="8:8">
      <c r="H166707" s="12"/>
    </row>
    <row r="166708" spans="8:8">
      <c r="H166708" s="12"/>
    </row>
    <row r="166709" spans="8:8">
      <c r="H166709" s="12"/>
    </row>
    <row r="166710" spans="8:8">
      <c r="H166710" s="12"/>
    </row>
    <row r="166711" spans="8:8">
      <c r="H166711" s="12"/>
    </row>
    <row r="166712" spans="8:8">
      <c r="H166712" s="12"/>
    </row>
    <row r="166713" spans="8:8">
      <c r="H166713" s="12"/>
    </row>
    <row r="166714" spans="8:8">
      <c r="H166714" s="12"/>
    </row>
    <row r="166715" spans="8:8">
      <c r="H166715" s="12"/>
    </row>
    <row r="166716" spans="8:8">
      <c r="H166716" s="12"/>
    </row>
    <row r="166717" spans="8:8">
      <c r="H166717" s="12"/>
    </row>
    <row r="166718" spans="8:8">
      <c r="H166718" s="12"/>
    </row>
    <row r="166719" spans="8:8">
      <c r="H166719" s="12"/>
    </row>
    <row r="166720" spans="8:8">
      <c r="H166720" s="12"/>
    </row>
    <row r="166721" spans="8:8">
      <c r="H166721" s="12"/>
    </row>
    <row r="166722" spans="8:8">
      <c r="H166722" s="12"/>
    </row>
    <row r="166723" spans="8:8">
      <c r="H166723" s="12"/>
    </row>
    <row r="166724" spans="8:8">
      <c r="H166724" s="12"/>
    </row>
    <row r="166725" spans="8:8">
      <c r="H166725" s="12"/>
    </row>
    <row r="166726" spans="8:8">
      <c r="H166726" s="12"/>
    </row>
    <row r="166727" spans="8:8">
      <c r="H166727" s="12"/>
    </row>
    <row r="166728" spans="8:8">
      <c r="H166728" s="12"/>
    </row>
    <row r="166729" spans="8:8">
      <c r="H166729" s="12"/>
    </row>
    <row r="166730" spans="8:8">
      <c r="H166730" s="12"/>
    </row>
    <row r="166731" spans="8:8">
      <c r="H166731" s="12"/>
    </row>
    <row r="166732" spans="8:8">
      <c r="H166732" s="12"/>
    </row>
    <row r="166733" spans="8:8">
      <c r="H166733" s="12"/>
    </row>
    <row r="166734" spans="8:8">
      <c r="H166734" s="12"/>
    </row>
    <row r="166735" spans="8:8">
      <c r="H166735" s="12"/>
    </row>
    <row r="166736" spans="8:8">
      <c r="H166736" s="12"/>
    </row>
    <row r="166737" spans="8:8">
      <c r="H166737" s="12"/>
    </row>
    <row r="166738" spans="8:8">
      <c r="H166738" s="12"/>
    </row>
    <row r="166739" spans="8:8">
      <c r="H166739" s="12"/>
    </row>
    <row r="166740" spans="8:8">
      <c r="H166740" s="12"/>
    </row>
    <row r="166741" spans="8:8">
      <c r="H166741" s="12"/>
    </row>
    <row r="166742" spans="8:8">
      <c r="H166742" s="12"/>
    </row>
    <row r="166743" spans="8:8">
      <c r="H166743" s="12"/>
    </row>
    <row r="166744" spans="8:8">
      <c r="H166744" s="12"/>
    </row>
    <row r="166745" spans="8:8">
      <c r="H166745" s="12"/>
    </row>
    <row r="166746" spans="8:8">
      <c r="H166746" s="12"/>
    </row>
    <row r="166747" spans="8:8">
      <c r="H166747" s="12"/>
    </row>
    <row r="166748" spans="8:8">
      <c r="H166748" s="12"/>
    </row>
    <row r="166749" spans="8:8">
      <c r="H166749" s="12"/>
    </row>
    <row r="166750" spans="8:8">
      <c r="H166750" s="12"/>
    </row>
    <row r="166751" spans="8:8">
      <c r="H166751" s="12"/>
    </row>
    <row r="166752" spans="8:8">
      <c r="H166752" s="12"/>
    </row>
    <row r="166753" spans="8:8">
      <c r="H166753" s="12"/>
    </row>
    <row r="166754" spans="8:8">
      <c r="H166754" s="12"/>
    </row>
    <row r="166755" spans="8:8">
      <c r="H166755" s="12"/>
    </row>
    <row r="166756" spans="8:8">
      <c r="H166756" s="12"/>
    </row>
    <row r="166757" spans="8:8">
      <c r="H166757" s="12"/>
    </row>
    <row r="166758" spans="8:8">
      <c r="H166758" s="12"/>
    </row>
    <row r="166759" spans="8:8">
      <c r="H166759" s="12"/>
    </row>
    <row r="166760" spans="8:8">
      <c r="H166760" s="12"/>
    </row>
    <row r="166761" spans="8:8">
      <c r="H166761" s="12"/>
    </row>
    <row r="166762" spans="8:8">
      <c r="H166762" s="12"/>
    </row>
    <row r="166763" spans="8:8">
      <c r="H166763" s="12"/>
    </row>
    <row r="166764" spans="8:8">
      <c r="H166764" s="12"/>
    </row>
    <row r="166765" spans="8:8">
      <c r="H166765" s="12"/>
    </row>
    <row r="166766" spans="8:8">
      <c r="H166766" s="12"/>
    </row>
    <row r="166767" spans="8:8">
      <c r="H166767" s="12"/>
    </row>
    <row r="166768" spans="8:8">
      <c r="H166768" s="12"/>
    </row>
    <row r="166769" spans="8:8">
      <c r="H166769" s="12"/>
    </row>
    <row r="166770" spans="8:8">
      <c r="H166770" s="12"/>
    </row>
    <row r="166771" spans="8:8">
      <c r="H166771" s="12"/>
    </row>
    <row r="166772" spans="8:8">
      <c r="H166772" s="12"/>
    </row>
    <row r="166773" spans="8:8">
      <c r="H166773" s="12"/>
    </row>
    <row r="166774" spans="8:8">
      <c r="H166774" s="12"/>
    </row>
    <row r="166775" spans="8:8">
      <c r="H166775" s="12"/>
    </row>
    <row r="166776" spans="8:8">
      <c r="H166776" s="12"/>
    </row>
    <row r="166777" spans="8:8">
      <c r="H166777" s="12"/>
    </row>
    <row r="166778" spans="8:8">
      <c r="H166778" s="12"/>
    </row>
    <row r="166779" spans="8:8">
      <c r="H166779" s="12"/>
    </row>
    <row r="166780" spans="8:8">
      <c r="H166780" s="12"/>
    </row>
    <row r="166781" spans="8:8">
      <c r="H166781" s="12"/>
    </row>
    <row r="166782" spans="8:8">
      <c r="H166782" s="12"/>
    </row>
    <row r="166783" spans="8:8">
      <c r="H166783" s="12"/>
    </row>
    <row r="166784" spans="8:8">
      <c r="H166784" s="12"/>
    </row>
    <row r="166785" spans="8:8">
      <c r="H166785" s="12"/>
    </row>
    <row r="166786" spans="8:8">
      <c r="H166786" s="12"/>
    </row>
    <row r="166787" spans="8:8">
      <c r="H166787" s="12"/>
    </row>
    <row r="166788" spans="8:8">
      <c r="H166788" s="12"/>
    </row>
    <row r="166789" spans="8:8">
      <c r="H166789" s="12"/>
    </row>
    <row r="166790" spans="8:8">
      <c r="H166790" s="12"/>
    </row>
    <row r="166791" spans="8:8">
      <c r="H166791" s="12"/>
    </row>
    <row r="166792" spans="8:8">
      <c r="H166792" s="12"/>
    </row>
    <row r="166793" spans="8:8">
      <c r="H166793" s="12"/>
    </row>
    <row r="166794" spans="8:8">
      <c r="H166794" s="12"/>
    </row>
    <row r="166795" spans="8:8">
      <c r="H166795" s="12"/>
    </row>
    <row r="166796" spans="8:8">
      <c r="H166796" s="12"/>
    </row>
    <row r="166797" spans="8:8">
      <c r="H166797" s="12"/>
    </row>
    <row r="166798" spans="8:8">
      <c r="H166798" s="12"/>
    </row>
    <row r="166799" spans="8:8">
      <c r="H166799" s="12"/>
    </row>
    <row r="166800" spans="8:8">
      <c r="H166800" s="12"/>
    </row>
    <row r="166801" spans="8:8">
      <c r="H166801" s="12"/>
    </row>
    <row r="166802" spans="8:8">
      <c r="H166802" s="12"/>
    </row>
    <row r="166803" spans="8:8">
      <c r="H166803" s="12"/>
    </row>
    <row r="166804" spans="8:8">
      <c r="H166804" s="12"/>
    </row>
    <row r="166805" spans="8:8">
      <c r="H166805" s="12"/>
    </row>
    <row r="166806" spans="8:8">
      <c r="H166806" s="12"/>
    </row>
    <row r="166807" spans="8:8">
      <c r="H166807" s="12"/>
    </row>
    <row r="166808" spans="8:8">
      <c r="H166808" s="12"/>
    </row>
    <row r="166809" spans="8:8">
      <c r="H166809" s="12"/>
    </row>
    <row r="166810" spans="8:8">
      <c r="H166810" s="12"/>
    </row>
    <row r="166811" spans="8:8">
      <c r="H166811" s="12"/>
    </row>
    <row r="166812" spans="8:8">
      <c r="H166812" s="12"/>
    </row>
    <row r="166813" spans="8:8">
      <c r="H166813" s="12"/>
    </row>
    <row r="166814" spans="8:8">
      <c r="H166814" s="12"/>
    </row>
    <row r="166815" spans="8:8">
      <c r="H166815" s="12"/>
    </row>
    <row r="166816" spans="8:8">
      <c r="H166816" s="12"/>
    </row>
    <row r="166817" spans="8:8">
      <c r="H166817" s="12"/>
    </row>
    <row r="166818" spans="8:8">
      <c r="H166818" s="12"/>
    </row>
    <row r="166819" spans="8:8">
      <c r="H166819" s="12"/>
    </row>
    <row r="166820" spans="8:8">
      <c r="H166820" s="12"/>
    </row>
    <row r="166821" spans="8:8">
      <c r="H166821" s="12"/>
    </row>
    <row r="166822" spans="8:8">
      <c r="H166822" s="12"/>
    </row>
    <row r="166823" spans="8:8">
      <c r="H166823" s="12"/>
    </row>
    <row r="166824" spans="8:8">
      <c r="H166824" s="12"/>
    </row>
    <row r="166825" spans="8:8">
      <c r="H166825" s="12"/>
    </row>
    <row r="166826" spans="8:8">
      <c r="H166826" s="12"/>
    </row>
    <row r="166827" spans="8:8">
      <c r="H166827" s="12"/>
    </row>
    <row r="166828" spans="8:8">
      <c r="H166828" s="12"/>
    </row>
    <row r="166829" spans="8:8">
      <c r="H166829" s="12"/>
    </row>
    <row r="166830" spans="8:8">
      <c r="H166830" s="12"/>
    </row>
    <row r="166831" spans="8:8">
      <c r="H166831" s="12"/>
    </row>
    <row r="166832" spans="8:8">
      <c r="H166832" s="12"/>
    </row>
    <row r="166833" spans="8:8">
      <c r="H166833" s="12"/>
    </row>
    <row r="166834" spans="8:8">
      <c r="H166834" s="12"/>
    </row>
    <row r="166835" spans="8:8">
      <c r="H166835" s="12"/>
    </row>
    <row r="166836" spans="8:8">
      <c r="H166836" s="12"/>
    </row>
    <row r="166837" spans="8:8">
      <c r="H166837" s="12"/>
    </row>
    <row r="166838" spans="8:8">
      <c r="H166838" s="12"/>
    </row>
    <row r="166839" spans="8:8">
      <c r="H166839" s="12"/>
    </row>
    <row r="166840" spans="8:8">
      <c r="H166840" s="12"/>
    </row>
    <row r="166841" spans="8:8">
      <c r="H166841" s="12"/>
    </row>
    <row r="166842" spans="8:8">
      <c r="H166842" s="12"/>
    </row>
    <row r="166843" spans="8:8">
      <c r="H166843" s="12"/>
    </row>
    <row r="166844" spans="8:8">
      <c r="H166844" s="12"/>
    </row>
    <row r="166845" spans="8:8">
      <c r="H166845" s="12"/>
    </row>
    <row r="166846" spans="8:8">
      <c r="H166846" s="12"/>
    </row>
    <row r="166847" spans="8:8">
      <c r="H166847" s="12"/>
    </row>
    <row r="166848" spans="8:8">
      <c r="H166848" s="12"/>
    </row>
    <row r="166849" spans="8:8">
      <c r="H166849" s="12"/>
    </row>
    <row r="166850" spans="8:8">
      <c r="H166850" s="12"/>
    </row>
    <row r="166851" spans="8:8">
      <c r="H166851" s="12"/>
    </row>
    <row r="166852" spans="8:8">
      <c r="H166852" s="12"/>
    </row>
    <row r="166853" spans="8:8">
      <c r="H166853" s="12"/>
    </row>
    <row r="166854" spans="8:8">
      <c r="H166854" s="12"/>
    </row>
    <row r="166855" spans="8:8">
      <c r="H166855" s="12"/>
    </row>
    <row r="166856" spans="8:8">
      <c r="H166856" s="12"/>
    </row>
    <row r="166857" spans="8:8">
      <c r="H166857" s="12"/>
    </row>
    <row r="166858" spans="8:8">
      <c r="H166858" s="12"/>
    </row>
    <row r="166859" spans="8:8">
      <c r="H166859" s="12"/>
    </row>
    <row r="166860" spans="8:8">
      <c r="H166860" s="12"/>
    </row>
    <row r="166861" spans="8:8">
      <c r="H166861" s="12"/>
    </row>
    <row r="166862" spans="8:8">
      <c r="H166862" s="12"/>
    </row>
    <row r="166863" spans="8:8">
      <c r="H166863" s="12"/>
    </row>
    <row r="166864" spans="8:8">
      <c r="H166864" s="12"/>
    </row>
    <row r="166865" spans="8:8">
      <c r="H166865" s="12"/>
    </row>
    <row r="166866" spans="8:8">
      <c r="H166866" s="12"/>
    </row>
    <row r="166867" spans="8:8">
      <c r="H166867" s="12"/>
    </row>
    <row r="166868" spans="8:8">
      <c r="H166868" s="12"/>
    </row>
    <row r="166869" spans="8:8">
      <c r="H166869" s="12"/>
    </row>
    <row r="166870" spans="8:8">
      <c r="H166870" s="12"/>
    </row>
    <row r="166871" spans="8:8">
      <c r="H166871" s="12"/>
    </row>
    <row r="166872" spans="8:8">
      <c r="H166872" s="12"/>
    </row>
    <row r="166873" spans="8:8">
      <c r="H166873" s="12"/>
    </row>
    <row r="166874" spans="8:8">
      <c r="H166874" s="12"/>
    </row>
    <row r="166875" spans="8:8">
      <c r="H166875" s="12"/>
    </row>
    <row r="166876" spans="8:8">
      <c r="H166876" s="12"/>
    </row>
    <row r="166877" spans="8:8">
      <c r="H166877" s="12"/>
    </row>
    <row r="166878" spans="8:8">
      <c r="H166878" s="12"/>
    </row>
    <row r="166879" spans="8:8">
      <c r="H166879" s="12"/>
    </row>
    <row r="166880" spans="8:8">
      <c r="H166880" s="12"/>
    </row>
    <row r="166881" spans="8:8">
      <c r="H166881" s="12"/>
    </row>
    <row r="166882" spans="8:8">
      <c r="H166882" s="12"/>
    </row>
    <row r="166883" spans="8:8">
      <c r="H166883" s="12"/>
    </row>
    <row r="166884" spans="8:8">
      <c r="H166884" s="12"/>
    </row>
    <row r="166885" spans="8:8">
      <c r="H166885" s="12"/>
    </row>
    <row r="166886" spans="8:8">
      <c r="H166886" s="12"/>
    </row>
    <row r="166887" spans="8:8">
      <c r="H166887" s="12"/>
    </row>
    <row r="166888" spans="8:8">
      <c r="H166888" s="12"/>
    </row>
    <row r="166889" spans="8:8">
      <c r="H166889" s="12"/>
    </row>
    <row r="166890" spans="8:8">
      <c r="H166890" s="12"/>
    </row>
    <row r="166891" spans="8:8">
      <c r="H166891" s="12"/>
    </row>
    <row r="166892" spans="8:8">
      <c r="H166892" s="12"/>
    </row>
    <row r="166893" spans="8:8">
      <c r="H166893" s="12"/>
    </row>
    <row r="166894" spans="8:8">
      <c r="H166894" s="12"/>
    </row>
    <row r="166895" spans="8:8">
      <c r="H166895" s="12"/>
    </row>
    <row r="166896" spans="8:8">
      <c r="H166896" s="12"/>
    </row>
    <row r="166897" spans="8:8">
      <c r="H166897" s="12"/>
    </row>
    <row r="166898" spans="8:8">
      <c r="H166898" s="12"/>
    </row>
    <row r="166899" spans="8:8">
      <c r="H166899" s="12"/>
    </row>
    <row r="166900" spans="8:8">
      <c r="H166900" s="12"/>
    </row>
    <row r="166901" spans="8:8">
      <c r="H166901" s="12"/>
    </row>
    <row r="166902" spans="8:8">
      <c r="H166902" s="12"/>
    </row>
    <row r="166903" spans="8:8">
      <c r="H166903" s="12"/>
    </row>
    <row r="166904" spans="8:8">
      <c r="H166904" s="12"/>
    </row>
    <row r="166905" spans="8:8">
      <c r="H166905" s="12"/>
    </row>
    <row r="166906" spans="8:8">
      <c r="H166906" s="12"/>
    </row>
    <row r="166907" spans="8:8">
      <c r="H166907" s="12"/>
    </row>
    <row r="166908" spans="8:8">
      <c r="H166908" s="12"/>
    </row>
    <row r="166909" spans="8:8">
      <c r="H166909" s="12"/>
    </row>
    <row r="166910" spans="8:8">
      <c r="H166910" s="12"/>
    </row>
    <row r="166911" spans="8:8">
      <c r="H166911" s="12"/>
    </row>
    <row r="166912" spans="8:8">
      <c r="H166912" s="12"/>
    </row>
    <row r="166913" spans="8:8">
      <c r="H166913" s="12"/>
    </row>
    <row r="166914" spans="8:8">
      <c r="H166914" s="12"/>
    </row>
    <row r="166915" spans="8:8">
      <c r="H166915" s="12"/>
    </row>
    <row r="166916" spans="8:8">
      <c r="H166916" s="12"/>
    </row>
    <row r="166917" spans="8:8">
      <c r="H166917" s="12"/>
    </row>
    <row r="166918" spans="8:8">
      <c r="H166918" s="12"/>
    </row>
    <row r="166919" spans="8:8">
      <c r="H166919" s="12"/>
    </row>
    <row r="166920" spans="8:8">
      <c r="H166920" s="12"/>
    </row>
    <row r="166921" spans="8:8">
      <c r="H166921" s="12"/>
    </row>
    <row r="166922" spans="8:8">
      <c r="H166922" s="12"/>
    </row>
    <row r="166923" spans="8:8">
      <c r="H166923" s="12"/>
    </row>
    <row r="166924" spans="8:8">
      <c r="H166924" s="12"/>
    </row>
    <row r="166925" spans="8:8">
      <c r="H166925" s="12"/>
    </row>
    <row r="166926" spans="8:8">
      <c r="H166926" s="12"/>
    </row>
    <row r="166927" spans="8:8">
      <c r="H166927" s="12"/>
    </row>
    <row r="166928" spans="8:8">
      <c r="H166928" s="12"/>
    </row>
    <row r="166929" spans="8:8">
      <c r="H166929" s="12"/>
    </row>
    <row r="166930" spans="8:8">
      <c r="H166930" s="12"/>
    </row>
    <row r="166931" spans="8:8">
      <c r="H166931" s="12"/>
    </row>
    <row r="166932" spans="8:8">
      <c r="H166932" s="12"/>
    </row>
    <row r="166933" spans="8:8">
      <c r="H166933" s="12"/>
    </row>
    <row r="166934" spans="8:8">
      <c r="H166934" s="12"/>
    </row>
    <row r="166935" spans="8:8">
      <c r="H166935" s="12"/>
    </row>
    <row r="166936" spans="8:8">
      <c r="H166936" s="12"/>
    </row>
    <row r="166937" spans="8:8">
      <c r="H166937" s="12"/>
    </row>
    <row r="166938" spans="8:8">
      <c r="H166938" s="12"/>
    </row>
    <row r="166939" spans="8:8">
      <c r="H166939" s="12"/>
    </row>
    <row r="166940" spans="8:8">
      <c r="H166940" s="12"/>
    </row>
    <row r="166941" spans="8:8">
      <c r="H166941" s="12"/>
    </row>
    <row r="166942" spans="8:8">
      <c r="H166942" s="12"/>
    </row>
    <row r="166943" spans="8:8">
      <c r="H166943" s="12"/>
    </row>
    <row r="166944" spans="8:8">
      <c r="H166944" s="12"/>
    </row>
    <row r="166945" spans="8:8">
      <c r="H166945" s="12"/>
    </row>
    <row r="166946" spans="8:8">
      <c r="H166946" s="12"/>
    </row>
    <row r="166947" spans="8:8">
      <c r="H166947" s="12"/>
    </row>
    <row r="166948" spans="8:8">
      <c r="H166948" s="12"/>
    </row>
    <row r="166949" spans="8:8">
      <c r="H166949" s="12"/>
    </row>
    <row r="166950" spans="8:8">
      <c r="H166950" s="12"/>
    </row>
    <row r="166951" spans="8:8">
      <c r="H166951" s="12"/>
    </row>
    <row r="166952" spans="8:8">
      <c r="H166952" s="12"/>
    </row>
    <row r="166953" spans="8:8">
      <c r="H166953" s="12"/>
    </row>
    <row r="166954" spans="8:8">
      <c r="H166954" s="12"/>
    </row>
    <row r="166955" spans="8:8">
      <c r="H166955" s="12"/>
    </row>
    <row r="166956" spans="8:8">
      <c r="H166956" s="12"/>
    </row>
    <row r="166957" spans="8:8">
      <c r="H166957" s="12"/>
    </row>
    <row r="166958" spans="8:8">
      <c r="H166958" s="12"/>
    </row>
    <row r="166959" spans="8:8">
      <c r="H166959" s="12"/>
    </row>
    <row r="166960" spans="8:8">
      <c r="H166960" s="12"/>
    </row>
    <row r="166961" spans="8:8">
      <c r="H166961" s="12"/>
    </row>
    <row r="166962" spans="8:8">
      <c r="H166962" s="12"/>
    </row>
    <row r="166963" spans="8:8">
      <c r="H166963" s="12"/>
    </row>
    <row r="166964" spans="8:8">
      <c r="H166964" s="12"/>
    </row>
    <row r="166965" spans="8:8">
      <c r="H166965" s="12"/>
    </row>
    <row r="166966" spans="8:8">
      <c r="H166966" s="12"/>
    </row>
    <row r="166967" spans="8:8">
      <c r="H166967" s="12"/>
    </row>
    <row r="166968" spans="8:8">
      <c r="H166968" s="12"/>
    </row>
    <row r="166969" spans="8:8">
      <c r="H166969" s="12"/>
    </row>
    <row r="166970" spans="8:8">
      <c r="H166970" s="12"/>
    </row>
    <row r="166971" spans="8:8">
      <c r="H166971" s="12"/>
    </row>
    <row r="166972" spans="8:8">
      <c r="H166972" s="12"/>
    </row>
    <row r="166973" spans="8:8">
      <c r="H166973" s="12"/>
    </row>
    <row r="166974" spans="8:8">
      <c r="H166974" s="12"/>
    </row>
    <row r="166975" spans="8:8">
      <c r="H166975" s="12"/>
    </row>
    <row r="166976" spans="8:8">
      <c r="H166976" s="12"/>
    </row>
    <row r="166977" spans="8:8">
      <c r="H166977" s="12"/>
    </row>
    <row r="166978" spans="8:8">
      <c r="H166978" s="12"/>
    </row>
    <row r="166979" spans="8:8">
      <c r="H166979" s="12"/>
    </row>
    <row r="166980" spans="8:8">
      <c r="H166980" s="12"/>
    </row>
    <row r="166981" spans="8:8">
      <c r="H166981" s="12"/>
    </row>
    <row r="166982" spans="8:8">
      <c r="H166982" s="12"/>
    </row>
    <row r="166983" spans="8:8">
      <c r="H166983" s="12"/>
    </row>
    <row r="166984" spans="8:8">
      <c r="H166984" s="12"/>
    </row>
    <row r="166985" spans="8:8">
      <c r="H166985" s="12"/>
    </row>
    <row r="166986" spans="8:8">
      <c r="H166986" s="12"/>
    </row>
    <row r="166987" spans="8:8">
      <c r="H166987" s="12"/>
    </row>
    <row r="166988" spans="8:8">
      <c r="H166988" s="12"/>
    </row>
    <row r="166989" spans="8:8">
      <c r="H166989" s="12"/>
    </row>
    <row r="166990" spans="8:8">
      <c r="H166990" s="12"/>
    </row>
    <row r="166991" spans="8:8">
      <c r="H166991" s="12"/>
    </row>
    <row r="166992" spans="8:8">
      <c r="H166992" s="12"/>
    </row>
    <row r="166993" spans="8:8">
      <c r="H166993" s="12"/>
    </row>
    <row r="166994" spans="8:8">
      <c r="H166994" s="12"/>
    </row>
    <row r="166995" spans="8:8">
      <c r="H166995" s="12"/>
    </row>
    <row r="166996" spans="8:8">
      <c r="H166996" s="12"/>
    </row>
    <row r="166997" spans="8:8">
      <c r="H166997" s="12"/>
    </row>
    <row r="166998" spans="8:8">
      <c r="H166998" s="12"/>
    </row>
    <row r="166999" spans="8:8">
      <c r="H166999" s="12"/>
    </row>
    <row r="167000" spans="8:8">
      <c r="H167000" s="12"/>
    </row>
    <row r="167001" spans="8:8">
      <c r="H167001" s="12"/>
    </row>
    <row r="167002" spans="8:8">
      <c r="H167002" s="12"/>
    </row>
    <row r="167003" spans="8:8">
      <c r="H167003" s="12"/>
    </row>
    <row r="167004" spans="8:8">
      <c r="H167004" s="12"/>
    </row>
    <row r="167005" spans="8:8">
      <c r="H167005" s="12"/>
    </row>
    <row r="167006" spans="8:8">
      <c r="H167006" s="12"/>
    </row>
    <row r="167007" spans="8:8">
      <c r="H167007" s="12"/>
    </row>
    <row r="167008" spans="8:8">
      <c r="H167008" s="12"/>
    </row>
    <row r="167009" spans="8:8">
      <c r="H167009" s="12"/>
    </row>
    <row r="167010" spans="8:8">
      <c r="H167010" s="12"/>
    </row>
    <row r="167011" spans="8:8">
      <c r="H167011" s="12"/>
    </row>
    <row r="167012" spans="8:8">
      <c r="H167012" s="12"/>
    </row>
    <row r="167013" spans="8:8">
      <c r="H167013" s="12"/>
    </row>
    <row r="167014" spans="8:8">
      <c r="H167014" s="12"/>
    </row>
    <row r="167015" spans="8:8">
      <c r="H167015" s="12"/>
    </row>
    <row r="167016" spans="8:8">
      <c r="H167016" s="12"/>
    </row>
    <row r="167017" spans="8:8">
      <c r="H167017" s="12"/>
    </row>
    <row r="167018" spans="8:8">
      <c r="H167018" s="12"/>
    </row>
    <row r="167019" spans="8:8">
      <c r="H167019" s="12"/>
    </row>
    <row r="167020" spans="8:8">
      <c r="H167020" s="12"/>
    </row>
    <row r="167021" spans="8:8">
      <c r="H167021" s="12"/>
    </row>
    <row r="167022" spans="8:8">
      <c r="H167022" s="12"/>
    </row>
    <row r="167023" spans="8:8">
      <c r="H167023" s="12"/>
    </row>
    <row r="167024" spans="8:8">
      <c r="H167024" s="12"/>
    </row>
    <row r="167025" spans="8:8">
      <c r="H167025" s="12"/>
    </row>
    <row r="167026" spans="8:8">
      <c r="H167026" s="12"/>
    </row>
    <row r="167027" spans="8:8">
      <c r="H167027" s="12"/>
    </row>
    <row r="167028" spans="8:8">
      <c r="H167028" s="12"/>
    </row>
    <row r="167029" spans="8:8">
      <c r="H167029" s="12"/>
    </row>
    <row r="167030" spans="8:8">
      <c r="H167030" s="12"/>
    </row>
    <row r="167031" spans="8:8">
      <c r="H167031" s="12"/>
    </row>
    <row r="167032" spans="8:8">
      <c r="H167032" s="12"/>
    </row>
    <row r="167033" spans="8:8">
      <c r="H167033" s="12"/>
    </row>
    <row r="167034" spans="8:8">
      <c r="H167034" s="12"/>
    </row>
    <row r="167035" spans="8:8">
      <c r="H167035" s="12"/>
    </row>
    <row r="167036" spans="8:8">
      <c r="H167036" s="12"/>
    </row>
    <row r="167037" spans="8:8">
      <c r="H167037" s="12"/>
    </row>
    <row r="167038" spans="8:8">
      <c r="H167038" s="12"/>
    </row>
    <row r="167039" spans="8:8">
      <c r="H167039" s="12"/>
    </row>
    <row r="167040" spans="8:8">
      <c r="H167040" s="12"/>
    </row>
    <row r="167041" spans="8:8">
      <c r="H167041" s="12"/>
    </row>
    <row r="167042" spans="8:8">
      <c r="H167042" s="12"/>
    </row>
    <row r="167043" spans="8:8">
      <c r="H167043" s="12"/>
    </row>
    <row r="167044" spans="8:8">
      <c r="H167044" s="12"/>
    </row>
    <row r="167045" spans="8:8">
      <c r="H167045" s="12"/>
    </row>
    <row r="167046" spans="8:8">
      <c r="H167046" s="12"/>
    </row>
    <row r="167047" spans="8:8">
      <c r="H167047" s="12"/>
    </row>
    <row r="167048" spans="8:8">
      <c r="H167048" s="12"/>
    </row>
    <row r="167049" spans="8:8">
      <c r="H167049" s="12"/>
    </row>
    <row r="167050" spans="8:8">
      <c r="H167050" s="12"/>
    </row>
    <row r="167051" spans="8:8">
      <c r="H167051" s="12"/>
    </row>
    <row r="167052" spans="8:8">
      <c r="H167052" s="12"/>
    </row>
    <row r="167053" spans="8:8">
      <c r="H167053" s="12"/>
    </row>
    <row r="167054" spans="8:8">
      <c r="H167054" s="12"/>
    </row>
    <row r="167055" spans="8:8">
      <c r="H167055" s="12"/>
    </row>
    <row r="167056" spans="8:8">
      <c r="H167056" s="12"/>
    </row>
    <row r="167057" spans="8:8">
      <c r="H167057" s="12"/>
    </row>
    <row r="167058" spans="8:8">
      <c r="H167058" s="12"/>
    </row>
    <row r="167059" spans="8:8">
      <c r="H167059" s="12"/>
    </row>
    <row r="167060" spans="8:8">
      <c r="H167060" s="12"/>
    </row>
    <row r="167061" spans="8:8">
      <c r="H167061" s="12"/>
    </row>
    <row r="167062" spans="8:8">
      <c r="H167062" s="12"/>
    </row>
    <row r="167063" spans="8:8">
      <c r="H167063" s="12"/>
    </row>
    <row r="167064" spans="8:8">
      <c r="H167064" s="12"/>
    </row>
    <row r="167065" spans="8:8">
      <c r="H167065" s="12"/>
    </row>
    <row r="167066" spans="8:8">
      <c r="H167066" s="12"/>
    </row>
    <row r="167067" spans="8:8">
      <c r="H167067" s="12"/>
    </row>
    <row r="167068" spans="8:8">
      <c r="H167068" s="12"/>
    </row>
    <row r="167069" spans="8:8">
      <c r="H167069" s="12"/>
    </row>
    <row r="167070" spans="8:8">
      <c r="H167070" s="12"/>
    </row>
    <row r="167071" spans="8:8">
      <c r="H167071" s="12"/>
    </row>
    <row r="167072" spans="8:8">
      <c r="H167072" s="12"/>
    </row>
    <row r="167073" spans="8:8">
      <c r="H167073" s="12"/>
    </row>
    <row r="167074" spans="8:8">
      <c r="H167074" s="12"/>
    </row>
    <row r="167075" spans="8:8">
      <c r="H167075" s="12"/>
    </row>
    <row r="167076" spans="8:8">
      <c r="H167076" s="12"/>
    </row>
    <row r="167077" spans="8:8">
      <c r="H167077" s="12"/>
    </row>
    <row r="167078" spans="8:8">
      <c r="H167078" s="12"/>
    </row>
    <row r="167079" spans="8:8">
      <c r="H167079" s="12"/>
    </row>
    <row r="167080" spans="8:8">
      <c r="H167080" s="12"/>
    </row>
    <row r="167081" spans="8:8">
      <c r="H167081" s="12"/>
    </row>
    <row r="167082" spans="8:8">
      <c r="H167082" s="12"/>
    </row>
    <row r="167083" spans="8:8">
      <c r="H167083" s="12"/>
    </row>
    <row r="167084" spans="8:8">
      <c r="H167084" s="12"/>
    </row>
    <row r="167085" spans="8:8">
      <c r="H167085" s="12"/>
    </row>
    <row r="167086" spans="8:8">
      <c r="H167086" s="12"/>
    </row>
    <row r="167087" spans="8:8">
      <c r="H167087" s="12"/>
    </row>
    <row r="167088" spans="8:8">
      <c r="H167088" s="12"/>
    </row>
    <row r="167089" spans="8:8">
      <c r="H167089" s="12"/>
    </row>
    <row r="167090" spans="8:8">
      <c r="H167090" s="12"/>
    </row>
    <row r="167091" spans="8:8">
      <c r="H167091" s="12"/>
    </row>
    <row r="167092" spans="8:8">
      <c r="H167092" s="12"/>
    </row>
    <row r="167093" spans="8:8">
      <c r="H167093" s="12"/>
    </row>
    <row r="167094" spans="8:8">
      <c r="H167094" s="12"/>
    </row>
    <row r="167095" spans="8:8">
      <c r="H167095" s="12"/>
    </row>
    <row r="167096" spans="8:8">
      <c r="H167096" s="12"/>
    </row>
    <row r="167097" spans="8:8">
      <c r="H167097" s="12"/>
    </row>
    <row r="167098" spans="8:8">
      <c r="H167098" s="12"/>
    </row>
    <row r="167099" spans="8:8">
      <c r="H167099" s="12"/>
    </row>
    <row r="167100" spans="8:8">
      <c r="H167100" s="12"/>
    </row>
    <row r="167101" spans="8:8">
      <c r="H167101" s="12"/>
    </row>
    <row r="167102" spans="8:8">
      <c r="H167102" s="12"/>
    </row>
    <row r="167103" spans="8:8">
      <c r="H167103" s="12"/>
    </row>
    <row r="167104" spans="8:8">
      <c r="H167104" s="12"/>
    </row>
    <row r="167105" spans="8:8">
      <c r="H167105" s="12"/>
    </row>
    <row r="167106" spans="8:8">
      <c r="H167106" s="12"/>
    </row>
    <row r="167107" spans="8:8">
      <c r="H167107" s="12"/>
    </row>
    <row r="167108" spans="8:8">
      <c r="H167108" s="12"/>
    </row>
    <row r="167109" spans="8:8">
      <c r="H167109" s="12"/>
    </row>
    <row r="167110" spans="8:8">
      <c r="H167110" s="12"/>
    </row>
    <row r="167111" spans="8:8">
      <c r="H167111" s="12"/>
    </row>
    <row r="167112" spans="8:8">
      <c r="H167112" s="12"/>
    </row>
    <row r="167113" spans="8:8">
      <c r="H167113" s="12"/>
    </row>
    <row r="167114" spans="8:8">
      <c r="H167114" s="12"/>
    </row>
    <row r="167115" spans="8:8">
      <c r="H167115" s="12"/>
    </row>
    <row r="167116" spans="8:8">
      <c r="H167116" s="12"/>
    </row>
    <row r="167117" spans="8:8">
      <c r="H167117" s="12"/>
    </row>
    <row r="167118" spans="8:8">
      <c r="H167118" s="12"/>
    </row>
    <row r="167119" spans="8:8">
      <c r="H167119" s="12"/>
    </row>
    <row r="167120" spans="8:8">
      <c r="H167120" s="12"/>
    </row>
    <row r="167121" spans="8:8">
      <c r="H167121" s="12"/>
    </row>
    <row r="167122" spans="8:8">
      <c r="H167122" s="12"/>
    </row>
    <row r="167123" spans="8:8">
      <c r="H167123" s="12"/>
    </row>
    <row r="167124" spans="8:8">
      <c r="H167124" s="12"/>
    </row>
    <row r="167125" spans="8:8">
      <c r="H167125" s="12"/>
    </row>
    <row r="167126" spans="8:8">
      <c r="H167126" s="12"/>
    </row>
    <row r="167127" spans="8:8">
      <c r="H167127" s="12"/>
    </row>
    <row r="167128" spans="8:8">
      <c r="H167128" s="12"/>
    </row>
    <row r="167129" spans="8:8">
      <c r="H167129" s="12"/>
    </row>
    <row r="167130" spans="8:8">
      <c r="H167130" s="12"/>
    </row>
    <row r="167131" spans="8:8">
      <c r="H167131" s="12"/>
    </row>
    <row r="167132" spans="8:8">
      <c r="H167132" s="12"/>
    </row>
    <row r="167133" spans="8:8">
      <c r="H167133" s="12"/>
    </row>
    <row r="167134" spans="8:8">
      <c r="H167134" s="12"/>
    </row>
    <row r="167135" spans="8:8">
      <c r="H167135" s="12"/>
    </row>
    <row r="167136" spans="8:8">
      <c r="H167136" s="12"/>
    </row>
    <row r="167137" spans="8:8">
      <c r="H167137" s="12"/>
    </row>
    <row r="167138" spans="8:8">
      <c r="H167138" s="12"/>
    </row>
    <row r="167139" spans="8:8">
      <c r="H167139" s="12"/>
    </row>
    <row r="167140" spans="8:8">
      <c r="H167140" s="12"/>
    </row>
    <row r="167141" spans="8:8">
      <c r="H167141" s="12"/>
    </row>
    <row r="167142" spans="8:8">
      <c r="H167142" s="12"/>
    </row>
    <row r="167143" spans="8:8">
      <c r="H167143" s="12"/>
    </row>
    <row r="167144" spans="8:8">
      <c r="H167144" s="12"/>
    </row>
    <row r="167145" spans="8:8">
      <c r="H167145" s="12"/>
    </row>
    <row r="167146" spans="8:8">
      <c r="H167146" s="12"/>
    </row>
    <row r="167147" spans="8:8">
      <c r="H167147" s="12"/>
    </row>
    <row r="167148" spans="8:8">
      <c r="H167148" s="12"/>
    </row>
    <row r="167149" spans="8:8">
      <c r="H167149" s="12"/>
    </row>
    <row r="167150" spans="8:8">
      <c r="H167150" s="12"/>
    </row>
    <row r="167151" spans="8:8">
      <c r="H167151" s="12"/>
    </row>
    <row r="167152" spans="8:8">
      <c r="H167152" s="12"/>
    </row>
    <row r="167153" spans="8:8">
      <c r="H167153" s="12"/>
    </row>
    <row r="167154" spans="8:8">
      <c r="H167154" s="12"/>
    </row>
    <row r="167155" spans="8:8">
      <c r="H167155" s="12"/>
    </row>
    <row r="167156" spans="8:8">
      <c r="H167156" s="12"/>
    </row>
    <row r="167157" spans="8:8">
      <c r="H167157" s="12"/>
    </row>
    <row r="167158" spans="8:8">
      <c r="H167158" s="12"/>
    </row>
    <row r="167159" spans="8:8">
      <c r="H167159" s="12"/>
    </row>
    <row r="167160" spans="8:8">
      <c r="H167160" s="12"/>
    </row>
    <row r="167161" spans="8:8">
      <c r="H167161" s="12"/>
    </row>
    <row r="167162" spans="8:8">
      <c r="H167162" s="12"/>
    </row>
    <row r="167163" spans="8:8">
      <c r="H167163" s="12"/>
    </row>
    <row r="167164" spans="8:8">
      <c r="H167164" s="12"/>
    </row>
    <row r="167165" spans="8:8">
      <c r="H167165" s="12"/>
    </row>
    <row r="167166" spans="8:8">
      <c r="H167166" s="12"/>
    </row>
    <row r="167167" spans="8:8">
      <c r="H167167" s="12"/>
    </row>
    <row r="167168" spans="8:8">
      <c r="H167168" s="12"/>
    </row>
    <row r="167169" spans="8:8">
      <c r="H167169" s="12"/>
    </row>
    <row r="167170" spans="8:8">
      <c r="H167170" s="12"/>
    </row>
    <row r="167171" spans="8:8">
      <c r="H167171" s="12"/>
    </row>
    <row r="167172" spans="8:8">
      <c r="H167172" s="12"/>
    </row>
    <row r="167173" spans="8:8">
      <c r="H167173" s="12"/>
    </row>
    <row r="167174" spans="8:8">
      <c r="H167174" s="12"/>
    </row>
    <row r="167175" spans="8:8">
      <c r="H167175" s="12"/>
    </row>
    <row r="167176" spans="8:8">
      <c r="H167176" s="12"/>
    </row>
    <row r="167177" spans="8:8">
      <c r="H167177" s="12"/>
    </row>
    <row r="167178" spans="8:8">
      <c r="H167178" s="12"/>
    </row>
    <row r="167179" spans="8:8">
      <c r="H167179" s="12"/>
    </row>
    <row r="167180" spans="8:8">
      <c r="H167180" s="12"/>
    </row>
    <row r="167181" spans="8:8">
      <c r="H167181" s="12"/>
    </row>
    <row r="167182" spans="8:8">
      <c r="H167182" s="12"/>
    </row>
    <row r="167183" spans="8:8">
      <c r="H167183" s="12"/>
    </row>
    <row r="167184" spans="8:8">
      <c r="H167184" s="12"/>
    </row>
    <row r="167185" spans="8:8">
      <c r="H167185" s="12"/>
    </row>
    <row r="167186" spans="8:8">
      <c r="H167186" s="12"/>
    </row>
    <row r="167187" spans="8:8">
      <c r="H167187" s="12"/>
    </row>
    <row r="167188" spans="8:8">
      <c r="H167188" s="12"/>
    </row>
    <row r="167189" spans="8:8">
      <c r="H167189" s="12"/>
    </row>
    <row r="167190" spans="8:8">
      <c r="H167190" s="12"/>
    </row>
    <row r="167191" spans="8:8">
      <c r="H167191" s="12"/>
    </row>
    <row r="167192" spans="8:8">
      <c r="H167192" s="12"/>
    </row>
    <row r="167193" spans="8:8">
      <c r="H167193" s="12"/>
    </row>
    <row r="167194" spans="8:8">
      <c r="H167194" s="12"/>
    </row>
    <row r="167195" spans="8:8">
      <c r="H167195" s="12"/>
    </row>
    <row r="167196" spans="8:8">
      <c r="H167196" s="12"/>
    </row>
    <row r="167197" spans="8:8">
      <c r="H167197" s="12"/>
    </row>
    <row r="167198" spans="8:8">
      <c r="H167198" s="12"/>
    </row>
    <row r="167199" spans="8:8">
      <c r="H167199" s="12"/>
    </row>
    <row r="167200" spans="8:8">
      <c r="H167200" s="12"/>
    </row>
    <row r="167201" spans="8:8">
      <c r="H167201" s="12"/>
    </row>
    <row r="167202" spans="8:8">
      <c r="H167202" s="12"/>
    </row>
    <row r="167203" spans="8:8">
      <c r="H167203" s="12"/>
    </row>
    <row r="167204" spans="8:8">
      <c r="H167204" s="12"/>
    </row>
    <row r="167205" spans="8:8">
      <c r="H167205" s="12"/>
    </row>
    <row r="167206" spans="8:8">
      <c r="H167206" s="12"/>
    </row>
    <row r="167207" spans="8:8">
      <c r="H167207" s="12"/>
    </row>
    <row r="167208" spans="8:8">
      <c r="H167208" s="12"/>
    </row>
    <row r="167209" spans="8:8">
      <c r="H167209" s="12"/>
    </row>
    <row r="167210" spans="8:8">
      <c r="H167210" s="12"/>
    </row>
    <row r="167211" spans="8:8">
      <c r="H167211" s="12"/>
    </row>
    <row r="167212" spans="8:8">
      <c r="H167212" s="12"/>
    </row>
    <row r="167213" spans="8:8">
      <c r="H167213" s="12"/>
    </row>
    <row r="167214" spans="8:8">
      <c r="H167214" s="12"/>
    </row>
    <row r="167215" spans="8:8">
      <c r="H167215" s="12"/>
    </row>
    <row r="167216" spans="8:8">
      <c r="H167216" s="12"/>
    </row>
    <row r="167217" spans="8:8">
      <c r="H167217" s="12"/>
    </row>
    <row r="167218" spans="8:8">
      <c r="H167218" s="12"/>
    </row>
    <row r="167219" spans="8:8">
      <c r="H167219" s="12"/>
    </row>
    <row r="167220" spans="8:8">
      <c r="H167220" s="12"/>
    </row>
    <row r="167221" spans="8:8">
      <c r="H167221" s="12"/>
    </row>
    <row r="167222" spans="8:8">
      <c r="H167222" s="12"/>
    </row>
    <row r="167223" spans="8:8">
      <c r="H167223" s="12"/>
    </row>
    <row r="167224" spans="8:8">
      <c r="H167224" s="12"/>
    </row>
    <row r="167225" spans="8:8">
      <c r="H167225" s="12"/>
    </row>
    <row r="167226" spans="8:8">
      <c r="H167226" s="12"/>
    </row>
    <row r="167227" spans="8:8">
      <c r="H167227" s="12"/>
    </row>
    <row r="167228" spans="8:8">
      <c r="H167228" s="12"/>
    </row>
    <row r="167229" spans="8:8">
      <c r="H167229" s="12"/>
    </row>
    <row r="167230" spans="8:8">
      <c r="H167230" s="12"/>
    </row>
    <row r="167231" spans="8:8">
      <c r="H167231" s="12"/>
    </row>
    <row r="167232" spans="8:8">
      <c r="H167232" s="12"/>
    </row>
    <row r="167233" spans="8:8">
      <c r="H167233" s="12"/>
    </row>
    <row r="167234" spans="8:8">
      <c r="H167234" s="12"/>
    </row>
    <row r="167235" spans="8:8">
      <c r="H167235" s="12"/>
    </row>
    <row r="167236" spans="8:8">
      <c r="H167236" s="12"/>
    </row>
    <row r="167237" spans="8:8">
      <c r="H167237" s="12"/>
    </row>
    <row r="167238" spans="8:8">
      <c r="H167238" s="12"/>
    </row>
    <row r="167239" spans="8:8">
      <c r="H167239" s="12"/>
    </row>
    <row r="167240" spans="8:8">
      <c r="H167240" s="12"/>
    </row>
    <row r="167241" spans="8:8">
      <c r="H167241" s="12"/>
    </row>
    <row r="167242" spans="8:8">
      <c r="H167242" s="12"/>
    </row>
    <row r="167243" spans="8:8">
      <c r="H167243" s="12"/>
    </row>
    <row r="167244" spans="8:8">
      <c r="H167244" s="12"/>
    </row>
    <row r="167245" spans="8:8">
      <c r="H167245" s="12"/>
    </row>
    <row r="167246" spans="8:8">
      <c r="H167246" s="12"/>
    </row>
    <row r="167247" spans="8:8">
      <c r="H167247" s="12"/>
    </row>
    <row r="167248" spans="8:8">
      <c r="H167248" s="12"/>
    </row>
    <row r="167249" spans="8:8">
      <c r="H167249" s="12"/>
    </row>
    <row r="167250" spans="8:8">
      <c r="H167250" s="12"/>
    </row>
    <row r="167251" spans="8:8">
      <c r="H167251" s="12"/>
    </row>
    <row r="167252" spans="8:8">
      <c r="H167252" s="12"/>
    </row>
    <row r="167253" spans="8:8">
      <c r="H167253" s="12"/>
    </row>
    <row r="167254" spans="8:8">
      <c r="H167254" s="12"/>
    </row>
    <row r="167255" spans="8:8">
      <c r="H167255" s="12"/>
    </row>
    <row r="167256" spans="8:8">
      <c r="H167256" s="12"/>
    </row>
    <row r="167257" spans="8:8">
      <c r="H167257" s="12"/>
    </row>
    <row r="167258" spans="8:8">
      <c r="H167258" s="12"/>
    </row>
    <row r="167259" spans="8:8">
      <c r="H167259" s="12"/>
    </row>
    <row r="167260" spans="8:8">
      <c r="H167260" s="12"/>
    </row>
    <row r="167261" spans="8:8">
      <c r="H167261" s="12"/>
    </row>
    <row r="167262" spans="8:8">
      <c r="H167262" s="12"/>
    </row>
    <row r="167263" spans="8:8">
      <c r="H167263" s="12"/>
    </row>
    <row r="167264" spans="8:8">
      <c r="H167264" s="12"/>
    </row>
    <row r="167265" spans="8:8">
      <c r="H167265" s="12"/>
    </row>
    <row r="167266" spans="8:8">
      <c r="H167266" s="12"/>
    </row>
    <row r="167267" spans="8:8">
      <c r="H167267" s="12"/>
    </row>
    <row r="167268" spans="8:8">
      <c r="H167268" s="12"/>
    </row>
    <row r="167269" spans="8:8">
      <c r="H167269" s="12"/>
    </row>
    <row r="167270" spans="8:8">
      <c r="H167270" s="12"/>
    </row>
    <row r="167271" spans="8:8">
      <c r="H167271" s="12"/>
    </row>
    <row r="167272" spans="8:8">
      <c r="H167272" s="12"/>
    </row>
    <row r="167273" spans="8:8">
      <c r="H167273" s="12"/>
    </row>
    <row r="167274" spans="8:8">
      <c r="H167274" s="12"/>
    </row>
    <row r="167275" spans="8:8">
      <c r="H167275" s="12"/>
    </row>
    <row r="167276" spans="8:8">
      <c r="H167276" s="12"/>
    </row>
    <row r="167277" spans="8:8">
      <c r="H167277" s="12"/>
    </row>
    <row r="167278" spans="8:8">
      <c r="H167278" s="12"/>
    </row>
    <row r="167279" spans="8:8">
      <c r="H167279" s="12"/>
    </row>
    <row r="167280" spans="8:8">
      <c r="H167280" s="12"/>
    </row>
    <row r="167281" spans="8:8">
      <c r="H167281" s="12"/>
    </row>
    <row r="167282" spans="8:8">
      <c r="H167282" s="12"/>
    </row>
    <row r="167283" spans="8:8">
      <c r="H167283" s="12"/>
    </row>
    <row r="167284" spans="8:8">
      <c r="H167284" s="12"/>
    </row>
    <row r="167285" spans="8:8">
      <c r="H167285" s="12"/>
    </row>
    <row r="167286" spans="8:8">
      <c r="H167286" s="12"/>
    </row>
    <row r="167287" spans="8:8">
      <c r="H167287" s="12"/>
    </row>
    <row r="167288" spans="8:8">
      <c r="H167288" s="12"/>
    </row>
    <row r="167289" spans="8:8">
      <c r="H167289" s="12"/>
    </row>
    <row r="167290" spans="8:8">
      <c r="H167290" s="12"/>
    </row>
    <row r="167291" spans="8:8">
      <c r="H167291" s="12"/>
    </row>
    <row r="167292" spans="8:8">
      <c r="H167292" s="12"/>
    </row>
    <row r="167293" spans="8:8">
      <c r="H167293" s="12"/>
    </row>
    <row r="167294" spans="8:8">
      <c r="H167294" s="12"/>
    </row>
    <row r="167295" spans="8:8">
      <c r="H167295" s="12"/>
    </row>
    <row r="167296" spans="8:8">
      <c r="H167296" s="12"/>
    </row>
    <row r="167297" spans="8:8">
      <c r="H167297" s="12"/>
    </row>
    <row r="167298" spans="8:8">
      <c r="H167298" s="12"/>
    </row>
    <row r="167299" spans="8:8">
      <c r="H167299" s="12"/>
    </row>
    <row r="167300" spans="8:8">
      <c r="H167300" s="12"/>
    </row>
    <row r="167301" spans="8:8">
      <c r="H167301" s="12"/>
    </row>
    <row r="167302" spans="8:8">
      <c r="H167302" s="12"/>
    </row>
    <row r="167303" spans="8:8">
      <c r="H167303" s="12"/>
    </row>
    <row r="167304" spans="8:8">
      <c r="H167304" s="12"/>
    </row>
    <row r="167305" spans="8:8">
      <c r="H167305" s="12"/>
    </row>
    <row r="167306" spans="8:8">
      <c r="H167306" s="12"/>
    </row>
    <row r="167307" spans="8:8">
      <c r="H167307" s="12"/>
    </row>
    <row r="167308" spans="8:8">
      <c r="H167308" s="12"/>
    </row>
    <row r="167309" spans="8:8">
      <c r="H167309" s="12"/>
    </row>
    <row r="167310" spans="8:8">
      <c r="H167310" s="12"/>
    </row>
    <row r="167311" spans="8:8">
      <c r="H167311" s="12"/>
    </row>
    <row r="167312" spans="8:8">
      <c r="H167312" s="12"/>
    </row>
    <row r="167313" spans="8:8">
      <c r="H167313" s="12"/>
    </row>
    <row r="167314" spans="8:8">
      <c r="H167314" s="12"/>
    </row>
    <row r="167315" spans="8:8">
      <c r="H167315" s="12"/>
    </row>
    <row r="167316" spans="8:8">
      <c r="H167316" s="12"/>
    </row>
    <row r="167317" spans="8:8">
      <c r="H167317" s="12"/>
    </row>
    <row r="167318" spans="8:8">
      <c r="H167318" s="12"/>
    </row>
    <row r="167319" spans="8:8">
      <c r="H167319" s="12"/>
    </row>
    <row r="167320" spans="8:8">
      <c r="H167320" s="12"/>
    </row>
    <row r="167321" spans="8:8">
      <c r="H167321" s="12"/>
    </row>
    <row r="167322" spans="8:8">
      <c r="H167322" s="12"/>
    </row>
    <row r="167323" spans="8:8">
      <c r="H167323" s="12"/>
    </row>
    <row r="167324" spans="8:8">
      <c r="H167324" s="12"/>
    </row>
    <row r="167325" spans="8:8">
      <c r="H167325" s="12"/>
    </row>
    <row r="167326" spans="8:8">
      <c r="H167326" s="12"/>
    </row>
    <row r="167327" spans="8:8">
      <c r="H167327" s="12"/>
    </row>
    <row r="167328" spans="8:8">
      <c r="H167328" s="12"/>
    </row>
    <row r="167329" spans="8:8">
      <c r="H167329" s="12"/>
    </row>
    <row r="167330" spans="8:8">
      <c r="H167330" s="12"/>
    </row>
    <row r="167331" spans="8:8">
      <c r="H167331" s="12"/>
    </row>
    <row r="167332" spans="8:8">
      <c r="H167332" s="12"/>
    </row>
    <row r="167333" spans="8:8">
      <c r="H167333" s="12"/>
    </row>
    <row r="167334" spans="8:8">
      <c r="H167334" s="12"/>
    </row>
    <row r="167335" spans="8:8">
      <c r="H167335" s="12"/>
    </row>
    <row r="167336" spans="8:8">
      <c r="H167336" s="12"/>
    </row>
    <row r="167337" spans="8:8">
      <c r="H167337" s="12"/>
    </row>
    <row r="167338" spans="8:8">
      <c r="H167338" s="12"/>
    </row>
    <row r="167339" spans="8:8">
      <c r="H167339" s="12"/>
    </row>
    <row r="167340" spans="8:8">
      <c r="H167340" s="12"/>
    </row>
    <row r="167341" spans="8:8">
      <c r="H167341" s="12"/>
    </row>
    <row r="167342" spans="8:8">
      <c r="H167342" s="12"/>
    </row>
    <row r="167343" spans="8:8">
      <c r="H167343" s="12"/>
    </row>
    <row r="167344" spans="8:8">
      <c r="H167344" s="12"/>
    </row>
    <row r="167345" spans="8:8">
      <c r="H167345" s="12"/>
    </row>
    <row r="167346" spans="8:8">
      <c r="H167346" s="12"/>
    </row>
    <row r="167347" spans="8:8">
      <c r="H167347" s="12"/>
    </row>
    <row r="167348" spans="8:8">
      <c r="H167348" s="12"/>
    </row>
    <row r="167349" spans="8:8">
      <c r="H167349" s="12"/>
    </row>
    <row r="167350" spans="8:8">
      <c r="H167350" s="12"/>
    </row>
    <row r="167351" spans="8:8">
      <c r="H167351" s="12"/>
    </row>
    <row r="167352" spans="8:8">
      <c r="H167352" s="12"/>
    </row>
    <row r="167353" spans="8:8">
      <c r="H167353" s="12"/>
    </row>
    <row r="167354" spans="8:8">
      <c r="H167354" s="12"/>
    </row>
    <row r="167355" spans="8:8">
      <c r="H167355" s="12"/>
    </row>
    <row r="167356" spans="8:8">
      <c r="H167356" s="12"/>
    </row>
    <row r="167357" spans="8:8">
      <c r="H167357" s="12"/>
    </row>
    <row r="167358" spans="8:8">
      <c r="H167358" s="12"/>
    </row>
    <row r="167359" spans="8:8">
      <c r="H167359" s="12"/>
    </row>
    <row r="167360" spans="8:8">
      <c r="H167360" s="12"/>
    </row>
    <row r="167361" spans="8:8">
      <c r="H167361" s="12"/>
    </row>
    <row r="167362" spans="8:8">
      <c r="H167362" s="12"/>
    </row>
    <row r="167363" spans="8:8">
      <c r="H167363" s="12"/>
    </row>
    <row r="167364" spans="8:8">
      <c r="H167364" s="12"/>
    </row>
    <row r="167365" spans="8:8">
      <c r="H167365" s="12"/>
    </row>
    <row r="167366" spans="8:8">
      <c r="H167366" s="12"/>
    </row>
    <row r="167367" spans="8:8">
      <c r="H167367" s="12"/>
    </row>
    <row r="167368" spans="8:8">
      <c r="H167368" s="12"/>
    </row>
    <row r="167369" spans="8:8">
      <c r="H167369" s="12"/>
    </row>
    <row r="167370" spans="8:8">
      <c r="H167370" s="12"/>
    </row>
    <row r="167371" spans="8:8">
      <c r="H167371" s="12"/>
    </row>
    <row r="167372" spans="8:8">
      <c r="H167372" s="12"/>
    </row>
    <row r="167373" spans="8:8">
      <c r="H167373" s="12"/>
    </row>
    <row r="167374" spans="8:8">
      <c r="H167374" s="12"/>
    </row>
    <row r="167375" spans="8:8">
      <c r="H167375" s="12"/>
    </row>
    <row r="167376" spans="8:8">
      <c r="H167376" s="12"/>
    </row>
    <row r="167377" spans="8:8">
      <c r="H167377" s="12"/>
    </row>
    <row r="167378" spans="8:8">
      <c r="H167378" s="12"/>
    </row>
    <row r="167379" spans="8:8">
      <c r="H167379" s="12"/>
    </row>
    <row r="167380" spans="8:8">
      <c r="H167380" s="12"/>
    </row>
    <row r="167381" spans="8:8">
      <c r="H167381" s="12"/>
    </row>
    <row r="167382" spans="8:8">
      <c r="H167382" s="12"/>
    </row>
    <row r="167383" spans="8:8">
      <c r="H167383" s="12"/>
    </row>
    <row r="167384" spans="8:8">
      <c r="H167384" s="12"/>
    </row>
    <row r="167385" spans="8:8">
      <c r="H167385" s="12"/>
    </row>
    <row r="167386" spans="8:8">
      <c r="H167386" s="12"/>
    </row>
    <row r="167387" spans="8:8">
      <c r="H167387" s="12"/>
    </row>
    <row r="167388" spans="8:8">
      <c r="H167388" s="12"/>
    </row>
    <row r="167389" spans="8:8">
      <c r="H167389" s="12"/>
    </row>
    <row r="167390" spans="8:8">
      <c r="H167390" s="12"/>
    </row>
    <row r="167391" spans="8:8">
      <c r="H167391" s="12"/>
    </row>
    <row r="167392" spans="8:8">
      <c r="H167392" s="12"/>
    </row>
    <row r="167393" spans="8:8">
      <c r="H167393" s="12"/>
    </row>
    <row r="167394" spans="8:8">
      <c r="H167394" s="12"/>
    </row>
    <row r="167395" spans="8:8">
      <c r="H167395" s="12"/>
    </row>
    <row r="167396" spans="8:8">
      <c r="H167396" s="12"/>
    </row>
    <row r="167397" spans="8:8">
      <c r="H167397" s="12"/>
    </row>
    <row r="167398" spans="8:8">
      <c r="H167398" s="12"/>
    </row>
    <row r="167399" spans="8:8">
      <c r="H167399" s="12"/>
    </row>
    <row r="167400" spans="8:8">
      <c r="H167400" s="12"/>
    </row>
    <row r="167401" spans="8:8">
      <c r="H167401" s="12"/>
    </row>
    <row r="167402" spans="8:8">
      <c r="H167402" s="12"/>
    </row>
    <row r="167403" spans="8:8">
      <c r="H167403" s="12"/>
    </row>
    <row r="167404" spans="8:8">
      <c r="H167404" s="12"/>
    </row>
    <row r="167405" spans="8:8">
      <c r="H167405" s="12"/>
    </row>
    <row r="167406" spans="8:8">
      <c r="H167406" s="12"/>
    </row>
    <row r="167407" spans="8:8">
      <c r="H167407" s="12"/>
    </row>
    <row r="167408" spans="8:8">
      <c r="H167408" s="12"/>
    </row>
    <row r="167409" spans="8:8">
      <c r="H167409" s="12"/>
    </row>
    <row r="167410" spans="8:8">
      <c r="H167410" s="12"/>
    </row>
    <row r="167411" spans="8:8">
      <c r="H167411" s="12"/>
    </row>
    <row r="167412" spans="8:8">
      <c r="H167412" s="12"/>
    </row>
    <row r="167413" spans="8:8">
      <c r="H167413" s="12"/>
    </row>
    <row r="167414" spans="8:8">
      <c r="H167414" s="12"/>
    </row>
    <row r="167415" spans="8:8">
      <c r="H167415" s="12"/>
    </row>
    <row r="167416" spans="8:8">
      <c r="H167416" s="12"/>
    </row>
    <row r="167417" spans="8:8">
      <c r="H167417" s="12"/>
    </row>
    <row r="167418" spans="8:8">
      <c r="H167418" s="12"/>
    </row>
    <row r="167419" spans="8:8">
      <c r="H167419" s="12"/>
    </row>
    <row r="167420" spans="8:8">
      <c r="H167420" s="12"/>
    </row>
    <row r="167421" spans="8:8">
      <c r="H167421" s="12"/>
    </row>
    <row r="167422" spans="8:8">
      <c r="H167422" s="12"/>
    </row>
    <row r="167423" spans="8:8">
      <c r="H167423" s="12"/>
    </row>
    <row r="167424" spans="8:8">
      <c r="H167424" s="12"/>
    </row>
    <row r="167425" spans="8:8">
      <c r="H167425" s="12"/>
    </row>
    <row r="167426" spans="8:8">
      <c r="H167426" s="12"/>
    </row>
    <row r="167427" spans="8:8">
      <c r="H167427" s="12"/>
    </row>
    <row r="167428" spans="8:8">
      <c r="H167428" s="12"/>
    </row>
    <row r="167429" spans="8:8">
      <c r="H167429" s="12"/>
    </row>
    <row r="167430" spans="8:8">
      <c r="H167430" s="12"/>
    </row>
    <row r="167431" spans="8:8">
      <c r="H167431" s="12"/>
    </row>
    <row r="167432" spans="8:8">
      <c r="H167432" s="12"/>
    </row>
    <row r="167433" spans="8:8">
      <c r="H167433" s="12"/>
    </row>
    <row r="167434" spans="8:8">
      <c r="H167434" s="12"/>
    </row>
    <row r="167435" spans="8:8">
      <c r="H167435" s="12"/>
    </row>
    <row r="167436" spans="8:8">
      <c r="H167436" s="12"/>
    </row>
    <row r="167437" spans="8:8">
      <c r="H167437" s="12"/>
    </row>
    <row r="167438" spans="8:8">
      <c r="H167438" s="12"/>
    </row>
    <row r="167439" spans="8:8">
      <c r="H167439" s="12"/>
    </row>
    <row r="167440" spans="8:8">
      <c r="H167440" s="12"/>
    </row>
    <row r="167441" spans="8:8">
      <c r="H167441" s="12"/>
    </row>
    <row r="167442" spans="8:8">
      <c r="H167442" s="12"/>
    </row>
    <row r="167443" spans="8:8">
      <c r="H167443" s="12"/>
    </row>
    <row r="167444" spans="8:8">
      <c r="H167444" s="12"/>
    </row>
    <row r="167445" spans="8:8">
      <c r="H167445" s="12"/>
    </row>
    <row r="167446" spans="8:8">
      <c r="H167446" s="12"/>
    </row>
    <row r="167447" spans="8:8">
      <c r="H167447" s="12"/>
    </row>
    <row r="167448" spans="8:8">
      <c r="H167448" s="12"/>
    </row>
    <row r="167449" spans="8:8">
      <c r="H167449" s="12"/>
    </row>
    <row r="167450" spans="8:8">
      <c r="H167450" s="12"/>
    </row>
    <row r="167451" spans="8:8">
      <c r="H167451" s="12"/>
    </row>
    <row r="167452" spans="8:8">
      <c r="H167452" s="12"/>
    </row>
    <row r="167453" spans="8:8">
      <c r="H167453" s="12"/>
    </row>
    <row r="167454" spans="8:8">
      <c r="H167454" s="12"/>
    </row>
    <row r="167455" spans="8:8">
      <c r="H167455" s="12"/>
    </row>
    <row r="167456" spans="8:8">
      <c r="H167456" s="12"/>
    </row>
    <row r="167457" spans="8:8">
      <c r="H167457" s="12"/>
    </row>
    <row r="167458" spans="8:8">
      <c r="H167458" s="12"/>
    </row>
    <row r="167459" spans="8:8">
      <c r="H167459" s="12"/>
    </row>
    <row r="167460" spans="8:8">
      <c r="H167460" s="12"/>
    </row>
    <row r="167461" spans="8:8">
      <c r="H167461" s="12"/>
    </row>
    <row r="167462" spans="8:8">
      <c r="H167462" s="12"/>
    </row>
    <row r="167463" spans="8:8">
      <c r="H167463" s="12"/>
    </row>
    <row r="167464" spans="8:8">
      <c r="H167464" s="12"/>
    </row>
    <row r="167465" spans="8:8">
      <c r="H167465" s="12"/>
    </row>
    <row r="167466" spans="8:8">
      <c r="H167466" s="12"/>
    </row>
    <row r="167467" spans="8:8">
      <c r="H167467" s="12"/>
    </row>
    <row r="167468" spans="8:8">
      <c r="H167468" s="12"/>
    </row>
    <row r="167469" spans="8:8">
      <c r="H167469" s="12"/>
    </row>
    <row r="167470" spans="8:8">
      <c r="H167470" s="12"/>
    </row>
    <row r="167471" spans="8:8">
      <c r="H167471" s="12"/>
    </row>
    <row r="167472" spans="8:8">
      <c r="H167472" s="12"/>
    </row>
    <row r="167473" spans="8:8">
      <c r="H167473" s="12"/>
    </row>
    <row r="167474" spans="8:8">
      <c r="H167474" s="12"/>
    </row>
    <row r="167475" spans="8:8">
      <c r="H167475" s="12"/>
    </row>
    <row r="167476" spans="8:8">
      <c r="H167476" s="12"/>
    </row>
    <row r="167477" spans="8:8">
      <c r="H167477" s="12"/>
    </row>
    <row r="167478" spans="8:8">
      <c r="H167478" s="12"/>
    </row>
    <row r="167479" spans="8:8">
      <c r="H167479" s="12"/>
    </row>
    <row r="167480" spans="8:8">
      <c r="H167480" s="12"/>
    </row>
    <row r="167481" spans="8:8">
      <c r="H167481" s="12"/>
    </row>
    <row r="167482" spans="8:8">
      <c r="H167482" s="12"/>
    </row>
    <row r="167483" spans="8:8">
      <c r="H167483" s="12"/>
    </row>
    <row r="167484" spans="8:8">
      <c r="H167484" s="12"/>
    </row>
    <row r="167485" spans="8:8">
      <c r="H167485" s="12"/>
    </row>
    <row r="167486" spans="8:8">
      <c r="H167486" s="12"/>
    </row>
    <row r="167487" spans="8:8">
      <c r="H167487" s="12"/>
    </row>
    <row r="167488" spans="8:8">
      <c r="H167488" s="12"/>
    </row>
    <row r="167489" spans="8:8">
      <c r="H167489" s="12"/>
    </row>
    <row r="167490" spans="8:8">
      <c r="H167490" s="12"/>
    </row>
    <row r="167491" spans="8:8">
      <c r="H167491" s="12"/>
    </row>
    <row r="167492" spans="8:8">
      <c r="H167492" s="12"/>
    </row>
    <row r="167493" spans="8:8">
      <c r="H167493" s="12"/>
    </row>
    <row r="167494" spans="8:8">
      <c r="H167494" s="12"/>
    </row>
    <row r="167495" spans="8:8">
      <c r="H167495" s="12"/>
    </row>
    <row r="167496" spans="8:8">
      <c r="H167496" s="12"/>
    </row>
    <row r="167497" spans="8:8">
      <c r="H167497" s="12"/>
    </row>
    <row r="167498" spans="8:8">
      <c r="H167498" s="12"/>
    </row>
    <row r="167499" spans="8:8">
      <c r="H167499" s="12"/>
    </row>
    <row r="167500" spans="8:8">
      <c r="H167500" s="12"/>
    </row>
    <row r="167501" spans="8:8">
      <c r="H167501" s="12"/>
    </row>
    <row r="167502" spans="8:8">
      <c r="H167502" s="12"/>
    </row>
    <row r="167503" spans="8:8">
      <c r="H167503" s="12"/>
    </row>
    <row r="167504" spans="8:8">
      <c r="H167504" s="12"/>
    </row>
    <row r="167505" spans="8:8">
      <c r="H167505" s="12"/>
    </row>
    <row r="167506" spans="8:8">
      <c r="H167506" s="12"/>
    </row>
    <row r="167507" spans="8:8">
      <c r="H167507" s="12"/>
    </row>
    <row r="167508" spans="8:8">
      <c r="H167508" s="12"/>
    </row>
    <row r="167509" spans="8:8">
      <c r="H167509" s="12"/>
    </row>
    <row r="167510" spans="8:8">
      <c r="H167510" s="12"/>
    </row>
    <row r="167511" spans="8:8">
      <c r="H167511" s="12"/>
    </row>
    <row r="167512" spans="8:8">
      <c r="H167512" s="12"/>
    </row>
    <row r="167513" spans="8:8">
      <c r="H167513" s="12"/>
    </row>
    <row r="167514" spans="8:8">
      <c r="H167514" s="12"/>
    </row>
    <row r="167515" spans="8:8">
      <c r="H167515" s="12"/>
    </row>
    <row r="167516" spans="8:8">
      <c r="H167516" s="12"/>
    </row>
    <row r="167517" spans="8:8">
      <c r="H167517" s="12"/>
    </row>
    <row r="167518" spans="8:8">
      <c r="H167518" s="12"/>
    </row>
    <row r="167519" spans="8:8">
      <c r="H167519" s="12"/>
    </row>
    <row r="167520" spans="8:8">
      <c r="H167520" s="12"/>
    </row>
    <row r="167521" spans="8:8">
      <c r="H167521" s="12"/>
    </row>
    <row r="167522" spans="8:8">
      <c r="H167522" s="12"/>
    </row>
    <row r="167523" spans="8:8">
      <c r="H167523" s="12"/>
    </row>
    <row r="167524" spans="8:8">
      <c r="H167524" s="12"/>
    </row>
    <row r="167525" spans="8:8">
      <c r="H167525" s="12"/>
    </row>
    <row r="167526" spans="8:8">
      <c r="H167526" s="12"/>
    </row>
    <row r="167527" spans="8:8">
      <c r="H167527" s="12"/>
    </row>
    <row r="167528" spans="8:8">
      <c r="H167528" s="12"/>
    </row>
    <row r="167529" spans="8:8">
      <c r="H167529" s="12"/>
    </row>
    <row r="167530" spans="8:8">
      <c r="H167530" s="12"/>
    </row>
    <row r="167531" spans="8:8">
      <c r="H167531" s="12"/>
    </row>
    <row r="167532" spans="8:8">
      <c r="H167532" s="12"/>
    </row>
    <row r="167533" spans="8:8">
      <c r="H167533" s="12"/>
    </row>
    <row r="167534" spans="8:8">
      <c r="H167534" s="12"/>
    </row>
    <row r="167535" spans="8:8">
      <c r="H167535" s="12"/>
    </row>
    <row r="167536" spans="8:8">
      <c r="H167536" s="12"/>
    </row>
    <row r="167537" spans="8:8">
      <c r="H167537" s="12"/>
    </row>
    <row r="167538" spans="8:8">
      <c r="H167538" s="12"/>
    </row>
    <row r="167539" spans="8:8">
      <c r="H167539" s="12"/>
    </row>
    <row r="167540" spans="8:8">
      <c r="H167540" s="12"/>
    </row>
    <row r="167541" spans="8:8">
      <c r="H167541" s="12"/>
    </row>
    <row r="167542" spans="8:8">
      <c r="H167542" s="12"/>
    </row>
    <row r="167543" spans="8:8">
      <c r="H167543" s="12"/>
    </row>
    <row r="167544" spans="8:8">
      <c r="H167544" s="12"/>
    </row>
    <row r="167545" spans="8:8">
      <c r="H167545" s="12"/>
    </row>
    <row r="167546" spans="8:8">
      <c r="H167546" s="12"/>
    </row>
    <row r="167547" spans="8:8">
      <c r="H167547" s="12"/>
    </row>
    <row r="167548" spans="8:8">
      <c r="H167548" s="12"/>
    </row>
    <row r="167549" spans="8:8">
      <c r="H167549" s="12"/>
    </row>
    <row r="167550" spans="8:8">
      <c r="H167550" s="12"/>
    </row>
    <row r="167551" spans="8:8">
      <c r="H167551" s="12"/>
    </row>
    <row r="167552" spans="8:8">
      <c r="H167552" s="12"/>
    </row>
    <row r="167553" spans="8:8">
      <c r="H167553" s="12"/>
    </row>
    <row r="167554" spans="8:8">
      <c r="H167554" s="12"/>
    </row>
    <row r="167555" spans="8:8">
      <c r="H167555" s="12"/>
    </row>
    <row r="167556" spans="8:8">
      <c r="H167556" s="12"/>
    </row>
    <row r="167557" spans="8:8">
      <c r="H167557" s="12"/>
    </row>
    <row r="167558" spans="8:8">
      <c r="H167558" s="12"/>
    </row>
    <row r="167559" spans="8:8">
      <c r="H167559" s="12"/>
    </row>
    <row r="167560" spans="8:8">
      <c r="H167560" s="12"/>
    </row>
    <row r="167561" spans="8:8">
      <c r="H167561" s="12"/>
    </row>
    <row r="167562" spans="8:8">
      <c r="H167562" s="12"/>
    </row>
    <row r="167563" spans="8:8">
      <c r="H167563" s="12"/>
    </row>
    <row r="167564" spans="8:8">
      <c r="H167564" s="12"/>
    </row>
    <row r="167565" spans="8:8">
      <c r="H167565" s="12"/>
    </row>
    <row r="167566" spans="8:8">
      <c r="H167566" s="12"/>
    </row>
    <row r="167567" spans="8:8">
      <c r="H167567" s="12"/>
    </row>
    <row r="167568" spans="8:8">
      <c r="H167568" s="12"/>
    </row>
    <row r="167569" spans="8:8">
      <c r="H167569" s="12"/>
    </row>
    <row r="167570" spans="8:8">
      <c r="H167570" s="12"/>
    </row>
    <row r="167571" spans="8:8">
      <c r="H167571" s="12"/>
    </row>
    <row r="167572" spans="8:8">
      <c r="H167572" s="12"/>
    </row>
    <row r="167573" spans="8:8">
      <c r="H167573" s="12"/>
    </row>
    <row r="167574" spans="8:8">
      <c r="H167574" s="12"/>
    </row>
    <row r="167575" spans="8:8">
      <c r="H167575" s="12"/>
    </row>
    <row r="167576" spans="8:8">
      <c r="H167576" s="12"/>
    </row>
    <row r="167577" spans="8:8">
      <c r="H167577" s="12"/>
    </row>
    <row r="167578" spans="8:8">
      <c r="H167578" s="12"/>
    </row>
    <row r="167579" spans="8:8">
      <c r="H167579" s="12"/>
    </row>
    <row r="167580" spans="8:8">
      <c r="H167580" s="12"/>
    </row>
    <row r="167581" spans="8:8">
      <c r="H167581" s="12"/>
    </row>
    <row r="167582" spans="8:8">
      <c r="H167582" s="12"/>
    </row>
    <row r="167583" spans="8:8">
      <c r="H167583" s="12"/>
    </row>
    <row r="167584" spans="8:8">
      <c r="H167584" s="12"/>
    </row>
    <row r="167585" spans="8:8">
      <c r="H167585" s="12"/>
    </row>
    <row r="167586" spans="8:8">
      <c r="H167586" s="12"/>
    </row>
    <row r="167587" spans="8:8">
      <c r="H167587" s="12"/>
    </row>
    <row r="167588" spans="8:8">
      <c r="H167588" s="12"/>
    </row>
    <row r="167589" spans="8:8">
      <c r="H167589" s="12"/>
    </row>
    <row r="167590" spans="8:8">
      <c r="H167590" s="12"/>
    </row>
    <row r="167591" spans="8:8">
      <c r="H167591" s="12"/>
    </row>
    <row r="167592" spans="8:8">
      <c r="H167592" s="12"/>
    </row>
    <row r="167593" spans="8:8">
      <c r="H167593" s="12"/>
    </row>
    <row r="167594" spans="8:8">
      <c r="H167594" s="12"/>
    </row>
    <row r="167595" spans="8:8">
      <c r="H167595" s="12"/>
    </row>
    <row r="167596" spans="8:8">
      <c r="H167596" s="12"/>
    </row>
    <row r="167597" spans="8:8">
      <c r="H167597" s="12"/>
    </row>
    <row r="167598" spans="8:8">
      <c r="H167598" s="12"/>
    </row>
    <row r="167599" spans="8:8">
      <c r="H167599" s="12"/>
    </row>
    <row r="167600" spans="8:8">
      <c r="H167600" s="12"/>
    </row>
    <row r="167601" spans="8:8">
      <c r="H167601" s="12"/>
    </row>
    <row r="167602" spans="8:8">
      <c r="H167602" s="12"/>
    </row>
    <row r="167603" spans="8:8">
      <c r="H167603" s="12"/>
    </row>
    <row r="167604" spans="8:8">
      <c r="H167604" s="12"/>
    </row>
    <row r="167605" spans="8:8">
      <c r="H167605" s="12"/>
    </row>
    <row r="167606" spans="8:8">
      <c r="H167606" s="12"/>
    </row>
    <row r="167607" spans="8:8">
      <c r="H167607" s="12"/>
    </row>
    <row r="167608" spans="8:8">
      <c r="H167608" s="12"/>
    </row>
    <row r="167609" spans="8:8">
      <c r="H167609" s="12"/>
    </row>
    <row r="167610" spans="8:8">
      <c r="H167610" s="12"/>
    </row>
    <row r="167611" spans="8:8">
      <c r="H167611" s="12"/>
    </row>
    <row r="167612" spans="8:8">
      <c r="H167612" s="12"/>
    </row>
    <row r="167613" spans="8:8">
      <c r="H167613" s="12"/>
    </row>
    <row r="167614" spans="8:8">
      <c r="H167614" s="12"/>
    </row>
    <row r="167615" spans="8:8">
      <c r="H167615" s="12"/>
    </row>
    <row r="167616" spans="8:8">
      <c r="H167616" s="12"/>
    </row>
    <row r="167617" spans="8:8">
      <c r="H167617" s="12"/>
    </row>
    <row r="167618" spans="8:8">
      <c r="H167618" s="12"/>
    </row>
    <row r="167619" spans="8:8">
      <c r="H167619" s="12"/>
    </row>
    <row r="167620" spans="8:8">
      <c r="H167620" s="12"/>
    </row>
    <row r="167621" spans="8:8">
      <c r="H167621" s="12"/>
    </row>
    <row r="167622" spans="8:8">
      <c r="H167622" s="12"/>
    </row>
    <row r="167623" spans="8:8">
      <c r="H167623" s="12"/>
    </row>
    <row r="167624" spans="8:8">
      <c r="H167624" s="12"/>
    </row>
    <row r="167625" spans="8:8">
      <c r="H167625" s="12"/>
    </row>
    <row r="167626" spans="8:8">
      <c r="H167626" s="12"/>
    </row>
    <row r="167627" spans="8:8">
      <c r="H167627" s="12"/>
    </row>
    <row r="167628" spans="8:8">
      <c r="H167628" s="12"/>
    </row>
    <row r="167629" spans="8:8">
      <c r="H167629" s="12"/>
    </row>
    <row r="167630" spans="8:8">
      <c r="H167630" s="12"/>
    </row>
    <row r="167631" spans="8:8">
      <c r="H167631" s="12"/>
    </row>
    <row r="167632" spans="8:8">
      <c r="H167632" s="12"/>
    </row>
    <row r="167633" spans="8:8">
      <c r="H167633" s="12"/>
    </row>
    <row r="167634" spans="8:8">
      <c r="H167634" s="12"/>
    </row>
    <row r="167635" spans="8:8">
      <c r="H167635" s="12"/>
    </row>
    <row r="167636" spans="8:8">
      <c r="H167636" s="12"/>
    </row>
    <row r="167637" spans="8:8">
      <c r="H167637" s="12"/>
    </row>
    <row r="167638" spans="8:8">
      <c r="H167638" s="12"/>
    </row>
    <row r="167639" spans="8:8">
      <c r="H167639" s="12"/>
    </row>
    <row r="167640" spans="8:8">
      <c r="H167640" s="12"/>
    </row>
    <row r="167641" spans="8:8">
      <c r="H167641" s="12"/>
    </row>
    <row r="167642" spans="8:8">
      <c r="H167642" s="12"/>
    </row>
    <row r="167643" spans="8:8">
      <c r="H167643" s="12"/>
    </row>
    <row r="167644" spans="8:8">
      <c r="H167644" s="12"/>
    </row>
    <row r="167645" spans="8:8">
      <c r="H167645" s="12"/>
    </row>
    <row r="167646" spans="8:8">
      <c r="H167646" s="12"/>
    </row>
    <row r="167647" spans="8:8">
      <c r="H167647" s="12"/>
    </row>
    <row r="167648" spans="8:8">
      <c r="H167648" s="12"/>
    </row>
    <row r="167649" spans="8:8">
      <c r="H167649" s="12"/>
    </row>
    <row r="167650" spans="8:8">
      <c r="H167650" s="12"/>
    </row>
    <row r="167651" spans="8:8">
      <c r="H167651" s="12"/>
    </row>
    <row r="167652" spans="8:8">
      <c r="H167652" s="12"/>
    </row>
    <row r="167653" spans="8:8">
      <c r="H167653" s="12"/>
    </row>
    <row r="167654" spans="8:8">
      <c r="H167654" s="12"/>
    </row>
    <row r="167655" spans="8:8">
      <c r="H167655" s="12"/>
    </row>
    <row r="167656" spans="8:8">
      <c r="H167656" s="12"/>
    </row>
    <row r="167657" spans="8:8">
      <c r="H167657" s="12"/>
    </row>
    <row r="167658" spans="8:8">
      <c r="H167658" s="12"/>
    </row>
    <row r="167659" spans="8:8">
      <c r="H167659" s="12"/>
    </row>
    <row r="167660" spans="8:8">
      <c r="H167660" s="12"/>
    </row>
    <row r="167661" spans="8:8">
      <c r="H167661" s="12"/>
    </row>
    <row r="167662" spans="8:8">
      <c r="H167662" s="12"/>
    </row>
    <row r="167663" spans="8:8">
      <c r="H167663" s="12"/>
    </row>
    <row r="167664" spans="8:8">
      <c r="H167664" s="12"/>
    </row>
    <row r="167665" spans="8:8">
      <c r="H167665" s="12"/>
    </row>
    <row r="167666" spans="8:8">
      <c r="H167666" s="12"/>
    </row>
    <row r="167667" spans="8:8">
      <c r="H167667" s="12"/>
    </row>
    <row r="167668" spans="8:8">
      <c r="H167668" s="12"/>
    </row>
    <row r="167669" spans="8:8">
      <c r="H167669" s="12"/>
    </row>
    <row r="167670" spans="8:8">
      <c r="H167670" s="12"/>
    </row>
    <row r="167671" spans="8:8">
      <c r="H167671" s="12"/>
    </row>
    <row r="167672" spans="8:8">
      <c r="H167672" s="12"/>
    </row>
    <row r="167673" spans="8:8">
      <c r="H167673" s="12"/>
    </row>
    <row r="167674" spans="8:8">
      <c r="H167674" s="12"/>
    </row>
    <row r="167675" spans="8:8">
      <c r="H167675" s="12"/>
    </row>
    <row r="167676" spans="8:8">
      <c r="H167676" s="12"/>
    </row>
    <row r="167677" spans="8:8">
      <c r="H167677" s="12"/>
    </row>
    <row r="167678" spans="8:8">
      <c r="H167678" s="12"/>
    </row>
    <row r="167679" spans="8:8">
      <c r="H167679" s="12"/>
    </row>
    <row r="167680" spans="8:8">
      <c r="H167680" s="12"/>
    </row>
    <row r="167681" spans="8:8">
      <c r="H167681" s="12"/>
    </row>
    <row r="167682" spans="8:8">
      <c r="H167682" s="12"/>
    </row>
    <row r="167683" spans="8:8">
      <c r="H167683" s="12"/>
    </row>
    <row r="167684" spans="8:8">
      <c r="H167684" s="12"/>
    </row>
    <row r="167685" spans="8:8">
      <c r="H167685" s="12"/>
    </row>
    <row r="167686" spans="8:8">
      <c r="H167686" s="12"/>
    </row>
    <row r="167687" spans="8:8">
      <c r="H167687" s="12"/>
    </row>
    <row r="167688" spans="8:8">
      <c r="H167688" s="12"/>
    </row>
    <row r="167689" spans="8:8">
      <c r="H167689" s="12"/>
    </row>
    <row r="167690" spans="8:8">
      <c r="H167690" s="12"/>
    </row>
    <row r="167691" spans="8:8">
      <c r="H167691" s="12"/>
    </row>
    <row r="167692" spans="8:8">
      <c r="H167692" s="12"/>
    </row>
    <row r="167693" spans="8:8">
      <c r="H167693" s="12"/>
    </row>
    <row r="167694" spans="8:8">
      <c r="H167694" s="12"/>
    </row>
    <row r="167695" spans="8:8">
      <c r="H167695" s="12"/>
    </row>
    <row r="167696" spans="8:8">
      <c r="H167696" s="12"/>
    </row>
    <row r="167697" spans="8:8">
      <c r="H167697" s="12"/>
    </row>
    <row r="167698" spans="8:8">
      <c r="H167698" s="12"/>
    </row>
    <row r="167699" spans="8:8">
      <c r="H167699" s="12"/>
    </row>
    <row r="167700" spans="8:8">
      <c r="H167700" s="12"/>
    </row>
    <row r="167701" spans="8:8">
      <c r="H167701" s="12"/>
    </row>
    <row r="167702" spans="8:8">
      <c r="H167702" s="12"/>
    </row>
    <row r="167703" spans="8:8">
      <c r="H167703" s="12"/>
    </row>
    <row r="167704" spans="8:8">
      <c r="H167704" s="12"/>
    </row>
    <row r="167705" spans="8:8">
      <c r="H167705" s="12"/>
    </row>
    <row r="167706" spans="8:8">
      <c r="H167706" s="12"/>
    </row>
    <row r="167707" spans="8:8">
      <c r="H167707" s="12"/>
    </row>
    <row r="167708" spans="8:8">
      <c r="H167708" s="12"/>
    </row>
    <row r="167709" spans="8:8">
      <c r="H167709" s="12"/>
    </row>
    <row r="167710" spans="8:8">
      <c r="H167710" s="12"/>
    </row>
    <row r="167711" spans="8:8">
      <c r="H167711" s="12"/>
    </row>
    <row r="167712" spans="8:8">
      <c r="H167712" s="12"/>
    </row>
    <row r="167713" spans="8:8">
      <c r="H167713" s="12"/>
    </row>
    <row r="167714" spans="8:8">
      <c r="H167714" s="12"/>
    </row>
    <row r="167715" spans="8:8">
      <c r="H167715" s="12"/>
    </row>
    <row r="167716" spans="8:8">
      <c r="H167716" s="12"/>
    </row>
    <row r="167717" spans="8:8">
      <c r="H167717" s="12"/>
    </row>
    <row r="167718" spans="8:8">
      <c r="H167718" s="12"/>
    </row>
    <row r="167719" spans="8:8">
      <c r="H167719" s="12"/>
    </row>
    <row r="167720" spans="8:8">
      <c r="H167720" s="12"/>
    </row>
    <row r="167721" spans="8:8">
      <c r="H167721" s="12"/>
    </row>
    <row r="167722" spans="8:8">
      <c r="H167722" s="12"/>
    </row>
    <row r="167723" spans="8:8">
      <c r="H167723" s="12"/>
    </row>
    <row r="167724" spans="8:8">
      <c r="H167724" s="12"/>
    </row>
    <row r="167725" spans="8:8">
      <c r="H167725" s="12"/>
    </row>
    <row r="167726" spans="8:8">
      <c r="H167726" s="12"/>
    </row>
    <row r="167727" spans="8:8">
      <c r="H167727" s="12"/>
    </row>
    <row r="167728" spans="8:8">
      <c r="H167728" s="12"/>
    </row>
    <row r="167729" spans="8:8">
      <c r="H167729" s="12"/>
    </row>
    <row r="167730" spans="8:8">
      <c r="H167730" s="12"/>
    </row>
    <row r="167731" spans="8:8">
      <c r="H167731" s="12"/>
    </row>
    <row r="167732" spans="8:8">
      <c r="H167732" s="12"/>
    </row>
    <row r="167733" spans="8:8">
      <c r="H167733" s="12"/>
    </row>
    <row r="167734" spans="8:8">
      <c r="H167734" s="12"/>
    </row>
    <row r="167735" spans="8:8">
      <c r="H167735" s="12"/>
    </row>
    <row r="167736" spans="8:8">
      <c r="H167736" s="12"/>
    </row>
    <row r="167737" spans="8:8">
      <c r="H167737" s="12"/>
    </row>
    <row r="167738" spans="8:8">
      <c r="H167738" s="12"/>
    </row>
    <row r="167739" spans="8:8">
      <c r="H167739" s="12"/>
    </row>
    <row r="167740" spans="8:8">
      <c r="H167740" s="12"/>
    </row>
    <row r="167741" spans="8:8">
      <c r="H167741" s="12"/>
    </row>
    <row r="167742" spans="8:8">
      <c r="H167742" s="12"/>
    </row>
    <row r="167743" spans="8:8">
      <c r="H167743" s="12"/>
    </row>
    <row r="167744" spans="8:8">
      <c r="H167744" s="12"/>
    </row>
    <row r="167745" spans="8:8">
      <c r="H167745" s="12"/>
    </row>
    <row r="167746" spans="8:8">
      <c r="H167746" s="12"/>
    </row>
    <row r="167747" spans="8:8">
      <c r="H167747" s="12"/>
    </row>
    <row r="167748" spans="8:8">
      <c r="H167748" s="12"/>
    </row>
    <row r="167749" spans="8:8">
      <c r="H167749" s="12"/>
    </row>
    <row r="167750" spans="8:8">
      <c r="H167750" s="12"/>
    </row>
    <row r="167751" spans="8:8">
      <c r="H167751" s="12"/>
    </row>
    <row r="167752" spans="8:8">
      <c r="H167752" s="12"/>
    </row>
    <row r="167753" spans="8:8">
      <c r="H167753" s="12"/>
    </row>
    <row r="167754" spans="8:8">
      <c r="H167754" s="12"/>
    </row>
    <row r="167755" spans="8:8">
      <c r="H167755" s="12"/>
    </row>
    <row r="167756" spans="8:8">
      <c r="H167756" s="12"/>
    </row>
    <row r="167757" spans="8:8">
      <c r="H167757" s="12"/>
    </row>
    <row r="167758" spans="8:8">
      <c r="H167758" s="12"/>
    </row>
    <row r="167759" spans="8:8">
      <c r="H167759" s="12"/>
    </row>
    <row r="167760" spans="8:8">
      <c r="H167760" s="12"/>
    </row>
    <row r="167761" spans="8:8">
      <c r="H167761" s="12"/>
    </row>
    <row r="167762" spans="8:8">
      <c r="H167762" s="12"/>
    </row>
    <row r="167763" spans="8:8">
      <c r="H167763" s="12"/>
    </row>
    <row r="167764" spans="8:8">
      <c r="H167764" s="12"/>
    </row>
    <row r="167765" spans="8:8">
      <c r="H167765" s="12"/>
    </row>
    <row r="167766" spans="8:8">
      <c r="H167766" s="12"/>
    </row>
    <row r="167767" spans="8:8">
      <c r="H167767" s="12"/>
    </row>
    <row r="167768" spans="8:8">
      <c r="H167768" s="12"/>
    </row>
    <row r="167769" spans="8:8">
      <c r="H167769" s="12"/>
    </row>
    <row r="167770" spans="8:8">
      <c r="H167770" s="12"/>
    </row>
    <row r="167771" spans="8:8">
      <c r="H167771" s="12"/>
    </row>
    <row r="167772" spans="8:8">
      <c r="H167772" s="12"/>
    </row>
    <row r="167773" spans="8:8">
      <c r="H167773" s="12"/>
    </row>
    <row r="167774" spans="8:8">
      <c r="H167774" s="12"/>
    </row>
    <row r="167775" spans="8:8">
      <c r="H167775" s="12"/>
    </row>
    <row r="167776" spans="8:8">
      <c r="H167776" s="12"/>
    </row>
    <row r="167777" spans="8:8">
      <c r="H167777" s="12"/>
    </row>
    <row r="167778" spans="8:8">
      <c r="H167778" s="12"/>
    </row>
    <row r="167779" spans="8:8">
      <c r="H167779" s="12"/>
    </row>
    <row r="167780" spans="8:8">
      <c r="H167780" s="12"/>
    </row>
    <row r="167781" spans="8:8">
      <c r="H167781" s="12"/>
    </row>
    <row r="167782" spans="8:8">
      <c r="H167782" s="12"/>
    </row>
    <row r="167783" spans="8:8">
      <c r="H167783" s="12"/>
    </row>
    <row r="167784" spans="8:8">
      <c r="H167784" s="12"/>
    </row>
    <row r="167785" spans="8:8">
      <c r="H167785" s="12"/>
    </row>
    <row r="167786" spans="8:8">
      <c r="H167786" s="12"/>
    </row>
    <row r="167787" spans="8:8">
      <c r="H167787" s="12"/>
    </row>
    <row r="167788" spans="8:8">
      <c r="H167788" s="12"/>
    </row>
    <row r="167789" spans="8:8">
      <c r="H167789" s="12"/>
    </row>
    <row r="167790" spans="8:8">
      <c r="H167790" s="12"/>
    </row>
    <row r="167791" spans="8:8">
      <c r="H167791" s="12"/>
    </row>
    <row r="167792" spans="8:8">
      <c r="H167792" s="12"/>
    </row>
    <row r="167793" spans="8:8">
      <c r="H167793" s="12"/>
    </row>
    <row r="167794" spans="8:8">
      <c r="H167794" s="12"/>
    </row>
    <row r="167795" spans="8:8">
      <c r="H167795" s="12"/>
    </row>
    <row r="167796" spans="8:8">
      <c r="H167796" s="12"/>
    </row>
    <row r="167797" spans="8:8">
      <c r="H167797" s="12"/>
    </row>
    <row r="167798" spans="8:8">
      <c r="H167798" s="12"/>
    </row>
    <row r="167799" spans="8:8">
      <c r="H167799" s="12"/>
    </row>
    <row r="167800" spans="8:8">
      <c r="H167800" s="12"/>
    </row>
    <row r="167801" spans="8:8">
      <c r="H167801" s="12"/>
    </row>
    <row r="167802" spans="8:8">
      <c r="H167802" s="12"/>
    </row>
    <row r="167803" spans="8:8">
      <c r="H167803" s="12"/>
    </row>
    <row r="167804" spans="8:8">
      <c r="H167804" s="12"/>
    </row>
    <row r="167805" spans="8:8">
      <c r="H167805" s="12"/>
    </row>
    <row r="167806" spans="8:8">
      <c r="H167806" s="12"/>
    </row>
    <row r="167807" spans="8:8">
      <c r="H167807" s="12"/>
    </row>
    <row r="167808" spans="8:8">
      <c r="H167808" s="12"/>
    </row>
    <row r="167809" spans="8:8">
      <c r="H167809" s="12"/>
    </row>
    <row r="167810" spans="8:8">
      <c r="H167810" s="12"/>
    </row>
    <row r="167811" spans="8:8">
      <c r="H167811" s="12"/>
    </row>
    <row r="167812" spans="8:8">
      <c r="H167812" s="12"/>
    </row>
    <row r="167813" spans="8:8">
      <c r="H167813" s="12"/>
    </row>
    <row r="167814" spans="8:8">
      <c r="H167814" s="12"/>
    </row>
    <row r="167815" spans="8:8">
      <c r="H167815" s="12"/>
    </row>
    <row r="167816" spans="8:8">
      <c r="H167816" s="12"/>
    </row>
    <row r="167817" spans="8:8">
      <c r="H167817" s="12"/>
    </row>
    <row r="167818" spans="8:8">
      <c r="H167818" s="12"/>
    </row>
    <row r="167819" spans="8:8">
      <c r="H167819" s="12"/>
    </row>
    <row r="167820" spans="8:8">
      <c r="H167820" s="12"/>
    </row>
    <row r="167821" spans="8:8">
      <c r="H167821" s="12"/>
    </row>
    <row r="167822" spans="8:8">
      <c r="H167822" s="12"/>
    </row>
    <row r="167823" spans="8:8">
      <c r="H167823" s="12"/>
    </row>
    <row r="167824" spans="8:8">
      <c r="H167824" s="12"/>
    </row>
    <row r="167825" spans="8:8">
      <c r="H167825" s="12"/>
    </row>
    <row r="167826" spans="8:8">
      <c r="H167826" s="12"/>
    </row>
    <row r="167827" spans="8:8">
      <c r="H167827" s="12"/>
    </row>
    <row r="167828" spans="8:8">
      <c r="H167828" s="12"/>
    </row>
    <row r="167829" spans="8:8">
      <c r="H167829" s="12"/>
    </row>
    <row r="167830" spans="8:8">
      <c r="H167830" s="12"/>
    </row>
    <row r="167831" spans="8:8">
      <c r="H167831" s="12"/>
    </row>
    <row r="167832" spans="8:8">
      <c r="H167832" s="12"/>
    </row>
    <row r="167833" spans="8:8">
      <c r="H167833" s="12"/>
    </row>
    <row r="167834" spans="8:8">
      <c r="H167834" s="12"/>
    </row>
    <row r="167835" spans="8:8">
      <c r="H167835" s="12"/>
    </row>
    <row r="167836" spans="8:8">
      <c r="H167836" s="12"/>
    </row>
    <row r="167837" spans="8:8">
      <c r="H167837" s="12"/>
    </row>
    <row r="167838" spans="8:8">
      <c r="H167838" s="12"/>
    </row>
    <row r="167839" spans="8:8">
      <c r="H167839" s="12"/>
    </row>
    <row r="167840" spans="8:8">
      <c r="H167840" s="12"/>
    </row>
    <row r="167841" spans="8:8">
      <c r="H167841" s="12"/>
    </row>
    <row r="167842" spans="8:8">
      <c r="H167842" s="12"/>
    </row>
    <row r="167843" spans="8:8">
      <c r="H167843" s="12"/>
    </row>
    <row r="167844" spans="8:8">
      <c r="H167844" s="12"/>
    </row>
    <row r="167845" spans="8:8">
      <c r="H167845" s="12"/>
    </row>
    <row r="167846" spans="8:8">
      <c r="H167846" s="12"/>
    </row>
    <row r="167847" spans="8:8">
      <c r="H167847" s="12"/>
    </row>
    <row r="167848" spans="8:8">
      <c r="H167848" s="12"/>
    </row>
    <row r="167849" spans="8:8">
      <c r="H167849" s="12"/>
    </row>
    <row r="167850" spans="8:8">
      <c r="H167850" s="12"/>
    </row>
    <row r="167851" spans="8:8">
      <c r="H167851" s="12"/>
    </row>
    <row r="167852" spans="8:8">
      <c r="H167852" s="12"/>
    </row>
    <row r="167853" spans="8:8">
      <c r="H167853" s="12"/>
    </row>
    <row r="167854" spans="8:8">
      <c r="H167854" s="12"/>
    </row>
    <row r="167855" spans="8:8">
      <c r="H167855" s="12"/>
    </row>
    <row r="167856" spans="8:8">
      <c r="H167856" s="12"/>
    </row>
    <row r="167857" spans="8:8">
      <c r="H167857" s="12"/>
    </row>
    <row r="167858" spans="8:8">
      <c r="H167858" s="12"/>
    </row>
    <row r="167859" spans="8:8">
      <c r="H167859" s="12"/>
    </row>
    <row r="167860" spans="8:8">
      <c r="H167860" s="12"/>
    </row>
    <row r="167861" spans="8:8">
      <c r="H167861" s="12"/>
    </row>
    <row r="167862" spans="8:8">
      <c r="H167862" s="12"/>
    </row>
    <row r="167863" spans="8:8">
      <c r="H167863" s="12"/>
    </row>
    <row r="167864" spans="8:8">
      <c r="H167864" s="12"/>
    </row>
    <row r="167865" spans="8:8">
      <c r="H167865" s="12"/>
    </row>
    <row r="167866" spans="8:8">
      <c r="H167866" s="12"/>
    </row>
    <row r="167867" spans="8:8">
      <c r="H167867" s="12"/>
    </row>
    <row r="167868" spans="8:8">
      <c r="H167868" s="12"/>
    </row>
    <row r="167869" spans="8:8">
      <c r="H167869" s="12"/>
    </row>
    <row r="167870" spans="8:8">
      <c r="H167870" s="12"/>
    </row>
    <row r="167871" spans="8:8">
      <c r="H167871" s="12"/>
    </row>
    <row r="167872" spans="8:8">
      <c r="H167872" s="12"/>
    </row>
    <row r="167873" spans="8:8">
      <c r="H167873" s="12"/>
    </row>
    <row r="167874" spans="8:8">
      <c r="H167874" s="12"/>
    </row>
    <row r="167875" spans="8:8">
      <c r="H167875" s="12"/>
    </row>
    <row r="167876" spans="8:8">
      <c r="H167876" s="12"/>
    </row>
    <row r="167877" spans="8:8">
      <c r="H167877" s="12"/>
    </row>
    <row r="167878" spans="8:8">
      <c r="H167878" s="12"/>
    </row>
    <row r="167879" spans="8:8">
      <c r="H167879" s="12"/>
    </row>
    <row r="167880" spans="8:8">
      <c r="H167880" s="12"/>
    </row>
    <row r="167881" spans="8:8">
      <c r="H167881" s="12"/>
    </row>
    <row r="167882" spans="8:8">
      <c r="H167882" s="12"/>
    </row>
    <row r="167883" spans="8:8">
      <c r="H167883" s="12"/>
    </row>
    <row r="167884" spans="8:8">
      <c r="H167884" s="12"/>
    </row>
    <row r="167885" spans="8:8">
      <c r="H167885" s="12"/>
    </row>
    <row r="167886" spans="8:8">
      <c r="H167886" s="12"/>
    </row>
    <row r="167887" spans="8:8">
      <c r="H167887" s="12"/>
    </row>
    <row r="167888" spans="8:8">
      <c r="H167888" s="12"/>
    </row>
    <row r="167889" spans="8:8">
      <c r="H167889" s="12"/>
    </row>
    <row r="167890" spans="8:8">
      <c r="H167890" s="12"/>
    </row>
    <row r="167891" spans="8:8">
      <c r="H167891" s="12"/>
    </row>
    <row r="167892" spans="8:8">
      <c r="H167892" s="12"/>
    </row>
    <row r="167893" spans="8:8">
      <c r="H167893" s="12"/>
    </row>
    <row r="167894" spans="8:8">
      <c r="H167894" s="12"/>
    </row>
    <row r="167895" spans="8:8">
      <c r="H167895" s="12"/>
    </row>
    <row r="167896" spans="8:8">
      <c r="H167896" s="12"/>
    </row>
    <row r="167897" spans="8:8">
      <c r="H167897" s="12"/>
    </row>
    <row r="167898" spans="8:8">
      <c r="H167898" s="12"/>
    </row>
    <row r="167899" spans="8:8">
      <c r="H167899" s="12"/>
    </row>
    <row r="167900" spans="8:8">
      <c r="H167900" s="12"/>
    </row>
    <row r="167901" spans="8:8">
      <c r="H167901" s="12"/>
    </row>
    <row r="167902" spans="8:8">
      <c r="H167902" s="12"/>
    </row>
    <row r="167903" spans="8:8">
      <c r="H167903" s="12"/>
    </row>
    <row r="167904" spans="8:8">
      <c r="H167904" s="12"/>
    </row>
    <row r="167905" spans="8:8">
      <c r="H167905" s="12"/>
    </row>
    <row r="167906" spans="8:8">
      <c r="H167906" s="12"/>
    </row>
    <row r="167907" spans="8:8">
      <c r="H167907" s="12"/>
    </row>
    <row r="167908" spans="8:8">
      <c r="H167908" s="12"/>
    </row>
    <row r="167909" spans="8:8">
      <c r="H167909" s="12"/>
    </row>
    <row r="167910" spans="8:8">
      <c r="H167910" s="12"/>
    </row>
    <row r="167911" spans="8:8">
      <c r="H167911" s="12"/>
    </row>
    <row r="167912" spans="8:8">
      <c r="H167912" s="12"/>
    </row>
    <row r="167913" spans="8:8">
      <c r="H167913" s="12"/>
    </row>
    <row r="167914" spans="8:8">
      <c r="H167914" s="12"/>
    </row>
    <row r="167915" spans="8:8">
      <c r="H167915" s="12"/>
    </row>
    <row r="167916" spans="8:8">
      <c r="H167916" s="12"/>
    </row>
    <row r="167917" spans="8:8">
      <c r="H167917" s="12"/>
    </row>
    <row r="167918" spans="8:8">
      <c r="H167918" s="12"/>
    </row>
    <row r="167919" spans="8:8">
      <c r="H167919" s="12"/>
    </row>
    <row r="167920" spans="8:8">
      <c r="H167920" s="12"/>
    </row>
    <row r="167921" spans="8:8">
      <c r="H167921" s="12"/>
    </row>
    <row r="167922" spans="8:8">
      <c r="H167922" s="12"/>
    </row>
    <row r="167923" spans="8:8">
      <c r="H167923" s="12"/>
    </row>
    <row r="167924" spans="8:8">
      <c r="H167924" s="12"/>
    </row>
    <row r="167925" spans="8:8">
      <c r="H167925" s="12"/>
    </row>
    <row r="167926" spans="8:8">
      <c r="H167926" s="12"/>
    </row>
    <row r="167927" spans="8:8">
      <c r="H167927" s="12"/>
    </row>
    <row r="167928" spans="8:8">
      <c r="H167928" s="12"/>
    </row>
    <row r="167929" spans="8:8">
      <c r="H167929" s="12"/>
    </row>
    <row r="167930" spans="8:8">
      <c r="H167930" s="12"/>
    </row>
    <row r="167931" spans="8:8">
      <c r="H167931" s="12"/>
    </row>
    <row r="167932" spans="8:8">
      <c r="H167932" s="12"/>
    </row>
    <row r="167933" spans="8:8">
      <c r="H167933" s="12"/>
    </row>
    <row r="167934" spans="8:8">
      <c r="H167934" s="12"/>
    </row>
    <row r="167935" spans="8:8">
      <c r="H167935" s="12"/>
    </row>
    <row r="167936" spans="8:8">
      <c r="H167936" s="12"/>
    </row>
    <row r="167937" spans="8:8">
      <c r="H167937" s="12"/>
    </row>
    <row r="167938" spans="8:8">
      <c r="H167938" s="12"/>
    </row>
    <row r="167939" spans="8:8">
      <c r="H167939" s="12"/>
    </row>
    <row r="167940" spans="8:8">
      <c r="H167940" s="12"/>
    </row>
    <row r="167941" spans="8:8">
      <c r="H167941" s="12"/>
    </row>
    <row r="167942" spans="8:8">
      <c r="H167942" s="12"/>
    </row>
    <row r="167943" spans="8:8">
      <c r="H167943" s="12"/>
    </row>
    <row r="167944" spans="8:8">
      <c r="H167944" s="12"/>
    </row>
    <row r="167945" spans="8:8">
      <c r="H167945" s="12"/>
    </row>
    <row r="167946" spans="8:8">
      <c r="H167946" s="12"/>
    </row>
    <row r="167947" spans="8:8">
      <c r="H167947" s="12"/>
    </row>
    <row r="167948" spans="8:8">
      <c r="H167948" s="12"/>
    </row>
    <row r="167949" spans="8:8">
      <c r="H167949" s="12"/>
    </row>
    <row r="167950" spans="8:8">
      <c r="H167950" s="12"/>
    </row>
    <row r="167951" spans="8:8">
      <c r="H167951" s="12"/>
    </row>
    <row r="167952" spans="8:8">
      <c r="H167952" s="12"/>
    </row>
    <row r="167953" spans="8:8">
      <c r="H167953" s="12"/>
    </row>
    <row r="167954" spans="8:8">
      <c r="H167954" s="12"/>
    </row>
    <row r="167955" spans="8:8">
      <c r="H167955" s="12"/>
    </row>
    <row r="167956" spans="8:8">
      <c r="H167956" s="12"/>
    </row>
    <row r="167957" spans="8:8">
      <c r="H167957" s="12"/>
    </row>
    <row r="167958" spans="8:8">
      <c r="H167958" s="12"/>
    </row>
    <row r="167959" spans="8:8">
      <c r="H167959" s="12"/>
    </row>
    <row r="167960" spans="8:8">
      <c r="H167960" s="12"/>
    </row>
    <row r="167961" spans="8:8">
      <c r="H167961" s="12"/>
    </row>
    <row r="167962" spans="8:8">
      <c r="H167962" s="12"/>
    </row>
    <row r="167963" spans="8:8">
      <c r="H167963" s="12"/>
    </row>
    <row r="167964" spans="8:8">
      <c r="H167964" s="12"/>
    </row>
    <row r="167965" spans="8:8">
      <c r="H167965" s="12"/>
    </row>
    <row r="167966" spans="8:8">
      <c r="H167966" s="12"/>
    </row>
    <row r="167967" spans="8:8">
      <c r="H167967" s="12"/>
    </row>
    <row r="167968" spans="8:8">
      <c r="H167968" s="12"/>
    </row>
    <row r="167969" spans="8:8">
      <c r="H167969" s="12"/>
    </row>
    <row r="167970" spans="8:8">
      <c r="H167970" s="12"/>
    </row>
    <row r="167971" spans="8:8">
      <c r="H167971" s="12"/>
    </row>
    <row r="167972" spans="8:8">
      <c r="H167972" s="12"/>
    </row>
    <row r="167973" spans="8:8">
      <c r="H167973" s="12"/>
    </row>
    <row r="167974" spans="8:8">
      <c r="H167974" s="12"/>
    </row>
    <row r="167975" spans="8:8">
      <c r="H167975" s="12"/>
    </row>
    <row r="167976" spans="8:8">
      <c r="H167976" s="12"/>
    </row>
    <row r="167977" spans="8:8">
      <c r="H167977" s="12"/>
    </row>
    <row r="167978" spans="8:8">
      <c r="H167978" s="12"/>
    </row>
    <row r="167979" spans="8:8">
      <c r="H167979" s="12"/>
    </row>
    <row r="167980" spans="8:8">
      <c r="H167980" s="12"/>
    </row>
    <row r="167981" spans="8:8">
      <c r="H167981" s="12"/>
    </row>
    <row r="167982" spans="8:8">
      <c r="H167982" s="12"/>
    </row>
    <row r="167983" spans="8:8">
      <c r="H167983" s="12"/>
    </row>
    <row r="167984" spans="8:8">
      <c r="H167984" s="12"/>
    </row>
    <row r="167985" spans="8:8">
      <c r="H167985" s="12"/>
    </row>
    <row r="167986" spans="8:8">
      <c r="H167986" s="12"/>
    </row>
    <row r="167987" spans="8:8">
      <c r="H167987" s="12"/>
    </row>
    <row r="167988" spans="8:8">
      <c r="H167988" s="12"/>
    </row>
    <row r="167989" spans="8:8">
      <c r="H167989" s="12"/>
    </row>
    <row r="167990" spans="8:8">
      <c r="H167990" s="12"/>
    </row>
    <row r="167991" spans="8:8">
      <c r="H167991" s="12"/>
    </row>
    <row r="167992" spans="8:8">
      <c r="H167992" s="12"/>
    </row>
    <row r="167993" spans="8:8">
      <c r="H167993" s="12"/>
    </row>
    <row r="167994" spans="8:8">
      <c r="H167994" s="12"/>
    </row>
    <row r="167995" spans="8:8">
      <c r="H167995" s="12"/>
    </row>
    <row r="167996" spans="8:8">
      <c r="H167996" s="12"/>
    </row>
    <row r="167997" spans="8:8">
      <c r="H167997" s="12"/>
    </row>
    <row r="167998" spans="8:8">
      <c r="H167998" s="12"/>
    </row>
    <row r="167999" spans="8:8">
      <c r="H167999" s="12"/>
    </row>
    <row r="168000" spans="8:8">
      <c r="H168000" s="12"/>
    </row>
    <row r="168001" spans="8:8">
      <c r="H168001" s="12"/>
    </row>
    <row r="168002" spans="8:8">
      <c r="H168002" s="12"/>
    </row>
    <row r="168003" spans="8:8">
      <c r="H168003" s="12"/>
    </row>
    <row r="168004" spans="8:8">
      <c r="H168004" s="12"/>
    </row>
    <row r="168005" spans="8:8">
      <c r="H168005" s="12"/>
    </row>
    <row r="168006" spans="8:8">
      <c r="H168006" s="12"/>
    </row>
    <row r="168007" spans="8:8">
      <c r="H168007" s="12"/>
    </row>
    <row r="168008" spans="8:8">
      <c r="H168008" s="12"/>
    </row>
    <row r="168009" spans="8:8">
      <c r="H168009" s="12"/>
    </row>
    <row r="168010" spans="8:8">
      <c r="H168010" s="12"/>
    </row>
    <row r="168011" spans="8:8">
      <c r="H168011" s="12"/>
    </row>
    <row r="168012" spans="8:8">
      <c r="H168012" s="12"/>
    </row>
    <row r="168013" spans="8:8">
      <c r="H168013" s="12"/>
    </row>
    <row r="168014" spans="8:8">
      <c r="H168014" s="12"/>
    </row>
    <row r="168015" spans="8:8">
      <c r="H168015" s="12"/>
    </row>
    <row r="168016" spans="8:8">
      <c r="H168016" s="12"/>
    </row>
    <row r="168017" spans="8:8">
      <c r="H168017" s="12"/>
    </row>
    <row r="168018" spans="8:8">
      <c r="H168018" s="12"/>
    </row>
    <row r="168019" spans="8:8">
      <c r="H168019" s="12"/>
    </row>
    <row r="168020" spans="8:8">
      <c r="H168020" s="12"/>
    </row>
    <row r="168021" spans="8:8">
      <c r="H168021" s="12"/>
    </row>
    <row r="168022" spans="8:8">
      <c r="H168022" s="12"/>
    </row>
    <row r="168023" spans="8:8">
      <c r="H168023" s="12"/>
    </row>
    <row r="168024" spans="8:8">
      <c r="H168024" s="12"/>
    </row>
    <row r="168025" spans="8:8">
      <c r="H168025" s="12"/>
    </row>
    <row r="168026" spans="8:8">
      <c r="H168026" s="12"/>
    </row>
    <row r="168027" spans="8:8">
      <c r="H168027" s="12"/>
    </row>
    <row r="168028" spans="8:8">
      <c r="H168028" s="12"/>
    </row>
    <row r="168029" spans="8:8">
      <c r="H168029" s="12"/>
    </row>
    <row r="168030" spans="8:8">
      <c r="H168030" s="12"/>
    </row>
    <row r="168031" spans="8:8">
      <c r="H168031" s="12"/>
    </row>
    <row r="168032" spans="8:8">
      <c r="H168032" s="12"/>
    </row>
    <row r="168033" spans="8:8">
      <c r="H168033" s="12"/>
    </row>
    <row r="168034" spans="8:8">
      <c r="H168034" s="12"/>
    </row>
    <row r="168035" spans="8:8">
      <c r="H168035" s="12"/>
    </row>
    <row r="168036" spans="8:8">
      <c r="H168036" s="12"/>
    </row>
    <row r="168037" spans="8:8">
      <c r="H168037" s="12"/>
    </row>
    <row r="168038" spans="8:8">
      <c r="H168038" s="12"/>
    </row>
    <row r="168039" spans="8:8">
      <c r="H168039" s="12"/>
    </row>
    <row r="168040" spans="8:8">
      <c r="H168040" s="12"/>
    </row>
    <row r="168041" spans="8:8">
      <c r="H168041" s="12"/>
    </row>
    <row r="168042" spans="8:8">
      <c r="H168042" s="12"/>
    </row>
    <row r="168043" spans="8:8">
      <c r="H168043" s="12"/>
    </row>
    <row r="168044" spans="8:8">
      <c r="H168044" s="12"/>
    </row>
    <row r="168045" spans="8:8">
      <c r="H168045" s="12"/>
    </row>
    <row r="168046" spans="8:8">
      <c r="H168046" s="12"/>
    </row>
    <row r="168047" spans="8:8">
      <c r="H168047" s="12"/>
    </row>
    <row r="168048" spans="8:8">
      <c r="H168048" s="12"/>
    </row>
    <row r="168049" spans="8:8">
      <c r="H168049" s="12"/>
    </row>
    <row r="168050" spans="8:8">
      <c r="H168050" s="12"/>
    </row>
    <row r="168051" spans="8:8">
      <c r="H168051" s="12"/>
    </row>
    <row r="168052" spans="8:8">
      <c r="H168052" s="12"/>
    </row>
    <row r="168053" spans="8:8">
      <c r="H168053" s="12"/>
    </row>
    <row r="168054" spans="8:8">
      <c r="H168054" s="12"/>
    </row>
    <row r="168055" spans="8:8">
      <c r="H168055" s="12"/>
    </row>
    <row r="168056" spans="8:8">
      <c r="H168056" s="12"/>
    </row>
    <row r="168057" spans="8:8">
      <c r="H168057" s="12"/>
    </row>
    <row r="168058" spans="8:8">
      <c r="H168058" s="12"/>
    </row>
    <row r="168059" spans="8:8">
      <c r="H168059" s="12"/>
    </row>
    <row r="168060" spans="8:8">
      <c r="H168060" s="12"/>
    </row>
    <row r="168061" spans="8:8">
      <c r="H168061" s="12"/>
    </row>
    <row r="168062" spans="8:8">
      <c r="H168062" s="12"/>
    </row>
    <row r="168063" spans="8:8">
      <c r="H168063" s="12"/>
    </row>
    <row r="168064" spans="8:8">
      <c r="H168064" s="12"/>
    </row>
    <row r="168065" spans="8:8">
      <c r="H168065" s="12"/>
    </row>
    <row r="168066" spans="8:8">
      <c r="H168066" s="12"/>
    </row>
    <row r="168067" spans="8:8">
      <c r="H168067" s="12"/>
    </row>
    <row r="168068" spans="8:8">
      <c r="H168068" s="12"/>
    </row>
    <row r="168069" spans="8:8">
      <c r="H168069" s="12"/>
    </row>
    <row r="168070" spans="8:8">
      <c r="H168070" s="12"/>
    </row>
    <row r="168071" spans="8:8">
      <c r="H168071" s="12"/>
    </row>
    <row r="168072" spans="8:8">
      <c r="H168072" s="12"/>
    </row>
    <row r="168073" spans="8:8">
      <c r="H168073" s="12"/>
    </row>
    <row r="168074" spans="8:8">
      <c r="H168074" s="12"/>
    </row>
    <row r="168075" spans="8:8">
      <c r="H168075" s="12"/>
    </row>
    <row r="168076" spans="8:8">
      <c r="H168076" s="12"/>
    </row>
    <row r="168077" spans="8:8">
      <c r="H168077" s="12"/>
    </row>
    <row r="168078" spans="8:8">
      <c r="H168078" s="12"/>
    </row>
    <row r="168079" spans="8:8">
      <c r="H168079" s="12"/>
    </row>
    <row r="168080" spans="8:8">
      <c r="H168080" s="12"/>
    </row>
    <row r="168081" spans="8:8">
      <c r="H168081" s="12"/>
    </row>
    <row r="168082" spans="8:8">
      <c r="H168082" s="12"/>
    </row>
    <row r="168083" spans="8:8">
      <c r="H168083" s="12"/>
    </row>
    <row r="168084" spans="8:8">
      <c r="H168084" s="12"/>
    </row>
    <row r="168085" spans="8:8">
      <c r="H168085" s="12"/>
    </row>
    <row r="168086" spans="8:8">
      <c r="H168086" s="12"/>
    </row>
    <row r="168087" spans="8:8">
      <c r="H168087" s="12"/>
    </row>
    <row r="168088" spans="8:8">
      <c r="H168088" s="12"/>
    </row>
    <row r="168089" spans="8:8">
      <c r="H168089" s="12"/>
    </row>
    <row r="168090" spans="8:8">
      <c r="H168090" s="12"/>
    </row>
    <row r="168091" spans="8:8">
      <c r="H168091" s="12"/>
    </row>
    <row r="168092" spans="8:8">
      <c r="H168092" s="12"/>
    </row>
    <row r="168093" spans="8:8">
      <c r="H168093" s="12"/>
    </row>
    <row r="168094" spans="8:8">
      <c r="H168094" s="12"/>
    </row>
    <row r="168095" spans="8:8">
      <c r="H168095" s="12"/>
    </row>
    <row r="168096" spans="8:8">
      <c r="H168096" s="12"/>
    </row>
    <row r="168097" spans="8:8">
      <c r="H168097" s="12"/>
    </row>
    <row r="168098" spans="8:8">
      <c r="H168098" s="12"/>
    </row>
    <row r="168099" spans="8:8">
      <c r="H168099" s="12"/>
    </row>
    <row r="168100" spans="8:8">
      <c r="H168100" s="12"/>
    </row>
    <row r="168101" spans="8:8">
      <c r="H168101" s="12"/>
    </row>
    <row r="168102" spans="8:8">
      <c r="H168102" s="12"/>
    </row>
    <row r="168103" spans="8:8">
      <c r="H168103" s="12"/>
    </row>
    <row r="168104" spans="8:8">
      <c r="H168104" s="12"/>
    </row>
    <row r="168105" spans="8:8">
      <c r="H168105" s="12"/>
    </row>
    <row r="168106" spans="8:8">
      <c r="H168106" s="12"/>
    </row>
    <row r="168107" spans="8:8">
      <c r="H168107" s="12"/>
    </row>
    <row r="168108" spans="8:8">
      <c r="H168108" s="12"/>
    </row>
    <row r="168109" spans="8:8">
      <c r="H168109" s="12"/>
    </row>
    <row r="168110" spans="8:8">
      <c r="H168110" s="12"/>
    </row>
    <row r="168111" spans="8:8">
      <c r="H168111" s="12"/>
    </row>
    <row r="168112" spans="8:8">
      <c r="H168112" s="12"/>
    </row>
    <row r="168113" spans="8:8">
      <c r="H168113" s="12"/>
    </row>
    <row r="168114" spans="8:8">
      <c r="H168114" s="12"/>
    </row>
    <row r="168115" spans="8:8">
      <c r="H168115" s="12"/>
    </row>
    <row r="168116" spans="8:8">
      <c r="H168116" s="12"/>
    </row>
    <row r="168117" spans="8:8">
      <c r="H168117" s="12"/>
    </row>
    <row r="168118" spans="8:8">
      <c r="H168118" s="12"/>
    </row>
    <row r="168119" spans="8:8">
      <c r="H168119" s="12"/>
    </row>
    <row r="168120" spans="8:8">
      <c r="H168120" s="12"/>
    </row>
    <row r="168121" spans="8:8">
      <c r="H168121" s="12"/>
    </row>
    <row r="168122" spans="8:8">
      <c r="H168122" s="12"/>
    </row>
    <row r="168123" spans="8:8">
      <c r="H168123" s="12"/>
    </row>
    <row r="168124" spans="8:8">
      <c r="H168124" s="12"/>
    </row>
    <row r="168125" spans="8:8">
      <c r="H168125" s="12"/>
    </row>
    <row r="168126" spans="8:8">
      <c r="H168126" s="12"/>
    </row>
    <row r="168127" spans="8:8">
      <c r="H168127" s="12"/>
    </row>
    <row r="168128" spans="8:8">
      <c r="H168128" s="12"/>
    </row>
    <row r="168129" spans="8:8">
      <c r="H168129" s="12"/>
    </row>
    <row r="168130" spans="8:8">
      <c r="H168130" s="12"/>
    </row>
    <row r="168131" spans="8:8">
      <c r="H168131" s="12"/>
    </row>
    <row r="168132" spans="8:8">
      <c r="H168132" s="12"/>
    </row>
    <row r="168133" spans="8:8">
      <c r="H168133" s="12"/>
    </row>
    <row r="168134" spans="8:8">
      <c r="H168134" s="12"/>
    </row>
    <row r="168135" spans="8:8">
      <c r="H168135" s="12"/>
    </row>
    <row r="168136" spans="8:8">
      <c r="H168136" s="12"/>
    </row>
    <row r="168137" spans="8:8">
      <c r="H168137" s="12"/>
    </row>
    <row r="168138" spans="8:8">
      <c r="H168138" s="12"/>
    </row>
    <row r="168139" spans="8:8">
      <c r="H168139" s="12"/>
    </row>
    <row r="168140" spans="8:8">
      <c r="H168140" s="12"/>
    </row>
    <row r="168141" spans="8:8">
      <c r="H168141" s="12"/>
    </row>
    <row r="168142" spans="8:8">
      <c r="H168142" s="12"/>
    </row>
    <row r="168143" spans="8:8">
      <c r="H168143" s="12"/>
    </row>
    <row r="168144" spans="8:8">
      <c r="H168144" s="12"/>
    </row>
    <row r="168145" spans="8:8">
      <c r="H168145" s="12"/>
    </row>
    <row r="168146" spans="8:8">
      <c r="H168146" s="12"/>
    </row>
    <row r="168147" spans="8:8">
      <c r="H168147" s="12"/>
    </row>
    <row r="168148" spans="8:8">
      <c r="H168148" s="12"/>
    </row>
    <row r="168149" spans="8:8">
      <c r="H168149" s="12"/>
    </row>
    <row r="168150" spans="8:8">
      <c r="H168150" s="12"/>
    </row>
    <row r="168151" spans="8:8">
      <c r="H168151" s="12"/>
    </row>
    <row r="168152" spans="8:8">
      <c r="H168152" s="12"/>
    </row>
    <row r="168153" spans="8:8">
      <c r="H168153" s="12"/>
    </row>
    <row r="168154" spans="8:8">
      <c r="H168154" s="12"/>
    </row>
    <row r="168155" spans="8:8">
      <c r="H168155" s="12"/>
    </row>
    <row r="168156" spans="8:8">
      <c r="H168156" s="12"/>
    </row>
    <row r="168157" spans="8:8">
      <c r="H168157" s="12"/>
    </row>
    <row r="168158" spans="8:8">
      <c r="H168158" s="12"/>
    </row>
    <row r="168159" spans="8:8">
      <c r="H168159" s="12"/>
    </row>
    <row r="168160" spans="8:8">
      <c r="H168160" s="12"/>
    </row>
    <row r="168161" spans="8:8">
      <c r="H168161" s="12"/>
    </row>
    <row r="168162" spans="8:8">
      <c r="H168162" s="12"/>
    </row>
    <row r="168163" spans="8:8">
      <c r="H168163" s="12"/>
    </row>
    <row r="168164" spans="8:8">
      <c r="H168164" s="12"/>
    </row>
    <row r="168165" spans="8:8">
      <c r="H168165" s="12"/>
    </row>
    <row r="168166" spans="8:8">
      <c r="H168166" s="12"/>
    </row>
    <row r="168167" spans="8:8">
      <c r="H168167" s="12"/>
    </row>
    <row r="168168" spans="8:8">
      <c r="H168168" s="12"/>
    </row>
    <row r="168169" spans="8:8">
      <c r="H168169" s="12"/>
    </row>
    <row r="168170" spans="8:8">
      <c r="H168170" s="12"/>
    </row>
    <row r="168171" spans="8:8">
      <c r="H168171" s="12"/>
    </row>
    <row r="168172" spans="8:8">
      <c r="H168172" s="12"/>
    </row>
    <row r="168173" spans="8:8">
      <c r="H168173" s="12"/>
    </row>
    <row r="168174" spans="8:8">
      <c r="H168174" s="12"/>
    </row>
    <row r="168175" spans="8:8">
      <c r="H168175" s="12"/>
    </row>
    <row r="168176" spans="8:8">
      <c r="H168176" s="12"/>
    </row>
    <row r="168177" spans="8:8">
      <c r="H168177" s="12"/>
    </row>
    <row r="168178" spans="8:8">
      <c r="H168178" s="12"/>
    </row>
    <row r="168179" spans="8:8">
      <c r="H168179" s="12"/>
    </row>
    <row r="168180" spans="8:8">
      <c r="H168180" s="12"/>
    </row>
    <row r="168181" spans="8:8">
      <c r="H168181" s="12"/>
    </row>
    <row r="168182" spans="8:8">
      <c r="H168182" s="12"/>
    </row>
    <row r="168183" spans="8:8">
      <c r="H168183" s="12"/>
    </row>
    <row r="168184" spans="8:8">
      <c r="H168184" s="12"/>
    </row>
    <row r="168185" spans="8:8">
      <c r="H168185" s="12"/>
    </row>
    <row r="168186" spans="8:8">
      <c r="H168186" s="12"/>
    </row>
    <row r="168187" spans="8:8">
      <c r="H168187" s="12"/>
    </row>
    <row r="168188" spans="8:8">
      <c r="H168188" s="12"/>
    </row>
    <row r="168189" spans="8:8">
      <c r="H168189" s="12"/>
    </row>
    <row r="168190" spans="8:8">
      <c r="H168190" s="12"/>
    </row>
    <row r="168191" spans="8:8">
      <c r="H168191" s="12"/>
    </row>
    <row r="168192" spans="8:8">
      <c r="H168192" s="12"/>
    </row>
    <row r="168193" spans="8:8">
      <c r="H168193" s="12"/>
    </row>
    <row r="168194" spans="8:8">
      <c r="H168194" s="12"/>
    </row>
    <row r="168195" spans="8:8">
      <c r="H168195" s="12"/>
    </row>
    <row r="168196" spans="8:8">
      <c r="H168196" s="12"/>
    </row>
    <row r="168197" spans="8:8">
      <c r="H168197" s="12"/>
    </row>
    <row r="168198" spans="8:8">
      <c r="H168198" s="12"/>
    </row>
    <row r="168199" spans="8:8">
      <c r="H168199" s="12"/>
    </row>
    <row r="168200" spans="8:8">
      <c r="H168200" s="12"/>
    </row>
    <row r="168201" spans="8:8">
      <c r="H168201" s="12"/>
    </row>
    <row r="168202" spans="8:8">
      <c r="H168202" s="12"/>
    </row>
    <row r="168203" spans="8:8">
      <c r="H168203" s="12"/>
    </row>
    <row r="168204" spans="8:8">
      <c r="H168204" s="12"/>
    </row>
    <row r="168205" spans="8:8">
      <c r="H168205" s="12"/>
    </row>
    <row r="168206" spans="8:8">
      <c r="H168206" s="12"/>
    </row>
    <row r="168207" spans="8:8">
      <c r="H168207" s="12"/>
    </row>
    <row r="168208" spans="8:8">
      <c r="H168208" s="12"/>
    </row>
    <row r="168209" spans="8:8">
      <c r="H168209" s="12"/>
    </row>
    <row r="168210" spans="8:8">
      <c r="H168210" s="12"/>
    </row>
    <row r="168211" spans="8:8">
      <c r="H168211" s="12"/>
    </row>
    <row r="168212" spans="8:8">
      <c r="H168212" s="12"/>
    </row>
    <row r="168213" spans="8:8">
      <c r="H168213" s="12"/>
    </row>
    <row r="168214" spans="8:8">
      <c r="H168214" s="12"/>
    </row>
    <row r="168215" spans="8:8">
      <c r="H168215" s="12"/>
    </row>
    <row r="168216" spans="8:8">
      <c r="H168216" s="12"/>
    </row>
    <row r="168217" spans="8:8">
      <c r="H168217" s="12"/>
    </row>
    <row r="168218" spans="8:8">
      <c r="H168218" s="12"/>
    </row>
    <row r="168219" spans="8:8">
      <c r="H168219" s="12"/>
    </row>
    <row r="168220" spans="8:8">
      <c r="H168220" s="12"/>
    </row>
    <row r="168221" spans="8:8">
      <c r="H168221" s="12"/>
    </row>
    <row r="168222" spans="8:8">
      <c r="H168222" s="12"/>
    </row>
    <row r="168223" spans="8:8">
      <c r="H168223" s="12"/>
    </row>
    <row r="168224" spans="8:8">
      <c r="H168224" s="12"/>
    </row>
    <row r="168225" spans="8:8">
      <c r="H168225" s="12"/>
    </row>
    <row r="168226" spans="8:8">
      <c r="H168226" s="12"/>
    </row>
    <row r="168227" spans="8:8">
      <c r="H168227" s="12"/>
    </row>
    <row r="168228" spans="8:8">
      <c r="H168228" s="12"/>
    </row>
    <row r="168229" spans="8:8">
      <c r="H168229" s="12"/>
    </row>
    <row r="168230" spans="8:8">
      <c r="H168230" s="12"/>
    </row>
    <row r="168231" spans="8:8">
      <c r="H168231" s="12"/>
    </row>
    <row r="168232" spans="8:8">
      <c r="H168232" s="12"/>
    </row>
    <row r="168233" spans="8:8">
      <c r="H168233" s="12"/>
    </row>
    <row r="168234" spans="8:8">
      <c r="H168234" s="12"/>
    </row>
    <row r="168235" spans="8:8">
      <c r="H168235" s="12"/>
    </row>
    <row r="168236" spans="8:8">
      <c r="H168236" s="12"/>
    </row>
    <row r="168237" spans="8:8">
      <c r="H168237" s="12"/>
    </row>
    <row r="168238" spans="8:8">
      <c r="H168238" s="12"/>
    </row>
    <row r="168239" spans="8:8">
      <c r="H168239" s="12"/>
    </row>
    <row r="168240" spans="8:8">
      <c r="H168240" s="12"/>
    </row>
    <row r="168241" spans="8:8">
      <c r="H168241" s="12"/>
    </row>
    <row r="168242" spans="8:8">
      <c r="H168242" s="12"/>
    </row>
    <row r="168243" spans="8:8">
      <c r="H168243" s="12"/>
    </row>
    <row r="168244" spans="8:8">
      <c r="H168244" s="12"/>
    </row>
    <row r="168245" spans="8:8">
      <c r="H168245" s="12"/>
    </row>
    <row r="168246" spans="8:8">
      <c r="H168246" s="12"/>
    </row>
    <row r="168247" spans="8:8">
      <c r="H168247" s="12"/>
    </row>
    <row r="168248" spans="8:8">
      <c r="H168248" s="12"/>
    </row>
    <row r="168249" spans="8:8">
      <c r="H168249" s="12"/>
    </row>
    <row r="168250" spans="8:8">
      <c r="H168250" s="12"/>
    </row>
    <row r="168251" spans="8:8">
      <c r="H168251" s="12"/>
    </row>
    <row r="168252" spans="8:8">
      <c r="H168252" s="12"/>
    </row>
    <row r="168253" spans="8:8">
      <c r="H168253" s="12"/>
    </row>
    <row r="168254" spans="8:8">
      <c r="H168254" s="12"/>
    </row>
    <row r="168255" spans="8:8">
      <c r="H168255" s="12"/>
    </row>
    <row r="168256" spans="8:8">
      <c r="H168256" s="12"/>
    </row>
    <row r="168257" spans="8:8">
      <c r="H168257" s="12"/>
    </row>
    <row r="168258" spans="8:8">
      <c r="H168258" s="12"/>
    </row>
    <row r="168259" spans="8:8">
      <c r="H168259" s="12"/>
    </row>
    <row r="168260" spans="8:8">
      <c r="H168260" s="12"/>
    </row>
    <row r="168261" spans="8:8">
      <c r="H168261" s="12"/>
    </row>
    <row r="168262" spans="8:8">
      <c r="H168262" s="12"/>
    </row>
    <row r="168263" spans="8:8">
      <c r="H168263" s="12"/>
    </row>
    <row r="168264" spans="8:8">
      <c r="H168264" s="12"/>
    </row>
    <row r="168265" spans="8:8">
      <c r="H168265" s="12"/>
    </row>
    <row r="168266" spans="8:8">
      <c r="H168266" s="12"/>
    </row>
    <row r="168267" spans="8:8">
      <c r="H168267" s="12"/>
    </row>
    <row r="168268" spans="8:8">
      <c r="H168268" s="12"/>
    </row>
    <row r="168269" spans="8:8">
      <c r="H168269" s="12"/>
    </row>
    <row r="168270" spans="8:8">
      <c r="H168270" s="12"/>
    </row>
    <row r="168271" spans="8:8">
      <c r="H168271" s="12"/>
    </row>
    <row r="168272" spans="8:8">
      <c r="H168272" s="12"/>
    </row>
    <row r="168273" spans="8:8">
      <c r="H168273" s="12"/>
    </row>
    <row r="168274" spans="8:8">
      <c r="H168274" s="12"/>
    </row>
    <row r="168275" spans="8:8">
      <c r="H168275" s="12"/>
    </row>
    <row r="168276" spans="8:8">
      <c r="H168276" s="12"/>
    </row>
    <row r="168277" spans="8:8">
      <c r="H168277" s="12"/>
    </row>
    <row r="168278" spans="8:8">
      <c r="H168278" s="12"/>
    </row>
    <row r="168279" spans="8:8">
      <c r="H168279" s="12"/>
    </row>
    <row r="168280" spans="8:8">
      <c r="H168280" s="12"/>
    </row>
    <row r="168281" spans="8:8">
      <c r="H168281" s="12"/>
    </row>
    <row r="168282" spans="8:8">
      <c r="H168282" s="12"/>
    </row>
    <row r="168283" spans="8:8">
      <c r="H168283" s="12"/>
    </row>
    <row r="168284" spans="8:8">
      <c r="H168284" s="12"/>
    </row>
    <row r="168285" spans="8:8">
      <c r="H168285" s="12"/>
    </row>
    <row r="168286" spans="8:8">
      <c r="H168286" s="12"/>
    </row>
    <row r="168287" spans="8:8">
      <c r="H168287" s="12"/>
    </row>
    <row r="168288" spans="8:8">
      <c r="H168288" s="12"/>
    </row>
    <row r="168289" spans="8:8">
      <c r="H168289" s="12"/>
    </row>
    <row r="168290" spans="8:8">
      <c r="H168290" s="12"/>
    </row>
    <row r="168291" spans="8:8">
      <c r="H168291" s="12"/>
    </row>
    <row r="168292" spans="8:8">
      <c r="H168292" s="12"/>
    </row>
    <row r="168293" spans="8:8">
      <c r="H168293" s="12"/>
    </row>
    <row r="168294" spans="8:8">
      <c r="H168294" s="12"/>
    </row>
    <row r="168295" spans="8:8">
      <c r="H168295" s="12"/>
    </row>
    <row r="168296" spans="8:8">
      <c r="H168296" s="12"/>
    </row>
    <row r="168297" spans="8:8">
      <c r="H168297" s="12"/>
    </row>
    <row r="168298" spans="8:8">
      <c r="H168298" s="12"/>
    </row>
    <row r="168299" spans="8:8">
      <c r="H168299" s="12"/>
    </row>
    <row r="168300" spans="8:8">
      <c r="H168300" s="12"/>
    </row>
    <row r="168301" spans="8:8">
      <c r="H168301" s="12"/>
    </row>
    <row r="168302" spans="8:8">
      <c r="H168302" s="12"/>
    </row>
    <row r="168303" spans="8:8">
      <c r="H168303" s="12"/>
    </row>
    <row r="168304" spans="8:8">
      <c r="H168304" s="12"/>
    </row>
    <row r="168305" spans="8:8">
      <c r="H168305" s="12"/>
    </row>
    <row r="168306" spans="8:8">
      <c r="H168306" s="12"/>
    </row>
    <row r="168307" spans="8:8">
      <c r="H168307" s="12"/>
    </row>
    <row r="168308" spans="8:8">
      <c r="H168308" s="12"/>
    </row>
    <row r="168309" spans="8:8">
      <c r="H168309" s="12"/>
    </row>
    <row r="168310" spans="8:8">
      <c r="H168310" s="12"/>
    </row>
    <row r="168311" spans="8:8">
      <c r="H168311" s="12"/>
    </row>
    <row r="168312" spans="8:8">
      <c r="H168312" s="12"/>
    </row>
    <row r="168313" spans="8:8">
      <c r="H168313" s="12"/>
    </row>
    <row r="168314" spans="8:8">
      <c r="H168314" s="12"/>
    </row>
    <row r="168315" spans="8:8">
      <c r="H168315" s="12"/>
    </row>
    <row r="168316" spans="8:8">
      <c r="H168316" s="12"/>
    </row>
    <row r="168317" spans="8:8">
      <c r="H168317" s="12"/>
    </row>
    <row r="168318" spans="8:8">
      <c r="H168318" s="12"/>
    </row>
    <row r="168319" spans="8:8">
      <c r="H168319" s="12"/>
    </row>
    <row r="168320" spans="8:8">
      <c r="H168320" s="12"/>
    </row>
    <row r="168321" spans="8:8">
      <c r="H168321" s="12"/>
    </row>
    <row r="168322" spans="8:8">
      <c r="H168322" s="12"/>
    </row>
    <row r="168323" spans="8:8">
      <c r="H168323" s="12"/>
    </row>
    <row r="168324" spans="8:8">
      <c r="H168324" s="12"/>
    </row>
    <row r="168325" spans="8:8">
      <c r="H168325" s="12"/>
    </row>
    <row r="168326" spans="8:8">
      <c r="H168326" s="12"/>
    </row>
    <row r="168327" spans="8:8">
      <c r="H168327" s="12"/>
    </row>
    <row r="168328" spans="8:8">
      <c r="H168328" s="12"/>
    </row>
    <row r="168329" spans="8:8">
      <c r="H168329" s="12"/>
    </row>
    <row r="168330" spans="8:8">
      <c r="H168330" s="12"/>
    </row>
    <row r="168331" spans="8:8">
      <c r="H168331" s="12"/>
    </row>
    <row r="168332" spans="8:8">
      <c r="H168332" s="12"/>
    </row>
    <row r="168333" spans="8:8">
      <c r="H168333" s="12"/>
    </row>
    <row r="168334" spans="8:8">
      <c r="H168334" s="12"/>
    </row>
    <row r="168335" spans="8:8">
      <c r="H168335" s="12"/>
    </row>
    <row r="168336" spans="8:8">
      <c r="H168336" s="12"/>
    </row>
    <row r="168337" spans="8:8">
      <c r="H168337" s="12"/>
    </row>
    <row r="168338" spans="8:8">
      <c r="H168338" s="12"/>
    </row>
    <row r="168339" spans="8:8">
      <c r="H168339" s="12"/>
    </row>
    <row r="168340" spans="8:8">
      <c r="H168340" s="12"/>
    </row>
    <row r="168341" spans="8:8">
      <c r="H168341" s="12"/>
    </row>
    <row r="168342" spans="8:8">
      <c r="H168342" s="12"/>
    </row>
    <row r="168343" spans="8:8">
      <c r="H168343" s="12"/>
    </row>
    <row r="168344" spans="8:8">
      <c r="H168344" s="12"/>
    </row>
    <row r="168345" spans="8:8">
      <c r="H168345" s="12"/>
    </row>
    <row r="168346" spans="8:8">
      <c r="H168346" s="12"/>
    </row>
    <row r="168347" spans="8:8">
      <c r="H168347" s="12"/>
    </row>
    <row r="168348" spans="8:8">
      <c r="H168348" s="12"/>
    </row>
    <row r="168349" spans="8:8">
      <c r="H168349" s="12"/>
    </row>
    <row r="168350" spans="8:8">
      <c r="H168350" s="12"/>
    </row>
    <row r="168351" spans="8:8">
      <c r="H168351" s="12"/>
    </row>
    <row r="168352" spans="8:8">
      <c r="H168352" s="12"/>
    </row>
    <row r="168353" spans="8:8">
      <c r="H168353" s="12"/>
    </row>
    <row r="168354" spans="8:8">
      <c r="H168354" s="12"/>
    </row>
    <row r="168355" spans="8:8">
      <c r="H168355" s="12"/>
    </row>
    <row r="168356" spans="8:8">
      <c r="H168356" s="12"/>
    </row>
    <row r="168357" spans="8:8">
      <c r="H168357" s="12"/>
    </row>
    <row r="168358" spans="8:8">
      <c r="H168358" s="12"/>
    </row>
    <row r="168359" spans="8:8">
      <c r="H168359" s="12"/>
    </row>
    <row r="168360" spans="8:8">
      <c r="H168360" s="12"/>
    </row>
    <row r="168361" spans="8:8">
      <c r="H168361" s="12"/>
    </row>
    <row r="168362" spans="8:8">
      <c r="H168362" s="12"/>
    </row>
    <row r="168363" spans="8:8">
      <c r="H168363" s="12"/>
    </row>
    <row r="168364" spans="8:8">
      <c r="H168364" s="12"/>
    </row>
    <row r="168365" spans="8:8">
      <c r="H168365" s="12"/>
    </row>
    <row r="168366" spans="8:8">
      <c r="H168366" s="12"/>
    </row>
    <row r="168367" spans="8:8">
      <c r="H168367" s="12"/>
    </row>
    <row r="168368" spans="8:8">
      <c r="H168368" s="12"/>
    </row>
    <row r="168369" spans="8:8">
      <c r="H168369" s="12"/>
    </row>
    <row r="168370" spans="8:8">
      <c r="H168370" s="12"/>
    </row>
    <row r="168371" spans="8:8">
      <c r="H168371" s="12"/>
    </row>
    <row r="168372" spans="8:8">
      <c r="H168372" s="12"/>
    </row>
    <row r="168373" spans="8:8">
      <c r="H168373" s="12"/>
    </row>
    <row r="168374" spans="8:8">
      <c r="H168374" s="12"/>
    </row>
    <row r="168375" spans="8:8">
      <c r="H168375" s="12"/>
    </row>
    <row r="168376" spans="8:8">
      <c r="H168376" s="12"/>
    </row>
    <row r="168377" spans="8:8">
      <c r="H168377" s="12"/>
    </row>
    <row r="168378" spans="8:8">
      <c r="H168378" s="12"/>
    </row>
    <row r="168379" spans="8:8">
      <c r="H168379" s="12"/>
    </row>
    <row r="168380" spans="8:8">
      <c r="H168380" s="12"/>
    </row>
    <row r="168381" spans="8:8">
      <c r="H168381" s="12"/>
    </row>
    <row r="168382" spans="8:8">
      <c r="H168382" s="12"/>
    </row>
    <row r="168383" spans="8:8">
      <c r="H168383" s="12"/>
    </row>
    <row r="168384" spans="8:8">
      <c r="H168384" s="12"/>
    </row>
    <row r="168385" spans="8:8">
      <c r="H168385" s="12"/>
    </row>
    <row r="168386" spans="8:8">
      <c r="H168386" s="12"/>
    </row>
    <row r="168387" spans="8:8">
      <c r="H168387" s="12"/>
    </row>
    <row r="168388" spans="8:8">
      <c r="H168388" s="12"/>
    </row>
    <row r="168389" spans="8:8">
      <c r="H168389" s="12"/>
    </row>
    <row r="168390" spans="8:8">
      <c r="H168390" s="12"/>
    </row>
    <row r="168391" spans="8:8">
      <c r="H168391" s="12"/>
    </row>
    <row r="168392" spans="8:8">
      <c r="H168392" s="12"/>
    </row>
    <row r="168393" spans="8:8">
      <c r="H168393" s="12"/>
    </row>
    <row r="168394" spans="8:8">
      <c r="H168394" s="12"/>
    </row>
    <row r="168395" spans="8:8">
      <c r="H168395" s="12"/>
    </row>
    <row r="168396" spans="8:8">
      <c r="H168396" s="12"/>
    </row>
    <row r="168397" spans="8:8">
      <c r="H168397" s="12"/>
    </row>
    <row r="168398" spans="8:8">
      <c r="H168398" s="12"/>
    </row>
    <row r="168399" spans="8:8">
      <c r="H168399" s="12"/>
    </row>
    <row r="168400" spans="8:8">
      <c r="H168400" s="12"/>
    </row>
    <row r="168401" spans="8:8">
      <c r="H168401" s="12"/>
    </row>
    <row r="168402" spans="8:8">
      <c r="H168402" s="12"/>
    </row>
    <row r="168403" spans="8:8">
      <c r="H168403" s="12"/>
    </row>
    <row r="168404" spans="8:8">
      <c r="H168404" s="12"/>
    </row>
    <row r="168405" spans="8:8">
      <c r="H168405" s="12"/>
    </row>
    <row r="168406" spans="8:8">
      <c r="H168406" s="12"/>
    </row>
    <row r="168407" spans="8:8">
      <c r="H168407" s="12"/>
    </row>
    <row r="168408" spans="8:8">
      <c r="H168408" s="12"/>
    </row>
    <row r="168409" spans="8:8">
      <c r="H168409" s="12"/>
    </row>
    <row r="168410" spans="8:8">
      <c r="H168410" s="12"/>
    </row>
    <row r="168411" spans="8:8">
      <c r="H168411" s="12"/>
    </row>
    <row r="168412" spans="8:8">
      <c r="H168412" s="12"/>
    </row>
    <row r="168413" spans="8:8">
      <c r="H168413" s="12"/>
    </row>
    <row r="168414" spans="8:8">
      <c r="H168414" s="12"/>
    </row>
    <row r="168415" spans="8:8">
      <c r="H168415" s="12"/>
    </row>
    <row r="168416" spans="8:8">
      <c r="H168416" s="12"/>
    </row>
    <row r="168417" spans="8:8">
      <c r="H168417" s="12"/>
    </row>
    <row r="168418" spans="8:8">
      <c r="H168418" s="12"/>
    </row>
    <row r="168419" spans="8:8">
      <c r="H168419" s="12"/>
    </row>
    <row r="168420" spans="8:8">
      <c r="H168420" s="12"/>
    </row>
    <row r="168421" spans="8:8">
      <c r="H168421" s="12"/>
    </row>
    <row r="168422" spans="8:8">
      <c r="H168422" s="12"/>
    </row>
    <row r="168423" spans="8:8">
      <c r="H168423" s="12"/>
    </row>
    <row r="168424" spans="8:8">
      <c r="H168424" s="12"/>
    </row>
    <row r="168425" spans="8:8">
      <c r="H168425" s="12"/>
    </row>
    <row r="168426" spans="8:8">
      <c r="H168426" s="12"/>
    </row>
    <row r="168427" spans="8:8">
      <c r="H168427" s="12"/>
    </row>
    <row r="168428" spans="8:8">
      <c r="H168428" s="12"/>
    </row>
    <row r="168429" spans="8:8">
      <c r="H168429" s="12"/>
    </row>
    <row r="168430" spans="8:8">
      <c r="H168430" s="12"/>
    </row>
    <row r="168431" spans="8:8">
      <c r="H168431" s="12"/>
    </row>
    <row r="168432" spans="8:8">
      <c r="H168432" s="12"/>
    </row>
    <row r="168433" spans="8:8">
      <c r="H168433" s="12"/>
    </row>
    <row r="168434" spans="8:8">
      <c r="H168434" s="12"/>
    </row>
    <row r="168435" spans="8:8">
      <c r="H168435" s="12"/>
    </row>
    <row r="168436" spans="8:8">
      <c r="H168436" s="12"/>
    </row>
    <row r="168437" spans="8:8">
      <c r="H168437" s="12"/>
    </row>
    <row r="168438" spans="8:8">
      <c r="H168438" s="12"/>
    </row>
    <row r="168439" spans="8:8">
      <c r="H168439" s="12"/>
    </row>
    <row r="168440" spans="8:8">
      <c r="H168440" s="12"/>
    </row>
    <row r="168441" spans="8:8">
      <c r="H168441" s="12"/>
    </row>
    <row r="168442" spans="8:8">
      <c r="H168442" s="12"/>
    </row>
    <row r="168443" spans="8:8">
      <c r="H168443" s="12"/>
    </row>
    <row r="168444" spans="8:8">
      <c r="H168444" s="12"/>
    </row>
    <row r="168445" spans="8:8">
      <c r="H168445" s="12"/>
    </row>
    <row r="168446" spans="8:8">
      <c r="H168446" s="12"/>
    </row>
    <row r="168447" spans="8:8">
      <c r="H168447" s="12"/>
    </row>
    <row r="168448" spans="8:8">
      <c r="H168448" s="12"/>
    </row>
    <row r="168449" spans="8:8">
      <c r="H168449" s="12"/>
    </row>
    <row r="168450" spans="8:8">
      <c r="H168450" s="12"/>
    </row>
    <row r="168451" spans="8:8">
      <c r="H168451" s="12"/>
    </row>
    <row r="168452" spans="8:8">
      <c r="H168452" s="12"/>
    </row>
    <row r="168453" spans="8:8">
      <c r="H168453" s="12"/>
    </row>
    <row r="168454" spans="8:8">
      <c r="H168454" s="12"/>
    </row>
    <row r="168455" spans="8:8">
      <c r="H168455" s="12"/>
    </row>
    <row r="168456" spans="8:8">
      <c r="H168456" s="12"/>
    </row>
    <row r="168457" spans="8:8">
      <c r="H168457" s="12"/>
    </row>
    <row r="168458" spans="8:8">
      <c r="H168458" s="12"/>
    </row>
    <row r="168459" spans="8:8">
      <c r="H168459" s="12"/>
    </row>
    <row r="168460" spans="8:8">
      <c r="H168460" s="12"/>
    </row>
    <row r="168461" spans="8:8">
      <c r="H168461" s="12"/>
    </row>
    <row r="168462" spans="8:8">
      <c r="H168462" s="12"/>
    </row>
    <row r="168463" spans="8:8">
      <c r="H168463" s="12"/>
    </row>
    <row r="168464" spans="8:8">
      <c r="H168464" s="12"/>
    </row>
    <row r="168465" spans="8:8">
      <c r="H168465" s="12"/>
    </row>
    <row r="168466" spans="8:8">
      <c r="H168466" s="12"/>
    </row>
    <row r="168467" spans="8:8">
      <c r="H168467" s="12"/>
    </row>
    <row r="168468" spans="8:8">
      <c r="H168468" s="12"/>
    </row>
    <row r="168469" spans="8:8">
      <c r="H168469" s="12"/>
    </row>
    <row r="168470" spans="8:8">
      <c r="H168470" s="12"/>
    </row>
    <row r="168471" spans="8:8">
      <c r="H168471" s="12"/>
    </row>
    <row r="168472" spans="8:8">
      <c r="H168472" s="12"/>
    </row>
    <row r="168473" spans="8:8">
      <c r="H168473" s="12"/>
    </row>
    <row r="168474" spans="8:8">
      <c r="H168474" s="12"/>
    </row>
    <row r="168475" spans="8:8">
      <c r="H168475" s="12"/>
    </row>
    <row r="168476" spans="8:8">
      <c r="H168476" s="12"/>
    </row>
    <row r="168477" spans="8:8">
      <c r="H168477" s="12"/>
    </row>
    <row r="168478" spans="8:8">
      <c r="H168478" s="12"/>
    </row>
    <row r="168479" spans="8:8">
      <c r="H168479" s="12"/>
    </row>
    <row r="168480" spans="8:8">
      <c r="H168480" s="12"/>
    </row>
    <row r="168481" spans="8:8">
      <c r="H168481" s="12"/>
    </row>
    <row r="168482" spans="8:8">
      <c r="H168482" s="12"/>
    </row>
    <row r="168483" spans="8:8">
      <c r="H168483" s="12"/>
    </row>
    <row r="168484" spans="8:8">
      <c r="H168484" s="12"/>
    </row>
    <row r="168485" spans="8:8">
      <c r="H168485" s="12"/>
    </row>
    <row r="168486" spans="8:8">
      <c r="H168486" s="12"/>
    </row>
    <row r="168487" spans="8:8">
      <c r="H168487" s="12"/>
    </row>
    <row r="168488" spans="8:8">
      <c r="H168488" s="12"/>
    </row>
    <row r="168489" spans="8:8">
      <c r="H168489" s="12"/>
    </row>
    <row r="168490" spans="8:8">
      <c r="H168490" s="12"/>
    </row>
    <row r="168491" spans="8:8">
      <c r="H168491" s="12"/>
    </row>
    <row r="168492" spans="8:8">
      <c r="H168492" s="12"/>
    </row>
    <row r="168493" spans="8:8">
      <c r="H168493" s="12"/>
    </row>
    <row r="168494" spans="8:8">
      <c r="H168494" s="12"/>
    </row>
    <row r="168495" spans="8:8">
      <c r="H168495" s="12"/>
    </row>
    <row r="168496" spans="8:8">
      <c r="H168496" s="12"/>
    </row>
    <row r="168497" spans="8:8">
      <c r="H168497" s="12"/>
    </row>
    <row r="168498" spans="8:8">
      <c r="H168498" s="12"/>
    </row>
    <row r="168499" spans="8:8">
      <c r="H168499" s="12"/>
    </row>
    <row r="168500" spans="8:8">
      <c r="H168500" s="12"/>
    </row>
    <row r="168501" spans="8:8">
      <c r="H168501" s="12"/>
    </row>
    <row r="168502" spans="8:8">
      <c r="H168502" s="12"/>
    </row>
    <row r="168503" spans="8:8">
      <c r="H168503" s="12"/>
    </row>
    <row r="168504" spans="8:8">
      <c r="H168504" s="12"/>
    </row>
    <row r="168505" spans="8:8">
      <c r="H168505" s="12"/>
    </row>
    <row r="168506" spans="8:8">
      <c r="H168506" s="12"/>
    </row>
    <row r="168507" spans="8:8">
      <c r="H168507" s="12"/>
    </row>
    <row r="168508" spans="8:8">
      <c r="H168508" s="12"/>
    </row>
    <row r="168509" spans="8:8">
      <c r="H168509" s="12"/>
    </row>
    <row r="168510" spans="8:8">
      <c r="H168510" s="12"/>
    </row>
    <row r="168511" spans="8:8">
      <c r="H168511" s="12"/>
    </row>
    <row r="168512" spans="8:8">
      <c r="H168512" s="12"/>
    </row>
    <row r="168513" spans="8:8">
      <c r="H168513" s="12"/>
    </row>
    <row r="168514" spans="8:8">
      <c r="H168514" s="12"/>
    </row>
    <row r="168515" spans="8:8">
      <c r="H168515" s="12"/>
    </row>
    <row r="168516" spans="8:8">
      <c r="H168516" s="12"/>
    </row>
    <row r="168517" spans="8:8">
      <c r="H168517" s="12"/>
    </row>
    <row r="168518" spans="8:8">
      <c r="H168518" s="12"/>
    </row>
    <row r="168519" spans="8:8">
      <c r="H168519" s="12"/>
    </row>
    <row r="168520" spans="8:8">
      <c r="H168520" s="12"/>
    </row>
    <row r="168521" spans="8:8">
      <c r="H168521" s="12"/>
    </row>
    <row r="168522" spans="8:8">
      <c r="H168522" s="12"/>
    </row>
    <row r="168523" spans="8:8">
      <c r="H168523" s="12"/>
    </row>
    <row r="168524" spans="8:8">
      <c r="H168524" s="12"/>
    </row>
    <row r="168525" spans="8:8">
      <c r="H168525" s="12"/>
    </row>
    <row r="168526" spans="8:8">
      <c r="H168526" s="12"/>
    </row>
    <row r="168527" spans="8:8">
      <c r="H168527" s="12"/>
    </row>
    <row r="168528" spans="8:8">
      <c r="H168528" s="12"/>
    </row>
    <row r="168529" spans="8:8">
      <c r="H168529" s="12"/>
    </row>
    <row r="168530" spans="8:8">
      <c r="H168530" s="12"/>
    </row>
    <row r="168531" spans="8:8">
      <c r="H168531" s="12"/>
    </row>
    <row r="168532" spans="8:8">
      <c r="H168532" s="12"/>
    </row>
    <row r="168533" spans="8:8">
      <c r="H168533" s="12"/>
    </row>
    <row r="168534" spans="8:8">
      <c r="H168534" s="12"/>
    </row>
    <row r="168535" spans="8:8">
      <c r="H168535" s="12"/>
    </row>
    <row r="168536" spans="8:8">
      <c r="H168536" s="12"/>
    </row>
    <row r="168537" spans="8:8">
      <c r="H168537" s="12"/>
    </row>
    <row r="168538" spans="8:8">
      <c r="H168538" s="12"/>
    </row>
    <row r="168539" spans="8:8">
      <c r="H168539" s="12"/>
    </row>
    <row r="168540" spans="8:8">
      <c r="H168540" s="12"/>
    </row>
    <row r="168541" spans="8:8">
      <c r="H168541" s="12"/>
    </row>
    <row r="168542" spans="8:8">
      <c r="H168542" s="12"/>
    </row>
    <row r="168543" spans="8:8">
      <c r="H168543" s="12"/>
    </row>
    <row r="168544" spans="8:8">
      <c r="H168544" s="12"/>
    </row>
    <row r="168545" spans="8:8">
      <c r="H168545" s="12"/>
    </row>
    <row r="168546" spans="8:8">
      <c r="H168546" s="12"/>
    </row>
    <row r="168547" spans="8:8">
      <c r="H168547" s="12"/>
    </row>
    <row r="168548" spans="8:8">
      <c r="H168548" s="12"/>
    </row>
    <row r="168549" spans="8:8">
      <c r="H168549" s="12"/>
    </row>
    <row r="168550" spans="8:8">
      <c r="H168550" s="12"/>
    </row>
    <row r="168551" spans="8:8">
      <c r="H168551" s="12"/>
    </row>
    <row r="168552" spans="8:8">
      <c r="H168552" s="12"/>
    </row>
    <row r="168553" spans="8:8">
      <c r="H168553" s="12"/>
    </row>
    <row r="168554" spans="8:8">
      <c r="H168554" s="12"/>
    </row>
    <row r="168555" spans="8:8">
      <c r="H168555" s="12"/>
    </row>
    <row r="168556" spans="8:8">
      <c r="H168556" s="12"/>
    </row>
    <row r="168557" spans="8:8">
      <c r="H168557" s="12"/>
    </row>
    <row r="168558" spans="8:8">
      <c r="H168558" s="12"/>
    </row>
    <row r="168559" spans="8:8">
      <c r="H168559" s="12"/>
    </row>
    <row r="168560" spans="8:8">
      <c r="H168560" s="12"/>
    </row>
    <row r="168561" spans="8:8">
      <c r="H168561" s="12"/>
    </row>
    <row r="168562" spans="8:8">
      <c r="H168562" s="12"/>
    </row>
    <row r="168563" spans="8:8">
      <c r="H168563" s="12"/>
    </row>
    <row r="168564" spans="8:8">
      <c r="H168564" s="12"/>
    </row>
    <row r="168565" spans="8:8">
      <c r="H168565" s="12"/>
    </row>
    <row r="168566" spans="8:8">
      <c r="H168566" s="12"/>
    </row>
    <row r="168567" spans="8:8">
      <c r="H168567" s="12"/>
    </row>
    <row r="168568" spans="8:8">
      <c r="H168568" s="12"/>
    </row>
    <row r="168569" spans="8:8">
      <c r="H168569" s="12"/>
    </row>
    <row r="168570" spans="8:8">
      <c r="H168570" s="12"/>
    </row>
    <row r="168571" spans="8:8">
      <c r="H168571" s="12"/>
    </row>
    <row r="168572" spans="8:8">
      <c r="H168572" s="12"/>
    </row>
    <row r="168573" spans="8:8">
      <c r="H168573" s="12"/>
    </row>
    <row r="168574" spans="8:8">
      <c r="H168574" s="12"/>
    </row>
    <row r="168575" spans="8:8">
      <c r="H168575" s="12"/>
    </row>
    <row r="168576" spans="8:8">
      <c r="H168576" s="12"/>
    </row>
    <row r="168577" spans="8:8">
      <c r="H168577" s="12"/>
    </row>
    <row r="168578" spans="8:8">
      <c r="H168578" s="12"/>
    </row>
    <row r="168579" spans="8:8">
      <c r="H168579" s="12"/>
    </row>
    <row r="168580" spans="8:8">
      <c r="H168580" s="12"/>
    </row>
    <row r="168581" spans="8:8">
      <c r="H168581" s="12"/>
    </row>
    <row r="168582" spans="8:8">
      <c r="H168582" s="12"/>
    </row>
    <row r="168583" spans="8:8">
      <c r="H168583" s="12"/>
    </row>
    <row r="168584" spans="8:8">
      <c r="H168584" s="12"/>
    </row>
    <row r="168585" spans="8:8">
      <c r="H168585" s="12"/>
    </row>
    <row r="168586" spans="8:8">
      <c r="H168586" s="12"/>
    </row>
    <row r="168587" spans="8:8">
      <c r="H168587" s="12"/>
    </row>
    <row r="168588" spans="8:8">
      <c r="H168588" s="12"/>
    </row>
    <row r="168589" spans="8:8">
      <c r="H168589" s="12"/>
    </row>
    <row r="168590" spans="8:8">
      <c r="H168590" s="12"/>
    </row>
    <row r="168591" spans="8:8">
      <c r="H168591" s="12"/>
    </row>
    <row r="168592" spans="8:8">
      <c r="H168592" s="12"/>
    </row>
    <row r="168593" spans="8:8">
      <c r="H168593" s="12"/>
    </row>
    <row r="168594" spans="8:8">
      <c r="H168594" s="12"/>
    </row>
    <row r="168595" spans="8:8">
      <c r="H168595" s="12"/>
    </row>
    <row r="168596" spans="8:8">
      <c r="H168596" s="12"/>
    </row>
    <row r="168597" spans="8:8">
      <c r="H168597" s="12"/>
    </row>
    <row r="168598" spans="8:8">
      <c r="H168598" s="12"/>
    </row>
    <row r="168599" spans="8:8">
      <c r="H168599" s="12"/>
    </row>
    <row r="168600" spans="8:8">
      <c r="H168600" s="12"/>
    </row>
    <row r="168601" spans="8:8">
      <c r="H168601" s="12"/>
    </row>
    <row r="168602" spans="8:8">
      <c r="H168602" s="12"/>
    </row>
    <row r="168603" spans="8:8">
      <c r="H168603" s="12"/>
    </row>
    <row r="168604" spans="8:8">
      <c r="H168604" s="12"/>
    </row>
    <row r="168605" spans="8:8">
      <c r="H168605" s="12"/>
    </row>
    <row r="168606" spans="8:8">
      <c r="H168606" s="12"/>
    </row>
    <row r="168607" spans="8:8">
      <c r="H168607" s="12"/>
    </row>
    <row r="168608" spans="8:8">
      <c r="H168608" s="12"/>
    </row>
    <row r="168609" spans="8:8">
      <c r="H168609" s="12"/>
    </row>
    <row r="168610" spans="8:8">
      <c r="H168610" s="12"/>
    </row>
    <row r="168611" spans="8:8">
      <c r="H168611" s="12"/>
    </row>
    <row r="168612" spans="8:8">
      <c r="H168612" s="12"/>
    </row>
    <row r="168613" spans="8:8">
      <c r="H168613" s="12"/>
    </row>
    <row r="168614" spans="8:8">
      <c r="H168614" s="12"/>
    </row>
    <row r="168615" spans="8:8">
      <c r="H168615" s="12"/>
    </row>
    <row r="168616" spans="8:8">
      <c r="H168616" s="12"/>
    </row>
    <row r="168617" spans="8:8">
      <c r="H168617" s="12"/>
    </row>
    <row r="168618" spans="8:8">
      <c r="H168618" s="12"/>
    </row>
    <row r="168619" spans="8:8">
      <c r="H168619" s="12"/>
    </row>
    <row r="168620" spans="8:8">
      <c r="H168620" s="12"/>
    </row>
    <row r="168621" spans="8:8">
      <c r="H168621" s="12"/>
    </row>
    <row r="168622" spans="8:8">
      <c r="H168622" s="12"/>
    </row>
    <row r="168623" spans="8:8">
      <c r="H168623" s="12"/>
    </row>
    <row r="168624" spans="8:8">
      <c r="H168624" s="12"/>
    </row>
    <row r="168625" spans="8:8">
      <c r="H168625" s="12"/>
    </row>
    <row r="168626" spans="8:8">
      <c r="H168626" s="12"/>
    </row>
    <row r="168627" spans="8:8">
      <c r="H168627" s="12"/>
    </row>
    <row r="168628" spans="8:8">
      <c r="H168628" s="12"/>
    </row>
    <row r="168629" spans="8:8">
      <c r="H168629" s="12"/>
    </row>
    <row r="168630" spans="8:8">
      <c r="H168630" s="12"/>
    </row>
    <row r="168631" spans="8:8">
      <c r="H168631" s="12"/>
    </row>
    <row r="168632" spans="8:8">
      <c r="H168632" s="12"/>
    </row>
    <row r="168633" spans="8:8">
      <c r="H168633" s="12"/>
    </row>
    <row r="168634" spans="8:8">
      <c r="H168634" s="12"/>
    </row>
    <row r="168635" spans="8:8">
      <c r="H168635" s="12"/>
    </row>
    <row r="168636" spans="8:8">
      <c r="H168636" s="12"/>
    </row>
    <row r="168637" spans="8:8">
      <c r="H168637" s="12"/>
    </row>
    <row r="168638" spans="8:8">
      <c r="H168638" s="12"/>
    </row>
    <row r="168639" spans="8:8">
      <c r="H168639" s="12"/>
    </row>
    <row r="168640" spans="8:8">
      <c r="H168640" s="12"/>
    </row>
    <row r="168641" spans="8:8">
      <c r="H168641" s="12"/>
    </row>
    <row r="168642" spans="8:8">
      <c r="H168642" s="12"/>
    </row>
    <row r="168643" spans="8:8">
      <c r="H168643" s="12"/>
    </row>
    <row r="168644" spans="8:8">
      <c r="H168644" s="12"/>
    </row>
    <row r="168645" spans="8:8">
      <c r="H168645" s="12"/>
    </row>
    <row r="168646" spans="8:8">
      <c r="H168646" s="12"/>
    </row>
    <row r="168647" spans="8:8">
      <c r="H168647" s="12"/>
    </row>
    <row r="168648" spans="8:8">
      <c r="H168648" s="12"/>
    </row>
    <row r="168649" spans="8:8">
      <c r="H168649" s="12"/>
    </row>
    <row r="168650" spans="8:8">
      <c r="H168650" s="12"/>
    </row>
    <row r="168651" spans="8:8">
      <c r="H168651" s="12"/>
    </row>
    <row r="168652" spans="8:8">
      <c r="H168652" s="12"/>
    </row>
    <row r="168653" spans="8:8">
      <c r="H168653" s="12"/>
    </row>
    <row r="168654" spans="8:8">
      <c r="H168654" s="12"/>
    </row>
    <row r="168655" spans="8:8">
      <c r="H168655" s="12"/>
    </row>
    <row r="168656" spans="8:8">
      <c r="H168656" s="12"/>
    </row>
    <row r="168657" spans="8:8">
      <c r="H168657" s="12"/>
    </row>
    <row r="168658" spans="8:8">
      <c r="H168658" s="12"/>
    </row>
    <row r="168659" spans="8:8">
      <c r="H168659" s="12"/>
    </row>
    <row r="168660" spans="8:8">
      <c r="H168660" s="12"/>
    </row>
    <row r="168661" spans="8:8">
      <c r="H168661" s="12"/>
    </row>
    <row r="168662" spans="8:8">
      <c r="H168662" s="12"/>
    </row>
    <row r="168663" spans="8:8">
      <c r="H168663" s="12"/>
    </row>
    <row r="168664" spans="8:8">
      <c r="H168664" s="12"/>
    </row>
    <row r="168665" spans="8:8">
      <c r="H168665" s="12"/>
    </row>
    <row r="168666" spans="8:8">
      <c r="H168666" s="12"/>
    </row>
    <row r="168667" spans="8:8">
      <c r="H168667" s="12"/>
    </row>
    <row r="168668" spans="8:8">
      <c r="H168668" s="12"/>
    </row>
    <row r="168669" spans="8:8">
      <c r="H168669" s="12"/>
    </row>
    <row r="168670" spans="8:8">
      <c r="H168670" s="12"/>
    </row>
    <row r="168671" spans="8:8">
      <c r="H168671" s="12"/>
    </row>
    <row r="168672" spans="8:8">
      <c r="H168672" s="12"/>
    </row>
    <row r="168673" spans="8:8">
      <c r="H168673" s="12"/>
    </row>
    <row r="168674" spans="8:8">
      <c r="H168674" s="12"/>
    </row>
    <row r="168675" spans="8:8">
      <c r="H168675" s="12"/>
    </row>
    <row r="168676" spans="8:8">
      <c r="H168676" s="12"/>
    </row>
    <row r="168677" spans="8:8">
      <c r="H168677" s="12"/>
    </row>
    <row r="168678" spans="8:8">
      <c r="H168678" s="12"/>
    </row>
    <row r="168679" spans="8:8">
      <c r="H168679" s="12"/>
    </row>
    <row r="168680" spans="8:8">
      <c r="H168680" s="12"/>
    </row>
    <row r="168681" spans="8:8">
      <c r="H168681" s="12"/>
    </row>
    <row r="168682" spans="8:8">
      <c r="H168682" s="12"/>
    </row>
    <row r="168683" spans="8:8">
      <c r="H168683" s="12"/>
    </row>
    <row r="168684" spans="8:8">
      <c r="H168684" s="12"/>
    </row>
    <row r="168685" spans="8:8">
      <c r="H168685" s="12"/>
    </row>
    <row r="168686" spans="8:8">
      <c r="H168686" s="12"/>
    </row>
    <row r="168687" spans="8:8">
      <c r="H168687" s="12"/>
    </row>
    <row r="168688" spans="8:8">
      <c r="H168688" s="12"/>
    </row>
    <row r="168689" spans="8:8">
      <c r="H168689" s="12"/>
    </row>
    <row r="168690" spans="8:8">
      <c r="H168690" s="12"/>
    </row>
    <row r="168691" spans="8:8">
      <c r="H168691" s="12"/>
    </row>
    <row r="168692" spans="8:8">
      <c r="H168692" s="12"/>
    </row>
    <row r="168693" spans="8:8">
      <c r="H168693" s="12"/>
    </row>
    <row r="168694" spans="8:8">
      <c r="H168694" s="12"/>
    </row>
    <row r="168695" spans="8:8">
      <c r="H168695" s="12"/>
    </row>
    <row r="168696" spans="8:8">
      <c r="H168696" s="12"/>
    </row>
    <row r="168697" spans="8:8">
      <c r="H168697" s="12"/>
    </row>
    <row r="168698" spans="8:8">
      <c r="H168698" s="12"/>
    </row>
    <row r="168699" spans="8:8">
      <c r="H168699" s="12"/>
    </row>
    <row r="168700" spans="8:8">
      <c r="H168700" s="12"/>
    </row>
    <row r="168701" spans="8:8">
      <c r="H168701" s="12"/>
    </row>
    <row r="168702" spans="8:8">
      <c r="H168702" s="12"/>
    </row>
    <row r="168703" spans="8:8">
      <c r="H168703" s="12"/>
    </row>
    <row r="168704" spans="8:8">
      <c r="H168704" s="12"/>
    </row>
    <row r="168705" spans="8:8">
      <c r="H168705" s="12"/>
    </row>
    <row r="168706" spans="8:8">
      <c r="H168706" s="12"/>
    </row>
    <row r="168707" spans="8:8">
      <c r="H168707" s="12"/>
    </row>
    <row r="168708" spans="8:8">
      <c r="H168708" s="12"/>
    </row>
    <row r="168709" spans="8:8">
      <c r="H168709" s="12"/>
    </row>
    <row r="168710" spans="8:8">
      <c r="H168710" s="12"/>
    </row>
    <row r="168711" spans="8:8">
      <c r="H168711" s="12"/>
    </row>
    <row r="168712" spans="8:8">
      <c r="H168712" s="12"/>
    </row>
    <row r="168713" spans="8:8">
      <c r="H168713" s="12"/>
    </row>
    <row r="168714" spans="8:8">
      <c r="H168714" s="12"/>
    </row>
    <row r="168715" spans="8:8">
      <c r="H168715" s="12"/>
    </row>
    <row r="168716" spans="8:8">
      <c r="H168716" s="12"/>
    </row>
    <row r="168717" spans="8:8">
      <c r="H168717" s="12"/>
    </row>
    <row r="168718" spans="8:8">
      <c r="H168718" s="12"/>
    </row>
    <row r="168719" spans="8:8">
      <c r="H168719" s="12"/>
    </row>
    <row r="168720" spans="8:8">
      <c r="H168720" s="12"/>
    </row>
    <row r="168721" spans="8:8">
      <c r="H168721" s="12"/>
    </row>
    <row r="168722" spans="8:8">
      <c r="H168722" s="12"/>
    </row>
    <row r="168723" spans="8:8">
      <c r="H168723" s="12"/>
    </row>
    <row r="168724" spans="8:8">
      <c r="H168724" s="12"/>
    </row>
    <row r="168725" spans="8:8">
      <c r="H168725" s="12"/>
    </row>
    <row r="168726" spans="8:8">
      <c r="H168726" s="12"/>
    </row>
    <row r="168727" spans="8:8">
      <c r="H168727" s="12"/>
    </row>
    <row r="168728" spans="8:8">
      <c r="H168728" s="12"/>
    </row>
    <row r="168729" spans="8:8">
      <c r="H168729" s="12"/>
    </row>
    <row r="168730" spans="8:8">
      <c r="H168730" s="12"/>
    </row>
    <row r="168731" spans="8:8">
      <c r="H168731" s="12"/>
    </row>
    <row r="168732" spans="8:8">
      <c r="H168732" s="12"/>
    </row>
    <row r="168733" spans="8:8">
      <c r="H168733" s="12"/>
    </row>
    <row r="168734" spans="8:8">
      <c r="H168734" s="12"/>
    </row>
    <row r="168735" spans="8:8">
      <c r="H168735" s="12"/>
    </row>
    <row r="168736" spans="8:8">
      <c r="H168736" s="12"/>
    </row>
    <row r="168737" spans="8:8">
      <c r="H168737" s="12"/>
    </row>
    <row r="168738" spans="8:8">
      <c r="H168738" s="12"/>
    </row>
    <row r="168739" spans="8:8">
      <c r="H168739" s="12"/>
    </row>
    <row r="168740" spans="8:8">
      <c r="H168740" s="12"/>
    </row>
    <row r="168741" spans="8:8">
      <c r="H168741" s="12"/>
    </row>
    <row r="168742" spans="8:8">
      <c r="H168742" s="12"/>
    </row>
    <row r="168743" spans="8:8">
      <c r="H168743" s="12"/>
    </row>
    <row r="168744" spans="8:8">
      <c r="H168744" s="12"/>
    </row>
    <row r="168745" spans="8:8">
      <c r="H168745" s="12"/>
    </row>
    <row r="168746" spans="8:8">
      <c r="H168746" s="12"/>
    </row>
    <row r="168747" spans="8:8">
      <c r="H168747" s="12"/>
    </row>
    <row r="168748" spans="8:8">
      <c r="H168748" s="12"/>
    </row>
    <row r="168749" spans="8:8">
      <c r="H168749" s="12"/>
    </row>
    <row r="168750" spans="8:8">
      <c r="H168750" s="12"/>
    </row>
    <row r="168751" spans="8:8">
      <c r="H168751" s="12"/>
    </row>
    <row r="168752" spans="8:8">
      <c r="H168752" s="12"/>
    </row>
    <row r="168753" spans="8:8">
      <c r="H168753" s="12"/>
    </row>
    <row r="168754" spans="8:8">
      <c r="H168754" s="12"/>
    </row>
    <row r="168755" spans="8:8">
      <c r="H168755" s="12"/>
    </row>
    <row r="168756" spans="8:8">
      <c r="H168756" s="12"/>
    </row>
    <row r="168757" spans="8:8">
      <c r="H168757" s="12"/>
    </row>
    <row r="168758" spans="8:8">
      <c r="H168758" s="12"/>
    </row>
    <row r="168759" spans="8:8">
      <c r="H168759" s="12"/>
    </row>
    <row r="168760" spans="8:8">
      <c r="H168760" s="12"/>
    </row>
    <row r="168761" spans="8:8">
      <c r="H168761" s="12"/>
    </row>
    <row r="168762" spans="8:8">
      <c r="H168762" s="12"/>
    </row>
    <row r="168763" spans="8:8">
      <c r="H168763" s="12"/>
    </row>
    <row r="168764" spans="8:8">
      <c r="H168764" s="12"/>
    </row>
    <row r="168765" spans="8:8">
      <c r="H168765" s="12"/>
    </row>
    <row r="168766" spans="8:8">
      <c r="H168766" s="12"/>
    </row>
    <row r="168767" spans="8:8">
      <c r="H168767" s="12"/>
    </row>
    <row r="168768" spans="8:8">
      <c r="H168768" s="12"/>
    </row>
    <row r="168769" spans="8:8">
      <c r="H168769" s="12"/>
    </row>
    <row r="168770" spans="8:8">
      <c r="H168770" s="12"/>
    </row>
    <row r="168771" spans="8:8">
      <c r="H168771" s="12"/>
    </row>
    <row r="168772" spans="8:8">
      <c r="H168772" s="12"/>
    </row>
    <row r="168773" spans="8:8">
      <c r="H168773" s="12"/>
    </row>
    <row r="168774" spans="8:8">
      <c r="H168774" s="12"/>
    </row>
    <row r="168775" spans="8:8">
      <c r="H168775" s="12"/>
    </row>
    <row r="168776" spans="8:8">
      <c r="H168776" s="12"/>
    </row>
    <row r="168777" spans="8:8">
      <c r="H168777" s="12"/>
    </row>
    <row r="168778" spans="8:8">
      <c r="H168778" s="12"/>
    </row>
    <row r="168779" spans="8:8">
      <c r="H168779" s="12"/>
    </row>
    <row r="168780" spans="8:8">
      <c r="H168780" s="12"/>
    </row>
    <row r="168781" spans="8:8">
      <c r="H168781" s="12"/>
    </row>
    <row r="168782" spans="8:8">
      <c r="H168782" s="12"/>
    </row>
    <row r="168783" spans="8:8">
      <c r="H168783" s="12"/>
    </row>
    <row r="168784" spans="8:8">
      <c r="H168784" s="12"/>
    </row>
    <row r="168785" spans="8:8">
      <c r="H168785" s="12"/>
    </row>
    <row r="168786" spans="8:8">
      <c r="H168786" s="12"/>
    </row>
    <row r="168787" spans="8:8">
      <c r="H168787" s="12"/>
    </row>
    <row r="168788" spans="8:8">
      <c r="H168788" s="12"/>
    </row>
    <row r="168789" spans="8:8">
      <c r="H168789" s="12"/>
    </row>
    <row r="168790" spans="8:8">
      <c r="H168790" s="12"/>
    </row>
    <row r="168791" spans="8:8">
      <c r="H168791" s="12"/>
    </row>
    <row r="168792" spans="8:8">
      <c r="H168792" s="12"/>
    </row>
    <row r="168793" spans="8:8">
      <c r="H168793" s="12"/>
    </row>
    <row r="168794" spans="8:8">
      <c r="H168794" s="12"/>
    </row>
    <row r="168795" spans="8:8">
      <c r="H168795" s="12"/>
    </row>
    <row r="168796" spans="8:8">
      <c r="H168796" s="12"/>
    </row>
    <row r="168797" spans="8:8">
      <c r="H168797" s="12"/>
    </row>
    <row r="168798" spans="8:8">
      <c r="H168798" s="12"/>
    </row>
    <row r="168799" spans="8:8">
      <c r="H168799" s="12"/>
    </row>
    <row r="168800" spans="8:8">
      <c r="H168800" s="12"/>
    </row>
    <row r="168801" spans="8:8">
      <c r="H168801" s="12"/>
    </row>
    <row r="168802" spans="8:8">
      <c r="H168802" s="12"/>
    </row>
    <row r="168803" spans="8:8">
      <c r="H168803" s="12"/>
    </row>
    <row r="168804" spans="8:8">
      <c r="H168804" s="12"/>
    </row>
    <row r="168805" spans="8:8">
      <c r="H168805" s="12"/>
    </row>
    <row r="168806" spans="8:8">
      <c r="H168806" s="12"/>
    </row>
    <row r="168807" spans="8:8">
      <c r="H168807" s="12"/>
    </row>
    <row r="168808" spans="8:8">
      <c r="H168808" s="12"/>
    </row>
    <row r="168809" spans="8:8">
      <c r="H168809" s="12"/>
    </row>
    <row r="168810" spans="8:8">
      <c r="H168810" s="12"/>
    </row>
    <row r="168811" spans="8:8">
      <c r="H168811" s="12"/>
    </row>
    <row r="168812" spans="8:8">
      <c r="H168812" s="12"/>
    </row>
    <row r="168813" spans="8:8">
      <c r="H168813" s="12"/>
    </row>
    <row r="168814" spans="8:8">
      <c r="H168814" s="12"/>
    </row>
    <row r="168815" spans="8:8">
      <c r="H168815" s="12"/>
    </row>
    <row r="168816" spans="8:8">
      <c r="H168816" s="12"/>
    </row>
    <row r="168817" spans="8:8">
      <c r="H168817" s="12"/>
    </row>
    <row r="168818" spans="8:8">
      <c r="H168818" s="12"/>
    </row>
    <row r="168819" spans="8:8">
      <c r="H168819" s="12"/>
    </row>
    <row r="168820" spans="8:8">
      <c r="H168820" s="12"/>
    </row>
    <row r="168821" spans="8:8">
      <c r="H168821" s="12"/>
    </row>
    <row r="168822" spans="8:8">
      <c r="H168822" s="12"/>
    </row>
    <row r="168823" spans="8:8">
      <c r="H168823" s="12"/>
    </row>
    <row r="168824" spans="8:8">
      <c r="H168824" s="12"/>
    </row>
    <row r="168825" spans="8:8">
      <c r="H168825" s="12"/>
    </row>
    <row r="168826" spans="8:8">
      <c r="H168826" s="12"/>
    </row>
    <row r="168827" spans="8:8">
      <c r="H168827" s="12"/>
    </row>
    <row r="168828" spans="8:8">
      <c r="H168828" s="12"/>
    </row>
    <row r="168829" spans="8:8">
      <c r="H168829" s="12"/>
    </row>
    <row r="168830" spans="8:8">
      <c r="H168830" s="12"/>
    </row>
    <row r="168831" spans="8:8">
      <c r="H168831" s="12"/>
    </row>
    <row r="168832" spans="8:8">
      <c r="H168832" s="12"/>
    </row>
    <row r="168833" spans="8:8">
      <c r="H168833" s="12"/>
    </row>
    <row r="168834" spans="8:8">
      <c r="H168834" s="12"/>
    </row>
    <row r="168835" spans="8:8">
      <c r="H168835" s="12"/>
    </row>
    <row r="168836" spans="8:8">
      <c r="H168836" s="12"/>
    </row>
    <row r="168837" spans="8:8">
      <c r="H168837" s="12"/>
    </row>
    <row r="168838" spans="8:8">
      <c r="H168838" s="12"/>
    </row>
    <row r="168839" spans="8:8">
      <c r="H168839" s="12"/>
    </row>
    <row r="168840" spans="8:8">
      <c r="H168840" s="12"/>
    </row>
    <row r="168841" spans="8:8">
      <c r="H168841" s="12"/>
    </row>
    <row r="168842" spans="8:8">
      <c r="H168842" s="12"/>
    </row>
    <row r="168843" spans="8:8">
      <c r="H168843" s="12"/>
    </row>
    <row r="168844" spans="8:8">
      <c r="H168844" s="12"/>
    </row>
    <row r="168845" spans="8:8">
      <c r="H168845" s="12"/>
    </row>
    <row r="168846" spans="8:8">
      <c r="H168846" s="12"/>
    </row>
    <row r="168847" spans="8:8">
      <c r="H168847" s="12"/>
    </row>
    <row r="168848" spans="8:8">
      <c r="H168848" s="12"/>
    </row>
    <row r="168849" spans="8:8">
      <c r="H168849" s="12"/>
    </row>
    <row r="168850" spans="8:8">
      <c r="H168850" s="12"/>
    </row>
    <row r="168851" spans="8:8">
      <c r="H168851" s="12"/>
    </row>
    <row r="168852" spans="8:8">
      <c r="H168852" s="12"/>
    </row>
    <row r="168853" spans="8:8">
      <c r="H168853" s="12"/>
    </row>
    <row r="168854" spans="8:8">
      <c r="H168854" s="12"/>
    </row>
    <row r="168855" spans="8:8">
      <c r="H168855" s="12"/>
    </row>
    <row r="168856" spans="8:8">
      <c r="H168856" s="12"/>
    </row>
    <row r="168857" spans="8:8">
      <c r="H168857" s="12"/>
    </row>
    <row r="168858" spans="8:8">
      <c r="H168858" s="12"/>
    </row>
    <row r="168859" spans="8:8">
      <c r="H168859" s="12"/>
    </row>
    <row r="168860" spans="8:8">
      <c r="H168860" s="12"/>
    </row>
    <row r="168861" spans="8:8">
      <c r="H168861" s="12"/>
    </row>
    <row r="168862" spans="8:8">
      <c r="H168862" s="12"/>
    </row>
    <row r="168863" spans="8:8">
      <c r="H168863" s="12"/>
    </row>
    <row r="168864" spans="8:8">
      <c r="H168864" s="12"/>
    </row>
    <row r="168865" spans="8:8">
      <c r="H168865" s="12"/>
    </row>
    <row r="168866" spans="8:8">
      <c r="H168866" s="12"/>
    </row>
    <row r="168867" spans="8:8">
      <c r="H168867" s="12"/>
    </row>
    <row r="168868" spans="8:8">
      <c r="H168868" s="12"/>
    </row>
    <row r="168869" spans="8:8">
      <c r="H168869" s="12"/>
    </row>
    <row r="168870" spans="8:8">
      <c r="H168870" s="12"/>
    </row>
    <row r="168871" spans="8:8">
      <c r="H168871" s="12"/>
    </row>
    <row r="168872" spans="8:8">
      <c r="H168872" s="12"/>
    </row>
    <row r="168873" spans="8:8">
      <c r="H168873" s="12"/>
    </row>
    <row r="168874" spans="8:8">
      <c r="H168874" s="12"/>
    </row>
    <row r="168875" spans="8:8">
      <c r="H168875" s="12"/>
    </row>
    <row r="168876" spans="8:8">
      <c r="H168876" s="12"/>
    </row>
    <row r="168877" spans="8:8">
      <c r="H168877" s="12"/>
    </row>
    <row r="168878" spans="8:8">
      <c r="H168878" s="12"/>
    </row>
    <row r="168879" spans="8:8">
      <c r="H168879" s="12"/>
    </row>
    <row r="168880" spans="8:8">
      <c r="H168880" s="12"/>
    </row>
    <row r="168881" spans="8:8">
      <c r="H168881" s="12"/>
    </row>
    <row r="168882" spans="8:8">
      <c r="H168882" s="12"/>
    </row>
    <row r="168883" spans="8:8">
      <c r="H168883" s="12"/>
    </row>
    <row r="168884" spans="8:8">
      <c r="H168884" s="12"/>
    </row>
    <row r="168885" spans="8:8">
      <c r="H168885" s="12"/>
    </row>
    <row r="168886" spans="8:8">
      <c r="H168886" s="12"/>
    </row>
    <row r="168887" spans="8:8">
      <c r="H168887" s="12"/>
    </row>
    <row r="168888" spans="8:8">
      <c r="H168888" s="12"/>
    </row>
    <row r="168889" spans="8:8">
      <c r="H168889" s="12"/>
    </row>
    <row r="168890" spans="8:8">
      <c r="H168890" s="12"/>
    </row>
    <row r="168891" spans="8:8">
      <c r="H168891" s="12"/>
    </row>
    <row r="168892" spans="8:8">
      <c r="H168892" s="12"/>
    </row>
    <row r="168893" spans="8:8">
      <c r="H168893" s="12"/>
    </row>
    <row r="168894" spans="8:8">
      <c r="H168894" s="12"/>
    </row>
    <row r="168895" spans="8:8">
      <c r="H168895" s="12"/>
    </row>
    <row r="168896" spans="8:8">
      <c r="H168896" s="12"/>
    </row>
    <row r="168897" spans="8:8">
      <c r="H168897" s="12"/>
    </row>
    <row r="168898" spans="8:8">
      <c r="H168898" s="12"/>
    </row>
    <row r="168899" spans="8:8">
      <c r="H168899" s="12"/>
    </row>
    <row r="168900" spans="8:8">
      <c r="H168900" s="12"/>
    </row>
    <row r="168901" spans="8:8">
      <c r="H168901" s="12"/>
    </row>
    <row r="168902" spans="8:8">
      <c r="H168902" s="12"/>
    </row>
    <row r="168903" spans="8:8">
      <c r="H168903" s="12"/>
    </row>
    <row r="168904" spans="8:8">
      <c r="H168904" s="12"/>
    </row>
    <row r="168905" spans="8:8">
      <c r="H168905" s="12"/>
    </row>
    <row r="168906" spans="8:8">
      <c r="H168906" s="12"/>
    </row>
    <row r="168907" spans="8:8">
      <c r="H168907" s="12"/>
    </row>
    <row r="168908" spans="8:8">
      <c r="H168908" s="12"/>
    </row>
    <row r="168909" spans="8:8">
      <c r="H168909" s="12"/>
    </row>
    <row r="168910" spans="8:8">
      <c r="H168910" s="12"/>
    </row>
    <row r="168911" spans="8:8">
      <c r="H168911" s="12"/>
    </row>
    <row r="168912" spans="8:8">
      <c r="H168912" s="12"/>
    </row>
    <row r="168913" spans="8:8">
      <c r="H168913" s="12"/>
    </row>
    <row r="168914" spans="8:8">
      <c r="H168914" s="12"/>
    </row>
    <row r="168915" spans="8:8">
      <c r="H168915" s="12"/>
    </row>
    <row r="168916" spans="8:8">
      <c r="H168916" s="12"/>
    </row>
    <row r="168917" spans="8:8">
      <c r="H168917" s="12"/>
    </row>
    <row r="168918" spans="8:8">
      <c r="H168918" s="12"/>
    </row>
    <row r="168919" spans="8:8">
      <c r="H168919" s="12"/>
    </row>
    <row r="168920" spans="8:8">
      <c r="H168920" s="12"/>
    </row>
    <row r="168921" spans="8:8">
      <c r="H168921" s="12"/>
    </row>
    <row r="168922" spans="8:8">
      <c r="H168922" s="12"/>
    </row>
    <row r="168923" spans="8:8">
      <c r="H168923" s="12"/>
    </row>
    <row r="168924" spans="8:8">
      <c r="H168924" s="12"/>
    </row>
    <row r="168925" spans="8:8">
      <c r="H168925" s="12"/>
    </row>
    <row r="168926" spans="8:8">
      <c r="H168926" s="12"/>
    </row>
    <row r="168927" spans="8:8">
      <c r="H168927" s="12"/>
    </row>
    <row r="168928" spans="8:8">
      <c r="H168928" s="12"/>
    </row>
    <row r="168929" spans="8:8">
      <c r="H168929" s="12"/>
    </row>
    <row r="168930" spans="8:8">
      <c r="H168930" s="12"/>
    </row>
    <row r="168931" spans="8:8">
      <c r="H168931" s="12"/>
    </row>
    <row r="168932" spans="8:8">
      <c r="H168932" s="12"/>
    </row>
    <row r="168933" spans="8:8">
      <c r="H168933" s="12"/>
    </row>
    <row r="168934" spans="8:8">
      <c r="H168934" s="12"/>
    </row>
    <row r="168935" spans="8:8">
      <c r="H168935" s="12"/>
    </row>
    <row r="168936" spans="8:8">
      <c r="H168936" s="12"/>
    </row>
    <row r="168937" spans="8:8">
      <c r="H168937" s="12"/>
    </row>
    <row r="168938" spans="8:8">
      <c r="H168938" s="12"/>
    </row>
    <row r="168939" spans="8:8">
      <c r="H168939" s="12"/>
    </row>
    <row r="168940" spans="8:8">
      <c r="H168940" s="12"/>
    </row>
    <row r="168941" spans="8:8">
      <c r="H168941" s="12"/>
    </row>
    <row r="168942" spans="8:8">
      <c r="H168942" s="12"/>
    </row>
    <row r="168943" spans="8:8">
      <c r="H168943" s="12"/>
    </row>
    <row r="168944" spans="8:8">
      <c r="H168944" s="12"/>
    </row>
    <row r="168945" spans="8:8">
      <c r="H168945" s="12"/>
    </row>
    <row r="168946" spans="8:8">
      <c r="H168946" s="12"/>
    </row>
    <row r="168947" spans="8:8">
      <c r="H168947" s="12"/>
    </row>
    <row r="168948" spans="8:8">
      <c r="H168948" s="12"/>
    </row>
    <row r="168949" spans="8:8">
      <c r="H168949" s="12"/>
    </row>
    <row r="168950" spans="8:8">
      <c r="H168950" s="12"/>
    </row>
    <row r="168951" spans="8:8">
      <c r="H168951" s="12"/>
    </row>
    <row r="168952" spans="8:8">
      <c r="H168952" s="12"/>
    </row>
    <row r="168953" spans="8:8">
      <c r="H168953" s="12"/>
    </row>
    <row r="168954" spans="8:8">
      <c r="H168954" s="12"/>
    </row>
    <row r="168955" spans="8:8">
      <c r="H168955" s="12"/>
    </row>
    <row r="168956" spans="8:8">
      <c r="H168956" s="12"/>
    </row>
    <row r="168957" spans="8:8">
      <c r="H168957" s="12"/>
    </row>
    <row r="168958" spans="8:8">
      <c r="H168958" s="12"/>
    </row>
    <row r="168959" spans="8:8">
      <c r="H168959" s="12"/>
    </row>
    <row r="168960" spans="8:8">
      <c r="H168960" s="12"/>
    </row>
    <row r="168961" spans="8:8">
      <c r="H168961" s="12"/>
    </row>
    <row r="168962" spans="8:8">
      <c r="H168962" s="12"/>
    </row>
    <row r="168963" spans="8:8">
      <c r="H168963" s="12"/>
    </row>
    <row r="168964" spans="8:8">
      <c r="H168964" s="12"/>
    </row>
    <row r="168965" spans="8:8">
      <c r="H168965" s="12"/>
    </row>
    <row r="168966" spans="8:8">
      <c r="H168966" s="12"/>
    </row>
    <row r="168967" spans="8:8">
      <c r="H168967" s="12"/>
    </row>
    <row r="168968" spans="8:8">
      <c r="H168968" s="12"/>
    </row>
    <row r="168969" spans="8:8">
      <c r="H168969" s="12"/>
    </row>
    <row r="168970" spans="8:8">
      <c r="H168970" s="12"/>
    </row>
    <row r="168971" spans="8:8">
      <c r="H168971" s="12"/>
    </row>
    <row r="168972" spans="8:8">
      <c r="H168972" s="12"/>
    </row>
    <row r="168973" spans="8:8">
      <c r="H168973" s="12"/>
    </row>
    <row r="168974" spans="8:8">
      <c r="H168974" s="12"/>
    </row>
    <row r="168975" spans="8:8">
      <c r="H168975" s="12"/>
    </row>
    <row r="168976" spans="8:8">
      <c r="H168976" s="12"/>
    </row>
    <row r="168977" spans="8:8">
      <c r="H168977" s="12"/>
    </row>
    <row r="168978" spans="8:8">
      <c r="H168978" s="12"/>
    </row>
    <row r="168979" spans="8:8">
      <c r="H168979" s="12"/>
    </row>
    <row r="168980" spans="8:8">
      <c r="H168980" s="12"/>
    </row>
    <row r="168981" spans="8:8">
      <c r="H168981" s="12"/>
    </row>
    <row r="168982" spans="8:8">
      <c r="H168982" s="12"/>
    </row>
    <row r="168983" spans="8:8">
      <c r="H168983" s="12"/>
    </row>
    <row r="168984" spans="8:8">
      <c r="H168984" s="12"/>
    </row>
    <row r="168985" spans="8:8">
      <c r="H168985" s="12"/>
    </row>
    <row r="168986" spans="8:8">
      <c r="H168986" s="12"/>
    </row>
    <row r="168987" spans="8:8">
      <c r="H168987" s="12"/>
    </row>
    <row r="168988" spans="8:8">
      <c r="H168988" s="12"/>
    </row>
    <row r="168989" spans="8:8">
      <c r="H168989" s="12"/>
    </row>
    <row r="168990" spans="8:8">
      <c r="H168990" s="12"/>
    </row>
    <row r="168991" spans="8:8">
      <c r="H168991" s="12"/>
    </row>
    <row r="168992" spans="8:8">
      <c r="H168992" s="12"/>
    </row>
    <row r="168993" spans="8:8">
      <c r="H168993" s="12"/>
    </row>
    <row r="168994" spans="8:8">
      <c r="H168994" s="12"/>
    </row>
    <row r="168995" spans="8:8">
      <c r="H168995" s="12"/>
    </row>
    <row r="168996" spans="8:8">
      <c r="H168996" s="12"/>
    </row>
    <row r="168997" spans="8:8">
      <c r="H168997" s="12"/>
    </row>
    <row r="168998" spans="8:8">
      <c r="H168998" s="12"/>
    </row>
    <row r="168999" spans="8:8">
      <c r="H168999" s="12"/>
    </row>
    <row r="169000" spans="8:8">
      <c r="H169000" s="12"/>
    </row>
    <row r="169001" spans="8:8">
      <c r="H169001" s="12"/>
    </row>
    <row r="169002" spans="8:8">
      <c r="H169002" s="12"/>
    </row>
    <row r="169003" spans="8:8">
      <c r="H169003" s="12"/>
    </row>
    <row r="169004" spans="8:8">
      <c r="H169004" s="12"/>
    </row>
    <row r="169005" spans="8:8">
      <c r="H169005" s="12"/>
    </row>
    <row r="169006" spans="8:8">
      <c r="H169006" s="12"/>
    </row>
    <row r="169007" spans="8:8">
      <c r="H169007" s="12"/>
    </row>
    <row r="169008" spans="8:8">
      <c r="H169008" s="12"/>
    </row>
    <row r="169009" spans="8:8">
      <c r="H169009" s="12"/>
    </row>
    <row r="169010" spans="8:8">
      <c r="H169010" s="12"/>
    </row>
    <row r="169011" spans="8:8">
      <c r="H169011" s="12"/>
    </row>
    <row r="169012" spans="8:8">
      <c r="H169012" s="12"/>
    </row>
    <row r="169013" spans="8:8">
      <c r="H169013" s="12"/>
    </row>
    <row r="169014" spans="8:8">
      <c r="H169014" s="12"/>
    </row>
    <row r="169015" spans="8:8">
      <c r="H169015" s="12"/>
    </row>
    <row r="169016" spans="8:8">
      <c r="H169016" s="12"/>
    </row>
    <row r="169017" spans="8:8">
      <c r="H169017" s="12"/>
    </row>
    <row r="169018" spans="8:8">
      <c r="H169018" s="12"/>
    </row>
    <row r="169019" spans="8:8">
      <c r="H169019" s="12"/>
    </row>
    <row r="169020" spans="8:8">
      <c r="H169020" s="12"/>
    </row>
    <row r="169021" spans="8:8">
      <c r="H169021" s="12"/>
    </row>
    <row r="169022" spans="8:8">
      <c r="H169022" s="12"/>
    </row>
    <row r="169023" spans="8:8">
      <c r="H169023" s="12"/>
    </row>
    <row r="169024" spans="8:8">
      <c r="H169024" s="12"/>
    </row>
    <row r="169025" spans="8:8">
      <c r="H169025" s="12"/>
    </row>
    <row r="169026" spans="8:8">
      <c r="H169026" s="12"/>
    </row>
    <row r="169027" spans="8:8">
      <c r="H169027" s="12"/>
    </row>
    <row r="169028" spans="8:8">
      <c r="H169028" s="12"/>
    </row>
    <row r="169029" spans="8:8">
      <c r="H169029" s="12"/>
    </row>
    <row r="169030" spans="8:8">
      <c r="H169030" s="12"/>
    </row>
    <row r="169031" spans="8:8">
      <c r="H169031" s="12"/>
    </row>
    <row r="169032" spans="8:8">
      <c r="H169032" s="12"/>
    </row>
    <row r="169033" spans="8:8">
      <c r="H169033" s="12"/>
    </row>
    <row r="169034" spans="8:8">
      <c r="H169034" s="12"/>
    </row>
    <row r="169035" spans="8:8">
      <c r="H169035" s="12"/>
    </row>
    <row r="169036" spans="8:8">
      <c r="H169036" s="12"/>
    </row>
    <row r="169037" spans="8:8">
      <c r="H169037" s="12"/>
    </row>
    <row r="169038" spans="8:8">
      <c r="H169038" s="12"/>
    </row>
    <row r="169039" spans="8:8">
      <c r="H169039" s="12"/>
    </row>
    <row r="169040" spans="8:8">
      <c r="H169040" s="12"/>
    </row>
    <row r="169041" spans="8:8">
      <c r="H169041" s="12"/>
    </row>
    <row r="169042" spans="8:8">
      <c r="H169042" s="12"/>
    </row>
    <row r="169043" spans="8:8">
      <c r="H169043" s="12"/>
    </row>
    <row r="169044" spans="8:8">
      <c r="H169044" s="12"/>
    </row>
    <row r="169045" spans="8:8">
      <c r="H169045" s="12"/>
    </row>
    <row r="169046" spans="8:8">
      <c r="H169046" s="12"/>
    </row>
    <row r="169047" spans="8:8">
      <c r="H169047" s="12"/>
    </row>
    <row r="169048" spans="8:8">
      <c r="H169048" s="12"/>
    </row>
    <row r="169049" spans="8:8">
      <c r="H169049" s="12"/>
    </row>
    <row r="169050" spans="8:8">
      <c r="H169050" s="12"/>
    </row>
    <row r="169051" spans="8:8">
      <c r="H169051" s="12"/>
    </row>
    <row r="169052" spans="8:8">
      <c r="H169052" s="12"/>
    </row>
    <row r="169053" spans="8:8">
      <c r="H169053" s="12"/>
    </row>
    <row r="169054" spans="8:8">
      <c r="H169054" s="12"/>
    </row>
    <row r="169055" spans="8:8">
      <c r="H169055" s="12"/>
    </row>
    <row r="169056" spans="8:8">
      <c r="H169056" s="12"/>
    </row>
    <row r="169057" spans="8:8">
      <c r="H169057" s="12"/>
    </row>
    <row r="169058" spans="8:8">
      <c r="H169058" s="12"/>
    </row>
    <row r="169059" spans="8:8">
      <c r="H169059" s="12"/>
    </row>
    <row r="169060" spans="8:8">
      <c r="H169060" s="12"/>
    </row>
    <row r="169061" spans="8:8">
      <c r="H169061" s="12"/>
    </row>
    <row r="169062" spans="8:8">
      <c r="H169062" s="12"/>
    </row>
    <row r="169063" spans="8:8">
      <c r="H169063" s="12"/>
    </row>
    <row r="169064" spans="8:8">
      <c r="H169064" s="12"/>
    </row>
    <row r="169065" spans="8:8">
      <c r="H169065" s="12"/>
    </row>
    <row r="169066" spans="8:8">
      <c r="H169066" s="12"/>
    </row>
    <row r="169067" spans="8:8">
      <c r="H169067" s="12"/>
    </row>
    <row r="169068" spans="8:8">
      <c r="H169068" s="12"/>
    </row>
    <row r="169069" spans="8:8">
      <c r="H169069" s="12"/>
    </row>
    <row r="169070" spans="8:8">
      <c r="H169070" s="12"/>
    </row>
    <row r="169071" spans="8:8">
      <c r="H169071" s="12"/>
    </row>
    <row r="169072" spans="8:8">
      <c r="H169072" s="12"/>
    </row>
    <row r="169073" spans="8:8">
      <c r="H169073" s="12"/>
    </row>
    <row r="169074" spans="8:8">
      <c r="H169074" s="12"/>
    </row>
    <row r="169075" spans="8:8">
      <c r="H169075" s="12"/>
    </row>
    <row r="169076" spans="8:8">
      <c r="H169076" s="12"/>
    </row>
    <row r="169077" spans="8:8">
      <c r="H169077" s="12"/>
    </row>
    <row r="169078" spans="8:8">
      <c r="H169078" s="12"/>
    </row>
    <row r="169079" spans="8:8">
      <c r="H169079" s="12"/>
    </row>
    <row r="169080" spans="8:8">
      <c r="H169080" s="12"/>
    </row>
    <row r="169081" spans="8:8">
      <c r="H169081" s="12"/>
    </row>
    <row r="169082" spans="8:8">
      <c r="H169082" s="12"/>
    </row>
    <row r="169083" spans="8:8">
      <c r="H169083" s="12"/>
    </row>
    <row r="169084" spans="8:8">
      <c r="H169084" s="12"/>
    </row>
    <row r="169085" spans="8:8">
      <c r="H169085" s="12"/>
    </row>
    <row r="169086" spans="8:8">
      <c r="H169086" s="12"/>
    </row>
    <row r="169087" spans="8:8">
      <c r="H169087" s="12"/>
    </row>
    <row r="169088" spans="8:8">
      <c r="H169088" s="12"/>
    </row>
    <row r="169089" spans="8:8">
      <c r="H169089" s="12"/>
    </row>
    <row r="169090" spans="8:8">
      <c r="H169090" s="12"/>
    </row>
    <row r="169091" spans="8:8">
      <c r="H169091" s="12"/>
    </row>
    <row r="169092" spans="8:8">
      <c r="H169092" s="12"/>
    </row>
    <row r="169093" spans="8:8">
      <c r="H169093" s="12"/>
    </row>
    <row r="169094" spans="8:8">
      <c r="H169094" s="12"/>
    </row>
    <row r="169095" spans="8:8">
      <c r="H169095" s="12"/>
    </row>
    <row r="169096" spans="8:8">
      <c r="H169096" s="12"/>
    </row>
    <row r="169097" spans="8:8">
      <c r="H169097" s="12"/>
    </row>
    <row r="169098" spans="8:8">
      <c r="H169098" s="12"/>
    </row>
    <row r="169099" spans="8:8">
      <c r="H169099" s="12"/>
    </row>
    <row r="169100" spans="8:8">
      <c r="H169100" s="12"/>
    </row>
    <row r="169101" spans="8:8">
      <c r="H169101" s="12"/>
    </row>
    <row r="169102" spans="8:8">
      <c r="H169102" s="12"/>
    </row>
    <row r="169103" spans="8:8">
      <c r="H169103" s="12"/>
    </row>
    <row r="169104" spans="8:8">
      <c r="H169104" s="12"/>
    </row>
    <row r="169105" spans="8:8">
      <c r="H169105" s="12"/>
    </row>
    <row r="169106" spans="8:8">
      <c r="H169106" s="12"/>
    </row>
    <row r="169107" spans="8:8">
      <c r="H169107" s="12"/>
    </row>
    <row r="169108" spans="8:8">
      <c r="H169108" s="12"/>
    </row>
    <row r="169109" spans="8:8">
      <c r="H169109" s="12"/>
    </row>
    <row r="169110" spans="8:8">
      <c r="H169110" s="12"/>
    </row>
    <row r="169111" spans="8:8">
      <c r="H169111" s="12"/>
    </row>
    <row r="169112" spans="8:8">
      <c r="H169112" s="12"/>
    </row>
    <row r="169113" spans="8:8">
      <c r="H169113" s="12"/>
    </row>
    <row r="169114" spans="8:8">
      <c r="H169114" s="12"/>
    </row>
    <row r="169115" spans="8:8">
      <c r="H169115" s="12"/>
    </row>
    <row r="169116" spans="8:8">
      <c r="H169116" s="12"/>
    </row>
    <row r="169117" spans="8:8">
      <c r="H169117" s="12"/>
    </row>
    <row r="169118" spans="8:8">
      <c r="H169118" s="12"/>
    </row>
    <row r="169119" spans="8:8">
      <c r="H169119" s="12"/>
    </row>
    <row r="169120" spans="8:8">
      <c r="H169120" s="12"/>
    </row>
    <row r="169121" spans="8:8">
      <c r="H169121" s="12"/>
    </row>
    <row r="169122" spans="8:8">
      <c r="H169122" s="12"/>
    </row>
    <row r="169123" spans="8:8">
      <c r="H169123" s="12"/>
    </row>
    <row r="169124" spans="8:8">
      <c r="H169124" s="12"/>
    </row>
    <row r="169125" spans="8:8">
      <c r="H169125" s="12"/>
    </row>
    <row r="169126" spans="8:8">
      <c r="H169126" s="12"/>
    </row>
    <row r="169127" spans="8:8">
      <c r="H169127" s="12"/>
    </row>
    <row r="169128" spans="8:8">
      <c r="H169128" s="12"/>
    </row>
    <row r="169129" spans="8:8">
      <c r="H169129" s="12"/>
    </row>
    <row r="169130" spans="8:8">
      <c r="H169130" s="12"/>
    </row>
    <row r="169131" spans="8:8">
      <c r="H169131" s="12"/>
    </row>
    <row r="169132" spans="8:8">
      <c r="H169132" s="12"/>
    </row>
    <row r="169133" spans="8:8">
      <c r="H169133" s="12"/>
    </row>
    <row r="169134" spans="8:8">
      <c r="H169134" s="12"/>
    </row>
    <row r="169135" spans="8:8">
      <c r="H169135" s="12"/>
    </row>
    <row r="169136" spans="8:8">
      <c r="H169136" s="12"/>
    </row>
    <row r="169137" spans="8:8">
      <c r="H169137" s="12"/>
    </row>
    <row r="169138" spans="8:8">
      <c r="H169138" s="12"/>
    </row>
    <row r="169139" spans="8:8">
      <c r="H169139" s="12"/>
    </row>
    <row r="169140" spans="8:8">
      <c r="H169140" s="12"/>
    </row>
    <row r="169141" spans="8:8">
      <c r="H169141" s="12"/>
    </row>
    <row r="169142" spans="8:8">
      <c r="H169142" s="12"/>
    </row>
    <row r="169143" spans="8:8">
      <c r="H169143" s="12"/>
    </row>
    <row r="169144" spans="8:8">
      <c r="H169144" s="12"/>
    </row>
    <row r="169145" spans="8:8">
      <c r="H169145" s="12"/>
    </row>
    <row r="169146" spans="8:8">
      <c r="H169146" s="12"/>
    </row>
    <row r="169147" spans="8:8">
      <c r="H169147" s="12"/>
    </row>
    <row r="169148" spans="8:8">
      <c r="H169148" s="12"/>
    </row>
    <row r="169149" spans="8:8">
      <c r="H169149" s="12"/>
    </row>
    <row r="169150" spans="8:8">
      <c r="H169150" s="12"/>
    </row>
    <row r="169151" spans="8:8">
      <c r="H169151" s="12"/>
    </row>
    <row r="169152" spans="8:8">
      <c r="H169152" s="12"/>
    </row>
    <row r="169153" spans="8:8">
      <c r="H169153" s="12"/>
    </row>
    <row r="169154" spans="8:8">
      <c r="H169154" s="12"/>
    </row>
    <row r="169155" spans="8:8">
      <c r="H169155" s="12"/>
    </row>
    <row r="169156" spans="8:8">
      <c r="H169156" s="12"/>
    </row>
    <row r="169157" spans="8:8">
      <c r="H169157" s="12"/>
    </row>
    <row r="169158" spans="8:8">
      <c r="H169158" s="12"/>
    </row>
    <row r="169159" spans="8:8">
      <c r="H169159" s="12"/>
    </row>
    <row r="169160" spans="8:8">
      <c r="H169160" s="12"/>
    </row>
    <row r="169161" spans="8:8">
      <c r="H169161" s="12"/>
    </row>
    <row r="169162" spans="8:8">
      <c r="H169162" s="12"/>
    </row>
    <row r="169163" spans="8:8">
      <c r="H169163" s="12"/>
    </row>
    <row r="169164" spans="8:8">
      <c r="H169164" s="12"/>
    </row>
    <row r="169165" spans="8:8">
      <c r="H169165" s="12"/>
    </row>
    <row r="169166" spans="8:8">
      <c r="H169166" s="12"/>
    </row>
    <row r="169167" spans="8:8">
      <c r="H169167" s="12"/>
    </row>
    <row r="169168" spans="8:8">
      <c r="H169168" s="12"/>
    </row>
    <row r="169169" spans="8:8">
      <c r="H169169" s="12"/>
    </row>
    <row r="169170" spans="8:8">
      <c r="H169170" s="12"/>
    </row>
    <row r="169171" spans="8:8">
      <c r="H169171" s="12"/>
    </row>
    <row r="169172" spans="8:8">
      <c r="H169172" s="12"/>
    </row>
    <row r="169173" spans="8:8">
      <c r="H169173" s="12"/>
    </row>
    <row r="169174" spans="8:8">
      <c r="H169174" s="12"/>
    </row>
    <row r="169175" spans="8:8">
      <c r="H169175" s="12"/>
    </row>
    <row r="169176" spans="8:8">
      <c r="H169176" s="12"/>
    </row>
    <row r="169177" spans="8:8">
      <c r="H169177" s="12"/>
    </row>
    <row r="169178" spans="8:8">
      <c r="H169178" s="12"/>
    </row>
    <row r="169179" spans="8:8">
      <c r="H169179" s="12"/>
    </row>
    <row r="169180" spans="8:8">
      <c r="H169180" s="12"/>
    </row>
    <row r="169181" spans="8:8">
      <c r="H169181" s="12"/>
    </row>
    <row r="169182" spans="8:8">
      <c r="H169182" s="12"/>
    </row>
    <row r="169183" spans="8:8">
      <c r="H169183" s="12"/>
    </row>
    <row r="169184" spans="8:8">
      <c r="H169184" s="12"/>
    </row>
    <row r="169185" spans="8:8">
      <c r="H169185" s="12"/>
    </row>
    <row r="169186" spans="8:8">
      <c r="H169186" s="12"/>
    </row>
    <row r="169187" spans="8:8">
      <c r="H169187" s="12"/>
    </row>
    <row r="169188" spans="8:8">
      <c r="H169188" s="12"/>
    </row>
    <row r="169189" spans="8:8">
      <c r="H169189" s="12"/>
    </row>
    <row r="169190" spans="8:8">
      <c r="H169190" s="12"/>
    </row>
    <row r="169191" spans="8:8">
      <c r="H169191" s="12"/>
    </row>
    <row r="169192" spans="8:8">
      <c r="H169192" s="12"/>
    </row>
    <row r="169193" spans="8:8">
      <c r="H169193" s="12"/>
    </row>
    <row r="169194" spans="8:8">
      <c r="H169194" s="12"/>
    </row>
    <row r="169195" spans="8:8">
      <c r="H169195" s="12"/>
    </row>
    <row r="169196" spans="8:8">
      <c r="H169196" s="12"/>
    </row>
    <row r="169197" spans="8:8">
      <c r="H169197" s="12"/>
    </row>
    <row r="169198" spans="8:8">
      <c r="H169198" s="12"/>
    </row>
    <row r="169199" spans="8:8">
      <c r="H169199" s="12"/>
    </row>
    <row r="169200" spans="8:8">
      <c r="H169200" s="12"/>
    </row>
    <row r="169201" spans="8:8">
      <c r="H169201" s="12"/>
    </row>
    <row r="169202" spans="8:8">
      <c r="H169202" s="12"/>
    </row>
    <row r="169203" spans="8:8">
      <c r="H169203" s="12"/>
    </row>
    <row r="169204" spans="8:8">
      <c r="H169204" s="12"/>
    </row>
    <row r="169205" spans="8:8">
      <c r="H169205" s="12"/>
    </row>
    <row r="169206" spans="8:8">
      <c r="H169206" s="12"/>
    </row>
    <row r="169207" spans="8:8">
      <c r="H169207" s="12"/>
    </row>
    <row r="169208" spans="8:8">
      <c r="H169208" s="12"/>
    </row>
    <row r="169209" spans="8:8">
      <c r="H169209" s="12"/>
    </row>
    <row r="169210" spans="8:8">
      <c r="H169210" s="12"/>
    </row>
    <row r="169211" spans="8:8">
      <c r="H169211" s="12"/>
    </row>
    <row r="169212" spans="8:8">
      <c r="H169212" s="12"/>
    </row>
    <row r="169213" spans="8:8">
      <c r="H169213" s="12"/>
    </row>
    <row r="169214" spans="8:8">
      <c r="H169214" s="12"/>
    </row>
    <row r="169215" spans="8:8">
      <c r="H169215" s="12"/>
    </row>
    <row r="169216" spans="8:8">
      <c r="H169216" s="12"/>
    </row>
    <row r="169217" spans="8:8">
      <c r="H169217" s="12"/>
    </row>
    <row r="169218" spans="8:8">
      <c r="H169218" s="12"/>
    </row>
    <row r="169219" spans="8:8">
      <c r="H169219" s="12"/>
    </row>
    <row r="169220" spans="8:8">
      <c r="H169220" s="12"/>
    </row>
    <row r="169221" spans="8:8">
      <c r="H169221" s="12"/>
    </row>
    <row r="169222" spans="8:8">
      <c r="H169222" s="12"/>
    </row>
    <row r="169223" spans="8:8">
      <c r="H169223" s="12"/>
    </row>
    <row r="169224" spans="8:8">
      <c r="H169224" s="12"/>
    </row>
    <row r="169225" spans="8:8">
      <c r="H169225" s="12"/>
    </row>
    <row r="169226" spans="8:8">
      <c r="H169226" s="12"/>
    </row>
    <row r="169227" spans="8:8">
      <c r="H169227" s="12"/>
    </row>
    <row r="169228" spans="8:8">
      <c r="H169228" s="12"/>
    </row>
    <row r="169229" spans="8:8">
      <c r="H169229" s="12"/>
    </row>
    <row r="169230" spans="8:8">
      <c r="H169230" s="12"/>
    </row>
    <row r="169231" spans="8:8">
      <c r="H169231" s="12"/>
    </row>
    <row r="169232" spans="8:8">
      <c r="H169232" s="12"/>
    </row>
    <row r="169233" spans="8:8">
      <c r="H169233" s="12"/>
    </row>
    <row r="169234" spans="8:8">
      <c r="H169234" s="12"/>
    </row>
    <row r="169235" spans="8:8">
      <c r="H169235" s="12"/>
    </row>
    <row r="169236" spans="8:8">
      <c r="H169236" s="12"/>
    </row>
    <row r="169237" spans="8:8">
      <c r="H169237" s="12"/>
    </row>
    <row r="169238" spans="8:8">
      <c r="H169238" s="12"/>
    </row>
    <row r="169239" spans="8:8">
      <c r="H169239" s="12"/>
    </row>
    <row r="169240" spans="8:8">
      <c r="H169240" s="12"/>
    </row>
    <row r="169241" spans="8:8">
      <c r="H169241" s="12"/>
    </row>
    <row r="169242" spans="8:8">
      <c r="H169242" s="12"/>
    </row>
    <row r="169243" spans="8:8">
      <c r="H169243" s="12"/>
    </row>
    <row r="169244" spans="8:8">
      <c r="H169244" s="12"/>
    </row>
    <row r="169245" spans="8:8">
      <c r="H169245" s="12"/>
    </row>
    <row r="169246" spans="8:8">
      <c r="H169246" s="12"/>
    </row>
    <row r="169247" spans="8:8">
      <c r="H169247" s="12"/>
    </row>
    <row r="169248" spans="8:8">
      <c r="H169248" s="12"/>
    </row>
    <row r="169249" spans="8:8">
      <c r="H169249" s="12"/>
    </row>
    <row r="169250" spans="8:8">
      <c r="H169250" s="12"/>
    </row>
    <row r="169251" spans="8:8">
      <c r="H169251" s="12"/>
    </row>
    <row r="169252" spans="8:8">
      <c r="H169252" s="12"/>
    </row>
    <row r="169253" spans="8:8">
      <c r="H169253" s="12"/>
    </row>
    <row r="169254" spans="8:8">
      <c r="H169254" s="12"/>
    </row>
    <row r="169255" spans="8:8">
      <c r="H169255" s="12"/>
    </row>
    <row r="169256" spans="8:8">
      <c r="H169256" s="12"/>
    </row>
    <row r="169257" spans="8:8">
      <c r="H169257" s="12"/>
    </row>
    <row r="169258" spans="8:8">
      <c r="H169258" s="12"/>
    </row>
    <row r="169259" spans="8:8">
      <c r="H169259" s="12"/>
    </row>
    <row r="169260" spans="8:8">
      <c r="H169260" s="12"/>
    </row>
    <row r="169261" spans="8:8">
      <c r="H169261" s="12"/>
    </row>
    <row r="169262" spans="8:8">
      <c r="H169262" s="12"/>
    </row>
    <row r="169263" spans="8:8">
      <c r="H169263" s="12"/>
    </row>
    <row r="169264" spans="8:8">
      <c r="H169264" s="12"/>
    </row>
    <row r="169265" spans="8:8">
      <c r="H169265" s="12"/>
    </row>
    <row r="169266" spans="8:8">
      <c r="H169266" s="12"/>
    </row>
    <row r="169267" spans="8:8">
      <c r="H169267" s="12"/>
    </row>
    <row r="169268" spans="8:8">
      <c r="H169268" s="12"/>
    </row>
    <row r="169269" spans="8:8">
      <c r="H169269" s="12"/>
    </row>
    <row r="169270" spans="8:8">
      <c r="H169270" s="12"/>
    </row>
    <row r="169271" spans="8:8">
      <c r="H169271" s="12"/>
    </row>
    <row r="169272" spans="8:8">
      <c r="H169272" s="12"/>
    </row>
    <row r="169273" spans="8:8">
      <c r="H169273" s="12"/>
    </row>
    <row r="169274" spans="8:8">
      <c r="H169274" s="12"/>
    </row>
    <row r="169275" spans="8:8">
      <c r="H169275" s="12"/>
    </row>
    <row r="169276" spans="8:8">
      <c r="H169276" s="12"/>
    </row>
    <row r="169277" spans="8:8">
      <c r="H169277" s="12"/>
    </row>
    <row r="169278" spans="8:8">
      <c r="H169278" s="12"/>
    </row>
    <row r="169279" spans="8:8">
      <c r="H169279" s="12"/>
    </row>
    <row r="169280" spans="8:8">
      <c r="H169280" s="12"/>
    </row>
    <row r="169281" spans="8:8">
      <c r="H169281" s="12"/>
    </row>
    <row r="169282" spans="8:8">
      <c r="H169282" s="12"/>
    </row>
    <row r="169283" spans="8:8">
      <c r="H169283" s="12"/>
    </row>
    <row r="169284" spans="8:8">
      <c r="H169284" s="12"/>
    </row>
    <row r="169285" spans="8:8">
      <c r="H169285" s="12"/>
    </row>
    <row r="169286" spans="8:8">
      <c r="H169286" s="12"/>
    </row>
    <row r="169287" spans="8:8">
      <c r="H169287" s="12"/>
    </row>
    <row r="169288" spans="8:8">
      <c r="H169288" s="12"/>
    </row>
    <row r="169289" spans="8:8">
      <c r="H169289" s="12"/>
    </row>
    <row r="169290" spans="8:8">
      <c r="H169290" s="12"/>
    </row>
    <row r="169291" spans="8:8">
      <c r="H169291" s="12"/>
    </row>
    <row r="169292" spans="8:8">
      <c r="H169292" s="12"/>
    </row>
    <row r="169293" spans="8:8">
      <c r="H169293" s="12"/>
    </row>
    <row r="169294" spans="8:8">
      <c r="H169294" s="12"/>
    </row>
    <row r="169295" spans="8:8">
      <c r="H169295" s="12"/>
    </row>
    <row r="169296" spans="8:8">
      <c r="H169296" s="12"/>
    </row>
    <row r="169297" spans="8:8">
      <c r="H169297" s="12"/>
    </row>
    <row r="169298" spans="8:8">
      <c r="H169298" s="12"/>
    </row>
    <row r="169299" spans="8:8">
      <c r="H169299" s="12"/>
    </row>
    <row r="169300" spans="8:8">
      <c r="H169300" s="12"/>
    </row>
    <row r="169301" spans="8:8">
      <c r="H169301" s="12"/>
    </row>
    <row r="169302" spans="8:8">
      <c r="H169302" s="12"/>
    </row>
    <row r="169303" spans="8:8">
      <c r="H169303" s="12"/>
    </row>
    <row r="169304" spans="8:8">
      <c r="H169304" s="12"/>
    </row>
    <row r="169305" spans="8:8">
      <c r="H169305" s="12"/>
    </row>
    <row r="169306" spans="8:8">
      <c r="H169306" s="12"/>
    </row>
    <row r="169307" spans="8:8">
      <c r="H169307" s="12"/>
    </row>
    <row r="169308" spans="8:8">
      <c r="H169308" s="12"/>
    </row>
    <row r="169309" spans="8:8">
      <c r="H169309" s="12"/>
    </row>
    <row r="169310" spans="8:8">
      <c r="H169310" s="12"/>
    </row>
    <row r="169311" spans="8:8">
      <c r="H169311" s="12"/>
    </row>
    <row r="169312" spans="8:8">
      <c r="H169312" s="12"/>
    </row>
    <row r="169313" spans="8:8">
      <c r="H169313" s="12"/>
    </row>
    <row r="169314" spans="8:8">
      <c r="H169314" s="12"/>
    </row>
    <row r="169315" spans="8:8">
      <c r="H169315" s="12"/>
    </row>
    <row r="169316" spans="8:8">
      <c r="H169316" s="12"/>
    </row>
    <row r="169317" spans="8:8">
      <c r="H169317" s="12"/>
    </row>
    <row r="169318" spans="8:8">
      <c r="H169318" s="12"/>
    </row>
    <row r="169319" spans="8:8">
      <c r="H169319" s="12"/>
    </row>
    <row r="169320" spans="8:8">
      <c r="H169320" s="12"/>
    </row>
    <row r="169321" spans="8:8">
      <c r="H169321" s="12"/>
    </row>
    <row r="169322" spans="8:8">
      <c r="H169322" s="12"/>
    </row>
    <row r="169323" spans="8:8">
      <c r="H169323" s="12"/>
    </row>
    <row r="169324" spans="8:8">
      <c r="H169324" s="12"/>
    </row>
    <row r="169325" spans="8:8">
      <c r="H169325" s="12"/>
    </row>
    <row r="169326" spans="8:8">
      <c r="H169326" s="12"/>
    </row>
    <row r="169327" spans="8:8">
      <c r="H169327" s="12"/>
    </row>
    <row r="169328" spans="8:8">
      <c r="H169328" s="12"/>
    </row>
    <row r="169329" spans="8:8">
      <c r="H169329" s="12"/>
    </row>
    <row r="169330" spans="8:8">
      <c r="H169330" s="12"/>
    </row>
    <row r="169331" spans="8:8">
      <c r="H169331" s="12"/>
    </row>
    <row r="169332" spans="8:8">
      <c r="H169332" s="12"/>
    </row>
    <row r="169333" spans="8:8">
      <c r="H169333" s="12"/>
    </row>
    <row r="169334" spans="8:8">
      <c r="H169334" s="12"/>
    </row>
    <row r="169335" spans="8:8">
      <c r="H169335" s="12"/>
    </row>
    <row r="169336" spans="8:8">
      <c r="H169336" s="12"/>
    </row>
    <row r="169337" spans="8:8">
      <c r="H169337" s="12"/>
    </row>
    <row r="169338" spans="8:8">
      <c r="H169338" s="12"/>
    </row>
    <row r="169339" spans="8:8">
      <c r="H169339" s="12"/>
    </row>
    <row r="169340" spans="8:8">
      <c r="H169340" s="12"/>
    </row>
    <row r="169341" spans="8:8">
      <c r="H169341" s="12"/>
    </row>
    <row r="169342" spans="8:8">
      <c r="H169342" s="12"/>
    </row>
    <row r="169343" spans="8:8">
      <c r="H169343" s="12"/>
    </row>
    <row r="169344" spans="8:8">
      <c r="H169344" s="12"/>
    </row>
    <row r="169345" spans="8:8">
      <c r="H169345" s="12"/>
    </row>
    <row r="169346" spans="8:8">
      <c r="H169346" s="12"/>
    </row>
    <row r="169347" spans="8:8">
      <c r="H169347" s="12"/>
    </row>
    <row r="169348" spans="8:8">
      <c r="H169348" s="12"/>
    </row>
    <row r="169349" spans="8:8">
      <c r="H169349" s="12"/>
    </row>
    <row r="169350" spans="8:8">
      <c r="H169350" s="12"/>
    </row>
    <row r="169351" spans="8:8">
      <c r="H169351" s="12"/>
    </row>
    <row r="169352" spans="8:8">
      <c r="H169352" s="12"/>
    </row>
    <row r="169353" spans="8:8">
      <c r="H169353" s="12"/>
    </row>
    <row r="169354" spans="8:8">
      <c r="H169354" s="12"/>
    </row>
    <row r="169355" spans="8:8">
      <c r="H169355" s="12"/>
    </row>
    <row r="169356" spans="8:8">
      <c r="H169356" s="12"/>
    </row>
    <row r="169357" spans="8:8">
      <c r="H169357" s="12"/>
    </row>
    <row r="169358" spans="8:8">
      <c r="H169358" s="12"/>
    </row>
    <row r="169359" spans="8:8">
      <c r="H169359" s="12"/>
    </row>
    <row r="169360" spans="8:8">
      <c r="H169360" s="12"/>
    </row>
    <row r="169361" spans="8:8">
      <c r="H169361" s="12"/>
    </row>
    <row r="169362" spans="8:8">
      <c r="H169362" s="12"/>
    </row>
    <row r="169363" spans="8:8">
      <c r="H169363" s="12"/>
    </row>
    <row r="169364" spans="8:8">
      <c r="H169364" s="12"/>
    </row>
    <row r="169365" spans="8:8">
      <c r="H169365" s="12"/>
    </row>
    <row r="169366" spans="8:8">
      <c r="H169366" s="12"/>
    </row>
    <row r="169367" spans="8:8">
      <c r="H169367" s="12"/>
    </row>
    <row r="169368" spans="8:8">
      <c r="H169368" s="12"/>
    </row>
    <row r="169369" spans="8:8">
      <c r="H169369" s="12"/>
    </row>
    <row r="169370" spans="8:8">
      <c r="H169370" s="12"/>
    </row>
    <row r="169371" spans="8:8">
      <c r="H169371" s="12"/>
    </row>
    <row r="169372" spans="8:8">
      <c r="H169372" s="12"/>
    </row>
    <row r="169373" spans="8:8">
      <c r="H169373" s="12"/>
    </row>
    <row r="169374" spans="8:8">
      <c r="H169374" s="12"/>
    </row>
    <row r="169375" spans="8:8">
      <c r="H169375" s="12"/>
    </row>
    <row r="169376" spans="8:8">
      <c r="H169376" s="12"/>
    </row>
    <row r="169377" spans="8:8">
      <c r="H169377" s="12"/>
    </row>
    <row r="169378" spans="8:8">
      <c r="H169378" s="12"/>
    </row>
    <row r="169379" spans="8:8">
      <c r="H169379" s="12"/>
    </row>
    <row r="169380" spans="8:8">
      <c r="H169380" s="12"/>
    </row>
    <row r="169381" spans="8:8">
      <c r="H169381" s="12"/>
    </row>
    <row r="169382" spans="8:8">
      <c r="H169382" s="12"/>
    </row>
    <row r="169383" spans="8:8">
      <c r="H169383" s="12"/>
    </row>
    <row r="169384" spans="8:8">
      <c r="H169384" s="12"/>
    </row>
    <row r="169385" spans="8:8">
      <c r="H169385" s="12"/>
    </row>
    <row r="169386" spans="8:8">
      <c r="H169386" s="12"/>
    </row>
    <row r="169387" spans="8:8">
      <c r="H169387" s="12"/>
    </row>
    <row r="169388" spans="8:8">
      <c r="H169388" s="12"/>
    </row>
    <row r="169389" spans="8:8">
      <c r="H169389" s="12"/>
    </row>
    <row r="169390" spans="8:8">
      <c r="H169390" s="12"/>
    </row>
    <row r="169391" spans="8:8">
      <c r="H169391" s="12"/>
    </row>
    <row r="169392" spans="8:8">
      <c r="H169392" s="12"/>
    </row>
    <row r="169393" spans="8:8">
      <c r="H169393" s="12"/>
    </row>
    <row r="169394" spans="8:8">
      <c r="H169394" s="12"/>
    </row>
    <row r="169395" spans="8:8">
      <c r="H169395" s="12"/>
    </row>
    <row r="169396" spans="8:8">
      <c r="H169396" s="12"/>
    </row>
    <row r="169397" spans="8:8">
      <c r="H169397" s="12"/>
    </row>
    <row r="169398" spans="8:8">
      <c r="H169398" s="12"/>
    </row>
    <row r="169399" spans="8:8">
      <c r="H169399" s="12"/>
    </row>
    <row r="169400" spans="8:8">
      <c r="H169400" s="12"/>
    </row>
    <row r="169401" spans="8:8">
      <c r="H169401" s="12"/>
    </row>
    <row r="169402" spans="8:8">
      <c r="H169402" s="12"/>
    </row>
    <row r="169403" spans="8:8">
      <c r="H169403" s="12"/>
    </row>
    <row r="169404" spans="8:8">
      <c r="H169404" s="12"/>
    </row>
    <row r="169405" spans="8:8">
      <c r="H169405" s="12"/>
    </row>
    <row r="169406" spans="8:8">
      <c r="H169406" s="12"/>
    </row>
    <row r="169407" spans="8:8">
      <c r="H169407" s="12"/>
    </row>
    <row r="169408" spans="8:8">
      <c r="H169408" s="12"/>
    </row>
    <row r="169409" spans="8:8">
      <c r="H169409" s="12"/>
    </row>
    <row r="169410" spans="8:8">
      <c r="H169410" s="12"/>
    </row>
    <row r="169411" spans="8:8">
      <c r="H169411" s="12"/>
    </row>
    <row r="169412" spans="8:8">
      <c r="H169412" s="12"/>
    </row>
    <row r="169413" spans="8:8">
      <c r="H169413" s="12"/>
    </row>
    <row r="169414" spans="8:8">
      <c r="H169414" s="12"/>
    </row>
    <row r="169415" spans="8:8">
      <c r="H169415" s="12"/>
    </row>
    <row r="169416" spans="8:8">
      <c r="H169416" s="12"/>
    </row>
    <row r="169417" spans="8:8">
      <c r="H169417" s="12"/>
    </row>
    <row r="169418" spans="8:8">
      <c r="H169418" s="12"/>
    </row>
    <row r="169419" spans="8:8">
      <c r="H169419" s="12"/>
    </row>
    <row r="169420" spans="8:8">
      <c r="H169420" s="12"/>
    </row>
    <row r="169421" spans="8:8">
      <c r="H169421" s="12"/>
    </row>
    <row r="169422" spans="8:8">
      <c r="H169422" s="12"/>
    </row>
    <row r="169423" spans="8:8">
      <c r="H169423" s="12"/>
    </row>
    <row r="169424" spans="8:8">
      <c r="H169424" s="12"/>
    </row>
    <row r="169425" spans="8:8">
      <c r="H169425" s="12"/>
    </row>
    <row r="169426" spans="8:8">
      <c r="H169426" s="12"/>
    </row>
    <row r="169427" spans="8:8">
      <c r="H169427" s="12"/>
    </row>
    <row r="169428" spans="8:8">
      <c r="H169428" s="12"/>
    </row>
    <row r="169429" spans="8:8">
      <c r="H169429" s="12"/>
    </row>
    <row r="169430" spans="8:8">
      <c r="H169430" s="12"/>
    </row>
    <row r="169431" spans="8:8">
      <c r="H169431" s="12"/>
    </row>
    <row r="169432" spans="8:8">
      <c r="H169432" s="12"/>
    </row>
    <row r="169433" spans="8:8">
      <c r="H169433" s="12"/>
    </row>
    <row r="169434" spans="8:8">
      <c r="H169434" s="12"/>
    </row>
    <row r="169435" spans="8:8">
      <c r="H169435" s="12"/>
    </row>
    <row r="169436" spans="8:8">
      <c r="H169436" s="12"/>
    </row>
    <row r="169437" spans="8:8">
      <c r="H169437" s="12"/>
    </row>
    <row r="169438" spans="8:8">
      <c r="H169438" s="12"/>
    </row>
    <row r="169439" spans="8:8">
      <c r="H169439" s="12"/>
    </row>
    <row r="169440" spans="8:8">
      <c r="H169440" s="12"/>
    </row>
    <row r="169441" spans="8:8">
      <c r="H169441" s="12"/>
    </row>
    <row r="169442" spans="8:8">
      <c r="H169442" s="12"/>
    </row>
    <row r="169443" spans="8:8">
      <c r="H169443" s="12"/>
    </row>
    <row r="169444" spans="8:8">
      <c r="H169444" s="12"/>
    </row>
    <row r="169445" spans="8:8">
      <c r="H169445" s="12"/>
    </row>
    <row r="169446" spans="8:8">
      <c r="H169446" s="12"/>
    </row>
    <row r="169447" spans="8:8">
      <c r="H169447" s="12"/>
    </row>
    <row r="169448" spans="8:8">
      <c r="H169448" s="12"/>
    </row>
    <row r="169449" spans="8:8">
      <c r="H169449" s="12"/>
    </row>
    <row r="169450" spans="8:8">
      <c r="H169450" s="12"/>
    </row>
    <row r="169451" spans="8:8">
      <c r="H169451" s="12"/>
    </row>
    <row r="169452" spans="8:8">
      <c r="H169452" s="12"/>
    </row>
    <row r="169453" spans="8:8">
      <c r="H169453" s="12"/>
    </row>
    <row r="169454" spans="8:8">
      <c r="H169454" s="12"/>
    </row>
    <row r="169455" spans="8:8">
      <c r="H169455" s="12"/>
    </row>
    <row r="169456" spans="8:8">
      <c r="H169456" s="12"/>
    </row>
    <row r="169457" spans="8:8">
      <c r="H169457" s="12"/>
    </row>
    <row r="169458" spans="8:8">
      <c r="H169458" s="12"/>
    </row>
    <row r="169459" spans="8:8">
      <c r="H169459" s="12"/>
    </row>
    <row r="169460" spans="8:8">
      <c r="H169460" s="12"/>
    </row>
    <row r="169461" spans="8:8">
      <c r="H169461" s="12"/>
    </row>
    <row r="169462" spans="8:8">
      <c r="H169462" s="12"/>
    </row>
    <row r="169463" spans="8:8">
      <c r="H169463" s="12"/>
    </row>
    <row r="169464" spans="8:8">
      <c r="H169464" s="12"/>
    </row>
    <row r="169465" spans="8:8">
      <c r="H169465" s="12"/>
    </row>
    <row r="169466" spans="8:8">
      <c r="H169466" s="12"/>
    </row>
    <row r="169467" spans="8:8">
      <c r="H169467" s="12"/>
    </row>
    <row r="169468" spans="8:8">
      <c r="H169468" s="12"/>
    </row>
    <row r="169469" spans="8:8">
      <c r="H169469" s="12"/>
    </row>
    <row r="169470" spans="8:8">
      <c r="H169470" s="12"/>
    </row>
    <row r="169471" spans="8:8">
      <c r="H169471" s="12"/>
    </row>
    <row r="169472" spans="8:8">
      <c r="H169472" s="12"/>
    </row>
    <row r="169473" spans="8:8">
      <c r="H169473" s="12"/>
    </row>
    <row r="169474" spans="8:8">
      <c r="H169474" s="12"/>
    </row>
    <row r="169475" spans="8:8">
      <c r="H169475" s="12"/>
    </row>
    <row r="169476" spans="8:8">
      <c r="H169476" s="12"/>
    </row>
    <row r="169477" spans="8:8">
      <c r="H169477" s="12"/>
    </row>
    <row r="169478" spans="8:8">
      <c r="H169478" s="12"/>
    </row>
    <row r="169479" spans="8:8">
      <c r="H169479" s="12"/>
    </row>
    <row r="169480" spans="8:8">
      <c r="H169480" s="12"/>
    </row>
    <row r="169481" spans="8:8">
      <c r="H169481" s="12"/>
    </row>
    <row r="169482" spans="8:8">
      <c r="H169482" s="12"/>
    </row>
    <row r="169483" spans="8:8">
      <c r="H169483" s="12"/>
    </row>
    <row r="169484" spans="8:8">
      <c r="H169484" s="12"/>
    </row>
    <row r="169485" spans="8:8">
      <c r="H169485" s="12"/>
    </row>
    <row r="169486" spans="8:8">
      <c r="H169486" s="12"/>
    </row>
    <row r="169487" spans="8:8">
      <c r="H169487" s="12"/>
    </row>
    <row r="169488" spans="8:8">
      <c r="H169488" s="12"/>
    </row>
    <row r="169489" spans="8:8">
      <c r="H169489" s="12"/>
    </row>
    <row r="169490" spans="8:8">
      <c r="H169490" s="12"/>
    </row>
    <row r="169491" spans="8:8">
      <c r="H169491" s="12"/>
    </row>
    <row r="169492" spans="8:8">
      <c r="H169492" s="12"/>
    </row>
    <row r="169493" spans="8:8">
      <c r="H169493" s="12"/>
    </row>
    <row r="169494" spans="8:8">
      <c r="H169494" s="12"/>
    </row>
    <row r="169495" spans="8:8">
      <c r="H169495" s="12"/>
    </row>
    <row r="169496" spans="8:8">
      <c r="H169496" s="12"/>
    </row>
    <row r="169497" spans="8:8">
      <c r="H169497" s="12"/>
    </row>
    <row r="169498" spans="8:8">
      <c r="H169498" s="12"/>
    </row>
    <row r="169499" spans="8:8">
      <c r="H169499" s="12"/>
    </row>
    <row r="169500" spans="8:8">
      <c r="H169500" s="12"/>
    </row>
    <row r="169501" spans="8:8">
      <c r="H169501" s="12"/>
    </row>
    <row r="169502" spans="8:8">
      <c r="H169502" s="12"/>
    </row>
    <row r="169503" spans="8:8">
      <c r="H169503" s="12"/>
    </row>
    <row r="169504" spans="8:8">
      <c r="H169504" s="12"/>
    </row>
    <row r="169505" spans="8:8">
      <c r="H169505" s="12"/>
    </row>
    <row r="169506" spans="8:8">
      <c r="H169506" s="12"/>
    </row>
    <row r="169507" spans="8:8">
      <c r="H169507" s="12"/>
    </row>
    <row r="169508" spans="8:8">
      <c r="H169508" s="12"/>
    </row>
    <row r="169509" spans="8:8">
      <c r="H169509" s="12"/>
    </row>
    <row r="169510" spans="8:8">
      <c r="H169510" s="12"/>
    </row>
    <row r="169511" spans="8:8">
      <c r="H169511" s="12"/>
    </row>
    <row r="169512" spans="8:8">
      <c r="H169512" s="12"/>
    </row>
    <row r="169513" spans="8:8">
      <c r="H169513" s="12"/>
    </row>
    <row r="169514" spans="8:8">
      <c r="H169514" s="12"/>
    </row>
    <row r="169515" spans="8:8">
      <c r="H169515" s="12"/>
    </row>
    <row r="169516" spans="8:8">
      <c r="H169516" s="12"/>
    </row>
    <row r="169517" spans="8:8">
      <c r="H169517" s="12"/>
    </row>
    <row r="169518" spans="8:8">
      <c r="H169518" s="12"/>
    </row>
    <row r="169519" spans="8:8">
      <c r="H169519" s="12"/>
    </row>
    <row r="169520" spans="8:8">
      <c r="H169520" s="12"/>
    </row>
    <row r="169521" spans="8:8">
      <c r="H169521" s="12"/>
    </row>
    <row r="169522" spans="8:8">
      <c r="H169522" s="12"/>
    </row>
    <row r="169523" spans="8:8">
      <c r="H169523" s="12"/>
    </row>
    <row r="169524" spans="8:8">
      <c r="H169524" s="12"/>
    </row>
    <row r="169525" spans="8:8">
      <c r="H169525" s="12"/>
    </row>
    <row r="169526" spans="8:8">
      <c r="H169526" s="12"/>
    </row>
    <row r="169527" spans="8:8">
      <c r="H169527" s="12"/>
    </row>
    <row r="169528" spans="8:8">
      <c r="H169528" s="12"/>
    </row>
    <row r="169529" spans="8:8">
      <c r="H169529" s="12"/>
    </row>
    <row r="169530" spans="8:8">
      <c r="H169530" s="12"/>
    </row>
    <row r="169531" spans="8:8">
      <c r="H169531" s="12"/>
    </row>
    <row r="169532" spans="8:8">
      <c r="H169532" s="12"/>
    </row>
    <row r="169533" spans="8:8">
      <c r="H169533" s="12"/>
    </row>
    <row r="169534" spans="8:8">
      <c r="H169534" s="12"/>
    </row>
    <row r="169535" spans="8:8">
      <c r="H169535" s="12"/>
    </row>
    <row r="169536" spans="8:8">
      <c r="H169536" s="12"/>
    </row>
    <row r="169537" spans="8:8">
      <c r="H169537" s="12"/>
    </row>
    <row r="169538" spans="8:8">
      <c r="H169538" s="12"/>
    </row>
    <row r="169539" spans="8:8">
      <c r="H169539" s="12"/>
    </row>
    <row r="169540" spans="8:8">
      <c r="H169540" s="12"/>
    </row>
    <row r="169541" spans="8:8">
      <c r="H169541" s="12"/>
    </row>
    <row r="169542" spans="8:8">
      <c r="H169542" s="12"/>
    </row>
    <row r="169543" spans="8:8">
      <c r="H169543" s="12"/>
    </row>
    <row r="169544" spans="8:8">
      <c r="H169544" s="12"/>
    </row>
    <row r="169545" spans="8:8">
      <c r="H169545" s="12"/>
    </row>
    <row r="169546" spans="8:8">
      <c r="H169546" s="12"/>
    </row>
    <row r="169547" spans="8:8">
      <c r="H169547" s="12"/>
    </row>
    <row r="169548" spans="8:8">
      <c r="H169548" s="12"/>
    </row>
    <row r="169549" spans="8:8">
      <c r="H169549" s="12"/>
    </row>
    <row r="169550" spans="8:8">
      <c r="H169550" s="12"/>
    </row>
    <row r="169551" spans="8:8">
      <c r="H169551" s="12"/>
    </row>
    <row r="169552" spans="8:8">
      <c r="H169552" s="12"/>
    </row>
    <row r="169553" spans="8:8">
      <c r="H169553" s="12"/>
    </row>
    <row r="169554" spans="8:8">
      <c r="H169554" s="12"/>
    </row>
    <row r="169555" spans="8:8">
      <c r="H169555" s="12"/>
    </row>
    <row r="169556" spans="8:8">
      <c r="H169556" s="12"/>
    </row>
    <row r="169557" spans="8:8">
      <c r="H169557" s="12"/>
    </row>
    <row r="169558" spans="8:8">
      <c r="H169558" s="12"/>
    </row>
    <row r="169559" spans="8:8">
      <c r="H169559" s="12"/>
    </row>
    <row r="169560" spans="8:8">
      <c r="H169560" s="12"/>
    </row>
    <row r="169561" spans="8:8">
      <c r="H169561" s="12"/>
    </row>
    <row r="169562" spans="8:8">
      <c r="H169562" s="12"/>
    </row>
    <row r="169563" spans="8:8">
      <c r="H169563" s="12"/>
    </row>
    <row r="169564" spans="8:8">
      <c r="H169564" s="12"/>
    </row>
    <row r="169565" spans="8:8">
      <c r="H169565" s="12"/>
    </row>
    <row r="169566" spans="8:8">
      <c r="H169566" s="12"/>
    </row>
    <row r="169567" spans="8:8">
      <c r="H169567" s="12"/>
    </row>
    <row r="169568" spans="8:8">
      <c r="H169568" s="12"/>
    </row>
    <row r="169569" spans="8:8">
      <c r="H169569" s="12"/>
    </row>
    <row r="169570" spans="8:8">
      <c r="H169570" s="12"/>
    </row>
    <row r="169571" spans="8:8">
      <c r="H169571" s="12"/>
    </row>
    <row r="169572" spans="8:8">
      <c r="H169572" s="12"/>
    </row>
    <row r="169573" spans="8:8">
      <c r="H169573" s="12"/>
    </row>
    <row r="169574" spans="8:8">
      <c r="H169574" s="12"/>
    </row>
    <row r="169575" spans="8:8">
      <c r="H169575" s="12"/>
    </row>
    <row r="169576" spans="8:8">
      <c r="H169576" s="12"/>
    </row>
    <row r="169577" spans="8:8">
      <c r="H169577" s="12"/>
    </row>
    <row r="169578" spans="8:8">
      <c r="H169578" s="12"/>
    </row>
    <row r="169579" spans="8:8">
      <c r="H169579" s="12"/>
    </row>
    <row r="169580" spans="8:8">
      <c r="H169580" s="12"/>
    </row>
    <row r="169581" spans="8:8">
      <c r="H169581" s="12"/>
    </row>
    <row r="169582" spans="8:8">
      <c r="H169582" s="12"/>
    </row>
    <row r="169583" spans="8:8">
      <c r="H169583" s="12"/>
    </row>
    <row r="169584" spans="8:8">
      <c r="H169584" s="12"/>
    </row>
    <row r="169585" spans="8:8">
      <c r="H169585" s="12"/>
    </row>
    <row r="169586" spans="8:8">
      <c r="H169586" s="12"/>
    </row>
    <row r="169587" spans="8:8">
      <c r="H169587" s="12"/>
    </row>
    <row r="169588" spans="8:8">
      <c r="H169588" s="12"/>
    </row>
    <row r="169589" spans="8:8">
      <c r="H169589" s="12"/>
    </row>
    <row r="169590" spans="8:8">
      <c r="H169590" s="12"/>
    </row>
    <row r="169591" spans="8:8">
      <c r="H169591" s="12"/>
    </row>
    <row r="169592" spans="8:8">
      <c r="H169592" s="12"/>
    </row>
    <row r="169593" spans="8:8">
      <c r="H169593" s="12"/>
    </row>
    <row r="169594" spans="8:8">
      <c r="H169594" s="12"/>
    </row>
    <row r="169595" spans="8:8">
      <c r="H169595" s="12"/>
    </row>
    <row r="169596" spans="8:8">
      <c r="H169596" s="12"/>
    </row>
    <row r="169597" spans="8:8">
      <c r="H169597" s="12"/>
    </row>
    <row r="169598" spans="8:8">
      <c r="H169598" s="12"/>
    </row>
    <row r="169599" spans="8:8">
      <c r="H169599" s="12"/>
    </row>
    <row r="169600" spans="8:8">
      <c r="H169600" s="12"/>
    </row>
    <row r="169601" spans="8:8">
      <c r="H169601" s="12"/>
    </row>
    <row r="169602" spans="8:8">
      <c r="H169602" s="12"/>
    </row>
    <row r="169603" spans="8:8">
      <c r="H169603" s="12"/>
    </row>
    <row r="169604" spans="8:8">
      <c r="H169604" s="12"/>
    </row>
    <row r="169605" spans="8:8">
      <c r="H169605" s="12"/>
    </row>
    <row r="169606" spans="8:8">
      <c r="H169606" s="12"/>
    </row>
    <row r="169607" spans="8:8">
      <c r="H169607" s="12"/>
    </row>
    <row r="169608" spans="8:8">
      <c r="H169608" s="12"/>
    </row>
    <row r="169609" spans="8:8">
      <c r="H169609" s="12"/>
    </row>
    <row r="169610" spans="8:8">
      <c r="H169610" s="12"/>
    </row>
    <row r="169611" spans="8:8">
      <c r="H169611" s="12"/>
    </row>
    <row r="169612" spans="8:8">
      <c r="H169612" s="12"/>
    </row>
    <row r="169613" spans="8:8">
      <c r="H169613" s="12"/>
    </row>
    <row r="169614" spans="8:8">
      <c r="H169614" s="12"/>
    </row>
    <row r="169615" spans="8:8">
      <c r="H169615" s="12"/>
    </row>
    <row r="169616" spans="8:8">
      <c r="H169616" s="12"/>
    </row>
    <row r="169617" spans="8:8">
      <c r="H169617" s="12"/>
    </row>
    <row r="169618" spans="8:8">
      <c r="H169618" s="12"/>
    </row>
    <row r="169619" spans="8:8">
      <c r="H169619" s="12"/>
    </row>
    <row r="169620" spans="8:8">
      <c r="H169620" s="12"/>
    </row>
    <row r="169621" spans="8:8">
      <c r="H169621" s="12"/>
    </row>
    <row r="169622" spans="8:8">
      <c r="H169622" s="12"/>
    </row>
    <row r="169623" spans="8:8">
      <c r="H169623" s="12"/>
    </row>
    <row r="169624" spans="8:8">
      <c r="H169624" s="12"/>
    </row>
    <row r="169625" spans="8:8">
      <c r="H169625" s="12"/>
    </row>
    <row r="169626" spans="8:8">
      <c r="H169626" s="12"/>
    </row>
    <row r="169627" spans="8:8">
      <c r="H169627" s="12"/>
    </row>
    <row r="169628" spans="8:8">
      <c r="H169628" s="12"/>
    </row>
    <row r="169629" spans="8:8">
      <c r="H169629" s="12"/>
    </row>
    <row r="169630" spans="8:8">
      <c r="H169630" s="12"/>
    </row>
    <row r="169631" spans="8:8">
      <c r="H169631" s="12"/>
    </row>
    <row r="169632" spans="8:8">
      <c r="H169632" s="12"/>
    </row>
    <row r="169633" spans="8:8">
      <c r="H169633" s="12"/>
    </row>
    <row r="169634" spans="8:8">
      <c r="H169634" s="12"/>
    </row>
    <row r="169635" spans="8:8">
      <c r="H169635" s="12"/>
    </row>
    <row r="169636" spans="8:8">
      <c r="H169636" s="12"/>
    </row>
    <row r="169637" spans="8:8">
      <c r="H169637" s="12"/>
    </row>
    <row r="169638" spans="8:8">
      <c r="H169638" s="12"/>
    </row>
    <row r="169639" spans="8:8">
      <c r="H169639" s="12"/>
    </row>
    <row r="169640" spans="8:8">
      <c r="H169640" s="12"/>
    </row>
    <row r="169641" spans="8:8">
      <c r="H169641" s="12"/>
    </row>
    <row r="169642" spans="8:8">
      <c r="H169642" s="12"/>
    </row>
    <row r="169643" spans="8:8">
      <c r="H169643" s="12"/>
    </row>
    <row r="169644" spans="8:8">
      <c r="H169644" s="12"/>
    </row>
    <row r="169645" spans="8:8">
      <c r="H169645" s="12"/>
    </row>
    <row r="169646" spans="8:8">
      <c r="H169646" s="12"/>
    </row>
    <row r="169647" spans="8:8">
      <c r="H169647" s="12"/>
    </row>
    <row r="169648" spans="8:8">
      <c r="H169648" s="12"/>
    </row>
    <row r="169649" spans="8:8">
      <c r="H169649" s="12"/>
    </row>
    <row r="169650" spans="8:8">
      <c r="H169650" s="12"/>
    </row>
    <row r="169651" spans="8:8">
      <c r="H169651" s="12"/>
    </row>
    <row r="169652" spans="8:8">
      <c r="H169652" s="12"/>
    </row>
    <row r="169653" spans="8:8">
      <c r="H169653" s="12"/>
    </row>
    <row r="169654" spans="8:8">
      <c r="H169654" s="12"/>
    </row>
    <row r="169655" spans="8:8">
      <c r="H169655" s="12"/>
    </row>
    <row r="169656" spans="8:8">
      <c r="H169656" s="12"/>
    </row>
    <row r="169657" spans="8:8">
      <c r="H169657" s="12"/>
    </row>
    <row r="169658" spans="8:8">
      <c r="H169658" s="12"/>
    </row>
    <row r="169659" spans="8:8">
      <c r="H169659" s="12"/>
    </row>
    <row r="169660" spans="8:8">
      <c r="H169660" s="12"/>
    </row>
    <row r="169661" spans="8:8">
      <c r="H169661" s="12"/>
    </row>
    <row r="169662" spans="8:8">
      <c r="H169662" s="12"/>
    </row>
    <row r="169663" spans="8:8">
      <c r="H169663" s="12"/>
    </row>
    <row r="169664" spans="8:8">
      <c r="H169664" s="12"/>
    </row>
    <row r="169665" spans="8:8">
      <c r="H169665" s="12"/>
    </row>
    <row r="169666" spans="8:8">
      <c r="H169666" s="12"/>
    </row>
    <row r="169667" spans="8:8">
      <c r="H169667" s="12"/>
    </row>
    <row r="169668" spans="8:8">
      <c r="H169668" s="12"/>
    </row>
    <row r="169669" spans="8:8">
      <c r="H169669" s="12"/>
    </row>
    <row r="169670" spans="8:8">
      <c r="H169670" s="12"/>
    </row>
    <row r="169671" spans="8:8">
      <c r="H169671" s="12"/>
    </row>
    <row r="169672" spans="8:8">
      <c r="H169672" s="12"/>
    </row>
    <row r="169673" spans="8:8">
      <c r="H169673" s="12"/>
    </row>
    <row r="169674" spans="8:8">
      <c r="H169674" s="12"/>
    </row>
    <row r="169675" spans="8:8">
      <c r="H169675" s="12"/>
    </row>
    <row r="169676" spans="8:8">
      <c r="H169676" s="12"/>
    </row>
    <row r="169677" spans="8:8">
      <c r="H169677" s="12"/>
    </row>
    <row r="169678" spans="8:8">
      <c r="H169678" s="12"/>
    </row>
    <row r="169679" spans="8:8">
      <c r="H169679" s="12"/>
    </row>
    <row r="169680" spans="8:8">
      <c r="H169680" s="12"/>
    </row>
    <row r="169681" spans="8:8">
      <c r="H169681" s="12"/>
    </row>
    <row r="169682" spans="8:8">
      <c r="H169682" s="12"/>
    </row>
    <row r="169683" spans="8:8">
      <c r="H169683" s="12"/>
    </row>
    <row r="169684" spans="8:8">
      <c r="H169684" s="12"/>
    </row>
    <row r="169685" spans="8:8">
      <c r="H169685" s="12"/>
    </row>
    <row r="169686" spans="8:8">
      <c r="H169686" s="12"/>
    </row>
    <row r="169687" spans="8:8">
      <c r="H169687" s="12"/>
    </row>
    <row r="169688" spans="8:8">
      <c r="H169688" s="12"/>
    </row>
    <row r="169689" spans="8:8">
      <c r="H169689" s="12"/>
    </row>
    <row r="169690" spans="8:8">
      <c r="H169690" s="12"/>
    </row>
    <row r="169691" spans="8:8">
      <c r="H169691" s="12"/>
    </row>
    <row r="169692" spans="8:8">
      <c r="H169692" s="12"/>
    </row>
    <row r="169693" spans="8:8">
      <c r="H169693" s="12"/>
    </row>
    <row r="169694" spans="8:8">
      <c r="H169694" s="12"/>
    </row>
    <row r="169695" spans="8:8">
      <c r="H169695" s="12"/>
    </row>
    <row r="169696" spans="8:8">
      <c r="H169696" s="12"/>
    </row>
    <row r="169697" spans="8:8">
      <c r="H169697" s="12"/>
    </row>
    <row r="169698" spans="8:8">
      <c r="H169698" s="12"/>
    </row>
    <row r="169699" spans="8:8">
      <c r="H169699" s="12"/>
    </row>
    <row r="169700" spans="8:8">
      <c r="H169700" s="12"/>
    </row>
    <row r="169701" spans="8:8">
      <c r="H169701" s="12"/>
    </row>
    <row r="169702" spans="8:8">
      <c r="H169702" s="12"/>
    </row>
    <row r="169703" spans="8:8">
      <c r="H169703" s="12"/>
    </row>
    <row r="169704" spans="8:8">
      <c r="H169704" s="12"/>
    </row>
    <row r="169705" spans="8:8">
      <c r="H169705" s="12"/>
    </row>
    <row r="169706" spans="8:8">
      <c r="H169706" s="12"/>
    </row>
    <row r="169707" spans="8:8">
      <c r="H169707" s="12"/>
    </row>
    <row r="169708" spans="8:8">
      <c r="H169708" s="12"/>
    </row>
    <row r="169709" spans="8:8">
      <c r="H169709" s="12"/>
    </row>
    <row r="169710" spans="8:8">
      <c r="H169710" s="12"/>
    </row>
    <row r="169711" spans="8:8">
      <c r="H169711" s="12"/>
    </row>
    <row r="169712" spans="8:8">
      <c r="H169712" s="12"/>
    </row>
    <row r="169713" spans="8:8">
      <c r="H169713" s="12"/>
    </row>
    <row r="169714" spans="8:8">
      <c r="H169714" s="12"/>
    </row>
    <row r="169715" spans="8:8">
      <c r="H169715" s="12"/>
    </row>
    <row r="169716" spans="8:8">
      <c r="H169716" s="12"/>
    </row>
    <row r="169717" spans="8:8">
      <c r="H169717" s="12"/>
    </row>
    <row r="169718" spans="8:8">
      <c r="H169718" s="12"/>
    </row>
    <row r="169719" spans="8:8">
      <c r="H169719" s="12"/>
    </row>
    <row r="169720" spans="8:8">
      <c r="H169720" s="12"/>
    </row>
    <row r="169721" spans="8:8">
      <c r="H169721" s="12"/>
    </row>
    <row r="169722" spans="8:8">
      <c r="H169722" s="12"/>
    </row>
    <row r="169723" spans="8:8">
      <c r="H169723" s="12"/>
    </row>
    <row r="169724" spans="8:8">
      <c r="H169724" s="12"/>
    </row>
    <row r="169725" spans="8:8">
      <c r="H169725" s="12"/>
    </row>
    <row r="169726" spans="8:8">
      <c r="H169726" s="12"/>
    </row>
    <row r="169727" spans="8:8">
      <c r="H169727" s="12"/>
    </row>
    <row r="169728" spans="8:8">
      <c r="H169728" s="12"/>
    </row>
    <row r="169729" spans="8:8">
      <c r="H169729" s="12"/>
    </row>
    <row r="169730" spans="8:8">
      <c r="H169730" s="12"/>
    </row>
    <row r="169731" spans="8:8">
      <c r="H169731" s="12"/>
    </row>
    <row r="169732" spans="8:8">
      <c r="H169732" s="12"/>
    </row>
    <row r="169733" spans="8:8">
      <c r="H169733" s="12"/>
    </row>
    <row r="169734" spans="8:8">
      <c r="H169734" s="12"/>
    </row>
    <row r="169735" spans="8:8">
      <c r="H169735" s="12"/>
    </row>
    <row r="169736" spans="8:8">
      <c r="H169736" s="12"/>
    </row>
    <row r="169737" spans="8:8">
      <c r="H169737" s="12"/>
    </row>
    <row r="169738" spans="8:8">
      <c r="H169738" s="12"/>
    </row>
    <row r="169739" spans="8:8">
      <c r="H169739" s="12"/>
    </row>
    <row r="169740" spans="8:8">
      <c r="H169740" s="12"/>
    </row>
    <row r="169741" spans="8:8">
      <c r="H169741" s="12"/>
    </row>
    <row r="169742" spans="8:8">
      <c r="H169742" s="12"/>
    </row>
    <row r="169743" spans="8:8">
      <c r="H169743" s="12"/>
    </row>
    <row r="169744" spans="8:8">
      <c r="H169744" s="12"/>
    </row>
    <row r="169745" spans="8:8">
      <c r="H169745" s="12"/>
    </row>
    <row r="169746" spans="8:8">
      <c r="H169746" s="12"/>
    </row>
    <row r="169747" spans="8:8">
      <c r="H169747" s="12"/>
    </row>
    <row r="169748" spans="8:8">
      <c r="H169748" s="12"/>
    </row>
    <row r="169749" spans="8:8">
      <c r="H169749" s="12"/>
    </row>
    <row r="169750" spans="8:8">
      <c r="H169750" s="12"/>
    </row>
    <row r="169751" spans="8:8">
      <c r="H169751" s="12"/>
    </row>
    <row r="169752" spans="8:8">
      <c r="H169752" s="12"/>
    </row>
    <row r="169753" spans="8:8">
      <c r="H169753" s="12"/>
    </row>
    <row r="169754" spans="8:8">
      <c r="H169754" s="12"/>
    </row>
    <row r="169755" spans="8:8">
      <c r="H169755" s="12"/>
    </row>
    <row r="169756" spans="8:8">
      <c r="H169756" s="12"/>
    </row>
    <row r="169757" spans="8:8">
      <c r="H169757" s="12"/>
    </row>
    <row r="169758" spans="8:8">
      <c r="H169758" s="12"/>
    </row>
    <row r="169759" spans="8:8">
      <c r="H169759" s="12"/>
    </row>
    <row r="169760" spans="8:8">
      <c r="H169760" s="12"/>
    </row>
    <row r="169761" spans="8:8">
      <c r="H169761" s="12"/>
    </row>
    <row r="169762" spans="8:8">
      <c r="H169762" s="12"/>
    </row>
    <row r="169763" spans="8:8">
      <c r="H169763" s="12"/>
    </row>
    <row r="169764" spans="8:8">
      <c r="H169764" s="12"/>
    </row>
    <row r="169765" spans="8:8">
      <c r="H169765" s="12"/>
    </row>
    <row r="169766" spans="8:8">
      <c r="H169766" s="12"/>
    </row>
    <row r="169767" spans="8:8">
      <c r="H169767" s="12"/>
    </row>
    <row r="169768" spans="8:8">
      <c r="H169768" s="12"/>
    </row>
    <row r="169769" spans="8:8">
      <c r="H169769" s="12"/>
    </row>
    <row r="169770" spans="8:8">
      <c r="H169770" s="12"/>
    </row>
    <row r="169771" spans="8:8">
      <c r="H169771" s="12"/>
    </row>
    <row r="169772" spans="8:8">
      <c r="H169772" s="12"/>
    </row>
    <row r="169773" spans="8:8">
      <c r="H169773" s="12"/>
    </row>
    <row r="169774" spans="8:8">
      <c r="H169774" s="12"/>
    </row>
    <row r="169775" spans="8:8">
      <c r="H169775" s="12"/>
    </row>
    <row r="169776" spans="8:8">
      <c r="H169776" s="12"/>
    </row>
    <row r="169777" spans="8:8">
      <c r="H169777" s="12"/>
    </row>
    <row r="169778" spans="8:8">
      <c r="H169778" s="12"/>
    </row>
    <row r="169779" spans="8:8">
      <c r="H169779" s="12"/>
    </row>
    <row r="169780" spans="8:8">
      <c r="H169780" s="12"/>
    </row>
    <row r="169781" spans="8:8">
      <c r="H169781" s="12"/>
    </row>
    <row r="169782" spans="8:8">
      <c r="H169782" s="12"/>
    </row>
    <row r="169783" spans="8:8">
      <c r="H169783" s="12"/>
    </row>
    <row r="169784" spans="8:8">
      <c r="H169784" s="12"/>
    </row>
    <row r="169785" spans="8:8">
      <c r="H169785" s="12"/>
    </row>
    <row r="169786" spans="8:8">
      <c r="H169786" s="12"/>
    </row>
    <row r="169787" spans="8:8">
      <c r="H169787" s="12"/>
    </row>
    <row r="169788" spans="8:8">
      <c r="H169788" s="12"/>
    </row>
    <row r="169789" spans="8:8">
      <c r="H169789" s="12"/>
    </row>
    <row r="169790" spans="8:8">
      <c r="H169790" s="12"/>
    </row>
    <row r="169791" spans="8:8">
      <c r="H169791" s="12"/>
    </row>
    <row r="169792" spans="8:8">
      <c r="H169792" s="12"/>
    </row>
    <row r="169793" spans="8:8">
      <c r="H169793" s="12"/>
    </row>
    <row r="169794" spans="8:8">
      <c r="H169794" s="12"/>
    </row>
    <row r="169795" spans="8:8">
      <c r="H169795" s="12"/>
    </row>
    <row r="169796" spans="8:8">
      <c r="H169796" s="12"/>
    </row>
    <row r="169797" spans="8:8">
      <c r="H169797" s="12"/>
    </row>
    <row r="169798" spans="8:8">
      <c r="H169798" s="12"/>
    </row>
    <row r="169799" spans="8:8">
      <c r="H169799" s="12"/>
    </row>
    <row r="169800" spans="8:8">
      <c r="H169800" s="12"/>
    </row>
    <row r="169801" spans="8:8">
      <c r="H169801" s="12"/>
    </row>
    <row r="169802" spans="8:8">
      <c r="H169802" s="12"/>
    </row>
    <row r="169803" spans="8:8">
      <c r="H169803" s="12"/>
    </row>
    <row r="169804" spans="8:8">
      <c r="H169804" s="12"/>
    </row>
    <row r="169805" spans="8:8">
      <c r="H169805" s="12"/>
    </row>
    <row r="169806" spans="8:8">
      <c r="H169806" s="12"/>
    </row>
    <row r="169807" spans="8:8">
      <c r="H169807" s="12"/>
    </row>
    <row r="169808" spans="8:8">
      <c r="H169808" s="12"/>
    </row>
    <row r="169809" spans="8:8">
      <c r="H169809" s="12"/>
    </row>
    <row r="169810" spans="8:8">
      <c r="H169810" s="12"/>
    </row>
    <row r="169811" spans="8:8">
      <c r="H169811" s="12"/>
    </row>
    <row r="169812" spans="8:8">
      <c r="H169812" s="12"/>
    </row>
    <row r="169813" spans="8:8">
      <c r="H169813" s="12"/>
    </row>
    <row r="169814" spans="8:8">
      <c r="H169814" s="12"/>
    </row>
    <row r="169815" spans="8:8">
      <c r="H169815" s="12"/>
    </row>
    <row r="169816" spans="8:8">
      <c r="H169816" s="12"/>
    </row>
    <row r="169817" spans="8:8">
      <c r="H169817" s="12"/>
    </row>
    <row r="169818" spans="8:8">
      <c r="H169818" s="12"/>
    </row>
    <row r="169819" spans="8:8">
      <c r="H169819" s="12"/>
    </row>
    <row r="169820" spans="8:8">
      <c r="H169820" s="12"/>
    </row>
    <row r="169821" spans="8:8">
      <c r="H169821" s="12"/>
    </row>
    <row r="169822" spans="8:8">
      <c r="H169822" s="12"/>
    </row>
    <row r="169823" spans="8:8">
      <c r="H169823" s="12"/>
    </row>
    <row r="169824" spans="8:8">
      <c r="H169824" s="12"/>
    </row>
    <row r="169825" spans="8:8">
      <c r="H169825" s="12"/>
    </row>
    <row r="169826" spans="8:8">
      <c r="H169826" s="12"/>
    </row>
    <row r="169827" spans="8:8">
      <c r="H169827" s="12"/>
    </row>
    <row r="169828" spans="8:8">
      <c r="H169828" s="12"/>
    </row>
    <row r="169829" spans="8:8">
      <c r="H169829" s="12"/>
    </row>
    <row r="169830" spans="8:8">
      <c r="H169830" s="12"/>
    </row>
    <row r="169831" spans="8:8">
      <c r="H169831" s="12"/>
    </row>
    <row r="169832" spans="8:8">
      <c r="H169832" s="12"/>
    </row>
    <row r="169833" spans="8:8">
      <c r="H169833" s="12"/>
    </row>
    <row r="169834" spans="8:8">
      <c r="H169834" s="12"/>
    </row>
    <row r="169835" spans="8:8">
      <c r="H169835" s="12"/>
    </row>
    <row r="169836" spans="8:8">
      <c r="H169836" s="12"/>
    </row>
    <row r="169837" spans="8:8">
      <c r="H169837" s="12"/>
    </row>
    <row r="169838" spans="8:8">
      <c r="H169838" s="12"/>
    </row>
    <row r="169839" spans="8:8">
      <c r="H169839" s="12"/>
    </row>
    <row r="169840" spans="8:8">
      <c r="H169840" s="12"/>
    </row>
    <row r="169841" spans="8:8">
      <c r="H169841" s="12"/>
    </row>
    <row r="169842" spans="8:8">
      <c r="H169842" s="12"/>
    </row>
    <row r="169843" spans="8:8">
      <c r="H169843" s="12"/>
    </row>
    <row r="169844" spans="8:8">
      <c r="H169844" s="12"/>
    </row>
    <row r="169845" spans="8:8">
      <c r="H169845" s="12"/>
    </row>
    <row r="169846" spans="8:8">
      <c r="H169846" s="12"/>
    </row>
    <row r="169847" spans="8:8">
      <c r="H169847" s="12"/>
    </row>
    <row r="169848" spans="8:8">
      <c r="H169848" s="12"/>
    </row>
    <row r="169849" spans="8:8">
      <c r="H169849" s="12"/>
    </row>
    <row r="169850" spans="8:8">
      <c r="H169850" s="12"/>
    </row>
    <row r="169851" spans="8:8">
      <c r="H169851" s="12"/>
    </row>
    <row r="169852" spans="8:8">
      <c r="H169852" s="12"/>
    </row>
    <row r="169853" spans="8:8">
      <c r="H169853" s="12"/>
    </row>
    <row r="169854" spans="8:8">
      <c r="H169854" s="12"/>
    </row>
    <row r="169855" spans="8:8">
      <c r="H169855" s="12"/>
    </row>
    <row r="169856" spans="8:8">
      <c r="H169856" s="12"/>
    </row>
    <row r="169857" spans="8:8">
      <c r="H169857" s="12"/>
    </row>
    <row r="169858" spans="8:8">
      <c r="H169858" s="12"/>
    </row>
    <row r="169859" spans="8:8">
      <c r="H169859" s="12"/>
    </row>
    <row r="169860" spans="8:8">
      <c r="H169860" s="12"/>
    </row>
    <row r="169861" spans="8:8">
      <c r="H169861" s="12"/>
    </row>
    <row r="169862" spans="8:8">
      <c r="H169862" s="12"/>
    </row>
    <row r="169863" spans="8:8">
      <c r="H169863" s="12"/>
    </row>
    <row r="169864" spans="8:8">
      <c r="H169864" s="12"/>
    </row>
    <row r="169865" spans="8:8">
      <c r="H169865" s="12"/>
    </row>
    <row r="169866" spans="8:8">
      <c r="H169866" s="12"/>
    </row>
    <row r="169867" spans="8:8">
      <c r="H169867" s="12"/>
    </row>
    <row r="169868" spans="8:8">
      <c r="H169868" s="12"/>
    </row>
    <row r="169869" spans="8:8">
      <c r="H169869" s="12"/>
    </row>
    <row r="169870" spans="8:8">
      <c r="H169870" s="12"/>
    </row>
    <row r="169871" spans="8:8">
      <c r="H169871" s="12"/>
    </row>
    <row r="169872" spans="8:8">
      <c r="H169872" s="12"/>
    </row>
    <row r="169873" spans="8:8">
      <c r="H169873" s="12"/>
    </row>
    <row r="169874" spans="8:8">
      <c r="H169874" s="12"/>
    </row>
    <row r="169875" spans="8:8">
      <c r="H169875" s="12"/>
    </row>
    <row r="169876" spans="8:8">
      <c r="H169876" s="12"/>
    </row>
    <row r="169877" spans="8:8">
      <c r="H169877" s="12"/>
    </row>
    <row r="169878" spans="8:8">
      <c r="H169878" s="12"/>
    </row>
    <row r="169879" spans="8:8">
      <c r="H169879" s="12"/>
    </row>
    <row r="169880" spans="8:8">
      <c r="H169880" s="12"/>
    </row>
    <row r="169881" spans="8:8">
      <c r="H169881" s="12"/>
    </row>
    <row r="169882" spans="8:8">
      <c r="H169882" s="12"/>
    </row>
    <row r="169883" spans="8:8">
      <c r="H169883" s="12"/>
    </row>
    <row r="169884" spans="8:8">
      <c r="H169884" s="12"/>
    </row>
    <row r="169885" spans="8:8">
      <c r="H169885" s="12"/>
    </row>
    <row r="169886" spans="8:8">
      <c r="H169886" s="12"/>
    </row>
    <row r="169887" spans="8:8">
      <c r="H169887" s="12"/>
    </row>
    <row r="169888" spans="8:8">
      <c r="H169888" s="12"/>
    </row>
    <row r="169889" spans="8:8">
      <c r="H169889" s="12"/>
    </row>
    <row r="169890" spans="8:8">
      <c r="H169890" s="12"/>
    </row>
    <row r="169891" spans="8:8">
      <c r="H169891" s="12"/>
    </row>
    <row r="169892" spans="8:8">
      <c r="H169892" s="12"/>
    </row>
    <row r="169893" spans="8:8">
      <c r="H169893" s="12"/>
    </row>
    <row r="169894" spans="8:8">
      <c r="H169894" s="12"/>
    </row>
    <row r="169895" spans="8:8">
      <c r="H169895" s="12"/>
    </row>
    <row r="169896" spans="8:8">
      <c r="H169896" s="12"/>
    </row>
    <row r="169897" spans="8:8">
      <c r="H169897" s="12"/>
    </row>
    <row r="169898" spans="8:8">
      <c r="H169898" s="12"/>
    </row>
    <row r="169899" spans="8:8">
      <c r="H169899" s="12"/>
    </row>
    <row r="169900" spans="8:8">
      <c r="H169900" s="12"/>
    </row>
    <row r="169901" spans="8:8">
      <c r="H169901" s="12"/>
    </row>
    <row r="169902" spans="8:8">
      <c r="H169902" s="12"/>
    </row>
    <row r="169903" spans="8:8">
      <c r="H169903" s="12"/>
    </row>
    <row r="169904" spans="8:8">
      <c r="H169904" s="12"/>
    </row>
    <row r="169905" spans="8:8">
      <c r="H169905" s="12"/>
    </row>
    <row r="169906" spans="8:8">
      <c r="H169906" s="12"/>
    </row>
    <row r="169907" spans="8:8">
      <c r="H169907" s="12"/>
    </row>
    <row r="169908" spans="8:8">
      <c r="H169908" s="12"/>
    </row>
    <row r="169909" spans="8:8">
      <c r="H169909" s="12"/>
    </row>
    <row r="169910" spans="8:8">
      <c r="H169910" s="12"/>
    </row>
    <row r="169911" spans="8:8">
      <c r="H169911" s="12"/>
    </row>
    <row r="169912" spans="8:8">
      <c r="H169912" s="12"/>
    </row>
    <row r="169913" spans="8:8">
      <c r="H169913" s="12"/>
    </row>
    <row r="169914" spans="8:8">
      <c r="H169914" s="12"/>
    </row>
    <row r="169915" spans="8:8">
      <c r="H169915" s="12"/>
    </row>
    <row r="169916" spans="8:8">
      <c r="H169916" s="12"/>
    </row>
    <row r="169917" spans="8:8">
      <c r="H169917" s="12"/>
    </row>
    <row r="169918" spans="8:8">
      <c r="H169918" s="12"/>
    </row>
    <row r="169919" spans="8:8">
      <c r="H169919" s="12"/>
    </row>
    <row r="169920" spans="8:8">
      <c r="H169920" s="12"/>
    </row>
    <row r="169921" spans="8:8">
      <c r="H169921" s="12"/>
    </row>
    <row r="169922" spans="8:8">
      <c r="H169922" s="12"/>
    </row>
    <row r="169923" spans="8:8">
      <c r="H169923" s="12"/>
    </row>
    <row r="169924" spans="8:8">
      <c r="H169924" s="12"/>
    </row>
    <row r="169925" spans="8:8">
      <c r="H169925" s="12"/>
    </row>
    <row r="169926" spans="8:8">
      <c r="H169926" s="12"/>
    </row>
    <row r="169927" spans="8:8">
      <c r="H169927" s="12"/>
    </row>
    <row r="169928" spans="8:8">
      <c r="H169928" s="12"/>
    </row>
    <row r="169929" spans="8:8">
      <c r="H169929" s="12"/>
    </row>
    <row r="169930" spans="8:8">
      <c r="H169930" s="12"/>
    </row>
    <row r="169931" spans="8:8">
      <c r="H169931" s="12"/>
    </row>
    <row r="169932" spans="8:8">
      <c r="H169932" s="12"/>
    </row>
    <row r="169933" spans="8:8">
      <c r="H169933" s="12"/>
    </row>
    <row r="169934" spans="8:8">
      <c r="H169934" s="12"/>
    </row>
    <row r="169935" spans="8:8">
      <c r="H169935" s="12"/>
    </row>
    <row r="169936" spans="8:8">
      <c r="H169936" s="12"/>
    </row>
    <row r="169937" spans="8:8">
      <c r="H169937" s="12"/>
    </row>
    <row r="169938" spans="8:8">
      <c r="H169938" s="12"/>
    </row>
    <row r="169939" spans="8:8">
      <c r="H169939" s="12"/>
    </row>
    <row r="169940" spans="8:8">
      <c r="H169940" s="12"/>
    </row>
    <row r="169941" spans="8:8">
      <c r="H169941" s="12"/>
    </row>
    <row r="169942" spans="8:8">
      <c r="H169942" s="12"/>
    </row>
    <row r="169943" spans="8:8">
      <c r="H169943" s="12"/>
    </row>
    <row r="169944" spans="8:8">
      <c r="H169944" s="12"/>
    </row>
    <row r="169945" spans="8:8">
      <c r="H169945" s="12"/>
    </row>
    <row r="169946" spans="8:8">
      <c r="H169946" s="12"/>
    </row>
    <row r="169947" spans="8:8">
      <c r="H169947" s="12"/>
    </row>
    <row r="169948" spans="8:8">
      <c r="H169948" s="12"/>
    </row>
    <row r="169949" spans="8:8">
      <c r="H169949" s="12"/>
    </row>
    <row r="169950" spans="8:8">
      <c r="H169950" s="12"/>
    </row>
    <row r="169951" spans="8:8">
      <c r="H169951" s="12"/>
    </row>
    <row r="169952" spans="8:8">
      <c r="H169952" s="12"/>
    </row>
    <row r="169953" spans="8:8">
      <c r="H169953" s="12"/>
    </row>
    <row r="169954" spans="8:8">
      <c r="H169954" s="12"/>
    </row>
    <row r="169955" spans="8:8">
      <c r="H169955" s="12"/>
    </row>
    <row r="169956" spans="8:8">
      <c r="H169956" s="12"/>
    </row>
    <row r="169957" spans="8:8">
      <c r="H169957" s="12"/>
    </row>
    <row r="169958" spans="8:8">
      <c r="H169958" s="12"/>
    </row>
    <row r="169959" spans="8:8">
      <c r="H169959" s="12"/>
    </row>
    <row r="169960" spans="8:8">
      <c r="H169960" s="12"/>
    </row>
    <row r="169961" spans="8:8">
      <c r="H169961" s="12"/>
    </row>
    <row r="169962" spans="8:8">
      <c r="H169962" s="12"/>
    </row>
    <row r="169963" spans="8:8">
      <c r="H169963" s="12"/>
    </row>
    <row r="169964" spans="8:8">
      <c r="H169964" s="12"/>
    </row>
    <row r="169965" spans="8:8">
      <c r="H169965" s="12"/>
    </row>
    <row r="169966" spans="8:8">
      <c r="H169966" s="12"/>
    </row>
    <row r="169967" spans="8:8">
      <c r="H169967" s="12"/>
    </row>
    <row r="169968" spans="8:8">
      <c r="H169968" s="12"/>
    </row>
    <row r="169969" spans="8:8">
      <c r="H169969" s="12"/>
    </row>
    <row r="169970" spans="8:8">
      <c r="H169970" s="12"/>
    </row>
    <row r="169971" spans="8:8">
      <c r="H169971" s="12"/>
    </row>
    <row r="169972" spans="8:8">
      <c r="H169972" s="12"/>
    </row>
    <row r="169973" spans="8:8">
      <c r="H169973" s="12"/>
    </row>
    <row r="169974" spans="8:8">
      <c r="H169974" s="12"/>
    </row>
    <row r="169975" spans="8:8">
      <c r="H169975" s="12"/>
    </row>
    <row r="169976" spans="8:8">
      <c r="H169976" s="12"/>
    </row>
    <row r="169977" spans="8:8">
      <c r="H169977" s="12"/>
    </row>
    <row r="169978" spans="8:8">
      <c r="H169978" s="12"/>
    </row>
    <row r="169979" spans="8:8">
      <c r="H169979" s="12"/>
    </row>
    <row r="169980" spans="8:8">
      <c r="H169980" s="12"/>
    </row>
    <row r="169981" spans="8:8">
      <c r="H169981" s="12"/>
    </row>
    <row r="169982" spans="8:8">
      <c r="H169982" s="12"/>
    </row>
    <row r="169983" spans="8:8">
      <c r="H169983" s="12"/>
    </row>
    <row r="169984" spans="8:8">
      <c r="H169984" s="12"/>
    </row>
    <row r="169985" spans="8:8">
      <c r="H169985" s="12"/>
    </row>
    <row r="169986" spans="8:8">
      <c r="H169986" s="12"/>
    </row>
    <row r="169987" spans="8:8">
      <c r="H169987" s="12"/>
    </row>
    <row r="169988" spans="8:8">
      <c r="H169988" s="12"/>
    </row>
    <row r="169989" spans="8:8">
      <c r="H169989" s="12"/>
    </row>
    <row r="169990" spans="8:8">
      <c r="H169990" s="12"/>
    </row>
    <row r="169991" spans="8:8">
      <c r="H169991" s="12"/>
    </row>
    <row r="169992" spans="8:8">
      <c r="H169992" s="12"/>
    </row>
    <row r="169993" spans="8:8">
      <c r="H169993" s="12"/>
    </row>
    <row r="169994" spans="8:8">
      <c r="H169994" s="12"/>
    </row>
    <row r="169995" spans="8:8">
      <c r="H169995" s="12"/>
    </row>
    <row r="169996" spans="8:8">
      <c r="H169996" s="12"/>
    </row>
    <row r="169997" spans="8:8">
      <c r="H169997" s="12"/>
    </row>
    <row r="169998" spans="8:8">
      <c r="H169998" s="12"/>
    </row>
    <row r="169999" spans="8:8">
      <c r="H169999" s="12"/>
    </row>
    <row r="170000" spans="8:8">
      <c r="H170000" s="12"/>
    </row>
    <row r="170001" spans="8:8">
      <c r="H170001" s="12"/>
    </row>
    <row r="170002" spans="8:8">
      <c r="H170002" s="12"/>
    </row>
    <row r="170003" spans="8:8">
      <c r="H170003" s="12"/>
    </row>
    <row r="170004" spans="8:8">
      <c r="H170004" s="12"/>
    </row>
    <row r="170005" spans="8:8">
      <c r="H170005" s="12"/>
    </row>
    <row r="170006" spans="8:8">
      <c r="H170006" s="12"/>
    </row>
    <row r="170007" spans="8:8">
      <c r="H170007" s="12"/>
    </row>
    <row r="170008" spans="8:8">
      <c r="H170008" s="12"/>
    </row>
    <row r="170009" spans="8:8">
      <c r="H170009" s="12"/>
    </row>
    <row r="170010" spans="8:8">
      <c r="H170010" s="12"/>
    </row>
    <row r="170011" spans="8:8">
      <c r="H170011" s="12"/>
    </row>
    <row r="170012" spans="8:8">
      <c r="H170012" s="12"/>
    </row>
    <row r="170013" spans="8:8">
      <c r="H170013" s="12"/>
    </row>
    <row r="170014" spans="8:8">
      <c r="H170014" s="12"/>
    </row>
    <row r="170015" spans="8:8">
      <c r="H170015" s="12"/>
    </row>
    <row r="170016" spans="8:8">
      <c r="H170016" s="12"/>
    </row>
    <row r="170017" spans="8:8">
      <c r="H170017" s="12"/>
    </row>
    <row r="170018" spans="8:8">
      <c r="H170018" s="12"/>
    </row>
    <row r="170019" spans="8:8">
      <c r="H170019" s="12"/>
    </row>
    <row r="170020" spans="8:8">
      <c r="H170020" s="12"/>
    </row>
    <row r="170021" spans="8:8">
      <c r="H170021" s="12"/>
    </row>
    <row r="170022" spans="8:8">
      <c r="H170022" s="12"/>
    </row>
    <row r="170023" spans="8:8">
      <c r="H170023" s="12"/>
    </row>
    <row r="170024" spans="8:8">
      <c r="H170024" s="12"/>
    </row>
    <row r="170025" spans="8:8">
      <c r="H170025" s="12"/>
    </row>
    <row r="170026" spans="8:8">
      <c r="H170026" s="12"/>
    </row>
    <row r="170027" spans="8:8">
      <c r="H170027" s="12"/>
    </row>
    <row r="170028" spans="8:8">
      <c r="H170028" s="12"/>
    </row>
    <row r="170029" spans="8:8">
      <c r="H170029" s="12"/>
    </row>
    <row r="170030" spans="8:8">
      <c r="H170030" s="12"/>
    </row>
    <row r="170031" spans="8:8">
      <c r="H170031" s="12"/>
    </row>
    <row r="170032" spans="8:8">
      <c r="H170032" s="12"/>
    </row>
    <row r="170033" spans="8:8">
      <c r="H170033" s="12"/>
    </row>
    <row r="170034" spans="8:8">
      <c r="H170034" s="12"/>
    </row>
    <row r="170035" spans="8:8">
      <c r="H170035" s="12"/>
    </row>
    <row r="170036" spans="8:8">
      <c r="H170036" s="12"/>
    </row>
    <row r="170037" spans="8:8">
      <c r="H170037" s="12"/>
    </row>
    <row r="170038" spans="8:8">
      <c r="H170038" s="12"/>
    </row>
    <row r="170039" spans="8:8">
      <c r="H170039" s="12"/>
    </row>
    <row r="170040" spans="8:8">
      <c r="H170040" s="12"/>
    </row>
    <row r="170041" spans="8:8">
      <c r="H170041" s="12"/>
    </row>
    <row r="170042" spans="8:8">
      <c r="H170042" s="12"/>
    </row>
    <row r="170043" spans="8:8">
      <c r="H170043" s="12"/>
    </row>
    <row r="170044" spans="8:8">
      <c r="H170044" s="12"/>
    </row>
    <row r="170045" spans="8:8">
      <c r="H170045" s="12"/>
    </row>
    <row r="170046" spans="8:8">
      <c r="H170046" s="12"/>
    </row>
    <row r="170047" spans="8:8">
      <c r="H170047" s="12"/>
    </row>
    <row r="170048" spans="8:8">
      <c r="H170048" s="12"/>
    </row>
    <row r="170049" spans="8:8">
      <c r="H170049" s="12"/>
    </row>
    <row r="170050" spans="8:8">
      <c r="H170050" s="12"/>
    </row>
    <row r="170051" spans="8:8">
      <c r="H170051" s="12"/>
    </row>
    <row r="170052" spans="8:8">
      <c r="H170052" s="12"/>
    </row>
    <row r="170053" spans="8:8">
      <c r="H170053" s="12"/>
    </row>
    <row r="170054" spans="8:8">
      <c r="H170054" s="12"/>
    </row>
    <row r="170055" spans="8:8">
      <c r="H170055" s="12"/>
    </row>
    <row r="170056" spans="8:8">
      <c r="H170056" s="12"/>
    </row>
    <row r="170057" spans="8:8">
      <c r="H170057" s="12"/>
    </row>
    <row r="170058" spans="8:8">
      <c r="H170058" s="12"/>
    </row>
    <row r="170059" spans="8:8">
      <c r="H170059" s="12"/>
    </row>
    <row r="170060" spans="8:8">
      <c r="H170060" s="12"/>
    </row>
    <row r="170061" spans="8:8">
      <c r="H170061" s="12"/>
    </row>
    <row r="170062" spans="8:8">
      <c r="H170062" s="12"/>
    </row>
    <row r="170063" spans="8:8">
      <c r="H170063" s="12"/>
    </row>
    <row r="170064" spans="8:8">
      <c r="H170064" s="12"/>
    </row>
    <row r="170065" spans="8:8">
      <c r="H170065" s="12"/>
    </row>
    <row r="170066" spans="8:8">
      <c r="H170066" s="12"/>
    </row>
    <row r="170067" spans="8:8">
      <c r="H170067" s="12"/>
    </row>
    <row r="170068" spans="8:8">
      <c r="H170068" s="12"/>
    </row>
    <row r="170069" spans="8:8">
      <c r="H170069" s="12"/>
    </row>
    <row r="170070" spans="8:8">
      <c r="H170070" s="12"/>
    </row>
    <row r="170071" spans="8:8">
      <c r="H170071" s="12"/>
    </row>
    <row r="170072" spans="8:8">
      <c r="H170072" s="12"/>
    </row>
    <row r="170073" spans="8:8">
      <c r="H170073" s="12"/>
    </row>
    <row r="170074" spans="8:8">
      <c r="H170074" s="12"/>
    </row>
    <row r="170075" spans="8:8">
      <c r="H170075" s="12"/>
    </row>
    <row r="170076" spans="8:8">
      <c r="H170076" s="12"/>
    </row>
    <row r="170077" spans="8:8">
      <c r="H170077" s="12"/>
    </row>
    <row r="170078" spans="8:8">
      <c r="H170078" s="12"/>
    </row>
    <row r="170079" spans="8:8">
      <c r="H170079" s="12"/>
    </row>
    <row r="170080" spans="8:8">
      <c r="H170080" s="12"/>
    </row>
    <row r="170081" spans="8:8">
      <c r="H170081" s="12"/>
    </row>
    <row r="170082" spans="8:8">
      <c r="H170082" s="12"/>
    </row>
    <row r="170083" spans="8:8">
      <c r="H170083" s="12"/>
    </row>
    <row r="170084" spans="8:8">
      <c r="H170084" s="12"/>
    </row>
    <row r="170085" spans="8:8">
      <c r="H170085" s="12"/>
    </row>
    <row r="170086" spans="8:8">
      <c r="H170086" s="12"/>
    </row>
    <row r="170087" spans="8:8">
      <c r="H170087" s="12"/>
    </row>
    <row r="170088" spans="8:8">
      <c r="H170088" s="12"/>
    </row>
    <row r="170089" spans="8:8">
      <c r="H170089" s="12"/>
    </row>
    <row r="170090" spans="8:8">
      <c r="H170090" s="12"/>
    </row>
    <row r="170091" spans="8:8">
      <c r="H170091" s="12"/>
    </row>
    <row r="170092" spans="8:8">
      <c r="H170092" s="12"/>
    </row>
    <row r="170093" spans="8:8">
      <c r="H170093" s="12"/>
    </row>
    <row r="170094" spans="8:8">
      <c r="H170094" s="12"/>
    </row>
    <row r="170095" spans="8:8">
      <c r="H170095" s="12"/>
    </row>
    <row r="170096" spans="8:8">
      <c r="H170096" s="12"/>
    </row>
    <row r="170097" spans="8:8">
      <c r="H170097" s="12"/>
    </row>
    <row r="170098" spans="8:8">
      <c r="H170098" s="12"/>
    </row>
    <row r="170099" spans="8:8">
      <c r="H170099" s="12"/>
    </row>
    <row r="170100" spans="8:8">
      <c r="H170100" s="12"/>
    </row>
    <row r="170101" spans="8:8">
      <c r="H170101" s="12"/>
    </row>
    <row r="170102" spans="8:8">
      <c r="H170102" s="12"/>
    </row>
    <row r="170103" spans="8:8">
      <c r="H170103" s="12"/>
    </row>
    <row r="170104" spans="8:8">
      <c r="H170104" s="12"/>
    </row>
    <row r="170105" spans="8:8">
      <c r="H170105" s="12"/>
    </row>
    <row r="170106" spans="8:8">
      <c r="H170106" s="12"/>
    </row>
    <row r="170107" spans="8:8">
      <c r="H170107" s="12"/>
    </row>
    <row r="170108" spans="8:8">
      <c r="H170108" s="12"/>
    </row>
    <row r="170109" spans="8:8">
      <c r="H170109" s="12"/>
    </row>
    <row r="170110" spans="8:8">
      <c r="H170110" s="12"/>
    </row>
    <row r="170111" spans="8:8">
      <c r="H170111" s="12"/>
    </row>
    <row r="170112" spans="8:8">
      <c r="H170112" s="12"/>
    </row>
    <row r="170113" spans="8:8">
      <c r="H170113" s="12"/>
    </row>
    <row r="170114" spans="8:8">
      <c r="H170114" s="12"/>
    </row>
    <row r="170115" spans="8:8">
      <c r="H170115" s="12"/>
    </row>
    <row r="170116" spans="8:8">
      <c r="H170116" s="12"/>
    </row>
    <row r="170117" spans="8:8">
      <c r="H170117" s="12"/>
    </row>
    <row r="170118" spans="8:8">
      <c r="H170118" s="12"/>
    </row>
    <row r="170119" spans="8:8">
      <c r="H170119" s="12"/>
    </row>
    <row r="170120" spans="8:8">
      <c r="H170120" s="12"/>
    </row>
    <row r="170121" spans="8:8">
      <c r="H170121" s="12"/>
    </row>
    <row r="170122" spans="8:8">
      <c r="H170122" s="12"/>
    </row>
    <row r="170123" spans="8:8">
      <c r="H170123" s="12"/>
    </row>
    <row r="170124" spans="8:8">
      <c r="H170124" s="12"/>
    </row>
    <row r="170125" spans="8:8">
      <c r="H170125" s="12"/>
    </row>
    <row r="170126" spans="8:8">
      <c r="H170126" s="12"/>
    </row>
    <row r="170127" spans="8:8">
      <c r="H170127" s="12"/>
    </row>
    <row r="170128" spans="8:8">
      <c r="H170128" s="12"/>
    </row>
    <row r="170129" spans="8:8">
      <c r="H170129" s="12"/>
    </row>
    <row r="170130" spans="8:8">
      <c r="H170130" s="12"/>
    </row>
    <row r="170131" spans="8:8">
      <c r="H170131" s="12"/>
    </row>
    <row r="170132" spans="8:8">
      <c r="H170132" s="12"/>
    </row>
    <row r="170133" spans="8:8">
      <c r="H170133" s="12"/>
    </row>
    <row r="170134" spans="8:8">
      <c r="H170134" s="12"/>
    </row>
    <row r="170135" spans="8:8">
      <c r="H170135" s="12"/>
    </row>
    <row r="170136" spans="8:8">
      <c r="H170136" s="12"/>
    </row>
    <row r="170137" spans="8:8">
      <c r="H170137" s="12"/>
    </row>
    <row r="170138" spans="8:8">
      <c r="H170138" s="12"/>
    </row>
    <row r="170139" spans="8:8">
      <c r="H170139" s="12"/>
    </row>
    <row r="170140" spans="8:8">
      <c r="H170140" s="12"/>
    </row>
    <row r="170141" spans="8:8">
      <c r="H170141" s="12"/>
    </row>
    <row r="170142" spans="8:8">
      <c r="H170142" s="12"/>
    </row>
    <row r="170143" spans="8:8">
      <c r="H170143" s="12"/>
    </row>
    <row r="170144" spans="8:8">
      <c r="H170144" s="12"/>
    </row>
    <row r="170145" spans="8:8">
      <c r="H170145" s="12"/>
    </row>
    <row r="170146" spans="8:8">
      <c r="H170146" s="12"/>
    </row>
    <row r="170147" spans="8:8">
      <c r="H170147" s="12"/>
    </row>
    <row r="170148" spans="8:8">
      <c r="H170148" s="12"/>
    </row>
    <row r="170149" spans="8:8">
      <c r="H170149" s="12"/>
    </row>
    <row r="170150" spans="8:8">
      <c r="H170150" s="12"/>
    </row>
    <row r="170151" spans="8:8">
      <c r="H170151" s="12"/>
    </row>
    <row r="170152" spans="8:8">
      <c r="H170152" s="12"/>
    </row>
    <row r="170153" spans="8:8">
      <c r="H170153" s="12"/>
    </row>
    <row r="170154" spans="8:8">
      <c r="H170154" s="12"/>
    </row>
    <row r="170155" spans="8:8">
      <c r="H170155" s="12"/>
    </row>
    <row r="170156" spans="8:8">
      <c r="H170156" s="12"/>
    </row>
    <row r="170157" spans="8:8">
      <c r="H170157" s="12"/>
    </row>
    <row r="170158" spans="8:8">
      <c r="H170158" s="12"/>
    </row>
    <row r="170159" spans="8:8">
      <c r="H170159" s="12"/>
    </row>
    <row r="170160" spans="8:8">
      <c r="H170160" s="12"/>
    </row>
    <row r="170161" spans="8:8">
      <c r="H170161" s="12"/>
    </row>
    <row r="170162" spans="8:8">
      <c r="H170162" s="12"/>
    </row>
    <row r="170163" spans="8:8">
      <c r="H170163" s="12"/>
    </row>
    <row r="170164" spans="8:8">
      <c r="H170164" s="12"/>
    </row>
    <row r="170165" spans="8:8">
      <c r="H170165" s="12"/>
    </row>
    <row r="170166" spans="8:8">
      <c r="H170166" s="12"/>
    </row>
    <row r="170167" spans="8:8">
      <c r="H170167" s="12"/>
    </row>
    <row r="170168" spans="8:8">
      <c r="H170168" s="12"/>
    </row>
    <row r="170169" spans="8:8">
      <c r="H170169" s="12"/>
    </row>
    <row r="170170" spans="8:8">
      <c r="H170170" s="12"/>
    </row>
    <row r="170171" spans="8:8">
      <c r="H170171" s="12"/>
    </row>
    <row r="170172" spans="8:8">
      <c r="H170172" s="12"/>
    </row>
    <row r="170173" spans="8:8">
      <c r="H170173" s="12"/>
    </row>
    <row r="170174" spans="8:8">
      <c r="H170174" s="12"/>
    </row>
    <row r="170175" spans="8:8">
      <c r="H170175" s="12"/>
    </row>
    <row r="170176" spans="8:8">
      <c r="H170176" s="12"/>
    </row>
    <row r="170177" spans="8:8">
      <c r="H170177" s="12"/>
    </row>
    <row r="170178" spans="8:8">
      <c r="H170178" s="12"/>
    </row>
    <row r="170179" spans="8:8">
      <c r="H170179" s="12"/>
    </row>
    <row r="170180" spans="8:8">
      <c r="H170180" s="12"/>
    </row>
    <row r="170181" spans="8:8">
      <c r="H170181" s="12"/>
    </row>
    <row r="170182" spans="8:8">
      <c r="H170182" s="12"/>
    </row>
    <row r="170183" spans="8:8">
      <c r="H170183" s="12"/>
    </row>
    <row r="170184" spans="8:8">
      <c r="H170184" s="12"/>
    </row>
    <row r="170185" spans="8:8">
      <c r="H170185" s="12"/>
    </row>
    <row r="170186" spans="8:8">
      <c r="H170186" s="12"/>
    </row>
    <row r="170187" spans="8:8">
      <c r="H170187" s="12"/>
    </row>
    <row r="170188" spans="8:8">
      <c r="H170188" s="12"/>
    </row>
    <row r="170189" spans="8:8">
      <c r="H170189" s="12"/>
    </row>
    <row r="170190" spans="8:8">
      <c r="H170190" s="12"/>
    </row>
    <row r="170191" spans="8:8">
      <c r="H170191" s="12"/>
    </row>
    <row r="170192" spans="8:8">
      <c r="H170192" s="12"/>
    </row>
    <row r="170193" spans="8:8">
      <c r="H170193" s="12"/>
    </row>
    <row r="170194" spans="8:8">
      <c r="H170194" s="12"/>
    </row>
    <row r="170195" spans="8:8">
      <c r="H170195" s="12"/>
    </row>
    <row r="170196" spans="8:8">
      <c r="H170196" s="12"/>
    </row>
    <row r="170197" spans="8:8">
      <c r="H170197" s="12"/>
    </row>
    <row r="170198" spans="8:8">
      <c r="H170198" s="12"/>
    </row>
    <row r="170199" spans="8:8">
      <c r="H170199" s="12"/>
    </row>
    <row r="170200" spans="8:8">
      <c r="H170200" s="12"/>
    </row>
    <row r="170201" spans="8:8">
      <c r="H170201" s="12"/>
    </row>
    <row r="170202" spans="8:8">
      <c r="H170202" s="12"/>
    </row>
    <row r="170203" spans="8:8">
      <c r="H170203" s="12"/>
    </row>
    <row r="170204" spans="8:8">
      <c r="H170204" s="12"/>
    </row>
    <row r="170205" spans="8:8">
      <c r="H170205" s="12"/>
    </row>
    <row r="170206" spans="8:8">
      <c r="H170206" s="12"/>
    </row>
    <row r="170207" spans="8:8">
      <c r="H170207" s="12"/>
    </row>
    <row r="170208" spans="8:8">
      <c r="H170208" s="12"/>
    </row>
    <row r="170209" spans="8:8">
      <c r="H170209" s="12"/>
    </row>
    <row r="170210" spans="8:8">
      <c r="H170210" s="12"/>
    </row>
    <row r="170211" spans="8:8">
      <c r="H170211" s="12"/>
    </row>
    <row r="170212" spans="8:8">
      <c r="H170212" s="12"/>
    </row>
    <row r="170213" spans="8:8">
      <c r="H170213" s="12"/>
    </row>
    <row r="170214" spans="8:8">
      <c r="H170214" s="12"/>
    </row>
    <row r="170215" spans="8:8">
      <c r="H170215" s="12"/>
    </row>
    <row r="170216" spans="8:8">
      <c r="H170216" s="12"/>
    </row>
    <row r="170217" spans="8:8">
      <c r="H170217" s="12"/>
    </row>
    <row r="170218" spans="8:8">
      <c r="H170218" s="12"/>
    </row>
    <row r="170219" spans="8:8">
      <c r="H170219" s="12"/>
    </row>
    <row r="170220" spans="8:8">
      <c r="H170220" s="12"/>
    </row>
    <row r="170221" spans="8:8">
      <c r="H170221" s="12"/>
    </row>
    <row r="170222" spans="8:8">
      <c r="H170222" s="12"/>
    </row>
    <row r="170223" spans="8:8">
      <c r="H170223" s="12"/>
    </row>
    <row r="170224" spans="8:8">
      <c r="H170224" s="12"/>
    </row>
    <row r="170225" spans="8:8">
      <c r="H170225" s="12"/>
    </row>
    <row r="170226" spans="8:8">
      <c r="H170226" s="12"/>
    </row>
    <row r="170227" spans="8:8">
      <c r="H170227" s="12"/>
    </row>
    <row r="170228" spans="8:8">
      <c r="H170228" s="12"/>
    </row>
    <row r="170229" spans="8:8">
      <c r="H170229" s="12"/>
    </row>
    <row r="170230" spans="8:8">
      <c r="H170230" s="12"/>
    </row>
    <row r="170231" spans="8:8">
      <c r="H170231" s="12"/>
    </row>
    <row r="170232" spans="8:8">
      <c r="H170232" s="12"/>
    </row>
    <row r="170233" spans="8:8">
      <c r="H170233" s="12"/>
    </row>
    <row r="170234" spans="8:8">
      <c r="H170234" s="12"/>
    </row>
    <row r="170235" spans="8:8">
      <c r="H170235" s="12"/>
    </row>
    <row r="170236" spans="8:8">
      <c r="H170236" s="12"/>
    </row>
    <row r="170237" spans="8:8">
      <c r="H170237" s="12"/>
    </row>
    <row r="170238" spans="8:8">
      <c r="H170238" s="12"/>
    </row>
    <row r="170239" spans="8:8">
      <c r="H170239" s="12"/>
    </row>
    <row r="170240" spans="8:8">
      <c r="H170240" s="12"/>
    </row>
    <row r="170241" spans="8:8">
      <c r="H170241" s="12"/>
    </row>
    <row r="170242" spans="8:8">
      <c r="H170242" s="12"/>
    </row>
    <row r="170243" spans="8:8">
      <c r="H170243" s="12"/>
    </row>
    <row r="170244" spans="8:8">
      <c r="H170244" s="12"/>
    </row>
    <row r="170245" spans="8:8">
      <c r="H170245" s="12"/>
    </row>
    <row r="170246" spans="8:8">
      <c r="H170246" s="12"/>
    </row>
    <row r="170247" spans="8:8">
      <c r="H170247" s="12"/>
    </row>
    <row r="170248" spans="8:8">
      <c r="H170248" s="12"/>
    </row>
    <row r="170249" spans="8:8">
      <c r="H170249" s="12"/>
    </row>
    <row r="170250" spans="8:8">
      <c r="H170250" s="12"/>
    </row>
    <row r="170251" spans="8:8">
      <c r="H170251" s="12"/>
    </row>
    <row r="170252" spans="8:8">
      <c r="H170252" s="12"/>
    </row>
    <row r="170253" spans="8:8">
      <c r="H170253" s="12"/>
    </row>
    <row r="170254" spans="8:8">
      <c r="H170254" s="12"/>
    </row>
    <row r="170255" spans="8:8">
      <c r="H170255" s="12"/>
    </row>
    <row r="170256" spans="8:8">
      <c r="H170256" s="12"/>
    </row>
    <row r="170257" spans="8:8">
      <c r="H170257" s="12"/>
    </row>
    <row r="170258" spans="8:8">
      <c r="H170258" s="12"/>
    </row>
    <row r="170259" spans="8:8">
      <c r="H170259" s="12"/>
    </row>
    <row r="170260" spans="8:8">
      <c r="H170260" s="12"/>
    </row>
    <row r="170261" spans="8:8">
      <c r="H170261" s="12"/>
    </row>
    <row r="170262" spans="8:8">
      <c r="H170262" s="12"/>
    </row>
    <row r="170263" spans="8:8">
      <c r="H170263" s="12"/>
    </row>
    <row r="170264" spans="8:8">
      <c r="H170264" s="12"/>
    </row>
    <row r="170265" spans="8:8">
      <c r="H170265" s="12"/>
    </row>
    <row r="170266" spans="8:8">
      <c r="H170266" s="12"/>
    </row>
    <row r="170267" spans="8:8">
      <c r="H170267" s="12"/>
    </row>
    <row r="170268" spans="8:8">
      <c r="H170268" s="12"/>
    </row>
    <row r="170269" spans="8:8">
      <c r="H170269" s="12"/>
    </row>
    <row r="170270" spans="8:8">
      <c r="H170270" s="12"/>
    </row>
    <row r="170271" spans="8:8">
      <c r="H170271" s="12"/>
    </row>
    <row r="170272" spans="8:8">
      <c r="H170272" s="12"/>
    </row>
    <row r="170273" spans="8:8">
      <c r="H170273" s="12"/>
    </row>
    <row r="170274" spans="8:8">
      <c r="H170274" s="12"/>
    </row>
    <row r="170275" spans="8:8">
      <c r="H170275" s="12"/>
    </row>
    <row r="170276" spans="8:8">
      <c r="H170276" s="12"/>
    </row>
    <row r="170277" spans="8:8">
      <c r="H170277" s="12"/>
    </row>
    <row r="170278" spans="8:8">
      <c r="H170278" s="12"/>
    </row>
    <row r="170279" spans="8:8">
      <c r="H170279" s="12"/>
    </row>
    <row r="170280" spans="8:8">
      <c r="H170280" s="12"/>
    </row>
    <row r="170281" spans="8:8">
      <c r="H170281" s="12"/>
    </row>
    <row r="170282" spans="8:8">
      <c r="H170282" s="12"/>
    </row>
    <row r="170283" spans="8:8">
      <c r="H170283" s="12"/>
    </row>
    <row r="170284" spans="8:8">
      <c r="H170284" s="12"/>
    </row>
    <row r="170285" spans="8:8">
      <c r="H170285" s="12"/>
    </row>
    <row r="170286" spans="8:8">
      <c r="H170286" s="12"/>
    </row>
    <row r="170287" spans="8:8">
      <c r="H170287" s="12"/>
    </row>
    <row r="170288" spans="8:8">
      <c r="H170288" s="12"/>
    </row>
    <row r="170289" spans="8:8">
      <c r="H170289" s="12"/>
    </row>
    <row r="170290" spans="8:8">
      <c r="H170290" s="12"/>
    </row>
    <row r="170291" spans="8:8">
      <c r="H170291" s="12"/>
    </row>
    <row r="170292" spans="8:8">
      <c r="H170292" s="12"/>
    </row>
    <row r="170293" spans="8:8">
      <c r="H170293" s="12"/>
    </row>
    <row r="170294" spans="8:8">
      <c r="H170294" s="12"/>
    </row>
    <row r="170295" spans="8:8">
      <c r="H170295" s="12"/>
    </row>
    <row r="170296" spans="8:8">
      <c r="H170296" s="12"/>
    </row>
    <row r="170297" spans="8:8">
      <c r="H170297" s="12"/>
    </row>
    <row r="170298" spans="8:8">
      <c r="H170298" s="12"/>
    </row>
    <row r="170299" spans="8:8">
      <c r="H170299" s="12"/>
    </row>
    <row r="170300" spans="8:8">
      <c r="H170300" s="12"/>
    </row>
    <row r="170301" spans="8:8">
      <c r="H170301" s="12"/>
    </row>
    <row r="170302" spans="8:8">
      <c r="H170302" s="12"/>
    </row>
    <row r="170303" spans="8:8">
      <c r="H170303" s="12"/>
    </row>
    <row r="170304" spans="8:8">
      <c r="H170304" s="12"/>
    </row>
    <row r="170305" spans="8:8">
      <c r="H170305" s="12"/>
    </row>
    <row r="170306" spans="8:8">
      <c r="H170306" s="12"/>
    </row>
    <row r="170307" spans="8:8">
      <c r="H170307" s="12"/>
    </row>
    <row r="170308" spans="8:8">
      <c r="H170308" s="12"/>
    </row>
    <row r="170309" spans="8:8">
      <c r="H170309" s="12"/>
    </row>
    <row r="170310" spans="8:8">
      <c r="H170310" s="12"/>
    </row>
    <row r="170311" spans="8:8">
      <c r="H170311" s="12"/>
    </row>
    <row r="170312" spans="8:8">
      <c r="H170312" s="12"/>
    </row>
    <row r="170313" spans="8:8">
      <c r="H170313" s="12"/>
    </row>
    <row r="170314" spans="8:8">
      <c r="H170314" s="12"/>
    </row>
    <row r="170315" spans="8:8">
      <c r="H170315" s="12"/>
    </row>
    <row r="170316" spans="8:8">
      <c r="H170316" s="12"/>
    </row>
    <row r="170317" spans="8:8">
      <c r="H170317" s="12"/>
    </row>
    <row r="170318" spans="8:8">
      <c r="H170318" s="12"/>
    </row>
    <row r="170319" spans="8:8">
      <c r="H170319" s="12"/>
    </row>
    <row r="170320" spans="8:8">
      <c r="H170320" s="12"/>
    </row>
    <row r="170321" spans="8:8">
      <c r="H170321" s="12"/>
    </row>
    <row r="170322" spans="8:8">
      <c r="H170322" s="12"/>
    </row>
    <row r="170323" spans="8:8">
      <c r="H170323" s="12"/>
    </row>
    <row r="170324" spans="8:8">
      <c r="H170324" s="12"/>
    </row>
    <row r="170325" spans="8:8">
      <c r="H170325" s="12"/>
    </row>
    <row r="170326" spans="8:8">
      <c r="H170326" s="12"/>
    </row>
    <row r="170327" spans="8:8">
      <c r="H170327" s="12"/>
    </row>
    <row r="170328" spans="8:8">
      <c r="H170328" s="12"/>
    </row>
    <row r="170329" spans="8:8">
      <c r="H170329" s="12"/>
    </row>
    <row r="170330" spans="8:8">
      <c r="H170330" s="12"/>
    </row>
    <row r="170331" spans="8:8">
      <c r="H170331" s="12"/>
    </row>
    <row r="170332" spans="8:8">
      <c r="H170332" s="12"/>
    </row>
    <row r="170333" spans="8:8">
      <c r="H170333" s="12"/>
    </row>
    <row r="170334" spans="8:8">
      <c r="H170334" s="12"/>
    </row>
    <row r="170335" spans="8:8">
      <c r="H170335" s="12"/>
    </row>
    <row r="170336" spans="8:8">
      <c r="H170336" s="12"/>
    </row>
    <row r="170337" spans="8:8">
      <c r="H170337" s="12"/>
    </row>
    <row r="170338" spans="8:8">
      <c r="H170338" s="12"/>
    </row>
    <row r="170339" spans="8:8">
      <c r="H170339" s="12"/>
    </row>
    <row r="170340" spans="8:8">
      <c r="H170340" s="12"/>
    </row>
    <row r="170341" spans="8:8">
      <c r="H170341" s="12"/>
    </row>
    <row r="170342" spans="8:8">
      <c r="H170342" s="12"/>
    </row>
    <row r="170343" spans="8:8">
      <c r="H170343" s="12"/>
    </row>
    <row r="170344" spans="8:8">
      <c r="H170344" s="12"/>
    </row>
    <row r="170345" spans="8:8">
      <c r="H170345" s="12"/>
    </row>
    <row r="170346" spans="8:8">
      <c r="H170346" s="12"/>
    </row>
    <row r="170347" spans="8:8">
      <c r="H170347" s="12"/>
    </row>
    <row r="170348" spans="8:8">
      <c r="H170348" s="12"/>
    </row>
    <row r="170349" spans="8:8">
      <c r="H170349" s="12"/>
    </row>
    <row r="170350" spans="8:8">
      <c r="H170350" s="12"/>
    </row>
    <row r="170351" spans="8:8">
      <c r="H170351" s="12"/>
    </row>
    <row r="170352" spans="8:8">
      <c r="H170352" s="12"/>
    </row>
    <row r="170353" spans="8:8">
      <c r="H170353" s="12"/>
    </row>
    <row r="170354" spans="8:8">
      <c r="H170354" s="12"/>
    </row>
    <row r="170355" spans="8:8">
      <c r="H170355" s="12"/>
    </row>
    <row r="170356" spans="8:8">
      <c r="H170356" s="12"/>
    </row>
    <row r="170357" spans="8:8">
      <c r="H170357" s="12"/>
    </row>
    <row r="170358" spans="8:8">
      <c r="H170358" s="12"/>
    </row>
    <row r="170359" spans="8:8">
      <c r="H170359" s="12"/>
    </row>
    <row r="170360" spans="8:8">
      <c r="H170360" s="12"/>
    </row>
    <row r="170361" spans="8:8">
      <c r="H170361" s="12"/>
    </row>
    <row r="170362" spans="8:8">
      <c r="H170362" s="12"/>
    </row>
    <row r="170363" spans="8:8">
      <c r="H170363" s="12"/>
    </row>
    <row r="170364" spans="8:8">
      <c r="H170364" s="12"/>
    </row>
    <row r="170365" spans="8:8">
      <c r="H170365" s="12"/>
    </row>
    <row r="170366" spans="8:8">
      <c r="H170366" s="12"/>
    </row>
    <row r="170367" spans="8:8">
      <c r="H170367" s="12"/>
    </row>
    <row r="170368" spans="8:8">
      <c r="H170368" s="12"/>
    </row>
    <row r="170369" spans="8:8">
      <c r="H170369" s="12"/>
    </row>
    <row r="170370" spans="8:8">
      <c r="H170370" s="12"/>
    </row>
    <row r="170371" spans="8:8">
      <c r="H170371" s="12"/>
    </row>
    <row r="170372" spans="8:8">
      <c r="H170372" s="12"/>
    </row>
    <row r="170373" spans="8:8">
      <c r="H170373" s="12"/>
    </row>
    <row r="170374" spans="8:8">
      <c r="H170374" s="12"/>
    </row>
    <row r="170375" spans="8:8">
      <c r="H170375" s="12"/>
    </row>
    <row r="170376" spans="8:8">
      <c r="H170376" s="12"/>
    </row>
    <row r="170377" spans="8:8">
      <c r="H170377" s="12"/>
    </row>
    <row r="170378" spans="8:8">
      <c r="H170378" s="12"/>
    </row>
    <row r="170379" spans="8:8">
      <c r="H170379" s="12"/>
    </row>
    <row r="170380" spans="8:8">
      <c r="H170380" s="12"/>
    </row>
    <row r="170381" spans="8:8">
      <c r="H170381" s="12"/>
    </row>
    <row r="170382" spans="8:8">
      <c r="H170382" s="12"/>
    </row>
    <row r="170383" spans="8:8">
      <c r="H170383" s="12"/>
    </row>
    <row r="170384" spans="8:8">
      <c r="H170384" s="12"/>
    </row>
    <row r="170385" spans="8:8">
      <c r="H170385" s="12"/>
    </row>
    <row r="170386" spans="8:8">
      <c r="H170386" s="12"/>
    </row>
    <row r="170387" spans="8:8">
      <c r="H170387" s="12"/>
    </row>
    <row r="170388" spans="8:8">
      <c r="H170388" s="12"/>
    </row>
    <row r="170389" spans="8:8">
      <c r="H170389" s="12"/>
    </row>
    <row r="170390" spans="8:8">
      <c r="H170390" s="12"/>
    </row>
    <row r="170391" spans="8:8">
      <c r="H170391" s="12"/>
    </row>
    <row r="170392" spans="8:8">
      <c r="H170392" s="12"/>
    </row>
    <row r="170393" spans="8:8">
      <c r="H170393" s="12"/>
    </row>
    <row r="170394" spans="8:8">
      <c r="H170394" s="12"/>
    </row>
    <row r="170395" spans="8:8">
      <c r="H170395" s="12"/>
    </row>
    <row r="170396" spans="8:8">
      <c r="H170396" s="12"/>
    </row>
    <row r="170397" spans="8:8">
      <c r="H170397" s="12"/>
    </row>
    <row r="170398" spans="8:8">
      <c r="H170398" s="12"/>
    </row>
    <row r="170399" spans="8:8">
      <c r="H170399" s="12"/>
    </row>
    <row r="170400" spans="8:8">
      <c r="H170400" s="12"/>
    </row>
    <row r="170401" spans="8:8">
      <c r="H170401" s="12"/>
    </row>
    <row r="170402" spans="8:8">
      <c r="H170402" s="12"/>
    </row>
    <row r="170403" spans="8:8">
      <c r="H170403" s="12"/>
    </row>
    <row r="170404" spans="8:8">
      <c r="H170404" s="12"/>
    </row>
    <row r="170405" spans="8:8">
      <c r="H170405" s="12"/>
    </row>
    <row r="170406" spans="8:8">
      <c r="H170406" s="12"/>
    </row>
    <row r="170407" spans="8:8">
      <c r="H170407" s="12"/>
    </row>
    <row r="170408" spans="8:8">
      <c r="H170408" s="12"/>
    </row>
    <row r="170409" spans="8:8">
      <c r="H170409" s="12"/>
    </row>
    <row r="170410" spans="8:8">
      <c r="H170410" s="12"/>
    </row>
    <row r="170411" spans="8:8">
      <c r="H170411" s="12"/>
    </row>
    <row r="170412" spans="8:8">
      <c r="H170412" s="12"/>
    </row>
    <row r="170413" spans="8:8">
      <c r="H170413" s="12"/>
    </row>
    <row r="170414" spans="8:8">
      <c r="H170414" s="12"/>
    </row>
    <row r="170415" spans="8:8">
      <c r="H170415" s="12"/>
    </row>
    <row r="170416" spans="8:8">
      <c r="H170416" s="12"/>
    </row>
    <row r="170417" spans="8:8">
      <c r="H170417" s="12"/>
    </row>
    <row r="170418" spans="8:8">
      <c r="H170418" s="12"/>
    </row>
    <row r="170419" spans="8:8">
      <c r="H170419" s="12"/>
    </row>
    <row r="170420" spans="8:8">
      <c r="H170420" s="12"/>
    </row>
    <row r="170421" spans="8:8">
      <c r="H170421" s="12"/>
    </row>
    <row r="170422" spans="8:8">
      <c r="H170422" s="12"/>
    </row>
    <row r="170423" spans="8:8">
      <c r="H170423" s="12"/>
    </row>
    <row r="170424" spans="8:8">
      <c r="H170424" s="12"/>
    </row>
    <row r="170425" spans="8:8">
      <c r="H170425" s="12"/>
    </row>
    <row r="170426" spans="8:8">
      <c r="H170426" s="12"/>
    </row>
    <row r="170427" spans="8:8">
      <c r="H170427" s="12"/>
    </row>
    <row r="170428" spans="8:8">
      <c r="H170428" s="12"/>
    </row>
    <row r="170429" spans="8:8">
      <c r="H170429" s="12"/>
    </row>
    <row r="170430" spans="8:8">
      <c r="H170430" s="12"/>
    </row>
    <row r="170431" spans="8:8">
      <c r="H170431" s="12"/>
    </row>
    <row r="170432" spans="8:8">
      <c r="H170432" s="12"/>
    </row>
    <row r="170433" spans="8:8">
      <c r="H170433" s="12"/>
    </row>
    <row r="170434" spans="8:8">
      <c r="H170434" s="12"/>
    </row>
    <row r="170435" spans="8:8">
      <c r="H170435" s="12"/>
    </row>
    <row r="170436" spans="8:8">
      <c r="H170436" s="12"/>
    </row>
    <row r="170437" spans="8:8">
      <c r="H170437" s="12"/>
    </row>
    <row r="170438" spans="8:8">
      <c r="H170438" s="12"/>
    </row>
    <row r="170439" spans="8:8">
      <c r="H170439" s="12"/>
    </row>
    <row r="170440" spans="8:8">
      <c r="H170440" s="12"/>
    </row>
    <row r="170441" spans="8:8">
      <c r="H170441" s="12"/>
    </row>
    <row r="170442" spans="8:8">
      <c r="H170442" s="12"/>
    </row>
    <row r="170443" spans="8:8">
      <c r="H170443" s="12"/>
    </row>
    <row r="170444" spans="8:8">
      <c r="H170444" s="12"/>
    </row>
    <row r="170445" spans="8:8">
      <c r="H170445" s="12"/>
    </row>
    <row r="170446" spans="8:8">
      <c r="H170446" s="12"/>
    </row>
    <row r="170447" spans="8:8">
      <c r="H170447" s="12"/>
    </row>
    <row r="170448" spans="8:8">
      <c r="H170448" s="12"/>
    </row>
    <row r="170449" spans="8:8">
      <c r="H170449" s="12"/>
    </row>
    <row r="170450" spans="8:8">
      <c r="H170450" s="12"/>
    </row>
    <row r="170451" spans="8:8">
      <c r="H170451" s="12"/>
    </row>
    <row r="170452" spans="8:8">
      <c r="H170452" s="12"/>
    </row>
    <row r="170453" spans="8:8">
      <c r="H170453" s="12"/>
    </row>
    <row r="170454" spans="8:8">
      <c r="H170454" s="12"/>
    </row>
    <row r="170455" spans="8:8">
      <c r="H170455" s="12"/>
    </row>
    <row r="170456" spans="8:8">
      <c r="H170456" s="12"/>
    </row>
    <row r="170457" spans="8:8">
      <c r="H170457" s="12"/>
    </row>
    <row r="170458" spans="8:8">
      <c r="H170458" s="12"/>
    </row>
    <row r="170459" spans="8:8">
      <c r="H170459" s="12"/>
    </row>
    <row r="170460" spans="8:8">
      <c r="H170460" s="12"/>
    </row>
    <row r="170461" spans="8:8">
      <c r="H170461" s="12"/>
    </row>
    <row r="170462" spans="8:8">
      <c r="H170462" s="12"/>
    </row>
    <row r="170463" spans="8:8">
      <c r="H170463" s="12"/>
    </row>
    <row r="170464" spans="8:8">
      <c r="H170464" s="12"/>
    </row>
    <row r="170465" spans="8:8">
      <c r="H170465" s="12"/>
    </row>
    <row r="170466" spans="8:8">
      <c r="H170466" s="12"/>
    </row>
    <row r="170467" spans="8:8">
      <c r="H170467" s="12"/>
    </row>
    <row r="170468" spans="8:8">
      <c r="H170468" s="12"/>
    </row>
    <row r="170469" spans="8:8">
      <c r="H170469" s="12"/>
    </row>
    <row r="170470" spans="8:8">
      <c r="H170470" s="12"/>
    </row>
    <row r="170471" spans="8:8">
      <c r="H170471" s="12"/>
    </row>
    <row r="170472" spans="8:8">
      <c r="H170472" s="12"/>
    </row>
    <row r="170473" spans="8:8">
      <c r="H170473" s="12"/>
    </row>
    <row r="170474" spans="8:8">
      <c r="H170474" s="12"/>
    </row>
    <row r="170475" spans="8:8">
      <c r="H170475" s="12"/>
    </row>
    <row r="170476" spans="8:8">
      <c r="H170476" s="12"/>
    </row>
    <row r="170477" spans="8:8">
      <c r="H170477" s="12"/>
    </row>
    <row r="170478" spans="8:8">
      <c r="H170478" s="12"/>
    </row>
    <row r="170479" spans="8:8">
      <c r="H170479" s="12"/>
    </row>
    <row r="170480" spans="8:8">
      <c r="H170480" s="12"/>
    </row>
    <row r="170481" spans="8:8">
      <c r="H170481" s="12"/>
    </row>
    <row r="170482" spans="8:8">
      <c r="H170482" s="12"/>
    </row>
    <row r="170483" spans="8:8">
      <c r="H170483" s="12"/>
    </row>
    <row r="170484" spans="8:8">
      <c r="H170484" s="12"/>
    </row>
    <row r="170485" spans="8:8">
      <c r="H170485" s="12"/>
    </row>
    <row r="170486" spans="8:8">
      <c r="H170486" s="12"/>
    </row>
    <row r="170487" spans="8:8">
      <c r="H170487" s="12"/>
    </row>
    <row r="170488" spans="8:8">
      <c r="H170488" s="12"/>
    </row>
    <row r="170489" spans="8:8">
      <c r="H170489" s="12"/>
    </row>
    <row r="170490" spans="8:8">
      <c r="H170490" s="12"/>
    </row>
    <row r="170491" spans="8:8">
      <c r="H170491" s="12"/>
    </row>
    <row r="170492" spans="8:8">
      <c r="H170492" s="12"/>
    </row>
    <row r="170493" spans="8:8">
      <c r="H170493" s="12"/>
    </row>
    <row r="170494" spans="8:8">
      <c r="H170494" s="12"/>
    </row>
    <row r="170495" spans="8:8">
      <c r="H170495" s="12"/>
    </row>
    <row r="170496" spans="8:8">
      <c r="H170496" s="12"/>
    </row>
    <row r="170497" spans="8:8">
      <c r="H170497" s="12"/>
    </row>
    <row r="170498" spans="8:8">
      <c r="H170498" s="12"/>
    </row>
    <row r="170499" spans="8:8">
      <c r="H170499" s="12"/>
    </row>
    <row r="170500" spans="8:8">
      <c r="H170500" s="12"/>
    </row>
    <row r="170501" spans="8:8">
      <c r="H170501" s="12"/>
    </row>
    <row r="170502" spans="8:8">
      <c r="H170502" s="12"/>
    </row>
    <row r="170503" spans="8:8">
      <c r="H170503" s="12"/>
    </row>
    <row r="170504" spans="8:8">
      <c r="H170504" s="12"/>
    </row>
    <row r="170505" spans="8:8">
      <c r="H170505" s="12"/>
    </row>
    <row r="170506" spans="8:8">
      <c r="H170506" s="12"/>
    </row>
    <row r="170507" spans="8:8">
      <c r="H170507" s="12"/>
    </row>
    <row r="170508" spans="8:8">
      <c r="H170508" s="12"/>
    </row>
    <row r="170509" spans="8:8">
      <c r="H170509" s="12"/>
    </row>
    <row r="170510" spans="8:8">
      <c r="H170510" s="12"/>
    </row>
    <row r="170511" spans="8:8">
      <c r="H170511" s="12"/>
    </row>
    <row r="170512" spans="8:8">
      <c r="H170512" s="12"/>
    </row>
    <row r="170513" spans="8:8">
      <c r="H170513" s="12"/>
    </row>
    <row r="170514" spans="8:8">
      <c r="H170514" s="12"/>
    </row>
    <row r="170515" spans="8:8">
      <c r="H170515" s="12"/>
    </row>
    <row r="170516" spans="8:8">
      <c r="H170516" s="12"/>
    </row>
    <row r="170517" spans="8:8">
      <c r="H170517" s="12"/>
    </row>
    <row r="170518" spans="8:8">
      <c r="H170518" s="12"/>
    </row>
    <row r="170519" spans="8:8">
      <c r="H170519" s="12"/>
    </row>
    <row r="170520" spans="8:8">
      <c r="H170520" s="12"/>
    </row>
    <row r="170521" spans="8:8">
      <c r="H170521" s="12"/>
    </row>
    <row r="170522" spans="8:8">
      <c r="H170522" s="12"/>
    </row>
    <row r="170523" spans="8:8">
      <c r="H170523" s="12"/>
    </row>
    <row r="170524" spans="8:8">
      <c r="H170524" s="12"/>
    </row>
    <row r="170525" spans="8:8">
      <c r="H170525" s="12"/>
    </row>
    <row r="170526" spans="8:8">
      <c r="H170526" s="12"/>
    </row>
    <row r="170527" spans="8:8">
      <c r="H170527" s="12"/>
    </row>
    <row r="170528" spans="8:8">
      <c r="H170528" s="12"/>
    </row>
    <row r="170529" spans="8:8">
      <c r="H170529" s="12"/>
    </row>
    <row r="170530" spans="8:8">
      <c r="H170530" s="12"/>
    </row>
    <row r="170531" spans="8:8">
      <c r="H170531" s="12"/>
    </row>
    <row r="170532" spans="8:8">
      <c r="H170532" s="12"/>
    </row>
    <row r="170533" spans="8:8">
      <c r="H170533" s="12"/>
    </row>
    <row r="170534" spans="8:8">
      <c r="H170534" s="12"/>
    </row>
    <row r="170535" spans="8:8">
      <c r="H170535" s="12"/>
    </row>
    <row r="170536" spans="8:8">
      <c r="H170536" s="12"/>
    </row>
    <row r="170537" spans="8:8">
      <c r="H170537" s="12"/>
    </row>
    <row r="170538" spans="8:8">
      <c r="H170538" s="12"/>
    </row>
    <row r="170539" spans="8:8">
      <c r="H170539" s="12"/>
    </row>
    <row r="170540" spans="8:8">
      <c r="H170540" s="12"/>
    </row>
    <row r="170541" spans="8:8">
      <c r="H170541" s="12"/>
    </row>
    <row r="170542" spans="8:8">
      <c r="H170542" s="12"/>
    </row>
    <row r="170543" spans="8:8">
      <c r="H170543" s="12"/>
    </row>
    <row r="170544" spans="8:8">
      <c r="H170544" s="12"/>
    </row>
    <row r="170545" spans="8:8">
      <c r="H170545" s="12"/>
    </row>
    <row r="170546" spans="8:8">
      <c r="H170546" s="12"/>
    </row>
    <row r="170547" spans="8:8">
      <c r="H170547" s="12"/>
    </row>
    <row r="170548" spans="8:8">
      <c r="H170548" s="12"/>
    </row>
    <row r="170549" spans="8:8">
      <c r="H170549" s="12"/>
    </row>
    <row r="170550" spans="8:8">
      <c r="H170550" s="12"/>
    </row>
    <row r="170551" spans="8:8">
      <c r="H170551" s="12"/>
    </row>
    <row r="170552" spans="8:8">
      <c r="H170552" s="12"/>
    </row>
    <row r="170553" spans="8:8">
      <c r="H170553" s="12"/>
    </row>
    <row r="170554" spans="8:8">
      <c r="H170554" s="12"/>
    </row>
    <row r="170555" spans="8:8">
      <c r="H170555" s="12"/>
    </row>
    <row r="170556" spans="8:8">
      <c r="H170556" s="12"/>
    </row>
    <row r="170557" spans="8:8">
      <c r="H170557" s="12"/>
    </row>
    <row r="170558" spans="8:8">
      <c r="H170558" s="12"/>
    </row>
    <row r="170559" spans="8:8">
      <c r="H170559" s="12"/>
    </row>
    <row r="170560" spans="8:8">
      <c r="H170560" s="12"/>
    </row>
    <row r="170561" spans="8:8">
      <c r="H170561" s="12"/>
    </row>
    <row r="170562" spans="8:8">
      <c r="H170562" s="12"/>
    </row>
    <row r="170563" spans="8:8">
      <c r="H170563" s="12"/>
    </row>
    <row r="170564" spans="8:8">
      <c r="H170564" s="12"/>
    </row>
    <row r="170565" spans="8:8">
      <c r="H170565" s="12"/>
    </row>
    <row r="170566" spans="8:8">
      <c r="H170566" s="12"/>
    </row>
    <row r="170567" spans="8:8">
      <c r="H170567" s="12"/>
    </row>
    <row r="170568" spans="8:8">
      <c r="H170568" s="12"/>
    </row>
    <row r="170569" spans="8:8">
      <c r="H170569" s="12"/>
    </row>
    <row r="170570" spans="8:8">
      <c r="H170570" s="12"/>
    </row>
    <row r="170571" spans="8:8">
      <c r="H170571" s="12"/>
    </row>
    <row r="170572" spans="8:8">
      <c r="H170572" s="12"/>
    </row>
    <row r="170573" spans="8:8">
      <c r="H170573" s="12"/>
    </row>
    <row r="170574" spans="8:8">
      <c r="H170574" s="12"/>
    </row>
    <row r="170575" spans="8:8">
      <c r="H170575" s="12"/>
    </row>
    <row r="170576" spans="8:8">
      <c r="H170576" s="12"/>
    </row>
    <row r="170577" spans="8:8">
      <c r="H170577" s="12"/>
    </row>
    <row r="170578" spans="8:8">
      <c r="H170578" s="12"/>
    </row>
    <row r="170579" spans="8:8">
      <c r="H170579" s="12"/>
    </row>
    <row r="170580" spans="8:8">
      <c r="H170580" s="12"/>
    </row>
    <row r="170581" spans="8:8">
      <c r="H170581" s="12"/>
    </row>
    <row r="170582" spans="8:8">
      <c r="H170582" s="12"/>
    </row>
    <row r="170583" spans="8:8">
      <c r="H170583" s="12"/>
    </row>
    <row r="170584" spans="8:8">
      <c r="H170584" s="12"/>
    </row>
    <row r="170585" spans="8:8">
      <c r="H170585" s="12"/>
    </row>
    <row r="170586" spans="8:8">
      <c r="H170586" s="12"/>
    </row>
    <row r="170587" spans="8:8">
      <c r="H170587" s="12"/>
    </row>
    <row r="170588" spans="8:8">
      <c r="H170588" s="12"/>
    </row>
    <row r="170589" spans="8:8">
      <c r="H170589" s="12"/>
    </row>
    <row r="170590" spans="8:8">
      <c r="H170590" s="12"/>
    </row>
    <row r="170591" spans="8:8">
      <c r="H170591" s="12"/>
    </row>
    <row r="170592" spans="8:8">
      <c r="H170592" s="12"/>
    </row>
    <row r="170593" spans="8:8">
      <c r="H170593" s="12"/>
    </row>
    <row r="170594" spans="8:8">
      <c r="H170594" s="12"/>
    </row>
    <row r="170595" spans="8:8">
      <c r="H170595" s="12"/>
    </row>
    <row r="170596" spans="8:8">
      <c r="H170596" s="12"/>
    </row>
    <row r="170597" spans="8:8">
      <c r="H170597" s="12"/>
    </row>
    <row r="170598" spans="8:8">
      <c r="H170598" s="12"/>
    </row>
    <row r="170599" spans="8:8">
      <c r="H170599" s="12"/>
    </row>
    <row r="170600" spans="8:8">
      <c r="H170600" s="12"/>
    </row>
    <row r="170601" spans="8:8">
      <c r="H170601" s="12"/>
    </row>
    <row r="170602" spans="8:8">
      <c r="H170602" s="12"/>
    </row>
    <row r="170603" spans="8:8">
      <c r="H170603" s="12"/>
    </row>
    <row r="170604" spans="8:8">
      <c r="H170604" s="12"/>
    </row>
    <row r="170605" spans="8:8">
      <c r="H170605" s="12"/>
    </row>
    <row r="170606" spans="8:8">
      <c r="H170606" s="12"/>
    </row>
    <row r="170607" spans="8:8">
      <c r="H170607" s="12"/>
    </row>
    <row r="170608" spans="8:8">
      <c r="H170608" s="12"/>
    </row>
    <row r="170609" spans="8:8">
      <c r="H170609" s="12"/>
    </row>
    <row r="170610" spans="8:8">
      <c r="H170610" s="12"/>
    </row>
    <row r="170611" spans="8:8">
      <c r="H170611" s="12"/>
    </row>
    <row r="170612" spans="8:8">
      <c r="H170612" s="12"/>
    </row>
    <row r="170613" spans="8:8">
      <c r="H170613" s="12"/>
    </row>
    <row r="170614" spans="8:8">
      <c r="H170614" s="12"/>
    </row>
    <row r="170615" spans="8:8">
      <c r="H170615" s="12"/>
    </row>
    <row r="170616" spans="8:8">
      <c r="H170616" s="12"/>
    </row>
    <row r="170617" spans="8:8">
      <c r="H170617" s="12"/>
    </row>
    <row r="170618" spans="8:8">
      <c r="H170618" s="12"/>
    </row>
    <row r="170619" spans="8:8">
      <c r="H170619" s="12"/>
    </row>
    <row r="170620" spans="8:8">
      <c r="H170620" s="12"/>
    </row>
    <row r="170621" spans="8:8">
      <c r="H170621" s="12"/>
    </row>
    <row r="170622" spans="8:8">
      <c r="H170622" s="12"/>
    </row>
    <row r="170623" spans="8:8">
      <c r="H170623" s="12"/>
    </row>
    <row r="170624" spans="8:8">
      <c r="H170624" s="12"/>
    </row>
    <row r="170625" spans="8:8">
      <c r="H170625" s="12"/>
    </row>
    <row r="170626" spans="8:8">
      <c r="H170626" s="12"/>
    </row>
    <row r="170627" spans="8:8">
      <c r="H170627" s="12"/>
    </row>
    <row r="170628" spans="8:8">
      <c r="H170628" s="12"/>
    </row>
    <row r="170629" spans="8:8">
      <c r="H170629" s="12"/>
    </row>
    <row r="170630" spans="8:8">
      <c r="H170630" s="12"/>
    </row>
    <row r="170631" spans="8:8">
      <c r="H170631" s="12"/>
    </row>
    <row r="170632" spans="8:8">
      <c r="H170632" s="12"/>
    </row>
    <row r="170633" spans="8:8">
      <c r="H170633" s="12"/>
    </row>
    <row r="170634" spans="8:8">
      <c r="H170634" s="12"/>
    </row>
    <row r="170635" spans="8:8">
      <c r="H170635" s="12"/>
    </row>
    <row r="170636" spans="8:8">
      <c r="H170636" s="12"/>
    </row>
    <row r="170637" spans="8:8">
      <c r="H170637" s="12"/>
    </row>
    <row r="170638" spans="8:8">
      <c r="H170638" s="12"/>
    </row>
    <row r="170639" spans="8:8">
      <c r="H170639" s="12"/>
    </row>
    <row r="170640" spans="8:8">
      <c r="H170640" s="12"/>
    </row>
    <row r="170641" spans="8:8">
      <c r="H170641" s="12"/>
    </row>
    <row r="170642" spans="8:8">
      <c r="H170642" s="12"/>
    </row>
    <row r="170643" spans="8:8">
      <c r="H170643" s="12"/>
    </row>
    <row r="170644" spans="8:8">
      <c r="H170644" s="12"/>
    </row>
    <row r="170645" spans="8:8">
      <c r="H170645" s="12"/>
    </row>
    <row r="170646" spans="8:8">
      <c r="H170646" s="12"/>
    </row>
    <row r="170647" spans="8:8">
      <c r="H170647" s="12"/>
    </row>
    <row r="170648" spans="8:8">
      <c r="H170648" s="12"/>
    </row>
    <row r="170649" spans="8:8">
      <c r="H170649" s="12"/>
    </row>
    <row r="170650" spans="8:8">
      <c r="H170650" s="12"/>
    </row>
    <row r="170651" spans="8:8">
      <c r="H170651" s="12"/>
    </row>
    <row r="170652" spans="8:8">
      <c r="H170652" s="12"/>
    </row>
    <row r="170653" spans="8:8">
      <c r="H170653" s="12"/>
    </row>
    <row r="170654" spans="8:8">
      <c r="H170654" s="12"/>
    </row>
    <row r="170655" spans="8:8">
      <c r="H170655" s="12"/>
    </row>
    <row r="170656" spans="8:8">
      <c r="H170656" s="12"/>
    </row>
    <row r="170657" spans="8:8">
      <c r="H170657" s="12"/>
    </row>
    <row r="170658" spans="8:8">
      <c r="H170658" s="12"/>
    </row>
    <row r="170659" spans="8:8">
      <c r="H170659" s="12"/>
    </row>
    <row r="170660" spans="8:8">
      <c r="H170660" s="12"/>
    </row>
    <row r="170661" spans="8:8">
      <c r="H170661" s="12"/>
    </row>
    <row r="170662" spans="8:8">
      <c r="H170662" s="12"/>
    </row>
    <row r="170663" spans="8:8">
      <c r="H170663" s="12"/>
    </row>
    <row r="170664" spans="8:8">
      <c r="H170664" s="12"/>
    </row>
    <row r="170665" spans="8:8">
      <c r="H170665" s="12"/>
    </row>
    <row r="170666" spans="8:8">
      <c r="H170666" s="12"/>
    </row>
    <row r="170667" spans="8:8">
      <c r="H170667" s="12"/>
    </row>
    <row r="170668" spans="8:8">
      <c r="H170668" s="12"/>
    </row>
    <row r="170669" spans="8:8">
      <c r="H170669" s="12"/>
    </row>
    <row r="170670" spans="8:8">
      <c r="H170670" s="12"/>
    </row>
    <row r="170671" spans="8:8">
      <c r="H170671" s="12"/>
    </row>
    <row r="170672" spans="8:8">
      <c r="H170672" s="12"/>
    </row>
    <row r="170673" spans="8:8">
      <c r="H170673" s="12"/>
    </row>
    <row r="170674" spans="8:8">
      <c r="H170674" s="12"/>
    </row>
    <row r="170675" spans="8:8">
      <c r="H170675" s="12"/>
    </row>
    <row r="170676" spans="8:8">
      <c r="H170676" s="12"/>
    </row>
    <row r="170677" spans="8:8">
      <c r="H170677" s="12"/>
    </row>
    <row r="170678" spans="8:8">
      <c r="H170678" s="12"/>
    </row>
    <row r="170679" spans="8:8">
      <c r="H170679" s="12"/>
    </row>
    <row r="170680" spans="8:8">
      <c r="H170680" s="12"/>
    </row>
    <row r="170681" spans="8:8">
      <c r="H170681" s="12"/>
    </row>
    <row r="170682" spans="8:8">
      <c r="H170682" s="12"/>
    </row>
    <row r="170683" spans="8:8">
      <c r="H170683" s="12"/>
    </row>
    <row r="170684" spans="8:8">
      <c r="H170684" s="12"/>
    </row>
    <row r="170685" spans="8:8">
      <c r="H170685" s="12"/>
    </row>
    <row r="170686" spans="8:8">
      <c r="H170686" s="12"/>
    </row>
    <row r="170687" spans="8:8">
      <c r="H170687" s="12"/>
    </row>
    <row r="170688" spans="8:8">
      <c r="H170688" s="12"/>
    </row>
    <row r="170689" spans="8:8">
      <c r="H170689" s="12"/>
    </row>
    <row r="170690" spans="8:8">
      <c r="H170690" s="12"/>
    </row>
    <row r="170691" spans="8:8">
      <c r="H170691" s="12"/>
    </row>
    <row r="170692" spans="8:8">
      <c r="H170692" s="12"/>
    </row>
    <row r="170693" spans="8:8">
      <c r="H170693" s="12"/>
    </row>
    <row r="170694" spans="8:8">
      <c r="H170694" s="12"/>
    </row>
    <row r="170695" spans="8:8">
      <c r="H170695" s="12"/>
    </row>
    <row r="170696" spans="8:8">
      <c r="H170696" s="12"/>
    </row>
    <row r="170697" spans="8:8">
      <c r="H170697" s="12"/>
    </row>
    <row r="170698" spans="8:8">
      <c r="H170698" s="12"/>
    </row>
    <row r="170699" spans="8:8">
      <c r="H170699" s="12"/>
    </row>
    <row r="170700" spans="8:8">
      <c r="H170700" s="12"/>
    </row>
    <row r="170701" spans="8:8">
      <c r="H170701" s="12"/>
    </row>
    <row r="170702" spans="8:8">
      <c r="H170702" s="12"/>
    </row>
    <row r="170703" spans="8:8">
      <c r="H170703" s="12"/>
    </row>
    <row r="170704" spans="8:8">
      <c r="H170704" s="12"/>
    </row>
    <row r="170705" spans="8:8">
      <c r="H170705" s="12"/>
    </row>
    <row r="170706" spans="8:8">
      <c r="H170706" s="12"/>
    </row>
    <row r="170707" spans="8:8">
      <c r="H170707" s="12"/>
    </row>
    <row r="170708" spans="8:8">
      <c r="H170708" s="12"/>
    </row>
    <row r="170709" spans="8:8">
      <c r="H170709" s="12"/>
    </row>
    <row r="170710" spans="8:8">
      <c r="H170710" s="12"/>
    </row>
    <row r="170711" spans="8:8">
      <c r="H170711" s="12"/>
    </row>
    <row r="170712" spans="8:8">
      <c r="H170712" s="12"/>
    </row>
    <row r="170713" spans="8:8">
      <c r="H170713" s="12"/>
    </row>
    <row r="170714" spans="8:8">
      <c r="H170714" s="12"/>
    </row>
    <row r="170715" spans="8:8">
      <c r="H170715" s="12"/>
    </row>
    <row r="170716" spans="8:8">
      <c r="H170716" s="12"/>
    </row>
    <row r="170717" spans="8:8">
      <c r="H170717" s="12"/>
    </row>
    <row r="170718" spans="8:8">
      <c r="H170718" s="12"/>
    </row>
    <row r="170719" spans="8:8">
      <c r="H170719" s="12"/>
    </row>
    <row r="170720" spans="8:8">
      <c r="H170720" s="12"/>
    </row>
    <row r="170721" spans="8:8">
      <c r="H170721" s="12"/>
    </row>
    <row r="170722" spans="8:8">
      <c r="H170722" s="12"/>
    </row>
    <row r="170723" spans="8:8">
      <c r="H170723" s="12"/>
    </row>
    <row r="170724" spans="8:8">
      <c r="H170724" s="12"/>
    </row>
    <row r="170725" spans="8:8">
      <c r="H170725" s="12"/>
    </row>
    <row r="170726" spans="8:8">
      <c r="H170726" s="12"/>
    </row>
    <row r="170727" spans="8:8">
      <c r="H170727" s="12"/>
    </row>
    <row r="170728" spans="8:8">
      <c r="H170728" s="12"/>
    </row>
    <row r="170729" spans="8:8">
      <c r="H170729" s="12"/>
    </row>
    <row r="170730" spans="8:8">
      <c r="H170730" s="12"/>
    </row>
    <row r="170731" spans="8:8">
      <c r="H170731" s="12"/>
    </row>
    <row r="170732" spans="8:8">
      <c r="H170732" s="12"/>
    </row>
    <row r="170733" spans="8:8">
      <c r="H170733" s="12"/>
    </row>
    <row r="170734" spans="8:8">
      <c r="H170734" s="12"/>
    </row>
    <row r="170735" spans="8:8">
      <c r="H170735" s="12"/>
    </row>
    <row r="170736" spans="8:8">
      <c r="H170736" s="12"/>
    </row>
    <row r="170737" spans="8:8">
      <c r="H170737" s="12"/>
    </row>
    <row r="170738" spans="8:8">
      <c r="H170738" s="12"/>
    </row>
    <row r="170739" spans="8:8">
      <c r="H170739" s="12"/>
    </row>
    <row r="170740" spans="8:8">
      <c r="H170740" s="12"/>
    </row>
    <row r="170741" spans="8:8">
      <c r="H170741" s="12"/>
    </row>
    <row r="170742" spans="8:8">
      <c r="H170742" s="12"/>
    </row>
    <row r="170743" spans="8:8">
      <c r="H170743" s="12"/>
    </row>
    <row r="170744" spans="8:8">
      <c r="H170744" s="12"/>
    </row>
    <row r="170745" spans="8:8">
      <c r="H170745" s="12"/>
    </row>
    <row r="170746" spans="8:8">
      <c r="H170746" s="12"/>
    </row>
    <row r="170747" spans="8:8">
      <c r="H170747" s="12"/>
    </row>
    <row r="170748" spans="8:8">
      <c r="H170748" s="12"/>
    </row>
    <row r="170749" spans="8:8">
      <c r="H170749" s="12"/>
    </row>
    <row r="170750" spans="8:8">
      <c r="H170750" s="12"/>
    </row>
    <row r="170751" spans="8:8">
      <c r="H170751" s="12"/>
    </row>
    <row r="170752" spans="8:8">
      <c r="H170752" s="12"/>
    </row>
    <row r="170753" spans="8:8">
      <c r="H170753" s="12"/>
    </row>
    <row r="170754" spans="8:8">
      <c r="H170754" s="12"/>
    </row>
    <row r="170755" spans="8:8">
      <c r="H170755" s="12"/>
    </row>
    <row r="170756" spans="8:8">
      <c r="H170756" s="12"/>
    </row>
    <row r="170757" spans="8:8">
      <c r="H170757" s="12"/>
    </row>
    <row r="170758" spans="8:8">
      <c r="H170758" s="12"/>
    </row>
    <row r="170759" spans="8:8">
      <c r="H170759" s="12"/>
    </row>
    <row r="170760" spans="8:8">
      <c r="H170760" s="12"/>
    </row>
    <row r="170761" spans="8:8">
      <c r="H170761" s="12"/>
    </row>
    <row r="170762" spans="8:8">
      <c r="H170762" s="12"/>
    </row>
    <row r="170763" spans="8:8">
      <c r="H170763" s="12"/>
    </row>
    <row r="170764" spans="8:8">
      <c r="H170764" s="12"/>
    </row>
    <row r="170765" spans="8:8">
      <c r="H170765" s="12"/>
    </row>
    <row r="170766" spans="8:8">
      <c r="H170766" s="12"/>
    </row>
    <row r="170767" spans="8:8">
      <c r="H170767" s="12"/>
    </row>
    <row r="170768" spans="8:8">
      <c r="H170768" s="12"/>
    </row>
    <row r="170769" spans="8:8">
      <c r="H170769" s="12"/>
    </row>
    <row r="170770" spans="8:8">
      <c r="H170770" s="12"/>
    </row>
    <row r="170771" spans="8:8">
      <c r="H170771" s="12"/>
    </row>
    <row r="170772" spans="8:8">
      <c r="H170772" s="12"/>
    </row>
    <row r="170773" spans="8:8">
      <c r="H170773" s="12"/>
    </row>
    <row r="170774" spans="8:8">
      <c r="H170774" s="12"/>
    </row>
    <row r="170775" spans="8:8">
      <c r="H170775" s="12"/>
    </row>
    <row r="170776" spans="8:8">
      <c r="H170776" s="12"/>
    </row>
    <row r="170777" spans="8:8">
      <c r="H170777" s="12"/>
    </row>
    <row r="170778" spans="8:8">
      <c r="H170778" s="12"/>
    </row>
    <row r="170779" spans="8:8">
      <c r="H170779" s="12"/>
    </row>
    <row r="170780" spans="8:8">
      <c r="H170780" s="12"/>
    </row>
    <row r="170781" spans="8:8">
      <c r="H170781" s="12"/>
    </row>
    <row r="170782" spans="8:8">
      <c r="H170782" s="12"/>
    </row>
    <row r="170783" spans="8:8">
      <c r="H170783" s="12"/>
    </row>
    <row r="170784" spans="8:8">
      <c r="H170784" s="12"/>
    </row>
    <row r="170785" spans="8:8">
      <c r="H170785" s="12"/>
    </row>
    <row r="170786" spans="8:8">
      <c r="H170786" s="12"/>
    </row>
    <row r="170787" spans="8:8">
      <c r="H170787" s="12"/>
    </row>
    <row r="170788" spans="8:8">
      <c r="H170788" s="12"/>
    </row>
    <row r="170789" spans="8:8">
      <c r="H170789" s="12"/>
    </row>
    <row r="170790" spans="8:8">
      <c r="H170790" s="12"/>
    </row>
    <row r="170791" spans="8:8">
      <c r="H170791" s="12"/>
    </row>
    <row r="170792" spans="8:8">
      <c r="H170792" s="12"/>
    </row>
    <row r="170793" spans="8:8">
      <c r="H170793" s="12"/>
    </row>
    <row r="170794" spans="8:8">
      <c r="H170794" s="12"/>
    </row>
    <row r="170795" spans="8:8">
      <c r="H170795" s="12"/>
    </row>
    <row r="170796" spans="8:8">
      <c r="H170796" s="12"/>
    </row>
    <row r="170797" spans="8:8">
      <c r="H170797" s="12"/>
    </row>
    <row r="170798" spans="8:8">
      <c r="H170798" s="12"/>
    </row>
    <row r="170799" spans="8:8">
      <c r="H170799" s="12"/>
    </row>
    <row r="170800" spans="8:8">
      <c r="H170800" s="12"/>
    </row>
    <row r="170801" spans="8:8">
      <c r="H170801" s="12"/>
    </row>
    <row r="170802" spans="8:8">
      <c r="H170802" s="12"/>
    </row>
    <row r="170803" spans="8:8">
      <c r="H170803" s="12"/>
    </row>
    <row r="170804" spans="8:8">
      <c r="H170804" s="12"/>
    </row>
    <row r="170805" spans="8:8">
      <c r="H170805" s="12"/>
    </row>
    <row r="170806" spans="8:8">
      <c r="H170806" s="12"/>
    </row>
    <row r="170807" spans="8:8">
      <c r="H170807" s="12"/>
    </row>
    <row r="170808" spans="8:8">
      <c r="H170808" s="12"/>
    </row>
    <row r="170809" spans="8:8">
      <c r="H170809" s="12"/>
    </row>
    <row r="170810" spans="8:8">
      <c r="H170810" s="12"/>
    </row>
    <row r="170811" spans="8:8">
      <c r="H170811" s="12"/>
    </row>
    <row r="170812" spans="8:8">
      <c r="H170812" s="12"/>
    </row>
    <row r="170813" spans="8:8">
      <c r="H170813" s="12"/>
    </row>
    <row r="170814" spans="8:8">
      <c r="H170814" s="12"/>
    </row>
    <row r="170815" spans="8:8">
      <c r="H170815" s="12"/>
    </row>
    <row r="170816" spans="8:8">
      <c r="H170816" s="12"/>
    </row>
    <row r="170817" spans="8:8">
      <c r="H170817" s="12"/>
    </row>
    <row r="170818" spans="8:8">
      <c r="H170818" s="12"/>
    </row>
    <row r="170819" spans="8:8">
      <c r="H170819" s="12"/>
    </row>
    <row r="170820" spans="8:8">
      <c r="H170820" s="12"/>
    </row>
    <row r="170821" spans="8:8">
      <c r="H170821" s="12"/>
    </row>
    <row r="170822" spans="8:8">
      <c r="H170822" s="12"/>
    </row>
    <row r="170823" spans="8:8">
      <c r="H170823" s="12"/>
    </row>
    <row r="170824" spans="8:8">
      <c r="H170824" s="12"/>
    </row>
    <row r="170825" spans="8:8">
      <c r="H170825" s="12"/>
    </row>
    <row r="170826" spans="8:8">
      <c r="H170826" s="12"/>
    </row>
    <row r="170827" spans="8:8">
      <c r="H170827" s="12"/>
    </row>
    <row r="170828" spans="8:8">
      <c r="H170828" s="12"/>
    </row>
    <row r="170829" spans="8:8">
      <c r="H170829" s="12"/>
    </row>
    <row r="170830" spans="8:8">
      <c r="H170830" s="12"/>
    </row>
    <row r="170831" spans="8:8">
      <c r="H170831" s="12"/>
    </row>
    <row r="170832" spans="8:8">
      <c r="H170832" s="12"/>
    </row>
    <row r="170833" spans="8:8">
      <c r="H170833" s="12"/>
    </row>
    <row r="170834" spans="8:8">
      <c r="H170834" s="12"/>
    </row>
    <row r="170835" spans="8:8">
      <c r="H170835" s="12"/>
    </row>
    <row r="170836" spans="8:8">
      <c r="H170836" s="12"/>
    </row>
    <row r="170837" spans="8:8">
      <c r="H170837" s="12"/>
    </row>
    <row r="170838" spans="8:8">
      <c r="H170838" s="12"/>
    </row>
    <row r="170839" spans="8:8">
      <c r="H170839" s="12"/>
    </row>
    <row r="170840" spans="8:8">
      <c r="H170840" s="12"/>
    </row>
    <row r="170841" spans="8:8">
      <c r="H170841" s="12"/>
    </row>
    <row r="170842" spans="8:8">
      <c r="H170842" s="12"/>
    </row>
    <row r="170843" spans="8:8">
      <c r="H170843" s="12"/>
    </row>
    <row r="170844" spans="8:8">
      <c r="H170844" s="12"/>
    </row>
    <row r="170845" spans="8:8">
      <c r="H170845" s="12"/>
    </row>
    <row r="170846" spans="8:8">
      <c r="H170846" s="12"/>
    </row>
    <row r="170847" spans="8:8">
      <c r="H170847" s="12"/>
    </row>
    <row r="170848" spans="8:8">
      <c r="H170848" s="12"/>
    </row>
    <row r="170849" spans="8:8">
      <c r="H170849" s="12"/>
    </row>
    <row r="170850" spans="8:8">
      <c r="H170850" s="12"/>
    </row>
    <row r="170851" spans="8:8">
      <c r="H170851" s="12"/>
    </row>
    <row r="170852" spans="8:8">
      <c r="H170852" s="12"/>
    </row>
    <row r="170853" spans="8:8">
      <c r="H170853" s="12"/>
    </row>
    <row r="170854" spans="8:8">
      <c r="H170854" s="12"/>
    </row>
    <row r="170855" spans="8:8">
      <c r="H170855" s="12"/>
    </row>
    <row r="170856" spans="8:8">
      <c r="H170856" s="12"/>
    </row>
    <row r="170857" spans="8:8">
      <c r="H170857" s="12"/>
    </row>
    <row r="170858" spans="8:8">
      <c r="H170858" s="12"/>
    </row>
    <row r="170859" spans="8:8">
      <c r="H170859" s="12"/>
    </row>
    <row r="170860" spans="8:8">
      <c r="H170860" s="12"/>
    </row>
    <row r="170861" spans="8:8">
      <c r="H170861" s="12"/>
    </row>
    <row r="170862" spans="8:8">
      <c r="H170862" s="12"/>
    </row>
    <row r="170863" spans="8:8">
      <c r="H170863" s="12"/>
    </row>
    <row r="170864" spans="8:8">
      <c r="H170864" s="12"/>
    </row>
    <row r="170865" spans="8:8">
      <c r="H170865" s="12"/>
    </row>
    <row r="170866" spans="8:8">
      <c r="H170866" s="12"/>
    </row>
    <row r="170867" spans="8:8">
      <c r="H170867" s="12"/>
    </row>
    <row r="170868" spans="8:8">
      <c r="H170868" s="12"/>
    </row>
    <row r="170869" spans="8:8">
      <c r="H170869" s="12"/>
    </row>
    <row r="170870" spans="8:8">
      <c r="H170870" s="12"/>
    </row>
    <row r="170871" spans="8:8">
      <c r="H170871" s="12"/>
    </row>
    <row r="170872" spans="8:8">
      <c r="H170872" s="12"/>
    </row>
    <row r="170873" spans="8:8">
      <c r="H170873" s="12"/>
    </row>
    <row r="170874" spans="8:8">
      <c r="H170874" s="12"/>
    </row>
    <row r="170875" spans="8:8">
      <c r="H170875" s="12"/>
    </row>
    <row r="170876" spans="8:8">
      <c r="H170876" s="12"/>
    </row>
    <row r="170877" spans="8:8">
      <c r="H170877" s="12"/>
    </row>
    <row r="170878" spans="8:8">
      <c r="H170878" s="12"/>
    </row>
    <row r="170879" spans="8:8">
      <c r="H170879" s="12"/>
    </row>
    <row r="170880" spans="8:8">
      <c r="H170880" s="12"/>
    </row>
    <row r="170881" spans="8:8">
      <c r="H170881" s="12"/>
    </row>
    <row r="170882" spans="8:8">
      <c r="H170882" s="12"/>
    </row>
    <row r="170883" spans="8:8">
      <c r="H170883" s="12"/>
    </row>
    <row r="170884" spans="8:8">
      <c r="H170884" s="12"/>
    </row>
    <row r="170885" spans="8:8">
      <c r="H170885" s="12"/>
    </row>
    <row r="170886" spans="8:8">
      <c r="H170886" s="12"/>
    </row>
    <row r="170887" spans="8:8">
      <c r="H170887" s="12"/>
    </row>
    <row r="170888" spans="8:8">
      <c r="H170888" s="12"/>
    </row>
    <row r="170889" spans="8:8">
      <c r="H170889" s="12"/>
    </row>
    <row r="170890" spans="8:8">
      <c r="H170890" s="12"/>
    </row>
    <row r="170891" spans="8:8">
      <c r="H170891" s="12"/>
    </row>
    <row r="170892" spans="8:8">
      <c r="H170892" s="12"/>
    </row>
    <row r="170893" spans="8:8">
      <c r="H170893" s="12"/>
    </row>
    <row r="170894" spans="8:8">
      <c r="H170894" s="12"/>
    </row>
    <row r="170895" spans="8:8">
      <c r="H170895" s="12"/>
    </row>
    <row r="170896" spans="8:8">
      <c r="H170896" s="12"/>
    </row>
    <row r="170897" spans="8:8">
      <c r="H170897" s="12"/>
    </row>
    <row r="170898" spans="8:8">
      <c r="H170898" s="12"/>
    </row>
    <row r="170899" spans="8:8">
      <c r="H170899" s="12"/>
    </row>
    <row r="170900" spans="8:8">
      <c r="H170900" s="12"/>
    </row>
    <row r="170901" spans="8:8">
      <c r="H170901" s="12"/>
    </row>
    <row r="170902" spans="8:8">
      <c r="H170902" s="12"/>
    </row>
    <row r="170903" spans="8:8">
      <c r="H170903" s="12"/>
    </row>
    <row r="170904" spans="8:8">
      <c r="H170904" s="12"/>
    </row>
    <row r="170905" spans="8:8">
      <c r="H170905" s="12"/>
    </row>
    <row r="170906" spans="8:8">
      <c r="H170906" s="12"/>
    </row>
    <row r="170907" spans="8:8">
      <c r="H170907" s="12"/>
    </row>
    <row r="170908" spans="8:8">
      <c r="H170908" s="12"/>
    </row>
    <row r="170909" spans="8:8">
      <c r="H170909" s="12"/>
    </row>
    <row r="170910" spans="8:8">
      <c r="H170910" s="12"/>
    </row>
    <row r="170911" spans="8:8">
      <c r="H170911" s="12"/>
    </row>
    <row r="170912" spans="8:8">
      <c r="H170912" s="12"/>
    </row>
    <row r="170913" spans="8:8">
      <c r="H170913" s="12"/>
    </row>
    <row r="170914" spans="8:8">
      <c r="H170914" s="12"/>
    </row>
    <row r="170915" spans="8:8">
      <c r="H170915" s="12"/>
    </row>
    <row r="170916" spans="8:8">
      <c r="H170916" s="12"/>
    </row>
    <row r="170917" spans="8:8">
      <c r="H170917" s="12"/>
    </row>
    <row r="170918" spans="8:8">
      <c r="H170918" s="12"/>
    </row>
    <row r="170919" spans="8:8">
      <c r="H170919" s="12"/>
    </row>
    <row r="170920" spans="8:8">
      <c r="H170920" s="12"/>
    </row>
    <row r="170921" spans="8:8">
      <c r="H170921" s="12"/>
    </row>
    <row r="170922" spans="8:8">
      <c r="H170922" s="12"/>
    </row>
    <row r="170923" spans="8:8">
      <c r="H170923" s="12"/>
    </row>
    <row r="170924" spans="8:8">
      <c r="H170924" s="12"/>
    </row>
    <row r="170925" spans="8:8">
      <c r="H170925" s="12"/>
    </row>
    <row r="170926" spans="8:8">
      <c r="H170926" s="12"/>
    </row>
    <row r="170927" spans="8:8">
      <c r="H170927" s="12"/>
    </row>
    <row r="170928" spans="8:8">
      <c r="H170928" s="12"/>
    </row>
    <row r="170929" spans="8:8">
      <c r="H170929" s="12"/>
    </row>
    <row r="170930" spans="8:8">
      <c r="H170930" s="12"/>
    </row>
    <row r="170931" spans="8:8">
      <c r="H170931" s="12"/>
    </row>
    <row r="170932" spans="8:8">
      <c r="H170932" s="12"/>
    </row>
    <row r="170933" spans="8:8">
      <c r="H170933" s="12"/>
    </row>
    <row r="170934" spans="8:8">
      <c r="H170934" s="12"/>
    </row>
    <row r="170935" spans="8:8">
      <c r="H170935" s="12"/>
    </row>
    <row r="170936" spans="8:8">
      <c r="H170936" s="12"/>
    </row>
    <row r="170937" spans="8:8">
      <c r="H170937" s="12"/>
    </row>
    <row r="170938" spans="8:8">
      <c r="H170938" s="12"/>
    </row>
    <row r="170939" spans="8:8">
      <c r="H170939" s="12"/>
    </row>
    <row r="170940" spans="8:8">
      <c r="H170940" s="12"/>
    </row>
    <row r="170941" spans="8:8">
      <c r="H170941" s="12"/>
    </row>
    <row r="170942" spans="8:8">
      <c r="H170942" s="12"/>
    </row>
    <row r="170943" spans="8:8">
      <c r="H170943" s="12"/>
    </row>
    <row r="170944" spans="8:8">
      <c r="H170944" s="12"/>
    </row>
    <row r="170945" spans="8:8">
      <c r="H170945" s="12"/>
    </row>
    <row r="170946" spans="8:8">
      <c r="H170946" s="12"/>
    </row>
    <row r="170947" spans="8:8">
      <c r="H170947" s="12"/>
    </row>
    <row r="170948" spans="8:8">
      <c r="H170948" s="12"/>
    </row>
    <row r="170949" spans="8:8">
      <c r="H170949" s="12"/>
    </row>
    <row r="170950" spans="8:8">
      <c r="H170950" s="12"/>
    </row>
    <row r="170951" spans="8:8">
      <c r="H170951" s="12"/>
    </row>
    <row r="170952" spans="8:8">
      <c r="H170952" s="12"/>
    </row>
    <row r="170953" spans="8:8">
      <c r="H170953" s="12"/>
    </row>
    <row r="170954" spans="8:8">
      <c r="H170954" s="12"/>
    </row>
    <row r="170955" spans="8:8">
      <c r="H170955" s="12"/>
    </row>
    <row r="170956" spans="8:8">
      <c r="H170956" s="12"/>
    </row>
    <row r="170957" spans="8:8">
      <c r="H170957" s="12"/>
    </row>
    <row r="170958" spans="8:8">
      <c r="H170958" s="12"/>
    </row>
    <row r="170959" spans="8:8">
      <c r="H170959" s="12"/>
    </row>
    <row r="170960" spans="8:8">
      <c r="H170960" s="12"/>
    </row>
    <row r="170961" spans="8:8">
      <c r="H170961" s="12"/>
    </row>
    <row r="170962" spans="8:8">
      <c r="H170962" s="12"/>
    </row>
    <row r="170963" spans="8:8">
      <c r="H170963" s="12"/>
    </row>
    <row r="170964" spans="8:8">
      <c r="H170964" s="12"/>
    </row>
    <row r="170965" spans="8:8">
      <c r="H170965" s="12"/>
    </row>
    <row r="170966" spans="8:8">
      <c r="H170966" s="12"/>
    </row>
    <row r="170967" spans="8:8">
      <c r="H170967" s="12"/>
    </row>
    <row r="170968" spans="8:8">
      <c r="H170968" s="12"/>
    </row>
    <row r="170969" spans="8:8">
      <c r="H170969" s="12"/>
    </row>
    <row r="170970" spans="8:8">
      <c r="H170970" s="12"/>
    </row>
    <row r="170971" spans="8:8">
      <c r="H170971" s="12"/>
    </row>
    <row r="170972" spans="8:8">
      <c r="H170972" s="12"/>
    </row>
    <row r="170973" spans="8:8">
      <c r="H170973" s="12"/>
    </row>
    <row r="170974" spans="8:8">
      <c r="H170974" s="12"/>
    </row>
    <row r="170975" spans="8:8">
      <c r="H170975" s="12"/>
    </row>
    <row r="170976" spans="8:8">
      <c r="H170976" s="12"/>
    </row>
    <row r="170977" spans="8:8">
      <c r="H170977" s="12"/>
    </row>
    <row r="170978" spans="8:8">
      <c r="H170978" s="12"/>
    </row>
    <row r="170979" spans="8:8">
      <c r="H170979" s="12"/>
    </row>
    <row r="170980" spans="8:8">
      <c r="H170980" s="12"/>
    </row>
    <row r="170981" spans="8:8">
      <c r="H170981" s="12"/>
    </row>
    <row r="170982" spans="8:8">
      <c r="H170982" s="12"/>
    </row>
    <row r="170983" spans="8:8">
      <c r="H170983" s="12"/>
    </row>
    <row r="170984" spans="8:8">
      <c r="H170984" s="12"/>
    </row>
    <row r="170985" spans="8:8">
      <c r="H170985" s="12"/>
    </row>
    <row r="170986" spans="8:8">
      <c r="H170986" s="12"/>
    </row>
    <row r="170987" spans="8:8">
      <c r="H170987" s="12"/>
    </row>
    <row r="170988" spans="8:8">
      <c r="H170988" s="12"/>
    </row>
    <row r="170989" spans="8:8">
      <c r="H170989" s="12"/>
    </row>
    <row r="170990" spans="8:8">
      <c r="H170990" s="12"/>
    </row>
    <row r="170991" spans="8:8">
      <c r="H170991" s="12"/>
    </row>
    <row r="170992" spans="8:8">
      <c r="H170992" s="12"/>
    </row>
    <row r="170993" spans="8:8">
      <c r="H170993" s="12"/>
    </row>
    <row r="170994" spans="8:8">
      <c r="H170994" s="12"/>
    </row>
    <row r="170995" spans="8:8">
      <c r="H170995" s="12"/>
    </row>
    <row r="170996" spans="8:8">
      <c r="H170996" s="12"/>
    </row>
    <row r="170997" spans="8:8">
      <c r="H170997" s="12"/>
    </row>
    <row r="170998" spans="8:8">
      <c r="H170998" s="12"/>
    </row>
    <row r="170999" spans="8:8">
      <c r="H170999" s="12"/>
    </row>
    <row r="171000" spans="8:8">
      <c r="H171000" s="12"/>
    </row>
    <row r="171001" spans="8:8">
      <c r="H171001" s="12"/>
    </row>
    <row r="171002" spans="8:8">
      <c r="H171002" s="12"/>
    </row>
    <row r="171003" spans="8:8">
      <c r="H171003" s="12"/>
    </row>
    <row r="171004" spans="8:8">
      <c r="H171004" s="12"/>
    </row>
    <row r="171005" spans="8:8">
      <c r="H171005" s="12"/>
    </row>
    <row r="171006" spans="8:8">
      <c r="H171006" s="12"/>
    </row>
    <row r="171007" spans="8:8">
      <c r="H171007" s="12"/>
    </row>
    <row r="171008" spans="8:8">
      <c r="H171008" s="12"/>
    </row>
    <row r="171009" spans="8:8">
      <c r="H171009" s="12"/>
    </row>
    <row r="171010" spans="8:8">
      <c r="H171010" s="12"/>
    </row>
    <row r="171011" spans="8:8">
      <c r="H171011" s="12"/>
    </row>
    <row r="171012" spans="8:8">
      <c r="H171012" s="12"/>
    </row>
    <row r="171013" spans="8:8">
      <c r="H171013" s="12"/>
    </row>
    <row r="171014" spans="8:8">
      <c r="H171014" s="12"/>
    </row>
    <row r="171015" spans="8:8">
      <c r="H171015" s="12"/>
    </row>
    <row r="171016" spans="8:8">
      <c r="H171016" s="12"/>
    </row>
    <row r="171017" spans="8:8">
      <c r="H171017" s="12"/>
    </row>
    <row r="171018" spans="8:8">
      <c r="H171018" s="12"/>
    </row>
    <row r="171019" spans="8:8">
      <c r="H171019" s="12"/>
    </row>
    <row r="171020" spans="8:8">
      <c r="H171020" s="12"/>
    </row>
    <row r="171021" spans="8:8">
      <c r="H171021" s="12"/>
    </row>
    <row r="171022" spans="8:8">
      <c r="H171022" s="12"/>
    </row>
    <row r="171023" spans="8:8">
      <c r="H171023" s="12"/>
    </row>
    <row r="171024" spans="8:8">
      <c r="H171024" s="12"/>
    </row>
    <row r="171025" spans="8:8">
      <c r="H171025" s="12"/>
    </row>
    <row r="171026" spans="8:8">
      <c r="H171026" s="12"/>
    </row>
    <row r="171027" spans="8:8">
      <c r="H171027" s="12"/>
    </row>
    <row r="171028" spans="8:8">
      <c r="H171028" s="12"/>
    </row>
    <row r="171029" spans="8:8">
      <c r="H171029" s="12"/>
    </row>
    <row r="171030" spans="8:8">
      <c r="H171030" s="12"/>
    </row>
    <row r="171031" spans="8:8">
      <c r="H171031" s="12"/>
    </row>
    <row r="171032" spans="8:8">
      <c r="H171032" s="12"/>
    </row>
    <row r="171033" spans="8:8">
      <c r="H171033" s="12"/>
    </row>
    <row r="171034" spans="8:8">
      <c r="H171034" s="12"/>
    </row>
    <row r="171035" spans="8:8">
      <c r="H171035" s="12"/>
    </row>
    <row r="171036" spans="8:8">
      <c r="H171036" s="12"/>
    </row>
    <row r="171037" spans="8:8">
      <c r="H171037" s="12"/>
    </row>
    <row r="171038" spans="8:8">
      <c r="H171038" s="12"/>
    </row>
    <row r="171039" spans="8:8">
      <c r="H171039" s="12"/>
    </row>
    <row r="171040" spans="8:8">
      <c r="H171040" s="12"/>
    </row>
    <row r="171041" spans="8:8">
      <c r="H171041" s="12"/>
    </row>
    <row r="171042" spans="8:8">
      <c r="H171042" s="12"/>
    </row>
    <row r="171043" spans="8:8">
      <c r="H171043" s="12"/>
    </row>
    <row r="171044" spans="8:8">
      <c r="H171044" s="12"/>
    </row>
    <row r="171045" spans="8:8">
      <c r="H171045" s="12"/>
    </row>
    <row r="171046" spans="8:8">
      <c r="H171046" s="12"/>
    </row>
    <row r="171047" spans="8:8">
      <c r="H171047" s="12"/>
    </row>
    <row r="171048" spans="8:8">
      <c r="H171048" s="12"/>
    </row>
    <row r="171049" spans="8:8">
      <c r="H171049" s="12"/>
    </row>
    <row r="171050" spans="8:8">
      <c r="H171050" s="12"/>
    </row>
    <row r="171051" spans="8:8">
      <c r="H171051" s="12"/>
    </row>
    <row r="171052" spans="8:8">
      <c r="H171052" s="12"/>
    </row>
    <row r="171053" spans="8:8">
      <c r="H171053" s="12"/>
    </row>
    <row r="171054" spans="8:8">
      <c r="H171054" s="12"/>
    </row>
    <row r="171055" spans="8:8">
      <c r="H171055" s="12"/>
    </row>
    <row r="171056" spans="8:8">
      <c r="H171056" s="12"/>
    </row>
    <row r="171057" spans="8:8">
      <c r="H171057" s="12"/>
    </row>
    <row r="171058" spans="8:8">
      <c r="H171058" s="12"/>
    </row>
    <row r="171059" spans="8:8">
      <c r="H171059" s="12"/>
    </row>
    <row r="171060" spans="8:8">
      <c r="H171060" s="12"/>
    </row>
    <row r="171061" spans="8:8">
      <c r="H171061" s="12"/>
    </row>
    <row r="171062" spans="8:8">
      <c r="H171062" s="12"/>
    </row>
    <row r="171063" spans="8:8">
      <c r="H171063" s="12"/>
    </row>
    <row r="171064" spans="8:8">
      <c r="H171064" s="12"/>
    </row>
    <row r="171065" spans="8:8">
      <c r="H171065" s="12"/>
    </row>
    <row r="171066" spans="8:8">
      <c r="H171066" s="12"/>
    </row>
    <row r="171067" spans="8:8">
      <c r="H171067" s="12"/>
    </row>
    <row r="171068" spans="8:8">
      <c r="H171068" s="12"/>
    </row>
    <row r="171069" spans="8:8">
      <c r="H171069" s="12"/>
    </row>
    <row r="171070" spans="8:8">
      <c r="H171070" s="12"/>
    </row>
    <row r="171071" spans="8:8">
      <c r="H171071" s="12"/>
    </row>
    <row r="171072" spans="8:8">
      <c r="H171072" s="12"/>
    </row>
    <row r="171073" spans="8:8">
      <c r="H171073" s="12"/>
    </row>
    <row r="171074" spans="8:8">
      <c r="H171074" s="12"/>
    </row>
    <row r="171075" spans="8:8">
      <c r="H171075" s="12"/>
    </row>
    <row r="171076" spans="8:8">
      <c r="H171076" s="12"/>
    </row>
    <row r="171077" spans="8:8">
      <c r="H171077" s="12"/>
    </row>
    <row r="171078" spans="8:8">
      <c r="H171078" s="12"/>
    </row>
    <row r="171079" spans="8:8">
      <c r="H171079" s="12"/>
    </row>
    <row r="171080" spans="8:8">
      <c r="H171080" s="12"/>
    </row>
    <row r="171081" spans="8:8">
      <c r="H171081" s="12"/>
    </row>
    <row r="171082" spans="8:8">
      <c r="H171082" s="12"/>
    </row>
    <row r="171083" spans="8:8">
      <c r="H171083" s="12"/>
    </row>
    <row r="171084" spans="8:8">
      <c r="H171084" s="12"/>
    </row>
    <row r="171085" spans="8:8">
      <c r="H171085" s="12"/>
    </row>
    <row r="171086" spans="8:8">
      <c r="H171086" s="12"/>
    </row>
    <row r="171087" spans="8:8">
      <c r="H171087" s="12"/>
    </row>
    <row r="171088" spans="8:8">
      <c r="H171088" s="12"/>
    </row>
    <row r="171089" spans="8:8">
      <c r="H171089" s="12"/>
    </row>
    <row r="171090" spans="8:8">
      <c r="H171090" s="12"/>
    </row>
    <row r="171091" spans="8:8">
      <c r="H171091" s="12"/>
    </row>
    <row r="171092" spans="8:8">
      <c r="H171092" s="12"/>
    </row>
    <row r="171093" spans="8:8">
      <c r="H171093" s="12"/>
    </row>
    <row r="171094" spans="8:8">
      <c r="H171094" s="12"/>
    </row>
    <row r="171095" spans="8:8">
      <c r="H171095" s="12"/>
    </row>
    <row r="171096" spans="8:8">
      <c r="H171096" s="12"/>
    </row>
    <row r="171097" spans="8:8">
      <c r="H171097" s="12"/>
    </row>
    <row r="171098" spans="8:8">
      <c r="H171098" s="12"/>
    </row>
    <row r="171099" spans="8:8">
      <c r="H171099" s="12"/>
    </row>
    <row r="171100" spans="8:8">
      <c r="H171100" s="12"/>
    </row>
    <row r="171101" spans="8:8">
      <c r="H171101" s="12"/>
    </row>
    <row r="171102" spans="8:8">
      <c r="H171102" s="12"/>
    </row>
    <row r="171103" spans="8:8">
      <c r="H171103" s="12"/>
    </row>
    <row r="171104" spans="8:8">
      <c r="H171104" s="12"/>
    </row>
    <row r="171105" spans="8:8">
      <c r="H171105" s="12"/>
    </row>
    <row r="171106" spans="8:8">
      <c r="H171106" s="12"/>
    </row>
    <row r="171107" spans="8:8">
      <c r="H171107" s="12"/>
    </row>
    <row r="171108" spans="8:8">
      <c r="H171108" s="12"/>
    </row>
    <row r="171109" spans="8:8">
      <c r="H171109" s="12"/>
    </row>
    <row r="171110" spans="8:8">
      <c r="H171110" s="12"/>
    </row>
    <row r="171111" spans="8:8">
      <c r="H171111" s="12"/>
    </row>
    <row r="171112" spans="8:8">
      <c r="H171112" s="12"/>
    </row>
    <row r="171113" spans="8:8">
      <c r="H171113" s="12"/>
    </row>
    <row r="171114" spans="8:8">
      <c r="H171114" s="12"/>
    </row>
    <row r="171115" spans="8:8">
      <c r="H171115" s="12"/>
    </row>
    <row r="171116" spans="8:8">
      <c r="H171116" s="12"/>
    </row>
    <row r="171117" spans="8:8">
      <c r="H171117" s="12"/>
    </row>
    <row r="171118" spans="8:8">
      <c r="H171118" s="12"/>
    </row>
    <row r="171119" spans="8:8">
      <c r="H171119" s="12"/>
    </row>
    <row r="171120" spans="8:8">
      <c r="H171120" s="12"/>
    </row>
    <row r="171121" spans="8:8">
      <c r="H171121" s="12"/>
    </row>
    <row r="171122" spans="8:8">
      <c r="H171122" s="12"/>
    </row>
    <row r="171123" spans="8:8">
      <c r="H171123" s="12"/>
    </row>
    <row r="171124" spans="8:8">
      <c r="H171124" s="12"/>
    </row>
    <row r="171125" spans="8:8">
      <c r="H171125" s="12"/>
    </row>
    <row r="171126" spans="8:8">
      <c r="H171126" s="12"/>
    </row>
    <row r="171127" spans="8:8">
      <c r="H171127" s="12"/>
    </row>
    <row r="171128" spans="8:8">
      <c r="H171128" s="12"/>
    </row>
    <row r="171129" spans="8:8">
      <c r="H171129" s="12"/>
    </row>
    <row r="171130" spans="8:8">
      <c r="H171130" s="12"/>
    </row>
    <row r="171131" spans="8:8">
      <c r="H171131" s="12"/>
    </row>
    <row r="171132" spans="8:8">
      <c r="H171132" s="12"/>
    </row>
    <row r="171133" spans="8:8">
      <c r="H171133" s="12"/>
    </row>
    <row r="171134" spans="8:8">
      <c r="H171134" s="12"/>
    </row>
    <row r="171135" spans="8:8">
      <c r="H171135" s="12"/>
    </row>
    <row r="171136" spans="8:8">
      <c r="H171136" s="12"/>
    </row>
    <row r="171137" spans="8:8">
      <c r="H171137" s="12"/>
    </row>
    <row r="171138" spans="8:8">
      <c r="H171138" s="12"/>
    </row>
    <row r="171139" spans="8:8">
      <c r="H171139" s="12"/>
    </row>
    <row r="171140" spans="8:8">
      <c r="H171140" s="12"/>
    </row>
    <row r="171141" spans="8:8">
      <c r="H171141" s="12"/>
    </row>
    <row r="171142" spans="8:8">
      <c r="H171142" s="12"/>
    </row>
    <row r="171143" spans="8:8">
      <c r="H171143" s="12"/>
    </row>
    <row r="171144" spans="8:8">
      <c r="H171144" s="12"/>
    </row>
    <row r="171145" spans="8:8">
      <c r="H171145" s="12"/>
    </row>
    <row r="171146" spans="8:8">
      <c r="H171146" s="12"/>
    </row>
    <row r="171147" spans="8:8">
      <c r="H171147" s="12"/>
    </row>
    <row r="171148" spans="8:8">
      <c r="H171148" s="12"/>
    </row>
    <row r="171149" spans="8:8">
      <c r="H171149" s="12"/>
    </row>
    <row r="171150" spans="8:8">
      <c r="H171150" s="12"/>
    </row>
    <row r="171151" spans="8:8">
      <c r="H171151" s="12"/>
    </row>
    <row r="171152" spans="8:8">
      <c r="H171152" s="12"/>
    </row>
    <row r="171153" spans="8:8">
      <c r="H171153" s="12"/>
    </row>
    <row r="171154" spans="8:8">
      <c r="H171154" s="12"/>
    </row>
    <row r="171155" spans="8:8">
      <c r="H171155" s="12"/>
    </row>
    <row r="171156" spans="8:8">
      <c r="H171156" s="12"/>
    </row>
    <row r="171157" spans="8:8">
      <c r="H171157" s="12"/>
    </row>
    <row r="171158" spans="8:8">
      <c r="H171158" s="12"/>
    </row>
    <row r="171159" spans="8:8">
      <c r="H171159" s="12"/>
    </row>
    <row r="171160" spans="8:8">
      <c r="H171160" s="12"/>
    </row>
    <row r="171161" spans="8:8">
      <c r="H171161" s="12"/>
    </row>
    <row r="171162" spans="8:8">
      <c r="H171162" s="12"/>
    </row>
    <row r="171163" spans="8:8">
      <c r="H171163" s="12"/>
    </row>
    <row r="171164" spans="8:8">
      <c r="H171164" s="12"/>
    </row>
    <row r="171165" spans="8:8">
      <c r="H171165" s="12"/>
    </row>
    <row r="171166" spans="8:8">
      <c r="H171166" s="12"/>
    </row>
    <row r="171167" spans="8:8">
      <c r="H171167" s="12"/>
    </row>
    <row r="171168" spans="8:8">
      <c r="H171168" s="12"/>
    </row>
    <row r="171169" spans="8:8">
      <c r="H171169" s="12"/>
    </row>
    <row r="171170" spans="8:8">
      <c r="H171170" s="12"/>
    </row>
    <row r="171171" spans="8:8">
      <c r="H171171" s="12"/>
    </row>
    <row r="171172" spans="8:8">
      <c r="H171172" s="12"/>
    </row>
    <row r="171173" spans="8:8">
      <c r="H171173" s="12"/>
    </row>
    <row r="171174" spans="8:8">
      <c r="H171174" s="12"/>
    </row>
    <row r="171175" spans="8:8">
      <c r="H171175" s="12"/>
    </row>
    <row r="171176" spans="8:8">
      <c r="H171176" s="12"/>
    </row>
    <row r="171177" spans="8:8">
      <c r="H171177" s="12"/>
    </row>
    <row r="171178" spans="8:8">
      <c r="H171178" s="12"/>
    </row>
    <row r="171179" spans="8:8">
      <c r="H171179" s="12"/>
    </row>
    <row r="171180" spans="8:8">
      <c r="H171180" s="12"/>
    </row>
    <row r="171181" spans="8:8">
      <c r="H171181" s="12"/>
    </row>
    <row r="171182" spans="8:8">
      <c r="H171182" s="12"/>
    </row>
    <row r="171183" spans="8:8">
      <c r="H171183" s="12"/>
    </row>
    <row r="171184" spans="8:8">
      <c r="H171184" s="12"/>
    </row>
    <row r="171185" spans="8:8">
      <c r="H171185" s="12"/>
    </row>
    <row r="171186" spans="8:8">
      <c r="H171186" s="12"/>
    </row>
    <row r="171187" spans="8:8">
      <c r="H171187" s="12"/>
    </row>
    <row r="171188" spans="8:8">
      <c r="H171188" s="12"/>
    </row>
    <row r="171189" spans="8:8">
      <c r="H171189" s="12"/>
    </row>
    <row r="171190" spans="8:8">
      <c r="H171190" s="12"/>
    </row>
    <row r="171191" spans="8:8">
      <c r="H171191" s="12"/>
    </row>
    <row r="171192" spans="8:8">
      <c r="H171192" s="12"/>
    </row>
    <row r="171193" spans="8:8">
      <c r="H171193" s="12"/>
    </row>
    <row r="171194" spans="8:8">
      <c r="H171194" s="12"/>
    </row>
    <row r="171195" spans="8:8">
      <c r="H171195" s="12"/>
    </row>
    <row r="171196" spans="8:8">
      <c r="H171196" s="12"/>
    </row>
    <row r="171197" spans="8:8">
      <c r="H171197" s="12"/>
    </row>
    <row r="171198" spans="8:8">
      <c r="H171198" s="12"/>
    </row>
    <row r="171199" spans="8:8">
      <c r="H171199" s="12"/>
    </row>
    <row r="171200" spans="8:8">
      <c r="H171200" s="12"/>
    </row>
    <row r="171201" spans="8:8">
      <c r="H171201" s="12"/>
    </row>
    <row r="171202" spans="8:8">
      <c r="H171202" s="12"/>
    </row>
    <row r="171203" spans="8:8">
      <c r="H171203" s="12"/>
    </row>
    <row r="171204" spans="8:8">
      <c r="H171204" s="12"/>
    </row>
    <row r="171205" spans="8:8">
      <c r="H171205" s="12"/>
    </row>
    <row r="171206" spans="8:8">
      <c r="H171206" s="12"/>
    </row>
    <row r="171207" spans="8:8">
      <c r="H171207" s="12"/>
    </row>
    <row r="171208" spans="8:8">
      <c r="H171208" s="12"/>
    </row>
    <row r="171209" spans="8:8">
      <c r="H171209" s="12"/>
    </row>
    <row r="171210" spans="8:8">
      <c r="H171210" s="12"/>
    </row>
    <row r="171211" spans="8:8">
      <c r="H171211" s="12"/>
    </row>
    <row r="171212" spans="8:8">
      <c r="H171212" s="12"/>
    </row>
    <row r="171213" spans="8:8">
      <c r="H171213" s="12"/>
    </row>
    <row r="171214" spans="8:8">
      <c r="H171214" s="12"/>
    </row>
    <row r="171215" spans="8:8">
      <c r="H171215" s="12"/>
    </row>
    <row r="171216" spans="8:8">
      <c r="H171216" s="12"/>
    </row>
    <row r="171217" spans="8:8">
      <c r="H171217" s="12"/>
    </row>
    <row r="171218" spans="8:8">
      <c r="H171218" s="12"/>
    </row>
    <row r="171219" spans="8:8">
      <c r="H171219" s="12"/>
    </row>
    <row r="171220" spans="8:8">
      <c r="H171220" s="12"/>
    </row>
    <row r="171221" spans="8:8">
      <c r="H171221" s="12"/>
    </row>
    <row r="171222" spans="8:8">
      <c r="H171222" s="12"/>
    </row>
    <row r="171223" spans="8:8">
      <c r="H171223" s="12"/>
    </row>
    <row r="171224" spans="8:8">
      <c r="H171224" s="12"/>
    </row>
    <row r="171225" spans="8:8">
      <c r="H171225" s="12"/>
    </row>
    <row r="171226" spans="8:8">
      <c r="H171226" s="12"/>
    </row>
    <row r="171227" spans="8:8">
      <c r="H171227" s="12"/>
    </row>
    <row r="171228" spans="8:8">
      <c r="H171228" s="12"/>
    </row>
    <row r="171229" spans="8:8">
      <c r="H171229" s="12"/>
    </row>
    <row r="171230" spans="8:8">
      <c r="H171230" s="12"/>
    </row>
    <row r="171231" spans="8:8">
      <c r="H171231" s="12"/>
    </row>
    <row r="171232" spans="8:8">
      <c r="H171232" s="12"/>
    </row>
    <row r="171233" spans="8:8">
      <c r="H171233" s="12"/>
    </row>
    <row r="171234" spans="8:8">
      <c r="H171234" s="12"/>
    </row>
    <row r="171235" spans="8:8">
      <c r="H171235" s="12"/>
    </row>
    <row r="171236" spans="8:8">
      <c r="H171236" s="12"/>
    </row>
    <row r="171237" spans="8:8">
      <c r="H171237" s="12"/>
    </row>
    <row r="171238" spans="8:8">
      <c r="H171238" s="12"/>
    </row>
    <row r="171239" spans="8:8">
      <c r="H171239" s="12"/>
    </row>
    <row r="171240" spans="8:8">
      <c r="H171240" s="12"/>
    </row>
    <row r="171241" spans="8:8">
      <c r="H171241" s="12"/>
    </row>
    <row r="171242" spans="8:8">
      <c r="H171242" s="12"/>
    </row>
    <row r="171243" spans="8:8">
      <c r="H171243" s="12"/>
    </row>
    <row r="171244" spans="8:8">
      <c r="H171244" s="12"/>
    </row>
    <row r="171245" spans="8:8">
      <c r="H171245" s="12"/>
    </row>
    <row r="171246" spans="8:8">
      <c r="H171246" s="12"/>
    </row>
    <row r="171247" spans="8:8">
      <c r="H171247" s="12"/>
    </row>
    <row r="171248" spans="8:8">
      <c r="H171248" s="12"/>
    </row>
    <row r="171249" spans="8:8">
      <c r="H171249" s="12"/>
    </row>
    <row r="171250" spans="8:8">
      <c r="H171250" s="12"/>
    </row>
    <row r="171251" spans="8:8">
      <c r="H171251" s="12"/>
    </row>
    <row r="171252" spans="8:8">
      <c r="H171252" s="12"/>
    </row>
    <row r="171253" spans="8:8">
      <c r="H171253" s="12"/>
    </row>
    <row r="171254" spans="8:8">
      <c r="H171254" s="12"/>
    </row>
    <row r="171255" spans="8:8">
      <c r="H171255" s="12"/>
    </row>
    <row r="171256" spans="8:8">
      <c r="H171256" s="12"/>
    </row>
    <row r="171257" spans="8:8">
      <c r="H171257" s="12"/>
    </row>
    <row r="171258" spans="8:8">
      <c r="H171258" s="12"/>
    </row>
    <row r="171259" spans="8:8">
      <c r="H171259" s="12"/>
    </row>
    <row r="171260" spans="8:8">
      <c r="H171260" s="12"/>
    </row>
    <row r="171261" spans="8:8">
      <c r="H171261" s="12"/>
    </row>
    <row r="171262" spans="8:8">
      <c r="H171262" s="12"/>
    </row>
    <row r="171263" spans="8:8">
      <c r="H171263" s="12"/>
    </row>
    <row r="171264" spans="8:8">
      <c r="H171264" s="12"/>
    </row>
    <row r="171265" spans="8:8">
      <c r="H171265" s="12"/>
    </row>
    <row r="171266" spans="8:8">
      <c r="H171266" s="12"/>
    </row>
    <row r="171267" spans="8:8">
      <c r="H171267" s="12"/>
    </row>
    <row r="171268" spans="8:8">
      <c r="H171268" s="12"/>
    </row>
    <row r="171269" spans="8:8">
      <c r="H171269" s="12"/>
    </row>
    <row r="171270" spans="8:8">
      <c r="H171270" s="12"/>
    </row>
    <row r="171271" spans="8:8">
      <c r="H171271" s="12"/>
    </row>
    <row r="171272" spans="8:8">
      <c r="H171272" s="12"/>
    </row>
    <row r="171273" spans="8:8">
      <c r="H171273" s="12"/>
    </row>
    <row r="171274" spans="8:8">
      <c r="H171274" s="12"/>
    </row>
    <row r="171275" spans="8:8">
      <c r="H171275" s="12"/>
    </row>
    <row r="171276" spans="8:8">
      <c r="H171276" s="12"/>
    </row>
    <row r="171277" spans="8:8">
      <c r="H171277" s="12"/>
    </row>
    <row r="171278" spans="8:8">
      <c r="H171278" s="12"/>
    </row>
    <row r="171279" spans="8:8">
      <c r="H171279" s="12"/>
    </row>
    <row r="171280" spans="8:8">
      <c r="H171280" s="12"/>
    </row>
    <row r="171281" spans="8:8">
      <c r="H171281" s="12"/>
    </row>
    <row r="171282" spans="8:8">
      <c r="H171282" s="12"/>
    </row>
    <row r="171283" spans="8:8">
      <c r="H171283" s="12"/>
    </row>
    <row r="171284" spans="8:8">
      <c r="H171284" s="12"/>
    </row>
    <row r="171285" spans="8:8">
      <c r="H171285" s="12"/>
    </row>
    <row r="171286" spans="8:8">
      <c r="H171286" s="12"/>
    </row>
    <row r="171287" spans="8:8">
      <c r="H171287" s="12"/>
    </row>
    <row r="171288" spans="8:8">
      <c r="H171288" s="12"/>
    </row>
    <row r="171289" spans="8:8">
      <c r="H171289" s="12"/>
    </row>
    <row r="171290" spans="8:8">
      <c r="H171290" s="12"/>
    </row>
    <row r="171291" spans="8:8">
      <c r="H171291" s="12"/>
    </row>
    <row r="171292" spans="8:8">
      <c r="H171292" s="12"/>
    </row>
    <row r="171293" spans="8:8">
      <c r="H171293" s="12"/>
    </row>
    <row r="171294" spans="8:8">
      <c r="H171294" s="12"/>
    </row>
    <row r="171295" spans="8:8">
      <c r="H171295" s="12"/>
    </row>
    <row r="171296" spans="8:8">
      <c r="H171296" s="12"/>
    </row>
    <row r="171297" spans="8:8">
      <c r="H171297" s="12"/>
    </row>
    <row r="171298" spans="8:8">
      <c r="H171298" s="12"/>
    </row>
    <row r="171299" spans="8:8">
      <c r="H171299" s="12"/>
    </row>
    <row r="171300" spans="8:8">
      <c r="H171300" s="12"/>
    </row>
    <row r="171301" spans="8:8">
      <c r="H171301" s="12"/>
    </row>
    <row r="171302" spans="8:8">
      <c r="H171302" s="12"/>
    </row>
    <row r="171303" spans="8:8">
      <c r="H171303" s="12"/>
    </row>
    <row r="171304" spans="8:8">
      <c r="H171304" s="12"/>
    </row>
    <row r="171305" spans="8:8">
      <c r="H171305" s="12"/>
    </row>
    <row r="171306" spans="8:8">
      <c r="H171306" s="12"/>
    </row>
    <row r="171307" spans="8:8">
      <c r="H171307" s="12"/>
    </row>
    <row r="171308" spans="8:8">
      <c r="H171308" s="12"/>
    </row>
    <row r="171309" spans="8:8">
      <c r="H171309" s="12"/>
    </row>
    <row r="171310" spans="8:8">
      <c r="H171310" s="12"/>
    </row>
    <row r="171311" spans="8:8">
      <c r="H171311" s="12"/>
    </row>
    <row r="171312" spans="8:8">
      <c r="H171312" s="12"/>
    </row>
    <row r="171313" spans="8:8">
      <c r="H171313" s="12"/>
    </row>
    <row r="171314" spans="8:8">
      <c r="H171314" s="12"/>
    </row>
    <row r="171315" spans="8:8">
      <c r="H171315" s="12"/>
    </row>
    <row r="171316" spans="8:8">
      <c r="H171316" s="12"/>
    </row>
    <row r="171317" spans="8:8">
      <c r="H171317" s="12"/>
    </row>
    <row r="171318" spans="8:8">
      <c r="H171318" s="12"/>
    </row>
    <row r="171319" spans="8:8">
      <c r="H171319" s="12"/>
    </row>
    <row r="171320" spans="8:8">
      <c r="H171320" s="12"/>
    </row>
    <row r="171321" spans="8:8">
      <c r="H171321" s="12"/>
    </row>
    <row r="171322" spans="8:8">
      <c r="H171322" s="12"/>
    </row>
    <row r="171323" spans="8:8">
      <c r="H171323" s="12"/>
    </row>
    <row r="171324" spans="8:8">
      <c r="H171324" s="12"/>
    </row>
    <row r="171325" spans="8:8">
      <c r="H171325" s="12"/>
    </row>
    <row r="171326" spans="8:8">
      <c r="H171326" s="12"/>
    </row>
    <row r="171327" spans="8:8">
      <c r="H171327" s="12"/>
    </row>
    <row r="171328" spans="8:8">
      <c r="H171328" s="12"/>
    </row>
    <row r="171329" spans="8:8">
      <c r="H171329" s="12"/>
    </row>
    <row r="171330" spans="8:8">
      <c r="H171330" s="12"/>
    </row>
    <row r="171331" spans="8:8">
      <c r="H171331" s="12"/>
    </row>
    <row r="171332" spans="8:8">
      <c r="H171332" s="12"/>
    </row>
    <row r="171333" spans="8:8">
      <c r="H171333" s="12"/>
    </row>
    <row r="171334" spans="8:8">
      <c r="H171334" s="12"/>
    </row>
    <row r="171335" spans="8:8">
      <c r="H171335" s="12"/>
    </row>
    <row r="171336" spans="8:8">
      <c r="H171336" s="12"/>
    </row>
    <row r="171337" spans="8:8">
      <c r="H171337" s="12"/>
    </row>
    <row r="171338" spans="8:8">
      <c r="H171338" s="12"/>
    </row>
    <row r="171339" spans="8:8">
      <c r="H171339" s="12"/>
    </row>
    <row r="171340" spans="8:8">
      <c r="H171340" s="12"/>
    </row>
    <row r="171341" spans="8:8">
      <c r="H171341" s="12"/>
    </row>
    <row r="171342" spans="8:8">
      <c r="H171342" s="12"/>
    </row>
    <row r="171343" spans="8:8">
      <c r="H171343" s="12"/>
    </row>
    <row r="171344" spans="8:8">
      <c r="H171344" s="12"/>
    </row>
    <row r="171345" spans="8:8">
      <c r="H171345" s="12"/>
    </row>
    <row r="171346" spans="8:8">
      <c r="H171346" s="12"/>
    </row>
    <row r="171347" spans="8:8">
      <c r="H171347" s="12"/>
    </row>
    <row r="171348" spans="8:8">
      <c r="H171348" s="12"/>
    </row>
    <row r="171349" spans="8:8">
      <c r="H171349" s="12"/>
    </row>
    <row r="171350" spans="8:8">
      <c r="H171350" s="12"/>
    </row>
    <row r="171351" spans="8:8">
      <c r="H171351" s="12"/>
    </row>
    <row r="171352" spans="8:8">
      <c r="H171352" s="12"/>
    </row>
    <row r="171353" spans="8:8">
      <c r="H171353" s="12"/>
    </row>
    <row r="171354" spans="8:8">
      <c r="H171354" s="12"/>
    </row>
    <row r="171355" spans="8:8">
      <c r="H171355" s="12"/>
    </row>
    <row r="171356" spans="8:8">
      <c r="H171356" s="12"/>
    </row>
    <row r="171357" spans="8:8">
      <c r="H171357" s="12"/>
    </row>
    <row r="171358" spans="8:8">
      <c r="H171358" s="12"/>
    </row>
    <row r="171359" spans="8:8">
      <c r="H171359" s="12"/>
    </row>
    <row r="171360" spans="8:8">
      <c r="H171360" s="12"/>
    </row>
    <row r="171361" spans="8:8">
      <c r="H171361" s="12"/>
    </row>
    <row r="171362" spans="8:8">
      <c r="H171362" s="12"/>
    </row>
    <row r="171363" spans="8:8">
      <c r="H171363" s="12"/>
    </row>
    <row r="171364" spans="8:8">
      <c r="H171364" s="12"/>
    </row>
    <row r="171365" spans="8:8">
      <c r="H171365" s="12"/>
    </row>
    <row r="171366" spans="8:8">
      <c r="H171366" s="12"/>
    </row>
    <row r="171367" spans="8:8">
      <c r="H171367" s="12"/>
    </row>
    <row r="171368" spans="8:8">
      <c r="H171368" s="12"/>
    </row>
    <row r="171369" spans="8:8">
      <c r="H171369" s="12"/>
    </row>
    <row r="171370" spans="8:8">
      <c r="H171370" s="12"/>
    </row>
    <row r="171371" spans="8:8">
      <c r="H171371" s="12"/>
    </row>
    <row r="171372" spans="8:8">
      <c r="H171372" s="12"/>
    </row>
    <row r="171373" spans="8:8">
      <c r="H171373" s="12"/>
    </row>
    <row r="171374" spans="8:8">
      <c r="H171374" s="12"/>
    </row>
    <row r="171375" spans="8:8">
      <c r="H171375" s="12"/>
    </row>
    <row r="171376" spans="8:8">
      <c r="H171376" s="12"/>
    </row>
    <row r="171377" spans="8:8">
      <c r="H171377" s="12"/>
    </row>
    <row r="171378" spans="8:8">
      <c r="H171378" s="12"/>
    </row>
    <row r="171379" spans="8:8">
      <c r="H171379" s="12"/>
    </row>
    <row r="171380" spans="8:8">
      <c r="H171380" s="12"/>
    </row>
    <row r="171381" spans="8:8">
      <c r="H171381" s="12"/>
    </row>
    <row r="171382" spans="8:8">
      <c r="H171382" s="12"/>
    </row>
    <row r="171383" spans="8:8">
      <c r="H171383" s="12"/>
    </row>
    <row r="171384" spans="8:8">
      <c r="H171384" s="12"/>
    </row>
    <row r="171385" spans="8:8">
      <c r="H171385" s="12"/>
    </row>
    <row r="171386" spans="8:8">
      <c r="H171386" s="12"/>
    </row>
    <row r="171387" spans="8:8">
      <c r="H171387" s="12"/>
    </row>
    <row r="171388" spans="8:8">
      <c r="H171388" s="12"/>
    </row>
    <row r="171389" spans="8:8">
      <c r="H171389" s="12"/>
    </row>
    <row r="171390" spans="8:8">
      <c r="H171390" s="12"/>
    </row>
    <row r="171391" spans="8:8">
      <c r="H171391" s="12"/>
    </row>
    <row r="171392" spans="8:8">
      <c r="H171392" s="12"/>
    </row>
    <row r="171393" spans="8:8">
      <c r="H171393" s="12"/>
    </row>
    <row r="171394" spans="8:8">
      <c r="H171394" s="12"/>
    </row>
    <row r="171395" spans="8:8">
      <c r="H171395" s="12"/>
    </row>
    <row r="171396" spans="8:8">
      <c r="H171396" s="12"/>
    </row>
    <row r="171397" spans="8:8">
      <c r="H171397" s="12"/>
    </row>
    <row r="171398" spans="8:8">
      <c r="H171398" s="12"/>
    </row>
    <row r="171399" spans="8:8">
      <c r="H171399" s="12"/>
    </row>
    <row r="171400" spans="8:8">
      <c r="H171400" s="12"/>
    </row>
    <row r="171401" spans="8:8">
      <c r="H171401" s="12"/>
    </row>
    <row r="171402" spans="8:8">
      <c r="H171402" s="12"/>
    </row>
    <row r="171403" spans="8:8">
      <c r="H171403" s="12"/>
    </row>
    <row r="171404" spans="8:8">
      <c r="H171404" s="12"/>
    </row>
    <row r="171405" spans="8:8">
      <c r="H171405" s="12"/>
    </row>
    <row r="171406" spans="8:8">
      <c r="H171406" s="12"/>
    </row>
    <row r="171407" spans="8:8">
      <c r="H171407" s="12"/>
    </row>
    <row r="171408" spans="8:8">
      <c r="H171408" s="12"/>
    </row>
    <row r="171409" spans="8:8">
      <c r="H171409" s="12"/>
    </row>
    <row r="171410" spans="8:8">
      <c r="H171410" s="12"/>
    </row>
    <row r="171411" spans="8:8">
      <c r="H171411" s="12"/>
    </row>
    <row r="171412" spans="8:8">
      <c r="H171412" s="12"/>
    </row>
    <row r="171413" spans="8:8">
      <c r="H171413" s="12"/>
    </row>
    <row r="171414" spans="8:8">
      <c r="H171414" s="12"/>
    </row>
    <row r="171415" spans="8:8">
      <c r="H171415" s="12"/>
    </row>
    <row r="171416" spans="8:8">
      <c r="H171416" s="12"/>
    </row>
    <row r="171417" spans="8:8">
      <c r="H171417" s="12"/>
    </row>
    <row r="171418" spans="8:8">
      <c r="H171418" s="12"/>
    </row>
    <row r="171419" spans="8:8">
      <c r="H171419" s="12"/>
    </row>
    <row r="171420" spans="8:8">
      <c r="H171420" s="12"/>
    </row>
    <row r="171421" spans="8:8">
      <c r="H171421" s="12"/>
    </row>
    <row r="171422" spans="8:8">
      <c r="H171422" s="12"/>
    </row>
    <row r="171423" spans="8:8">
      <c r="H171423" s="12"/>
    </row>
    <row r="171424" spans="8:8">
      <c r="H171424" s="12"/>
    </row>
    <row r="171425" spans="8:8">
      <c r="H171425" s="12"/>
    </row>
    <row r="171426" spans="8:8">
      <c r="H171426" s="12"/>
    </row>
    <row r="171427" spans="8:8">
      <c r="H171427" s="12"/>
    </row>
    <row r="171428" spans="8:8">
      <c r="H171428" s="12"/>
    </row>
    <row r="171429" spans="8:8">
      <c r="H171429" s="12"/>
    </row>
    <row r="171430" spans="8:8">
      <c r="H171430" s="12"/>
    </row>
    <row r="171431" spans="8:8">
      <c r="H171431" s="12"/>
    </row>
    <row r="171432" spans="8:8">
      <c r="H171432" s="12"/>
    </row>
    <row r="171433" spans="8:8">
      <c r="H171433" s="12"/>
    </row>
    <row r="171434" spans="8:8">
      <c r="H171434" s="12"/>
    </row>
    <row r="171435" spans="8:8">
      <c r="H171435" s="12"/>
    </row>
    <row r="171436" spans="8:8">
      <c r="H171436" s="12"/>
    </row>
    <row r="171437" spans="8:8">
      <c r="H171437" s="12"/>
    </row>
    <row r="171438" spans="8:8">
      <c r="H171438" s="12"/>
    </row>
    <row r="171439" spans="8:8">
      <c r="H171439" s="12"/>
    </row>
    <row r="171440" spans="8:8">
      <c r="H171440" s="12"/>
    </row>
    <row r="171441" spans="8:8">
      <c r="H171441" s="12"/>
    </row>
    <row r="171442" spans="8:8">
      <c r="H171442" s="12"/>
    </row>
    <row r="171443" spans="8:8">
      <c r="H171443" s="12"/>
    </row>
    <row r="171444" spans="8:8">
      <c r="H171444" s="12"/>
    </row>
    <row r="171445" spans="8:8">
      <c r="H171445" s="12"/>
    </row>
    <row r="171446" spans="8:8">
      <c r="H171446" s="12"/>
    </row>
    <row r="171447" spans="8:8">
      <c r="H171447" s="12"/>
    </row>
    <row r="171448" spans="8:8">
      <c r="H171448" s="12"/>
    </row>
    <row r="171449" spans="8:8">
      <c r="H171449" s="12"/>
    </row>
    <row r="171450" spans="8:8">
      <c r="H171450" s="12"/>
    </row>
    <row r="171451" spans="8:8">
      <c r="H171451" s="12"/>
    </row>
    <row r="171452" spans="8:8">
      <c r="H171452" s="12"/>
    </row>
    <row r="171453" spans="8:8">
      <c r="H171453" s="12"/>
    </row>
    <row r="171454" spans="8:8">
      <c r="H171454" s="12"/>
    </row>
    <row r="171455" spans="8:8">
      <c r="H171455" s="12"/>
    </row>
    <row r="171456" spans="8:8">
      <c r="H171456" s="12"/>
    </row>
    <row r="171457" spans="8:8">
      <c r="H171457" s="12"/>
    </row>
    <row r="171458" spans="8:8">
      <c r="H171458" s="12"/>
    </row>
    <row r="171459" spans="8:8">
      <c r="H171459" s="12"/>
    </row>
    <row r="171460" spans="8:8">
      <c r="H171460" s="12"/>
    </row>
    <row r="171461" spans="8:8">
      <c r="H171461" s="12"/>
    </row>
    <row r="171462" spans="8:8">
      <c r="H171462" s="12"/>
    </row>
    <row r="171463" spans="8:8">
      <c r="H171463" s="12"/>
    </row>
    <row r="171464" spans="8:8">
      <c r="H171464" s="12"/>
    </row>
    <row r="171465" spans="8:8">
      <c r="H171465" s="12"/>
    </row>
    <row r="171466" spans="8:8">
      <c r="H171466" s="12"/>
    </row>
    <row r="171467" spans="8:8">
      <c r="H171467" s="12"/>
    </row>
    <row r="171468" spans="8:8">
      <c r="H171468" s="12"/>
    </row>
    <row r="171469" spans="8:8">
      <c r="H171469" s="12"/>
    </row>
    <row r="171470" spans="8:8">
      <c r="H171470" s="12"/>
    </row>
    <row r="171471" spans="8:8">
      <c r="H171471" s="12"/>
    </row>
    <row r="171472" spans="8:8">
      <c r="H171472" s="12"/>
    </row>
    <row r="171473" spans="8:8">
      <c r="H171473" s="12"/>
    </row>
    <row r="171474" spans="8:8">
      <c r="H171474" s="12"/>
    </row>
    <row r="171475" spans="8:8">
      <c r="H171475" s="12"/>
    </row>
    <row r="171476" spans="8:8">
      <c r="H171476" s="12"/>
    </row>
    <row r="171477" spans="8:8">
      <c r="H171477" s="12"/>
    </row>
    <row r="171478" spans="8:8">
      <c r="H171478" s="12"/>
    </row>
    <row r="171479" spans="8:8">
      <c r="H171479" s="12"/>
    </row>
    <row r="171480" spans="8:8">
      <c r="H171480" s="12"/>
    </row>
    <row r="171481" spans="8:8">
      <c r="H171481" s="12"/>
    </row>
    <row r="171482" spans="8:8">
      <c r="H171482" s="12"/>
    </row>
    <row r="171483" spans="8:8">
      <c r="H171483" s="12"/>
    </row>
    <row r="171484" spans="8:8">
      <c r="H171484" s="12"/>
    </row>
    <row r="171485" spans="8:8">
      <c r="H171485" s="12"/>
    </row>
    <row r="171486" spans="8:8">
      <c r="H171486" s="12"/>
    </row>
    <row r="171487" spans="8:8">
      <c r="H171487" s="12"/>
    </row>
    <row r="171488" spans="8:8">
      <c r="H171488" s="12"/>
    </row>
    <row r="171489" spans="8:8">
      <c r="H171489" s="12"/>
    </row>
    <row r="171490" spans="8:8">
      <c r="H171490" s="12"/>
    </row>
    <row r="171491" spans="8:8">
      <c r="H171491" s="12"/>
    </row>
    <row r="171492" spans="8:8">
      <c r="H171492" s="12"/>
    </row>
    <row r="171493" spans="8:8">
      <c r="H171493" s="12"/>
    </row>
    <row r="171494" spans="8:8">
      <c r="H171494" s="12"/>
    </row>
    <row r="171495" spans="8:8">
      <c r="H171495" s="12"/>
    </row>
    <row r="171496" spans="8:8">
      <c r="H171496" s="12"/>
    </row>
    <row r="171497" spans="8:8">
      <c r="H171497" s="12"/>
    </row>
    <row r="171498" spans="8:8">
      <c r="H171498" s="12"/>
    </row>
    <row r="171499" spans="8:8">
      <c r="H171499" s="12"/>
    </row>
    <row r="171500" spans="8:8">
      <c r="H171500" s="12"/>
    </row>
    <row r="171501" spans="8:8">
      <c r="H171501" s="12"/>
    </row>
    <row r="171502" spans="8:8">
      <c r="H171502" s="12"/>
    </row>
    <row r="171503" spans="8:8">
      <c r="H171503" s="12"/>
    </row>
    <row r="171504" spans="8:8">
      <c r="H171504" s="12"/>
    </row>
    <row r="171505" spans="8:8">
      <c r="H171505" s="12"/>
    </row>
    <row r="171506" spans="8:8">
      <c r="H171506" s="12"/>
    </row>
    <row r="171507" spans="8:8">
      <c r="H171507" s="12"/>
    </row>
    <row r="171508" spans="8:8">
      <c r="H171508" s="12"/>
    </row>
    <row r="171509" spans="8:8">
      <c r="H171509" s="12"/>
    </row>
    <row r="171510" spans="8:8">
      <c r="H171510" s="12"/>
    </row>
    <row r="171511" spans="8:8">
      <c r="H171511" s="12"/>
    </row>
    <row r="171512" spans="8:8">
      <c r="H171512" s="12"/>
    </row>
    <row r="171513" spans="8:8">
      <c r="H171513" s="12"/>
    </row>
    <row r="171514" spans="8:8">
      <c r="H171514" s="12"/>
    </row>
    <row r="171515" spans="8:8">
      <c r="H171515" s="12"/>
    </row>
    <row r="171516" spans="8:8">
      <c r="H171516" s="12"/>
    </row>
    <row r="171517" spans="8:8">
      <c r="H171517" s="12"/>
    </row>
    <row r="171518" spans="8:8">
      <c r="H171518" s="12"/>
    </row>
    <row r="171519" spans="8:8">
      <c r="H171519" s="12"/>
    </row>
    <row r="171520" spans="8:8">
      <c r="H171520" s="12"/>
    </row>
    <row r="171521" spans="8:8">
      <c r="H171521" s="12"/>
    </row>
    <row r="171522" spans="8:8">
      <c r="H171522" s="12"/>
    </row>
    <row r="171523" spans="8:8">
      <c r="H171523" s="12"/>
    </row>
    <row r="171524" spans="8:8">
      <c r="H171524" s="12"/>
    </row>
    <row r="171525" spans="8:8">
      <c r="H171525" s="12"/>
    </row>
    <row r="171526" spans="8:8">
      <c r="H171526" s="12"/>
    </row>
    <row r="171527" spans="8:8">
      <c r="H171527" s="12"/>
    </row>
    <row r="171528" spans="8:8">
      <c r="H171528" s="12"/>
    </row>
    <row r="171529" spans="8:8">
      <c r="H171529" s="12"/>
    </row>
    <row r="171530" spans="8:8">
      <c r="H171530" s="12"/>
    </row>
    <row r="171531" spans="8:8">
      <c r="H171531" s="12"/>
    </row>
    <row r="171532" spans="8:8">
      <c r="H171532" s="12"/>
    </row>
    <row r="171533" spans="8:8">
      <c r="H171533" s="12"/>
    </row>
    <row r="171534" spans="8:8">
      <c r="H171534" s="12"/>
    </row>
    <row r="171535" spans="8:8">
      <c r="H171535" s="12"/>
    </row>
    <row r="171536" spans="8:8">
      <c r="H171536" s="12"/>
    </row>
    <row r="171537" spans="8:8">
      <c r="H171537" s="12"/>
    </row>
    <row r="171538" spans="8:8">
      <c r="H171538" s="12"/>
    </row>
    <row r="171539" spans="8:8">
      <c r="H171539" s="12"/>
    </row>
    <row r="171540" spans="8:8">
      <c r="H171540" s="12"/>
    </row>
    <row r="171541" spans="8:8">
      <c r="H171541" s="12"/>
    </row>
    <row r="171542" spans="8:8">
      <c r="H171542" s="12"/>
    </row>
    <row r="171543" spans="8:8">
      <c r="H171543" s="12"/>
    </row>
    <row r="171544" spans="8:8">
      <c r="H171544" s="12"/>
    </row>
    <row r="171545" spans="8:8">
      <c r="H171545" s="12"/>
    </row>
    <row r="171546" spans="8:8">
      <c r="H171546" s="12"/>
    </row>
    <row r="171547" spans="8:8">
      <c r="H171547" s="12"/>
    </row>
    <row r="171548" spans="8:8">
      <c r="H171548" s="12"/>
    </row>
    <row r="171549" spans="8:8">
      <c r="H171549" s="12"/>
    </row>
    <row r="171550" spans="8:8">
      <c r="H171550" s="12"/>
    </row>
    <row r="171551" spans="8:8">
      <c r="H171551" s="12"/>
    </row>
    <row r="171552" spans="8:8">
      <c r="H171552" s="12"/>
    </row>
    <row r="171553" spans="8:8">
      <c r="H171553" s="12"/>
    </row>
    <row r="171554" spans="8:8">
      <c r="H171554" s="12"/>
    </row>
    <row r="171555" spans="8:8">
      <c r="H171555" s="12"/>
    </row>
    <row r="171556" spans="8:8">
      <c r="H171556" s="12"/>
    </row>
    <row r="171557" spans="8:8">
      <c r="H171557" s="12"/>
    </row>
    <row r="171558" spans="8:8">
      <c r="H171558" s="12"/>
    </row>
    <row r="171559" spans="8:8">
      <c r="H171559" s="12"/>
    </row>
    <row r="171560" spans="8:8">
      <c r="H171560" s="12"/>
    </row>
    <row r="171561" spans="8:8">
      <c r="H171561" s="12"/>
    </row>
    <row r="171562" spans="8:8">
      <c r="H171562" s="12"/>
    </row>
    <row r="171563" spans="8:8">
      <c r="H171563" s="12"/>
    </row>
    <row r="171564" spans="8:8">
      <c r="H171564" s="12"/>
    </row>
    <row r="171565" spans="8:8">
      <c r="H171565" s="12"/>
    </row>
    <row r="171566" spans="8:8">
      <c r="H171566" s="12"/>
    </row>
    <row r="171567" spans="8:8">
      <c r="H171567" s="12"/>
    </row>
    <row r="171568" spans="8:8">
      <c r="H171568" s="12"/>
    </row>
    <row r="171569" spans="8:8">
      <c r="H171569" s="12"/>
    </row>
    <row r="171570" spans="8:8">
      <c r="H171570" s="12"/>
    </row>
    <row r="171571" spans="8:8">
      <c r="H171571" s="12"/>
    </row>
    <row r="171572" spans="8:8">
      <c r="H171572" s="12"/>
    </row>
    <row r="171573" spans="8:8">
      <c r="H171573" s="12"/>
    </row>
    <row r="171574" spans="8:8">
      <c r="H171574" s="12"/>
    </row>
    <row r="171575" spans="8:8">
      <c r="H171575" s="12"/>
    </row>
    <row r="171576" spans="8:8">
      <c r="H171576" s="12"/>
    </row>
    <row r="171577" spans="8:8">
      <c r="H171577" s="12"/>
    </row>
    <row r="171578" spans="8:8">
      <c r="H171578" s="12"/>
    </row>
    <row r="171579" spans="8:8">
      <c r="H171579" s="12"/>
    </row>
    <row r="171580" spans="8:8">
      <c r="H171580" s="12"/>
    </row>
    <row r="171581" spans="8:8">
      <c r="H171581" s="12"/>
    </row>
    <row r="171582" spans="8:8">
      <c r="H171582" s="12"/>
    </row>
    <row r="171583" spans="8:8">
      <c r="H171583" s="12"/>
    </row>
    <row r="171584" spans="8:8">
      <c r="H171584" s="12"/>
    </row>
    <row r="171585" spans="8:8">
      <c r="H171585" s="12"/>
    </row>
    <row r="171586" spans="8:8">
      <c r="H171586" s="12"/>
    </row>
    <row r="171587" spans="8:8">
      <c r="H171587" s="12"/>
    </row>
    <row r="171588" spans="8:8">
      <c r="H171588" s="12"/>
    </row>
    <row r="171589" spans="8:8">
      <c r="H171589" s="12"/>
    </row>
    <row r="171590" spans="8:8">
      <c r="H171590" s="12"/>
    </row>
    <row r="171591" spans="8:8">
      <c r="H171591" s="12"/>
    </row>
    <row r="171592" spans="8:8">
      <c r="H171592" s="12"/>
    </row>
    <row r="171593" spans="8:8">
      <c r="H171593" s="12"/>
    </row>
    <row r="171594" spans="8:8">
      <c r="H171594" s="12"/>
    </row>
    <row r="171595" spans="8:8">
      <c r="H171595" s="12"/>
    </row>
    <row r="171596" spans="8:8">
      <c r="H171596" s="12"/>
    </row>
    <row r="171597" spans="8:8">
      <c r="H171597" s="12"/>
    </row>
    <row r="171598" spans="8:8">
      <c r="H171598" s="12"/>
    </row>
    <row r="171599" spans="8:8">
      <c r="H171599" s="12"/>
    </row>
    <row r="171600" spans="8:8">
      <c r="H171600" s="12"/>
    </row>
    <row r="171601" spans="8:8">
      <c r="H171601" s="12"/>
    </row>
    <row r="171602" spans="8:8">
      <c r="H171602" s="12"/>
    </row>
    <row r="171603" spans="8:8">
      <c r="H171603" s="12"/>
    </row>
    <row r="171604" spans="8:8">
      <c r="H171604" s="12"/>
    </row>
    <row r="171605" spans="8:8">
      <c r="H171605" s="12"/>
    </row>
    <row r="171606" spans="8:8">
      <c r="H171606" s="12"/>
    </row>
    <row r="171607" spans="8:8">
      <c r="H171607" s="12"/>
    </row>
    <row r="171608" spans="8:8">
      <c r="H171608" s="12"/>
    </row>
    <row r="171609" spans="8:8">
      <c r="H171609" s="12"/>
    </row>
    <row r="171610" spans="8:8">
      <c r="H171610" s="12"/>
    </row>
    <row r="171611" spans="8:8">
      <c r="H171611" s="12"/>
    </row>
    <row r="171612" spans="8:8">
      <c r="H171612" s="12"/>
    </row>
    <row r="171613" spans="8:8">
      <c r="H171613" s="12"/>
    </row>
    <row r="171614" spans="8:8">
      <c r="H171614" s="12"/>
    </row>
    <row r="171615" spans="8:8">
      <c r="H171615" s="12"/>
    </row>
    <row r="171616" spans="8:8">
      <c r="H171616" s="12"/>
    </row>
    <row r="171617" spans="8:8">
      <c r="H171617" s="12"/>
    </row>
    <row r="171618" spans="8:8">
      <c r="H171618" s="12"/>
    </row>
    <row r="171619" spans="8:8">
      <c r="H171619" s="12"/>
    </row>
    <row r="171620" spans="8:8">
      <c r="H171620" s="12"/>
    </row>
    <row r="171621" spans="8:8">
      <c r="H171621" s="12"/>
    </row>
    <row r="171622" spans="8:8">
      <c r="H171622" s="12"/>
    </row>
    <row r="171623" spans="8:8">
      <c r="H171623" s="12"/>
    </row>
    <row r="171624" spans="8:8">
      <c r="H171624" s="12"/>
    </row>
    <row r="171625" spans="8:8">
      <c r="H171625" s="12"/>
    </row>
    <row r="171626" spans="8:8">
      <c r="H171626" s="12"/>
    </row>
    <row r="171627" spans="8:8">
      <c r="H171627" s="12"/>
    </row>
    <row r="171628" spans="8:8">
      <c r="H171628" s="12"/>
    </row>
    <row r="171629" spans="8:8">
      <c r="H171629" s="12"/>
    </row>
    <row r="171630" spans="8:8">
      <c r="H171630" s="12"/>
    </row>
    <row r="171631" spans="8:8">
      <c r="H171631" s="12"/>
    </row>
    <row r="171632" spans="8:8">
      <c r="H171632" s="12"/>
    </row>
    <row r="171633" spans="8:8">
      <c r="H171633" s="12"/>
    </row>
    <row r="171634" spans="8:8">
      <c r="H171634" s="12"/>
    </row>
    <row r="171635" spans="8:8">
      <c r="H171635" s="12"/>
    </row>
    <row r="171636" spans="8:8">
      <c r="H171636" s="12"/>
    </row>
    <row r="171637" spans="8:8">
      <c r="H171637" s="12"/>
    </row>
    <row r="171638" spans="8:8">
      <c r="H171638" s="12"/>
    </row>
    <row r="171639" spans="8:8">
      <c r="H171639" s="12"/>
    </row>
    <row r="171640" spans="8:8">
      <c r="H171640" s="12"/>
    </row>
    <row r="171641" spans="8:8">
      <c r="H171641" s="12"/>
    </row>
    <row r="171642" spans="8:8">
      <c r="H171642" s="12"/>
    </row>
    <row r="171643" spans="8:8">
      <c r="H171643" s="12"/>
    </row>
    <row r="171644" spans="8:8">
      <c r="H171644" s="12"/>
    </row>
    <row r="171645" spans="8:8">
      <c r="H171645" s="12"/>
    </row>
    <row r="171646" spans="8:8">
      <c r="H171646" s="12"/>
    </row>
    <row r="171647" spans="8:8">
      <c r="H171647" s="12"/>
    </row>
    <row r="171648" spans="8:8">
      <c r="H171648" s="12"/>
    </row>
    <row r="171649" spans="8:8">
      <c r="H171649" s="12"/>
    </row>
    <row r="171650" spans="8:8">
      <c r="H171650" s="12"/>
    </row>
    <row r="171651" spans="8:8">
      <c r="H171651" s="12"/>
    </row>
    <row r="171652" spans="8:8">
      <c r="H171652" s="12"/>
    </row>
    <row r="171653" spans="8:8">
      <c r="H171653" s="12"/>
    </row>
    <row r="171654" spans="8:8">
      <c r="H171654" s="12"/>
    </row>
    <row r="171655" spans="8:8">
      <c r="H171655" s="12"/>
    </row>
    <row r="171656" spans="8:8">
      <c r="H171656" s="12"/>
    </row>
    <row r="171657" spans="8:8">
      <c r="H171657" s="12"/>
    </row>
    <row r="171658" spans="8:8">
      <c r="H171658" s="12"/>
    </row>
    <row r="171659" spans="8:8">
      <c r="H171659" s="12"/>
    </row>
    <row r="171660" spans="8:8">
      <c r="H171660" s="12"/>
    </row>
    <row r="171661" spans="8:8">
      <c r="H171661" s="12"/>
    </row>
    <row r="171662" spans="8:8">
      <c r="H171662" s="12"/>
    </row>
    <row r="171663" spans="8:8">
      <c r="H171663" s="12"/>
    </row>
    <row r="171664" spans="8:8">
      <c r="H171664" s="12"/>
    </row>
    <row r="171665" spans="8:8">
      <c r="H171665" s="12"/>
    </row>
    <row r="171666" spans="8:8">
      <c r="H171666" s="12"/>
    </row>
    <row r="171667" spans="8:8">
      <c r="H171667" s="12"/>
    </row>
    <row r="171668" spans="8:8">
      <c r="H171668" s="12"/>
    </row>
    <row r="171669" spans="8:8">
      <c r="H171669" s="12"/>
    </row>
    <row r="171670" spans="8:8">
      <c r="H171670" s="12"/>
    </row>
    <row r="171671" spans="8:8">
      <c r="H171671" s="12"/>
    </row>
    <row r="171672" spans="8:8">
      <c r="H171672" s="12"/>
    </row>
    <row r="171673" spans="8:8">
      <c r="H171673" s="12"/>
    </row>
    <row r="171674" spans="8:8">
      <c r="H171674" s="12"/>
    </row>
    <row r="171675" spans="8:8">
      <c r="H171675" s="12"/>
    </row>
    <row r="171676" spans="8:8">
      <c r="H171676" s="12"/>
    </row>
    <row r="171677" spans="8:8">
      <c r="H171677" s="12"/>
    </row>
    <row r="171678" spans="8:8">
      <c r="H171678" s="12"/>
    </row>
    <row r="171679" spans="8:8">
      <c r="H171679" s="12"/>
    </row>
    <row r="171680" spans="8:8">
      <c r="H171680" s="12"/>
    </row>
    <row r="171681" spans="8:8">
      <c r="H171681" s="12"/>
    </row>
    <row r="171682" spans="8:8">
      <c r="H171682" s="12"/>
    </row>
    <row r="171683" spans="8:8">
      <c r="H171683" s="12"/>
    </row>
    <row r="171684" spans="8:8">
      <c r="H171684" s="12"/>
    </row>
    <row r="171685" spans="8:8">
      <c r="H171685" s="12"/>
    </row>
    <row r="171686" spans="8:8">
      <c r="H171686" s="12"/>
    </row>
    <row r="171687" spans="8:8">
      <c r="H171687" s="12"/>
    </row>
    <row r="171688" spans="8:8">
      <c r="H171688" s="12"/>
    </row>
    <row r="171689" spans="8:8">
      <c r="H171689" s="12"/>
    </row>
    <row r="171690" spans="8:8">
      <c r="H171690" s="12"/>
    </row>
    <row r="171691" spans="8:8">
      <c r="H171691" s="12"/>
    </row>
    <row r="171692" spans="8:8">
      <c r="H171692" s="12"/>
    </row>
    <row r="171693" spans="8:8">
      <c r="H171693" s="12"/>
    </row>
    <row r="171694" spans="8:8">
      <c r="H171694" s="12"/>
    </row>
    <row r="171695" spans="8:8">
      <c r="H171695" s="12"/>
    </row>
    <row r="171696" spans="8:8">
      <c r="H171696" s="12"/>
    </row>
    <row r="171697" spans="8:8">
      <c r="H171697" s="12"/>
    </row>
    <row r="171698" spans="8:8">
      <c r="H171698" s="12"/>
    </row>
    <row r="171699" spans="8:8">
      <c r="H171699" s="12"/>
    </row>
    <row r="171700" spans="8:8">
      <c r="H171700" s="12"/>
    </row>
    <row r="171701" spans="8:8">
      <c r="H171701" s="12"/>
    </row>
    <row r="171702" spans="8:8">
      <c r="H171702" s="12"/>
    </row>
    <row r="171703" spans="8:8">
      <c r="H171703" s="12"/>
    </row>
    <row r="171704" spans="8:8">
      <c r="H171704" s="12"/>
    </row>
    <row r="171705" spans="8:8">
      <c r="H171705" s="12"/>
    </row>
    <row r="171706" spans="8:8">
      <c r="H171706" s="12"/>
    </row>
    <row r="171707" spans="8:8">
      <c r="H171707" s="12"/>
    </row>
    <row r="171708" spans="8:8">
      <c r="H171708" s="12"/>
    </row>
    <row r="171709" spans="8:8">
      <c r="H171709" s="12"/>
    </row>
    <row r="171710" spans="8:8">
      <c r="H171710" s="12"/>
    </row>
    <row r="171711" spans="8:8">
      <c r="H171711" s="12"/>
    </row>
    <row r="171712" spans="8:8">
      <c r="H171712" s="12"/>
    </row>
    <row r="171713" spans="8:8">
      <c r="H171713" s="12"/>
    </row>
    <row r="171714" spans="8:8">
      <c r="H171714" s="12"/>
    </row>
    <row r="171715" spans="8:8">
      <c r="H171715" s="12"/>
    </row>
    <row r="171716" spans="8:8">
      <c r="H171716" s="12"/>
    </row>
    <row r="171717" spans="8:8">
      <c r="H171717" s="12"/>
    </row>
    <row r="171718" spans="8:8">
      <c r="H171718" s="12"/>
    </row>
    <row r="171719" spans="8:8">
      <c r="H171719" s="12"/>
    </row>
    <row r="171720" spans="8:8">
      <c r="H171720" s="12"/>
    </row>
    <row r="171721" spans="8:8">
      <c r="H171721" s="12"/>
    </row>
    <row r="171722" spans="8:8">
      <c r="H171722" s="12"/>
    </row>
    <row r="171723" spans="8:8">
      <c r="H171723" s="12"/>
    </row>
    <row r="171724" spans="8:8">
      <c r="H171724" s="12"/>
    </row>
    <row r="171725" spans="8:8">
      <c r="H171725" s="12"/>
    </row>
    <row r="171726" spans="8:8">
      <c r="H171726" s="12"/>
    </row>
    <row r="171727" spans="8:8">
      <c r="H171727" s="12"/>
    </row>
    <row r="171728" spans="8:8">
      <c r="H171728" s="12"/>
    </row>
    <row r="171729" spans="8:8">
      <c r="H171729" s="12"/>
    </row>
    <row r="171730" spans="8:8">
      <c r="H171730" s="12"/>
    </row>
    <row r="171731" spans="8:8">
      <c r="H171731" s="12"/>
    </row>
    <row r="171732" spans="8:8">
      <c r="H171732" s="12"/>
    </row>
    <row r="171733" spans="8:8">
      <c r="H171733" s="12"/>
    </row>
    <row r="171734" spans="8:8">
      <c r="H171734" s="12"/>
    </row>
    <row r="171735" spans="8:8">
      <c r="H171735" s="12"/>
    </row>
    <row r="171736" spans="8:8">
      <c r="H171736" s="12"/>
    </row>
    <row r="171737" spans="8:8">
      <c r="H171737" s="12"/>
    </row>
    <row r="171738" spans="8:8">
      <c r="H171738" s="12"/>
    </row>
    <row r="171739" spans="8:8">
      <c r="H171739" s="12"/>
    </row>
    <row r="171740" spans="8:8">
      <c r="H171740" s="12"/>
    </row>
    <row r="171741" spans="8:8">
      <c r="H171741" s="12"/>
    </row>
    <row r="171742" spans="8:8">
      <c r="H171742" s="12"/>
    </row>
    <row r="171743" spans="8:8">
      <c r="H171743" s="12"/>
    </row>
    <row r="171744" spans="8:8">
      <c r="H171744" s="12"/>
    </row>
    <row r="171745" spans="8:8">
      <c r="H171745" s="12"/>
    </row>
    <row r="171746" spans="8:8">
      <c r="H171746" s="12"/>
    </row>
    <row r="171747" spans="8:8">
      <c r="H171747" s="12"/>
    </row>
    <row r="171748" spans="8:8">
      <c r="H171748" s="12"/>
    </row>
    <row r="171749" spans="8:8">
      <c r="H171749" s="12"/>
    </row>
    <row r="171750" spans="8:8">
      <c r="H171750" s="12"/>
    </row>
    <row r="171751" spans="8:8">
      <c r="H171751" s="12"/>
    </row>
    <row r="171752" spans="8:8">
      <c r="H171752" s="12"/>
    </row>
    <row r="171753" spans="8:8">
      <c r="H171753" s="12"/>
    </row>
    <row r="171754" spans="8:8">
      <c r="H171754" s="12"/>
    </row>
    <row r="171755" spans="8:8">
      <c r="H171755" s="12"/>
    </row>
    <row r="171756" spans="8:8">
      <c r="H171756" s="12"/>
    </row>
    <row r="171757" spans="8:8">
      <c r="H171757" s="12"/>
    </row>
    <row r="171758" spans="8:8">
      <c r="H171758" s="12"/>
    </row>
    <row r="171759" spans="8:8">
      <c r="H171759" s="12"/>
    </row>
    <row r="171760" spans="8:8">
      <c r="H171760" s="12"/>
    </row>
    <row r="171761" spans="8:8">
      <c r="H171761" s="12"/>
    </row>
    <row r="171762" spans="8:8">
      <c r="H171762" s="12"/>
    </row>
    <row r="171763" spans="8:8">
      <c r="H171763" s="12"/>
    </row>
    <row r="171764" spans="8:8">
      <c r="H171764" s="12"/>
    </row>
    <row r="171765" spans="8:8">
      <c r="H171765" s="12"/>
    </row>
    <row r="171766" spans="8:8">
      <c r="H171766" s="12"/>
    </row>
    <row r="171767" spans="8:8">
      <c r="H171767" s="12"/>
    </row>
    <row r="171768" spans="8:8">
      <c r="H171768" s="12"/>
    </row>
    <row r="171769" spans="8:8">
      <c r="H171769" s="12"/>
    </row>
    <row r="171770" spans="8:8">
      <c r="H171770" s="12"/>
    </row>
    <row r="171771" spans="8:8">
      <c r="H171771" s="12"/>
    </row>
    <row r="171772" spans="8:8">
      <c r="H171772" s="12"/>
    </row>
    <row r="171773" spans="8:8">
      <c r="H171773" s="12"/>
    </row>
    <row r="171774" spans="8:8">
      <c r="H171774" s="12"/>
    </row>
    <row r="171775" spans="8:8">
      <c r="H171775" s="12"/>
    </row>
    <row r="171776" spans="8:8">
      <c r="H171776" s="12"/>
    </row>
    <row r="171777" spans="8:8">
      <c r="H171777" s="12"/>
    </row>
    <row r="171778" spans="8:8">
      <c r="H171778" s="12"/>
    </row>
    <row r="171779" spans="8:8">
      <c r="H171779" s="12"/>
    </row>
    <row r="171780" spans="8:8">
      <c r="H171780" s="12"/>
    </row>
    <row r="171781" spans="8:8">
      <c r="H171781" s="12"/>
    </row>
    <row r="171782" spans="8:8">
      <c r="H171782" s="12"/>
    </row>
    <row r="171783" spans="8:8">
      <c r="H171783" s="12"/>
    </row>
    <row r="171784" spans="8:8">
      <c r="H171784" s="12"/>
    </row>
    <row r="171785" spans="8:8">
      <c r="H171785" s="12"/>
    </row>
    <row r="171786" spans="8:8">
      <c r="H171786" s="12"/>
    </row>
    <row r="171787" spans="8:8">
      <c r="H171787" s="12"/>
    </row>
    <row r="171788" spans="8:8">
      <c r="H171788" s="12"/>
    </row>
    <row r="171789" spans="8:8">
      <c r="H171789" s="12"/>
    </row>
    <row r="171790" spans="8:8">
      <c r="H171790" s="12"/>
    </row>
    <row r="171791" spans="8:8">
      <c r="H171791" s="12"/>
    </row>
    <row r="171792" spans="8:8">
      <c r="H171792" s="12"/>
    </row>
    <row r="171793" spans="8:8">
      <c r="H171793" s="12"/>
    </row>
    <row r="171794" spans="8:8">
      <c r="H171794" s="12"/>
    </row>
    <row r="171795" spans="8:8">
      <c r="H171795" s="12"/>
    </row>
    <row r="171796" spans="8:8">
      <c r="H171796" s="12"/>
    </row>
    <row r="171797" spans="8:8">
      <c r="H171797" s="12"/>
    </row>
    <row r="171798" spans="8:8">
      <c r="H171798" s="12"/>
    </row>
    <row r="171799" spans="8:8">
      <c r="H171799" s="12"/>
    </row>
    <row r="171800" spans="8:8">
      <c r="H171800" s="12"/>
    </row>
    <row r="171801" spans="8:8">
      <c r="H171801" s="12"/>
    </row>
    <row r="171802" spans="8:8">
      <c r="H171802" s="12"/>
    </row>
    <row r="171803" spans="8:8">
      <c r="H171803" s="12"/>
    </row>
    <row r="171804" spans="8:8">
      <c r="H171804" s="12"/>
    </row>
    <row r="171805" spans="8:8">
      <c r="H171805" s="12"/>
    </row>
    <row r="171806" spans="8:8">
      <c r="H171806" s="12"/>
    </row>
    <row r="171807" spans="8:8">
      <c r="H171807" s="12"/>
    </row>
    <row r="171808" spans="8:8">
      <c r="H171808" s="12"/>
    </row>
    <row r="171809" spans="8:8">
      <c r="H171809" s="12"/>
    </row>
    <row r="171810" spans="8:8">
      <c r="H171810" s="12"/>
    </row>
    <row r="171811" spans="8:8">
      <c r="H171811" s="12"/>
    </row>
    <row r="171812" spans="8:8">
      <c r="H171812" s="12"/>
    </row>
    <row r="171813" spans="8:8">
      <c r="H171813" s="12"/>
    </row>
    <row r="171814" spans="8:8">
      <c r="H171814" s="12"/>
    </row>
    <row r="171815" spans="8:8">
      <c r="H171815" s="12"/>
    </row>
    <row r="171816" spans="8:8">
      <c r="H171816" s="12"/>
    </row>
    <row r="171817" spans="8:8">
      <c r="H171817" s="12"/>
    </row>
    <row r="171818" spans="8:8">
      <c r="H171818" s="12"/>
    </row>
    <row r="171819" spans="8:8">
      <c r="H171819" s="12"/>
    </row>
    <row r="171820" spans="8:8">
      <c r="H171820" s="12"/>
    </row>
    <row r="171821" spans="8:8">
      <c r="H171821" s="12"/>
    </row>
    <row r="171822" spans="8:8">
      <c r="H171822" s="12"/>
    </row>
    <row r="171823" spans="8:8">
      <c r="H171823" s="12"/>
    </row>
    <row r="171824" spans="8:8">
      <c r="H171824" s="12"/>
    </row>
    <row r="171825" spans="8:8">
      <c r="H171825" s="12"/>
    </row>
    <row r="171826" spans="8:8">
      <c r="H171826" s="12"/>
    </row>
    <row r="171827" spans="8:8">
      <c r="H171827" s="12"/>
    </row>
    <row r="171828" spans="8:8">
      <c r="H171828" s="12"/>
    </row>
    <row r="171829" spans="8:8">
      <c r="H171829" s="12"/>
    </row>
    <row r="171830" spans="8:8">
      <c r="H171830" s="12"/>
    </row>
    <row r="171831" spans="8:8">
      <c r="H171831" s="12"/>
    </row>
    <row r="171832" spans="8:8">
      <c r="H171832" s="12"/>
    </row>
    <row r="171833" spans="8:8">
      <c r="H171833" s="12"/>
    </row>
    <row r="171834" spans="8:8">
      <c r="H171834" s="12"/>
    </row>
    <row r="171835" spans="8:8">
      <c r="H171835" s="12"/>
    </row>
    <row r="171836" spans="8:8">
      <c r="H171836" s="12"/>
    </row>
    <row r="171837" spans="8:8">
      <c r="H171837" s="12"/>
    </row>
    <row r="171838" spans="8:8">
      <c r="H171838" s="12"/>
    </row>
    <row r="171839" spans="8:8">
      <c r="H171839" s="12"/>
    </row>
    <row r="171840" spans="8:8">
      <c r="H171840" s="12"/>
    </row>
    <row r="171841" spans="8:8">
      <c r="H171841" s="12"/>
    </row>
    <row r="171842" spans="8:8">
      <c r="H171842" s="12"/>
    </row>
    <row r="171843" spans="8:8">
      <c r="H171843" s="12"/>
    </row>
    <row r="171844" spans="8:8">
      <c r="H171844" s="12"/>
    </row>
    <row r="171845" spans="8:8">
      <c r="H171845" s="12"/>
    </row>
    <row r="171846" spans="8:8">
      <c r="H171846" s="12"/>
    </row>
    <row r="171847" spans="8:8">
      <c r="H171847" s="12"/>
    </row>
    <row r="171848" spans="8:8">
      <c r="H171848" s="12"/>
    </row>
    <row r="171849" spans="8:8">
      <c r="H171849" s="12"/>
    </row>
    <row r="171850" spans="8:8">
      <c r="H171850" s="12"/>
    </row>
    <row r="171851" spans="8:8">
      <c r="H171851" s="12"/>
    </row>
    <row r="171852" spans="8:8">
      <c r="H171852" s="12"/>
    </row>
    <row r="171853" spans="8:8">
      <c r="H171853" s="12"/>
    </row>
    <row r="171854" spans="8:8">
      <c r="H171854" s="12"/>
    </row>
    <row r="171855" spans="8:8">
      <c r="H171855" s="12"/>
    </row>
    <row r="171856" spans="8:8">
      <c r="H171856" s="12"/>
    </row>
    <row r="171857" spans="8:8">
      <c r="H171857" s="12"/>
    </row>
    <row r="171858" spans="8:8">
      <c r="H171858" s="12"/>
    </row>
    <row r="171859" spans="8:8">
      <c r="H171859" s="12"/>
    </row>
    <row r="171860" spans="8:8">
      <c r="H171860" s="12"/>
    </row>
    <row r="171861" spans="8:8">
      <c r="H171861" s="12"/>
    </row>
    <row r="171862" spans="8:8">
      <c r="H171862" s="12"/>
    </row>
    <row r="171863" spans="8:8">
      <c r="H171863" s="12"/>
    </row>
    <row r="171864" spans="8:8">
      <c r="H171864" s="12"/>
    </row>
    <row r="171865" spans="8:8">
      <c r="H171865" s="12"/>
    </row>
    <row r="171866" spans="8:8">
      <c r="H171866" s="12"/>
    </row>
    <row r="171867" spans="8:8">
      <c r="H171867" s="12"/>
    </row>
    <row r="171868" spans="8:8">
      <c r="H171868" s="12"/>
    </row>
    <row r="171869" spans="8:8">
      <c r="H171869" s="12"/>
    </row>
    <row r="171870" spans="8:8">
      <c r="H171870" s="12"/>
    </row>
    <row r="171871" spans="8:8">
      <c r="H171871" s="12"/>
    </row>
    <row r="171872" spans="8:8">
      <c r="H171872" s="12"/>
    </row>
    <row r="171873" spans="8:8">
      <c r="H171873" s="12"/>
    </row>
    <row r="171874" spans="8:8">
      <c r="H171874" s="12"/>
    </row>
    <row r="171875" spans="8:8">
      <c r="H171875" s="12"/>
    </row>
    <row r="171876" spans="8:8">
      <c r="H171876" s="12"/>
    </row>
    <row r="171877" spans="8:8">
      <c r="H171877" s="12"/>
    </row>
    <row r="171878" spans="8:8">
      <c r="H171878" s="12"/>
    </row>
    <row r="171879" spans="8:8">
      <c r="H171879" s="12"/>
    </row>
    <row r="171880" spans="8:8">
      <c r="H171880" s="12"/>
    </row>
    <row r="171881" spans="8:8">
      <c r="H171881" s="12"/>
    </row>
    <row r="171882" spans="8:8">
      <c r="H171882" s="12"/>
    </row>
    <row r="171883" spans="8:8">
      <c r="H171883" s="12"/>
    </row>
    <row r="171884" spans="8:8">
      <c r="H171884" s="12"/>
    </row>
    <row r="171885" spans="8:8">
      <c r="H171885" s="12"/>
    </row>
    <row r="171886" spans="8:8">
      <c r="H171886" s="12"/>
    </row>
    <row r="171887" spans="8:8">
      <c r="H171887" s="12"/>
    </row>
    <row r="171888" spans="8:8">
      <c r="H171888" s="12"/>
    </row>
    <row r="171889" spans="8:8">
      <c r="H171889" s="12"/>
    </row>
    <row r="171890" spans="8:8">
      <c r="H171890" s="12"/>
    </row>
    <row r="171891" spans="8:8">
      <c r="H171891" s="12"/>
    </row>
    <row r="171892" spans="8:8">
      <c r="H171892" s="12"/>
    </row>
    <row r="171893" spans="8:8">
      <c r="H171893" s="12"/>
    </row>
    <row r="171894" spans="8:8">
      <c r="H171894" s="12"/>
    </row>
    <row r="171895" spans="8:8">
      <c r="H171895" s="12"/>
    </row>
    <row r="171896" spans="8:8">
      <c r="H171896" s="12"/>
    </row>
    <row r="171897" spans="8:8">
      <c r="H171897" s="12"/>
    </row>
    <row r="171898" spans="8:8">
      <c r="H171898" s="12"/>
    </row>
    <row r="171899" spans="8:8">
      <c r="H171899" s="12"/>
    </row>
    <row r="171900" spans="8:8">
      <c r="H171900" s="12"/>
    </row>
    <row r="171901" spans="8:8">
      <c r="H171901" s="12"/>
    </row>
    <row r="171902" spans="8:8">
      <c r="H171902" s="12"/>
    </row>
    <row r="171903" spans="8:8">
      <c r="H171903" s="12"/>
    </row>
    <row r="171904" spans="8:8">
      <c r="H171904" s="12"/>
    </row>
    <row r="171905" spans="8:8">
      <c r="H171905" s="12"/>
    </row>
    <row r="171906" spans="8:8">
      <c r="H171906" s="12"/>
    </row>
    <row r="171907" spans="8:8">
      <c r="H171907" s="12"/>
    </row>
    <row r="171908" spans="8:8">
      <c r="H171908" s="12"/>
    </row>
    <row r="171909" spans="8:8">
      <c r="H171909" s="12"/>
    </row>
    <row r="171910" spans="8:8">
      <c r="H171910" s="12"/>
    </row>
    <row r="171911" spans="8:8">
      <c r="H171911" s="12"/>
    </row>
    <row r="171912" spans="8:8">
      <c r="H171912" s="12"/>
    </row>
    <row r="171913" spans="8:8">
      <c r="H171913" s="12"/>
    </row>
    <row r="171914" spans="8:8">
      <c r="H171914" s="12"/>
    </row>
    <row r="171915" spans="8:8">
      <c r="H171915" s="12"/>
    </row>
    <row r="171916" spans="8:8">
      <c r="H171916" s="12"/>
    </row>
    <row r="171917" spans="8:8">
      <c r="H171917" s="12"/>
    </row>
    <row r="171918" spans="8:8">
      <c r="H171918" s="12"/>
    </row>
    <row r="171919" spans="8:8">
      <c r="H171919" s="12"/>
    </row>
    <row r="171920" spans="8:8">
      <c r="H171920" s="12"/>
    </row>
    <row r="171921" spans="8:8">
      <c r="H171921" s="12"/>
    </row>
    <row r="171922" spans="8:8">
      <c r="H171922" s="12"/>
    </row>
    <row r="171923" spans="8:8">
      <c r="H171923" s="12"/>
    </row>
    <row r="171924" spans="8:8">
      <c r="H171924" s="12"/>
    </row>
    <row r="171925" spans="8:8">
      <c r="H171925" s="12"/>
    </row>
    <row r="171926" spans="8:8">
      <c r="H171926" s="12"/>
    </row>
    <row r="171927" spans="8:8">
      <c r="H171927" s="12"/>
    </row>
    <row r="171928" spans="8:8">
      <c r="H171928" s="12"/>
    </row>
    <row r="171929" spans="8:8">
      <c r="H171929" s="12"/>
    </row>
    <row r="171930" spans="8:8">
      <c r="H171930" s="12"/>
    </row>
    <row r="171931" spans="8:8">
      <c r="H171931" s="12"/>
    </row>
    <row r="171932" spans="8:8">
      <c r="H171932" s="12"/>
    </row>
    <row r="171933" spans="8:8">
      <c r="H171933" s="12"/>
    </row>
    <row r="171934" spans="8:8">
      <c r="H171934" s="12"/>
    </row>
    <row r="171935" spans="8:8">
      <c r="H171935" s="12"/>
    </row>
    <row r="171936" spans="8:8">
      <c r="H171936" s="12"/>
    </row>
    <row r="171937" spans="8:8">
      <c r="H171937" s="12"/>
    </row>
    <row r="171938" spans="8:8">
      <c r="H171938" s="12"/>
    </row>
    <row r="171939" spans="8:8">
      <c r="H171939" s="12"/>
    </row>
    <row r="171940" spans="8:8">
      <c r="H171940" s="12"/>
    </row>
    <row r="171941" spans="8:8">
      <c r="H171941" s="12"/>
    </row>
    <row r="171942" spans="8:8">
      <c r="H171942" s="12"/>
    </row>
    <row r="171943" spans="8:8">
      <c r="H171943" s="12"/>
    </row>
    <row r="171944" spans="8:8">
      <c r="H171944" s="12"/>
    </row>
    <row r="171945" spans="8:8">
      <c r="H171945" s="12"/>
    </row>
    <row r="171946" spans="8:8">
      <c r="H171946" s="12"/>
    </row>
    <row r="171947" spans="8:8">
      <c r="H171947" s="12"/>
    </row>
    <row r="171948" spans="8:8">
      <c r="H171948" s="12"/>
    </row>
    <row r="171949" spans="8:8">
      <c r="H171949" s="12"/>
    </row>
    <row r="171950" spans="8:8">
      <c r="H171950" s="12"/>
    </row>
    <row r="171951" spans="8:8">
      <c r="H171951" s="12"/>
    </row>
    <row r="171952" spans="8:8">
      <c r="H171952" s="12"/>
    </row>
    <row r="171953" spans="8:8">
      <c r="H171953" s="12"/>
    </row>
    <row r="171954" spans="8:8">
      <c r="H171954" s="12"/>
    </row>
    <row r="171955" spans="8:8">
      <c r="H171955" s="12"/>
    </row>
    <row r="171956" spans="8:8">
      <c r="H171956" s="12"/>
    </row>
    <row r="171957" spans="8:8">
      <c r="H171957" s="12"/>
    </row>
    <row r="171958" spans="8:8">
      <c r="H171958" s="12"/>
    </row>
    <row r="171959" spans="8:8">
      <c r="H171959" s="12"/>
    </row>
    <row r="171960" spans="8:8">
      <c r="H171960" s="12"/>
    </row>
    <row r="171961" spans="8:8">
      <c r="H171961" s="12"/>
    </row>
    <row r="171962" spans="8:8">
      <c r="H171962" s="12"/>
    </row>
    <row r="171963" spans="8:8">
      <c r="H171963" s="12"/>
    </row>
    <row r="171964" spans="8:8">
      <c r="H171964" s="12"/>
    </row>
    <row r="171965" spans="8:8">
      <c r="H171965" s="12"/>
    </row>
    <row r="171966" spans="8:8">
      <c r="H171966" s="12"/>
    </row>
    <row r="171967" spans="8:8">
      <c r="H171967" s="12"/>
    </row>
    <row r="171968" spans="8:8">
      <c r="H171968" s="12"/>
    </row>
    <row r="171969" spans="8:8">
      <c r="H171969" s="12"/>
    </row>
    <row r="171970" spans="8:8">
      <c r="H171970" s="12"/>
    </row>
    <row r="171971" spans="8:8">
      <c r="H171971" s="12"/>
    </row>
    <row r="171972" spans="8:8">
      <c r="H171972" s="12"/>
    </row>
    <row r="171973" spans="8:8">
      <c r="H171973" s="12"/>
    </row>
    <row r="171974" spans="8:8">
      <c r="H171974" s="12"/>
    </row>
    <row r="171975" spans="8:8">
      <c r="H171975" s="12"/>
    </row>
    <row r="171976" spans="8:8">
      <c r="H171976" s="12"/>
    </row>
    <row r="171977" spans="8:8">
      <c r="H171977" s="12"/>
    </row>
    <row r="171978" spans="8:8">
      <c r="H171978" s="12"/>
    </row>
    <row r="171979" spans="8:8">
      <c r="H171979" s="12"/>
    </row>
    <row r="171980" spans="8:8">
      <c r="H171980" s="12"/>
    </row>
    <row r="171981" spans="8:8">
      <c r="H171981" s="12"/>
    </row>
    <row r="171982" spans="8:8">
      <c r="H171982" s="12"/>
    </row>
    <row r="171983" spans="8:8">
      <c r="H171983" s="12"/>
    </row>
    <row r="171984" spans="8:8">
      <c r="H171984" s="12"/>
    </row>
    <row r="171985" spans="8:8">
      <c r="H171985" s="12"/>
    </row>
    <row r="171986" spans="8:8">
      <c r="H171986" s="12"/>
    </row>
    <row r="171987" spans="8:8">
      <c r="H171987" s="12"/>
    </row>
    <row r="171988" spans="8:8">
      <c r="H171988" s="12"/>
    </row>
    <row r="171989" spans="8:8">
      <c r="H171989" s="12"/>
    </row>
    <row r="171990" spans="8:8">
      <c r="H171990" s="12"/>
    </row>
    <row r="171991" spans="8:8">
      <c r="H171991" s="12"/>
    </row>
    <row r="171992" spans="8:8">
      <c r="H171992" s="12"/>
    </row>
    <row r="171993" spans="8:8">
      <c r="H171993" s="12"/>
    </row>
    <row r="171994" spans="8:8">
      <c r="H171994" s="12"/>
    </row>
    <row r="171995" spans="8:8">
      <c r="H171995" s="12"/>
    </row>
    <row r="171996" spans="8:8">
      <c r="H171996" s="12"/>
    </row>
    <row r="171997" spans="8:8">
      <c r="H171997" s="12"/>
    </row>
    <row r="171998" spans="8:8">
      <c r="H171998" s="12"/>
    </row>
    <row r="171999" spans="8:8">
      <c r="H171999" s="12"/>
    </row>
    <row r="172000" spans="8:8">
      <c r="H172000" s="12"/>
    </row>
    <row r="172001" spans="8:8">
      <c r="H172001" s="12"/>
    </row>
    <row r="172002" spans="8:8">
      <c r="H172002" s="12"/>
    </row>
    <row r="172003" spans="8:8">
      <c r="H172003" s="12"/>
    </row>
    <row r="172004" spans="8:8">
      <c r="H172004" s="12"/>
    </row>
    <row r="172005" spans="8:8">
      <c r="H172005" s="12"/>
    </row>
    <row r="172006" spans="8:8">
      <c r="H172006" s="12"/>
    </row>
    <row r="172007" spans="8:8">
      <c r="H172007" s="12"/>
    </row>
    <row r="172008" spans="8:8">
      <c r="H172008" s="12"/>
    </row>
    <row r="172009" spans="8:8">
      <c r="H172009" s="12"/>
    </row>
    <row r="172010" spans="8:8">
      <c r="H172010" s="12"/>
    </row>
    <row r="172011" spans="8:8">
      <c r="H172011" s="12"/>
    </row>
    <row r="172012" spans="8:8">
      <c r="H172012" s="12"/>
    </row>
    <row r="172013" spans="8:8">
      <c r="H172013" s="12"/>
    </row>
    <row r="172014" spans="8:8">
      <c r="H172014" s="12"/>
    </row>
    <row r="172015" spans="8:8">
      <c r="H172015" s="12"/>
    </row>
    <row r="172016" spans="8:8">
      <c r="H172016" s="12"/>
    </row>
    <row r="172017" spans="8:8">
      <c r="H172017" s="12"/>
    </row>
    <row r="172018" spans="8:8">
      <c r="H172018" s="12"/>
    </row>
    <row r="172019" spans="8:8">
      <c r="H172019" s="12"/>
    </row>
    <row r="172020" spans="8:8">
      <c r="H172020" s="12"/>
    </row>
    <row r="172021" spans="8:8">
      <c r="H172021" s="12"/>
    </row>
    <row r="172022" spans="8:8">
      <c r="H172022" s="12"/>
    </row>
    <row r="172023" spans="8:8">
      <c r="H172023" s="12"/>
    </row>
    <row r="172024" spans="8:8">
      <c r="H172024" s="12"/>
    </row>
    <row r="172025" spans="8:8">
      <c r="H172025" s="12"/>
    </row>
    <row r="172026" spans="8:8">
      <c r="H172026" s="12"/>
    </row>
    <row r="172027" spans="8:8">
      <c r="H172027" s="12"/>
    </row>
    <row r="172028" spans="8:8">
      <c r="H172028" s="12"/>
    </row>
    <row r="172029" spans="8:8">
      <c r="H172029" s="12"/>
    </row>
    <row r="172030" spans="8:8">
      <c r="H172030" s="12"/>
    </row>
    <row r="172031" spans="8:8">
      <c r="H172031" s="12"/>
    </row>
    <row r="172032" spans="8:8">
      <c r="H172032" s="12"/>
    </row>
    <row r="172033" spans="8:8">
      <c r="H172033" s="12"/>
    </row>
    <row r="172034" spans="8:8">
      <c r="H172034" s="12"/>
    </row>
    <row r="172035" spans="8:8">
      <c r="H172035" s="12"/>
    </row>
    <row r="172036" spans="8:8">
      <c r="H172036" s="12"/>
    </row>
    <row r="172037" spans="8:8">
      <c r="H172037" s="12"/>
    </row>
    <row r="172038" spans="8:8">
      <c r="H172038" s="12"/>
    </row>
    <row r="172039" spans="8:8">
      <c r="H172039" s="12"/>
    </row>
    <row r="172040" spans="8:8">
      <c r="H172040" s="12"/>
    </row>
    <row r="172041" spans="8:8">
      <c r="H172041" s="12"/>
    </row>
    <row r="172042" spans="8:8">
      <c r="H172042" s="12"/>
    </row>
    <row r="172043" spans="8:8">
      <c r="H172043" s="12"/>
    </row>
    <row r="172044" spans="8:8">
      <c r="H172044" s="12"/>
    </row>
    <row r="172045" spans="8:8">
      <c r="H172045" s="12"/>
    </row>
    <row r="172046" spans="8:8">
      <c r="H172046" s="12"/>
    </row>
    <row r="172047" spans="8:8">
      <c r="H172047" s="12"/>
    </row>
    <row r="172048" spans="8:8">
      <c r="H172048" s="12"/>
    </row>
    <row r="172049" spans="8:8">
      <c r="H172049" s="12"/>
    </row>
    <row r="172050" spans="8:8">
      <c r="H172050" s="12"/>
    </row>
    <row r="172051" spans="8:8">
      <c r="H172051" s="12"/>
    </row>
    <row r="172052" spans="8:8">
      <c r="H172052" s="12"/>
    </row>
    <row r="172053" spans="8:8">
      <c r="H172053" s="12"/>
    </row>
    <row r="172054" spans="8:8">
      <c r="H172054" s="12"/>
    </row>
    <row r="172055" spans="8:8">
      <c r="H172055" s="12"/>
    </row>
    <row r="172056" spans="8:8">
      <c r="H172056" s="12"/>
    </row>
    <row r="172057" spans="8:8">
      <c r="H172057" s="12"/>
    </row>
    <row r="172058" spans="8:8">
      <c r="H172058" s="12"/>
    </row>
    <row r="172059" spans="8:8">
      <c r="H172059" s="12"/>
    </row>
    <row r="172060" spans="8:8">
      <c r="H172060" s="12"/>
    </row>
    <row r="172061" spans="8:8">
      <c r="H172061" s="12"/>
    </row>
    <row r="172062" spans="8:8">
      <c r="H172062" s="12"/>
    </row>
    <row r="172063" spans="8:8">
      <c r="H172063" s="12"/>
    </row>
    <row r="172064" spans="8:8">
      <c r="H172064" s="12"/>
    </row>
    <row r="172065" spans="8:8">
      <c r="H172065" s="12"/>
    </row>
    <row r="172066" spans="8:8">
      <c r="H172066" s="12"/>
    </row>
    <row r="172067" spans="8:8">
      <c r="H172067" s="12"/>
    </row>
    <row r="172068" spans="8:8">
      <c r="H172068" s="12"/>
    </row>
    <row r="172069" spans="8:8">
      <c r="H172069" s="12"/>
    </row>
    <row r="172070" spans="8:8">
      <c r="H172070" s="12"/>
    </row>
    <row r="172071" spans="8:8">
      <c r="H172071" s="12"/>
    </row>
    <row r="172072" spans="8:8">
      <c r="H172072" s="12"/>
    </row>
    <row r="172073" spans="8:8">
      <c r="H172073" s="12"/>
    </row>
    <row r="172074" spans="8:8">
      <c r="H172074" s="12"/>
    </row>
    <row r="172075" spans="8:8">
      <c r="H172075" s="12"/>
    </row>
    <row r="172076" spans="8:8">
      <c r="H172076" s="12"/>
    </row>
    <row r="172077" spans="8:8">
      <c r="H172077" s="12"/>
    </row>
    <row r="172078" spans="8:8">
      <c r="H172078" s="12"/>
    </row>
    <row r="172079" spans="8:8">
      <c r="H172079" s="12"/>
    </row>
    <row r="172080" spans="8:8">
      <c r="H172080" s="12"/>
    </row>
    <row r="172081" spans="8:8">
      <c r="H172081" s="12"/>
    </row>
    <row r="172082" spans="8:8">
      <c r="H172082" s="12"/>
    </row>
    <row r="172083" spans="8:8">
      <c r="H172083" s="12"/>
    </row>
    <row r="172084" spans="8:8">
      <c r="H172084" s="12"/>
    </row>
    <row r="172085" spans="8:8">
      <c r="H172085" s="12"/>
    </row>
    <row r="172086" spans="8:8">
      <c r="H172086" s="12"/>
    </row>
    <row r="172087" spans="8:8">
      <c r="H172087" s="12"/>
    </row>
    <row r="172088" spans="8:8">
      <c r="H172088" s="12"/>
    </row>
    <row r="172089" spans="8:8">
      <c r="H172089" s="12"/>
    </row>
    <row r="172090" spans="8:8">
      <c r="H172090" s="12"/>
    </row>
    <row r="172091" spans="8:8">
      <c r="H172091" s="12"/>
    </row>
    <row r="172092" spans="8:8">
      <c r="H172092" s="12"/>
    </row>
    <row r="172093" spans="8:8">
      <c r="H172093" s="12"/>
    </row>
    <row r="172094" spans="8:8">
      <c r="H172094" s="12"/>
    </row>
    <row r="172095" spans="8:8">
      <c r="H172095" s="12"/>
    </row>
    <row r="172096" spans="8:8">
      <c r="H172096" s="12"/>
    </row>
    <row r="172097" spans="8:8">
      <c r="H172097" s="12"/>
    </row>
    <row r="172098" spans="8:8">
      <c r="H172098" s="12"/>
    </row>
    <row r="172099" spans="8:8">
      <c r="H172099" s="12"/>
    </row>
    <row r="172100" spans="8:8">
      <c r="H172100" s="12"/>
    </row>
    <row r="172101" spans="8:8">
      <c r="H172101" s="12"/>
    </row>
    <row r="172102" spans="8:8">
      <c r="H172102" s="12"/>
    </row>
    <row r="172103" spans="8:8">
      <c r="H172103" s="12"/>
    </row>
    <row r="172104" spans="8:8">
      <c r="H172104" s="12"/>
    </row>
    <row r="172105" spans="8:8">
      <c r="H172105" s="12"/>
    </row>
    <row r="172106" spans="8:8">
      <c r="H172106" s="12"/>
    </row>
    <row r="172107" spans="8:8">
      <c r="H172107" s="12"/>
    </row>
    <row r="172108" spans="8:8">
      <c r="H172108" s="12"/>
    </row>
    <row r="172109" spans="8:8">
      <c r="H172109" s="12"/>
    </row>
    <row r="172110" spans="8:8">
      <c r="H172110" s="12"/>
    </row>
    <row r="172111" spans="8:8">
      <c r="H172111" s="12"/>
    </row>
    <row r="172112" spans="8:8">
      <c r="H172112" s="12"/>
    </row>
    <row r="172113" spans="8:8">
      <c r="H172113" s="12"/>
    </row>
    <row r="172114" spans="8:8">
      <c r="H172114" s="12"/>
    </row>
    <row r="172115" spans="8:8">
      <c r="H172115" s="12"/>
    </row>
    <row r="172116" spans="8:8">
      <c r="H172116" s="12"/>
    </row>
    <row r="172117" spans="8:8">
      <c r="H172117" s="12"/>
    </row>
    <row r="172118" spans="8:8">
      <c r="H172118" s="12"/>
    </row>
    <row r="172119" spans="8:8">
      <c r="H172119" s="12"/>
    </row>
    <row r="172120" spans="8:8">
      <c r="H172120" s="12"/>
    </row>
    <row r="172121" spans="8:8">
      <c r="H172121" s="12"/>
    </row>
    <row r="172122" spans="8:8">
      <c r="H172122" s="12"/>
    </row>
    <row r="172123" spans="8:8">
      <c r="H172123" s="12"/>
    </row>
    <row r="172124" spans="8:8">
      <c r="H172124" s="12"/>
    </row>
    <row r="172125" spans="8:8">
      <c r="H172125" s="12"/>
    </row>
    <row r="172126" spans="8:8">
      <c r="H172126" s="12"/>
    </row>
    <row r="172127" spans="8:8">
      <c r="H172127" s="12"/>
    </row>
    <row r="172128" spans="8:8">
      <c r="H172128" s="12"/>
    </row>
    <row r="172129" spans="8:8">
      <c r="H172129" s="12"/>
    </row>
    <row r="172130" spans="8:8">
      <c r="H172130" s="12"/>
    </row>
    <row r="172131" spans="8:8">
      <c r="H172131" s="12"/>
    </row>
    <row r="172132" spans="8:8">
      <c r="H172132" s="12"/>
    </row>
    <row r="172133" spans="8:8">
      <c r="H172133" s="12"/>
    </row>
    <row r="172134" spans="8:8">
      <c r="H172134" s="12"/>
    </row>
    <row r="172135" spans="8:8">
      <c r="H172135" s="12"/>
    </row>
    <row r="172136" spans="8:8">
      <c r="H172136" s="12"/>
    </row>
    <row r="172137" spans="8:8">
      <c r="H172137" s="12"/>
    </row>
    <row r="172138" spans="8:8">
      <c r="H172138" s="12"/>
    </row>
    <row r="172139" spans="8:8">
      <c r="H172139" s="12"/>
    </row>
    <row r="172140" spans="8:8">
      <c r="H172140" s="12"/>
    </row>
    <row r="172141" spans="8:8">
      <c r="H172141" s="12"/>
    </row>
    <row r="172142" spans="8:8">
      <c r="H172142" s="12"/>
    </row>
    <row r="172143" spans="8:8">
      <c r="H172143" s="12"/>
    </row>
    <row r="172144" spans="8:8">
      <c r="H172144" s="12"/>
    </row>
    <row r="172145" spans="8:8">
      <c r="H172145" s="12"/>
    </row>
    <row r="172146" spans="8:8">
      <c r="H172146" s="12"/>
    </row>
    <row r="172147" spans="8:8">
      <c r="H172147" s="12"/>
    </row>
    <row r="172148" spans="8:8">
      <c r="H172148" s="12"/>
    </row>
    <row r="172149" spans="8:8">
      <c r="H172149" s="12"/>
    </row>
    <row r="172150" spans="8:8">
      <c r="H172150" s="12"/>
    </row>
    <row r="172151" spans="8:8">
      <c r="H172151" s="12"/>
    </row>
    <row r="172152" spans="8:8">
      <c r="H172152" s="12"/>
    </row>
    <row r="172153" spans="8:8">
      <c r="H172153" s="12"/>
    </row>
    <row r="172154" spans="8:8">
      <c r="H172154" s="12"/>
    </row>
    <row r="172155" spans="8:8">
      <c r="H172155" s="12"/>
    </row>
    <row r="172156" spans="8:8">
      <c r="H172156" s="12"/>
    </row>
    <row r="172157" spans="8:8">
      <c r="H172157" s="12"/>
    </row>
    <row r="172158" spans="8:8">
      <c r="H172158" s="12"/>
    </row>
    <row r="172159" spans="8:8">
      <c r="H172159" s="12"/>
    </row>
    <row r="172160" spans="8:8">
      <c r="H172160" s="12"/>
    </row>
    <row r="172161" spans="8:8">
      <c r="H172161" s="12"/>
    </row>
    <row r="172162" spans="8:8">
      <c r="H172162" s="12"/>
    </row>
    <row r="172163" spans="8:8">
      <c r="H172163" s="12"/>
    </row>
    <row r="172164" spans="8:8">
      <c r="H172164" s="12"/>
    </row>
    <row r="172165" spans="8:8">
      <c r="H172165" s="12"/>
    </row>
    <row r="172166" spans="8:8">
      <c r="H172166" s="12"/>
    </row>
    <row r="172167" spans="8:8">
      <c r="H172167" s="12"/>
    </row>
    <row r="172168" spans="8:8">
      <c r="H172168" s="12"/>
    </row>
    <row r="172169" spans="8:8">
      <c r="H172169" s="12"/>
    </row>
    <row r="172170" spans="8:8">
      <c r="H172170" s="12"/>
    </row>
    <row r="172171" spans="8:8">
      <c r="H172171" s="12"/>
    </row>
    <row r="172172" spans="8:8">
      <c r="H172172" s="12"/>
    </row>
    <row r="172173" spans="8:8">
      <c r="H172173" s="12"/>
    </row>
    <row r="172174" spans="8:8">
      <c r="H172174" s="12"/>
    </row>
    <row r="172175" spans="8:8">
      <c r="H172175" s="12"/>
    </row>
    <row r="172176" spans="8:8">
      <c r="H172176" s="12"/>
    </row>
    <row r="172177" spans="8:8">
      <c r="H172177" s="12"/>
    </row>
    <row r="172178" spans="8:8">
      <c r="H172178" s="12"/>
    </row>
    <row r="172179" spans="8:8">
      <c r="H172179" s="12"/>
    </row>
    <row r="172180" spans="8:8">
      <c r="H172180" s="12"/>
    </row>
    <row r="172181" spans="8:8">
      <c r="H172181" s="12"/>
    </row>
    <row r="172182" spans="8:8">
      <c r="H172182" s="12"/>
    </row>
    <row r="172183" spans="8:8">
      <c r="H172183" s="12"/>
    </row>
    <row r="172184" spans="8:8">
      <c r="H172184" s="12"/>
    </row>
    <row r="172185" spans="8:8">
      <c r="H172185" s="12"/>
    </row>
    <row r="172186" spans="8:8">
      <c r="H172186" s="12"/>
    </row>
    <row r="172187" spans="8:8">
      <c r="H172187" s="12"/>
    </row>
    <row r="172188" spans="8:8">
      <c r="H172188" s="12"/>
    </row>
    <row r="172189" spans="8:8">
      <c r="H172189" s="12"/>
    </row>
    <row r="172190" spans="8:8">
      <c r="H172190" s="12"/>
    </row>
    <row r="172191" spans="8:8">
      <c r="H172191" s="12"/>
    </row>
    <row r="172192" spans="8:8">
      <c r="H172192" s="12"/>
    </row>
    <row r="172193" spans="8:8">
      <c r="H172193" s="12"/>
    </row>
    <row r="172194" spans="8:8">
      <c r="H172194" s="12"/>
    </row>
    <row r="172195" spans="8:8">
      <c r="H172195" s="12"/>
    </row>
    <row r="172196" spans="8:8">
      <c r="H172196" s="12"/>
    </row>
    <row r="172197" spans="8:8">
      <c r="H172197" s="12"/>
    </row>
    <row r="172198" spans="8:8">
      <c r="H172198" s="12"/>
    </row>
    <row r="172199" spans="8:8">
      <c r="H172199" s="12"/>
    </row>
    <row r="172200" spans="8:8">
      <c r="H172200" s="12"/>
    </row>
    <row r="172201" spans="8:8">
      <c r="H172201" s="12"/>
    </row>
    <row r="172202" spans="8:8">
      <c r="H172202" s="12"/>
    </row>
    <row r="172203" spans="8:8">
      <c r="H172203" s="12"/>
    </row>
    <row r="172204" spans="8:8">
      <c r="H172204" s="12"/>
    </row>
    <row r="172205" spans="8:8">
      <c r="H172205" s="12"/>
    </row>
    <row r="172206" spans="8:8">
      <c r="H172206" s="12"/>
    </row>
    <row r="172207" spans="8:8">
      <c r="H172207" s="12"/>
    </row>
    <row r="172208" spans="8:8">
      <c r="H172208" s="12"/>
    </row>
    <row r="172209" spans="8:8">
      <c r="H172209" s="12"/>
    </row>
    <row r="172210" spans="8:8">
      <c r="H172210" s="12"/>
    </row>
    <row r="172211" spans="8:8">
      <c r="H172211" s="12"/>
    </row>
    <row r="172212" spans="8:8">
      <c r="H172212" s="12"/>
    </row>
    <row r="172213" spans="8:8">
      <c r="H172213" s="12"/>
    </row>
    <row r="172214" spans="8:8">
      <c r="H172214" s="12"/>
    </row>
    <row r="172215" spans="8:8">
      <c r="H172215" s="12"/>
    </row>
    <row r="172216" spans="8:8">
      <c r="H172216" s="12"/>
    </row>
    <row r="172217" spans="8:8">
      <c r="H172217" s="12"/>
    </row>
    <row r="172218" spans="8:8">
      <c r="H172218" s="12"/>
    </row>
    <row r="172219" spans="8:8">
      <c r="H172219" s="12"/>
    </row>
    <row r="172220" spans="8:8">
      <c r="H172220" s="12"/>
    </row>
    <row r="172221" spans="8:8">
      <c r="H172221" s="12"/>
    </row>
    <row r="172222" spans="8:8">
      <c r="H172222" s="12"/>
    </row>
    <row r="172223" spans="8:8">
      <c r="H172223" s="12"/>
    </row>
    <row r="172224" spans="8:8">
      <c r="H172224" s="12"/>
    </row>
    <row r="172225" spans="8:8">
      <c r="H172225" s="12"/>
    </row>
    <row r="172226" spans="8:8">
      <c r="H172226" s="12"/>
    </row>
    <row r="172227" spans="8:8">
      <c r="H172227" s="12"/>
    </row>
    <row r="172228" spans="8:8">
      <c r="H172228" s="12"/>
    </row>
    <row r="172229" spans="8:8">
      <c r="H172229" s="12"/>
    </row>
    <row r="172230" spans="8:8">
      <c r="H172230" s="12"/>
    </row>
    <row r="172231" spans="8:8">
      <c r="H172231" s="12"/>
    </row>
    <row r="172232" spans="8:8">
      <c r="H172232" s="12"/>
    </row>
    <row r="172233" spans="8:8">
      <c r="H172233" s="12"/>
    </row>
    <row r="172234" spans="8:8">
      <c r="H172234" s="12"/>
    </row>
    <row r="172235" spans="8:8">
      <c r="H172235" s="12"/>
    </row>
    <row r="172236" spans="8:8">
      <c r="H172236" s="12"/>
    </row>
    <row r="172237" spans="8:8">
      <c r="H172237" s="12"/>
    </row>
    <row r="172238" spans="8:8">
      <c r="H172238" s="12"/>
    </row>
    <row r="172239" spans="8:8">
      <c r="H172239" s="12"/>
    </row>
    <row r="172240" spans="8:8">
      <c r="H172240" s="12"/>
    </row>
    <row r="172241" spans="8:8">
      <c r="H172241" s="12"/>
    </row>
    <row r="172242" spans="8:8">
      <c r="H172242" s="12"/>
    </row>
    <row r="172243" spans="8:8">
      <c r="H172243" s="12"/>
    </row>
    <row r="172244" spans="8:8">
      <c r="H172244" s="12"/>
    </row>
    <row r="172245" spans="8:8">
      <c r="H172245" s="12"/>
    </row>
    <row r="172246" spans="8:8">
      <c r="H172246" s="12"/>
    </row>
    <row r="172247" spans="8:8">
      <c r="H172247" s="12"/>
    </row>
    <row r="172248" spans="8:8">
      <c r="H172248" s="12"/>
    </row>
    <row r="172249" spans="8:8">
      <c r="H172249" s="12"/>
    </row>
    <row r="172250" spans="8:8">
      <c r="H172250" s="12"/>
    </row>
    <row r="172251" spans="8:8">
      <c r="H172251" s="12"/>
    </row>
    <row r="172252" spans="8:8">
      <c r="H172252" s="12"/>
    </row>
    <row r="172253" spans="8:8">
      <c r="H172253" s="12"/>
    </row>
    <row r="172254" spans="8:8">
      <c r="H172254" s="12"/>
    </row>
    <row r="172255" spans="8:8">
      <c r="H172255" s="12"/>
    </row>
    <row r="172256" spans="8:8">
      <c r="H172256" s="12"/>
    </row>
    <row r="172257" spans="8:8">
      <c r="H172257" s="12"/>
    </row>
    <row r="172258" spans="8:8">
      <c r="H172258" s="12"/>
    </row>
    <row r="172259" spans="8:8">
      <c r="H172259" s="12"/>
    </row>
    <row r="172260" spans="8:8">
      <c r="H172260" s="12"/>
    </row>
    <row r="172261" spans="8:8">
      <c r="H172261" s="12"/>
    </row>
    <row r="172262" spans="8:8">
      <c r="H172262" s="12"/>
    </row>
    <row r="172263" spans="8:8">
      <c r="H172263" s="12"/>
    </row>
    <row r="172264" spans="8:8">
      <c r="H172264" s="12"/>
    </row>
    <row r="172265" spans="8:8">
      <c r="H172265" s="12"/>
    </row>
    <row r="172266" spans="8:8">
      <c r="H172266" s="12"/>
    </row>
    <row r="172267" spans="8:8">
      <c r="H172267" s="12"/>
    </row>
    <row r="172268" spans="8:8">
      <c r="H172268" s="12"/>
    </row>
    <row r="172269" spans="8:8">
      <c r="H172269" s="12"/>
    </row>
    <row r="172270" spans="8:8">
      <c r="H172270" s="12"/>
    </row>
    <row r="172271" spans="8:8">
      <c r="H172271" s="12"/>
    </row>
    <row r="172272" spans="8:8">
      <c r="H172272" s="12"/>
    </row>
    <row r="172273" spans="8:8">
      <c r="H172273" s="12"/>
    </row>
    <row r="172274" spans="8:8">
      <c r="H172274" s="12"/>
    </row>
    <row r="172275" spans="8:8">
      <c r="H172275" s="12"/>
    </row>
    <row r="172276" spans="8:8">
      <c r="H172276" s="12"/>
    </row>
    <row r="172277" spans="8:8">
      <c r="H172277" s="12"/>
    </row>
    <row r="172278" spans="8:8">
      <c r="H172278" s="12"/>
    </row>
    <row r="172279" spans="8:8">
      <c r="H172279" s="12"/>
    </row>
    <row r="172280" spans="8:8">
      <c r="H172280" s="12"/>
    </row>
    <row r="172281" spans="8:8">
      <c r="H172281" s="12"/>
    </row>
    <row r="172282" spans="8:8">
      <c r="H172282" s="12"/>
    </row>
    <row r="172283" spans="8:8">
      <c r="H172283" s="12"/>
    </row>
    <row r="172284" spans="8:8">
      <c r="H172284" s="12"/>
    </row>
    <row r="172285" spans="8:8">
      <c r="H172285" s="12"/>
    </row>
    <row r="172286" spans="8:8">
      <c r="H172286" s="12"/>
    </row>
    <row r="172287" spans="8:8">
      <c r="H172287" s="12"/>
    </row>
    <row r="172288" spans="8:8">
      <c r="H172288" s="12"/>
    </row>
    <row r="172289" spans="8:8">
      <c r="H172289" s="12"/>
    </row>
    <row r="172290" spans="8:8">
      <c r="H172290" s="12"/>
    </row>
    <row r="172291" spans="8:8">
      <c r="H172291" s="12"/>
    </row>
    <row r="172292" spans="8:8">
      <c r="H172292" s="12"/>
    </row>
    <row r="172293" spans="8:8">
      <c r="H172293" s="12"/>
    </row>
    <row r="172294" spans="8:8">
      <c r="H172294" s="12"/>
    </row>
    <row r="172295" spans="8:8">
      <c r="H172295" s="12"/>
    </row>
    <row r="172296" spans="8:8">
      <c r="H172296" s="12"/>
    </row>
    <row r="172297" spans="8:8">
      <c r="H172297" s="12"/>
    </row>
    <row r="172298" spans="8:8">
      <c r="H172298" s="12"/>
    </row>
    <row r="172299" spans="8:8">
      <c r="H172299" s="12"/>
    </row>
    <row r="172300" spans="8:8">
      <c r="H172300" s="12"/>
    </row>
    <row r="172301" spans="8:8">
      <c r="H172301" s="12"/>
    </row>
    <row r="172302" spans="8:8">
      <c r="H172302" s="12"/>
    </row>
    <row r="172303" spans="8:8">
      <c r="H172303" s="12"/>
    </row>
    <row r="172304" spans="8:8">
      <c r="H172304" s="12"/>
    </row>
    <row r="172305" spans="8:8">
      <c r="H172305" s="12"/>
    </row>
    <row r="172306" spans="8:8">
      <c r="H172306" s="12"/>
    </row>
    <row r="172307" spans="8:8">
      <c r="H172307" s="12"/>
    </row>
    <row r="172308" spans="8:8">
      <c r="H172308" s="12"/>
    </row>
    <row r="172309" spans="8:8">
      <c r="H172309" s="12"/>
    </row>
    <row r="172310" spans="8:8">
      <c r="H172310" s="12"/>
    </row>
    <row r="172311" spans="8:8">
      <c r="H172311" s="12"/>
    </row>
    <row r="172312" spans="8:8">
      <c r="H172312" s="12"/>
    </row>
    <row r="172313" spans="8:8">
      <c r="H172313" s="12"/>
    </row>
    <row r="172314" spans="8:8">
      <c r="H172314" s="12"/>
    </row>
    <row r="172315" spans="8:8">
      <c r="H172315" s="12"/>
    </row>
    <row r="172316" spans="8:8">
      <c r="H172316" s="12"/>
    </row>
    <row r="172317" spans="8:8">
      <c r="H172317" s="12"/>
    </row>
    <row r="172318" spans="8:8">
      <c r="H172318" s="12"/>
    </row>
    <row r="172319" spans="8:8">
      <c r="H172319" s="12"/>
    </row>
    <row r="172320" spans="8:8">
      <c r="H172320" s="12"/>
    </row>
    <row r="172321" spans="8:8">
      <c r="H172321" s="12"/>
    </row>
    <row r="172322" spans="8:8">
      <c r="H172322" s="12"/>
    </row>
    <row r="172323" spans="8:8">
      <c r="H172323" s="12"/>
    </row>
    <row r="172324" spans="8:8">
      <c r="H172324" s="12"/>
    </row>
    <row r="172325" spans="8:8">
      <c r="H172325" s="12"/>
    </row>
    <row r="172326" spans="8:8">
      <c r="H172326" s="12"/>
    </row>
    <row r="172327" spans="8:8">
      <c r="H172327" s="12"/>
    </row>
    <row r="172328" spans="8:8">
      <c r="H172328" s="12"/>
    </row>
    <row r="172329" spans="8:8">
      <c r="H172329" s="12"/>
    </row>
    <row r="172330" spans="8:8">
      <c r="H172330" s="12"/>
    </row>
    <row r="172331" spans="8:8">
      <c r="H172331" s="12"/>
    </row>
    <row r="172332" spans="8:8">
      <c r="H172332" s="12"/>
    </row>
    <row r="172333" spans="8:8">
      <c r="H172333" s="12"/>
    </row>
    <row r="172334" spans="8:8">
      <c r="H172334" s="12"/>
    </row>
    <row r="172335" spans="8:8">
      <c r="H172335" s="12"/>
    </row>
    <row r="172336" spans="8:8">
      <c r="H172336" s="12"/>
    </row>
    <row r="172337" spans="8:8">
      <c r="H172337" s="12"/>
    </row>
    <row r="172338" spans="8:8">
      <c r="H172338" s="12"/>
    </row>
    <row r="172339" spans="8:8">
      <c r="H172339" s="12"/>
    </row>
    <row r="172340" spans="8:8">
      <c r="H172340" s="12"/>
    </row>
    <row r="172341" spans="8:8">
      <c r="H172341" s="12"/>
    </row>
    <row r="172342" spans="8:8">
      <c r="H172342" s="12"/>
    </row>
    <row r="172343" spans="8:8">
      <c r="H172343" s="12"/>
    </row>
    <row r="172344" spans="8:8">
      <c r="H172344" s="12"/>
    </row>
    <row r="172345" spans="8:8">
      <c r="H172345" s="12"/>
    </row>
    <row r="172346" spans="8:8">
      <c r="H172346" s="12"/>
    </row>
    <row r="172347" spans="8:8">
      <c r="H172347" s="12"/>
    </row>
    <row r="172348" spans="8:8">
      <c r="H172348" s="12"/>
    </row>
    <row r="172349" spans="8:8">
      <c r="H172349" s="12"/>
    </row>
    <row r="172350" spans="8:8">
      <c r="H172350" s="12"/>
    </row>
    <row r="172351" spans="8:8">
      <c r="H172351" s="12"/>
    </row>
    <row r="172352" spans="8:8">
      <c r="H172352" s="12"/>
    </row>
    <row r="172353" spans="8:8">
      <c r="H172353" s="12"/>
    </row>
    <row r="172354" spans="8:8">
      <c r="H172354" s="12"/>
    </row>
    <row r="172355" spans="8:8">
      <c r="H172355" s="12"/>
    </row>
    <row r="172356" spans="8:8">
      <c r="H172356" s="12"/>
    </row>
    <row r="172357" spans="8:8">
      <c r="H172357" s="12"/>
    </row>
    <row r="172358" spans="8:8">
      <c r="H172358" s="12"/>
    </row>
    <row r="172359" spans="8:8">
      <c r="H172359" s="12"/>
    </row>
    <row r="172360" spans="8:8">
      <c r="H172360" s="12"/>
    </row>
    <row r="172361" spans="8:8">
      <c r="H172361" s="12"/>
    </row>
    <row r="172362" spans="8:8">
      <c r="H172362" s="12"/>
    </row>
    <row r="172363" spans="8:8">
      <c r="H172363" s="12"/>
    </row>
    <row r="172364" spans="8:8">
      <c r="H172364" s="12"/>
    </row>
    <row r="172365" spans="8:8">
      <c r="H172365" s="12"/>
    </row>
    <row r="172366" spans="8:8">
      <c r="H172366" s="12"/>
    </row>
    <row r="172367" spans="8:8">
      <c r="H172367" s="12"/>
    </row>
    <row r="172368" spans="8:8">
      <c r="H172368" s="12"/>
    </row>
    <row r="172369" spans="8:8">
      <c r="H172369" s="12"/>
    </row>
    <row r="172370" spans="8:8">
      <c r="H172370" s="12"/>
    </row>
    <row r="172371" spans="8:8">
      <c r="H172371" s="12"/>
    </row>
    <row r="172372" spans="8:8">
      <c r="H172372" s="12"/>
    </row>
    <row r="172373" spans="8:8">
      <c r="H172373" s="12"/>
    </row>
    <row r="172374" spans="8:8">
      <c r="H172374" s="12"/>
    </row>
    <row r="172375" spans="8:8">
      <c r="H172375" s="12"/>
    </row>
    <row r="172376" spans="8:8">
      <c r="H172376" s="12"/>
    </row>
    <row r="172377" spans="8:8">
      <c r="H172377" s="12"/>
    </row>
    <row r="172378" spans="8:8">
      <c r="H172378" s="12"/>
    </row>
    <row r="172379" spans="8:8">
      <c r="H172379" s="12"/>
    </row>
    <row r="172380" spans="8:8">
      <c r="H172380" s="12"/>
    </row>
    <row r="172381" spans="8:8">
      <c r="H172381" s="12"/>
    </row>
    <row r="172382" spans="8:8">
      <c r="H172382" s="12"/>
    </row>
    <row r="172383" spans="8:8">
      <c r="H172383" s="12"/>
    </row>
    <row r="172384" spans="8:8">
      <c r="H172384" s="12"/>
    </row>
    <row r="172385" spans="8:8">
      <c r="H172385" s="12"/>
    </row>
    <row r="172386" spans="8:8">
      <c r="H172386" s="12"/>
    </row>
    <row r="172387" spans="8:8">
      <c r="H172387" s="12"/>
    </row>
    <row r="172388" spans="8:8">
      <c r="H172388" s="12"/>
    </row>
    <row r="172389" spans="8:8">
      <c r="H172389" s="12"/>
    </row>
    <row r="172390" spans="8:8">
      <c r="H172390" s="12"/>
    </row>
    <row r="172391" spans="8:8">
      <c r="H172391" s="12"/>
    </row>
    <row r="172392" spans="8:8">
      <c r="H172392" s="12"/>
    </row>
    <row r="172393" spans="8:8">
      <c r="H172393" s="12"/>
    </row>
    <row r="172394" spans="8:8">
      <c r="H172394" s="12"/>
    </row>
    <row r="172395" spans="8:8">
      <c r="H172395" s="12"/>
    </row>
    <row r="172396" spans="8:8">
      <c r="H172396" s="12"/>
    </row>
    <row r="172397" spans="8:8">
      <c r="H172397" s="12"/>
    </row>
    <row r="172398" spans="8:8">
      <c r="H172398" s="12"/>
    </row>
    <row r="172399" spans="8:8">
      <c r="H172399" s="12"/>
    </row>
    <row r="172400" spans="8:8">
      <c r="H172400" s="12"/>
    </row>
    <row r="172401" spans="8:8">
      <c r="H172401" s="12"/>
    </row>
    <row r="172402" spans="8:8">
      <c r="H172402" s="12"/>
    </row>
    <row r="172403" spans="8:8">
      <c r="H172403" s="12"/>
    </row>
    <row r="172404" spans="8:8">
      <c r="H172404" s="12"/>
    </row>
    <row r="172405" spans="8:8">
      <c r="H172405" s="12"/>
    </row>
    <row r="172406" spans="8:8">
      <c r="H172406" s="12"/>
    </row>
    <row r="172407" spans="8:8">
      <c r="H172407" s="12"/>
    </row>
    <row r="172408" spans="8:8">
      <c r="H172408" s="12"/>
    </row>
    <row r="172409" spans="8:8">
      <c r="H172409" s="12"/>
    </row>
    <row r="172410" spans="8:8">
      <c r="H172410" s="12"/>
    </row>
    <row r="172411" spans="8:8">
      <c r="H172411" s="12"/>
    </row>
    <row r="172412" spans="8:8">
      <c r="H172412" s="12"/>
    </row>
    <row r="172413" spans="8:8">
      <c r="H172413" s="12"/>
    </row>
    <row r="172414" spans="8:8">
      <c r="H172414" s="12"/>
    </row>
    <row r="172415" spans="8:8">
      <c r="H172415" s="12"/>
    </row>
    <row r="172416" spans="8:8">
      <c r="H172416" s="12"/>
    </row>
    <row r="172417" spans="8:8">
      <c r="H172417" s="12"/>
    </row>
    <row r="172418" spans="8:8">
      <c r="H172418" s="12"/>
    </row>
    <row r="172419" spans="8:8">
      <c r="H172419" s="12"/>
    </row>
    <row r="172420" spans="8:8">
      <c r="H172420" s="12"/>
    </row>
    <row r="172421" spans="8:8">
      <c r="H172421" s="12"/>
    </row>
    <row r="172422" spans="8:8">
      <c r="H172422" s="12"/>
    </row>
    <row r="172423" spans="8:8">
      <c r="H172423" s="12"/>
    </row>
    <row r="172424" spans="8:8">
      <c r="H172424" s="12"/>
    </row>
    <row r="172425" spans="8:8">
      <c r="H172425" s="12"/>
    </row>
    <row r="172426" spans="8:8">
      <c r="H172426" s="12"/>
    </row>
    <row r="172427" spans="8:8">
      <c r="H172427" s="12"/>
    </row>
    <row r="172428" spans="8:8">
      <c r="H172428" s="12"/>
    </row>
    <row r="172429" spans="8:8">
      <c r="H172429" s="12"/>
    </row>
    <row r="172430" spans="8:8">
      <c r="H172430" s="12"/>
    </row>
    <row r="172431" spans="8:8">
      <c r="H172431" s="12"/>
    </row>
    <row r="172432" spans="8:8">
      <c r="H172432" s="12"/>
    </row>
    <row r="172433" spans="8:8">
      <c r="H172433" s="12"/>
    </row>
    <row r="172434" spans="8:8">
      <c r="H172434" s="12"/>
    </row>
    <row r="172435" spans="8:8">
      <c r="H172435" s="12"/>
    </row>
    <row r="172436" spans="8:8">
      <c r="H172436" s="12"/>
    </row>
    <row r="172437" spans="8:8">
      <c r="H172437" s="12"/>
    </row>
    <row r="172438" spans="8:8">
      <c r="H172438" s="12"/>
    </row>
    <row r="172439" spans="8:8">
      <c r="H172439" s="12"/>
    </row>
    <row r="172440" spans="8:8">
      <c r="H172440" s="12"/>
    </row>
    <row r="172441" spans="8:8">
      <c r="H172441" s="12"/>
    </row>
    <row r="172442" spans="8:8">
      <c r="H172442" s="12"/>
    </row>
    <row r="172443" spans="8:8">
      <c r="H172443" s="12"/>
    </row>
    <row r="172444" spans="8:8">
      <c r="H172444" s="12"/>
    </row>
    <row r="172445" spans="8:8">
      <c r="H172445" s="12"/>
    </row>
    <row r="172446" spans="8:8">
      <c r="H172446" s="12"/>
    </row>
    <row r="172447" spans="8:8">
      <c r="H172447" s="12"/>
    </row>
    <row r="172448" spans="8:8">
      <c r="H172448" s="12"/>
    </row>
    <row r="172449" spans="8:8">
      <c r="H172449" s="12"/>
    </row>
    <row r="172450" spans="8:8">
      <c r="H172450" s="12"/>
    </row>
    <row r="172451" spans="8:8">
      <c r="H172451" s="12"/>
    </row>
    <row r="172452" spans="8:8">
      <c r="H172452" s="12"/>
    </row>
    <row r="172453" spans="8:8">
      <c r="H172453" s="12"/>
    </row>
    <row r="172454" spans="8:8">
      <c r="H172454" s="12"/>
    </row>
    <row r="172455" spans="8:8">
      <c r="H172455" s="12"/>
    </row>
    <row r="172456" spans="8:8">
      <c r="H172456" s="12"/>
    </row>
    <row r="172457" spans="8:8">
      <c r="H172457" s="12"/>
    </row>
    <row r="172458" spans="8:8">
      <c r="H172458" s="12"/>
    </row>
    <row r="172459" spans="8:8">
      <c r="H172459" s="12"/>
    </row>
    <row r="172460" spans="8:8">
      <c r="H172460" s="12"/>
    </row>
    <row r="172461" spans="8:8">
      <c r="H172461" s="12"/>
    </row>
    <row r="172462" spans="8:8">
      <c r="H172462" s="12"/>
    </row>
    <row r="172463" spans="8:8">
      <c r="H172463" s="12"/>
    </row>
    <row r="172464" spans="8:8">
      <c r="H172464" s="12"/>
    </row>
    <row r="172465" spans="8:8">
      <c r="H172465" s="12"/>
    </row>
    <row r="172466" spans="8:8">
      <c r="H172466" s="12"/>
    </row>
    <row r="172467" spans="8:8">
      <c r="H172467" s="12"/>
    </row>
    <row r="172468" spans="8:8">
      <c r="H172468" s="12"/>
    </row>
    <row r="172469" spans="8:8">
      <c r="H172469" s="12"/>
    </row>
    <row r="172470" spans="8:8">
      <c r="H172470" s="12"/>
    </row>
    <row r="172471" spans="8:8">
      <c r="H172471" s="12"/>
    </row>
    <row r="172472" spans="8:8">
      <c r="H172472" s="12"/>
    </row>
    <row r="172473" spans="8:8">
      <c r="H172473" s="12"/>
    </row>
    <row r="172474" spans="8:8">
      <c r="H172474" s="12"/>
    </row>
    <row r="172475" spans="8:8">
      <c r="H172475" s="12"/>
    </row>
    <row r="172476" spans="8:8">
      <c r="H172476" s="12"/>
    </row>
    <row r="172477" spans="8:8">
      <c r="H172477" s="12"/>
    </row>
    <row r="172478" spans="8:8">
      <c r="H172478" s="12"/>
    </row>
    <row r="172479" spans="8:8">
      <c r="H172479" s="12"/>
    </row>
    <row r="172480" spans="8:8">
      <c r="H172480" s="12"/>
    </row>
    <row r="172481" spans="8:8">
      <c r="H172481" s="12"/>
    </row>
    <row r="172482" spans="8:8">
      <c r="H172482" s="12"/>
    </row>
    <row r="172483" spans="8:8">
      <c r="H172483" s="12"/>
    </row>
    <row r="172484" spans="8:8">
      <c r="H172484" s="12"/>
    </row>
    <row r="172485" spans="8:8">
      <c r="H172485" s="12"/>
    </row>
    <row r="172486" spans="8:8">
      <c r="H172486" s="12"/>
    </row>
    <row r="172487" spans="8:8">
      <c r="H172487" s="12"/>
    </row>
    <row r="172488" spans="8:8">
      <c r="H172488" s="12"/>
    </row>
    <row r="172489" spans="8:8">
      <c r="H172489" s="12"/>
    </row>
    <row r="172490" spans="8:8">
      <c r="H172490" s="12"/>
    </row>
    <row r="172491" spans="8:8">
      <c r="H172491" s="12"/>
    </row>
    <row r="172492" spans="8:8">
      <c r="H172492" s="12"/>
    </row>
    <row r="172493" spans="8:8">
      <c r="H172493" s="12"/>
    </row>
    <row r="172494" spans="8:8">
      <c r="H172494" s="12"/>
    </row>
    <row r="172495" spans="8:8">
      <c r="H172495" s="12"/>
    </row>
    <row r="172496" spans="8:8">
      <c r="H172496" s="12"/>
    </row>
    <row r="172497" spans="8:8">
      <c r="H172497" s="12"/>
    </row>
    <row r="172498" spans="8:8">
      <c r="H172498" s="12"/>
    </row>
    <row r="172499" spans="8:8">
      <c r="H172499" s="12"/>
    </row>
    <row r="172500" spans="8:8">
      <c r="H172500" s="12"/>
    </row>
    <row r="172501" spans="8:8">
      <c r="H172501" s="12"/>
    </row>
    <row r="172502" spans="8:8">
      <c r="H172502" s="12"/>
    </row>
    <row r="172503" spans="8:8">
      <c r="H172503" s="12"/>
    </row>
    <row r="172504" spans="8:8">
      <c r="H172504" s="12"/>
    </row>
    <row r="172505" spans="8:8">
      <c r="H172505" s="12"/>
    </row>
    <row r="172506" spans="8:8">
      <c r="H172506" s="12"/>
    </row>
    <row r="172507" spans="8:8">
      <c r="H172507" s="12"/>
    </row>
    <row r="172508" spans="8:8">
      <c r="H172508" s="12"/>
    </row>
    <row r="172509" spans="8:8">
      <c r="H172509" s="12"/>
    </row>
    <row r="172510" spans="8:8">
      <c r="H172510" s="12"/>
    </row>
    <row r="172511" spans="8:8">
      <c r="H172511" s="12"/>
    </row>
    <row r="172512" spans="8:8">
      <c r="H172512" s="12"/>
    </row>
    <row r="172513" spans="8:8">
      <c r="H172513" s="12"/>
    </row>
    <row r="172514" spans="8:8">
      <c r="H172514" s="12"/>
    </row>
    <row r="172515" spans="8:8">
      <c r="H172515" s="12"/>
    </row>
    <row r="172516" spans="8:8">
      <c r="H172516" s="12"/>
    </row>
    <row r="172517" spans="8:8">
      <c r="H172517" s="12"/>
    </row>
    <row r="172518" spans="8:8">
      <c r="H172518" s="12"/>
    </row>
    <row r="172519" spans="8:8">
      <c r="H172519" s="12"/>
    </row>
    <row r="172520" spans="8:8">
      <c r="H172520" s="12"/>
    </row>
    <row r="172521" spans="8:8">
      <c r="H172521" s="12"/>
    </row>
    <row r="172522" spans="8:8">
      <c r="H172522" s="12"/>
    </row>
    <row r="172523" spans="8:8">
      <c r="H172523" s="12"/>
    </row>
    <row r="172524" spans="8:8">
      <c r="H172524" s="12"/>
    </row>
    <row r="172525" spans="8:8">
      <c r="H172525" s="12"/>
    </row>
    <row r="172526" spans="8:8">
      <c r="H172526" s="12"/>
    </row>
    <row r="172527" spans="8:8">
      <c r="H172527" s="12"/>
    </row>
    <row r="172528" spans="8:8">
      <c r="H172528" s="12"/>
    </row>
    <row r="172529" spans="8:8">
      <c r="H172529" s="12"/>
    </row>
    <row r="172530" spans="8:8">
      <c r="H172530" s="12"/>
    </row>
    <row r="172531" spans="8:8">
      <c r="H172531" s="12"/>
    </row>
    <row r="172532" spans="8:8">
      <c r="H172532" s="12"/>
    </row>
    <row r="172533" spans="8:8">
      <c r="H172533" s="12"/>
    </row>
    <row r="172534" spans="8:8">
      <c r="H172534" s="12"/>
    </row>
    <row r="172535" spans="8:8">
      <c r="H172535" s="12"/>
    </row>
    <row r="172536" spans="8:8">
      <c r="H172536" s="12"/>
    </row>
    <row r="172537" spans="8:8">
      <c r="H172537" s="12"/>
    </row>
    <row r="172538" spans="8:8">
      <c r="H172538" s="12"/>
    </row>
    <row r="172539" spans="8:8">
      <c r="H172539" s="12"/>
    </row>
    <row r="172540" spans="8:8">
      <c r="H172540" s="12"/>
    </row>
    <row r="172541" spans="8:8">
      <c r="H172541" s="12"/>
    </row>
    <row r="172542" spans="8:8">
      <c r="H172542" s="12"/>
    </row>
    <row r="172543" spans="8:8">
      <c r="H172543" s="12"/>
    </row>
    <row r="172544" spans="8:8">
      <c r="H172544" s="12"/>
    </row>
    <row r="172545" spans="8:8">
      <c r="H172545" s="12"/>
    </row>
    <row r="172546" spans="8:8">
      <c r="H172546" s="12"/>
    </row>
    <row r="172547" spans="8:8">
      <c r="H172547" s="12"/>
    </row>
    <row r="172548" spans="8:8">
      <c r="H172548" s="12"/>
    </row>
    <row r="172549" spans="8:8">
      <c r="H172549" s="12"/>
    </row>
    <row r="172550" spans="8:8">
      <c r="H172550" s="12"/>
    </row>
    <row r="172551" spans="8:8">
      <c r="H172551" s="12"/>
    </row>
    <row r="172552" spans="8:8">
      <c r="H172552" s="12"/>
    </row>
    <row r="172553" spans="8:8">
      <c r="H172553" s="12"/>
    </row>
    <row r="172554" spans="8:8">
      <c r="H172554" s="12"/>
    </row>
    <row r="172555" spans="8:8">
      <c r="H172555" s="12"/>
    </row>
    <row r="172556" spans="8:8">
      <c r="H172556" s="12"/>
    </row>
    <row r="172557" spans="8:8">
      <c r="H172557" s="12"/>
    </row>
    <row r="172558" spans="8:8">
      <c r="H172558" s="12"/>
    </row>
    <row r="172559" spans="8:8">
      <c r="H172559" s="12"/>
    </row>
    <row r="172560" spans="8:8">
      <c r="H172560" s="12"/>
    </row>
    <row r="172561" spans="8:8">
      <c r="H172561" s="12"/>
    </row>
    <row r="172562" spans="8:8">
      <c r="H172562" s="12"/>
    </row>
    <row r="172563" spans="8:8">
      <c r="H172563" s="12"/>
    </row>
    <row r="172564" spans="8:8">
      <c r="H172564" s="12"/>
    </row>
    <row r="172565" spans="8:8">
      <c r="H172565" s="12"/>
    </row>
    <row r="172566" spans="8:8">
      <c r="H172566" s="12"/>
    </row>
    <row r="172567" spans="8:8">
      <c r="H172567" s="12"/>
    </row>
    <row r="172568" spans="8:8">
      <c r="H172568" s="12"/>
    </row>
    <row r="172569" spans="8:8">
      <c r="H172569" s="12"/>
    </row>
    <row r="172570" spans="8:8">
      <c r="H172570" s="12"/>
    </row>
    <row r="172571" spans="8:8">
      <c r="H172571" s="12"/>
    </row>
    <row r="172572" spans="8:8">
      <c r="H172572" s="12"/>
    </row>
    <row r="172573" spans="8:8">
      <c r="H172573" s="12"/>
    </row>
    <row r="172574" spans="8:8">
      <c r="H172574" s="12"/>
    </row>
    <row r="172575" spans="8:8">
      <c r="H172575" s="12"/>
    </row>
    <row r="172576" spans="8:8">
      <c r="H172576" s="12"/>
    </row>
    <row r="172577" spans="8:8">
      <c r="H172577" s="12"/>
    </row>
    <row r="172578" spans="8:8">
      <c r="H172578" s="12"/>
    </row>
    <row r="172579" spans="8:8">
      <c r="H172579" s="12"/>
    </row>
    <row r="172580" spans="8:8">
      <c r="H172580" s="12"/>
    </row>
    <row r="172581" spans="8:8">
      <c r="H172581" s="12"/>
    </row>
    <row r="172582" spans="8:8">
      <c r="H172582" s="12"/>
    </row>
    <row r="172583" spans="8:8">
      <c r="H172583" s="12"/>
    </row>
    <row r="172584" spans="8:8">
      <c r="H172584" s="12"/>
    </row>
    <row r="172585" spans="8:8">
      <c r="H172585" s="12"/>
    </row>
    <row r="172586" spans="8:8">
      <c r="H172586" s="12"/>
    </row>
    <row r="172587" spans="8:8">
      <c r="H172587" s="12"/>
    </row>
    <row r="172588" spans="8:8">
      <c r="H172588" s="12"/>
    </row>
    <row r="172589" spans="8:8">
      <c r="H172589" s="12"/>
    </row>
    <row r="172590" spans="8:8">
      <c r="H172590" s="12"/>
    </row>
    <row r="172591" spans="8:8">
      <c r="H172591" s="12"/>
    </row>
    <row r="172592" spans="8:8">
      <c r="H172592" s="12"/>
    </row>
    <row r="172593" spans="8:8">
      <c r="H172593" s="12"/>
    </row>
    <row r="172594" spans="8:8">
      <c r="H172594" s="12"/>
    </row>
    <row r="172595" spans="8:8">
      <c r="H172595" s="12"/>
    </row>
    <row r="172596" spans="8:8">
      <c r="H172596" s="12"/>
    </row>
    <row r="172597" spans="8:8">
      <c r="H172597" s="12"/>
    </row>
    <row r="172598" spans="8:8">
      <c r="H172598" s="12"/>
    </row>
    <row r="172599" spans="8:8">
      <c r="H172599" s="12"/>
    </row>
    <row r="172600" spans="8:8">
      <c r="H172600" s="12"/>
    </row>
    <row r="172601" spans="8:8">
      <c r="H172601" s="12"/>
    </row>
    <row r="172602" spans="8:8">
      <c r="H172602" s="12"/>
    </row>
    <row r="172603" spans="8:8">
      <c r="H172603" s="12"/>
    </row>
    <row r="172604" spans="8:8">
      <c r="H172604" s="12"/>
    </row>
    <row r="172605" spans="8:8">
      <c r="H172605" s="12"/>
    </row>
    <row r="172606" spans="8:8">
      <c r="H172606" s="12"/>
    </row>
    <row r="172607" spans="8:8">
      <c r="H172607" s="12"/>
    </row>
    <row r="172608" spans="8:8">
      <c r="H172608" s="12"/>
    </row>
    <row r="172609" spans="8:8">
      <c r="H172609" s="12"/>
    </row>
    <row r="172610" spans="8:8">
      <c r="H172610" s="12"/>
    </row>
    <row r="172611" spans="8:8">
      <c r="H172611" s="12"/>
    </row>
    <row r="172612" spans="8:8">
      <c r="H172612" s="12"/>
    </row>
    <row r="172613" spans="8:8">
      <c r="H172613" s="12"/>
    </row>
    <row r="172614" spans="8:8">
      <c r="H172614" s="12"/>
    </row>
    <row r="172615" spans="8:8">
      <c r="H172615" s="12"/>
    </row>
    <row r="172616" spans="8:8">
      <c r="H172616" s="12"/>
    </row>
    <row r="172617" spans="8:8">
      <c r="H172617" s="12"/>
    </row>
    <row r="172618" spans="8:8">
      <c r="H172618" s="12"/>
    </row>
    <row r="172619" spans="8:8">
      <c r="H172619" s="12"/>
    </row>
    <row r="172620" spans="8:8">
      <c r="H172620" s="12"/>
    </row>
    <row r="172621" spans="8:8">
      <c r="H172621" s="12"/>
    </row>
    <row r="172622" spans="8:8">
      <c r="H172622" s="12"/>
    </row>
    <row r="172623" spans="8:8">
      <c r="H172623" s="12"/>
    </row>
    <row r="172624" spans="8:8">
      <c r="H172624" s="12"/>
    </row>
    <row r="172625" spans="8:8">
      <c r="H172625" s="12"/>
    </row>
    <row r="172626" spans="8:8">
      <c r="H172626" s="12"/>
    </row>
    <row r="172627" spans="8:8">
      <c r="H172627" s="12"/>
    </row>
    <row r="172628" spans="8:8">
      <c r="H172628" s="12"/>
    </row>
    <row r="172629" spans="8:8">
      <c r="H172629" s="12"/>
    </row>
    <row r="172630" spans="8:8">
      <c r="H172630" s="12"/>
    </row>
    <row r="172631" spans="8:8">
      <c r="H172631" s="12"/>
    </row>
    <row r="172632" spans="8:8">
      <c r="H172632" s="12"/>
    </row>
    <row r="172633" spans="8:8">
      <c r="H172633" s="12"/>
    </row>
    <row r="172634" spans="8:8">
      <c r="H172634" s="12"/>
    </row>
    <row r="172635" spans="8:8">
      <c r="H172635" s="12"/>
    </row>
    <row r="172636" spans="8:8">
      <c r="H172636" s="12"/>
    </row>
    <row r="172637" spans="8:8">
      <c r="H172637" s="12"/>
    </row>
    <row r="172638" spans="8:8">
      <c r="H172638" s="12"/>
    </row>
    <row r="172639" spans="8:8">
      <c r="H172639" s="12"/>
    </row>
    <row r="172640" spans="8:8">
      <c r="H172640" s="12"/>
    </row>
    <row r="172641" spans="8:8">
      <c r="H172641" s="12"/>
    </row>
    <row r="172642" spans="8:8">
      <c r="H172642" s="12"/>
    </row>
    <row r="172643" spans="8:8">
      <c r="H172643" s="12"/>
    </row>
    <row r="172644" spans="8:8">
      <c r="H172644" s="12"/>
    </row>
    <row r="172645" spans="8:8">
      <c r="H172645" s="12"/>
    </row>
    <row r="172646" spans="8:8">
      <c r="H172646" s="12"/>
    </row>
    <row r="172647" spans="8:8">
      <c r="H172647" s="12"/>
    </row>
    <row r="172648" spans="8:8">
      <c r="H172648" s="12"/>
    </row>
    <row r="172649" spans="8:8">
      <c r="H172649" s="12"/>
    </row>
    <row r="172650" spans="8:8">
      <c r="H172650" s="12"/>
    </row>
    <row r="172651" spans="8:8">
      <c r="H172651" s="12"/>
    </row>
    <row r="172652" spans="8:8">
      <c r="H172652" s="12"/>
    </row>
    <row r="172653" spans="8:8">
      <c r="H172653" s="12"/>
    </row>
    <row r="172654" spans="8:8">
      <c r="H172654" s="12"/>
    </row>
    <row r="172655" spans="8:8">
      <c r="H172655" s="12"/>
    </row>
    <row r="172656" spans="8:8">
      <c r="H172656" s="12"/>
    </row>
    <row r="172657" spans="8:8">
      <c r="H172657" s="12"/>
    </row>
    <row r="172658" spans="8:8">
      <c r="H172658" s="12"/>
    </row>
    <row r="172659" spans="8:8">
      <c r="H172659" s="12"/>
    </row>
    <row r="172660" spans="8:8">
      <c r="H172660" s="12"/>
    </row>
    <row r="172661" spans="8:8">
      <c r="H172661" s="12"/>
    </row>
    <row r="172662" spans="8:8">
      <c r="H172662" s="12"/>
    </row>
    <row r="172663" spans="8:8">
      <c r="H172663" s="12"/>
    </row>
    <row r="172664" spans="8:8">
      <c r="H172664" s="12"/>
    </row>
    <row r="172665" spans="8:8">
      <c r="H172665" s="12"/>
    </row>
    <row r="172666" spans="8:8">
      <c r="H172666" s="12"/>
    </row>
    <row r="172667" spans="8:8">
      <c r="H172667" s="12"/>
    </row>
    <row r="172668" spans="8:8">
      <c r="H172668" s="12"/>
    </row>
    <row r="172669" spans="8:8">
      <c r="H172669" s="12"/>
    </row>
    <row r="172670" spans="8:8">
      <c r="H172670" s="12"/>
    </row>
    <row r="172671" spans="8:8">
      <c r="H172671" s="12"/>
    </row>
    <row r="172672" spans="8:8">
      <c r="H172672" s="12"/>
    </row>
    <row r="172673" spans="8:8">
      <c r="H172673" s="12"/>
    </row>
    <row r="172674" spans="8:8">
      <c r="H172674" s="12"/>
    </row>
    <row r="172675" spans="8:8">
      <c r="H172675" s="12"/>
    </row>
    <row r="172676" spans="8:8">
      <c r="H172676" s="12"/>
    </row>
    <row r="172677" spans="8:8">
      <c r="H172677" s="12"/>
    </row>
    <row r="172678" spans="8:8">
      <c r="H172678" s="12"/>
    </row>
    <row r="172679" spans="8:8">
      <c r="H172679" s="12"/>
    </row>
    <row r="172680" spans="8:8">
      <c r="H172680" s="12"/>
    </row>
    <row r="172681" spans="8:8">
      <c r="H172681" s="12"/>
    </row>
    <row r="172682" spans="8:8">
      <c r="H172682" s="12"/>
    </row>
    <row r="172683" spans="8:8">
      <c r="H172683" s="12"/>
    </row>
    <row r="172684" spans="8:8">
      <c r="H172684" s="12"/>
    </row>
    <row r="172685" spans="8:8">
      <c r="H172685" s="12"/>
    </row>
    <row r="172686" spans="8:8">
      <c r="H172686" s="12"/>
    </row>
    <row r="172687" spans="8:8">
      <c r="H172687" s="12"/>
    </row>
    <row r="172688" spans="8:8">
      <c r="H172688" s="12"/>
    </row>
    <row r="172689" spans="8:8">
      <c r="H172689" s="12"/>
    </row>
    <row r="172690" spans="8:8">
      <c r="H172690" s="12"/>
    </row>
    <row r="172691" spans="8:8">
      <c r="H172691" s="12"/>
    </row>
    <row r="172692" spans="8:8">
      <c r="H172692" s="12"/>
    </row>
    <row r="172693" spans="8:8">
      <c r="H172693" s="12"/>
    </row>
    <row r="172694" spans="8:8">
      <c r="H172694" s="12"/>
    </row>
    <row r="172695" spans="8:8">
      <c r="H172695" s="12"/>
    </row>
    <row r="172696" spans="8:8">
      <c r="H172696" s="12"/>
    </row>
    <row r="172697" spans="8:8">
      <c r="H172697" s="12"/>
    </row>
    <row r="172698" spans="8:8">
      <c r="H172698" s="12"/>
    </row>
    <row r="172699" spans="8:8">
      <c r="H172699" s="12"/>
    </row>
    <row r="172700" spans="8:8">
      <c r="H172700" s="12"/>
    </row>
    <row r="172701" spans="8:8">
      <c r="H172701" s="12"/>
    </row>
    <row r="172702" spans="8:8">
      <c r="H172702" s="12"/>
    </row>
    <row r="172703" spans="8:8">
      <c r="H172703" s="12"/>
    </row>
    <row r="172704" spans="8:8">
      <c r="H172704" s="12"/>
    </row>
    <row r="172705" spans="8:8">
      <c r="H172705" s="12"/>
    </row>
    <row r="172706" spans="8:8">
      <c r="H172706" s="12"/>
    </row>
    <row r="172707" spans="8:8">
      <c r="H172707" s="12"/>
    </row>
    <row r="172708" spans="8:8">
      <c r="H172708" s="12"/>
    </row>
    <row r="172709" spans="8:8">
      <c r="H172709" s="12"/>
    </row>
    <row r="172710" spans="8:8">
      <c r="H172710" s="12"/>
    </row>
    <row r="172711" spans="8:8">
      <c r="H172711" s="12"/>
    </row>
    <row r="172712" spans="8:8">
      <c r="H172712" s="12"/>
    </row>
    <row r="172713" spans="8:8">
      <c r="H172713" s="12"/>
    </row>
    <row r="172714" spans="8:8">
      <c r="H172714" s="12"/>
    </row>
    <row r="172715" spans="8:8">
      <c r="H172715" s="12"/>
    </row>
    <row r="172716" spans="8:8">
      <c r="H172716" s="12"/>
    </row>
    <row r="172717" spans="8:8">
      <c r="H172717" s="12"/>
    </row>
    <row r="172718" spans="8:8">
      <c r="H172718" s="12"/>
    </row>
    <row r="172719" spans="8:8">
      <c r="H172719" s="12"/>
    </row>
    <row r="172720" spans="8:8">
      <c r="H172720" s="12"/>
    </row>
    <row r="172721" spans="8:8">
      <c r="H172721" s="12"/>
    </row>
    <row r="172722" spans="8:8">
      <c r="H172722" s="12"/>
    </row>
    <row r="172723" spans="8:8">
      <c r="H172723" s="12"/>
    </row>
    <row r="172724" spans="8:8">
      <c r="H172724" s="12"/>
    </row>
    <row r="172725" spans="8:8">
      <c r="H172725" s="12"/>
    </row>
    <row r="172726" spans="8:8">
      <c r="H172726" s="12"/>
    </row>
    <row r="172727" spans="8:8">
      <c r="H172727" s="12"/>
    </row>
    <row r="172728" spans="8:8">
      <c r="H172728" s="12"/>
    </row>
    <row r="172729" spans="8:8">
      <c r="H172729" s="12"/>
    </row>
    <row r="172730" spans="8:8">
      <c r="H172730" s="12"/>
    </row>
    <row r="172731" spans="8:8">
      <c r="H172731" s="12"/>
    </row>
    <row r="172732" spans="8:8">
      <c r="H172732" s="12"/>
    </row>
    <row r="172733" spans="8:8">
      <c r="H172733" s="12"/>
    </row>
    <row r="172734" spans="8:8">
      <c r="H172734" s="12"/>
    </row>
    <row r="172735" spans="8:8">
      <c r="H172735" s="12"/>
    </row>
    <row r="172736" spans="8:8">
      <c r="H172736" s="12"/>
    </row>
    <row r="172737" spans="8:8">
      <c r="H172737" s="12"/>
    </row>
    <row r="172738" spans="8:8">
      <c r="H172738" s="12"/>
    </row>
    <row r="172739" spans="8:8">
      <c r="H172739" s="12"/>
    </row>
    <row r="172740" spans="8:8">
      <c r="H172740" s="12"/>
    </row>
    <row r="172741" spans="8:8">
      <c r="H172741" s="12"/>
    </row>
    <row r="172742" spans="8:8">
      <c r="H172742" s="12"/>
    </row>
    <row r="172743" spans="8:8">
      <c r="H172743" s="12"/>
    </row>
    <row r="172744" spans="8:8">
      <c r="H172744" s="12"/>
    </row>
    <row r="172745" spans="8:8">
      <c r="H172745" s="12"/>
    </row>
    <row r="172746" spans="8:8">
      <c r="H172746" s="12"/>
    </row>
    <row r="172747" spans="8:8">
      <c r="H172747" s="12"/>
    </row>
    <row r="172748" spans="8:8">
      <c r="H172748" s="12"/>
    </row>
    <row r="172749" spans="8:8">
      <c r="H172749" s="12"/>
    </row>
    <row r="172750" spans="8:8">
      <c r="H172750" s="12"/>
    </row>
    <row r="172751" spans="8:8">
      <c r="H172751" s="12"/>
    </row>
    <row r="172752" spans="8:8">
      <c r="H172752" s="12"/>
    </row>
    <row r="172753" spans="8:8">
      <c r="H172753" s="12"/>
    </row>
    <row r="172754" spans="8:8">
      <c r="H172754" s="12"/>
    </row>
    <row r="172755" spans="8:8">
      <c r="H172755" s="12"/>
    </row>
    <row r="172756" spans="8:8">
      <c r="H172756" s="12"/>
    </row>
    <row r="172757" spans="8:8">
      <c r="H172757" s="12"/>
    </row>
    <row r="172758" spans="8:8">
      <c r="H172758" s="12"/>
    </row>
    <row r="172759" spans="8:8">
      <c r="H172759" s="12"/>
    </row>
    <row r="172760" spans="8:8">
      <c r="H172760" s="12"/>
    </row>
    <row r="172761" spans="8:8">
      <c r="H172761" s="12"/>
    </row>
    <row r="172762" spans="8:8">
      <c r="H172762" s="12"/>
    </row>
    <row r="172763" spans="8:8">
      <c r="H172763" s="12"/>
    </row>
    <row r="172764" spans="8:8">
      <c r="H172764" s="12"/>
    </row>
    <row r="172765" spans="8:8">
      <c r="H172765" s="12"/>
    </row>
    <row r="172766" spans="8:8">
      <c r="H172766" s="12"/>
    </row>
    <row r="172767" spans="8:8">
      <c r="H172767" s="12"/>
    </row>
    <row r="172768" spans="8:8">
      <c r="H172768" s="12"/>
    </row>
    <row r="172769" spans="8:8">
      <c r="H172769" s="12"/>
    </row>
    <row r="172770" spans="8:8">
      <c r="H172770" s="12"/>
    </row>
    <row r="172771" spans="8:8">
      <c r="H172771" s="12"/>
    </row>
    <row r="172772" spans="8:8">
      <c r="H172772" s="12"/>
    </row>
    <row r="172773" spans="8:8">
      <c r="H172773" s="12"/>
    </row>
    <row r="172774" spans="8:8">
      <c r="H172774" s="12"/>
    </row>
    <row r="172775" spans="8:8">
      <c r="H172775" s="12"/>
    </row>
    <row r="172776" spans="8:8">
      <c r="H172776" s="12"/>
    </row>
    <row r="172777" spans="8:8">
      <c r="H172777" s="12"/>
    </row>
    <row r="172778" spans="8:8">
      <c r="H172778" s="12"/>
    </row>
    <row r="172779" spans="8:8">
      <c r="H172779" s="12"/>
    </row>
    <row r="172780" spans="8:8">
      <c r="H172780" s="12"/>
    </row>
    <row r="172781" spans="8:8">
      <c r="H172781" s="12"/>
    </row>
    <row r="172782" spans="8:8">
      <c r="H172782" s="12"/>
    </row>
    <row r="172783" spans="8:8">
      <c r="H172783" s="12"/>
    </row>
    <row r="172784" spans="8:8">
      <c r="H172784" s="12"/>
    </row>
    <row r="172785" spans="8:8">
      <c r="H172785" s="12"/>
    </row>
    <row r="172786" spans="8:8">
      <c r="H172786" s="12"/>
    </row>
    <row r="172787" spans="8:8">
      <c r="H172787" s="12"/>
    </row>
    <row r="172788" spans="8:8">
      <c r="H172788" s="12"/>
    </row>
    <row r="172789" spans="8:8">
      <c r="H172789" s="12"/>
    </row>
    <row r="172790" spans="8:8">
      <c r="H172790" s="12"/>
    </row>
    <row r="172791" spans="8:8">
      <c r="H172791" s="12"/>
    </row>
    <row r="172792" spans="8:8">
      <c r="H172792" s="12"/>
    </row>
    <row r="172793" spans="8:8">
      <c r="H172793" s="12"/>
    </row>
    <row r="172794" spans="8:8">
      <c r="H172794" s="12"/>
    </row>
    <row r="172795" spans="8:8">
      <c r="H172795" s="12"/>
    </row>
    <row r="172796" spans="8:8">
      <c r="H172796" s="12"/>
    </row>
    <row r="172797" spans="8:8">
      <c r="H172797" s="12"/>
    </row>
    <row r="172798" spans="8:8">
      <c r="H172798" s="12"/>
    </row>
    <row r="172799" spans="8:8">
      <c r="H172799" s="12"/>
    </row>
    <row r="172800" spans="8:8">
      <c r="H172800" s="12"/>
    </row>
    <row r="172801" spans="8:8">
      <c r="H172801" s="12"/>
    </row>
    <row r="172802" spans="8:8">
      <c r="H172802" s="12"/>
    </row>
    <row r="172803" spans="8:8">
      <c r="H172803" s="12"/>
    </row>
    <row r="172804" spans="8:8">
      <c r="H172804" s="12"/>
    </row>
    <row r="172805" spans="8:8">
      <c r="H172805" s="12"/>
    </row>
    <row r="172806" spans="8:8">
      <c r="H172806" s="12"/>
    </row>
    <row r="172807" spans="8:8">
      <c r="H172807" s="12"/>
    </row>
    <row r="172808" spans="8:8">
      <c r="H172808" s="12"/>
    </row>
    <row r="172809" spans="8:8">
      <c r="H172809" s="12"/>
    </row>
    <row r="172810" spans="8:8">
      <c r="H172810" s="12"/>
    </row>
    <row r="172811" spans="8:8">
      <c r="H172811" s="12"/>
    </row>
    <row r="172812" spans="8:8">
      <c r="H172812" s="12"/>
    </row>
    <row r="172813" spans="8:8">
      <c r="H172813" s="12"/>
    </row>
    <row r="172814" spans="8:8">
      <c r="H172814" s="12"/>
    </row>
    <row r="172815" spans="8:8">
      <c r="H172815" s="12"/>
    </row>
    <row r="172816" spans="8:8">
      <c r="H172816" s="12"/>
    </row>
    <row r="172817" spans="8:8">
      <c r="H172817" s="12"/>
    </row>
    <row r="172818" spans="8:8">
      <c r="H172818" s="12"/>
    </row>
    <row r="172819" spans="8:8">
      <c r="H172819" s="12"/>
    </row>
    <row r="172820" spans="8:8">
      <c r="H172820" s="12"/>
    </row>
    <row r="172821" spans="8:8">
      <c r="H172821" s="12"/>
    </row>
    <row r="172822" spans="8:8">
      <c r="H172822" s="12"/>
    </row>
    <row r="172823" spans="8:8">
      <c r="H172823" s="12"/>
    </row>
    <row r="172824" spans="8:8">
      <c r="H172824" s="12"/>
    </row>
    <row r="172825" spans="8:8">
      <c r="H172825" s="12"/>
    </row>
    <row r="172826" spans="8:8">
      <c r="H172826" s="12"/>
    </row>
    <row r="172827" spans="8:8">
      <c r="H172827" s="12"/>
    </row>
    <row r="172828" spans="8:8">
      <c r="H172828" s="12"/>
    </row>
    <row r="172829" spans="8:8">
      <c r="H172829" s="12"/>
    </row>
    <row r="172830" spans="8:8">
      <c r="H172830" s="12"/>
    </row>
    <row r="172831" spans="8:8">
      <c r="H172831" s="12"/>
    </row>
    <row r="172832" spans="8:8">
      <c r="H172832" s="12"/>
    </row>
    <row r="172833" spans="8:8">
      <c r="H172833" s="12"/>
    </row>
    <row r="172834" spans="8:8">
      <c r="H172834" s="12"/>
    </row>
    <row r="172835" spans="8:8">
      <c r="H172835" s="12"/>
    </row>
    <row r="172836" spans="8:8">
      <c r="H172836" s="12"/>
    </row>
    <row r="172837" spans="8:8">
      <c r="H172837" s="12"/>
    </row>
    <row r="172838" spans="8:8">
      <c r="H172838" s="12"/>
    </row>
    <row r="172839" spans="8:8">
      <c r="H172839" s="12"/>
    </row>
    <row r="172840" spans="8:8">
      <c r="H172840" s="12"/>
    </row>
    <row r="172841" spans="8:8">
      <c r="H172841" s="12"/>
    </row>
    <row r="172842" spans="8:8">
      <c r="H172842" s="12"/>
    </row>
    <row r="172843" spans="8:8">
      <c r="H172843" s="12"/>
    </row>
    <row r="172844" spans="8:8">
      <c r="H172844" s="12"/>
    </row>
    <row r="172845" spans="8:8">
      <c r="H172845" s="12"/>
    </row>
    <row r="172846" spans="8:8">
      <c r="H172846" s="12"/>
    </row>
    <row r="172847" spans="8:8">
      <c r="H172847" s="12"/>
    </row>
    <row r="172848" spans="8:8">
      <c r="H172848" s="12"/>
    </row>
    <row r="172849" spans="8:8">
      <c r="H172849" s="12"/>
    </row>
    <row r="172850" spans="8:8">
      <c r="H172850" s="12"/>
    </row>
    <row r="172851" spans="8:8">
      <c r="H172851" s="12"/>
    </row>
    <row r="172852" spans="8:8">
      <c r="H172852" s="12"/>
    </row>
    <row r="172853" spans="8:8">
      <c r="H172853" s="12"/>
    </row>
    <row r="172854" spans="8:8">
      <c r="H172854" s="12"/>
    </row>
    <row r="172855" spans="8:8">
      <c r="H172855" s="12"/>
    </row>
    <row r="172856" spans="8:8">
      <c r="H172856" s="12"/>
    </row>
    <row r="172857" spans="8:8">
      <c r="H172857" s="12"/>
    </row>
    <row r="172858" spans="8:8">
      <c r="H172858" s="12"/>
    </row>
    <row r="172859" spans="8:8">
      <c r="H172859" s="12"/>
    </row>
    <row r="172860" spans="8:8">
      <c r="H172860" s="12"/>
    </row>
    <row r="172861" spans="8:8">
      <c r="H172861" s="12"/>
    </row>
    <row r="172862" spans="8:8">
      <c r="H172862" s="12"/>
    </row>
    <row r="172863" spans="8:8">
      <c r="H172863" s="12"/>
    </row>
    <row r="172864" spans="8:8">
      <c r="H172864" s="12"/>
    </row>
    <row r="172865" spans="8:8">
      <c r="H172865" s="12"/>
    </row>
    <row r="172866" spans="8:8">
      <c r="H172866" s="12"/>
    </row>
    <row r="172867" spans="8:8">
      <c r="H172867" s="12"/>
    </row>
    <row r="172868" spans="8:8">
      <c r="H172868" s="12"/>
    </row>
    <row r="172869" spans="8:8">
      <c r="H172869" s="12"/>
    </row>
    <row r="172870" spans="8:8">
      <c r="H172870" s="12"/>
    </row>
    <row r="172871" spans="8:8">
      <c r="H172871" s="12"/>
    </row>
    <row r="172872" spans="8:8">
      <c r="H172872" s="12"/>
    </row>
    <row r="172873" spans="8:8">
      <c r="H172873" s="12"/>
    </row>
    <row r="172874" spans="8:8">
      <c r="H172874" s="12"/>
    </row>
    <row r="172875" spans="8:8">
      <c r="H172875" s="12"/>
    </row>
    <row r="172876" spans="8:8">
      <c r="H172876" s="12"/>
    </row>
    <row r="172877" spans="8:8">
      <c r="H172877" s="12"/>
    </row>
    <row r="172878" spans="8:8">
      <c r="H172878" s="12"/>
    </row>
    <row r="172879" spans="8:8">
      <c r="H172879" s="12"/>
    </row>
    <row r="172880" spans="8:8">
      <c r="H172880" s="12"/>
    </row>
    <row r="172881" spans="8:8">
      <c r="H172881" s="12"/>
    </row>
    <row r="172882" spans="8:8">
      <c r="H172882" s="12"/>
    </row>
    <row r="172883" spans="8:8">
      <c r="H172883" s="12"/>
    </row>
    <row r="172884" spans="8:8">
      <c r="H172884" s="12"/>
    </row>
    <row r="172885" spans="8:8">
      <c r="H172885" s="12"/>
    </row>
    <row r="172886" spans="8:8">
      <c r="H172886" s="12"/>
    </row>
    <row r="172887" spans="8:8">
      <c r="H172887" s="12"/>
    </row>
    <row r="172888" spans="8:8">
      <c r="H172888" s="12"/>
    </row>
    <row r="172889" spans="8:8">
      <c r="H172889" s="12"/>
    </row>
    <row r="172890" spans="8:8">
      <c r="H172890" s="12"/>
    </row>
    <row r="172891" spans="8:8">
      <c r="H172891" s="12"/>
    </row>
    <row r="172892" spans="8:8">
      <c r="H172892" s="12"/>
    </row>
    <row r="172893" spans="8:8">
      <c r="H172893" s="12"/>
    </row>
    <row r="172894" spans="8:8">
      <c r="H172894" s="12"/>
    </row>
    <row r="172895" spans="8:8">
      <c r="H172895" s="12"/>
    </row>
    <row r="172896" spans="8:8">
      <c r="H172896" s="12"/>
    </row>
    <row r="172897" spans="8:8">
      <c r="H172897" s="12"/>
    </row>
    <row r="172898" spans="8:8">
      <c r="H172898" s="12"/>
    </row>
    <row r="172899" spans="8:8">
      <c r="H172899" s="12"/>
    </row>
    <row r="172900" spans="8:8">
      <c r="H172900" s="12"/>
    </row>
    <row r="172901" spans="8:8">
      <c r="H172901" s="12"/>
    </row>
    <row r="172902" spans="8:8">
      <c r="H172902" s="12"/>
    </row>
    <row r="172903" spans="8:8">
      <c r="H172903" s="12"/>
    </row>
    <row r="172904" spans="8:8">
      <c r="H172904" s="12"/>
    </row>
    <row r="172905" spans="8:8">
      <c r="H172905" s="12"/>
    </row>
    <row r="172906" spans="8:8">
      <c r="H172906" s="12"/>
    </row>
    <row r="172907" spans="8:8">
      <c r="H172907" s="12"/>
    </row>
    <row r="172908" spans="8:8">
      <c r="H172908" s="12"/>
    </row>
    <row r="172909" spans="8:8">
      <c r="H172909" s="12"/>
    </row>
    <row r="172910" spans="8:8">
      <c r="H172910" s="12"/>
    </row>
    <row r="172911" spans="8:8">
      <c r="H172911" s="12"/>
    </row>
    <row r="172912" spans="8:8">
      <c r="H172912" s="12"/>
    </row>
    <row r="172913" spans="8:8">
      <c r="H172913" s="12"/>
    </row>
    <row r="172914" spans="8:8">
      <c r="H172914" s="12"/>
    </row>
    <row r="172915" spans="8:8">
      <c r="H172915" s="12"/>
    </row>
    <row r="172916" spans="8:8">
      <c r="H172916" s="12"/>
    </row>
    <row r="172917" spans="8:8">
      <c r="H172917" s="12"/>
    </row>
    <row r="172918" spans="8:8">
      <c r="H172918" s="12"/>
    </row>
    <row r="172919" spans="8:8">
      <c r="H172919" s="12"/>
    </row>
    <row r="172920" spans="8:8">
      <c r="H172920" s="12"/>
    </row>
    <row r="172921" spans="8:8">
      <c r="H172921" s="12"/>
    </row>
    <row r="172922" spans="8:8">
      <c r="H172922" s="12"/>
    </row>
    <row r="172923" spans="8:8">
      <c r="H172923" s="12"/>
    </row>
    <row r="172924" spans="8:8">
      <c r="H172924" s="12"/>
    </row>
    <row r="172925" spans="8:8">
      <c r="H172925" s="12"/>
    </row>
    <row r="172926" spans="8:8">
      <c r="H172926" s="12"/>
    </row>
    <row r="172927" spans="8:8">
      <c r="H172927" s="12"/>
    </row>
    <row r="172928" spans="8:8">
      <c r="H172928" s="12"/>
    </row>
    <row r="172929" spans="8:8">
      <c r="H172929" s="12"/>
    </row>
    <row r="172930" spans="8:8">
      <c r="H172930" s="12"/>
    </row>
    <row r="172931" spans="8:8">
      <c r="H172931" s="12"/>
    </row>
    <row r="172932" spans="8:8">
      <c r="H172932" s="12"/>
    </row>
    <row r="172933" spans="8:8">
      <c r="H172933" s="12"/>
    </row>
    <row r="172934" spans="8:8">
      <c r="H172934" s="12"/>
    </row>
    <row r="172935" spans="8:8">
      <c r="H172935" s="12"/>
    </row>
    <row r="172936" spans="8:8">
      <c r="H172936" s="12"/>
    </row>
    <row r="172937" spans="8:8">
      <c r="H172937" s="12"/>
    </row>
    <row r="172938" spans="8:8">
      <c r="H172938" s="12"/>
    </row>
    <row r="172939" spans="8:8">
      <c r="H172939" s="12"/>
    </row>
    <row r="172940" spans="8:8">
      <c r="H172940" s="12"/>
    </row>
    <row r="172941" spans="8:8">
      <c r="H172941" s="12"/>
    </row>
    <row r="172942" spans="8:8">
      <c r="H172942" s="12"/>
    </row>
    <row r="172943" spans="8:8">
      <c r="H172943" s="12"/>
    </row>
    <row r="172944" spans="8:8">
      <c r="H172944" s="12"/>
    </row>
    <row r="172945" spans="8:8">
      <c r="H172945" s="12"/>
    </row>
    <row r="172946" spans="8:8">
      <c r="H172946" s="12"/>
    </row>
    <row r="172947" spans="8:8">
      <c r="H172947" s="12"/>
    </row>
    <row r="172948" spans="8:8">
      <c r="H172948" s="12"/>
    </row>
    <row r="172949" spans="8:8">
      <c r="H172949" s="12"/>
    </row>
    <row r="172950" spans="8:8">
      <c r="H172950" s="12"/>
    </row>
    <row r="172951" spans="8:8">
      <c r="H172951" s="12"/>
    </row>
    <row r="172952" spans="8:8">
      <c r="H172952" s="12"/>
    </row>
    <row r="172953" spans="8:8">
      <c r="H172953" s="12"/>
    </row>
    <row r="172954" spans="8:8">
      <c r="H172954" s="12"/>
    </row>
    <row r="172955" spans="8:8">
      <c r="H172955" s="12"/>
    </row>
    <row r="172956" spans="8:8">
      <c r="H172956" s="12"/>
    </row>
    <row r="172957" spans="8:8">
      <c r="H172957" s="12"/>
    </row>
    <row r="172958" spans="8:8">
      <c r="H172958" s="12"/>
    </row>
    <row r="172959" spans="8:8">
      <c r="H172959" s="12"/>
    </row>
    <row r="172960" spans="8:8">
      <c r="H172960" s="12"/>
    </row>
    <row r="172961" spans="8:8">
      <c r="H172961" s="12"/>
    </row>
    <row r="172962" spans="8:8">
      <c r="H172962" s="12"/>
    </row>
    <row r="172963" spans="8:8">
      <c r="H172963" s="12"/>
    </row>
    <row r="172964" spans="8:8">
      <c r="H172964" s="12"/>
    </row>
    <row r="172965" spans="8:8">
      <c r="H172965" s="12"/>
    </row>
    <row r="172966" spans="8:8">
      <c r="H172966" s="12"/>
    </row>
    <row r="172967" spans="8:8">
      <c r="H172967" s="12"/>
    </row>
    <row r="172968" spans="8:8">
      <c r="H172968" s="12"/>
    </row>
    <row r="172969" spans="8:8">
      <c r="H172969" s="12"/>
    </row>
    <row r="172970" spans="8:8">
      <c r="H172970" s="12"/>
    </row>
    <row r="172971" spans="8:8">
      <c r="H172971" s="12"/>
    </row>
    <row r="172972" spans="8:8">
      <c r="H172972" s="12"/>
    </row>
    <row r="172973" spans="8:8">
      <c r="H172973" s="12"/>
    </row>
    <row r="172974" spans="8:8">
      <c r="H172974" s="12"/>
    </row>
    <row r="172975" spans="8:8">
      <c r="H172975" s="12"/>
    </row>
    <row r="172976" spans="8:8">
      <c r="H172976" s="12"/>
    </row>
    <row r="172977" spans="8:8">
      <c r="H172977" s="12"/>
    </row>
    <row r="172978" spans="8:8">
      <c r="H172978" s="12"/>
    </row>
    <row r="172979" spans="8:8">
      <c r="H172979" s="12"/>
    </row>
    <row r="172980" spans="8:8">
      <c r="H172980" s="12"/>
    </row>
    <row r="172981" spans="8:8">
      <c r="H172981" s="12"/>
    </row>
    <row r="172982" spans="8:8">
      <c r="H172982" s="12"/>
    </row>
    <row r="172983" spans="8:8">
      <c r="H172983" s="12"/>
    </row>
    <row r="172984" spans="8:8">
      <c r="H172984" s="12"/>
    </row>
    <row r="172985" spans="8:8">
      <c r="H172985" s="12"/>
    </row>
    <row r="172986" spans="8:8">
      <c r="H172986" s="12"/>
    </row>
    <row r="172987" spans="8:8">
      <c r="H172987" s="12"/>
    </row>
    <row r="172988" spans="8:8">
      <c r="H172988" s="12"/>
    </row>
    <row r="172989" spans="8:8">
      <c r="H172989" s="12"/>
    </row>
    <row r="172990" spans="8:8">
      <c r="H172990" s="12"/>
    </row>
    <row r="172991" spans="8:8">
      <c r="H172991" s="12"/>
    </row>
    <row r="172992" spans="8:8">
      <c r="H172992" s="12"/>
    </row>
    <row r="172993" spans="8:8">
      <c r="H172993" s="12"/>
    </row>
    <row r="172994" spans="8:8">
      <c r="H172994" s="12"/>
    </row>
    <row r="172995" spans="8:8">
      <c r="H172995" s="12"/>
    </row>
    <row r="172996" spans="8:8">
      <c r="H172996" s="12"/>
    </row>
    <row r="172997" spans="8:8">
      <c r="H172997" s="12"/>
    </row>
    <row r="172998" spans="8:8">
      <c r="H172998" s="12"/>
    </row>
    <row r="172999" spans="8:8">
      <c r="H172999" s="12"/>
    </row>
    <row r="173000" spans="8:8">
      <c r="H173000" s="12"/>
    </row>
    <row r="173001" spans="8:8">
      <c r="H173001" s="12"/>
    </row>
    <row r="173002" spans="8:8">
      <c r="H173002" s="12"/>
    </row>
    <row r="173003" spans="8:8">
      <c r="H173003" s="12"/>
    </row>
    <row r="173004" spans="8:8">
      <c r="H173004" s="12"/>
    </row>
    <row r="173005" spans="8:8">
      <c r="H173005" s="12"/>
    </row>
    <row r="173006" spans="8:8">
      <c r="H173006" s="12"/>
    </row>
    <row r="173007" spans="8:8">
      <c r="H173007" s="12"/>
    </row>
    <row r="173008" spans="8:8">
      <c r="H173008" s="12"/>
    </row>
    <row r="173009" spans="8:8">
      <c r="H173009" s="12"/>
    </row>
    <row r="173010" spans="8:8">
      <c r="H173010" s="12"/>
    </row>
    <row r="173011" spans="8:8">
      <c r="H173011" s="12"/>
    </row>
    <row r="173012" spans="8:8">
      <c r="H173012" s="12"/>
    </row>
    <row r="173013" spans="8:8">
      <c r="H173013" s="12"/>
    </row>
    <row r="173014" spans="8:8">
      <c r="H173014" s="12"/>
    </row>
    <row r="173015" spans="8:8">
      <c r="H173015" s="12"/>
    </row>
    <row r="173016" spans="8:8">
      <c r="H173016" s="12"/>
    </row>
    <row r="173017" spans="8:8">
      <c r="H173017" s="12"/>
    </row>
    <row r="173018" spans="8:8">
      <c r="H173018" s="12"/>
    </row>
    <row r="173019" spans="8:8">
      <c r="H173019" s="12"/>
    </row>
    <row r="173020" spans="8:8">
      <c r="H173020" s="12"/>
    </row>
    <row r="173021" spans="8:8">
      <c r="H173021" s="12"/>
    </row>
    <row r="173022" spans="8:8">
      <c r="H173022" s="12"/>
    </row>
    <row r="173023" spans="8:8">
      <c r="H173023" s="12"/>
    </row>
    <row r="173024" spans="8:8">
      <c r="H173024" s="12"/>
    </row>
    <row r="173025" spans="8:8">
      <c r="H173025" s="12"/>
    </row>
    <row r="173026" spans="8:8">
      <c r="H173026" s="12"/>
    </row>
    <row r="173027" spans="8:8">
      <c r="H173027" s="12"/>
    </row>
    <row r="173028" spans="8:8">
      <c r="H173028" s="12"/>
    </row>
    <row r="173029" spans="8:8">
      <c r="H173029" s="12"/>
    </row>
    <row r="173030" spans="8:8">
      <c r="H173030" s="12"/>
    </row>
    <row r="173031" spans="8:8">
      <c r="H173031" s="12"/>
    </row>
    <row r="173032" spans="8:8">
      <c r="H173032" s="12"/>
    </row>
    <row r="173033" spans="8:8">
      <c r="H173033" s="12"/>
    </row>
    <row r="173034" spans="8:8">
      <c r="H173034" s="12"/>
    </row>
    <row r="173035" spans="8:8">
      <c r="H173035" s="12"/>
    </row>
    <row r="173036" spans="8:8">
      <c r="H173036" s="12"/>
    </row>
    <row r="173037" spans="8:8">
      <c r="H173037" s="12"/>
    </row>
    <row r="173038" spans="8:8">
      <c r="H173038" s="12"/>
    </row>
    <row r="173039" spans="8:8">
      <c r="H173039" s="12"/>
    </row>
    <row r="173040" spans="8:8">
      <c r="H173040" s="12"/>
    </row>
    <row r="173041" spans="8:8">
      <c r="H173041" s="12"/>
    </row>
    <row r="173042" spans="8:8">
      <c r="H173042" s="12"/>
    </row>
    <row r="173043" spans="8:8">
      <c r="H173043" s="12"/>
    </row>
    <row r="173044" spans="8:8">
      <c r="H173044" s="12"/>
    </row>
    <row r="173045" spans="8:8">
      <c r="H173045" s="12"/>
    </row>
    <row r="173046" spans="8:8">
      <c r="H173046" s="12"/>
    </row>
    <row r="173047" spans="8:8">
      <c r="H173047" s="12"/>
    </row>
    <row r="173048" spans="8:8">
      <c r="H173048" s="12"/>
    </row>
    <row r="173049" spans="8:8">
      <c r="H173049" s="12"/>
    </row>
    <row r="173050" spans="8:8">
      <c r="H173050" s="12"/>
    </row>
    <row r="173051" spans="8:8">
      <c r="H173051" s="12"/>
    </row>
    <row r="173052" spans="8:8">
      <c r="H173052" s="12"/>
    </row>
    <row r="173053" spans="8:8">
      <c r="H173053" s="12"/>
    </row>
    <row r="173054" spans="8:8">
      <c r="H173054" s="12"/>
    </row>
    <row r="173055" spans="8:8">
      <c r="H173055" s="12"/>
    </row>
    <row r="173056" spans="8:8">
      <c r="H173056" s="12"/>
    </row>
    <row r="173057" spans="8:8">
      <c r="H173057" s="12"/>
    </row>
    <row r="173058" spans="8:8">
      <c r="H173058" s="12"/>
    </row>
    <row r="173059" spans="8:8">
      <c r="H173059" s="12"/>
    </row>
    <row r="173060" spans="8:8">
      <c r="H173060" s="12"/>
    </row>
    <row r="173061" spans="8:8">
      <c r="H173061" s="12"/>
    </row>
    <row r="173062" spans="8:8">
      <c r="H173062" s="12"/>
    </row>
    <row r="173063" spans="8:8">
      <c r="H173063" s="12"/>
    </row>
    <row r="173064" spans="8:8">
      <c r="H173064" s="12"/>
    </row>
    <row r="173065" spans="8:8">
      <c r="H173065" s="12"/>
    </row>
    <row r="173066" spans="8:8">
      <c r="H173066" s="12"/>
    </row>
    <row r="173067" spans="8:8">
      <c r="H173067" s="12"/>
    </row>
    <row r="173068" spans="8:8">
      <c r="H173068" s="12"/>
    </row>
    <row r="173069" spans="8:8">
      <c r="H173069" s="12"/>
    </row>
    <row r="173070" spans="8:8">
      <c r="H173070" s="12"/>
    </row>
    <row r="173071" spans="8:8">
      <c r="H173071" s="12"/>
    </row>
    <row r="173072" spans="8:8">
      <c r="H173072" s="12"/>
    </row>
    <row r="173073" spans="8:8">
      <c r="H173073" s="12"/>
    </row>
    <row r="173074" spans="8:8">
      <c r="H173074" s="12"/>
    </row>
    <row r="173075" spans="8:8">
      <c r="H173075" s="12"/>
    </row>
    <row r="173076" spans="8:8">
      <c r="H173076" s="12"/>
    </row>
    <row r="173077" spans="8:8">
      <c r="H173077" s="12"/>
    </row>
    <row r="173078" spans="8:8">
      <c r="H173078" s="12"/>
    </row>
    <row r="173079" spans="8:8">
      <c r="H173079" s="12"/>
    </row>
    <row r="173080" spans="8:8">
      <c r="H173080" s="12"/>
    </row>
    <row r="173081" spans="8:8">
      <c r="H173081" s="12"/>
    </row>
    <row r="173082" spans="8:8">
      <c r="H173082" s="12"/>
    </row>
    <row r="173083" spans="8:8">
      <c r="H173083" s="12"/>
    </row>
    <row r="173084" spans="8:8">
      <c r="H173084" s="12"/>
    </row>
    <row r="173085" spans="8:8">
      <c r="H173085" s="12"/>
    </row>
    <row r="173086" spans="8:8">
      <c r="H173086" s="12"/>
    </row>
    <row r="173087" spans="8:8">
      <c r="H173087" s="12"/>
    </row>
    <row r="173088" spans="8:8">
      <c r="H173088" s="12"/>
    </row>
    <row r="173089" spans="8:8">
      <c r="H173089" s="12"/>
    </row>
    <row r="173090" spans="8:8">
      <c r="H173090" s="12"/>
    </row>
    <row r="173091" spans="8:8">
      <c r="H173091" s="12"/>
    </row>
    <row r="173092" spans="8:8">
      <c r="H173092" s="12"/>
    </row>
    <row r="173093" spans="8:8">
      <c r="H173093" s="12"/>
    </row>
    <row r="173094" spans="8:8">
      <c r="H173094" s="12"/>
    </row>
    <row r="173095" spans="8:8">
      <c r="H173095" s="12"/>
    </row>
    <row r="173096" spans="8:8">
      <c r="H173096" s="12"/>
    </row>
    <row r="173097" spans="8:8">
      <c r="H173097" s="12"/>
    </row>
    <row r="173098" spans="8:8">
      <c r="H173098" s="12"/>
    </row>
    <row r="173099" spans="8:8">
      <c r="H173099" s="12"/>
    </row>
    <row r="173100" spans="8:8">
      <c r="H173100" s="12"/>
    </row>
    <row r="173101" spans="8:8">
      <c r="H173101" s="12"/>
    </row>
    <row r="173102" spans="8:8">
      <c r="H173102" s="12"/>
    </row>
    <row r="173103" spans="8:8">
      <c r="H173103" s="12"/>
    </row>
    <row r="173104" spans="8:8">
      <c r="H173104" s="12"/>
    </row>
    <row r="173105" spans="8:8">
      <c r="H173105" s="12"/>
    </row>
    <row r="173106" spans="8:8">
      <c r="H173106" s="12"/>
    </row>
    <row r="173107" spans="8:8">
      <c r="H173107" s="12"/>
    </row>
    <row r="173108" spans="8:8">
      <c r="H173108" s="12"/>
    </row>
    <row r="173109" spans="8:8">
      <c r="H173109" s="12"/>
    </row>
    <row r="173110" spans="8:8">
      <c r="H173110" s="12"/>
    </row>
    <row r="173111" spans="8:8">
      <c r="H173111" s="12"/>
    </row>
    <row r="173112" spans="8:8">
      <c r="H173112" s="12"/>
    </row>
    <row r="173113" spans="8:8">
      <c r="H173113" s="12"/>
    </row>
    <row r="173114" spans="8:8">
      <c r="H173114" s="12"/>
    </row>
    <row r="173115" spans="8:8">
      <c r="H173115" s="12"/>
    </row>
    <row r="173116" spans="8:8">
      <c r="H173116" s="12"/>
    </row>
    <row r="173117" spans="8:8">
      <c r="H173117" s="12"/>
    </row>
    <row r="173118" spans="8:8">
      <c r="H173118" s="12"/>
    </row>
    <row r="173119" spans="8:8">
      <c r="H173119" s="12"/>
    </row>
    <row r="173120" spans="8:8">
      <c r="H173120" s="12"/>
    </row>
    <row r="173121" spans="8:8">
      <c r="H173121" s="12"/>
    </row>
    <row r="173122" spans="8:8">
      <c r="H173122" s="12"/>
    </row>
    <row r="173123" spans="8:8">
      <c r="H173123" s="12"/>
    </row>
    <row r="173124" spans="8:8">
      <c r="H173124" s="12"/>
    </row>
    <row r="173125" spans="8:8">
      <c r="H173125" s="12"/>
    </row>
    <row r="173126" spans="8:8">
      <c r="H173126" s="12"/>
    </row>
    <row r="173127" spans="8:8">
      <c r="H173127" s="12"/>
    </row>
    <row r="173128" spans="8:8">
      <c r="H173128" s="12"/>
    </row>
    <row r="173129" spans="8:8">
      <c r="H173129" s="12"/>
    </row>
    <row r="173130" spans="8:8">
      <c r="H173130" s="12"/>
    </row>
    <row r="173131" spans="8:8">
      <c r="H173131" s="12"/>
    </row>
    <row r="173132" spans="8:8">
      <c r="H173132" s="12"/>
    </row>
    <row r="173133" spans="8:8">
      <c r="H173133" s="12"/>
    </row>
    <row r="173134" spans="8:8">
      <c r="H173134" s="12"/>
    </row>
    <row r="173135" spans="8:8">
      <c r="H173135" s="12"/>
    </row>
    <row r="173136" spans="8:8">
      <c r="H173136" s="12"/>
    </row>
    <row r="173137" spans="8:8">
      <c r="H173137" s="12"/>
    </row>
    <row r="173138" spans="8:8">
      <c r="H173138" s="12"/>
    </row>
    <row r="173139" spans="8:8">
      <c r="H173139" s="12"/>
    </row>
    <row r="173140" spans="8:8">
      <c r="H173140" s="12"/>
    </row>
    <row r="173141" spans="8:8">
      <c r="H173141" s="12"/>
    </row>
    <row r="173142" spans="8:8">
      <c r="H173142" s="12"/>
    </row>
    <row r="173143" spans="8:8">
      <c r="H173143" s="12"/>
    </row>
    <row r="173144" spans="8:8">
      <c r="H173144" s="12"/>
    </row>
    <row r="173145" spans="8:8">
      <c r="H173145" s="12"/>
    </row>
    <row r="173146" spans="8:8">
      <c r="H173146" s="12"/>
    </row>
    <row r="173147" spans="8:8">
      <c r="H173147" s="12"/>
    </row>
    <row r="173148" spans="8:8">
      <c r="H173148" s="12"/>
    </row>
    <row r="173149" spans="8:8">
      <c r="H173149" s="12"/>
    </row>
    <row r="173150" spans="8:8">
      <c r="H173150" s="12"/>
    </row>
    <row r="173151" spans="8:8">
      <c r="H173151" s="12"/>
    </row>
    <row r="173152" spans="8:8">
      <c r="H173152" s="12"/>
    </row>
    <row r="173153" spans="8:8">
      <c r="H173153" s="12"/>
    </row>
    <row r="173154" spans="8:8">
      <c r="H173154" s="12"/>
    </row>
    <row r="173155" spans="8:8">
      <c r="H173155" s="12"/>
    </row>
    <row r="173156" spans="8:8">
      <c r="H173156" s="12"/>
    </row>
    <row r="173157" spans="8:8">
      <c r="H173157" s="12"/>
    </row>
    <row r="173158" spans="8:8">
      <c r="H173158" s="12"/>
    </row>
    <row r="173159" spans="8:8">
      <c r="H173159" s="12"/>
    </row>
    <row r="173160" spans="8:8">
      <c r="H173160" s="12"/>
    </row>
    <row r="173161" spans="8:8">
      <c r="H173161" s="12"/>
    </row>
    <row r="173162" spans="8:8">
      <c r="H173162" s="12"/>
    </row>
    <row r="173163" spans="8:8">
      <c r="H173163" s="12"/>
    </row>
    <row r="173164" spans="8:8">
      <c r="H173164" s="12"/>
    </row>
    <row r="173165" spans="8:8">
      <c r="H173165" s="12"/>
    </row>
    <row r="173166" spans="8:8">
      <c r="H173166" s="12"/>
    </row>
    <row r="173167" spans="8:8">
      <c r="H173167" s="12"/>
    </row>
    <row r="173168" spans="8:8">
      <c r="H173168" s="12"/>
    </row>
    <row r="173169" spans="8:8">
      <c r="H173169" s="12"/>
    </row>
    <row r="173170" spans="8:8">
      <c r="H173170" s="12"/>
    </row>
    <row r="173171" spans="8:8">
      <c r="H173171" s="12"/>
    </row>
    <row r="173172" spans="8:8">
      <c r="H173172" s="12"/>
    </row>
    <row r="173173" spans="8:8">
      <c r="H173173" s="12"/>
    </row>
    <row r="173174" spans="8:8">
      <c r="H173174" s="12"/>
    </row>
    <row r="173175" spans="8:8">
      <c r="H173175" s="12"/>
    </row>
    <row r="173176" spans="8:8">
      <c r="H173176" s="12"/>
    </row>
    <row r="173177" spans="8:8">
      <c r="H173177" s="12"/>
    </row>
    <row r="173178" spans="8:8">
      <c r="H173178" s="12"/>
    </row>
    <row r="173179" spans="8:8">
      <c r="H173179" s="12"/>
    </row>
    <row r="173180" spans="8:8">
      <c r="H173180" s="12"/>
    </row>
    <row r="173181" spans="8:8">
      <c r="H173181" s="12"/>
    </row>
    <row r="173182" spans="8:8">
      <c r="H173182" s="12"/>
    </row>
    <row r="173183" spans="8:8">
      <c r="H173183" s="12"/>
    </row>
    <row r="173184" spans="8:8">
      <c r="H173184" s="12"/>
    </row>
    <row r="173185" spans="8:8">
      <c r="H173185" s="12"/>
    </row>
    <row r="173186" spans="8:8">
      <c r="H173186" s="12"/>
    </row>
    <row r="173187" spans="8:8">
      <c r="H173187" s="12"/>
    </row>
    <row r="173188" spans="8:8">
      <c r="H173188" s="12"/>
    </row>
    <row r="173189" spans="8:8">
      <c r="H173189" s="12"/>
    </row>
    <row r="173190" spans="8:8">
      <c r="H173190" s="12"/>
    </row>
    <row r="173191" spans="8:8">
      <c r="H173191" s="12"/>
    </row>
    <row r="173192" spans="8:8">
      <c r="H173192" s="12"/>
    </row>
    <row r="173193" spans="8:8">
      <c r="H173193" s="12"/>
    </row>
    <row r="173194" spans="8:8">
      <c r="H173194" s="12"/>
    </row>
    <row r="173195" spans="8:8">
      <c r="H173195" s="12"/>
    </row>
    <row r="173196" spans="8:8">
      <c r="H173196" s="12"/>
    </row>
    <row r="173197" spans="8:8">
      <c r="H173197" s="12"/>
    </row>
    <row r="173198" spans="8:8">
      <c r="H173198" s="12"/>
    </row>
    <row r="173199" spans="8:8">
      <c r="H173199" s="12"/>
    </row>
    <row r="173200" spans="8:8">
      <c r="H173200" s="12"/>
    </row>
    <row r="173201" spans="8:8">
      <c r="H173201" s="12"/>
    </row>
    <row r="173202" spans="8:8">
      <c r="H173202" s="12"/>
    </row>
    <row r="173203" spans="8:8">
      <c r="H173203" s="12"/>
    </row>
    <row r="173204" spans="8:8">
      <c r="H173204" s="12"/>
    </row>
    <row r="173205" spans="8:8">
      <c r="H173205" s="12"/>
    </row>
    <row r="173206" spans="8:8">
      <c r="H173206" s="12"/>
    </row>
    <row r="173207" spans="8:8">
      <c r="H173207" s="12"/>
    </row>
    <row r="173208" spans="8:8">
      <c r="H173208" s="12"/>
    </row>
    <row r="173209" spans="8:8">
      <c r="H173209" s="12"/>
    </row>
    <row r="173210" spans="8:8">
      <c r="H173210" s="12"/>
    </row>
    <row r="173211" spans="8:8">
      <c r="H173211" s="12"/>
    </row>
    <row r="173212" spans="8:8">
      <c r="H173212" s="12"/>
    </row>
    <row r="173213" spans="8:8">
      <c r="H173213" s="12"/>
    </row>
    <row r="173214" spans="8:8">
      <c r="H173214" s="12"/>
    </row>
    <row r="173215" spans="8:8">
      <c r="H173215" s="12"/>
    </row>
    <row r="173216" spans="8:8">
      <c r="H173216" s="12"/>
    </row>
    <row r="173217" spans="8:8">
      <c r="H173217" s="12"/>
    </row>
    <row r="173218" spans="8:8">
      <c r="H173218" s="12"/>
    </row>
    <row r="173219" spans="8:8">
      <c r="H173219" s="12"/>
    </row>
    <row r="173220" spans="8:8">
      <c r="H173220" s="12"/>
    </row>
    <row r="173221" spans="8:8">
      <c r="H173221" s="12"/>
    </row>
    <row r="173222" spans="8:8">
      <c r="H173222" s="12"/>
    </row>
    <row r="173223" spans="8:8">
      <c r="H173223" s="12"/>
    </row>
    <row r="173224" spans="8:8">
      <c r="H173224" s="12"/>
    </row>
    <row r="173225" spans="8:8">
      <c r="H173225" s="12"/>
    </row>
    <row r="173226" spans="8:8">
      <c r="H173226" s="12"/>
    </row>
    <row r="173227" spans="8:8">
      <c r="H173227" s="12"/>
    </row>
    <row r="173228" spans="8:8">
      <c r="H173228" s="12"/>
    </row>
    <row r="173229" spans="8:8">
      <c r="H173229" s="12"/>
    </row>
    <row r="173230" spans="8:8">
      <c r="H173230" s="12"/>
    </row>
    <row r="173231" spans="8:8">
      <c r="H173231" s="12"/>
    </row>
    <row r="173232" spans="8:8">
      <c r="H173232" s="12"/>
    </row>
    <row r="173233" spans="8:8">
      <c r="H173233" s="12"/>
    </row>
    <row r="173234" spans="8:8">
      <c r="H173234" s="12"/>
    </row>
    <row r="173235" spans="8:8">
      <c r="H173235" s="12"/>
    </row>
    <row r="173236" spans="8:8">
      <c r="H173236" s="12"/>
    </row>
    <row r="173237" spans="8:8">
      <c r="H173237" s="12"/>
    </row>
    <row r="173238" spans="8:8">
      <c r="H173238" s="12"/>
    </row>
    <row r="173239" spans="8:8">
      <c r="H173239" s="12"/>
    </row>
    <row r="173240" spans="8:8">
      <c r="H173240" s="12"/>
    </row>
    <row r="173241" spans="8:8">
      <c r="H173241" s="12"/>
    </row>
    <row r="173242" spans="8:8">
      <c r="H173242" s="12"/>
    </row>
    <row r="173243" spans="8:8">
      <c r="H173243" s="12"/>
    </row>
    <row r="173244" spans="8:8">
      <c r="H173244" s="12"/>
    </row>
    <row r="173245" spans="8:8">
      <c r="H173245" s="12"/>
    </row>
    <row r="173246" spans="8:8">
      <c r="H173246" s="12"/>
    </row>
    <row r="173247" spans="8:8">
      <c r="H173247" s="12"/>
    </row>
    <row r="173248" spans="8:8">
      <c r="H173248" s="12"/>
    </row>
    <row r="173249" spans="8:8">
      <c r="H173249" s="12"/>
    </row>
    <row r="173250" spans="8:8">
      <c r="H173250" s="12"/>
    </row>
    <row r="173251" spans="8:8">
      <c r="H173251" s="12"/>
    </row>
    <row r="173252" spans="8:8">
      <c r="H173252" s="12"/>
    </row>
    <row r="173253" spans="8:8">
      <c r="H173253" s="12"/>
    </row>
    <row r="173254" spans="8:8">
      <c r="H173254" s="12"/>
    </row>
    <row r="173255" spans="8:8">
      <c r="H173255" s="12"/>
    </row>
    <row r="173256" spans="8:8">
      <c r="H173256" s="12"/>
    </row>
    <row r="173257" spans="8:8">
      <c r="H173257" s="12"/>
    </row>
    <row r="173258" spans="8:8">
      <c r="H173258" s="12"/>
    </row>
    <row r="173259" spans="8:8">
      <c r="H173259" s="12"/>
    </row>
    <row r="173260" spans="8:8">
      <c r="H173260" s="12"/>
    </row>
    <row r="173261" spans="8:8">
      <c r="H173261" s="12"/>
    </row>
    <row r="173262" spans="8:8">
      <c r="H173262" s="12"/>
    </row>
    <row r="173263" spans="8:8">
      <c r="H173263" s="12"/>
    </row>
    <row r="173264" spans="8:8">
      <c r="H173264" s="12"/>
    </row>
    <row r="173265" spans="8:8">
      <c r="H173265" s="12"/>
    </row>
    <row r="173266" spans="8:8">
      <c r="H173266" s="12"/>
    </row>
    <row r="173267" spans="8:8">
      <c r="H173267" s="12"/>
    </row>
    <row r="173268" spans="8:8">
      <c r="H173268" s="12"/>
    </row>
    <row r="173269" spans="8:8">
      <c r="H173269" s="12"/>
    </row>
    <row r="173270" spans="8:8">
      <c r="H173270" s="12"/>
    </row>
    <row r="173271" spans="8:8">
      <c r="H173271" s="12"/>
    </row>
    <row r="173272" spans="8:8">
      <c r="H173272" s="12"/>
    </row>
    <row r="173273" spans="8:8">
      <c r="H173273" s="12"/>
    </row>
    <row r="173274" spans="8:8">
      <c r="H173274" s="12"/>
    </row>
    <row r="173275" spans="8:8">
      <c r="H173275" s="12"/>
    </row>
    <row r="173276" spans="8:8">
      <c r="H173276" s="12"/>
    </row>
    <row r="173277" spans="8:8">
      <c r="H173277" s="12"/>
    </row>
    <row r="173278" spans="8:8">
      <c r="H173278" s="12"/>
    </row>
    <row r="173279" spans="8:8">
      <c r="H173279" s="12"/>
    </row>
    <row r="173280" spans="8:8">
      <c r="H173280" s="12"/>
    </row>
    <row r="173281" spans="8:8">
      <c r="H173281" s="12"/>
    </row>
    <row r="173282" spans="8:8">
      <c r="H173282" s="12"/>
    </row>
    <row r="173283" spans="8:8">
      <c r="H173283" s="12"/>
    </row>
    <row r="173284" spans="8:8">
      <c r="H173284" s="12"/>
    </row>
    <row r="173285" spans="8:8">
      <c r="H173285" s="12"/>
    </row>
    <row r="173286" spans="8:8">
      <c r="H173286" s="12"/>
    </row>
    <row r="173287" spans="8:8">
      <c r="H173287" s="12"/>
    </row>
    <row r="173288" spans="8:8">
      <c r="H173288" s="12"/>
    </row>
    <row r="173289" spans="8:8">
      <c r="H173289" s="12"/>
    </row>
    <row r="173290" spans="8:8">
      <c r="H173290" s="12"/>
    </row>
    <row r="173291" spans="8:8">
      <c r="H173291" s="12"/>
    </row>
    <row r="173292" spans="8:8">
      <c r="H173292" s="12"/>
    </row>
    <row r="173293" spans="8:8">
      <c r="H173293" s="12"/>
    </row>
    <row r="173294" spans="8:8">
      <c r="H173294" s="12"/>
    </row>
    <row r="173295" spans="8:8">
      <c r="H173295" s="12"/>
    </row>
    <row r="173296" spans="8:8">
      <c r="H173296" s="12"/>
    </row>
    <row r="173297" spans="8:8">
      <c r="H173297" s="12"/>
    </row>
    <row r="173298" spans="8:8">
      <c r="H173298" s="12"/>
    </row>
    <row r="173299" spans="8:8">
      <c r="H173299" s="12"/>
    </row>
    <row r="173300" spans="8:8">
      <c r="H173300" s="12"/>
    </row>
    <row r="173301" spans="8:8">
      <c r="H173301" s="12"/>
    </row>
    <row r="173302" spans="8:8">
      <c r="H173302" s="12"/>
    </row>
    <row r="173303" spans="8:8">
      <c r="H173303" s="12"/>
    </row>
    <row r="173304" spans="8:8">
      <c r="H173304" s="12"/>
    </row>
    <row r="173305" spans="8:8">
      <c r="H173305" s="12"/>
    </row>
    <row r="173306" spans="8:8">
      <c r="H173306" s="12"/>
    </row>
    <row r="173307" spans="8:8">
      <c r="H173307" s="12"/>
    </row>
    <row r="173308" spans="8:8">
      <c r="H173308" s="12"/>
    </row>
    <row r="173309" spans="8:8">
      <c r="H173309" s="12"/>
    </row>
    <row r="173310" spans="8:8">
      <c r="H173310" s="12"/>
    </row>
    <row r="173311" spans="8:8">
      <c r="H173311" s="12"/>
    </row>
    <row r="173312" spans="8:8">
      <c r="H173312" s="12"/>
    </row>
    <row r="173313" spans="8:8">
      <c r="H173313" s="12"/>
    </row>
    <row r="173314" spans="8:8">
      <c r="H173314" s="12"/>
    </row>
    <row r="173315" spans="8:8">
      <c r="H173315" s="12"/>
    </row>
    <row r="173316" spans="8:8">
      <c r="H173316" s="12"/>
    </row>
    <row r="173317" spans="8:8">
      <c r="H173317" s="12"/>
    </row>
    <row r="173318" spans="8:8">
      <c r="H173318" s="12"/>
    </row>
    <row r="173319" spans="8:8">
      <c r="H173319" s="12"/>
    </row>
    <row r="173320" spans="8:8">
      <c r="H173320" s="12"/>
    </row>
    <row r="173321" spans="8:8">
      <c r="H173321" s="12"/>
    </row>
    <row r="173322" spans="8:8">
      <c r="H173322" s="12"/>
    </row>
    <row r="173323" spans="8:8">
      <c r="H173323" s="12"/>
    </row>
    <row r="173324" spans="8:8">
      <c r="H173324" s="12"/>
    </row>
    <row r="173325" spans="8:8">
      <c r="H173325" s="12"/>
    </row>
    <row r="173326" spans="8:8">
      <c r="H173326" s="12"/>
    </row>
    <row r="173327" spans="8:8">
      <c r="H173327" s="12"/>
    </row>
    <row r="173328" spans="8:8">
      <c r="H173328" s="12"/>
    </row>
    <row r="173329" spans="8:8">
      <c r="H173329" s="12"/>
    </row>
    <row r="173330" spans="8:8">
      <c r="H173330" s="12"/>
    </row>
    <row r="173331" spans="8:8">
      <c r="H173331" s="12"/>
    </row>
    <row r="173332" spans="8:8">
      <c r="H173332" s="12"/>
    </row>
    <row r="173333" spans="8:8">
      <c r="H173333" s="12"/>
    </row>
    <row r="173334" spans="8:8">
      <c r="H173334" s="12"/>
    </row>
    <row r="173335" spans="8:8">
      <c r="H173335" s="12"/>
    </row>
    <row r="173336" spans="8:8">
      <c r="H173336" s="12"/>
    </row>
    <row r="173337" spans="8:8">
      <c r="H173337" s="12"/>
    </row>
    <row r="173338" spans="8:8">
      <c r="H173338" s="12"/>
    </row>
    <row r="173339" spans="8:8">
      <c r="H173339" s="12"/>
    </row>
    <row r="173340" spans="8:8">
      <c r="H173340" s="12"/>
    </row>
    <row r="173341" spans="8:8">
      <c r="H173341" s="12"/>
    </row>
    <row r="173342" spans="8:8">
      <c r="H173342" s="12"/>
    </row>
    <row r="173343" spans="8:8">
      <c r="H173343" s="12"/>
    </row>
    <row r="173344" spans="8:8">
      <c r="H173344" s="12"/>
    </row>
    <row r="173345" spans="8:8">
      <c r="H173345" s="12"/>
    </row>
    <row r="173346" spans="8:8">
      <c r="H173346" s="12"/>
    </row>
    <row r="173347" spans="8:8">
      <c r="H173347" s="12"/>
    </row>
    <row r="173348" spans="8:8">
      <c r="H173348" s="12"/>
    </row>
    <row r="173349" spans="8:8">
      <c r="H173349" s="12"/>
    </row>
    <row r="173350" spans="8:8">
      <c r="H173350" s="12"/>
    </row>
    <row r="173351" spans="8:8">
      <c r="H173351" s="12"/>
    </row>
    <row r="173352" spans="8:8">
      <c r="H173352" s="12"/>
    </row>
    <row r="173353" spans="8:8">
      <c r="H173353" s="12"/>
    </row>
    <row r="173354" spans="8:8">
      <c r="H173354" s="12"/>
    </row>
    <row r="173355" spans="8:8">
      <c r="H173355" s="12"/>
    </row>
    <row r="173356" spans="8:8">
      <c r="H173356" s="12"/>
    </row>
    <row r="173357" spans="8:8">
      <c r="H173357" s="12"/>
    </row>
    <row r="173358" spans="8:8">
      <c r="H173358" s="12"/>
    </row>
    <row r="173359" spans="8:8">
      <c r="H173359" s="12"/>
    </row>
    <row r="173360" spans="8:8">
      <c r="H173360" s="12"/>
    </row>
    <row r="173361" spans="8:8">
      <c r="H173361" s="12"/>
    </row>
    <row r="173362" spans="8:8">
      <c r="H173362" s="12"/>
    </row>
    <row r="173363" spans="8:8">
      <c r="H173363" s="12"/>
    </row>
    <row r="173364" spans="8:8">
      <c r="H173364" s="12"/>
    </row>
    <row r="173365" spans="8:8">
      <c r="H173365" s="12"/>
    </row>
    <row r="173366" spans="8:8">
      <c r="H173366" s="12"/>
    </row>
    <row r="173367" spans="8:8">
      <c r="H173367" s="12"/>
    </row>
    <row r="173368" spans="8:8">
      <c r="H173368" s="12"/>
    </row>
    <row r="173369" spans="8:8">
      <c r="H173369" s="12"/>
    </row>
    <row r="173370" spans="8:8">
      <c r="H173370" s="12"/>
    </row>
    <row r="173371" spans="8:8">
      <c r="H173371" s="12"/>
    </row>
    <row r="173372" spans="8:8">
      <c r="H173372" s="12"/>
    </row>
    <row r="173373" spans="8:8">
      <c r="H173373" s="12"/>
    </row>
    <row r="173374" spans="8:8">
      <c r="H173374" s="12"/>
    </row>
    <row r="173375" spans="8:8">
      <c r="H173375" s="12"/>
    </row>
    <row r="173376" spans="8:8">
      <c r="H173376" s="12"/>
    </row>
    <row r="173377" spans="8:8">
      <c r="H173377" s="12"/>
    </row>
    <row r="173378" spans="8:8">
      <c r="H173378" s="12"/>
    </row>
    <row r="173379" spans="8:8">
      <c r="H173379" s="12"/>
    </row>
    <row r="173380" spans="8:8">
      <c r="H173380" s="12"/>
    </row>
    <row r="173381" spans="8:8">
      <c r="H173381" s="12"/>
    </row>
    <row r="173382" spans="8:8">
      <c r="H173382" s="12"/>
    </row>
    <row r="173383" spans="8:8">
      <c r="H173383" s="12"/>
    </row>
    <row r="173384" spans="8:8">
      <c r="H173384" s="12"/>
    </row>
    <row r="173385" spans="8:8">
      <c r="H173385" s="12"/>
    </row>
    <row r="173386" spans="8:8">
      <c r="H173386" s="12"/>
    </row>
    <row r="173387" spans="8:8">
      <c r="H173387" s="12"/>
    </row>
    <row r="173388" spans="8:8">
      <c r="H173388" s="12"/>
    </row>
    <row r="173389" spans="8:8">
      <c r="H173389" s="12"/>
    </row>
    <row r="173390" spans="8:8">
      <c r="H173390" s="12"/>
    </row>
    <row r="173391" spans="8:8">
      <c r="H173391" s="12"/>
    </row>
    <row r="173392" spans="8:8">
      <c r="H173392" s="12"/>
    </row>
    <row r="173393" spans="8:8">
      <c r="H173393" s="12"/>
    </row>
    <row r="173394" spans="8:8">
      <c r="H173394" s="12"/>
    </row>
    <row r="173395" spans="8:8">
      <c r="H173395" s="12"/>
    </row>
    <row r="173396" spans="8:8">
      <c r="H173396" s="12"/>
    </row>
    <row r="173397" spans="8:8">
      <c r="H173397" s="12"/>
    </row>
    <row r="173398" spans="8:8">
      <c r="H173398" s="12"/>
    </row>
    <row r="173399" spans="8:8">
      <c r="H173399" s="12"/>
    </row>
    <row r="173400" spans="8:8">
      <c r="H173400" s="12"/>
    </row>
    <row r="173401" spans="8:8">
      <c r="H173401" s="12"/>
    </row>
    <row r="173402" spans="8:8">
      <c r="H173402" s="12"/>
    </row>
    <row r="173403" spans="8:8">
      <c r="H173403" s="12"/>
    </row>
    <row r="173404" spans="8:8">
      <c r="H173404" s="12"/>
    </row>
    <row r="173405" spans="8:8">
      <c r="H173405" s="12"/>
    </row>
    <row r="173406" spans="8:8">
      <c r="H173406" s="12"/>
    </row>
    <row r="173407" spans="8:8">
      <c r="H173407" s="12"/>
    </row>
    <row r="173408" spans="8:8">
      <c r="H173408" s="12"/>
    </row>
    <row r="173409" spans="8:8">
      <c r="H173409" s="12"/>
    </row>
    <row r="173410" spans="8:8">
      <c r="H173410" s="12"/>
    </row>
    <row r="173411" spans="8:8">
      <c r="H173411" s="12"/>
    </row>
    <row r="173412" spans="8:8">
      <c r="H173412" s="12"/>
    </row>
    <row r="173413" spans="8:8">
      <c r="H173413" s="12"/>
    </row>
    <row r="173414" spans="8:8">
      <c r="H173414" s="12"/>
    </row>
    <row r="173415" spans="8:8">
      <c r="H173415" s="12"/>
    </row>
    <row r="173416" spans="8:8">
      <c r="H173416" s="12"/>
    </row>
    <row r="173417" spans="8:8">
      <c r="H173417" s="12"/>
    </row>
    <row r="173418" spans="8:8">
      <c r="H173418" s="12"/>
    </row>
    <row r="173419" spans="8:8">
      <c r="H173419" s="12"/>
    </row>
    <row r="173420" spans="8:8">
      <c r="H173420" s="12"/>
    </row>
    <row r="173421" spans="8:8">
      <c r="H173421" s="12"/>
    </row>
    <row r="173422" spans="8:8">
      <c r="H173422" s="12"/>
    </row>
    <row r="173423" spans="8:8">
      <c r="H173423" s="12"/>
    </row>
    <row r="173424" spans="8:8">
      <c r="H173424" s="12"/>
    </row>
    <row r="173425" spans="8:8">
      <c r="H173425" s="12"/>
    </row>
    <row r="173426" spans="8:8">
      <c r="H173426" s="12"/>
    </row>
    <row r="173427" spans="8:8">
      <c r="H173427" s="12"/>
    </row>
    <row r="173428" spans="8:8">
      <c r="H173428" s="12"/>
    </row>
    <row r="173429" spans="8:8">
      <c r="H173429" s="12"/>
    </row>
    <row r="173430" spans="8:8">
      <c r="H173430" s="12"/>
    </row>
    <row r="173431" spans="8:8">
      <c r="H173431" s="12"/>
    </row>
    <row r="173432" spans="8:8">
      <c r="H173432" s="12"/>
    </row>
    <row r="173433" spans="8:8">
      <c r="H173433" s="12"/>
    </row>
    <row r="173434" spans="8:8">
      <c r="H173434" s="12"/>
    </row>
    <row r="173435" spans="8:8">
      <c r="H173435" s="12"/>
    </row>
    <row r="173436" spans="8:8">
      <c r="H173436" s="12"/>
    </row>
    <row r="173437" spans="8:8">
      <c r="H173437" s="12"/>
    </row>
    <row r="173438" spans="8:8">
      <c r="H173438" s="12"/>
    </row>
    <row r="173439" spans="8:8">
      <c r="H173439" s="12"/>
    </row>
    <row r="173440" spans="8:8">
      <c r="H173440" s="12"/>
    </row>
    <row r="173441" spans="8:8">
      <c r="H173441" s="12"/>
    </row>
    <row r="173442" spans="8:8">
      <c r="H173442" s="12"/>
    </row>
    <row r="173443" spans="8:8">
      <c r="H173443" s="12"/>
    </row>
    <row r="173444" spans="8:8">
      <c r="H173444" s="12"/>
    </row>
    <row r="173445" spans="8:8">
      <c r="H173445" s="12"/>
    </row>
    <row r="173446" spans="8:8">
      <c r="H173446" s="12"/>
    </row>
    <row r="173447" spans="8:8">
      <c r="H173447" s="12"/>
    </row>
    <row r="173448" spans="8:8">
      <c r="H173448" s="12"/>
    </row>
    <row r="173449" spans="8:8">
      <c r="H173449" s="12"/>
    </row>
    <row r="173450" spans="8:8">
      <c r="H173450" s="12"/>
    </row>
    <row r="173451" spans="8:8">
      <c r="H173451" s="12"/>
    </row>
    <row r="173452" spans="8:8">
      <c r="H173452" s="12"/>
    </row>
    <row r="173453" spans="8:8">
      <c r="H173453" s="12"/>
    </row>
    <row r="173454" spans="8:8">
      <c r="H173454" s="12"/>
    </row>
    <row r="173455" spans="8:8">
      <c r="H173455" s="12"/>
    </row>
    <row r="173456" spans="8:8">
      <c r="H173456" s="12"/>
    </row>
    <row r="173457" spans="8:8">
      <c r="H173457" s="12"/>
    </row>
    <row r="173458" spans="8:8">
      <c r="H173458" s="12"/>
    </row>
    <row r="173459" spans="8:8">
      <c r="H173459" s="12"/>
    </row>
    <row r="173460" spans="8:8">
      <c r="H173460" s="12"/>
    </row>
    <row r="173461" spans="8:8">
      <c r="H173461" s="12"/>
    </row>
    <row r="173462" spans="8:8">
      <c r="H173462" s="12"/>
    </row>
    <row r="173463" spans="8:8">
      <c r="H173463" s="12"/>
    </row>
    <row r="173464" spans="8:8">
      <c r="H173464" s="12"/>
    </row>
    <row r="173465" spans="8:8">
      <c r="H173465" s="12"/>
    </row>
    <row r="173466" spans="8:8">
      <c r="H173466" s="12"/>
    </row>
    <row r="173467" spans="8:8">
      <c r="H173467" s="12"/>
    </row>
    <row r="173468" spans="8:8">
      <c r="H173468" s="12"/>
    </row>
    <row r="173469" spans="8:8">
      <c r="H173469" s="12"/>
    </row>
    <row r="173470" spans="8:8">
      <c r="H173470" s="12"/>
    </row>
    <row r="173471" spans="8:8">
      <c r="H173471" s="12"/>
    </row>
    <row r="173472" spans="8:8">
      <c r="H173472" s="12"/>
    </row>
    <row r="173473" spans="8:8">
      <c r="H173473" s="12"/>
    </row>
    <row r="173474" spans="8:8">
      <c r="H173474" s="12"/>
    </row>
    <row r="173475" spans="8:8">
      <c r="H173475" s="12"/>
    </row>
    <row r="173476" spans="8:8">
      <c r="H173476" s="12"/>
    </row>
    <row r="173477" spans="8:8">
      <c r="H173477" s="12"/>
    </row>
    <row r="173478" spans="8:8">
      <c r="H173478" s="12"/>
    </row>
    <row r="173479" spans="8:8">
      <c r="H173479" s="12"/>
    </row>
    <row r="173480" spans="8:8">
      <c r="H173480" s="12"/>
    </row>
    <row r="173481" spans="8:8">
      <c r="H173481" s="12"/>
    </row>
    <row r="173482" spans="8:8">
      <c r="H173482" s="12"/>
    </row>
    <row r="173483" spans="8:8">
      <c r="H173483" s="12"/>
    </row>
    <row r="173484" spans="8:8">
      <c r="H173484" s="12"/>
    </row>
    <row r="173485" spans="8:8">
      <c r="H173485" s="12"/>
    </row>
    <row r="173486" spans="8:8">
      <c r="H173486" s="12"/>
    </row>
    <row r="173487" spans="8:8">
      <c r="H173487" s="12"/>
    </row>
    <row r="173488" spans="8:8">
      <c r="H173488" s="12"/>
    </row>
    <row r="173489" spans="8:8">
      <c r="H173489" s="12"/>
    </row>
    <row r="173490" spans="8:8">
      <c r="H173490" s="12"/>
    </row>
    <row r="173491" spans="8:8">
      <c r="H173491" s="12"/>
    </row>
    <row r="173492" spans="8:8">
      <c r="H173492" s="12"/>
    </row>
    <row r="173493" spans="8:8">
      <c r="H173493" s="12"/>
    </row>
    <row r="173494" spans="8:8">
      <c r="H173494" s="12"/>
    </row>
    <row r="173495" spans="8:8">
      <c r="H173495" s="12"/>
    </row>
    <row r="173496" spans="8:8">
      <c r="H173496" s="12"/>
    </row>
    <row r="173497" spans="8:8">
      <c r="H173497" s="12"/>
    </row>
    <row r="173498" spans="8:8">
      <c r="H173498" s="12"/>
    </row>
    <row r="173499" spans="8:8">
      <c r="H173499" s="12"/>
    </row>
    <row r="173500" spans="8:8">
      <c r="H173500" s="12"/>
    </row>
    <row r="173501" spans="8:8">
      <c r="H173501" s="12"/>
    </row>
    <row r="173502" spans="8:8">
      <c r="H173502" s="12"/>
    </row>
    <row r="173503" spans="8:8">
      <c r="H173503" s="12"/>
    </row>
    <row r="173504" spans="8:8">
      <c r="H173504" s="12"/>
    </row>
    <row r="173505" spans="8:8">
      <c r="H173505" s="12"/>
    </row>
    <row r="173506" spans="8:8">
      <c r="H173506" s="12"/>
    </row>
    <row r="173507" spans="8:8">
      <c r="H173507" s="12"/>
    </row>
    <row r="173508" spans="8:8">
      <c r="H173508" s="12"/>
    </row>
    <row r="173509" spans="8:8">
      <c r="H173509" s="12"/>
    </row>
    <row r="173510" spans="8:8">
      <c r="H173510" s="12"/>
    </row>
    <row r="173511" spans="8:8">
      <c r="H173511" s="12"/>
    </row>
    <row r="173512" spans="8:8">
      <c r="H173512" s="12"/>
    </row>
    <row r="173513" spans="8:8">
      <c r="H173513" s="12"/>
    </row>
    <row r="173514" spans="8:8">
      <c r="H173514" s="12"/>
    </row>
    <row r="173515" spans="8:8">
      <c r="H173515" s="12"/>
    </row>
    <row r="173516" spans="8:8">
      <c r="H173516" s="12"/>
    </row>
    <row r="173517" spans="8:8">
      <c r="H173517" s="12"/>
    </row>
    <row r="173518" spans="8:8">
      <c r="H173518" s="12"/>
    </row>
    <row r="173519" spans="8:8">
      <c r="H173519" s="12"/>
    </row>
    <row r="173520" spans="8:8">
      <c r="H173520" s="12"/>
    </row>
    <row r="173521" spans="8:8">
      <c r="H173521" s="12"/>
    </row>
    <row r="173522" spans="8:8">
      <c r="H173522" s="12"/>
    </row>
    <row r="173523" spans="8:8">
      <c r="H173523" s="12"/>
    </row>
    <row r="173524" spans="8:8">
      <c r="H173524" s="12"/>
    </row>
    <row r="173525" spans="8:8">
      <c r="H173525" s="12"/>
    </row>
    <row r="173526" spans="8:8">
      <c r="H173526" s="12"/>
    </row>
    <row r="173527" spans="8:8">
      <c r="H173527" s="12"/>
    </row>
    <row r="173528" spans="8:8">
      <c r="H173528" s="12"/>
    </row>
    <row r="173529" spans="8:8">
      <c r="H173529" s="12"/>
    </row>
    <row r="173530" spans="8:8">
      <c r="H173530" s="12"/>
    </row>
    <row r="173531" spans="8:8">
      <c r="H173531" s="12"/>
    </row>
    <row r="173532" spans="8:8">
      <c r="H173532" s="12"/>
    </row>
    <row r="173533" spans="8:8">
      <c r="H173533" s="12"/>
    </row>
    <row r="173534" spans="8:8">
      <c r="H173534" s="12"/>
    </row>
    <row r="173535" spans="8:8">
      <c r="H173535" s="12"/>
    </row>
    <row r="173536" spans="8:8">
      <c r="H173536" s="12"/>
    </row>
    <row r="173537" spans="8:8">
      <c r="H173537" s="12"/>
    </row>
    <row r="173538" spans="8:8">
      <c r="H173538" s="12"/>
    </row>
    <row r="173539" spans="8:8">
      <c r="H173539" s="12"/>
    </row>
    <row r="173540" spans="8:8">
      <c r="H173540" s="12"/>
    </row>
    <row r="173541" spans="8:8">
      <c r="H173541" s="12"/>
    </row>
    <row r="173542" spans="8:8">
      <c r="H173542" s="12"/>
    </row>
    <row r="173543" spans="8:8">
      <c r="H173543" s="12"/>
    </row>
    <row r="173544" spans="8:8">
      <c r="H173544" s="12"/>
    </row>
    <row r="173545" spans="8:8">
      <c r="H173545" s="12"/>
    </row>
    <row r="173546" spans="8:8">
      <c r="H173546" s="12"/>
    </row>
    <row r="173547" spans="8:8">
      <c r="H173547" s="12"/>
    </row>
    <row r="173548" spans="8:8">
      <c r="H173548" s="12"/>
    </row>
    <row r="173549" spans="8:8">
      <c r="H173549" s="12"/>
    </row>
    <row r="173550" spans="8:8">
      <c r="H173550" s="12"/>
    </row>
    <row r="173551" spans="8:8">
      <c r="H173551" s="12"/>
    </row>
    <row r="173552" spans="8:8">
      <c r="H173552" s="12"/>
    </row>
    <row r="173553" spans="8:8">
      <c r="H173553" s="12"/>
    </row>
    <row r="173554" spans="8:8">
      <c r="H173554" s="12"/>
    </row>
    <row r="173555" spans="8:8">
      <c r="H173555" s="12"/>
    </row>
    <row r="173556" spans="8:8">
      <c r="H173556" s="12"/>
    </row>
    <row r="173557" spans="8:8">
      <c r="H173557" s="12"/>
    </row>
    <row r="173558" spans="8:8">
      <c r="H173558" s="12"/>
    </row>
    <row r="173559" spans="8:8">
      <c r="H173559" s="12"/>
    </row>
    <row r="173560" spans="8:8">
      <c r="H173560" s="12"/>
    </row>
    <row r="173561" spans="8:8">
      <c r="H173561" s="12"/>
    </row>
    <row r="173562" spans="8:8">
      <c r="H173562" s="12"/>
    </row>
    <row r="173563" spans="8:8">
      <c r="H173563" s="12"/>
    </row>
    <row r="173564" spans="8:8">
      <c r="H173564" s="12"/>
    </row>
    <row r="173565" spans="8:8">
      <c r="H173565" s="12"/>
    </row>
    <row r="173566" spans="8:8">
      <c r="H173566" s="12"/>
    </row>
    <row r="173567" spans="8:8">
      <c r="H173567" s="12"/>
    </row>
    <row r="173568" spans="8:8">
      <c r="H173568" s="12"/>
    </row>
    <row r="173569" spans="8:8">
      <c r="H173569" s="12"/>
    </row>
    <row r="173570" spans="8:8">
      <c r="H173570" s="12"/>
    </row>
    <row r="173571" spans="8:8">
      <c r="H173571" s="12"/>
    </row>
    <row r="173572" spans="8:8">
      <c r="H173572" s="12"/>
    </row>
    <row r="173573" spans="8:8">
      <c r="H173573" s="12"/>
    </row>
    <row r="173574" spans="8:8">
      <c r="H173574" s="12"/>
    </row>
    <row r="173575" spans="8:8">
      <c r="H173575" s="12"/>
    </row>
    <row r="173576" spans="8:8">
      <c r="H173576" s="12"/>
    </row>
    <row r="173577" spans="8:8">
      <c r="H173577" s="12"/>
    </row>
    <row r="173578" spans="8:8">
      <c r="H173578" s="12"/>
    </row>
    <row r="173579" spans="8:8">
      <c r="H173579" s="12"/>
    </row>
    <row r="173580" spans="8:8">
      <c r="H173580" s="12"/>
    </row>
    <row r="173581" spans="8:8">
      <c r="H173581" s="12"/>
    </row>
    <row r="173582" spans="8:8">
      <c r="H173582" s="12"/>
    </row>
    <row r="173583" spans="8:8">
      <c r="H173583" s="12"/>
    </row>
    <row r="173584" spans="8:8">
      <c r="H173584" s="12"/>
    </row>
    <row r="173585" spans="8:8">
      <c r="H173585" s="12"/>
    </row>
    <row r="173586" spans="8:8">
      <c r="H173586" s="12"/>
    </row>
    <row r="173587" spans="8:8">
      <c r="H173587" s="12"/>
    </row>
    <row r="173588" spans="8:8">
      <c r="H173588" s="12"/>
    </row>
    <row r="173589" spans="8:8">
      <c r="H173589" s="12"/>
    </row>
    <row r="173590" spans="8:8">
      <c r="H173590" s="12"/>
    </row>
    <row r="173591" spans="8:8">
      <c r="H173591" s="12"/>
    </row>
    <row r="173592" spans="8:8">
      <c r="H173592" s="12"/>
    </row>
    <row r="173593" spans="8:8">
      <c r="H173593" s="12"/>
    </row>
    <row r="173594" spans="8:8">
      <c r="H173594" s="12"/>
    </row>
    <row r="173595" spans="8:8">
      <c r="H173595" s="12"/>
    </row>
    <row r="173596" spans="8:8">
      <c r="H173596" s="12"/>
    </row>
    <row r="173597" spans="8:8">
      <c r="H173597" s="12"/>
    </row>
    <row r="173598" spans="8:8">
      <c r="H173598" s="12"/>
    </row>
    <row r="173599" spans="8:8">
      <c r="H173599" s="12"/>
    </row>
    <row r="173600" spans="8:8">
      <c r="H173600" s="12"/>
    </row>
    <row r="173601" spans="8:8">
      <c r="H173601" s="12"/>
    </row>
    <row r="173602" spans="8:8">
      <c r="H173602" s="12"/>
    </row>
    <row r="173603" spans="8:8">
      <c r="H173603" s="12"/>
    </row>
    <row r="173604" spans="8:8">
      <c r="H173604" s="12"/>
    </row>
    <row r="173605" spans="8:8">
      <c r="H173605" s="12"/>
    </row>
    <row r="173606" spans="8:8">
      <c r="H173606" s="12"/>
    </row>
    <row r="173607" spans="8:8">
      <c r="H173607" s="12"/>
    </row>
    <row r="173608" spans="8:8">
      <c r="H173608" s="12"/>
    </row>
    <row r="173609" spans="8:8">
      <c r="H173609" s="12"/>
    </row>
    <row r="173610" spans="8:8">
      <c r="H173610" s="12"/>
    </row>
    <row r="173611" spans="8:8">
      <c r="H173611" s="12"/>
    </row>
    <row r="173612" spans="8:8">
      <c r="H173612" s="12"/>
    </row>
    <row r="173613" spans="8:8">
      <c r="H173613" s="12"/>
    </row>
    <row r="173614" spans="8:8">
      <c r="H173614" s="12"/>
    </row>
    <row r="173615" spans="8:8">
      <c r="H173615" s="12"/>
    </row>
    <row r="173616" spans="8:8">
      <c r="H173616" s="12"/>
    </row>
    <row r="173617" spans="8:8">
      <c r="H173617" s="12"/>
    </row>
    <row r="173618" spans="8:8">
      <c r="H173618" s="12"/>
    </row>
    <row r="173619" spans="8:8">
      <c r="H173619" s="12"/>
    </row>
    <row r="173620" spans="8:8">
      <c r="H173620" s="12"/>
    </row>
    <row r="173621" spans="8:8">
      <c r="H173621" s="12"/>
    </row>
    <row r="173622" spans="8:8">
      <c r="H173622" s="12"/>
    </row>
    <row r="173623" spans="8:8">
      <c r="H173623" s="12"/>
    </row>
    <row r="173624" spans="8:8">
      <c r="H173624" s="12"/>
    </row>
    <row r="173625" spans="8:8">
      <c r="H173625" s="12"/>
    </row>
    <row r="173626" spans="8:8">
      <c r="H173626" s="12"/>
    </row>
    <row r="173627" spans="8:8">
      <c r="H173627" s="12"/>
    </row>
    <row r="173628" spans="8:8">
      <c r="H173628" s="12"/>
    </row>
    <row r="173629" spans="8:8">
      <c r="H173629" s="12"/>
    </row>
    <row r="173630" spans="8:8">
      <c r="H173630" s="12"/>
    </row>
    <row r="173631" spans="8:8">
      <c r="H173631" s="12"/>
    </row>
    <row r="173632" spans="8:8">
      <c r="H173632" s="12"/>
    </row>
    <row r="173633" spans="8:8">
      <c r="H173633" s="12"/>
    </row>
    <row r="173634" spans="8:8">
      <c r="H173634" s="12"/>
    </row>
    <row r="173635" spans="8:8">
      <c r="H173635" s="12"/>
    </row>
    <row r="173636" spans="8:8">
      <c r="H173636" s="12"/>
    </row>
    <row r="173637" spans="8:8">
      <c r="H173637" s="12"/>
    </row>
    <row r="173638" spans="8:8">
      <c r="H173638" s="12"/>
    </row>
    <row r="173639" spans="8:8">
      <c r="H173639" s="12"/>
    </row>
    <row r="173640" spans="8:8">
      <c r="H173640" s="12"/>
    </row>
    <row r="173641" spans="8:8">
      <c r="H173641" s="12"/>
    </row>
    <row r="173642" spans="8:8">
      <c r="H173642" s="12"/>
    </row>
    <row r="173643" spans="8:8">
      <c r="H173643" s="12"/>
    </row>
    <row r="173644" spans="8:8">
      <c r="H173644" s="12"/>
    </row>
    <row r="173645" spans="8:8">
      <c r="H173645" s="12"/>
    </row>
    <row r="173646" spans="8:8">
      <c r="H173646" s="12"/>
    </row>
    <row r="173647" spans="8:8">
      <c r="H173647" s="12"/>
    </row>
    <row r="173648" spans="8:8">
      <c r="H173648" s="12"/>
    </row>
    <row r="173649" spans="8:8">
      <c r="H173649" s="12"/>
    </row>
    <row r="173650" spans="8:8">
      <c r="H173650" s="12"/>
    </row>
    <row r="173651" spans="8:8">
      <c r="H173651" s="12"/>
    </row>
    <row r="173652" spans="8:8">
      <c r="H173652" s="12"/>
    </row>
    <row r="173653" spans="8:8">
      <c r="H173653" s="12"/>
    </row>
    <row r="173654" spans="8:8">
      <c r="H173654" s="12"/>
    </row>
    <row r="173655" spans="8:8">
      <c r="H173655" s="12"/>
    </row>
    <row r="173656" spans="8:8">
      <c r="H173656" s="12"/>
    </row>
    <row r="173657" spans="8:8">
      <c r="H173657" s="12"/>
    </row>
    <row r="173658" spans="8:8">
      <c r="H173658" s="12"/>
    </row>
    <row r="173659" spans="8:8">
      <c r="H173659" s="12"/>
    </row>
    <row r="173660" spans="8:8">
      <c r="H173660" s="12"/>
    </row>
    <row r="173661" spans="8:8">
      <c r="H173661" s="12"/>
    </row>
    <row r="173662" spans="8:8">
      <c r="H173662" s="12"/>
    </row>
    <row r="173663" spans="8:8">
      <c r="H173663" s="12"/>
    </row>
    <row r="173664" spans="8:8">
      <c r="H173664" s="12"/>
    </row>
    <row r="173665" spans="8:8">
      <c r="H173665" s="12"/>
    </row>
    <row r="173666" spans="8:8">
      <c r="H173666" s="12"/>
    </row>
    <row r="173667" spans="8:8">
      <c r="H173667" s="12"/>
    </row>
    <row r="173668" spans="8:8">
      <c r="H173668" s="12"/>
    </row>
    <row r="173669" spans="8:8">
      <c r="H173669" s="12"/>
    </row>
    <row r="173670" spans="8:8">
      <c r="H173670" s="12"/>
    </row>
    <row r="173671" spans="8:8">
      <c r="H173671" s="12"/>
    </row>
    <row r="173672" spans="8:8">
      <c r="H173672" s="12"/>
    </row>
    <row r="173673" spans="8:8">
      <c r="H173673" s="12"/>
    </row>
    <row r="173674" spans="8:8">
      <c r="H173674" s="12"/>
    </row>
    <row r="173675" spans="8:8">
      <c r="H173675" s="12"/>
    </row>
    <row r="173676" spans="8:8">
      <c r="H173676" s="12"/>
    </row>
    <row r="173677" spans="8:8">
      <c r="H173677" s="12"/>
    </row>
    <row r="173678" spans="8:8">
      <c r="H173678" s="12"/>
    </row>
    <row r="173679" spans="8:8">
      <c r="H173679" s="12"/>
    </row>
    <row r="173680" spans="8:8">
      <c r="H173680" s="12"/>
    </row>
    <row r="173681" spans="8:8">
      <c r="H173681" s="12"/>
    </row>
    <row r="173682" spans="8:8">
      <c r="H173682" s="12"/>
    </row>
    <row r="173683" spans="8:8">
      <c r="H173683" s="12"/>
    </row>
    <row r="173684" spans="8:8">
      <c r="H173684" s="12"/>
    </row>
    <row r="173685" spans="8:8">
      <c r="H173685" s="12"/>
    </row>
    <row r="173686" spans="8:8">
      <c r="H173686" s="12"/>
    </row>
    <row r="173687" spans="8:8">
      <c r="H173687" s="12"/>
    </row>
    <row r="173688" spans="8:8">
      <c r="H173688" s="12"/>
    </row>
    <row r="173689" spans="8:8">
      <c r="H173689" s="12"/>
    </row>
    <row r="173690" spans="8:8">
      <c r="H173690" s="12"/>
    </row>
    <row r="173691" spans="8:8">
      <c r="H173691" s="12"/>
    </row>
    <row r="173692" spans="8:8">
      <c r="H173692" s="12"/>
    </row>
    <row r="173693" spans="8:8">
      <c r="H173693" s="12"/>
    </row>
    <row r="173694" spans="8:8">
      <c r="H173694" s="12"/>
    </row>
    <row r="173695" spans="8:8">
      <c r="H173695" s="12"/>
    </row>
    <row r="173696" spans="8:8">
      <c r="H173696" s="12"/>
    </row>
    <row r="173697" spans="8:8">
      <c r="H173697" s="12"/>
    </row>
    <row r="173698" spans="8:8">
      <c r="H173698" s="12"/>
    </row>
    <row r="173699" spans="8:8">
      <c r="H173699" s="12"/>
    </row>
    <row r="173700" spans="8:8">
      <c r="H173700" s="12"/>
    </row>
    <row r="173701" spans="8:8">
      <c r="H173701" s="12"/>
    </row>
    <row r="173702" spans="8:8">
      <c r="H173702" s="12"/>
    </row>
    <row r="173703" spans="8:8">
      <c r="H173703" s="12"/>
    </row>
    <row r="173704" spans="8:8">
      <c r="H173704" s="12"/>
    </row>
    <row r="173705" spans="8:8">
      <c r="H173705" s="12"/>
    </row>
    <row r="173706" spans="8:8">
      <c r="H173706" s="12"/>
    </row>
    <row r="173707" spans="8:8">
      <c r="H173707" s="12"/>
    </row>
    <row r="173708" spans="8:8">
      <c r="H173708" s="12"/>
    </row>
    <row r="173709" spans="8:8">
      <c r="H173709" s="12"/>
    </row>
    <row r="173710" spans="8:8">
      <c r="H173710" s="12"/>
    </row>
    <row r="173711" spans="8:8">
      <c r="H173711" s="12"/>
    </row>
    <row r="173712" spans="8:8">
      <c r="H173712" s="12"/>
    </row>
    <row r="173713" spans="8:8">
      <c r="H173713" s="12"/>
    </row>
    <row r="173714" spans="8:8">
      <c r="H173714" s="12"/>
    </row>
    <row r="173715" spans="8:8">
      <c r="H173715" s="12"/>
    </row>
    <row r="173716" spans="8:8">
      <c r="H173716" s="12"/>
    </row>
    <row r="173717" spans="8:8">
      <c r="H173717" s="12"/>
    </row>
    <row r="173718" spans="8:8">
      <c r="H173718" s="12"/>
    </row>
    <row r="173719" spans="8:8">
      <c r="H173719" s="12"/>
    </row>
    <row r="173720" spans="8:8">
      <c r="H173720" s="12"/>
    </row>
    <row r="173721" spans="8:8">
      <c r="H173721" s="12"/>
    </row>
    <row r="173722" spans="8:8">
      <c r="H173722" s="12"/>
    </row>
    <row r="173723" spans="8:8">
      <c r="H173723" s="12"/>
    </row>
    <row r="173724" spans="8:8">
      <c r="H173724" s="12"/>
    </row>
    <row r="173725" spans="8:8">
      <c r="H173725" s="12"/>
    </row>
    <row r="173726" spans="8:8">
      <c r="H173726" s="12"/>
    </row>
    <row r="173727" spans="8:8">
      <c r="H173727" s="12"/>
    </row>
    <row r="173728" spans="8:8">
      <c r="H173728" s="12"/>
    </row>
    <row r="173729" spans="8:8">
      <c r="H173729" s="12"/>
    </row>
    <row r="173730" spans="8:8">
      <c r="H173730" s="12"/>
    </row>
    <row r="173731" spans="8:8">
      <c r="H173731" s="12"/>
    </row>
    <row r="173732" spans="8:8">
      <c r="H173732" s="12"/>
    </row>
    <row r="173733" spans="8:8">
      <c r="H173733" s="12"/>
    </row>
    <row r="173734" spans="8:8">
      <c r="H173734" s="12"/>
    </row>
    <row r="173735" spans="8:8">
      <c r="H173735" s="12"/>
    </row>
    <row r="173736" spans="8:8">
      <c r="H173736" s="12"/>
    </row>
    <row r="173737" spans="8:8">
      <c r="H173737" s="12"/>
    </row>
    <row r="173738" spans="8:8">
      <c r="H173738" s="12"/>
    </row>
    <row r="173739" spans="8:8">
      <c r="H173739" s="12"/>
    </row>
    <row r="173740" spans="8:8">
      <c r="H173740" s="12"/>
    </row>
    <row r="173741" spans="8:8">
      <c r="H173741" s="12"/>
    </row>
    <row r="173742" spans="8:8">
      <c r="H173742" s="12"/>
    </row>
    <row r="173743" spans="8:8">
      <c r="H173743" s="12"/>
    </row>
    <row r="173744" spans="8:8">
      <c r="H173744" s="12"/>
    </row>
    <row r="173745" spans="8:8">
      <c r="H173745" s="12"/>
    </row>
    <row r="173746" spans="8:8">
      <c r="H173746" s="12"/>
    </row>
    <row r="173747" spans="8:8">
      <c r="H173747" s="12"/>
    </row>
    <row r="173748" spans="8:8">
      <c r="H173748" s="12"/>
    </row>
    <row r="173749" spans="8:8">
      <c r="H173749" s="12"/>
    </row>
    <row r="173750" spans="8:8">
      <c r="H173750" s="12"/>
    </row>
    <row r="173751" spans="8:8">
      <c r="H173751" s="12"/>
    </row>
    <row r="173752" spans="8:8">
      <c r="H173752" s="12"/>
    </row>
    <row r="173753" spans="8:8">
      <c r="H173753" s="12"/>
    </row>
    <row r="173754" spans="8:8">
      <c r="H173754" s="12"/>
    </row>
    <row r="173755" spans="8:8">
      <c r="H173755" s="12"/>
    </row>
    <row r="173756" spans="8:8">
      <c r="H173756" s="12"/>
    </row>
    <row r="173757" spans="8:8">
      <c r="H173757" s="12"/>
    </row>
    <row r="173758" spans="8:8">
      <c r="H173758" s="12"/>
    </row>
    <row r="173759" spans="8:8">
      <c r="H173759" s="12"/>
    </row>
    <row r="173760" spans="8:8">
      <c r="H173760" s="12"/>
    </row>
    <row r="173761" spans="8:8">
      <c r="H173761" s="12"/>
    </row>
    <row r="173762" spans="8:8">
      <c r="H173762" s="12"/>
    </row>
    <row r="173763" spans="8:8">
      <c r="H173763" s="12"/>
    </row>
    <row r="173764" spans="8:8">
      <c r="H173764" s="12"/>
    </row>
    <row r="173765" spans="8:8">
      <c r="H173765" s="12"/>
    </row>
    <row r="173766" spans="8:8">
      <c r="H173766" s="12"/>
    </row>
    <row r="173767" spans="8:8">
      <c r="H173767" s="12"/>
    </row>
    <row r="173768" spans="8:8">
      <c r="H173768" s="12"/>
    </row>
    <row r="173769" spans="8:8">
      <c r="H173769" s="12"/>
    </row>
    <row r="173770" spans="8:8">
      <c r="H173770" s="12"/>
    </row>
    <row r="173771" spans="8:8">
      <c r="H173771" s="12"/>
    </row>
    <row r="173772" spans="8:8">
      <c r="H173772" s="12"/>
    </row>
    <row r="173773" spans="8:8">
      <c r="H173773" s="12"/>
    </row>
    <row r="173774" spans="8:8">
      <c r="H173774" s="12"/>
    </row>
    <row r="173775" spans="8:8">
      <c r="H173775" s="12"/>
    </row>
    <row r="173776" spans="8:8">
      <c r="H173776" s="12"/>
    </row>
    <row r="173777" spans="8:8">
      <c r="H173777" s="12"/>
    </row>
    <row r="173778" spans="8:8">
      <c r="H173778" s="12"/>
    </row>
    <row r="173779" spans="8:8">
      <c r="H173779" s="12"/>
    </row>
    <row r="173780" spans="8:8">
      <c r="H173780" s="12"/>
    </row>
    <row r="173781" spans="8:8">
      <c r="H173781" s="12"/>
    </row>
    <row r="173782" spans="8:8">
      <c r="H173782" s="12"/>
    </row>
    <row r="173783" spans="8:8">
      <c r="H173783" s="12"/>
    </row>
    <row r="173784" spans="8:8">
      <c r="H173784" s="12"/>
    </row>
    <row r="173785" spans="8:8">
      <c r="H173785" s="12"/>
    </row>
    <row r="173786" spans="8:8">
      <c r="H173786" s="12"/>
    </row>
    <row r="173787" spans="8:8">
      <c r="H173787" s="12"/>
    </row>
    <row r="173788" spans="8:8">
      <c r="H173788" s="12"/>
    </row>
    <row r="173789" spans="8:8">
      <c r="H173789" s="12"/>
    </row>
    <row r="173790" spans="8:8">
      <c r="H173790" s="12"/>
    </row>
    <row r="173791" spans="8:8">
      <c r="H173791" s="12"/>
    </row>
    <row r="173792" spans="8:8">
      <c r="H173792" s="12"/>
    </row>
    <row r="173793" spans="8:8">
      <c r="H173793" s="12"/>
    </row>
    <row r="173794" spans="8:8">
      <c r="H173794" s="12"/>
    </row>
    <row r="173795" spans="8:8">
      <c r="H173795" s="12"/>
    </row>
    <row r="173796" spans="8:8">
      <c r="H173796" s="12"/>
    </row>
    <row r="173797" spans="8:8">
      <c r="H173797" s="12"/>
    </row>
    <row r="173798" spans="8:8">
      <c r="H173798" s="12"/>
    </row>
    <row r="173799" spans="8:8">
      <c r="H173799" s="12"/>
    </row>
    <row r="173800" spans="8:8">
      <c r="H173800" s="12"/>
    </row>
    <row r="173801" spans="8:8">
      <c r="H173801" s="12"/>
    </row>
    <row r="173802" spans="8:8">
      <c r="H173802" s="12"/>
    </row>
    <row r="173803" spans="8:8">
      <c r="H173803" s="12"/>
    </row>
    <row r="173804" spans="8:8">
      <c r="H173804" s="12"/>
    </row>
    <row r="173805" spans="8:8">
      <c r="H173805" s="12"/>
    </row>
    <row r="173806" spans="8:8">
      <c r="H173806" s="12"/>
    </row>
    <row r="173807" spans="8:8">
      <c r="H173807" s="12"/>
    </row>
    <row r="173808" spans="8:8">
      <c r="H173808" s="12"/>
    </row>
    <row r="173809" spans="8:8">
      <c r="H173809" s="12"/>
    </row>
    <row r="173810" spans="8:8">
      <c r="H173810" s="12"/>
    </row>
    <row r="173811" spans="8:8">
      <c r="H173811" s="12"/>
    </row>
    <row r="173812" spans="8:8">
      <c r="H173812" s="12"/>
    </row>
    <row r="173813" spans="8:8">
      <c r="H173813" s="12"/>
    </row>
    <row r="173814" spans="8:8">
      <c r="H173814" s="12"/>
    </row>
    <row r="173815" spans="8:8">
      <c r="H173815" s="12"/>
    </row>
    <row r="173816" spans="8:8">
      <c r="H173816" s="12"/>
    </row>
    <row r="173817" spans="8:8">
      <c r="H173817" s="12"/>
    </row>
    <row r="173818" spans="8:8">
      <c r="H173818" s="12"/>
    </row>
    <row r="173819" spans="8:8">
      <c r="H173819" s="12"/>
    </row>
    <row r="173820" spans="8:8">
      <c r="H173820" s="12"/>
    </row>
    <row r="173821" spans="8:8">
      <c r="H173821" s="12"/>
    </row>
    <row r="173822" spans="8:8">
      <c r="H173822" s="12"/>
    </row>
    <row r="173823" spans="8:8">
      <c r="H173823" s="12"/>
    </row>
    <row r="173824" spans="8:8">
      <c r="H173824" s="12"/>
    </row>
    <row r="173825" spans="8:8">
      <c r="H173825" s="12"/>
    </row>
    <row r="173826" spans="8:8">
      <c r="H173826" s="12"/>
    </row>
    <row r="173827" spans="8:8">
      <c r="H173827" s="12"/>
    </row>
    <row r="173828" spans="8:8">
      <c r="H173828" s="12"/>
    </row>
    <row r="173829" spans="8:8">
      <c r="H173829" s="12"/>
    </row>
    <row r="173830" spans="8:8">
      <c r="H173830" s="12"/>
    </row>
    <row r="173831" spans="8:8">
      <c r="H173831" s="12"/>
    </row>
    <row r="173832" spans="8:8">
      <c r="H173832" s="12"/>
    </row>
    <row r="173833" spans="8:8">
      <c r="H173833" s="12"/>
    </row>
    <row r="173834" spans="8:8">
      <c r="H173834" s="12"/>
    </row>
    <row r="173835" spans="8:8">
      <c r="H173835" s="12"/>
    </row>
    <row r="173836" spans="8:8">
      <c r="H173836" s="12"/>
    </row>
    <row r="173837" spans="8:8">
      <c r="H173837" s="12"/>
    </row>
    <row r="173838" spans="8:8">
      <c r="H173838" s="12"/>
    </row>
    <row r="173839" spans="8:8">
      <c r="H173839" s="12"/>
    </row>
    <row r="173840" spans="8:8">
      <c r="H173840" s="12"/>
    </row>
    <row r="173841" spans="8:8">
      <c r="H173841" s="12"/>
    </row>
    <row r="173842" spans="8:8">
      <c r="H173842" s="12"/>
    </row>
    <row r="173843" spans="8:8">
      <c r="H173843" s="12"/>
    </row>
    <row r="173844" spans="8:8">
      <c r="H173844" s="12"/>
    </row>
    <row r="173845" spans="8:8">
      <c r="H173845" s="12"/>
    </row>
    <row r="173846" spans="8:8">
      <c r="H173846" s="12"/>
    </row>
    <row r="173847" spans="8:8">
      <c r="H173847" s="12"/>
    </row>
    <row r="173848" spans="8:8">
      <c r="H173848" s="12"/>
    </row>
    <row r="173849" spans="8:8">
      <c r="H173849" s="12"/>
    </row>
    <row r="173850" spans="8:8">
      <c r="H173850" s="12"/>
    </row>
    <row r="173851" spans="8:8">
      <c r="H173851" s="12"/>
    </row>
    <row r="173852" spans="8:8">
      <c r="H173852" s="12"/>
    </row>
    <row r="173853" spans="8:8">
      <c r="H173853" s="12"/>
    </row>
    <row r="173854" spans="8:8">
      <c r="H173854" s="12"/>
    </row>
    <row r="173855" spans="8:8">
      <c r="H173855" s="12"/>
    </row>
    <row r="173856" spans="8:8">
      <c r="H173856" s="12"/>
    </row>
    <row r="173857" spans="8:8">
      <c r="H173857" s="12"/>
    </row>
    <row r="173858" spans="8:8">
      <c r="H173858" s="12"/>
    </row>
    <row r="173859" spans="8:8">
      <c r="H173859" s="12"/>
    </row>
    <row r="173860" spans="8:8">
      <c r="H173860" s="12"/>
    </row>
    <row r="173861" spans="8:8">
      <c r="H173861" s="12"/>
    </row>
    <row r="173862" spans="8:8">
      <c r="H173862" s="12"/>
    </row>
    <row r="173863" spans="8:8">
      <c r="H173863" s="12"/>
    </row>
    <row r="173864" spans="8:8">
      <c r="H173864" s="12"/>
    </row>
    <row r="173865" spans="8:8">
      <c r="H173865" s="12"/>
    </row>
    <row r="173866" spans="8:8">
      <c r="H173866" s="12"/>
    </row>
    <row r="173867" spans="8:8">
      <c r="H173867" s="12"/>
    </row>
    <row r="173868" spans="8:8">
      <c r="H173868" s="12"/>
    </row>
    <row r="173869" spans="8:8">
      <c r="H173869" s="12"/>
    </row>
    <row r="173870" spans="8:8">
      <c r="H173870" s="12"/>
    </row>
    <row r="173871" spans="8:8">
      <c r="H173871" s="12"/>
    </row>
    <row r="173872" spans="8:8">
      <c r="H173872" s="12"/>
    </row>
    <row r="173873" spans="8:8">
      <c r="H173873" s="12"/>
    </row>
    <row r="173874" spans="8:8">
      <c r="H173874" s="12"/>
    </row>
    <row r="173875" spans="8:8">
      <c r="H173875" s="12"/>
    </row>
    <row r="173876" spans="8:8">
      <c r="H173876" s="12"/>
    </row>
    <row r="173877" spans="8:8">
      <c r="H173877" s="12"/>
    </row>
    <row r="173878" spans="8:8">
      <c r="H173878" s="12"/>
    </row>
    <row r="173879" spans="8:8">
      <c r="H173879" s="12"/>
    </row>
    <row r="173880" spans="8:8">
      <c r="H173880" s="12"/>
    </row>
    <row r="173881" spans="8:8">
      <c r="H173881" s="12"/>
    </row>
    <row r="173882" spans="8:8">
      <c r="H173882" s="12"/>
    </row>
    <row r="173883" spans="8:8">
      <c r="H173883" s="12"/>
    </row>
    <row r="173884" spans="8:8">
      <c r="H173884" s="12"/>
    </row>
    <row r="173885" spans="8:8">
      <c r="H173885" s="12"/>
    </row>
    <row r="173886" spans="8:8">
      <c r="H173886" s="12"/>
    </row>
    <row r="173887" spans="8:8">
      <c r="H173887" s="12"/>
    </row>
    <row r="173888" spans="8:8">
      <c r="H173888" s="12"/>
    </row>
    <row r="173889" spans="8:8">
      <c r="H173889" s="12"/>
    </row>
    <row r="173890" spans="8:8">
      <c r="H173890" s="12"/>
    </row>
    <row r="173891" spans="8:8">
      <c r="H173891" s="12"/>
    </row>
    <row r="173892" spans="8:8">
      <c r="H173892" s="12"/>
    </row>
    <row r="173893" spans="8:8">
      <c r="H173893" s="12"/>
    </row>
    <row r="173894" spans="8:8">
      <c r="H173894" s="12"/>
    </row>
    <row r="173895" spans="8:8">
      <c r="H173895" s="12"/>
    </row>
    <row r="173896" spans="8:8">
      <c r="H173896" s="12"/>
    </row>
    <row r="173897" spans="8:8">
      <c r="H173897" s="12"/>
    </row>
    <row r="173898" spans="8:8">
      <c r="H173898" s="12"/>
    </row>
    <row r="173899" spans="8:8">
      <c r="H173899" s="12"/>
    </row>
    <row r="173900" spans="8:8">
      <c r="H173900" s="12"/>
    </row>
    <row r="173901" spans="8:8">
      <c r="H173901" s="12"/>
    </row>
    <row r="173902" spans="8:8">
      <c r="H173902" s="12"/>
    </row>
    <row r="173903" spans="8:8">
      <c r="H173903" s="12"/>
    </row>
    <row r="173904" spans="8:8">
      <c r="H173904" s="12"/>
    </row>
    <row r="173905" spans="8:8">
      <c r="H173905" s="12"/>
    </row>
    <row r="173906" spans="8:8">
      <c r="H173906" s="12"/>
    </row>
    <row r="173907" spans="8:8">
      <c r="H173907" s="12"/>
    </row>
    <row r="173908" spans="8:8">
      <c r="H173908" s="12"/>
    </row>
    <row r="173909" spans="8:8">
      <c r="H173909" s="12"/>
    </row>
    <row r="173910" spans="8:8">
      <c r="H173910" s="12"/>
    </row>
    <row r="173911" spans="8:8">
      <c r="H173911" s="12"/>
    </row>
    <row r="173912" spans="8:8">
      <c r="H173912" s="12"/>
    </row>
    <row r="173913" spans="8:8">
      <c r="H173913" s="12"/>
    </row>
    <row r="173914" spans="8:8">
      <c r="H173914" s="12"/>
    </row>
    <row r="173915" spans="8:8">
      <c r="H173915" s="12"/>
    </row>
    <row r="173916" spans="8:8">
      <c r="H173916" s="12"/>
    </row>
    <row r="173917" spans="8:8">
      <c r="H173917" s="12"/>
    </row>
    <row r="173918" spans="8:8">
      <c r="H173918" s="12"/>
    </row>
    <row r="173919" spans="8:8">
      <c r="H173919" s="12"/>
    </row>
    <row r="173920" spans="8:8">
      <c r="H173920" s="12"/>
    </row>
    <row r="173921" spans="8:8">
      <c r="H173921" s="12"/>
    </row>
    <row r="173922" spans="8:8">
      <c r="H173922" s="12"/>
    </row>
    <row r="173923" spans="8:8">
      <c r="H173923" s="12"/>
    </row>
    <row r="173924" spans="8:8">
      <c r="H173924" s="12"/>
    </row>
    <row r="173925" spans="8:8">
      <c r="H173925" s="12"/>
    </row>
    <row r="173926" spans="8:8">
      <c r="H173926" s="12"/>
    </row>
    <row r="173927" spans="8:8">
      <c r="H173927" s="12"/>
    </row>
    <row r="173928" spans="8:8">
      <c r="H173928" s="12"/>
    </row>
    <row r="173929" spans="8:8">
      <c r="H173929" s="12"/>
    </row>
    <row r="173930" spans="8:8">
      <c r="H173930" s="12"/>
    </row>
    <row r="173931" spans="8:8">
      <c r="H173931" s="12"/>
    </row>
    <row r="173932" spans="8:8">
      <c r="H173932" s="12"/>
    </row>
    <row r="173933" spans="8:8">
      <c r="H173933" s="12"/>
    </row>
    <row r="173934" spans="8:8">
      <c r="H173934" s="12"/>
    </row>
    <row r="173935" spans="8:8">
      <c r="H173935" s="12"/>
    </row>
    <row r="173936" spans="8:8">
      <c r="H173936" s="12"/>
    </row>
    <row r="173937" spans="8:8">
      <c r="H173937" s="12"/>
    </row>
    <row r="173938" spans="8:8">
      <c r="H173938" s="12"/>
    </row>
    <row r="173939" spans="8:8">
      <c r="H173939" s="12"/>
    </row>
    <row r="173940" spans="8:8">
      <c r="H173940" s="12"/>
    </row>
    <row r="173941" spans="8:8">
      <c r="H173941" s="12"/>
    </row>
    <row r="173942" spans="8:8">
      <c r="H173942" s="12"/>
    </row>
    <row r="173943" spans="8:8">
      <c r="H173943" s="12"/>
    </row>
    <row r="173944" spans="8:8">
      <c r="H173944" s="12"/>
    </row>
    <row r="173945" spans="8:8">
      <c r="H173945" s="12"/>
    </row>
    <row r="173946" spans="8:8">
      <c r="H173946" s="12"/>
    </row>
    <row r="173947" spans="8:8">
      <c r="H173947" s="12"/>
    </row>
    <row r="173948" spans="8:8">
      <c r="H173948" s="12"/>
    </row>
    <row r="173949" spans="8:8">
      <c r="H173949" s="12"/>
    </row>
    <row r="173950" spans="8:8">
      <c r="H173950" s="12"/>
    </row>
    <row r="173951" spans="8:8">
      <c r="H173951" s="12"/>
    </row>
    <row r="173952" spans="8:8">
      <c r="H173952" s="12"/>
    </row>
    <row r="173953" spans="8:8">
      <c r="H173953" s="12"/>
    </row>
    <row r="173954" spans="8:8">
      <c r="H173954" s="12"/>
    </row>
    <row r="173955" spans="8:8">
      <c r="H173955" s="12"/>
    </row>
    <row r="173956" spans="8:8">
      <c r="H173956" s="12"/>
    </row>
    <row r="173957" spans="8:8">
      <c r="H173957" s="12"/>
    </row>
    <row r="173958" spans="8:8">
      <c r="H173958" s="12"/>
    </row>
    <row r="173959" spans="8:8">
      <c r="H173959" s="12"/>
    </row>
    <row r="173960" spans="8:8">
      <c r="H173960" s="12"/>
    </row>
    <row r="173961" spans="8:8">
      <c r="H173961" s="12"/>
    </row>
    <row r="173962" spans="8:8">
      <c r="H173962" s="12"/>
    </row>
    <row r="173963" spans="8:8">
      <c r="H173963" s="12"/>
    </row>
    <row r="173964" spans="8:8">
      <c r="H173964" s="12"/>
    </row>
    <row r="173965" spans="8:8">
      <c r="H173965" s="12"/>
    </row>
    <row r="173966" spans="8:8">
      <c r="H173966" s="12"/>
    </row>
    <row r="173967" spans="8:8">
      <c r="H173967" s="12"/>
    </row>
    <row r="173968" spans="8:8">
      <c r="H173968" s="12"/>
    </row>
    <row r="173969" spans="8:8">
      <c r="H173969" s="12"/>
    </row>
    <row r="173970" spans="8:8">
      <c r="H173970" s="12"/>
    </row>
    <row r="173971" spans="8:8">
      <c r="H173971" s="12"/>
    </row>
    <row r="173972" spans="8:8">
      <c r="H173972" s="12"/>
    </row>
    <row r="173973" spans="8:8">
      <c r="H173973" s="12"/>
    </row>
    <row r="173974" spans="8:8">
      <c r="H173974" s="12"/>
    </row>
    <row r="173975" spans="8:8">
      <c r="H173975" s="12"/>
    </row>
    <row r="173976" spans="8:8">
      <c r="H173976" s="12"/>
    </row>
    <row r="173977" spans="8:8">
      <c r="H173977" s="12"/>
    </row>
    <row r="173978" spans="8:8">
      <c r="H173978" s="12"/>
    </row>
    <row r="173979" spans="8:8">
      <c r="H173979" s="12"/>
    </row>
    <row r="173980" spans="8:8">
      <c r="H173980" s="12"/>
    </row>
    <row r="173981" spans="8:8">
      <c r="H173981" s="12"/>
    </row>
    <row r="173982" spans="8:8">
      <c r="H173982" s="12"/>
    </row>
    <row r="173983" spans="8:8">
      <c r="H173983" s="12"/>
    </row>
    <row r="173984" spans="8:8">
      <c r="H173984" s="12"/>
    </row>
    <row r="173985" spans="8:8">
      <c r="H173985" s="12"/>
    </row>
    <row r="173986" spans="8:8">
      <c r="H173986" s="12"/>
    </row>
    <row r="173987" spans="8:8">
      <c r="H173987" s="12"/>
    </row>
    <row r="173988" spans="8:8">
      <c r="H173988" s="12"/>
    </row>
    <row r="173989" spans="8:8">
      <c r="H173989" s="12"/>
    </row>
    <row r="173990" spans="8:8">
      <c r="H173990" s="12"/>
    </row>
    <row r="173991" spans="8:8">
      <c r="H173991" s="12"/>
    </row>
    <row r="173992" spans="8:8">
      <c r="H173992" s="12"/>
    </row>
    <row r="173993" spans="8:8">
      <c r="H173993" s="12"/>
    </row>
    <row r="173994" spans="8:8">
      <c r="H173994" s="12"/>
    </row>
    <row r="173995" spans="8:8">
      <c r="H173995" s="12"/>
    </row>
    <row r="173996" spans="8:8">
      <c r="H173996" s="12"/>
    </row>
    <row r="173997" spans="8:8">
      <c r="H173997" s="12"/>
    </row>
    <row r="173998" spans="8:8">
      <c r="H173998" s="12"/>
    </row>
    <row r="173999" spans="8:8">
      <c r="H173999" s="12"/>
    </row>
    <row r="174000" spans="8:8">
      <c r="H174000" s="12"/>
    </row>
    <row r="174001" spans="8:8">
      <c r="H174001" s="12"/>
    </row>
    <row r="174002" spans="8:8">
      <c r="H174002" s="12"/>
    </row>
    <row r="174003" spans="8:8">
      <c r="H174003" s="12"/>
    </row>
    <row r="174004" spans="8:8">
      <c r="H174004" s="12"/>
    </row>
    <row r="174005" spans="8:8">
      <c r="H174005" s="12"/>
    </row>
    <row r="174006" spans="8:8">
      <c r="H174006" s="12"/>
    </row>
    <row r="174007" spans="8:8">
      <c r="H174007" s="12"/>
    </row>
    <row r="174008" spans="8:8">
      <c r="H174008" s="12"/>
    </row>
    <row r="174009" spans="8:8">
      <c r="H174009" s="12"/>
    </row>
    <row r="174010" spans="8:8">
      <c r="H174010" s="12"/>
    </row>
    <row r="174011" spans="8:8">
      <c r="H174011" s="12"/>
    </row>
    <row r="174012" spans="8:8">
      <c r="H174012" s="12"/>
    </row>
    <row r="174013" spans="8:8">
      <c r="H174013" s="12"/>
    </row>
    <row r="174014" spans="8:8">
      <c r="H174014" s="12"/>
    </row>
    <row r="174015" spans="8:8">
      <c r="H174015" s="12"/>
    </row>
    <row r="174016" spans="8:8">
      <c r="H174016" s="12"/>
    </row>
    <row r="174017" spans="8:8">
      <c r="H174017" s="12"/>
    </row>
    <row r="174018" spans="8:8">
      <c r="H174018" s="12"/>
    </row>
    <row r="174019" spans="8:8">
      <c r="H174019" s="12"/>
    </row>
    <row r="174020" spans="8:8">
      <c r="H174020" s="12"/>
    </row>
    <row r="174021" spans="8:8">
      <c r="H174021" s="12"/>
    </row>
    <row r="174022" spans="8:8">
      <c r="H174022" s="12"/>
    </row>
    <row r="174023" spans="8:8">
      <c r="H174023" s="12"/>
    </row>
    <row r="174024" spans="8:8">
      <c r="H174024" s="12"/>
    </row>
    <row r="174025" spans="8:8">
      <c r="H174025" s="12"/>
    </row>
    <row r="174026" spans="8:8">
      <c r="H174026" s="12"/>
    </row>
    <row r="174027" spans="8:8">
      <c r="H174027" s="12"/>
    </row>
    <row r="174028" spans="8:8">
      <c r="H174028" s="12"/>
    </row>
    <row r="174029" spans="8:8">
      <c r="H174029" s="12"/>
    </row>
    <row r="174030" spans="8:8">
      <c r="H174030" s="12"/>
    </row>
    <row r="174031" spans="8:8">
      <c r="H174031" s="12"/>
    </row>
    <row r="174032" spans="8:8">
      <c r="H174032" s="12"/>
    </row>
    <row r="174033" spans="8:8">
      <c r="H174033" s="12"/>
    </row>
    <row r="174034" spans="8:8">
      <c r="H174034" s="12"/>
    </row>
    <row r="174035" spans="8:8">
      <c r="H174035" s="12"/>
    </row>
    <row r="174036" spans="8:8">
      <c r="H174036" s="12"/>
    </row>
    <row r="174037" spans="8:8">
      <c r="H174037" s="12"/>
    </row>
    <row r="174038" spans="8:8">
      <c r="H174038" s="12"/>
    </row>
    <row r="174039" spans="8:8">
      <c r="H174039" s="12"/>
    </row>
    <row r="174040" spans="8:8">
      <c r="H174040" s="12"/>
    </row>
    <row r="174041" spans="8:8">
      <c r="H174041" s="12"/>
    </row>
    <row r="174042" spans="8:8">
      <c r="H174042" s="12"/>
    </row>
    <row r="174043" spans="8:8">
      <c r="H174043" s="12"/>
    </row>
    <row r="174044" spans="8:8">
      <c r="H174044" s="12"/>
    </row>
    <row r="174045" spans="8:8">
      <c r="H174045" s="12"/>
    </row>
    <row r="174046" spans="8:8">
      <c r="H174046" s="12"/>
    </row>
    <row r="174047" spans="8:8">
      <c r="H174047" s="12"/>
    </row>
    <row r="174048" spans="8:8">
      <c r="H174048" s="12"/>
    </row>
    <row r="174049" spans="8:8">
      <c r="H174049" s="12"/>
    </row>
    <row r="174050" spans="8:8">
      <c r="H174050" s="12"/>
    </row>
    <row r="174051" spans="8:8">
      <c r="H174051" s="12"/>
    </row>
    <row r="174052" spans="8:8">
      <c r="H174052" s="12"/>
    </row>
    <row r="174053" spans="8:8">
      <c r="H174053" s="12"/>
    </row>
    <row r="174054" spans="8:8">
      <c r="H174054" s="12"/>
    </row>
    <row r="174055" spans="8:8">
      <c r="H174055" s="12"/>
    </row>
    <row r="174056" spans="8:8">
      <c r="H174056" s="12"/>
    </row>
    <row r="174057" spans="8:8">
      <c r="H174057" s="12"/>
    </row>
    <row r="174058" spans="8:8">
      <c r="H174058" s="12"/>
    </row>
    <row r="174059" spans="8:8">
      <c r="H174059" s="12"/>
    </row>
    <row r="174060" spans="8:8">
      <c r="H174060" s="12"/>
    </row>
    <row r="174061" spans="8:8">
      <c r="H174061" s="12"/>
    </row>
    <row r="174062" spans="8:8">
      <c r="H174062" s="12"/>
    </row>
    <row r="174063" spans="8:8">
      <c r="H174063" s="12"/>
    </row>
    <row r="174064" spans="8:8">
      <c r="H174064" s="12"/>
    </row>
    <row r="174065" spans="8:8">
      <c r="H174065" s="12"/>
    </row>
    <row r="174066" spans="8:8">
      <c r="H174066" s="12"/>
    </row>
    <row r="174067" spans="8:8">
      <c r="H174067" s="12"/>
    </row>
    <row r="174068" spans="8:8">
      <c r="H174068" s="12"/>
    </row>
    <row r="174069" spans="8:8">
      <c r="H174069" s="12"/>
    </row>
    <row r="174070" spans="8:8">
      <c r="H174070" s="12"/>
    </row>
    <row r="174071" spans="8:8">
      <c r="H174071" s="12"/>
    </row>
    <row r="174072" spans="8:8">
      <c r="H174072" s="12"/>
    </row>
    <row r="174073" spans="8:8">
      <c r="H174073" s="12"/>
    </row>
    <row r="174074" spans="8:8">
      <c r="H174074" s="12"/>
    </row>
    <row r="174075" spans="8:8">
      <c r="H174075" s="12"/>
    </row>
    <row r="174076" spans="8:8">
      <c r="H174076" s="12"/>
    </row>
    <row r="174077" spans="8:8">
      <c r="H174077" s="12"/>
    </row>
    <row r="174078" spans="8:8">
      <c r="H174078" s="12"/>
    </row>
    <row r="174079" spans="8:8">
      <c r="H174079" s="12"/>
    </row>
    <row r="174080" spans="8:8">
      <c r="H174080" s="12"/>
    </row>
    <row r="174081" spans="8:8">
      <c r="H174081" s="12"/>
    </row>
    <row r="174082" spans="8:8">
      <c r="H174082" s="12"/>
    </row>
    <row r="174083" spans="8:8">
      <c r="H174083" s="12"/>
    </row>
    <row r="174084" spans="8:8">
      <c r="H174084" s="12"/>
    </row>
    <row r="174085" spans="8:8">
      <c r="H174085" s="12"/>
    </row>
    <row r="174086" spans="8:8">
      <c r="H174086" s="12"/>
    </row>
    <row r="174087" spans="8:8">
      <c r="H174087" s="12"/>
    </row>
    <row r="174088" spans="8:8">
      <c r="H174088" s="12"/>
    </row>
    <row r="174089" spans="8:8">
      <c r="H174089" s="12"/>
    </row>
    <row r="174090" spans="8:8">
      <c r="H174090" s="12"/>
    </row>
    <row r="174091" spans="8:8">
      <c r="H174091" s="12"/>
    </row>
    <row r="174092" spans="8:8">
      <c r="H174092" s="12"/>
    </row>
    <row r="174093" spans="8:8">
      <c r="H174093" s="12"/>
    </row>
    <row r="174094" spans="8:8">
      <c r="H174094" s="12"/>
    </row>
    <row r="174095" spans="8:8">
      <c r="H174095" s="12"/>
    </row>
    <row r="174096" spans="8:8">
      <c r="H174096" s="12"/>
    </row>
    <row r="174097" spans="8:8">
      <c r="H174097" s="12"/>
    </row>
    <row r="174098" spans="8:8">
      <c r="H174098" s="12"/>
    </row>
    <row r="174099" spans="8:8">
      <c r="H174099" s="12"/>
    </row>
    <row r="174100" spans="8:8">
      <c r="H174100" s="12"/>
    </row>
    <row r="174101" spans="8:8">
      <c r="H174101" s="12"/>
    </row>
    <row r="174102" spans="8:8">
      <c r="H174102" s="12"/>
    </row>
    <row r="174103" spans="8:8">
      <c r="H174103" s="12"/>
    </row>
    <row r="174104" spans="8:8">
      <c r="H174104" s="12"/>
    </row>
    <row r="174105" spans="8:8">
      <c r="H174105" s="12"/>
    </row>
    <row r="174106" spans="8:8">
      <c r="H174106" s="12"/>
    </row>
    <row r="174107" spans="8:8">
      <c r="H174107" s="12"/>
    </row>
    <row r="174108" spans="8:8">
      <c r="H174108" s="12"/>
    </row>
    <row r="174109" spans="8:8">
      <c r="H174109" s="12"/>
    </row>
    <row r="174110" spans="8:8">
      <c r="H174110" s="12"/>
    </row>
    <row r="174111" spans="8:8">
      <c r="H174111" s="12"/>
    </row>
    <row r="174112" spans="8:8">
      <c r="H174112" s="12"/>
    </row>
    <row r="174113" spans="8:8">
      <c r="H174113" s="12"/>
    </row>
    <row r="174114" spans="8:8">
      <c r="H174114" s="12"/>
    </row>
    <row r="174115" spans="8:8">
      <c r="H174115" s="12"/>
    </row>
    <row r="174116" spans="8:8">
      <c r="H174116" s="12"/>
    </row>
    <row r="174117" spans="8:8">
      <c r="H174117" s="12"/>
    </row>
    <row r="174118" spans="8:8">
      <c r="H174118" s="12"/>
    </row>
    <row r="174119" spans="8:8">
      <c r="H174119" s="12"/>
    </row>
    <row r="174120" spans="8:8">
      <c r="H174120" s="12"/>
    </row>
    <row r="174121" spans="8:8">
      <c r="H174121" s="12"/>
    </row>
    <row r="174122" spans="8:8">
      <c r="H174122" s="12"/>
    </row>
    <row r="174123" spans="8:8">
      <c r="H174123" s="12"/>
    </row>
    <row r="174124" spans="8:8">
      <c r="H174124" s="12"/>
    </row>
    <row r="174125" spans="8:8">
      <c r="H174125" s="12"/>
    </row>
    <row r="174126" spans="8:8">
      <c r="H174126" s="12"/>
    </row>
    <row r="174127" spans="8:8">
      <c r="H174127" s="12"/>
    </row>
    <row r="174128" spans="8:8">
      <c r="H174128" s="12"/>
    </row>
    <row r="174129" spans="8:8">
      <c r="H174129" s="12"/>
    </row>
    <row r="174130" spans="8:8">
      <c r="H174130" s="12"/>
    </row>
    <row r="174131" spans="8:8">
      <c r="H174131" s="12"/>
    </row>
    <row r="174132" spans="8:8">
      <c r="H174132" s="12"/>
    </row>
    <row r="174133" spans="8:8">
      <c r="H174133" s="12"/>
    </row>
    <row r="174134" spans="8:8">
      <c r="H174134" s="12"/>
    </row>
    <row r="174135" spans="8:8">
      <c r="H174135" s="12"/>
    </row>
    <row r="174136" spans="8:8">
      <c r="H174136" s="12"/>
    </row>
    <row r="174137" spans="8:8">
      <c r="H174137" s="12"/>
    </row>
    <row r="174138" spans="8:8">
      <c r="H174138" s="12"/>
    </row>
    <row r="174139" spans="8:8">
      <c r="H174139" s="12"/>
    </row>
    <row r="174140" spans="8:8">
      <c r="H174140" s="12"/>
    </row>
    <row r="174141" spans="8:8">
      <c r="H174141" s="12"/>
    </row>
    <row r="174142" spans="8:8">
      <c r="H174142" s="12"/>
    </row>
    <row r="174143" spans="8:8">
      <c r="H174143" s="12"/>
    </row>
    <row r="174144" spans="8:8">
      <c r="H174144" s="12"/>
    </row>
    <row r="174145" spans="8:8">
      <c r="H174145" s="12"/>
    </row>
    <row r="174146" spans="8:8">
      <c r="H174146" s="12"/>
    </row>
    <row r="174147" spans="8:8">
      <c r="H174147" s="12"/>
    </row>
    <row r="174148" spans="8:8">
      <c r="H174148" s="12"/>
    </row>
    <row r="174149" spans="8:8">
      <c r="H174149" s="12"/>
    </row>
    <row r="174150" spans="8:8">
      <c r="H174150" s="12"/>
    </row>
    <row r="174151" spans="8:8">
      <c r="H174151" s="12"/>
    </row>
    <row r="174152" spans="8:8">
      <c r="H174152" s="12"/>
    </row>
    <row r="174153" spans="8:8">
      <c r="H174153" s="12"/>
    </row>
    <row r="174154" spans="8:8">
      <c r="H174154" s="12"/>
    </row>
    <row r="174155" spans="8:8">
      <c r="H174155" s="12"/>
    </row>
    <row r="174156" spans="8:8">
      <c r="H174156" s="12"/>
    </row>
    <row r="174157" spans="8:8">
      <c r="H174157" s="12"/>
    </row>
    <row r="174158" spans="8:8">
      <c r="H174158" s="12"/>
    </row>
    <row r="174159" spans="8:8">
      <c r="H174159" s="12"/>
    </row>
    <row r="174160" spans="8:8">
      <c r="H174160" s="12"/>
    </row>
    <row r="174161" spans="8:8">
      <c r="H174161" s="12"/>
    </row>
    <row r="174162" spans="8:8">
      <c r="H174162" s="12"/>
    </row>
    <row r="174163" spans="8:8">
      <c r="H174163" s="12"/>
    </row>
    <row r="174164" spans="8:8">
      <c r="H174164" s="12"/>
    </row>
    <row r="174165" spans="8:8">
      <c r="H174165" s="12"/>
    </row>
    <row r="174166" spans="8:8">
      <c r="H174166" s="12"/>
    </row>
    <row r="174167" spans="8:8">
      <c r="H174167" s="12"/>
    </row>
    <row r="174168" spans="8:8">
      <c r="H174168" s="12"/>
    </row>
    <row r="174169" spans="8:8">
      <c r="H174169" s="12"/>
    </row>
    <row r="174170" spans="8:8">
      <c r="H174170" s="12"/>
    </row>
    <row r="174171" spans="8:8">
      <c r="H174171" s="12"/>
    </row>
    <row r="174172" spans="8:8">
      <c r="H174172" s="12"/>
    </row>
    <row r="174173" spans="8:8">
      <c r="H174173" s="12"/>
    </row>
    <row r="174174" spans="8:8">
      <c r="H174174" s="12"/>
    </row>
    <row r="174175" spans="8:8">
      <c r="H174175" s="12"/>
    </row>
    <row r="174176" spans="8:8">
      <c r="H174176" s="12"/>
    </row>
    <row r="174177" spans="8:8">
      <c r="H174177" s="12"/>
    </row>
    <row r="174178" spans="8:8">
      <c r="H174178" s="12"/>
    </row>
    <row r="174179" spans="8:8">
      <c r="H174179" s="12"/>
    </row>
    <row r="174180" spans="8:8">
      <c r="H174180" s="12"/>
    </row>
    <row r="174181" spans="8:8">
      <c r="H174181" s="12"/>
    </row>
    <row r="174182" spans="8:8">
      <c r="H174182" s="12"/>
    </row>
    <row r="174183" spans="8:8">
      <c r="H174183" s="12"/>
    </row>
    <row r="174184" spans="8:8">
      <c r="H174184" s="12"/>
    </row>
    <row r="174185" spans="8:8">
      <c r="H174185" s="12"/>
    </row>
    <row r="174186" spans="8:8">
      <c r="H174186" s="12"/>
    </row>
    <row r="174187" spans="8:8">
      <c r="H174187" s="12"/>
    </row>
    <row r="174188" spans="8:8">
      <c r="H174188" s="12"/>
    </row>
    <row r="174189" spans="8:8">
      <c r="H174189" s="12"/>
    </row>
    <row r="174190" spans="8:8">
      <c r="H174190" s="12"/>
    </row>
    <row r="174191" spans="8:8">
      <c r="H174191" s="12"/>
    </row>
    <row r="174192" spans="8:8">
      <c r="H174192" s="12"/>
    </row>
    <row r="174193" spans="8:8">
      <c r="H174193" s="12"/>
    </row>
    <row r="174194" spans="8:8">
      <c r="H174194" s="12"/>
    </row>
    <row r="174195" spans="8:8">
      <c r="H174195" s="12"/>
    </row>
    <row r="174196" spans="8:8">
      <c r="H174196" s="12"/>
    </row>
    <row r="174197" spans="8:8">
      <c r="H174197" s="12"/>
    </row>
    <row r="174198" spans="8:8">
      <c r="H174198" s="12"/>
    </row>
    <row r="174199" spans="8:8">
      <c r="H174199" s="12"/>
    </row>
    <row r="174200" spans="8:8">
      <c r="H174200" s="12"/>
    </row>
    <row r="174201" spans="8:8">
      <c r="H174201" s="12"/>
    </row>
    <row r="174202" spans="8:8">
      <c r="H174202" s="12"/>
    </row>
    <row r="174203" spans="8:8">
      <c r="H174203" s="12"/>
    </row>
    <row r="174204" spans="8:8">
      <c r="H174204" s="12"/>
    </row>
    <row r="174205" spans="8:8">
      <c r="H174205" s="12"/>
    </row>
    <row r="174206" spans="8:8">
      <c r="H174206" s="12"/>
    </row>
    <row r="174207" spans="8:8">
      <c r="H174207" s="12"/>
    </row>
    <row r="174208" spans="8:8">
      <c r="H174208" s="12"/>
    </row>
    <row r="174209" spans="8:8">
      <c r="H174209" s="12"/>
    </row>
    <row r="174210" spans="8:8">
      <c r="H174210" s="12"/>
    </row>
    <row r="174211" spans="8:8">
      <c r="H174211" s="12"/>
    </row>
    <row r="174212" spans="8:8">
      <c r="H174212" s="12"/>
    </row>
    <row r="174213" spans="8:8">
      <c r="H174213" s="12"/>
    </row>
    <row r="174214" spans="8:8">
      <c r="H174214" s="12"/>
    </row>
    <row r="174215" spans="8:8">
      <c r="H174215" s="12"/>
    </row>
    <row r="174216" spans="8:8">
      <c r="H174216" s="12"/>
    </row>
    <row r="174217" spans="8:8">
      <c r="H174217" s="12"/>
    </row>
    <row r="174218" spans="8:8">
      <c r="H174218" s="12"/>
    </row>
    <row r="174219" spans="8:8">
      <c r="H174219" s="12"/>
    </row>
    <row r="174220" spans="8:8">
      <c r="H174220" s="12"/>
    </row>
    <row r="174221" spans="8:8">
      <c r="H174221" s="12"/>
    </row>
    <row r="174222" spans="8:8">
      <c r="H174222" s="12"/>
    </row>
    <row r="174223" spans="8:8">
      <c r="H174223" s="12"/>
    </row>
    <row r="174224" spans="8:8">
      <c r="H174224" s="12"/>
    </row>
    <row r="174225" spans="8:8">
      <c r="H174225" s="12"/>
    </row>
    <row r="174226" spans="8:8">
      <c r="H174226" s="12"/>
    </row>
    <row r="174227" spans="8:8">
      <c r="H174227" s="12"/>
    </row>
    <row r="174228" spans="8:8">
      <c r="H174228" s="12"/>
    </row>
    <row r="174229" spans="8:8">
      <c r="H174229" s="12"/>
    </row>
    <row r="174230" spans="8:8">
      <c r="H174230" s="12"/>
    </row>
    <row r="174231" spans="8:8">
      <c r="H174231" s="12"/>
    </row>
    <row r="174232" spans="8:8">
      <c r="H174232" s="12"/>
    </row>
    <row r="174233" spans="8:8">
      <c r="H174233" s="12"/>
    </row>
    <row r="174234" spans="8:8">
      <c r="H174234" s="12"/>
    </row>
    <row r="174235" spans="8:8">
      <c r="H174235" s="12"/>
    </row>
    <row r="174236" spans="8:8">
      <c r="H174236" s="12"/>
    </row>
    <row r="174237" spans="8:8">
      <c r="H174237" s="12"/>
    </row>
    <row r="174238" spans="8:8">
      <c r="H174238" s="12"/>
    </row>
    <row r="174239" spans="8:8">
      <c r="H174239" s="12"/>
    </row>
    <row r="174240" spans="8:8">
      <c r="H174240" s="12"/>
    </row>
    <row r="174241" spans="8:8">
      <c r="H174241" s="12"/>
    </row>
    <row r="174242" spans="8:8">
      <c r="H174242" s="12"/>
    </row>
    <row r="174243" spans="8:8">
      <c r="H174243" s="12"/>
    </row>
    <row r="174244" spans="8:8">
      <c r="H174244" s="12"/>
    </row>
    <row r="174245" spans="8:8">
      <c r="H174245" s="12"/>
    </row>
    <row r="174246" spans="8:8">
      <c r="H174246" s="12"/>
    </row>
    <row r="174247" spans="8:8">
      <c r="H174247" s="12"/>
    </row>
    <row r="174248" spans="8:8">
      <c r="H174248" s="12"/>
    </row>
    <row r="174249" spans="8:8">
      <c r="H174249" s="12"/>
    </row>
    <row r="174250" spans="8:8">
      <c r="H174250" s="12"/>
    </row>
    <row r="174251" spans="8:8">
      <c r="H174251" s="12"/>
    </row>
    <row r="174252" spans="8:8">
      <c r="H174252" s="12"/>
    </row>
    <row r="174253" spans="8:8">
      <c r="H174253" s="12"/>
    </row>
    <row r="174254" spans="8:8">
      <c r="H174254" s="12"/>
    </row>
    <row r="174255" spans="8:8">
      <c r="H174255" s="12"/>
    </row>
    <row r="174256" spans="8:8">
      <c r="H174256" s="12"/>
    </row>
    <row r="174257" spans="8:8">
      <c r="H174257" s="12"/>
    </row>
    <row r="174258" spans="8:8">
      <c r="H174258" s="12"/>
    </row>
    <row r="174259" spans="8:8">
      <c r="H174259" s="12"/>
    </row>
    <row r="174260" spans="8:8">
      <c r="H174260" s="12"/>
    </row>
    <row r="174261" spans="8:8">
      <c r="H174261" s="12"/>
    </row>
    <row r="174262" spans="8:8">
      <c r="H174262" s="12"/>
    </row>
    <row r="174263" spans="8:8">
      <c r="H174263" s="12"/>
    </row>
    <row r="174264" spans="8:8">
      <c r="H174264" s="12"/>
    </row>
    <row r="174265" spans="8:8">
      <c r="H174265" s="12"/>
    </row>
    <row r="174266" spans="8:8">
      <c r="H174266" s="12"/>
    </row>
    <row r="174267" spans="8:8">
      <c r="H174267" s="12"/>
    </row>
    <row r="174268" spans="8:8">
      <c r="H174268" s="12"/>
    </row>
    <row r="174269" spans="8:8">
      <c r="H174269" s="12"/>
    </row>
    <row r="174270" spans="8:8">
      <c r="H174270" s="12"/>
    </row>
    <row r="174271" spans="8:8">
      <c r="H174271" s="12"/>
    </row>
    <row r="174272" spans="8:8">
      <c r="H174272" s="12"/>
    </row>
    <row r="174273" spans="8:8">
      <c r="H174273" s="12"/>
    </row>
    <row r="174274" spans="8:8">
      <c r="H174274" s="12"/>
    </row>
    <row r="174275" spans="8:8">
      <c r="H174275" s="12"/>
    </row>
    <row r="174276" spans="8:8">
      <c r="H174276" s="12"/>
    </row>
    <row r="174277" spans="8:8">
      <c r="H174277" s="12"/>
    </row>
    <row r="174278" spans="8:8">
      <c r="H174278" s="12"/>
    </row>
    <row r="174279" spans="8:8">
      <c r="H174279" s="12"/>
    </row>
    <row r="174280" spans="8:8">
      <c r="H174280" s="12"/>
    </row>
    <row r="174281" spans="8:8">
      <c r="H174281" s="12"/>
    </row>
    <row r="174282" spans="8:8">
      <c r="H174282" s="12"/>
    </row>
    <row r="174283" spans="8:8">
      <c r="H174283" s="12"/>
    </row>
    <row r="174284" spans="8:8">
      <c r="H174284" s="12"/>
    </row>
    <row r="174285" spans="8:8">
      <c r="H174285" s="12"/>
    </row>
    <row r="174286" spans="8:8">
      <c r="H174286" s="12"/>
    </row>
    <row r="174287" spans="8:8">
      <c r="H174287" s="12"/>
    </row>
    <row r="174288" spans="8:8">
      <c r="H174288" s="12"/>
    </row>
    <row r="174289" spans="8:8">
      <c r="H174289" s="12"/>
    </row>
    <row r="174290" spans="8:8">
      <c r="H174290" s="12"/>
    </row>
    <row r="174291" spans="8:8">
      <c r="H174291" s="12"/>
    </row>
    <row r="174292" spans="8:8">
      <c r="H174292" s="12"/>
    </row>
    <row r="174293" spans="8:8">
      <c r="H174293" s="12"/>
    </row>
    <row r="174294" spans="8:8">
      <c r="H174294" s="12"/>
    </row>
    <row r="174295" spans="8:8">
      <c r="H174295" s="12"/>
    </row>
    <row r="174296" spans="8:8">
      <c r="H174296" s="12"/>
    </row>
    <row r="174297" spans="8:8">
      <c r="H174297" s="12"/>
    </row>
    <row r="174298" spans="8:8">
      <c r="H174298" s="12"/>
    </row>
    <row r="174299" spans="8:8">
      <c r="H174299" s="12"/>
    </row>
    <row r="174300" spans="8:8">
      <c r="H174300" s="12"/>
    </row>
    <row r="174301" spans="8:8">
      <c r="H174301" s="12"/>
    </row>
    <row r="174302" spans="8:8">
      <c r="H174302" s="12"/>
    </row>
    <row r="174303" spans="8:8">
      <c r="H174303" s="12"/>
    </row>
    <row r="174304" spans="8:8">
      <c r="H174304" s="12"/>
    </row>
    <row r="174305" spans="8:8">
      <c r="H174305" s="12"/>
    </row>
    <row r="174306" spans="8:8">
      <c r="H174306" s="12"/>
    </row>
    <row r="174307" spans="8:8">
      <c r="H174307" s="12"/>
    </row>
    <row r="174308" spans="8:8">
      <c r="H174308" s="12"/>
    </row>
    <row r="174309" spans="8:8">
      <c r="H174309" s="12"/>
    </row>
    <row r="174310" spans="8:8">
      <c r="H174310" s="12"/>
    </row>
    <row r="174311" spans="8:8">
      <c r="H174311" s="12"/>
    </row>
    <row r="174312" spans="8:8">
      <c r="H174312" s="12"/>
    </row>
    <row r="174313" spans="8:8">
      <c r="H174313" s="12"/>
    </row>
    <row r="174314" spans="8:8">
      <c r="H174314" s="12"/>
    </row>
    <row r="174315" spans="8:8">
      <c r="H174315" s="12"/>
    </row>
    <row r="174316" spans="8:8">
      <c r="H174316" s="12"/>
    </row>
    <row r="174317" spans="8:8">
      <c r="H174317" s="12"/>
    </row>
    <row r="174318" spans="8:8">
      <c r="H174318" s="12"/>
    </row>
    <row r="174319" spans="8:8">
      <c r="H174319" s="12"/>
    </row>
    <row r="174320" spans="8:8">
      <c r="H174320" s="12"/>
    </row>
    <row r="174321" spans="8:8">
      <c r="H174321" s="12"/>
    </row>
    <row r="174322" spans="8:8">
      <c r="H174322" s="12"/>
    </row>
    <row r="174323" spans="8:8">
      <c r="H174323" s="12"/>
    </row>
    <row r="174324" spans="8:8">
      <c r="H174324" s="12"/>
    </row>
    <row r="174325" spans="8:8">
      <c r="H174325" s="12"/>
    </row>
    <row r="174326" spans="8:8">
      <c r="H174326" s="12"/>
    </row>
    <row r="174327" spans="8:8">
      <c r="H174327" s="12"/>
    </row>
    <row r="174328" spans="8:8">
      <c r="H174328" s="12"/>
    </row>
    <row r="174329" spans="8:8">
      <c r="H174329" s="12"/>
    </row>
    <row r="174330" spans="8:8">
      <c r="H174330" s="12"/>
    </row>
    <row r="174331" spans="8:8">
      <c r="H174331" s="12"/>
    </row>
    <row r="174332" spans="8:8">
      <c r="H174332" s="12"/>
    </row>
    <row r="174333" spans="8:8">
      <c r="H174333" s="12"/>
    </row>
    <row r="174334" spans="8:8">
      <c r="H174334" s="12"/>
    </row>
    <row r="174335" spans="8:8">
      <c r="H174335" s="12"/>
    </row>
    <row r="174336" spans="8:8">
      <c r="H174336" s="12"/>
    </row>
    <row r="174337" spans="8:8">
      <c r="H174337" s="12"/>
    </row>
    <row r="174338" spans="8:8">
      <c r="H174338" s="12"/>
    </row>
    <row r="174339" spans="8:8">
      <c r="H174339" s="12"/>
    </row>
    <row r="174340" spans="8:8">
      <c r="H174340" s="12"/>
    </row>
    <row r="174341" spans="8:8">
      <c r="H174341" s="12"/>
    </row>
    <row r="174342" spans="8:8">
      <c r="H174342" s="12"/>
    </row>
    <row r="174343" spans="8:8">
      <c r="H174343" s="12"/>
    </row>
    <row r="174344" spans="8:8">
      <c r="H174344" s="12"/>
    </row>
    <row r="174345" spans="8:8">
      <c r="H174345" s="12"/>
    </row>
    <row r="174346" spans="8:8">
      <c r="H174346" s="12"/>
    </row>
    <row r="174347" spans="8:8">
      <c r="H174347" s="12"/>
    </row>
    <row r="174348" spans="8:8">
      <c r="H174348" s="12"/>
    </row>
    <row r="174349" spans="8:8">
      <c r="H174349" s="12"/>
    </row>
    <row r="174350" spans="8:8">
      <c r="H174350" s="12"/>
    </row>
    <row r="174351" spans="8:8">
      <c r="H174351" s="12"/>
    </row>
    <row r="174352" spans="8:8">
      <c r="H174352" s="12"/>
    </row>
    <row r="174353" spans="8:8">
      <c r="H174353" s="12"/>
    </row>
    <row r="174354" spans="8:8">
      <c r="H174354" s="12"/>
    </row>
    <row r="174355" spans="8:8">
      <c r="H174355" s="12"/>
    </row>
    <row r="174356" spans="8:8">
      <c r="H174356" s="12"/>
    </row>
    <row r="174357" spans="8:8">
      <c r="H174357" s="12"/>
    </row>
    <row r="174358" spans="8:8">
      <c r="H174358" s="12"/>
    </row>
    <row r="174359" spans="8:8">
      <c r="H174359" s="12"/>
    </row>
    <row r="174360" spans="8:8">
      <c r="H174360" s="12"/>
    </row>
    <row r="174361" spans="8:8">
      <c r="H174361" s="12"/>
    </row>
    <row r="174362" spans="8:8">
      <c r="H174362" s="12"/>
    </row>
    <row r="174363" spans="8:8">
      <c r="H174363" s="12"/>
    </row>
    <row r="174364" spans="8:8">
      <c r="H174364" s="12"/>
    </row>
    <row r="174365" spans="8:8">
      <c r="H174365" s="12"/>
    </row>
    <row r="174366" spans="8:8">
      <c r="H174366" s="12"/>
    </row>
    <row r="174367" spans="8:8">
      <c r="H174367" s="12"/>
    </row>
    <row r="174368" spans="8:8">
      <c r="H174368" s="12"/>
    </row>
    <row r="174369" spans="8:8">
      <c r="H174369" s="12"/>
    </row>
    <row r="174370" spans="8:8">
      <c r="H174370" s="12"/>
    </row>
    <row r="174371" spans="8:8">
      <c r="H174371" s="12"/>
    </row>
    <row r="174372" spans="8:8">
      <c r="H174372" s="12"/>
    </row>
    <row r="174373" spans="8:8">
      <c r="H174373" s="12"/>
    </row>
    <row r="174374" spans="8:8">
      <c r="H174374" s="12"/>
    </row>
    <row r="174375" spans="8:8">
      <c r="H174375" s="12"/>
    </row>
    <row r="174376" spans="8:8">
      <c r="H174376" s="12"/>
    </row>
    <row r="174377" spans="8:8">
      <c r="H174377" s="12"/>
    </row>
    <row r="174378" spans="8:8">
      <c r="H174378" s="12"/>
    </row>
    <row r="174379" spans="8:8">
      <c r="H174379" s="12"/>
    </row>
    <row r="174380" spans="8:8">
      <c r="H174380" s="12"/>
    </row>
    <row r="174381" spans="8:8">
      <c r="H174381" s="12"/>
    </row>
    <row r="174382" spans="8:8">
      <c r="H174382" s="12"/>
    </row>
    <row r="174383" spans="8:8">
      <c r="H174383" s="12"/>
    </row>
    <row r="174384" spans="8:8">
      <c r="H174384" s="12"/>
    </row>
    <row r="174385" spans="8:8">
      <c r="H174385" s="12"/>
    </row>
    <row r="174386" spans="8:8">
      <c r="H174386" s="12"/>
    </row>
    <row r="174387" spans="8:8">
      <c r="H174387" s="12"/>
    </row>
    <row r="174388" spans="8:8">
      <c r="H174388" s="12"/>
    </row>
    <row r="174389" spans="8:8">
      <c r="H174389" s="12"/>
    </row>
    <row r="174390" spans="8:8">
      <c r="H174390" s="12"/>
    </row>
    <row r="174391" spans="8:8">
      <c r="H174391" s="12"/>
    </row>
    <row r="174392" spans="8:8">
      <c r="H174392" s="12"/>
    </row>
    <row r="174393" spans="8:8">
      <c r="H174393" s="12"/>
    </row>
    <row r="174394" spans="8:8">
      <c r="H174394" s="12"/>
    </row>
    <row r="174395" spans="8:8">
      <c r="H174395" s="12"/>
    </row>
    <row r="174396" spans="8:8">
      <c r="H174396" s="12"/>
    </row>
    <row r="174397" spans="8:8">
      <c r="H174397" s="12"/>
    </row>
    <row r="174398" spans="8:8">
      <c r="H174398" s="12"/>
    </row>
    <row r="174399" spans="8:8">
      <c r="H174399" s="12"/>
    </row>
    <row r="174400" spans="8:8">
      <c r="H174400" s="12"/>
    </row>
    <row r="174401" spans="8:8">
      <c r="H174401" s="12"/>
    </row>
    <row r="174402" spans="8:8">
      <c r="H174402" s="12"/>
    </row>
    <row r="174403" spans="8:8">
      <c r="H174403" s="12"/>
    </row>
    <row r="174404" spans="8:8">
      <c r="H174404" s="12"/>
    </row>
    <row r="174405" spans="8:8">
      <c r="H174405" s="12"/>
    </row>
    <row r="174406" spans="8:8">
      <c r="H174406" s="12"/>
    </row>
    <row r="174407" spans="8:8">
      <c r="H174407" s="12"/>
    </row>
    <row r="174408" spans="8:8">
      <c r="H174408" s="12"/>
    </row>
    <row r="174409" spans="8:8">
      <c r="H174409" s="12"/>
    </row>
    <row r="174410" spans="8:8">
      <c r="H174410" s="12"/>
    </row>
    <row r="174411" spans="8:8">
      <c r="H174411" s="12"/>
    </row>
    <row r="174412" spans="8:8">
      <c r="H174412" s="12"/>
    </row>
    <row r="174413" spans="8:8">
      <c r="H174413" s="12"/>
    </row>
    <row r="174414" spans="8:8">
      <c r="H174414" s="12"/>
    </row>
    <row r="174415" spans="8:8">
      <c r="H174415" s="12"/>
    </row>
    <row r="174416" spans="8:8">
      <c r="H174416" s="12"/>
    </row>
    <row r="174417" spans="8:8">
      <c r="H174417" s="12"/>
    </row>
    <row r="174418" spans="8:8">
      <c r="H174418" s="12"/>
    </row>
    <row r="174419" spans="8:8">
      <c r="H174419" s="12"/>
    </row>
    <row r="174420" spans="8:8">
      <c r="H174420" s="12"/>
    </row>
    <row r="174421" spans="8:8">
      <c r="H174421" s="12"/>
    </row>
    <row r="174422" spans="8:8">
      <c r="H174422" s="12"/>
    </row>
    <row r="174423" spans="8:8">
      <c r="H174423" s="12"/>
    </row>
    <row r="174424" spans="8:8">
      <c r="H174424" s="12"/>
    </row>
    <row r="174425" spans="8:8">
      <c r="H174425" s="12"/>
    </row>
    <row r="174426" spans="8:8">
      <c r="H174426" s="12"/>
    </row>
    <row r="174427" spans="8:8">
      <c r="H174427" s="12"/>
    </row>
    <row r="174428" spans="8:8">
      <c r="H174428" s="12"/>
    </row>
    <row r="174429" spans="8:8">
      <c r="H174429" s="12"/>
    </row>
    <row r="174430" spans="8:8">
      <c r="H174430" s="12"/>
    </row>
    <row r="174431" spans="8:8">
      <c r="H174431" s="12"/>
    </row>
    <row r="174432" spans="8:8">
      <c r="H174432" s="12"/>
    </row>
    <row r="174433" spans="8:8">
      <c r="H174433" s="12"/>
    </row>
    <row r="174434" spans="8:8">
      <c r="H174434" s="12"/>
    </row>
    <row r="174435" spans="8:8">
      <c r="H174435" s="12"/>
    </row>
    <row r="174436" spans="8:8">
      <c r="H174436" s="12"/>
    </row>
    <row r="174437" spans="8:8">
      <c r="H174437" s="12"/>
    </row>
    <row r="174438" spans="8:8">
      <c r="H174438" s="12"/>
    </row>
    <row r="174439" spans="8:8">
      <c r="H174439" s="12"/>
    </row>
    <row r="174440" spans="8:8">
      <c r="H174440" s="12"/>
    </row>
    <row r="174441" spans="8:8">
      <c r="H174441" s="12"/>
    </row>
    <row r="174442" spans="8:8">
      <c r="H174442" s="12"/>
    </row>
    <row r="174443" spans="8:8">
      <c r="H174443" s="12"/>
    </row>
    <row r="174444" spans="8:8">
      <c r="H174444" s="12"/>
    </row>
    <row r="174445" spans="8:8">
      <c r="H174445" s="12"/>
    </row>
    <row r="174446" spans="8:8">
      <c r="H174446" s="12"/>
    </row>
    <row r="174447" spans="8:8">
      <c r="H174447" s="12"/>
    </row>
    <row r="174448" spans="8:8">
      <c r="H174448" s="12"/>
    </row>
    <row r="174449" spans="8:8">
      <c r="H174449" s="12"/>
    </row>
    <row r="174450" spans="8:8">
      <c r="H174450" s="12"/>
    </row>
    <row r="174451" spans="8:8">
      <c r="H174451" s="12"/>
    </row>
    <row r="174452" spans="8:8">
      <c r="H174452" s="12"/>
    </row>
    <row r="174453" spans="8:8">
      <c r="H174453" s="12"/>
    </row>
    <row r="174454" spans="8:8">
      <c r="H174454" s="12"/>
    </row>
    <row r="174455" spans="8:8">
      <c r="H174455" s="12"/>
    </row>
    <row r="174456" spans="8:8">
      <c r="H174456" s="12"/>
    </row>
    <row r="174457" spans="8:8">
      <c r="H174457" s="12"/>
    </row>
    <row r="174458" spans="8:8">
      <c r="H174458" s="12"/>
    </row>
    <row r="174459" spans="8:8">
      <c r="H174459" s="12"/>
    </row>
    <row r="174460" spans="8:8">
      <c r="H174460" s="12"/>
    </row>
    <row r="174461" spans="8:8">
      <c r="H174461" s="12"/>
    </row>
    <row r="174462" spans="8:8">
      <c r="H174462" s="12"/>
    </row>
    <row r="174463" spans="8:8">
      <c r="H174463" s="12"/>
    </row>
    <row r="174464" spans="8:8">
      <c r="H174464" s="12"/>
    </row>
    <row r="174465" spans="8:8">
      <c r="H174465" s="12"/>
    </row>
    <row r="174466" spans="8:8">
      <c r="H174466" s="12"/>
    </row>
    <row r="174467" spans="8:8">
      <c r="H174467" s="12"/>
    </row>
    <row r="174468" spans="8:8">
      <c r="H174468" s="12"/>
    </row>
    <row r="174469" spans="8:8">
      <c r="H174469" s="12"/>
    </row>
    <row r="174470" spans="8:8">
      <c r="H174470" s="12"/>
    </row>
    <row r="174471" spans="8:8">
      <c r="H174471" s="12"/>
    </row>
    <row r="174472" spans="8:8">
      <c r="H174472" s="12"/>
    </row>
    <row r="174473" spans="8:8">
      <c r="H174473" s="12"/>
    </row>
    <row r="174474" spans="8:8">
      <c r="H174474" s="12"/>
    </row>
    <row r="174475" spans="8:8">
      <c r="H174475" s="12"/>
    </row>
    <row r="174476" spans="8:8">
      <c r="H174476" s="12"/>
    </row>
    <row r="174477" spans="8:8">
      <c r="H174477" s="12"/>
    </row>
    <row r="174478" spans="8:8">
      <c r="H174478" s="12"/>
    </row>
    <row r="174479" spans="8:8">
      <c r="H174479" s="12"/>
    </row>
    <row r="174480" spans="8:8">
      <c r="H174480" s="12"/>
    </row>
    <row r="174481" spans="8:8">
      <c r="H174481" s="12"/>
    </row>
    <row r="174482" spans="8:8">
      <c r="H174482" s="12"/>
    </row>
    <row r="174483" spans="8:8">
      <c r="H174483" s="12"/>
    </row>
    <row r="174484" spans="8:8">
      <c r="H174484" s="12"/>
    </row>
    <row r="174485" spans="8:8">
      <c r="H174485" s="12"/>
    </row>
    <row r="174486" spans="8:8">
      <c r="H174486" s="12"/>
    </row>
    <row r="174487" spans="8:8">
      <c r="H174487" s="12"/>
    </row>
    <row r="174488" spans="8:8">
      <c r="H174488" s="12"/>
    </row>
    <row r="174489" spans="8:8">
      <c r="H174489" s="12"/>
    </row>
    <row r="174490" spans="8:8">
      <c r="H174490" s="12"/>
    </row>
    <row r="174491" spans="8:8">
      <c r="H174491" s="12"/>
    </row>
    <row r="174492" spans="8:8">
      <c r="H174492" s="12"/>
    </row>
    <row r="174493" spans="8:8">
      <c r="H174493" s="12"/>
    </row>
    <row r="174494" spans="8:8">
      <c r="H174494" s="12"/>
    </row>
    <row r="174495" spans="8:8">
      <c r="H174495" s="12"/>
    </row>
    <row r="174496" spans="8:8">
      <c r="H174496" s="12"/>
    </row>
    <row r="174497" spans="8:8">
      <c r="H174497" s="12"/>
    </row>
    <row r="174498" spans="8:8">
      <c r="H174498" s="12"/>
    </row>
    <row r="174499" spans="8:8">
      <c r="H174499" s="12"/>
    </row>
    <row r="174500" spans="8:8">
      <c r="H174500" s="12"/>
    </row>
    <row r="174501" spans="8:8">
      <c r="H174501" s="12"/>
    </row>
    <row r="174502" spans="8:8">
      <c r="H174502" s="12"/>
    </row>
    <row r="174503" spans="8:8">
      <c r="H174503" s="12"/>
    </row>
    <row r="174504" spans="8:8">
      <c r="H174504" s="12"/>
    </row>
    <row r="174505" spans="8:8">
      <c r="H174505" s="12"/>
    </row>
    <row r="174506" spans="8:8">
      <c r="H174506" s="12"/>
    </row>
    <row r="174507" spans="8:8">
      <c r="H174507" s="12"/>
    </row>
    <row r="174508" spans="8:8">
      <c r="H174508" s="12"/>
    </row>
    <row r="174509" spans="8:8">
      <c r="H174509" s="12"/>
    </row>
    <row r="174510" spans="8:8">
      <c r="H174510" s="12"/>
    </row>
    <row r="174511" spans="8:8">
      <c r="H174511" s="12"/>
    </row>
    <row r="174512" spans="8:8">
      <c r="H174512" s="12"/>
    </row>
    <row r="174513" spans="8:8">
      <c r="H174513" s="12"/>
    </row>
    <row r="174514" spans="8:8">
      <c r="H174514" s="12"/>
    </row>
    <row r="174515" spans="8:8">
      <c r="H174515" s="12"/>
    </row>
    <row r="174516" spans="8:8">
      <c r="H174516" s="12"/>
    </row>
    <row r="174517" spans="8:8">
      <c r="H174517" s="12"/>
    </row>
    <row r="174518" spans="8:8">
      <c r="H174518" s="12"/>
    </row>
    <row r="174519" spans="8:8">
      <c r="H174519" s="12"/>
    </row>
    <row r="174520" spans="8:8">
      <c r="H174520" s="12"/>
    </row>
    <row r="174521" spans="8:8">
      <c r="H174521" s="12"/>
    </row>
    <row r="174522" spans="8:8">
      <c r="H174522" s="12"/>
    </row>
    <row r="174523" spans="8:8">
      <c r="H174523" s="12"/>
    </row>
    <row r="174524" spans="8:8">
      <c r="H174524" s="12"/>
    </row>
    <row r="174525" spans="8:8">
      <c r="H174525" s="12"/>
    </row>
    <row r="174526" spans="8:8">
      <c r="H174526" s="12"/>
    </row>
    <row r="174527" spans="8:8">
      <c r="H174527" s="12"/>
    </row>
    <row r="174528" spans="8:8">
      <c r="H174528" s="12"/>
    </row>
    <row r="174529" spans="8:8">
      <c r="H174529" s="12"/>
    </row>
    <row r="174530" spans="8:8">
      <c r="H174530" s="12"/>
    </row>
    <row r="174531" spans="8:8">
      <c r="H174531" s="12"/>
    </row>
    <row r="174532" spans="8:8">
      <c r="H174532" s="12"/>
    </row>
    <row r="174533" spans="8:8">
      <c r="H174533" s="12"/>
    </row>
    <row r="174534" spans="8:8">
      <c r="H174534" s="12"/>
    </row>
    <row r="174535" spans="8:8">
      <c r="H174535" s="12"/>
    </row>
    <row r="174536" spans="8:8">
      <c r="H174536" s="12"/>
    </row>
    <row r="174537" spans="8:8">
      <c r="H174537" s="12"/>
    </row>
    <row r="174538" spans="8:8">
      <c r="H174538" s="12"/>
    </row>
    <row r="174539" spans="8:8">
      <c r="H174539" s="12"/>
    </row>
    <row r="174540" spans="8:8">
      <c r="H174540" s="12"/>
    </row>
    <row r="174541" spans="8:8">
      <c r="H174541" s="12"/>
    </row>
    <row r="174542" spans="8:8">
      <c r="H174542" s="12"/>
    </row>
    <row r="174543" spans="8:8">
      <c r="H174543" s="12"/>
    </row>
    <row r="174544" spans="8:8">
      <c r="H174544" s="12"/>
    </row>
    <row r="174545" spans="8:8">
      <c r="H174545" s="12"/>
    </row>
    <row r="174546" spans="8:8">
      <c r="H174546" s="12"/>
    </row>
    <row r="174547" spans="8:8">
      <c r="H174547" s="12"/>
    </row>
    <row r="174548" spans="8:8">
      <c r="H174548" s="12"/>
    </row>
    <row r="174549" spans="8:8">
      <c r="H174549" s="12"/>
    </row>
    <row r="174550" spans="8:8">
      <c r="H174550" s="12"/>
    </row>
    <row r="174551" spans="8:8">
      <c r="H174551" s="12"/>
    </row>
    <row r="174552" spans="8:8">
      <c r="H174552" s="12"/>
    </row>
    <row r="174553" spans="8:8">
      <c r="H174553" s="12"/>
    </row>
    <row r="174554" spans="8:8">
      <c r="H174554" s="12"/>
    </row>
    <row r="174555" spans="8:8">
      <c r="H174555" s="12"/>
    </row>
    <row r="174556" spans="8:8">
      <c r="H174556" s="12"/>
    </row>
    <row r="174557" spans="8:8">
      <c r="H174557" s="12"/>
    </row>
    <row r="174558" spans="8:8">
      <c r="H174558" s="12"/>
    </row>
    <row r="174559" spans="8:8">
      <c r="H174559" s="12"/>
    </row>
    <row r="174560" spans="8:8">
      <c r="H174560" s="12"/>
    </row>
    <row r="174561" spans="8:8">
      <c r="H174561" s="12"/>
    </row>
    <row r="174562" spans="8:8">
      <c r="H174562" s="12"/>
    </row>
    <row r="174563" spans="8:8">
      <c r="H174563" s="12"/>
    </row>
    <row r="174564" spans="8:8">
      <c r="H174564" s="12"/>
    </row>
    <row r="174565" spans="8:8">
      <c r="H174565" s="12"/>
    </row>
    <row r="174566" spans="8:8">
      <c r="H174566" s="12"/>
    </row>
    <row r="174567" spans="8:8">
      <c r="H174567" s="12"/>
    </row>
    <row r="174568" spans="8:8">
      <c r="H174568" s="12"/>
    </row>
    <row r="174569" spans="8:8">
      <c r="H174569" s="12"/>
    </row>
    <row r="174570" spans="8:8">
      <c r="H174570" s="12"/>
    </row>
    <row r="174571" spans="8:8">
      <c r="H174571" s="12"/>
    </row>
    <row r="174572" spans="8:8">
      <c r="H174572" s="12"/>
    </row>
    <row r="174573" spans="8:8">
      <c r="H174573" s="12"/>
    </row>
    <row r="174574" spans="8:8">
      <c r="H174574" s="12"/>
    </row>
    <row r="174575" spans="8:8">
      <c r="H174575" s="12"/>
    </row>
    <row r="174576" spans="8:8">
      <c r="H174576" s="12"/>
    </row>
    <row r="174577" spans="8:8">
      <c r="H174577" s="12"/>
    </row>
    <row r="174578" spans="8:8">
      <c r="H174578" s="12"/>
    </row>
    <row r="174579" spans="8:8">
      <c r="H174579" s="12"/>
    </row>
    <row r="174580" spans="8:8">
      <c r="H174580" s="12"/>
    </row>
    <row r="174581" spans="8:8">
      <c r="H174581" s="12"/>
    </row>
    <row r="174582" spans="8:8">
      <c r="H174582" s="12"/>
    </row>
    <row r="174583" spans="8:8">
      <c r="H174583" s="12"/>
    </row>
    <row r="174584" spans="8:8">
      <c r="H174584" s="12"/>
    </row>
    <row r="174585" spans="8:8">
      <c r="H174585" s="12"/>
    </row>
    <row r="174586" spans="8:8">
      <c r="H174586" s="12"/>
    </row>
    <row r="174587" spans="8:8">
      <c r="H174587" s="12"/>
    </row>
    <row r="174588" spans="8:8">
      <c r="H174588" s="12"/>
    </row>
    <row r="174589" spans="8:8">
      <c r="H174589" s="12"/>
    </row>
    <row r="174590" spans="8:8">
      <c r="H174590" s="12"/>
    </row>
    <row r="174591" spans="8:8">
      <c r="H174591" s="12"/>
    </row>
    <row r="174592" spans="8:8">
      <c r="H174592" s="12"/>
    </row>
    <row r="174593" spans="8:8">
      <c r="H174593" s="12"/>
    </row>
    <row r="174594" spans="8:8">
      <c r="H174594" s="12"/>
    </row>
    <row r="174595" spans="8:8">
      <c r="H174595" s="12"/>
    </row>
    <row r="174596" spans="8:8">
      <c r="H174596" s="12"/>
    </row>
    <row r="174597" spans="8:8">
      <c r="H174597" s="12"/>
    </row>
    <row r="174598" spans="8:8">
      <c r="H174598" s="12"/>
    </row>
    <row r="174599" spans="8:8">
      <c r="H174599" s="12"/>
    </row>
    <row r="174600" spans="8:8">
      <c r="H174600" s="12"/>
    </row>
    <row r="174601" spans="8:8">
      <c r="H174601" s="12"/>
    </row>
    <row r="174602" spans="8:8">
      <c r="H174602" s="12"/>
    </row>
    <row r="174603" spans="8:8">
      <c r="H174603" s="12"/>
    </row>
    <row r="174604" spans="8:8">
      <c r="H174604" s="12"/>
    </row>
    <row r="174605" spans="8:8">
      <c r="H174605" s="12"/>
    </row>
    <row r="174606" spans="8:8">
      <c r="H174606" s="12"/>
    </row>
    <row r="174607" spans="8:8">
      <c r="H174607" s="12"/>
    </row>
    <row r="174608" spans="8:8">
      <c r="H174608" s="12"/>
    </row>
    <row r="174609" spans="8:8">
      <c r="H174609" s="12"/>
    </row>
    <row r="174610" spans="8:8">
      <c r="H174610" s="12"/>
    </row>
    <row r="174611" spans="8:8">
      <c r="H174611" s="12"/>
    </row>
    <row r="174612" spans="8:8">
      <c r="H174612" s="12"/>
    </row>
    <row r="174613" spans="8:8">
      <c r="H174613" s="12"/>
    </row>
    <row r="174614" spans="8:8">
      <c r="H174614" s="12"/>
    </row>
    <row r="174615" spans="8:8">
      <c r="H174615" s="12"/>
    </row>
    <row r="174616" spans="8:8">
      <c r="H174616" s="12"/>
    </row>
    <row r="174617" spans="8:8">
      <c r="H174617" s="12"/>
    </row>
    <row r="174618" spans="8:8">
      <c r="H174618" s="12"/>
    </row>
    <row r="174619" spans="8:8">
      <c r="H174619" s="12"/>
    </row>
    <row r="174620" spans="8:8">
      <c r="H174620" s="12"/>
    </row>
    <row r="174621" spans="8:8">
      <c r="H174621" s="12"/>
    </row>
    <row r="174622" spans="8:8">
      <c r="H174622" s="12"/>
    </row>
    <row r="174623" spans="8:8">
      <c r="H174623" s="12"/>
    </row>
    <row r="174624" spans="8:8">
      <c r="H174624" s="12"/>
    </row>
    <row r="174625" spans="8:8">
      <c r="H174625" s="12"/>
    </row>
    <row r="174626" spans="8:8">
      <c r="H174626" s="12"/>
    </row>
    <row r="174627" spans="8:8">
      <c r="H174627" s="12"/>
    </row>
    <row r="174628" spans="8:8">
      <c r="H174628" s="12"/>
    </row>
    <row r="174629" spans="8:8">
      <c r="H174629" s="12"/>
    </row>
    <row r="174630" spans="8:8">
      <c r="H174630" s="12"/>
    </row>
    <row r="174631" spans="8:8">
      <c r="H174631" s="12"/>
    </row>
    <row r="174632" spans="8:8">
      <c r="H174632" s="12"/>
    </row>
    <row r="174633" spans="8:8">
      <c r="H174633" s="12"/>
    </row>
    <row r="174634" spans="8:8">
      <c r="H174634" s="12"/>
    </row>
    <row r="174635" spans="8:8">
      <c r="H174635" s="12"/>
    </row>
    <row r="174636" spans="8:8">
      <c r="H174636" s="12"/>
    </row>
    <row r="174637" spans="8:8">
      <c r="H174637" s="12"/>
    </row>
    <row r="174638" spans="8:8">
      <c r="H174638" s="12"/>
    </row>
    <row r="174639" spans="8:8">
      <c r="H174639" s="12"/>
    </row>
    <row r="174640" spans="8:8">
      <c r="H174640" s="12"/>
    </row>
    <row r="174641" spans="8:8">
      <c r="H174641" s="12"/>
    </row>
    <row r="174642" spans="8:8">
      <c r="H174642" s="12"/>
    </row>
    <row r="174643" spans="8:8">
      <c r="H174643" s="12"/>
    </row>
    <row r="174644" spans="8:8">
      <c r="H174644" s="12"/>
    </row>
    <row r="174645" spans="8:8">
      <c r="H174645" s="12"/>
    </row>
    <row r="174646" spans="8:8">
      <c r="H174646" s="12"/>
    </row>
    <row r="174647" spans="8:8">
      <c r="H174647" s="12"/>
    </row>
    <row r="174648" spans="8:8">
      <c r="H174648" s="12"/>
    </row>
    <row r="174649" spans="8:8">
      <c r="H174649" s="12"/>
    </row>
    <row r="174650" spans="8:8">
      <c r="H174650" s="12"/>
    </row>
    <row r="174651" spans="8:8">
      <c r="H174651" s="12"/>
    </row>
    <row r="174652" spans="8:8">
      <c r="H174652" s="12"/>
    </row>
    <row r="174653" spans="8:8">
      <c r="H174653" s="12"/>
    </row>
    <row r="174654" spans="8:8">
      <c r="H174654" s="12"/>
    </row>
    <row r="174655" spans="8:8">
      <c r="H174655" s="12"/>
    </row>
    <row r="174656" spans="8:8">
      <c r="H174656" s="12"/>
    </row>
    <row r="174657" spans="8:8">
      <c r="H174657" s="12"/>
    </row>
    <row r="174658" spans="8:8">
      <c r="H174658" s="12"/>
    </row>
    <row r="174659" spans="8:8">
      <c r="H174659" s="12"/>
    </row>
    <row r="174660" spans="8:8">
      <c r="H174660" s="12"/>
    </row>
    <row r="174661" spans="8:8">
      <c r="H174661" s="12"/>
    </row>
    <row r="174662" spans="8:8">
      <c r="H174662" s="12"/>
    </row>
    <row r="174663" spans="8:8">
      <c r="H174663" s="12"/>
    </row>
    <row r="174664" spans="8:8">
      <c r="H174664" s="12"/>
    </row>
    <row r="174665" spans="8:8">
      <c r="H174665" s="12"/>
    </row>
    <row r="174666" spans="8:8">
      <c r="H174666" s="12"/>
    </row>
    <row r="174667" spans="8:8">
      <c r="H174667" s="12"/>
    </row>
    <row r="174668" spans="8:8">
      <c r="H174668" s="12"/>
    </row>
    <row r="174669" spans="8:8">
      <c r="H174669" s="12"/>
    </row>
    <row r="174670" spans="8:8">
      <c r="H174670" s="12"/>
    </row>
    <row r="174671" spans="8:8">
      <c r="H174671" s="12"/>
    </row>
    <row r="174672" spans="8:8">
      <c r="H174672" s="12"/>
    </row>
    <row r="174673" spans="8:8">
      <c r="H174673" s="12"/>
    </row>
    <row r="174674" spans="8:8">
      <c r="H174674" s="12"/>
    </row>
    <row r="174675" spans="8:8">
      <c r="H174675" s="12"/>
    </row>
    <row r="174676" spans="8:8">
      <c r="H174676" s="12"/>
    </row>
    <row r="174677" spans="8:8">
      <c r="H174677" s="12"/>
    </row>
    <row r="174678" spans="8:8">
      <c r="H174678" s="12"/>
    </row>
    <row r="174679" spans="8:8">
      <c r="H174679" s="12"/>
    </row>
    <row r="174680" spans="8:8">
      <c r="H174680" s="12"/>
    </row>
    <row r="174681" spans="8:8">
      <c r="H174681" s="12"/>
    </row>
    <row r="174682" spans="8:8">
      <c r="H174682" s="12"/>
    </row>
    <row r="174683" spans="8:8">
      <c r="H174683" s="12"/>
    </row>
    <row r="174684" spans="8:8">
      <c r="H174684" s="12"/>
    </row>
    <row r="174685" spans="8:8">
      <c r="H174685" s="12"/>
    </row>
    <row r="174686" spans="8:8">
      <c r="H174686" s="12"/>
    </row>
    <row r="174687" spans="8:8">
      <c r="H174687" s="12"/>
    </row>
    <row r="174688" spans="8:8">
      <c r="H174688" s="12"/>
    </row>
    <row r="174689" spans="8:8">
      <c r="H174689" s="12"/>
    </row>
    <row r="174690" spans="8:8">
      <c r="H174690" s="12"/>
    </row>
    <row r="174691" spans="8:8">
      <c r="H174691" s="12"/>
    </row>
    <row r="174692" spans="8:8">
      <c r="H174692" s="12"/>
    </row>
    <row r="174693" spans="8:8">
      <c r="H174693" s="12"/>
    </row>
    <row r="174694" spans="8:8">
      <c r="H174694" s="12"/>
    </row>
    <row r="174695" spans="8:8">
      <c r="H174695" s="12"/>
    </row>
    <row r="174696" spans="8:8">
      <c r="H174696" s="12"/>
    </row>
    <row r="174697" spans="8:8">
      <c r="H174697" s="12"/>
    </row>
    <row r="174698" spans="8:8">
      <c r="H174698" s="12"/>
    </row>
    <row r="174699" spans="8:8">
      <c r="H174699" s="12"/>
    </row>
    <row r="174700" spans="8:8">
      <c r="H174700" s="12"/>
    </row>
    <row r="174701" spans="8:8">
      <c r="H174701" s="12"/>
    </row>
    <row r="174702" spans="8:8">
      <c r="H174702" s="12"/>
    </row>
    <row r="174703" spans="8:8">
      <c r="H174703" s="12"/>
    </row>
    <row r="174704" spans="8:8">
      <c r="H174704" s="12"/>
    </row>
    <row r="174705" spans="8:8">
      <c r="H174705" s="12"/>
    </row>
    <row r="174706" spans="8:8">
      <c r="H174706" s="12"/>
    </row>
    <row r="174707" spans="8:8">
      <c r="H174707" s="12"/>
    </row>
    <row r="174708" spans="8:8">
      <c r="H174708" s="12"/>
    </row>
    <row r="174709" spans="8:8">
      <c r="H174709" s="12"/>
    </row>
    <row r="174710" spans="8:8">
      <c r="H174710" s="12"/>
    </row>
    <row r="174711" spans="8:8">
      <c r="H174711" s="12"/>
    </row>
    <row r="174712" spans="8:8">
      <c r="H174712" s="12"/>
    </row>
    <row r="174713" spans="8:8">
      <c r="H174713" s="12"/>
    </row>
    <row r="174714" spans="8:8">
      <c r="H174714" s="12"/>
    </row>
    <row r="174715" spans="8:8">
      <c r="H174715" s="12"/>
    </row>
    <row r="174716" spans="8:8">
      <c r="H174716" s="12"/>
    </row>
    <row r="174717" spans="8:8">
      <c r="H174717" s="12"/>
    </row>
    <row r="174718" spans="8:8">
      <c r="H174718" s="12"/>
    </row>
    <row r="174719" spans="8:8">
      <c r="H174719" s="12"/>
    </row>
    <row r="174720" spans="8:8">
      <c r="H174720" s="12"/>
    </row>
    <row r="174721" spans="8:8">
      <c r="H174721" s="12"/>
    </row>
    <row r="174722" spans="8:8">
      <c r="H174722" s="12"/>
    </row>
    <row r="174723" spans="8:8">
      <c r="H174723" s="12"/>
    </row>
    <row r="174724" spans="8:8">
      <c r="H174724" s="12"/>
    </row>
    <row r="174725" spans="8:8">
      <c r="H174725" s="12"/>
    </row>
    <row r="174726" spans="8:8">
      <c r="H174726" s="12"/>
    </row>
    <row r="174727" spans="8:8">
      <c r="H174727" s="12"/>
    </row>
    <row r="174728" spans="8:8">
      <c r="H174728" s="12"/>
    </row>
    <row r="174729" spans="8:8">
      <c r="H174729" s="12"/>
    </row>
    <row r="174730" spans="8:8">
      <c r="H174730" s="12"/>
    </row>
    <row r="174731" spans="8:8">
      <c r="H174731" s="12"/>
    </row>
    <row r="174732" spans="8:8">
      <c r="H174732" s="12"/>
    </row>
    <row r="174733" spans="8:8">
      <c r="H174733" s="12"/>
    </row>
    <row r="174734" spans="8:8">
      <c r="H174734" s="12"/>
    </row>
    <row r="174735" spans="8:8">
      <c r="H174735" s="12"/>
    </row>
    <row r="174736" spans="8:8">
      <c r="H174736" s="12"/>
    </row>
    <row r="174737" spans="8:8">
      <c r="H174737" s="12"/>
    </row>
    <row r="174738" spans="8:8">
      <c r="H174738" s="12"/>
    </row>
    <row r="174739" spans="8:8">
      <c r="H174739" s="12"/>
    </row>
    <row r="174740" spans="8:8">
      <c r="H174740" s="12"/>
    </row>
    <row r="174741" spans="8:8">
      <c r="H174741" s="12"/>
    </row>
    <row r="174742" spans="8:8">
      <c r="H174742" s="12"/>
    </row>
    <row r="174743" spans="8:8">
      <c r="H174743" s="12"/>
    </row>
    <row r="174744" spans="8:8">
      <c r="H174744" s="12"/>
    </row>
    <row r="174745" spans="8:8">
      <c r="H174745" s="12"/>
    </row>
    <row r="174746" spans="8:8">
      <c r="H174746" s="12"/>
    </row>
    <row r="174747" spans="8:8">
      <c r="H174747" s="12"/>
    </row>
    <row r="174748" spans="8:8">
      <c r="H174748" s="12"/>
    </row>
    <row r="174749" spans="8:8">
      <c r="H174749" s="12"/>
    </row>
    <row r="174750" spans="8:8">
      <c r="H174750" s="12"/>
    </row>
    <row r="174751" spans="8:8">
      <c r="H174751" s="12"/>
    </row>
    <row r="174752" spans="8:8">
      <c r="H174752" s="12"/>
    </row>
    <row r="174753" spans="8:8">
      <c r="H174753" s="12"/>
    </row>
    <row r="174754" spans="8:8">
      <c r="H174754" s="12"/>
    </row>
    <row r="174755" spans="8:8">
      <c r="H174755" s="12"/>
    </row>
    <row r="174756" spans="8:8">
      <c r="H174756" s="12"/>
    </row>
    <row r="174757" spans="8:8">
      <c r="H174757" s="12"/>
    </row>
    <row r="174758" spans="8:8">
      <c r="H174758" s="12"/>
    </row>
    <row r="174759" spans="8:8">
      <c r="H174759" s="12"/>
    </row>
    <row r="174760" spans="8:8">
      <c r="H174760" s="12"/>
    </row>
    <row r="174761" spans="8:8">
      <c r="H174761" s="12"/>
    </row>
    <row r="174762" spans="8:8">
      <c r="H174762" s="12"/>
    </row>
    <row r="174763" spans="8:8">
      <c r="H174763" s="12"/>
    </row>
    <row r="174764" spans="8:8">
      <c r="H174764" s="12"/>
    </row>
    <row r="174765" spans="8:8">
      <c r="H174765" s="12"/>
    </row>
    <row r="174766" spans="8:8">
      <c r="H174766" s="12"/>
    </row>
    <row r="174767" spans="8:8">
      <c r="H174767" s="12"/>
    </row>
    <row r="174768" spans="8:8">
      <c r="H174768" s="12"/>
    </row>
    <row r="174769" spans="8:8">
      <c r="H174769" s="12"/>
    </row>
    <row r="174770" spans="8:8">
      <c r="H174770" s="12"/>
    </row>
    <row r="174771" spans="8:8">
      <c r="H174771" s="12"/>
    </row>
    <row r="174772" spans="8:8">
      <c r="H174772" s="12"/>
    </row>
    <row r="174773" spans="8:8">
      <c r="H174773" s="12"/>
    </row>
    <row r="174774" spans="8:8">
      <c r="H174774" s="12"/>
    </row>
    <row r="174775" spans="8:8">
      <c r="H174775" s="12"/>
    </row>
    <row r="174776" spans="8:8">
      <c r="H174776" s="12"/>
    </row>
    <row r="174777" spans="8:8">
      <c r="H174777" s="12"/>
    </row>
    <row r="174778" spans="8:8">
      <c r="H174778" s="12"/>
    </row>
    <row r="174779" spans="8:8">
      <c r="H174779" s="12"/>
    </row>
    <row r="174780" spans="8:8">
      <c r="H174780" s="12"/>
    </row>
    <row r="174781" spans="8:8">
      <c r="H174781" s="12"/>
    </row>
    <row r="174782" spans="8:8">
      <c r="H174782" s="12"/>
    </row>
    <row r="174783" spans="8:8">
      <c r="H174783" s="12"/>
    </row>
    <row r="174784" spans="8:8">
      <c r="H174784" s="12"/>
    </row>
    <row r="174785" spans="8:8">
      <c r="H174785" s="12"/>
    </row>
    <row r="174786" spans="8:8">
      <c r="H174786" s="12"/>
    </row>
    <row r="174787" spans="8:8">
      <c r="H174787" s="12"/>
    </row>
    <row r="174788" spans="8:8">
      <c r="H174788" s="12"/>
    </row>
    <row r="174789" spans="8:8">
      <c r="H174789" s="12"/>
    </row>
    <row r="174790" spans="8:8">
      <c r="H174790" s="12"/>
    </row>
    <row r="174791" spans="8:8">
      <c r="H174791" s="12"/>
    </row>
    <row r="174792" spans="8:8">
      <c r="H174792" s="12"/>
    </row>
    <row r="174793" spans="8:8">
      <c r="H174793" s="12"/>
    </row>
    <row r="174794" spans="8:8">
      <c r="H174794" s="12"/>
    </row>
    <row r="174795" spans="8:8">
      <c r="H174795" s="12"/>
    </row>
    <row r="174796" spans="8:8">
      <c r="H174796" s="12"/>
    </row>
    <row r="174797" spans="8:8">
      <c r="H174797" s="12"/>
    </row>
    <row r="174798" spans="8:8">
      <c r="H174798" s="12"/>
    </row>
    <row r="174799" spans="8:8">
      <c r="H174799" s="12"/>
    </row>
    <row r="174800" spans="8:8">
      <c r="H174800" s="12"/>
    </row>
    <row r="174801" spans="8:8">
      <c r="H174801" s="12"/>
    </row>
    <row r="174802" spans="8:8">
      <c r="H174802" s="12"/>
    </row>
    <row r="174803" spans="8:8">
      <c r="H174803" s="12"/>
    </row>
    <row r="174804" spans="8:8">
      <c r="H174804" s="12"/>
    </row>
    <row r="174805" spans="8:8">
      <c r="H174805" s="12"/>
    </row>
    <row r="174806" spans="8:8">
      <c r="H174806" s="12"/>
    </row>
    <row r="174807" spans="8:8">
      <c r="H174807" s="12"/>
    </row>
    <row r="174808" spans="8:8">
      <c r="H174808" s="12"/>
    </row>
    <row r="174809" spans="8:8">
      <c r="H174809" s="12"/>
    </row>
    <row r="174810" spans="8:8">
      <c r="H174810" s="12"/>
    </row>
    <row r="174811" spans="8:8">
      <c r="H174811" s="12"/>
    </row>
    <row r="174812" spans="8:8">
      <c r="H174812" s="12"/>
    </row>
    <row r="174813" spans="8:8">
      <c r="H174813" s="12"/>
    </row>
    <row r="174814" spans="8:8">
      <c r="H174814" s="12"/>
    </row>
    <row r="174815" spans="8:8">
      <c r="H174815" s="12"/>
    </row>
    <row r="174816" spans="8:8">
      <c r="H174816" s="12"/>
    </row>
    <row r="174817" spans="8:8">
      <c r="H174817" s="12"/>
    </row>
    <row r="174818" spans="8:8">
      <c r="H174818" s="12"/>
    </row>
    <row r="174819" spans="8:8">
      <c r="H174819" s="12"/>
    </row>
    <row r="174820" spans="8:8">
      <c r="H174820" s="12"/>
    </row>
    <row r="174821" spans="8:8">
      <c r="H174821" s="12"/>
    </row>
    <row r="174822" spans="8:8">
      <c r="H174822" s="12"/>
    </row>
    <row r="174823" spans="8:8">
      <c r="H174823" s="12"/>
    </row>
    <row r="174824" spans="8:8">
      <c r="H174824" s="12"/>
    </row>
    <row r="174825" spans="8:8">
      <c r="H174825" s="12"/>
    </row>
    <row r="174826" spans="8:8">
      <c r="H174826" s="12"/>
    </row>
    <row r="174827" spans="8:8">
      <c r="H174827" s="12"/>
    </row>
    <row r="174828" spans="8:8">
      <c r="H174828" s="12"/>
    </row>
    <row r="174829" spans="8:8">
      <c r="H174829" s="12"/>
    </row>
    <row r="174830" spans="8:8">
      <c r="H174830" s="12"/>
    </row>
    <row r="174831" spans="8:8">
      <c r="H174831" s="12"/>
    </row>
    <row r="174832" spans="8:8">
      <c r="H174832" s="12"/>
    </row>
    <row r="174833" spans="8:8">
      <c r="H174833" s="12"/>
    </row>
    <row r="174834" spans="8:8">
      <c r="H174834" s="12"/>
    </row>
    <row r="174835" spans="8:8">
      <c r="H174835" s="12"/>
    </row>
    <row r="174836" spans="8:8">
      <c r="H174836" s="12"/>
    </row>
    <row r="174837" spans="8:8">
      <c r="H174837" s="12"/>
    </row>
    <row r="174838" spans="8:8">
      <c r="H174838" s="12"/>
    </row>
    <row r="174839" spans="8:8">
      <c r="H174839" s="12"/>
    </row>
    <row r="174840" spans="8:8">
      <c r="H174840" s="12"/>
    </row>
    <row r="174841" spans="8:8">
      <c r="H174841" s="12"/>
    </row>
    <row r="174842" spans="8:8">
      <c r="H174842" s="12"/>
    </row>
    <row r="174843" spans="8:8">
      <c r="H174843" s="12"/>
    </row>
    <row r="174844" spans="8:8">
      <c r="H174844" s="12"/>
    </row>
    <row r="174845" spans="8:8">
      <c r="H174845" s="12"/>
    </row>
    <row r="174846" spans="8:8">
      <c r="H174846" s="12"/>
    </row>
    <row r="174847" spans="8:8">
      <c r="H174847" s="12"/>
    </row>
    <row r="174848" spans="8:8">
      <c r="H174848" s="12"/>
    </row>
    <row r="174849" spans="8:8">
      <c r="H174849" s="12"/>
    </row>
    <row r="174850" spans="8:8">
      <c r="H174850" s="12"/>
    </row>
    <row r="174851" spans="8:8">
      <c r="H174851" s="12"/>
    </row>
    <row r="174852" spans="8:8">
      <c r="H174852" s="12"/>
    </row>
    <row r="174853" spans="8:8">
      <c r="H174853" s="12"/>
    </row>
    <row r="174854" spans="8:8">
      <c r="H174854" s="12"/>
    </row>
    <row r="174855" spans="8:8">
      <c r="H174855" s="12"/>
    </row>
    <row r="174856" spans="8:8">
      <c r="H174856" s="12"/>
    </row>
    <row r="174857" spans="8:8">
      <c r="H174857" s="12"/>
    </row>
    <row r="174858" spans="8:8">
      <c r="H174858" s="12"/>
    </row>
    <row r="174859" spans="8:8">
      <c r="H174859" s="12"/>
    </row>
    <row r="174860" spans="8:8">
      <c r="H174860" s="12"/>
    </row>
    <row r="174861" spans="8:8">
      <c r="H174861" s="12"/>
    </row>
    <row r="174862" spans="8:8">
      <c r="H174862" s="12"/>
    </row>
    <row r="174863" spans="8:8">
      <c r="H174863" s="12"/>
    </row>
    <row r="174864" spans="8:8">
      <c r="H174864" s="12"/>
    </row>
    <row r="174865" spans="8:8">
      <c r="H174865" s="12"/>
    </row>
    <row r="174866" spans="8:8">
      <c r="H174866" s="12"/>
    </row>
    <row r="174867" spans="8:8">
      <c r="H174867" s="12"/>
    </row>
    <row r="174868" spans="8:8">
      <c r="H174868" s="12"/>
    </row>
    <row r="174869" spans="8:8">
      <c r="H174869" s="12"/>
    </row>
    <row r="174870" spans="8:8">
      <c r="H174870" s="12"/>
    </row>
    <row r="174871" spans="8:8">
      <c r="H174871" s="12"/>
    </row>
    <row r="174872" spans="8:8">
      <c r="H174872" s="12"/>
    </row>
    <row r="174873" spans="8:8">
      <c r="H174873" s="12"/>
    </row>
    <row r="174874" spans="8:8">
      <c r="H174874" s="12"/>
    </row>
    <row r="174875" spans="8:8">
      <c r="H174875" s="12"/>
    </row>
    <row r="174876" spans="8:8">
      <c r="H174876" s="12"/>
    </row>
    <row r="174877" spans="8:8">
      <c r="H174877" s="12"/>
    </row>
    <row r="174878" spans="8:8">
      <c r="H174878" s="12"/>
    </row>
    <row r="174879" spans="8:8">
      <c r="H174879" s="12"/>
    </row>
    <row r="174880" spans="8:8">
      <c r="H174880" s="12"/>
    </row>
    <row r="174881" spans="8:8">
      <c r="H174881" s="12"/>
    </row>
    <row r="174882" spans="8:8">
      <c r="H174882" s="12"/>
    </row>
    <row r="174883" spans="8:8">
      <c r="H174883" s="12"/>
    </row>
    <row r="174884" spans="8:8">
      <c r="H174884" s="12"/>
    </row>
    <row r="174885" spans="8:8">
      <c r="H174885" s="12"/>
    </row>
    <row r="174886" spans="8:8">
      <c r="H174886" s="12"/>
    </row>
    <row r="174887" spans="8:8">
      <c r="H174887" s="12"/>
    </row>
    <row r="174888" spans="8:8">
      <c r="H174888" s="12"/>
    </row>
    <row r="174889" spans="8:8">
      <c r="H174889" s="12"/>
    </row>
    <row r="174890" spans="8:8">
      <c r="H174890" s="12"/>
    </row>
    <row r="174891" spans="8:8">
      <c r="H174891" s="12"/>
    </row>
    <row r="174892" spans="8:8">
      <c r="H174892" s="12"/>
    </row>
    <row r="174893" spans="8:8">
      <c r="H174893" s="12"/>
    </row>
    <row r="174894" spans="8:8">
      <c r="H174894" s="12"/>
    </row>
    <row r="174895" spans="8:8">
      <c r="H174895" s="12"/>
    </row>
    <row r="174896" spans="8:8">
      <c r="H174896" s="12"/>
    </row>
    <row r="174897" spans="8:8">
      <c r="H174897" s="12"/>
    </row>
    <row r="174898" spans="8:8">
      <c r="H174898" s="12"/>
    </row>
    <row r="174899" spans="8:8">
      <c r="H174899" s="12"/>
    </row>
    <row r="174900" spans="8:8">
      <c r="H174900" s="12"/>
    </row>
    <row r="174901" spans="8:8">
      <c r="H174901" s="12"/>
    </row>
    <row r="174902" spans="8:8">
      <c r="H174902" s="12"/>
    </row>
    <row r="174903" spans="8:8">
      <c r="H174903" s="12"/>
    </row>
    <row r="174904" spans="8:8">
      <c r="H174904" s="12"/>
    </row>
    <row r="174905" spans="8:8">
      <c r="H174905" s="12"/>
    </row>
    <row r="174906" spans="8:8">
      <c r="H174906" s="12"/>
    </row>
    <row r="174907" spans="8:8">
      <c r="H174907" s="12"/>
    </row>
    <row r="174908" spans="8:8">
      <c r="H174908" s="12"/>
    </row>
    <row r="174909" spans="8:8">
      <c r="H174909" s="12"/>
    </row>
    <row r="174910" spans="8:8">
      <c r="H174910" s="12"/>
    </row>
    <row r="174911" spans="8:8">
      <c r="H174911" s="12"/>
    </row>
    <row r="174912" spans="8:8">
      <c r="H174912" s="12"/>
    </row>
    <row r="174913" spans="8:8">
      <c r="H174913" s="12"/>
    </row>
    <row r="174914" spans="8:8">
      <c r="H174914" s="12"/>
    </row>
    <row r="174915" spans="8:8">
      <c r="H174915" s="12"/>
    </row>
    <row r="174916" spans="8:8">
      <c r="H174916" s="12"/>
    </row>
    <row r="174917" spans="8:8">
      <c r="H174917" s="12"/>
    </row>
    <row r="174918" spans="8:8">
      <c r="H174918" s="12"/>
    </row>
    <row r="174919" spans="8:8">
      <c r="H174919" s="12"/>
    </row>
    <row r="174920" spans="8:8">
      <c r="H174920" s="12"/>
    </row>
    <row r="174921" spans="8:8">
      <c r="H174921" s="12"/>
    </row>
    <row r="174922" spans="8:8">
      <c r="H174922" s="12"/>
    </row>
    <row r="174923" spans="8:8">
      <c r="H174923" s="12"/>
    </row>
    <row r="174924" spans="8:8">
      <c r="H174924" s="12"/>
    </row>
    <row r="174925" spans="8:8">
      <c r="H174925" s="12"/>
    </row>
    <row r="174926" spans="8:8">
      <c r="H174926" s="12"/>
    </row>
    <row r="174927" spans="8:8">
      <c r="H174927" s="12"/>
    </row>
    <row r="174928" spans="8:8">
      <c r="H174928" s="12"/>
    </row>
    <row r="174929" spans="8:8">
      <c r="H174929" s="12"/>
    </row>
    <row r="174930" spans="8:8">
      <c r="H174930" s="12"/>
    </row>
    <row r="174931" spans="8:8">
      <c r="H174931" s="12"/>
    </row>
    <row r="174932" spans="8:8">
      <c r="H174932" s="12"/>
    </row>
    <row r="174933" spans="8:8">
      <c r="H174933" s="12"/>
    </row>
    <row r="174934" spans="8:8">
      <c r="H174934" s="12"/>
    </row>
    <row r="174935" spans="8:8">
      <c r="H174935" s="12"/>
    </row>
    <row r="174936" spans="8:8">
      <c r="H174936" s="12"/>
    </row>
    <row r="174937" spans="8:8">
      <c r="H174937" s="12"/>
    </row>
    <row r="174938" spans="8:8">
      <c r="H174938" s="12"/>
    </row>
    <row r="174939" spans="8:8">
      <c r="H174939" s="12"/>
    </row>
    <row r="174940" spans="8:8">
      <c r="H174940" s="12"/>
    </row>
    <row r="174941" spans="8:8">
      <c r="H174941" s="12"/>
    </row>
    <row r="174942" spans="8:8">
      <c r="H174942" s="12"/>
    </row>
    <row r="174943" spans="8:8">
      <c r="H174943" s="12"/>
    </row>
    <row r="174944" spans="8:8">
      <c r="H174944" s="12"/>
    </row>
    <row r="174945" spans="8:8">
      <c r="H174945" s="12"/>
    </row>
    <row r="174946" spans="8:8">
      <c r="H174946" s="12"/>
    </row>
    <row r="174947" spans="8:8">
      <c r="H174947" s="12"/>
    </row>
    <row r="174948" spans="8:8">
      <c r="H174948" s="12"/>
    </row>
    <row r="174949" spans="8:8">
      <c r="H174949" s="12"/>
    </row>
    <row r="174950" spans="8:8">
      <c r="H174950" s="12"/>
    </row>
    <row r="174951" spans="8:8">
      <c r="H174951" s="12"/>
    </row>
    <row r="174952" spans="8:8">
      <c r="H174952" s="12"/>
    </row>
    <row r="174953" spans="8:8">
      <c r="H174953" s="12"/>
    </row>
    <row r="174954" spans="8:8">
      <c r="H174954" s="12"/>
    </row>
    <row r="174955" spans="8:8">
      <c r="H174955" s="12"/>
    </row>
    <row r="174956" spans="8:8">
      <c r="H174956" s="12"/>
    </row>
    <row r="174957" spans="8:8">
      <c r="H174957" s="12"/>
    </row>
    <row r="174958" spans="8:8">
      <c r="H174958" s="12"/>
    </row>
    <row r="174959" spans="8:8">
      <c r="H174959" s="12"/>
    </row>
    <row r="174960" spans="8:8">
      <c r="H174960" s="12"/>
    </row>
    <row r="174961" spans="8:8">
      <c r="H174961" s="12"/>
    </row>
    <row r="174962" spans="8:8">
      <c r="H174962" s="12"/>
    </row>
    <row r="174963" spans="8:8">
      <c r="H174963" s="12"/>
    </row>
    <row r="174964" spans="8:8">
      <c r="H174964" s="12"/>
    </row>
    <row r="174965" spans="8:8">
      <c r="H174965" s="12"/>
    </row>
    <row r="174966" spans="8:8">
      <c r="H174966" s="12"/>
    </row>
    <row r="174967" spans="8:8">
      <c r="H174967" s="12"/>
    </row>
    <row r="174968" spans="8:8">
      <c r="H174968" s="12"/>
    </row>
    <row r="174969" spans="8:8">
      <c r="H174969" s="12"/>
    </row>
    <row r="174970" spans="8:8">
      <c r="H174970" s="12"/>
    </row>
    <row r="174971" spans="8:8">
      <c r="H174971" s="12"/>
    </row>
    <row r="174972" spans="8:8">
      <c r="H174972" s="12"/>
    </row>
    <row r="174973" spans="8:8">
      <c r="H174973" s="12"/>
    </row>
    <row r="174974" spans="8:8">
      <c r="H174974" s="12"/>
    </row>
    <row r="174975" spans="8:8">
      <c r="H174975" s="12"/>
    </row>
    <row r="174976" spans="8:8">
      <c r="H174976" s="12"/>
    </row>
    <row r="174977" spans="8:8">
      <c r="H174977" s="12"/>
    </row>
    <row r="174978" spans="8:8">
      <c r="H174978" s="12"/>
    </row>
    <row r="174979" spans="8:8">
      <c r="H174979" s="12"/>
    </row>
    <row r="174980" spans="8:8">
      <c r="H174980" s="12"/>
    </row>
    <row r="174981" spans="8:8">
      <c r="H174981" s="12"/>
    </row>
    <row r="174982" spans="8:8">
      <c r="H174982" s="12"/>
    </row>
    <row r="174983" spans="8:8">
      <c r="H174983" s="12"/>
    </row>
    <row r="174984" spans="8:8">
      <c r="H174984" s="12"/>
    </row>
    <row r="174985" spans="8:8">
      <c r="H174985" s="12"/>
    </row>
    <row r="174986" spans="8:8">
      <c r="H174986" s="12"/>
    </row>
    <row r="174987" spans="8:8">
      <c r="H174987" s="12"/>
    </row>
    <row r="174988" spans="8:8">
      <c r="H174988" s="12"/>
    </row>
    <row r="174989" spans="8:8">
      <c r="H174989" s="12"/>
    </row>
    <row r="174990" spans="8:8">
      <c r="H174990" s="12"/>
    </row>
    <row r="174991" spans="8:8">
      <c r="H174991" s="12"/>
    </row>
    <row r="174992" spans="8:8">
      <c r="H174992" s="12"/>
    </row>
    <row r="174993" spans="8:8">
      <c r="H174993" s="12"/>
    </row>
    <row r="174994" spans="8:8">
      <c r="H174994" s="12"/>
    </row>
    <row r="174995" spans="8:8">
      <c r="H174995" s="12"/>
    </row>
    <row r="174996" spans="8:8">
      <c r="H174996" s="12"/>
    </row>
    <row r="174997" spans="8:8">
      <c r="H174997" s="12"/>
    </row>
    <row r="174998" spans="8:8">
      <c r="H174998" s="12"/>
    </row>
    <row r="174999" spans="8:8">
      <c r="H174999" s="12"/>
    </row>
    <row r="175000" spans="8:8">
      <c r="H175000" s="12"/>
    </row>
    <row r="175001" spans="8:8">
      <c r="H175001" s="12"/>
    </row>
    <row r="175002" spans="8:8">
      <c r="H175002" s="12"/>
    </row>
    <row r="175003" spans="8:8">
      <c r="H175003" s="12"/>
    </row>
    <row r="175004" spans="8:8">
      <c r="H175004" s="12"/>
    </row>
    <row r="175005" spans="8:8">
      <c r="H175005" s="12"/>
    </row>
    <row r="175006" spans="8:8">
      <c r="H175006" s="12"/>
    </row>
    <row r="175007" spans="8:8">
      <c r="H175007" s="12"/>
    </row>
    <row r="175008" spans="8:8">
      <c r="H175008" s="12"/>
    </row>
    <row r="175009" spans="8:8">
      <c r="H175009" s="12"/>
    </row>
    <row r="175010" spans="8:8">
      <c r="H175010" s="12"/>
    </row>
    <row r="175011" spans="8:8">
      <c r="H175011" s="12"/>
    </row>
    <row r="175012" spans="8:8">
      <c r="H175012" s="12"/>
    </row>
    <row r="175013" spans="8:8">
      <c r="H175013" s="12"/>
    </row>
    <row r="175014" spans="8:8">
      <c r="H175014" s="12"/>
    </row>
    <row r="175015" spans="8:8">
      <c r="H175015" s="12"/>
    </row>
    <row r="175016" spans="8:8">
      <c r="H175016" s="12"/>
    </row>
    <row r="175017" spans="8:8">
      <c r="H175017" s="12"/>
    </row>
    <row r="175018" spans="8:8">
      <c r="H175018" s="12"/>
    </row>
    <row r="175019" spans="8:8">
      <c r="H175019" s="12"/>
    </row>
    <row r="175020" spans="8:8">
      <c r="H175020" s="12"/>
    </row>
    <row r="175021" spans="8:8">
      <c r="H175021" s="12"/>
    </row>
    <row r="175022" spans="8:8">
      <c r="H175022" s="12"/>
    </row>
    <row r="175023" spans="8:8">
      <c r="H175023" s="12"/>
    </row>
    <row r="175024" spans="8:8">
      <c r="H175024" s="12"/>
    </row>
    <row r="175025" spans="8:8">
      <c r="H175025" s="12"/>
    </row>
    <row r="175026" spans="8:8">
      <c r="H175026" s="12"/>
    </row>
    <row r="175027" spans="8:8">
      <c r="H175027" s="12"/>
    </row>
    <row r="175028" spans="8:8">
      <c r="H175028" s="12"/>
    </row>
    <row r="175029" spans="8:8">
      <c r="H175029" s="12"/>
    </row>
    <row r="175030" spans="8:8">
      <c r="H175030" s="12"/>
    </row>
    <row r="175031" spans="8:8">
      <c r="H175031" s="12"/>
    </row>
    <row r="175032" spans="8:8">
      <c r="H175032" s="12"/>
    </row>
    <row r="175033" spans="8:8">
      <c r="H175033" s="12"/>
    </row>
    <row r="175034" spans="8:8">
      <c r="H175034" s="12"/>
    </row>
    <row r="175035" spans="8:8">
      <c r="H175035" s="12"/>
    </row>
    <row r="175036" spans="8:8">
      <c r="H175036" s="12"/>
    </row>
    <row r="175037" spans="8:8">
      <c r="H175037" s="12"/>
    </row>
    <row r="175038" spans="8:8">
      <c r="H175038" s="12"/>
    </row>
    <row r="175039" spans="8:8">
      <c r="H175039" s="12"/>
    </row>
    <row r="175040" spans="8:8">
      <c r="H175040" s="12"/>
    </row>
    <row r="175041" spans="8:8">
      <c r="H175041" s="12"/>
    </row>
    <row r="175042" spans="8:8">
      <c r="H175042" s="12"/>
    </row>
    <row r="175043" spans="8:8">
      <c r="H175043" s="12"/>
    </row>
    <row r="175044" spans="8:8">
      <c r="H175044" s="12"/>
    </row>
    <row r="175045" spans="8:8">
      <c r="H175045" s="12"/>
    </row>
    <row r="175046" spans="8:8">
      <c r="H175046" s="12"/>
    </row>
    <row r="175047" spans="8:8">
      <c r="H175047" s="12"/>
    </row>
    <row r="175048" spans="8:8">
      <c r="H175048" s="12"/>
    </row>
    <row r="175049" spans="8:8">
      <c r="H175049" s="12"/>
    </row>
    <row r="175050" spans="8:8">
      <c r="H175050" s="12"/>
    </row>
    <row r="175051" spans="8:8">
      <c r="H175051" s="12"/>
    </row>
    <row r="175052" spans="8:8">
      <c r="H175052" s="12"/>
    </row>
    <row r="175053" spans="8:8">
      <c r="H175053" s="12"/>
    </row>
    <row r="175054" spans="8:8">
      <c r="H175054" s="12"/>
    </row>
    <row r="175055" spans="8:8">
      <c r="H175055" s="12"/>
    </row>
    <row r="175056" spans="8:8">
      <c r="H175056" s="12"/>
    </row>
    <row r="175057" spans="8:8">
      <c r="H175057" s="12"/>
    </row>
    <row r="175058" spans="8:8">
      <c r="H175058" s="12"/>
    </row>
    <row r="175059" spans="8:8">
      <c r="H175059" s="12"/>
    </row>
    <row r="175060" spans="8:8">
      <c r="H175060" s="12"/>
    </row>
    <row r="175061" spans="8:8">
      <c r="H175061" s="12"/>
    </row>
    <row r="175062" spans="8:8">
      <c r="H175062" s="12"/>
    </row>
    <row r="175063" spans="8:8">
      <c r="H175063" s="12"/>
    </row>
    <row r="175064" spans="8:8">
      <c r="H175064" s="12"/>
    </row>
    <row r="175065" spans="8:8">
      <c r="H175065" s="12"/>
    </row>
    <row r="175066" spans="8:8">
      <c r="H175066" s="12"/>
    </row>
    <row r="175067" spans="8:8">
      <c r="H175067" s="12"/>
    </row>
    <row r="175068" spans="8:8">
      <c r="H175068" s="12"/>
    </row>
    <row r="175069" spans="8:8">
      <c r="H175069" s="12"/>
    </row>
    <row r="175070" spans="8:8">
      <c r="H175070" s="12"/>
    </row>
    <row r="175071" spans="8:8">
      <c r="H175071" s="12"/>
    </row>
    <row r="175072" spans="8:8">
      <c r="H175072" s="12"/>
    </row>
    <row r="175073" spans="8:8">
      <c r="H175073" s="12"/>
    </row>
    <row r="175074" spans="8:8">
      <c r="H175074" s="12"/>
    </row>
    <row r="175075" spans="8:8">
      <c r="H175075" s="12"/>
    </row>
    <row r="175076" spans="8:8">
      <c r="H175076" s="12"/>
    </row>
    <row r="175077" spans="8:8">
      <c r="H175077" s="12"/>
    </row>
    <row r="175078" spans="8:8">
      <c r="H175078" s="12"/>
    </row>
    <row r="175079" spans="8:8">
      <c r="H175079" s="12"/>
    </row>
    <row r="175080" spans="8:8">
      <c r="H175080" s="12"/>
    </row>
    <row r="175081" spans="8:8">
      <c r="H175081" s="12"/>
    </row>
    <row r="175082" spans="8:8">
      <c r="H175082" s="12"/>
    </row>
    <row r="175083" spans="8:8">
      <c r="H175083" s="12"/>
    </row>
    <row r="175084" spans="8:8">
      <c r="H175084" s="12"/>
    </row>
    <row r="175085" spans="8:8">
      <c r="H175085" s="12"/>
    </row>
    <row r="175086" spans="8:8">
      <c r="H175086" s="12"/>
    </row>
    <row r="175087" spans="8:8">
      <c r="H175087" s="12"/>
    </row>
    <row r="175088" spans="8:8">
      <c r="H175088" s="12"/>
    </row>
    <row r="175089" spans="8:8">
      <c r="H175089" s="12"/>
    </row>
    <row r="175090" spans="8:8">
      <c r="H175090" s="12"/>
    </row>
    <row r="175091" spans="8:8">
      <c r="H175091" s="12"/>
    </row>
    <row r="175092" spans="8:8">
      <c r="H175092" s="12"/>
    </row>
    <row r="175093" spans="8:8">
      <c r="H175093" s="12"/>
    </row>
    <row r="175094" spans="8:8">
      <c r="H175094" s="12"/>
    </row>
    <row r="175095" spans="8:8">
      <c r="H175095" s="12"/>
    </row>
    <row r="175096" spans="8:8">
      <c r="H175096" s="12"/>
    </row>
    <row r="175097" spans="8:8">
      <c r="H175097" s="12"/>
    </row>
    <row r="175098" spans="8:8">
      <c r="H175098" s="12"/>
    </row>
    <row r="175099" spans="8:8">
      <c r="H175099" s="12"/>
    </row>
    <row r="175100" spans="8:8">
      <c r="H175100" s="12"/>
    </row>
    <row r="175101" spans="8:8">
      <c r="H175101" s="12"/>
    </row>
    <row r="175102" spans="8:8">
      <c r="H175102" s="12"/>
    </row>
    <row r="175103" spans="8:8">
      <c r="H175103" s="12"/>
    </row>
    <row r="175104" spans="8:8">
      <c r="H175104" s="12"/>
    </row>
    <row r="175105" spans="8:8">
      <c r="H175105" s="12"/>
    </row>
    <row r="175106" spans="8:8">
      <c r="H175106" s="12"/>
    </row>
    <row r="175107" spans="8:8">
      <c r="H175107" s="12"/>
    </row>
    <row r="175108" spans="8:8">
      <c r="H175108" s="12"/>
    </row>
    <row r="175109" spans="8:8">
      <c r="H175109" s="12"/>
    </row>
    <row r="175110" spans="8:8">
      <c r="H175110" s="12"/>
    </row>
    <row r="175111" spans="8:8">
      <c r="H175111" s="12"/>
    </row>
    <row r="175112" spans="8:8">
      <c r="H175112" s="12"/>
    </row>
    <row r="175113" spans="8:8">
      <c r="H175113" s="12"/>
    </row>
    <row r="175114" spans="8:8">
      <c r="H175114" s="12"/>
    </row>
    <row r="175115" spans="8:8">
      <c r="H175115" s="12"/>
    </row>
    <row r="175116" spans="8:8">
      <c r="H175116" s="12"/>
    </row>
    <row r="175117" spans="8:8">
      <c r="H175117" s="12"/>
    </row>
    <row r="175118" spans="8:8">
      <c r="H175118" s="12"/>
    </row>
    <row r="175119" spans="8:8">
      <c r="H175119" s="12"/>
    </row>
    <row r="175120" spans="8:8">
      <c r="H175120" s="12"/>
    </row>
    <row r="175121" spans="8:8">
      <c r="H175121" s="12"/>
    </row>
    <row r="175122" spans="8:8">
      <c r="H175122" s="12"/>
    </row>
    <row r="175123" spans="8:8">
      <c r="H175123" s="12"/>
    </row>
    <row r="175124" spans="8:8">
      <c r="H175124" s="12"/>
    </row>
    <row r="175125" spans="8:8">
      <c r="H175125" s="12"/>
    </row>
    <row r="175126" spans="8:8">
      <c r="H175126" s="12"/>
    </row>
    <row r="175127" spans="8:8">
      <c r="H175127" s="12"/>
    </row>
    <row r="175128" spans="8:8">
      <c r="H175128" s="12"/>
    </row>
    <row r="175129" spans="8:8">
      <c r="H175129" s="12"/>
    </row>
    <row r="175130" spans="8:8">
      <c r="H175130" s="12"/>
    </row>
    <row r="175131" spans="8:8">
      <c r="H175131" s="12"/>
    </row>
    <row r="175132" spans="8:8">
      <c r="H175132" s="12"/>
    </row>
    <row r="175133" spans="8:8">
      <c r="H175133" s="12"/>
    </row>
    <row r="175134" spans="8:8">
      <c r="H175134" s="12"/>
    </row>
    <row r="175135" spans="8:8">
      <c r="H175135" s="12"/>
    </row>
    <row r="175136" spans="8:8">
      <c r="H175136" s="12"/>
    </row>
    <row r="175137" spans="8:8">
      <c r="H175137" s="12"/>
    </row>
    <row r="175138" spans="8:8">
      <c r="H175138" s="12"/>
    </row>
    <row r="175139" spans="8:8">
      <c r="H175139" s="12"/>
    </row>
    <row r="175140" spans="8:8">
      <c r="H175140" s="12"/>
    </row>
    <row r="175141" spans="8:8">
      <c r="H175141" s="12"/>
    </row>
    <row r="175142" spans="8:8">
      <c r="H175142" s="12"/>
    </row>
    <row r="175143" spans="8:8">
      <c r="H175143" s="12"/>
    </row>
    <row r="175144" spans="8:8">
      <c r="H175144" s="12"/>
    </row>
    <row r="175145" spans="8:8">
      <c r="H175145" s="12"/>
    </row>
    <row r="175146" spans="8:8">
      <c r="H175146" s="12"/>
    </row>
    <row r="175147" spans="8:8">
      <c r="H175147" s="12"/>
    </row>
    <row r="175148" spans="8:8">
      <c r="H175148" s="12"/>
    </row>
    <row r="175149" spans="8:8">
      <c r="H175149" s="12"/>
    </row>
    <row r="175150" spans="8:8">
      <c r="H175150" s="12"/>
    </row>
    <row r="175151" spans="8:8">
      <c r="H175151" s="12"/>
    </row>
    <row r="175152" spans="8:8">
      <c r="H175152" s="12"/>
    </row>
    <row r="175153" spans="8:8">
      <c r="H175153" s="12"/>
    </row>
    <row r="175154" spans="8:8">
      <c r="H175154" s="12"/>
    </row>
    <row r="175155" spans="8:8">
      <c r="H175155" s="12"/>
    </row>
    <row r="175156" spans="8:8">
      <c r="H175156" s="12"/>
    </row>
    <row r="175157" spans="8:8">
      <c r="H175157" s="12"/>
    </row>
    <row r="175158" spans="8:8">
      <c r="H175158" s="12"/>
    </row>
    <row r="175159" spans="8:8">
      <c r="H175159" s="12"/>
    </row>
    <row r="175160" spans="8:8">
      <c r="H175160" s="12"/>
    </row>
    <row r="175161" spans="8:8">
      <c r="H175161" s="12"/>
    </row>
    <row r="175162" spans="8:8">
      <c r="H175162" s="12"/>
    </row>
    <row r="175163" spans="8:8">
      <c r="H175163" s="12"/>
    </row>
    <row r="175164" spans="8:8">
      <c r="H175164" s="12"/>
    </row>
    <row r="175165" spans="8:8">
      <c r="H175165" s="12"/>
    </row>
    <row r="175166" spans="8:8">
      <c r="H175166" s="12"/>
    </row>
    <row r="175167" spans="8:8">
      <c r="H175167" s="12"/>
    </row>
    <row r="175168" spans="8:8">
      <c r="H175168" s="12"/>
    </row>
    <row r="175169" spans="8:8">
      <c r="H175169" s="12"/>
    </row>
    <row r="175170" spans="8:8">
      <c r="H175170" s="12"/>
    </row>
    <row r="175171" spans="8:8">
      <c r="H175171" s="12"/>
    </row>
    <row r="175172" spans="8:8">
      <c r="H175172" s="12"/>
    </row>
    <row r="175173" spans="8:8">
      <c r="H175173" s="12"/>
    </row>
    <row r="175174" spans="8:8">
      <c r="H175174" s="12"/>
    </row>
    <row r="175175" spans="8:8">
      <c r="H175175" s="12"/>
    </row>
    <row r="175176" spans="8:8">
      <c r="H175176" s="12"/>
    </row>
    <row r="175177" spans="8:8">
      <c r="H175177" s="12"/>
    </row>
    <row r="175178" spans="8:8">
      <c r="H175178" s="12"/>
    </row>
    <row r="175179" spans="8:8">
      <c r="H175179" s="12"/>
    </row>
    <row r="175180" spans="8:8">
      <c r="H175180" s="12"/>
    </row>
    <row r="175181" spans="8:8">
      <c r="H175181" s="12"/>
    </row>
    <row r="175182" spans="8:8">
      <c r="H175182" s="12"/>
    </row>
    <row r="175183" spans="8:8">
      <c r="H175183" s="12"/>
    </row>
    <row r="175184" spans="8:8">
      <c r="H175184" s="12"/>
    </row>
    <row r="175185" spans="8:8">
      <c r="H175185" s="12"/>
    </row>
    <row r="175186" spans="8:8">
      <c r="H175186" s="12"/>
    </row>
    <row r="175187" spans="8:8">
      <c r="H175187" s="12"/>
    </row>
    <row r="175188" spans="8:8">
      <c r="H175188" s="12"/>
    </row>
    <row r="175189" spans="8:8">
      <c r="H175189" s="12"/>
    </row>
    <row r="175190" spans="8:8">
      <c r="H175190" s="12"/>
    </row>
    <row r="175191" spans="8:8">
      <c r="H175191" s="12"/>
    </row>
    <row r="175192" spans="8:8">
      <c r="H175192" s="12"/>
    </row>
    <row r="175193" spans="8:8">
      <c r="H175193" s="12"/>
    </row>
    <row r="175194" spans="8:8">
      <c r="H175194" s="12"/>
    </row>
    <row r="175195" spans="8:8">
      <c r="H175195" s="12"/>
    </row>
    <row r="175196" spans="8:8">
      <c r="H175196" s="12"/>
    </row>
    <row r="175197" spans="8:8">
      <c r="H175197" s="12"/>
    </row>
    <row r="175198" spans="8:8">
      <c r="H175198" s="12"/>
    </row>
    <row r="175199" spans="8:8">
      <c r="H175199" s="12"/>
    </row>
    <row r="175200" spans="8:8">
      <c r="H175200" s="12"/>
    </row>
    <row r="175201" spans="8:8">
      <c r="H175201" s="12"/>
    </row>
    <row r="175202" spans="8:8">
      <c r="H175202" s="12"/>
    </row>
    <row r="175203" spans="8:8">
      <c r="H175203" s="12"/>
    </row>
    <row r="175204" spans="8:8">
      <c r="H175204" s="12"/>
    </row>
    <row r="175205" spans="8:8">
      <c r="H175205" s="12"/>
    </row>
    <row r="175206" spans="8:8">
      <c r="H175206" s="12"/>
    </row>
    <row r="175207" spans="8:8">
      <c r="H175207" s="12"/>
    </row>
    <row r="175208" spans="8:8">
      <c r="H175208" s="12"/>
    </row>
    <row r="175209" spans="8:8">
      <c r="H175209" s="12"/>
    </row>
    <row r="175210" spans="8:8">
      <c r="H175210" s="12"/>
    </row>
    <row r="175211" spans="8:8">
      <c r="H175211" s="12"/>
    </row>
    <row r="175212" spans="8:8">
      <c r="H175212" s="12"/>
    </row>
    <row r="175213" spans="8:8">
      <c r="H175213" s="12"/>
    </row>
    <row r="175214" spans="8:8">
      <c r="H175214" s="12"/>
    </row>
    <row r="175215" spans="8:8">
      <c r="H175215" s="12"/>
    </row>
    <row r="175216" spans="8:8">
      <c r="H175216" s="12"/>
    </row>
    <row r="175217" spans="8:8">
      <c r="H175217" s="12"/>
    </row>
    <row r="175218" spans="8:8">
      <c r="H175218" s="12"/>
    </row>
    <row r="175219" spans="8:8">
      <c r="H175219" s="12"/>
    </row>
    <row r="175220" spans="8:8">
      <c r="H175220" s="12"/>
    </row>
    <row r="175221" spans="8:8">
      <c r="H175221" s="12"/>
    </row>
    <row r="175222" spans="8:8">
      <c r="H175222" s="12"/>
    </row>
    <row r="175223" spans="8:8">
      <c r="H175223" s="12"/>
    </row>
    <row r="175224" spans="8:8">
      <c r="H175224" s="12"/>
    </row>
    <row r="175225" spans="8:8">
      <c r="H175225" s="12"/>
    </row>
    <row r="175226" spans="8:8">
      <c r="H175226" s="12"/>
    </row>
    <row r="175227" spans="8:8">
      <c r="H175227" s="12"/>
    </row>
    <row r="175228" spans="8:8">
      <c r="H175228" s="12"/>
    </row>
    <row r="175229" spans="8:8">
      <c r="H175229" s="12"/>
    </row>
    <row r="175230" spans="8:8">
      <c r="H175230" s="12"/>
    </row>
    <row r="175231" spans="8:8">
      <c r="H175231" s="12"/>
    </row>
    <row r="175232" spans="8:8">
      <c r="H175232" s="12"/>
    </row>
    <row r="175233" spans="8:8">
      <c r="H175233" s="12"/>
    </row>
    <row r="175234" spans="8:8">
      <c r="H175234" s="12"/>
    </row>
    <row r="175235" spans="8:8">
      <c r="H175235" s="12"/>
    </row>
    <row r="175236" spans="8:8">
      <c r="H175236" s="12"/>
    </row>
    <row r="175237" spans="8:8">
      <c r="H175237" s="12"/>
    </row>
    <row r="175238" spans="8:8">
      <c r="H175238" s="12"/>
    </row>
    <row r="175239" spans="8:8">
      <c r="H175239" s="12"/>
    </row>
    <row r="175240" spans="8:8">
      <c r="H175240" s="12"/>
    </row>
    <row r="175241" spans="8:8">
      <c r="H175241" s="12"/>
    </row>
    <row r="175242" spans="8:8">
      <c r="H175242" s="12"/>
    </row>
    <row r="175243" spans="8:8">
      <c r="H175243" s="12"/>
    </row>
    <row r="175244" spans="8:8">
      <c r="H175244" s="12"/>
    </row>
    <row r="175245" spans="8:8">
      <c r="H175245" s="12"/>
    </row>
    <row r="175246" spans="8:8">
      <c r="H175246" s="12"/>
    </row>
    <row r="175247" spans="8:8">
      <c r="H175247" s="12"/>
    </row>
    <row r="175248" spans="8:8">
      <c r="H175248" s="12"/>
    </row>
    <row r="175249" spans="8:8">
      <c r="H175249" s="12"/>
    </row>
    <row r="175250" spans="8:8">
      <c r="H175250" s="12"/>
    </row>
    <row r="175251" spans="8:8">
      <c r="H175251" s="12"/>
    </row>
    <row r="175252" spans="8:8">
      <c r="H175252" s="12"/>
    </row>
    <row r="175253" spans="8:8">
      <c r="H175253" s="12"/>
    </row>
    <row r="175254" spans="8:8">
      <c r="H175254" s="12"/>
    </row>
    <row r="175255" spans="8:8">
      <c r="H175255" s="12"/>
    </row>
    <row r="175256" spans="8:8">
      <c r="H175256" s="12"/>
    </row>
    <row r="175257" spans="8:8">
      <c r="H175257" s="12"/>
    </row>
    <row r="175258" spans="8:8">
      <c r="H175258" s="12"/>
    </row>
    <row r="175259" spans="8:8">
      <c r="H175259" s="12"/>
    </row>
    <row r="175260" spans="8:8">
      <c r="H175260" s="12"/>
    </row>
    <row r="175261" spans="8:8">
      <c r="H175261" s="12"/>
    </row>
    <row r="175262" spans="8:8">
      <c r="H175262" s="12"/>
    </row>
    <row r="175263" spans="8:8">
      <c r="H175263" s="12"/>
    </row>
    <row r="175264" spans="8:8">
      <c r="H175264" s="12"/>
    </row>
    <row r="175265" spans="8:8">
      <c r="H175265" s="12"/>
    </row>
    <row r="175266" spans="8:8">
      <c r="H175266" s="12"/>
    </row>
    <row r="175267" spans="8:8">
      <c r="H175267" s="12"/>
    </row>
    <row r="175268" spans="8:8">
      <c r="H175268" s="12"/>
    </row>
    <row r="175269" spans="8:8">
      <c r="H175269" s="12"/>
    </row>
    <row r="175270" spans="8:8">
      <c r="H175270" s="12"/>
    </row>
    <row r="175271" spans="8:8">
      <c r="H175271" s="12"/>
    </row>
    <row r="175272" spans="8:8">
      <c r="H175272" s="12"/>
    </row>
    <row r="175273" spans="8:8">
      <c r="H175273" s="12"/>
    </row>
    <row r="175274" spans="8:8">
      <c r="H175274" s="12"/>
    </row>
    <row r="175275" spans="8:8">
      <c r="H175275" s="12"/>
    </row>
    <row r="175276" spans="8:8">
      <c r="H175276" s="12"/>
    </row>
    <row r="175277" spans="8:8">
      <c r="H175277" s="12"/>
    </row>
    <row r="175278" spans="8:8">
      <c r="H175278" s="12"/>
    </row>
    <row r="175279" spans="8:8">
      <c r="H175279" s="12"/>
    </row>
    <row r="175280" spans="8:8">
      <c r="H175280" s="12"/>
    </row>
    <row r="175281" spans="8:8">
      <c r="H175281" s="12"/>
    </row>
    <row r="175282" spans="8:8">
      <c r="H175282" s="12"/>
    </row>
    <row r="175283" spans="8:8">
      <c r="H175283" s="12"/>
    </row>
    <row r="175284" spans="8:8">
      <c r="H175284" s="12"/>
    </row>
    <row r="175285" spans="8:8">
      <c r="H175285" s="12"/>
    </row>
    <row r="175286" spans="8:8">
      <c r="H175286" s="12"/>
    </row>
    <row r="175287" spans="8:8">
      <c r="H175287" s="12"/>
    </row>
    <row r="175288" spans="8:8">
      <c r="H175288" s="12"/>
    </row>
    <row r="175289" spans="8:8">
      <c r="H175289" s="12"/>
    </row>
    <row r="175290" spans="8:8">
      <c r="H175290" s="12"/>
    </row>
    <row r="175291" spans="8:8">
      <c r="H175291" s="12"/>
    </row>
    <row r="175292" spans="8:8">
      <c r="H175292" s="12"/>
    </row>
    <row r="175293" spans="8:8">
      <c r="H175293" s="12"/>
    </row>
    <row r="175294" spans="8:8">
      <c r="H175294" s="12"/>
    </row>
    <row r="175295" spans="8:8">
      <c r="H175295" s="12"/>
    </row>
    <row r="175296" spans="8:8">
      <c r="H175296" s="12"/>
    </row>
    <row r="175297" spans="8:8">
      <c r="H175297" s="12"/>
    </row>
    <row r="175298" spans="8:8">
      <c r="H175298" s="12"/>
    </row>
    <row r="175299" spans="8:8">
      <c r="H175299" s="12"/>
    </row>
    <row r="175300" spans="8:8">
      <c r="H175300" s="12"/>
    </row>
    <row r="175301" spans="8:8">
      <c r="H175301" s="12"/>
    </row>
    <row r="175302" spans="8:8">
      <c r="H175302" s="12"/>
    </row>
    <row r="175303" spans="8:8">
      <c r="H175303" s="12"/>
    </row>
    <row r="175304" spans="8:8">
      <c r="H175304" s="12"/>
    </row>
    <row r="175305" spans="8:8">
      <c r="H175305" s="12"/>
    </row>
    <row r="175306" spans="8:8">
      <c r="H175306" s="12"/>
    </row>
    <row r="175307" spans="8:8">
      <c r="H175307" s="12"/>
    </row>
    <row r="175308" spans="8:8">
      <c r="H175308" s="12"/>
    </row>
    <row r="175309" spans="8:8">
      <c r="H175309" s="12"/>
    </row>
    <row r="175310" spans="8:8">
      <c r="H175310" s="12"/>
    </row>
    <row r="175311" spans="8:8">
      <c r="H175311" s="12"/>
    </row>
    <row r="175312" spans="8:8">
      <c r="H175312" s="12"/>
    </row>
    <row r="175313" spans="8:8">
      <c r="H175313" s="12"/>
    </row>
    <row r="175314" spans="8:8">
      <c r="H175314" s="12"/>
    </row>
    <row r="175315" spans="8:8">
      <c r="H175315" s="12"/>
    </row>
    <row r="175316" spans="8:8">
      <c r="H175316" s="12"/>
    </row>
    <row r="175317" spans="8:8">
      <c r="H175317" s="12"/>
    </row>
    <row r="175318" spans="8:8">
      <c r="H175318" s="12"/>
    </row>
    <row r="175319" spans="8:8">
      <c r="H175319" s="12"/>
    </row>
    <row r="175320" spans="8:8">
      <c r="H175320" s="12"/>
    </row>
    <row r="175321" spans="8:8">
      <c r="H175321" s="12"/>
    </row>
    <row r="175322" spans="8:8">
      <c r="H175322" s="12"/>
    </row>
    <row r="175323" spans="8:8">
      <c r="H175323" s="12"/>
    </row>
    <row r="175324" spans="8:8">
      <c r="H175324" s="12"/>
    </row>
    <row r="175325" spans="8:8">
      <c r="H175325" s="12"/>
    </row>
    <row r="175326" spans="8:8">
      <c r="H175326" s="12"/>
    </row>
    <row r="175327" spans="8:8">
      <c r="H175327" s="12"/>
    </row>
    <row r="175328" spans="8:8">
      <c r="H175328" s="12"/>
    </row>
    <row r="175329" spans="8:8">
      <c r="H175329" s="12"/>
    </row>
    <row r="175330" spans="8:8">
      <c r="H175330" s="12"/>
    </row>
    <row r="175331" spans="8:8">
      <c r="H175331" s="12"/>
    </row>
    <row r="175332" spans="8:8">
      <c r="H175332" s="12"/>
    </row>
    <row r="175333" spans="8:8">
      <c r="H175333" s="12"/>
    </row>
    <row r="175334" spans="8:8">
      <c r="H175334" s="12"/>
    </row>
    <row r="175335" spans="8:8">
      <c r="H175335" s="12"/>
    </row>
    <row r="175336" spans="8:8">
      <c r="H175336" s="12"/>
    </row>
    <row r="175337" spans="8:8">
      <c r="H175337" s="12"/>
    </row>
    <row r="175338" spans="8:8">
      <c r="H175338" s="12"/>
    </row>
    <row r="175339" spans="8:8">
      <c r="H175339" s="12"/>
    </row>
    <row r="175340" spans="8:8">
      <c r="H175340" s="12"/>
    </row>
    <row r="175341" spans="8:8">
      <c r="H175341" s="12"/>
    </row>
    <row r="175342" spans="8:8">
      <c r="H175342" s="12"/>
    </row>
    <row r="175343" spans="8:8">
      <c r="H175343" s="12"/>
    </row>
    <row r="175344" spans="8:8">
      <c r="H175344" s="12"/>
    </row>
    <row r="175345" spans="8:8">
      <c r="H175345" s="12"/>
    </row>
    <row r="175346" spans="8:8">
      <c r="H175346" s="12"/>
    </row>
    <row r="175347" spans="8:8">
      <c r="H175347" s="12"/>
    </row>
    <row r="175348" spans="8:8">
      <c r="H175348" s="12"/>
    </row>
    <row r="175349" spans="8:8">
      <c r="H175349" s="12"/>
    </row>
    <row r="175350" spans="8:8">
      <c r="H175350" s="12"/>
    </row>
    <row r="175351" spans="8:8">
      <c r="H175351" s="12"/>
    </row>
    <row r="175352" spans="8:8">
      <c r="H175352" s="12"/>
    </row>
    <row r="175353" spans="8:8">
      <c r="H175353" s="12"/>
    </row>
    <row r="175354" spans="8:8">
      <c r="H175354" s="12"/>
    </row>
    <row r="175355" spans="8:8">
      <c r="H175355" s="12"/>
    </row>
    <row r="175356" spans="8:8">
      <c r="H175356" s="12"/>
    </row>
    <row r="175357" spans="8:8">
      <c r="H175357" s="12"/>
    </row>
    <row r="175358" spans="8:8">
      <c r="H175358" s="12"/>
    </row>
    <row r="175359" spans="8:8">
      <c r="H175359" s="12"/>
    </row>
    <row r="175360" spans="8:8">
      <c r="H175360" s="12"/>
    </row>
    <row r="175361" spans="8:8">
      <c r="H175361" s="12"/>
    </row>
    <row r="175362" spans="8:8">
      <c r="H175362" s="12"/>
    </row>
    <row r="175363" spans="8:8">
      <c r="H175363" s="12"/>
    </row>
    <row r="175364" spans="8:8">
      <c r="H175364" s="12"/>
    </row>
    <row r="175365" spans="8:8">
      <c r="H175365" s="12"/>
    </row>
    <row r="175366" spans="8:8">
      <c r="H175366" s="12"/>
    </row>
    <row r="175367" spans="8:8">
      <c r="H175367" s="12"/>
    </row>
    <row r="175368" spans="8:8">
      <c r="H175368" s="12"/>
    </row>
    <row r="175369" spans="8:8">
      <c r="H175369" s="12"/>
    </row>
    <row r="175370" spans="8:8">
      <c r="H175370" s="12"/>
    </row>
    <row r="175371" spans="8:8">
      <c r="H175371" s="12"/>
    </row>
    <row r="175372" spans="8:8">
      <c r="H175372" s="12"/>
    </row>
    <row r="175373" spans="8:8">
      <c r="H175373" s="12"/>
    </row>
    <row r="175374" spans="8:8">
      <c r="H175374" s="12"/>
    </row>
    <row r="175375" spans="8:8">
      <c r="H175375" s="12"/>
    </row>
    <row r="175376" spans="8:8">
      <c r="H175376" s="12"/>
    </row>
    <row r="175377" spans="8:8">
      <c r="H175377" s="12"/>
    </row>
    <row r="175378" spans="8:8">
      <c r="H175378" s="12"/>
    </row>
    <row r="175379" spans="8:8">
      <c r="H175379" s="12"/>
    </row>
    <row r="175380" spans="8:8">
      <c r="H175380" s="12"/>
    </row>
    <row r="175381" spans="8:8">
      <c r="H175381" s="12"/>
    </row>
    <row r="175382" spans="8:8">
      <c r="H175382" s="12"/>
    </row>
    <row r="175383" spans="8:8">
      <c r="H175383" s="12"/>
    </row>
    <row r="175384" spans="8:8">
      <c r="H175384" s="12"/>
    </row>
    <row r="175385" spans="8:8">
      <c r="H175385" s="12"/>
    </row>
    <row r="175386" spans="8:8">
      <c r="H175386" s="12"/>
    </row>
    <row r="175387" spans="8:8">
      <c r="H175387" s="12"/>
    </row>
    <row r="175388" spans="8:8">
      <c r="H175388" s="12"/>
    </row>
    <row r="175389" spans="8:8">
      <c r="H175389" s="12"/>
    </row>
    <row r="175390" spans="8:8">
      <c r="H175390" s="12"/>
    </row>
    <row r="175391" spans="8:8">
      <c r="H175391" s="12"/>
    </row>
    <row r="175392" spans="8:8">
      <c r="H175392" s="12"/>
    </row>
    <row r="175393" spans="8:8">
      <c r="H175393" s="12"/>
    </row>
    <row r="175394" spans="8:8">
      <c r="H175394" s="12"/>
    </row>
    <row r="175395" spans="8:8">
      <c r="H175395" s="12"/>
    </row>
    <row r="175396" spans="8:8">
      <c r="H175396" s="12"/>
    </row>
    <row r="175397" spans="8:8">
      <c r="H175397" s="12"/>
    </row>
    <row r="175398" spans="8:8">
      <c r="H175398" s="12"/>
    </row>
    <row r="175399" spans="8:8">
      <c r="H175399" s="12"/>
    </row>
    <row r="175400" spans="8:8">
      <c r="H175400" s="12"/>
    </row>
    <row r="175401" spans="8:8">
      <c r="H175401" s="12"/>
    </row>
    <row r="175402" spans="8:8">
      <c r="H175402" s="12"/>
    </row>
    <row r="175403" spans="8:8">
      <c r="H175403" s="12"/>
    </row>
    <row r="175404" spans="8:8">
      <c r="H175404" s="12"/>
    </row>
    <row r="175405" spans="8:8">
      <c r="H175405" s="12"/>
    </row>
    <row r="175406" spans="8:8">
      <c r="H175406" s="12"/>
    </row>
    <row r="175407" spans="8:8">
      <c r="H175407" s="12"/>
    </row>
    <row r="175408" spans="8:8">
      <c r="H175408" s="12"/>
    </row>
    <row r="175409" spans="8:8">
      <c r="H175409" s="12"/>
    </row>
    <row r="175410" spans="8:8">
      <c r="H175410" s="12"/>
    </row>
    <row r="175411" spans="8:8">
      <c r="H175411" s="12"/>
    </row>
    <row r="175412" spans="8:8">
      <c r="H175412" s="12"/>
    </row>
    <row r="175413" spans="8:8">
      <c r="H175413" s="12"/>
    </row>
    <row r="175414" spans="8:8">
      <c r="H175414" s="12"/>
    </row>
    <row r="175415" spans="8:8">
      <c r="H175415" s="12"/>
    </row>
    <row r="175416" spans="8:8">
      <c r="H175416" s="12"/>
    </row>
    <row r="175417" spans="8:8">
      <c r="H175417" s="12"/>
    </row>
    <row r="175418" spans="8:8">
      <c r="H175418" s="12"/>
    </row>
    <row r="175419" spans="8:8">
      <c r="H175419" s="12"/>
    </row>
    <row r="175420" spans="8:8">
      <c r="H175420" s="12"/>
    </row>
    <row r="175421" spans="8:8">
      <c r="H175421" s="12"/>
    </row>
    <row r="175422" spans="8:8">
      <c r="H175422" s="12"/>
    </row>
    <row r="175423" spans="8:8">
      <c r="H175423" s="12"/>
    </row>
    <row r="175424" spans="8:8">
      <c r="H175424" s="12"/>
    </row>
    <row r="175425" spans="8:8">
      <c r="H175425" s="12"/>
    </row>
    <row r="175426" spans="8:8">
      <c r="H175426" s="12"/>
    </row>
    <row r="175427" spans="8:8">
      <c r="H175427" s="12"/>
    </row>
    <row r="175428" spans="8:8">
      <c r="H175428" s="12"/>
    </row>
    <row r="175429" spans="8:8">
      <c r="H175429" s="12"/>
    </row>
    <row r="175430" spans="8:8">
      <c r="H175430" s="12"/>
    </row>
    <row r="175431" spans="8:8">
      <c r="H175431" s="12"/>
    </row>
    <row r="175432" spans="8:8">
      <c r="H175432" s="12"/>
    </row>
    <row r="175433" spans="8:8">
      <c r="H175433" s="12"/>
    </row>
    <row r="175434" spans="8:8">
      <c r="H175434" s="12"/>
    </row>
    <row r="175435" spans="8:8">
      <c r="H175435" s="12"/>
    </row>
    <row r="175436" spans="8:8">
      <c r="H175436" s="12"/>
    </row>
    <row r="175437" spans="8:8">
      <c r="H175437" s="12"/>
    </row>
    <row r="175438" spans="8:8">
      <c r="H175438" s="12"/>
    </row>
    <row r="175439" spans="8:8">
      <c r="H175439" s="12"/>
    </row>
    <row r="175440" spans="8:8">
      <c r="H175440" s="12"/>
    </row>
    <row r="175441" spans="8:8">
      <c r="H175441" s="12"/>
    </row>
    <row r="175442" spans="8:8">
      <c r="H175442" s="12"/>
    </row>
    <row r="175443" spans="8:8">
      <c r="H175443" s="12"/>
    </row>
    <row r="175444" spans="8:8">
      <c r="H175444" s="12"/>
    </row>
    <row r="175445" spans="8:8">
      <c r="H175445" s="12"/>
    </row>
    <row r="175446" spans="8:8">
      <c r="H175446" s="12"/>
    </row>
    <row r="175447" spans="8:8">
      <c r="H175447" s="12"/>
    </row>
    <row r="175448" spans="8:8">
      <c r="H175448" s="12"/>
    </row>
    <row r="175449" spans="8:8">
      <c r="H175449" s="12"/>
    </row>
    <row r="175450" spans="8:8">
      <c r="H175450" s="12"/>
    </row>
    <row r="175451" spans="8:8">
      <c r="H175451" s="12"/>
    </row>
    <row r="175452" spans="8:8">
      <c r="H175452" s="12"/>
    </row>
    <row r="175453" spans="8:8">
      <c r="H175453" s="12"/>
    </row>
    <row r="175454" spans="8:8">
      <c r="H175454" s="12"/>
    </row>
    <row r="175455" spans="8:8">
      <c r="H175455" s="12"/>
    </row>
    <row r="175456" spans="8:8">
      <c r="H175456" s="12"/>
    </row>
    <row r="175457" spans="8:8">
      <c r="H175457" s="12"/>
    </row>
    <row r="175458" spans="8:8">
      <c r="H175458" s="12"/>
    </row>
    <row r="175459" spans="8:8">
      <c r="H175459" s="12"/>
    </row>
    <row r="175460" spans="8:8">
      <c r="H175460" s="12"/>
    </row>
    <row r="175461" spans="8:8">
      <c r="H175461" s="12"/>
    </row>
    <row r="175462" spans="8:8">
      <c r="H175462" s="12"/>
    </row>
    <row r="175463" spans="8:8">
      <c r="H175463" s="12"/>
    </row>
    <row r="175464" spans="8:8">
      <c r="H175464" s="12"/>
    </row>
    <row r="175465" spans="8:8">
      <c r="H175465" s="12"/>
    </row>
    <row r="175466" spans="8:8">
      <c r="H175466" s="12"/>
    </row>
    <row r="175467" spans="8:8">
      <c r="H175467" s="12"/>
    </row>
    <row r="175468" spans="8:8">
      <c r="H175468" s="12"/>
    </row>
    <row r="175469" spans="8:8">
      <c r="H175469" s="12"/>
    </row>
    <row r="175470" spans="8:8">
      <c r="H175470" s="12"/>
    </row>
    <row r="175471" spans="8:8">
      <c r="H175471" s="12"/>
    </row>
    <row r="175472" spans="8:8">
      <c r="H175472" s="12"/>
    </row>
    <row r="175473" spans="8:8">
      <c r="H175473" s="12"/>
    </row>
    <row r="175474" spans="8:8">
      <c r="H175474" s="12"/>
    </row>
    <row r="175475" spans="8:8">
      <c r="H175475" s="12"/>
    </row>
    <row r="175476" spans="8:8">
      <c r="H175476" s="12"/>
    </row>
    <row r="175477" spans="8:8">
      <c r="H175477" s="12"/>
    </row>
    <row r="175478" spans="8:8">
      <c r="H175478" s="12"/>
    </row>
    <row r="175479" spans="8:8">
      <c r="H175479" s="12"/>
    </row>
    <row r="175480" spans="8:8">
      <c r="H175480" s="12"/>
    </row>
    <row r="175481" spans="8:8">
      <c r="H175481" s="12"/>
    </row>
    <row r="175482" spans="8:8">
      <c r="H175482" s="12"/>
    </row>
    <row r="175483" spans="8:8">
      <c r="H175483" s="12"/>
    </row>
    <row r="175484" spans="8:8">
      <c r="H175484" s="12"/>
    </row>
    <row r="175485" spans="8:8">
      <c r="H175485" s="12"/>
    </row>
    <row r="175486" spans="8:8">
      <c r="H175486" s="12"/>
    </row>
    <row r="175487" spans="8:8">
      <c r="H175487" s="12"/>
    </row>
    <row r="175488" spans="8:8">
      <c r="H175488" s="12"/>
    </row>
    <row r="175489" spans="8:8">
      <c r="H175489" s="12"/>
    </row>
    <row r="175490" spans="8:8">
      <c r="H175490" s="12"/>
    </row>
    <row r="175491" spans="8:8">
      <c r="H175491" s="12"/>
    </row>
    <row r="175492" spans="8:8">
      <c r="H175492" s="12"/>
    </row>
    <row r="175493" spans="8:8">
      <c r="H175493" s="12"/>
    </row>
    <row r="175494" spans="8:8">
      <c r="H175494" s="12"/>
    </row>
    <row r="175495" spans="8:8">
      <c r="H175495" s="12"/>
    </row>
    <row r="175496" spans="8:8">
      <c r="H175496" s="12"/>
    </row>
    <row r="175497" spans="8:8">
      <c r="H175497" s="12"/>
    </row>
    <row r="175498" spans="8:8">
      <c r="H175498" s="12"/>
    </row>
    <row r="175499" spans="8:8">
      <c r="H175499" s="12"/>
    </row>
    <row r="175500" spans="8:8">
      <c r="H175500" s="12"/>
    </row>
    <row r="175501" spans="8:8">
      <c r="H175501" s="12"/>
    </row>
    <row r="175502" spans="8:8">
      <c r="H175502" s="12"/>
    </row>
    <row r="175503" spans="8:8">
      <c r="H175503" s="12"/>
    </row>
    <row r="175504" spans="8:8">
      <c r="H175504" s="12"/>
    </row>
    <row r="175505" spans="8:8">
      <c r="H175505" s="12"/>
    </row>
    <row r="175506" spans="8:8">
      <c r="H175506" s="12"/>
    </row>
    <row r="175507" spans="8:8">
      <c r="H175507" s="12"/>
    </row>
    <row r="175508" spans="8:8">
      <c r="H175508" s="12"/>
    </row>
    <row r="175509" spans="8:8">
      <c r="H175509" s="12"/>
    </row>
    <row r="175510" spans="8:8">
      <c r="H175510" s="12"/>
    </row>
    <row r="175511" spans="8:8">
      <c r="H175511" s="12"/>
    </row>
    <row r="175512" spans="8:8">
      <c r="H175512" s="12"/>
    </row>
    <row r="175513" spans="8:8">
      <c r="H175513" s="12"/>
    </row>
    <row r="175514" spans="8:8">
      <c r="H175514" s="12"/>
    </row>
    <row r="175515" spans="8:8">
      <c r="H175515" s="12"/>
    </row>
    <row r="175516" spans="8:8">
      <c r="H175516" s="12"/>
    </row>
    <row r="175517" spans="8:8">
      <c r="H175517" s="12"/>
    </row>
    <row r="175518" spans="8:8">
      <c r="H175518" s="12"/>
    </row>
    <row r="175519" spans="8:8">
      <c r="H175519" s="12"/>
    </row>
    <row r="175520" spans="8:8">
      <c r="H175520" s="12"/>
    </row>
    <row r="175521" spans="8:8">
      <c r="H175521" s="12"/>
    </row>
    <row r="175522" spans="8:8">
      <c r="H175522" s="12"/>
    </row>
    <row r="175523" spans="8:8">
      <c r="H175523" s="12"/>
    </row>
    <row r="175524" spans="8:8">
      <c r="H175524" s="12"/>
    </row>
    <row r="175525" spans="8:8">
      <c r="H175525" s="12"/>
    </row>
    <row r="175526" spans="8:8">
      <c r="H175526" s="12"/>
    </row>
    <row r="175527" spans="8:8">
      <c r="H175527" s="12"/>
    </row>
    <row r="175528" spans="8:8">
      <c r="H175528" s="12"/>
    </row>
    <row r="175529" spans="8:8">
      <c r="H175529" s="12"/>
    </row>
    <row r="175530" spans="8:8">
      <c r="H175530" s="12"/>
    </row>
    <row r="175531" spans="8:8">
      <c r="H175531" s="12"/>
    </row>
    <row r="175532" spans="8:8">
      <c r="H175532" s="12"/>
    </row>
    <row r="175533" spans="8:8">
      <c r="H175533" s="12"/>
    </row>
    <row r="175534" spans="8:8">
      <c r="H175534" s="12"/>
    </row>
    <row r="175535" spans="8:8">
      <c r="H175535" s="12"/>
    </row>
    <row r="175536" spans="8:8">
      <c r="H175536" s="12"/>
    </row>
    <row r="175537" spans="8:8">
      <c r="H175537" s="12"/>
    </row>
    <row r="175538" spans="8:8">
      <c r="H175538" s="12"/>
    </row>
    <row r="175539" spans="8:8">
      <c r="H175539" s="12"/>
    </row>
    <row r="175540" spans="8:8">
      <c r="H175540" s="12"/>
    </row>
    <row r="175541" spans="8:8">
      <c r="H175541" s="12"/>
    </row>
    <row r="175542" spans="8:8">
      <c r="H175542" s="12"/>
    </row>
    <row r="175543" spans="8:8">
      <c r="H175543" s="12"/>
    </row>
    <row r="175544" spans="8:8">
      <c r="H175544" s="12"/>
    </row>
    <row r="175545" spans="8:8">
      <c r="H175545" s="12"/>
    </row>
    <row r="175546" spans="8:8">
      <c r="H175546" s="12"/>
    </row>
    <row r="175547" spans="8:8">
      <c r="H175547" s="12"/>
    </row>
    <row r="175548" spans="8:8">
      <c r="H175548" s="12"/>
    </row>
    <row r="175549" spans="8:8">
      <c r="H175549" s="12"/>
    </row>
    <row r="175550" spans="8:8">
      <c r="H175550" s="12"/>
    </row>
    <row r="175551" spans="8:8">
      <c r="H175551" s="12"/>
    </row>
    <row r="175552" spans="8:8">
      <c r="H175552" s="12"/>
    </row>
    <row r="175553" spans="8:8">
      <c r="H175553" s="12"/>
    </row>
    <row r="175554" spans="8:8">
      <c r="H175554" s="12"/>
    </row>
    <row r="175555" spans="8:8">
      <c r="H175555" s="12"/>
    </row>
    <row r="175556" spans="8:8">
      <c r="H175556" s="12"/>
    </row>
    <row r="175557" spans="8:8">
      <c r="H175557" s="12"/>
    </row>
    <row r="175558" spans="8:8">
      <c r="H175558" s="12"/>
    </row>
    <row r="175559" spans="8:8">
      <c r="H175559" s="12"/>
    </row>
    <row r="175560" spans="8:8">
      <c r="H175560" s="12"/>
    </row>
    <row r="175561" spans="8:8">
      <c r="H175561" s="12"/>
    </row>
    <row r="175562" spans="8:8">
      <c r="H175562" s="12"/>
    </row>
    <row r="175563" spans="8:8">
      <c r="H175563" s="12"/>
    </row>
    <row r="175564" spans="8:8">
      <c r="H175564" s="12"/>
    </row>
    <row r="175565" spans="8:8">
      <c r="H175565" s="12"/>
    </row>
    <row r="175566" spans="8:8">
      <c r="H175566" s="12"/>
    </row>
    <row r="175567" spans="8:8">
      <c r="H175567" s="12"/>
    </row>
    <row r="175568" spans="8:8">
      <c r="H175568" s="12"/>
    </row>
    <row r="175569" spans="8:8">
      <c r="H175569" s="12"/>
    </row>
    <row r="175570" spans="8:8">
      <c r="H175570" s="12"/>
    </row>
    <row r="175571" spans="8:8">
      <c r="H175571" s="12"/>
    </row>
    <row r="175572" spans="8:8">
      <c r="H175572" s="12"/>
    </row>
    <row r="175573" spans="8:8">
      <c r="H175573" s="12"/>
    </row>
    <row r="175574" spans="8:8">
      <c r="H175574" s="12"/>
    </row>
    <row r="175575" spans="8:8">
      <c r="H175575" s="12"/>
    </row>
    <row r="175576" spans="8:8">
      <c r="H175576" s="12"/>
    </row>
    <row r="175577" spans="8:8">
      <c r="H175577" s="12"/>
    </row>
    <row r="175578" spans="8:8">
      <c r="H175578" s="12"/>
    </row>
    <row r="175579" spans="8:8">
      <c r="H175579" s="12"/>
    </row>
    <row r="175580" spans="8:8">
      <c r="H175580" s="12"/>
    </row>
    <row r="175581" spans="8:8">
      <c r="H175581" s="12"/>
    </row>
    <row r="175582" spans="8:8">
      <c r="H175582" s="12"/>
    </row>
    <row r="175583" spans="8:8">
      <c r="H175583" s="12"/>
    </row>
    <row r="175584" spans="8:8">
      <c r="H175584" s="12"/>
    </row>
    <row r="175585" spans="8:8">
      <c r="H175585" s="12"/>
    </row>
    <row r="175586" spans="8:8">
      <c r="H175586" s="12"/>
    </row>
    <row r="175587" spans="8:8">
      <c r="H175587" s="12"/>
    </row>
    <row r="175588" spans="8:8">
      <c r="H175588" s="12"/>
    </row>
    <row r="175589" spans="8:8">
      <c r="H175589" s="12"/>
    </row>
    <row r="175590" spans="8:8">
      <c r="H175590" s="12"/>
    </row>
    <row r="175591" spans="8:8">
      <c r="H175591" s="12"/>
    </row>
    <row r="175592" spans="8:8">
      <c r="H175592" s="12"/>
    </row>
    <row r="175593" spans="8:8">
      <c r="H175593" s="12"/>
    </row>
    <row r="175594" spans="8:8">
      <c r="H175594" s="12"/>
    </row>
    <row r="175595" spans="8:8">
      <c r="H175595" s="12"/>
    </row>
    <row r="175596" spans="8:8">
      <c r="H175596" s="12"/>
    </row>
    <row r="175597" spans="8:8">
      <c r="H175597" s="12"/>
    </row>
    <row r="175598" spans="8:8">
      <c r="H175598" s="12"/>
    </row>
    <row r="175599" spans="8:8">
      <c r="H175599" s="12"/>
    </row>
    <row r="175600" spans="8:8">
      <c r="H175600" s="12"/>
    </row>
    <row r="175601" spans="8:8">
      <c r="H175601" s="12"/>
    </row>
    <row r="175602" spans="8:8">
      <c r="H175602" s="12"/>
    </row>
    <row r="175603" spans="8:8">
      <c r="H175603" s="12"/>
    </row>
    <row r="175604" spans="8:8">
      <c r="H175604" s="12"/>
    </row>
    <row r="175605" spans="8:8">
      <c r="H175605" s="12"/>
    </row>
    <row r="175606" spans="8:8">
      <c r="H175606" s="12"/>
    </row>
    <row r="175607" spans="8:8">
      <c r="H175607" s="12"/>
    </row>
    <row r="175608" spans="8:8">
      <c r="H175608" s="12"/>
    </row>
    <row r="175609" spans="8:8">
      <c r="H175609" s="12"/>
    </row>
    <row r="175610" spans="8:8">
      <c r="H175610" s="12"/>
    </row>
    <row r="175611" spans="8:8">
      <c r="H175611" s="12"/>
    </row>
    <row r="175612" spans="8:8">
      <c r="H175612" s="12"/>
    </row>
    <row r="175613" spans="8:8">
      <c r="H175613" s="12"/>
    </row>
    <row r="175614" spans="8:8">
      <c r="H175614" s="12"/>
    </row>
    <row r="175615" spans="8:8">
      <c r="H175615" s="12"/>
    </row>
    <row r="175616" spans="8:8">
      <c r="H175616" s="12"/>
    </row>
    <row r="175617" spans="8:8">
      <c r="H175617" s="12"/>
    </row>
    <row r="175618" spans="8:8">
      <c r="H175618" s="12"/>
    </row>
    <row r="175619" spans="8:8">
      <c r="H175619" s="12"/>
    </row>
    <row r="175620" spans="8:8">
      <c r="H175620" s="12"/>
    </row>
    <row r="175621" spans="8:8">
      <c r="H175621" s="12"/>
    </row>
    <row r="175622" spans="8:8">
      <c r="H175622" s="12"/>
    </row>
    <row r="175623" spans="8:8">
      <c r="H175623" s="12"/>
    </row>
    <row r="175624" spans="8:8">
      <c r="H175624" s="12"/>
    </row>
    <row r="175625" spans="8:8">
      <c r="H175625" s="12"/>
    </row>
    <row r="175626" spans="8:8">
      <c r="H175626" s="12"/>
    </row>
    <row r="175627" spans="8:8">
      <c r="H175627" s="12"/>
    </row>
    <row r="175628" spans="8:8">
      <c r="H175628" s="12"/>
    </row>
    <row r="175629" spans="8:8">
      <c r="H175629" s="12"/>
    </row>
    <row r="175630" spans="8:8">
      <c r="H175630" s="12"/>
    </row>
    <row r="175631" spans="8:8">
      <c r="H175631" s="12"/>
    </row>
    <row r="175632" spans="8:8">
      <c r="H175632" s="12"/>
    </row>
    <row r="175633" spans="8:8">
      <c r="H175633" s="12"/>
    </row>
    <row r="175634" spans="8:8">
      <c r="H175634" s="12"/>
    </row>
    <row r="175635" spans="8:8">
      <c r="H175635" s="12"/>
    </row>
    <row r="175636" spans="8:8">
      <c r="H175636" s="12"/>
    </row>
    <row r="175637" spans="8:8">
      <c r="H175637" s="12"/>
    </row>
    <row r="175638" spans="8:8">
      <c r="H175638" s="12"/>
    </row>
    <row r="175639" spans="8:8">
      <c r="H175639" s="12"/>
    </row>
    <row r="175640" spans="8:8">
      <c r="H175640" s="12"/>
    </row>
    <row r="175641" spans="8:8">
      <c r="H175641" s="12"/>
    </row>
    <row r="175642" spans="8:8">
      <c r="H175642" s="12"/>
    </row>
    <row r="175643" spans="8:8">
      <c r="H175643" s="12"/>
    </row>
    <row r="175644" spans="8:8">
      <c r="H175644" s="12"/>
    </row>
    <row r="175645" spans="8:8">
      <c r="H175645" s="12"/>
    </row>
    <row r="175646" spans="8:8">
      <c r="H175646" s="12"/>
    </row>
    <row r="175647" spans="8:8">
      <c r="H175647" s="12"/>
    </row>
    <row r="175648" spans="8:8">
      <c r="H175648" s="12"/>
    </row>
    <row r="175649" spans="8:8">
      <c r="H175649" s="12"/>
    </row>
    <row r="175650" spans="8:8">
      <c r="H175650" s="12"/>
    </row>
    <row r="175651" spans="8:8">
      <c r="H175651" s="12"/>
    </row>
    <row r="175652" spans="8:8">
      <c r="H175652" s="12"/>
    </row>
    <row r="175653" spans="8:8">
      <c r="H175653" s="12"/>
    </row>
    <row r="175654" spans="8:8">
      <c r="H175654" s="12"/>
    </row>
    <row r="175655" spans="8:8">
      <c r="H175655" s="12"/>
    </row>
    <row r="175656" spans="8:8">
      <c r="H175656" s="12"/>
    </row>
    <row r="175657" spans="8:8">
      <c r="H175657" s="12"/>
    </row>
    <row r="175658" spans="8:8">
      <c r="H175658" s="12"/>
    </row>
    <row r="175659" spans="8:8">
      <c r="H175659" s="12"/>
    </row>
    <row r="175660" spans="8:8">
      <c r="H175660" s="12"/>
    </row>
    <row r="175661" spans="8:8">
      <c r="H175661" s="12"/>
    </row>
    <row r="175662" spans="8:8">
      <c r="H175662" s="12"/>
    </row>
    <row r="175663" spans="8:8">
      <c r="H175663" s="12"/>
    </row>
    <row r="175664" spans="8:8">
      <c r="H175664" s="12"/>
    </row>
    <row r="175665" spans="8:8">
      <c r="H175665" s="12"/>
    </row>
    <row r="175666" spans="8:8">
      <c r="H175666" s="12"/>
    </row>
    <row r="175667" spans="8:8">
      <c r="H175667" s="12"/>
    </row>
    <row r="175668" spans="8:8">
      <c r="H175668" s="12"/>
    </row>
    <row r="175669" spans="8:8">
      <c r="H175669" s="12"/>
    </row>
    <row r="175670" spans="8:8">
      <c r="H175670" s="12"/>
    </row>
    <row r="175671" spans="8:8">
      <c r="H175671" s="12"/>
    </row>
    <row r="175672" spans="8:8">
      <c r="H175672" s="12"/>
    </row>
    <row r="175673" spans="8:8">
      <c r="H175673" s="12"/>
    </row>
    <row r="175674" spans="8:8">
      <c r="H175674" s="12"/>
    </row>
    <row r="175675" spans="8:8">
      <c r="H175675" s="12"/>
    </row>
    <row r="175676" spans="8:8">
      <c r="H175676" s="12"/>
    </row>
    <row r="175677" spans="8:8">
      <c r="H175677" s="12"/>
    </row>
    <row r="175678" spans="8:8">
      <c r="H175678" s="12"/>
    </row>
    <row r="175679" spans="8:8">
      <c r="H175679" s="12"/>
    </row>
    <row r="175680" spans="8:8">
      <c r="H175680" s="12"/>
    </row>
    <row r="175681" spans="8:8">
      <c r="H175681" s="12"/>
    </row>
    <row r="175682" spans="8:8">
      <c r="H175682" s="12"/>
    </row>
    <row r="175683" spans="8:8">
      <c r="H175683" s="12"/>
    </row>
    <row r="175684" spans="8:8">
      <c r="H175684" s="12"/>
    </row>
    <row r="175685" spans="8:8">
      <c r="H175685" s="12"/>
    </row>
    <row r="175686" spans="8:8">
      <c r="H175686" s="12"/>
    </row>
    <row r="175687" spans="8:8">
      <c r="H175687" s="12"/>
    </row>
    <row r="175688" spans="8:8">
      <c r="H175688" s="12"/>
    </row>
    <row r="175689" spans="8:8">
      <c r="H175689" s="12"/>
    </row>
    <row r="175690" spans="8:8">
      <c r="H175690" s="12"/>
    </row>
    <row r="175691" spans="8:8">
      <c r="H175691" s="12"/>
    </row>
    <row r="175692" spans="8:8">
      <c r="H175692" s="12"/>
    </row>
    <row r="175693" spans="8:8">
      <c r="H175693" s="12"/>
    </row>
    <row r="175694" spans="8:8">
      <c r="H175694" s="12"/>
    </row>
    <row r="175695" spans="8:8">
      <c r="H175695" s="12"/>
    </row>
    <row r="175696" spans="8:8">
      <c r="H175696" s="12"/>
    </row>
    <row r="175697" spans="8:8">
      <c r="H175697" s="12"/>
    </row>
    <row r="175698" spans="8:8">
      <c r="H175698" s="12"/>
    </row>
    <row r="175699" spans="8:8">
      <c r="H175699" s="12"/>
    </row>
    <row r="175700" spans="8:8">
      <c r="H175700" s="12"/>
    </row>
    <row r="175701" spans="8:8">
      <c r="H175701" s="12"/>
    </row>
    <row r="175702" spans="8:8">
      <c r="H175702" s="12"/>
    </row>
    <row r="175703" spans="8:8">
      <c r="H175703" s="12"/>
    </row>
    <row r="175704" spans="8:8">
      <c r="H175704" s="12"/>
    </row>
    <row r="175705" spans="8:8">
      <c r="H175705" s="12"/>
    </row>
    <row r="175706" spans="8:8">
      <c r="H175706" s="12"/>
    </row>
    <row r="175707" spans="8:8">
      <c r="H175707" s="12"/>
    </row>
    <row r="175708" spans="8:8">
      <c r="H175708" s="12"/>
    </row>
    <row r="175709" spans="8:8">
      <c r="H175709" s="12"/>
    </row>
    <row r="175710" spans="8:8">
      <c r="H175710" s="12"/>
    </row>
    <row r="175711" spans="8:8">
      <c r="H175711" s="12"/>
    </row>
    <row r="175712" spans="8:8">
      <c r="H175712" s="12"/>
    </row>
    <row r="175713" spans="8:8">
      <c r="H175713" s="12"/>
    </row>
    <row r="175714" spans="8:8">
      <c r="H175714" s="12"/>
    </row>
    <row r="175715" spans="8:8">
      <c r="H175715" s="12"/>
    </row>
    <row r="175716" spans="8:8">
      <c r="H175716" s="12"/>
    </row>
    <row r="175717" spans="8:8">
      <c r="H175717" s="12"/>
    </row>
    <row r="175718" spans="8:8">
      <c r="H175718" s="12"/>
    </row>
    <row r="175719" spans="8:8">
      <c r="H175719" s="12"/>
    </row>
    <row r="175720" spans="8:8">
      <c r="H175720" s="12"/>
    </row>
    <row r="175721" spans="8:8">
      <c r="H175721" s="12"/>
    </row>
    <row r="175722" spans="8:8">
      <c r="H175722" s="12"/>
    </row>
    <row r="175723" spans="8:8">
      <c r="H175723" s="12"/>
    </row>
    <row r="175724" spans="8:8">
      <c r="H175724" s="12"/>
    </row>
    <row r="175725" spans="8:8">
      <c r="H175725" s="12"/>
    </row>
    <row r="175726" spans="8:8">
      <c r="H175726" s="12"/>
    </row>
    <row r="175727" spans="8:8">
      <c r="H175727" s="12"/>
    </row>
    <row r="175728" spans="8:8">
      <c r="H175728" s="12"/>
    </row>
    <row r="175729" spans="8:8">
      <c r="H175729" s="12"/>
    </row>
    <row r="175730" spans="8:8">
      <c r="H175730" s="12"/>
    </row>
    <row r="175731" spans="8:8">
      <c r="H175731" s="12"/>
    </row>
    <row r="175732" spans="8:8">
      <c r="H175732" s="12"/>
    </row>
    <row r="175733" spans="8:8">
      <c r="H175733" s="12"/>
    </row>
    <row r="175734" spans="8:8">
      <c r="H175734" s="12"/>
    </row>
    <row r="175735" spans="8:8">
      <c r="H175735" s="12"/>
    </row>
    <row r="175736" spans="8:8">
      <c r="H175736" s="12"/>
    </row>
    <row r="175737" spans="8:8">
      <c r="H175737" s="12"/>
    </row>
    <row r="175738" spans="8:8">
      <c r="H175738" s="12"/>
    </row>
    <row r="175739" spans="8:8">
      <c r="H175739" s="12"/>
    </row>
    <row r="175740" spans="8:8">
      <c r="H175740" s="12"/>
    </row>
    <row r="175741" spans="8:8">
      <c r="H175741" s="12"/>
    </row>
    <row r="175742" spans="8:8">
      <c r="H175742" s="12"/>
    </row>
    <row r="175743" spans="8:8">
      <c r="H175743" s="12"/>
    </row>
    <row r="175744" spans="8:8">
      <c r="H175744" s="12"/>
    </row>
    <row r="175745" spans="8:8">
      <c r="H175745" s="12"/>
    </row>
    <row r="175746" spans="8:8">
      <c r="H175746" s="12"/>
    </row>
    <row r="175747" spans="8:8">
      <c r="H175747" s="12"/>
    </row>
    <row r="175748" spans="8:8">
      <c r="H175748" s="12"/>
    </row>
    <row r="175749" spans="8:8">
      <c r="H175749" s="12"/>
    </row>
    <row r="175750" spans="8:8">
      <c r="H175750" s="12"/>
    </row>
    <row r="175751" spans="8:8">
      <c r="H175751" s="12"/>
    </row>
    <row r="175752" spans="8:8">
      <c r="H175752" s="12"/>
    </row>
    <row r="175753" spans="8:8">
      <c r="H175753" s="12"/>
    </row>
    <row r="175754" spans="8:8">
      <c r="H175754" s="12"/>
    </row>
    <row r="175755" spans="8:8">
      <c r="H175755" s="12"/>
    </row>
    <row r="175756" spans="8:8">
      <c r="H175756" s="12"/>
    </row>
    <row r="175757" spans="8:8">
      <c r="H175757" s="12"/>
    </row>
    <row r="175758" spans="8:8">
      <c r="H175758" s="12"/>
    </row>
    <row r="175759" spans="8:8">
      <c r="H175759" s="12"/>
    </row>
    <row r="175760" spans="8:8">
      <c r="H175760" s="12"/>
    </row>
    <row r="175761" spans="8:8">
      <c r="H175761" s="12"/>
    </row>
    <row r="175762" spans="8:8">
      <c r="H175762" s="12"/>
    </row>
    <row r="175763" spans="8:8">
      <c r="H175763" s="12"/>
    </row>
    <row r="175764" spans="8:8">
      <c r="H175764" s="12"/>
    </row>
    <row r="175765" spans="8:8">
      <c r="H175765" s="12"/>
    </row>
    <row r="175766" spans="8:8">
      <c r="H175766" s="12"/>
    </row>
    <row r="175767" spans="8:8">
      <c r="H175767" s="12"/>
    </row>
    <row r="175768" spans="8:8">
      <c r="H175768" s="12"/>
    </row>
    <row r="175769" spans="8:8">
      <c r="H175769" s="12"/>
    </row>
    <row r="175770" spans="8:8">
      <c r="H175770" s="12"/>
    </row>
    <row r="175771" spans="8:8">
      <c r="H175771" s="12"/>
    </row>
    <row r="175772" spans="8:8">
      <c r="H175772" s="12"/>
    </row>
    <row r="175773" spans="8:8">
      <c r="H175773" s="12"/>
    </row>
    <row r="175774" spans="8:8">
      <c r="H175774" s="12"/>
    </row>
    <row r="175775" spans="8:8">
      <c r="H175775" s="12"/>
    </row>
    <row r="175776" spans="8:8">
      <c r="H175776" s="12"/>
    </row>
    <row r="175777" spans="8:8">
      <c r="H175777" s="12"/>
    </row>
    <row r="175778" spans="8:8">
      <c r="H175778" s="12"/>
    </row>
    <row r="175779" spans="8:8">
      <c r="H175779" s="12"/>
    </row>
    <row r="175780" spans="8:8">
      <c r="H175780" s="12"/>
    </row>
    <row r="175781" spans="8:8">
      <c r="H175781" s="12"/>
    </row>
    <row r="175782" spans="8:8">
      <c r="H175782" s="12"/>
    </row>
    <row r="175783" spans="8:8">
      <c r="H175783" s="12"/>
    </row>
    <row r="175784" spans="8:8">
      <c r="H175784" s="12"/>
    </row>
    <row r="175785" spans="8:8">
      <c r="H175785" s="12"/>
    </row>
    <row r="175786" spans="8:8">
      <c r="H175786" s="12"/>
    </row>
    <row r="175787" spans="8:8">
      <c r="H175787" s="12"/>
    </row>
    <row r="175788" spans="8:8">
      <c r="H175788" s="12"/>
    </row>
    <row r="175789" spans="8:8">
      <c r="H175789" s="12"/>
    </row>
    <row r="175790" spans="8:8">
      <c r="H175790" s="12"/>
    </row>
    <row r="175791" spans="8:8">
      <c r="H175791" s="12"/>
    </row>
    <row r="175792" spans="8:8">
      <c r="H175792" s="12"/>
    </row>
    <row r="175793" spans="8:8">
      <c r="H175793" s="12"/>
    </row>
    <row r="175794" spans="8:8">
      <c r="H175794" s="12"/>
    </row>
    <row r="175795" spans="8:8">
      <c r="H175795" s="12"/>
    </row>
    <row r="175796" spans="8:8">
      <c r="H175796" s="12"/>
    </row>
    <row r="175797" spans="8:8">
      <c r="H175797" s="12"/>
    </row>
    <row r="175798" spans="8:8">
      <c r="H175798" s="12"/>
    </row>
    <row r="175799" spans="8:8">
      <c r="H175799" s="12"/>
    </row>
    <row r="175800" spans="8:8">
      <c r="H175800" s="12"/>
    </row>
    <row r="175801" spans="8:8">
      <c r="H175801" s="12"/>
    </row>
    <row r="175802" spans="8:8">
      <c r="H175802" s="12"/>
    </row>
    <row r="175803" spans="8:8">
      <c r="H175803" s="12"/>
    </row>
    <row r="175804" spans="8:8">
      <c r="H175804" s="12"/>
    </row>
    <row r="175805" spans="8:8">
      <c r="H175805" s="12"/>
    </row>
    <row r="175806" spans="8:8">
      <c r="H175806" s="12"/>
    </row>
    <row r="175807" spans="8:8">
      <c r="H175807" s="12"/>
    </row>
    <row r="175808" spans="8:8">
      <c r="H175808" s="12"/>
    </row>
    <row r="175809" spans="8:8">
      <c r="H175809" s="12"/>
    </row>
    <row r="175810" spans="8:8">
      <c r="H175810" s="12"/>
    </row>
    <row r="175811" spans="8:8">
      <c r="H175811" s="12"/>
    </row>
    <row r="175812" spans="8:8">
      <c r="H175812" s="12"/>
    </row>
    <row r="175813" spans="8:8">
      <c r="H175813" s="12"/>
    </row>
    <row r="175814" spans="8:8">
      <c r="H175814" s="12"/>
    </row>
    <row r="175815" spans="8:8">
      <c r="H175815" s="12"/>
    </row>
    <row r="175816" spans="8:8">
      <c r="H175816" s="12"/>
    </row>
    <row r="175817" spans="8:8">
      <c r="H175817" s="12"/>
    </row>
    <row r="175818" spans="8:8">
      <c r="H175818" s="12"/>
    </row>
    <row r="175819" spans="8:8">
      <c r="H175819" s="12"/>
    </row>
    <row r="175820" spans="8:8">
      <c r="H175820" s="12"/>
    </row>
    <row r="175821" spans="8:8">
      <c r="H175821" s="12"/>
    </row>
    <row r="175822" spans="8:8">
      <c r="H175822" s="12"/>
    </row>
    <row r="175823" spans="8:8">
      <c r="H175823" s="12"/>
    </row>
    <row r="175824" spans="8:8">
      <c r="H175824" s="12"/>
    </row>
    <row r="175825" spans="8:8">
      <c r="H175825" s="12"/>
    </row>
    <row r="175826" spans="8:8">
      <c r="H175826" s="12"/>
    </row>
    <row r="175827" spans="8:8">
      <c r="H175827" s="12"/>
    </row>
    <row r="175828" spans="8:8">
      <c r="H175828" s="12"/>
    </row>
    <row r="175829" spans="8:8">
      <c r="H175829" s="12"/>
    </row>
    <row r="175830" spans="8:8">
      <c r="H175830" s="12"/>
    </row>
    <row r="175831" spans="8:8">
      <c r="H175831" s="12"/>
    </row>
    <row r="175832" spans="8:8">
      <c r="H175832" s="12"/>
    </row>
    <row r="175833" spans="8:8">
      <c r="H175833" s="12"/>
    </row>
    <row r="175834" spans="8:8">
      <c r="H175834" s="12"/>
    </row>
    <row r="175835" spans="8:8">
      <c r="H175835" s="12"/>
    </row>
    <row r="175836" spans="8:8">
      <c r="H175836" s="12"/>
    </row>
    <row r="175837" spans="8:8">
      <c r="H175837" s="12"/>
    </row>
    <row r="175838" spans="8:8">
      <c r="H175838" s="12"/>
    </row>
    <row r="175839" spans="8:8">
      <c r="H175839" s="12"/>
    </row>
    <row r="175840" spans="8:8">
      <c r="H175840" s="12"/>
    </row>
    <row r="175841" spans="8:8">
      <c r="H175841" s="12"/>
    </row>
    <row r="175842" spans="8:8">
      <c r="H175842" s="12"/>
    </row>
    <row r="175843" spans="8:8">
      <c r="H175843" s="12"/>
    </row>
    <row r="175844" spans="8:8">
      <c r="H175844" s="12"/>
    </row>
    <row r="175845" spans="8:8">
      <c r="H175845" s="12"/>
    </row>
    <row r="175846" spans="8:8">
      <c r="H175846" s="12"/>
    </row>
    <row r="175847" spans="8:8">
      <c r="H175847" s="12"/>
    </row>
    <row r="175848" spans="8:8">
      <c r="H175848" s="12"/>
    </row>
    <row r="175849" spans="8:8">
      <c r="H175849" s="12"/>
    </row>
    <row r="175850" spans="8:8">
      <c r="H175850" s="12"/>
    </row>
    <row r="175851" spans="8:8">
      <c r="H175851" s="12"/>
    </row>
    <row r="175852" spans="8:8">
      <c r="H175852" s="12"/>
    </row>
    <row r="175853" spans="8:8">
      <c r="H175853" s="12"/>
    </row>
    <row r="175854" spans="8:8">
      <c r="H175854" s="12"/>
    </row>
    <row r="175855" spans="8:8">
      <c r="H175855" s="12"/>
    </row>
    <row r="175856" spans="8:8">
      <c r="H175856" s="12"/>
    </row>
    <row r="175857" spans="8:8">
      <c r="H175857" s="12"/>
    </row>
    <row r="175858" spans="8:8">
      <c r="H175858" s="12"/>
    </row>
    <row r="175859" spans="8:8">
      <c r="H175859" s="12"/>
    </row>
    <row r="175860" spans="8:8">
      <c r="H175860" s="12"/>
    </row>
    <row r="175861" spans="8:8">
      <c r="H175861" s="12"/>
    </row>
    <row r="175862" spans="8:8">
      <c r="H175862" s="12"/>
    </row>
    <row r="175863" spans="8:8">
      <c r="H175863" s="12"/>
    </row>
    <row r="175864" spans="8:8">
      <c r="H175864" s="12"/>
    </row>
    <row r="175865" spans="8:8">
      <c r="H175865" s="12"/>
    </row>
    <row r="175866" spans="8:8">
      <c r="H175866" s="12"/>
    </row>
    <row r="175867" spans="8:8">
      <c r="H175867" s="12"/>
    </row>
    <row r="175868" spans="8:8">
      <c r="H175868" s="12"/>
    </row>
    <row r="175869" spans="8:8">
      <c r="H175869" s="12"/>
    </row>
    <row r="175870" spans="8:8">
      <c r="H175870" s="12"/>
    </row>
    <row r="175871" spans="8:8">
      <c r="H175871" s="12"/>
    </row>
    <row r="175872" spans="8:8">
      <c r="H175872" s="12"/>
    </row>
    <row r="175873" spans="8:8">
      <c r="H175873" s="12"/>
    </row>
    <row r="175874" spans="8:8">
      <c r="H175874" s="12"/>
    </row>
    <row r="175875" spans="8:8">
      <c r="H175875" s="12"/>
    </row>
    <row r="175876" spans="8:8">
      <c r="H175876" s="12"/>
    </row>
    <row r="175877" spans="8:8">
      <c r="H175877" s="12"/>
    </row>
    <row r="175878" spans="8:8">
      <c r="H175878" s="12"/>
    </row>
    <row r="175879" spans="8:8">
      <c r="H175879" s="12"/>
    </row>
    <row r="175880" spans="8:8">
      <c r="H175880" s="12"/>
    </row>
    <row r="175881" spans="8:8">
      <c r="H175881" s="12"/>
    </row>
    <row r="175882" spans="8:8">
      <c r="H175882" s="12"/>
    </row>
    <row r="175883" spans="8:8">
      <c r="H175883" s="12"/>
    </row>
    <row r="175884" spans="8:8">
      <c r="H175884" s="12"/>
    </row>
    <row r="175885" spans="8:8">
      <c r="H175885" s="12"/>
    </row>
    <row r="175886" spans="8:8">
      <c r="H175886" s="12"/>
    </row>
    <row r="175887" spans="8:8">
      <c r="H175887" s="12"/>
    </row>
    <row r="175888" spans="8:8">
      <c r="H175888" s="12"/>
    </row>
    <row r="175889" spans="8:8">
      <c r="H175889" s="12"/>
    </row>
    <row r="175890" spans="8:8">
      <c r="H175890" s="12"/>
    </row>
    <row r="175891" spans="8:8">
      <c r="H175891" s="12"/>
    </row>
    <row r="175892" spans="8:8">
      <c r="H175892" s="12"/>
    </row>
    <row r="175893" spans="8:8">
      <c r="H175893" s="12"/>
    </row>
    <row r="175894" spans="8:8">
      <c r="H175894" s="12"/>
    </row>
    <row r="175895" spans="8:8">
      <c r="H175895" s="12"/>
    </row>
    <row r="175896" spans="8:8">
      <c r="H175896" s="12"/>
    </row>
    <row r="175897" spans="8:8">
      <c r="H175897" s="12"/>
    </row>
    <row r="175898" spans="8:8">
      <c r="H175898" s="12"/>
    </row>
    <row r="175899" spans="8:8">
      <c r="H175899" s="12"/>
    </row>
    <row r="175900" spans="8:8">
      <c r="H175900" s="12"/>
    </row>
    <row r="175901" spans="8:8">
      <c r="H175901" s="12"/>
    </row>
    <row r="175902" spans="8:8">
      <c r="H175902" s="12"/>
    </row>
    <row r="175903" spans="8:8">
      <c r="H175903" s="12"/>
    </row>
    <row r="175904" spans="8:8">
      <c r="H175904" s="12"/>
    </row>
    <row r="175905" spans="8:8">
      <c r="H175905" s="12"/>
    </row>
    <row r="175906" spans="8:8">
      <c r="H175906" s="12"/>
    </row>
    <row r="175907" spans="8:8">
      <c r="H175907" s="12"/>
    </row>
    <row r="175908" spans="8:8">
      <c r="H175908" s="12"/>
    </row>
    <row r="175909" spans="8:8">
      <c r="H175909" s="12"/>
    </row>
    <row r="175910" spans="8:8">
      <c r="H175910" s="12"/>
    </row>
    <row r="175911" spans="8:8">
      <c r="H175911" s="12"/>
    </row>
    <row r="175912" spans="8:8">
      <c r="H175912" s="12"/>
    </row>
    <row r="175913" spans="8:8">
      <c r="H175913" s="12"/>
    </row>
    <row r="175914" spans="8:8">
      <c r="H175914" s="12"/>
    </row>
    <row r="175915" spans="8:8">
      <c r="H175915" s="12"/>
    </row>
    <row r="175916" spans="8:8">
      <c r="H175916" s="12"/>
    </row>
    <row r="175917" spans="8:8">
      <c r="H175917" s="12"/>
    </row>
    <row r="175918" spans="8:8">
      <c r="H175918" s="12"/>
    </row>
    <row r="175919" spans="8:8">
      <c r="H175919" s="12"/>
    </row>
    <row r="175920" spans="8:8">
      <c r="H175920" s="12"/>
    </row>
    <row r="175921" spans="8:8">
      <c r="H175921" s="12"/>
    </row>
    <row r="175922" spans="8:8">
      <c r="H175922" s="12"/>
    </row>
    <row r="175923" spans="8:8">
      <c r="H175923" s="12"/>
    </row>
    <row r="175924" spans="8:8">
      <c r="H175924" s="12"/>
    </row>
    <row r="175925" spans="8:8">
      <c r="H175925" s="12"/>
    </row>
    <row r="175926" spans="8:8">
      <c r="H175926" s="12"/>
    </row>
    <row r="175927" spans="8:8">
      <c r="H175927" s="12"/>
    </row>
    <row r="175928" spans="8:8">
      <c r="H175928" s="12"/>
    </row>
    <row r="175929" spans="8:8">
      <c r="H175929" s="12"/>
    </row>
    <row r="175930" spans="8:8">
      <c r="H175930" s="12"/>
    </row>
    <row r="175931" spans="8:8">
      <c r="H175931" s="12"/>
    </row>
    <row r="175932" spans="8:8">
      <c r="H175932" s="12"/>
    </row>
    <row r="175933" spans="8:8">
      <c r="H175933" s="12"/>
    </row>
    <row r="175934" spans="8:8">
      <c r="H175934" s="12"/>
    </row>
    <row r="175935" spans="8:8">
      <c r="H175935" s="12"/>
    </row>
    <row r="175936" spans="8:8">
      <c r="H175936" s="12"/>
    </row>
    <row r="175937" spans="8:8">
      <c r="H175937" s="12"/>
    </row>
    <row r="175938" spans="8:8">
      <c r="H175938" s="12"/>
    </row>
    <row r="175939" spans="8:8">
      <c r="H175939" s="12"/>
    </row>
    <row r="175940" spans="8:8">
      <c r="H175940" s="12"/>
    </row>
    <row r="175941" spans="8:8">
      <c r="H175941" s="12"/>
    </row>
    <row r="175942" spans="8:8">
      <c r="H175942" s="12"/>
    </row>
    <row r="175943" spans="8:8">
      <c r="H175943" s="12"/>
    </row>
    <row r="175944" spans="8:8">
      <c r="H175944" s="12"/>
    </row>
    <row r="175945" spans="8:8">
      <c r="H175945" s="12"/>
    </row>
    <row r="175946" spans="8:8">
      <c r="H175946" s="12"/>
    </row>
    <row r="175947" spans="8:8">
      <c r="H175947" s="12"/>
    </row>
    <row r="175948" spans="8:8">
      <c r="H175948" s="12"/>
    </row>
    <row r="175949" spans="8:8">
      <c r="H175949" s="12"/>
    </row>
    <row r="175950" spans="8:8">
      <c r="H175950" s="12"/>
    </row>
    <row r="175951" spans="8:8">
      <c r="H175951" s="12"/>
    </row>
    <row r="175952" spans="8:8">
      <c r="H175952" s="12"/>
    </row>
    <row r="175953" spans="8:8">
      <c r="H175953" s="12"/>
    </row>
    <row r="175954" spans="8:8">
      <c r="H175954" s="12"/>
    </row>
    <row r="175955" spans="8:8">
      <c r="H175955" s="12"/>
    </row>
    <row r="175956" spans="8:8">
      <c r="H175956" s="12"/>
    </row>
    <row r="175957" spans="8:8">
      <c r="H175957" s="12"/>
    </row>
    <row r="175958" spans="8:8">
      <c r="H175958" s="12"/>
    </row>
    <row r="175959" spans="8:8">
      <c r="H175959" s="12"/>
    </row>
    <row r="175960" spans="8:8">
      <c r="H175960" s="12"/>
    </row>
    <row r="175961" spans="8:8">
      <c r="H175961" s="12"/>
    </row>
    <row r="175962" spans="8:8">
      <c r="H175962" s="12"/>
    </row>
    <row r="175963" spans="8:8">
      <c r="H175963" s="12"/>
    </row>
    <row r="175964" spans="8:8">
      <c r="H175964" s="12"/>
    </row>
    <row r="175965" spans="8:8">
      <c r="H175965" s="12"/>
    </row>
    <row r="175966" spans="8:8">
      <c r="H175966" s="12"/>
    </row>
    <row r="175967" spans="8:8">
      <c r="H175967" s="12"/>
    </row>
    <row r="175968" spans="8:8">
      <c r="H175968" s="12"/>
    </row>
    <row r="175969" spans="8:8">
      <c r="H175969" s="12"/>
    </row>
    <row r="175970" spans="8:8">
      <c r="H175970" s="12"/>
    </row>
    <row r="175971" spans="8:8">
      <c r="H175971" s="12"/>
    </row>
    <row r="175972" spans="8:8">
      <c r="H175972" s="12"/>
    </row>
    <row r="175973" spans="8:8">
      <c r="H175973" s="12"/>
    </row>
    <row r="175974" spans="8:8">
      <c r="H175974" s="12"/>
    </row>
    <row r="175975" spans="8:8">
      <c r="H175975" s="12"/>
    </row>
    <row r="175976" spans="8:8">
      <c r="H175976" s="12"/>
    </row>
    <row r="175977" spans="8:8">
      <c r="H175977" s="12"/>
    </row>
    <row r="175978" spans="8:8">
      <c r="H175978" s="12"/>
    </row>
    <row r="175979" spans="8:8">
      <c r="H175979" s="12"/>
    </row>
    <row r="175980" spans="8:8">
      <c r="H175980" s="12"/>
    </row>
    <row r="175981" spans="8:8">
      <c r="H175981" s="12"/>
    </row>
    <row r="175982" spans="8:8">
      <c r="H175982" s="12"/>
    </row>
    <row r="175983" spans="8:8">
      <c r="H175983" s="12"/>
    </row>
    <row r="175984" spans="8:8">
      <c r="H175984" s="12"/>
    </row>
    <row r="175985" spans="8:8">
      <c r="H175985" s="12"/>
    </row>
    <row r="175986" spans="8:8">
      <c r="H175986" s="12"/>
    </row>
    <row r="175987" spans="8:8">
      <c r="H175987" s="12"/>
    </row>
    <row r="175988" spans="8:8">
      <c r="H175988" s="12"/>
    </row>
    <row r="175989" spans="8:8">
      <c r="H175989" s="12"/>
    </row>
    <row r="175990" spans="8:8">
      <c r="H175990" s="12"/>
    </row>
    <row r="175991" spans="8:8">
      <c r="H175991" s="12"/>
    </row>
    <row r="175992" spans="8:8">
      <c r="H175992" s="12"/>
    </row>
    <row r="175993" spans="8:8">
      <c r="H175993" s="12"/>
    </row>
    <row r="175994" spans="8:8">
      <c r="H175994" s="12"/>
    </row>
    <row r="175995" spans="8:8">
      <c r="H175995" s="12"/>
    </row>
    <row r="175996" spans="8:8">
      <c r="H175996" s="12"/>
    </row>
    <row r="175997" spans="8:8">
      <c r="H175997" s="12"/>
    </row>
    <row r="175998" spans="8:8">
      <c r="H175998" s="12"/>
    </row>
    <row r="175999" spans="8:8">
      <c r="H175999" s="12"/>
    </row>
    <row r="176000" spans="8:8">
      <c r="H176000" s="12"/>
    </row>
    <row r="176001" spans="8:8">
      <c r="H176001" s="12"/>
    </row>
    <row r="176002" spans="8:8">
      <c r="H176002" s="12"/>
    </row>
    <row r="176003" spans="8:8">
      <c r="H176003" s="12"/>
    </row>
    <row r="176004" spans="8:8">
      <c r="H176004" s="12"/>
    </row>
    <row r="176005" spans="8:8">
      <c r="H176005" s="12"/>
    </row>
    <row r="176006" spans="8:8">
      <c r="H176006" s="12"/>
    </row>
    <row r="176007" spans="8:8">
      <c r="H176007" s="12"/>
    </row>
    <row r="176008" spans="8:8">
      <c r="H176008" s="12"/>
    </row>
    <row r="176009" spans="8:8">
      <c r="H176009" s="12"/>
    </row>
    <row r="176010" spans="8:8">
      <c r="H176010" s="12"/>
    </row>
    <row r="176011" spans="8:8">
      <c r="H176011" s="12"/>
    </row>
    <row r="176012" spans="8:8">
      <c r="H176012" s="12"/>
    </row>
    <row r="176013" spans="8:8">
      <c r="H176013" s="12"/>
    </row>
    <row r="176014" spans="8:8">
      <c r="H176014" s="12"/>
    </row>
    <row r="176015" spans="8:8">
      <c r="H176015" s="12"/>
    </row>
    <row r="176016" spans="8:8">
      <c r="H176016" s="12"/>
    </row>
    <row r="176017" spans="8:8">
      <c r="H176017" s="12"/>
    </row>
    <row r="176018" spans="8:8">
      <c r="H176018" s="12"/>
    </row>
    <row r="176019" spans="8:8">
      <c r="H176019" s="12"/>
    </row>
    <row r="176020" spans="8:8">
      <c r="H176020" s="12"/>
    </row>
    <row r="176021" spans="8:8">
      <c r="H176021" s="12"/>
    </row>
    <row r="176022" spans="8:8">
      <c r="H176022" s="12"/>
    </row>
    <row r="176023" spans="8:8">
      <c r="H176023" s="12"/>
    </row>
    <row r="176024" spans="8:8">
      <c r="H176024" s="12"/>
    </row>
    <row r="176025" spans="8:8">
      <c r="H176025" s="12"/>
    </row>
    <row r="176026" spans="8:8">
      <c r="H176026" s="12"/>
    </row>
    <row r="176027" spans="8:8">
      <c r="H176027" s="12"/>
    </row>
    <row r="176028" spans="8:8">
      <c r="H176028" s="12"/>
    </row>
    <row r="176029" spans="8:8">
      <c r="H176029" s="12"/>
    </row>
    <row r="176030" spans="8:8">
      <c r="H176030" s="12"/>
    </row>
    <row r="176031" spans="8:8">
      <c r="H176031" s="12"/>
    </row>
    <row r="176032" spans="8:8">
      <c r="H176032" s="12"/>
    </row>
    <row r="176033" spans="8:8">
      <c r="H176033" s="12"/>
    </row>
    <row r="176034" spans="8:8">
      <c r="H176034" s="12"/>
    </row>
    <row r="176035" spans="8:8">
      <c r="H176035" s="12"/>
    </row>
    <row r="176036" spans="8:8">
      <c r="H176036" s="12"/>
    </row>
    <row r="176037" spans="8:8">
      <c r="H176037" s="12"/>
    </row>
    <row r="176038" spans="8:8">
      <c r="H176038" s="12"/>
    </row>
    <row r="176039" spans="8:8">
      <c r="H176039" s="12"/>
    </row>
    <row r="176040" spans="8:8">
      <c r="H176040" s="12"/>
    </row>
    <row r="176041" spans="8:8">
      <c r="H176041" s="12"/>
    </row>
    <row r="176042" spans="8:8">
      <c r="H176042" s="12"/>
    </row>
    <row r="176043" spans="8:8">
      <c r="H176043" s="12"/>
    </row>
    <row r="176044" spans="8:8">
      <c r="H176044" s="12"/>
    </row>
    <row r="176045" spans="8:8">
      <c r="H176045" s="12"/>
    </row>
    <row r="176046" spans="8:8">
      <c r="H176046" s="12"/>
    </row>
    <row r="176047" spans="8:8">
      <c r="H176047" s="12"/>
    </row>
    <row r="176048" spans="8:8">
      <c r="H176048" s="12"/>
    </row>
    <row r="176049" spans="8:8">
      <c r="H176049" s="12"/>
    </row>
    <row r="176050" spans="8:8">
      <c r="H176050" s="12"/>
    </row>
    <row r="176051" spans="8:8">
      <c r="H176051" s="12"/>
    </row>
    <row r="176052" spans="8:8">
      <c r="H176052" s="12"/>
    </row>
    <row r="176053" spans="8:8">
      <c r="H176053" s="12"/>
    </row>
    <row r="176054" spans="8:8">
      <c r="H176054" s="12"/>
    </row>
    <row r="176055" spans="8:8">
      <c r="H176055" s="12"/>
    </row>
    <row r="176056" spans="8:8">
      <c r="H176056" s="12"/>
    </row>
    <row r="176057" spans="8:8">
      <c r="H176057" s="12"/>
    </row>
    <row r="176058" spans="8:8">
      <c r="H176058" s="12"/>
    </row>
    <row r="176059" spans="8:8">
      <c r="H176059" s="12"/>
    </row>
    <row r="176060" spans="8:8">
      <c r="H176060" s="12"/>
    </row>
    <row r="176061" spans="8:8">
      <c r="H176061" s="12"/>
    </row>
    <row r="176062" spans="8:8">
      <c r="H176062" s="12"/>
    </row>
    <row r="176063" spans="8:8">
      <c r="H176063" s="12"/>
    </row>
    <row r="176064" spans="8:8">
      <c r="H176064" s="12"/>
    </row>
    <row r="176065" spans="8:8">
      <c r="H176065" s="12"/>
    </row>
    <row r="176066" spans="8:8">
      <c r="H176066" s="12"/>
    </row>
    <row r="176067" spans="8:8">
      <c r="H176067" s="12"/>
    </row>
    <row r="176068" spans="8:8">
      <c r="H176068" s="12"/>
    </row>
    <row r="176069" spans="8:8">
      <c r="H176069" s="12"/>
    </row>
    <row r="176070" spans="8:8">
      <c r="H176070" s="12"/>
    </row>
    <row r="176071" spans="8:8">
      <c r="H176071" s="12"/>
    </row>
    <row r="176072" spans="8:8">
      <c r="H176072" s="12"/>
    </row>
    <row r="176073" spans="8:8">
      <c r="H176073" s="12"/>
    </row>
    <row r="176074" spans="8:8">
      <c r="H176074" s="12"/>
    </row>
    <row r="176075" spans="8:8">
      <c r="H176075" s="12"/>
    </row>
    <row r="176076" spans="8:8">
      <c r="H176076" s="12"/>
    </row>
    <row r="176077" spans="8:8">
      <c r="H176077" s="12"/>
    </row>
    <row r="176078" spans="8:8">
      <c r="H176078" s="12"/>
    </row>
    <row r="176079" spans="8:8">
      <c r="H176079" s="12"/>
    </row>
    <row r="176080" spans="8:8">
      <c r="H176080" s="12"/>
    </row>
    <row r="176081" spans="8:8">
      <c r="H176081" s="12"/>
    </row>
    <row r="176082" spans="8:8">
      <c r="H176082" s="12"/>
    </row>
    <row r="176083" spans="8:8">
      <c r="H176083" s="12"/>
    </row>
    <row r="176084" spans="8:8">
      <c r="H176084" s="12"/>
    </row>
    <row r="176085" spans="8:8">
      <c r="H176085" s="12"/>
    </row>
    <row r="176086" spans="8:8">
      <c r="H176086" s="12"/>
    </row>
    <row r="176087" spans="8:8">
      <c r="H176087" s="12"/>
    </row>
    <row r="176088" spans="8:8">
      <c r="H176088" s="12"/>
    </row>
    <row r="176089" spans="8:8">
      <c r="H176089" s="12"/>
    </row>
    <row r="176090" spans="8:8">
      <c r="H176090" s="12"/>
    </row>
    <row r="176091" spans="8:8">
      <c r="H176091" s="12"/>
    </row>
    <row r="176092" spans="8:8">
      <c r="H176092" s="12"/>
    </row>
    <row r="176093" spans="8:8">
      <c r="H176093" s="12"/>
    </row>
    <row r="176094" spans="8:8">
      <c r="H176094" s="12"/>
    </row>
    <row r="176095" spans="8:8">
      <c r="H176095" s="12"/>
    </row>
    <row r="176096" spans="8:8">
      <c r="H176096" s="12"/>
    </row>
    <row r="176097" spans="8:8">
      <c r="H176097" s="12"/>
    </row>
    <row r="176098" spans="8:8">
      <c r="H176098" s="12"/>
    </row>
    <row r="176099" spans="8:8">
      <c r="H176099" s="12"/>
    </row>
    <row r="176100" spans="8:8">
      <c r="H176100" s="12"/>
    </row>
    <row r="176101" spans="8:8">
      <c r="H176101" s="12"/>
    </row>
    <row r="176102" spans="8:8">
      <c r="H176102" s="12"/>
    </row>
    <row r="176103" spans="8:8">
      <c r="H176103" s="12"/>
    </row>
    <row r="176104" spans="8:8">
      <c r="H176104" s="12"/>
    </row>
    <row r="176105" spans="8:8">
      <c r="H176105" s="12"/>
    </row>
    <row r="176106" spans="8:8">
      <c r="H176106" s="12"/>
    </row>
    <row r="176107" spans="8:8">
      <c r="H176107" s="12"/>
    </row>
    <row r="176108" spans="8:8">
      <c r="H176108" s="12"/>
    </row>
    <row r="176109" spans="8:8">
      <c r="H176109" s="12"/>
    </row>
    <row r="176110" spans="8:8">
      <c r="H176110" s="12"/>
    </row>
    <row r="176111" spans="8:8">
      <c r="H176111" s="12"/>
    </row>
    <row r="176112" spans="8:8">
      <c r="H176112" s="12"/>
    </row>
    <row r="176113" spans="8:8">
      <c r="H176113" s="12"/>
    </row>
    <row r="176114" spans="8:8">
      <c r="H176114" s="12"/>
    </row>
    <row r="176115" spans="8:8">
      <c r="H176115" s="12"/>
    </row>
    <row r="176116" spans="8:8">
      <c r="H176116" s="12"/>
    </row>
    <row r="176117" spans="8:8">
      <c r="H176117" s="12"/>
    </row>
    <row r="176118" spans="8:8">
      <c r="H176118" s="12"/>
    </row>
    <row r="176119" spans="8:8">
      <c r="H176119" s="12"/>
    </row>
    <row r="176120" spans="8:8">
      <c r="H176120" s="12"/>
    </row>
    <row r="176121" spans="8:8">
      <c r="H176121" s="12"/>
    </row>
    <row r="176122" spans="8:8">
      <c r="H176122" s="12"/>
    </row>
    <row r="176123" spans="8:8">
      <c r="H176123" s="12"/>
    </row>
    <row r="176124" spans="8:8">
      <c r="H176124" s="12"/>
    </row>
    <row r="176125" spans="8:8">
      <c r="H176125" s="12"/>
    </row>
    <row r="176126" spans="8:8">
      <c r="H176126" s="12"/>
    </row>
    <row r="176127" spans="8:8">
      <c r="H176127" s="12"/>
    </row>
    <row r="176128" spans="8:8">
      <c r="H176128" s="12"/>
    </row>
    <row r="176129" spans="8:8">
      <c r="H176129" s="12"/>
    </row>
    <row r="176130" spans="8:8">
      <c r="H176130" s="12"/>
    </row>
    <row r="176131" spans="8:8">
      <c r="H176131" s="12"/>
    </row>
    <row r="176132" spans="8:8">
      <c r="H176132" s="12"/>
    </row>
    <row r="176133" spans="8:8">
      <c r="H176133" s="12"/>
    </row>
    <row r="176134" spans="8:8">
      <c r="H176134" s="12"/>
    </row>
    <row r="176135" spans="8:8">
      <c r="H176135" s="12"/>
    </row>
    <row r="176136" spans="8:8">
      <c r="H176136" s="12"/>
    </row>
    <row r="176137" spans="8:8">
      <c r="H176137" s="12"/>
    </row>
    <row r="176138" spans="8:8">
      <c r="H176138" s="12"/>
    </row>
    <row r="176139" spans="8:8">
      <c r="H176139" s="12"/>
    </row>
    <row r="176140" spans="8:8">
      <c r="H176140" s="12"/>
    </row>
    <row r="176141" spans="8:8">
      <c r="H176141" s="12"/>
    </row>
    <row r="176142" spans="8:8">
      <c r="H176142" s="12"/>
    </row>
    <row r="176143" spans="8:8">
      <c r="H176143" s="12"/>
    </row>
    <row r="176144" spans="8:8">
      <c r="H176144" s="12"/>
    </row>
    <row r="176145" spans="8:8">
      <c r="H176145" s="12"/>
    </row>
    <row r="176146" spans="8:8">
      <c r="H176146" s="12"/>
    </row>
    <row r="176147" spans="8:8">
      <c r="H176147" s="12"/>
    </row>
    <row r="176148" spans="8:8">
      <c r="H176148" s="12"/>
    </row>
    <row r="176149" spans="8:8">
      <c r="H176149" s="12"/>
    </row>
    <row r="176150" spans="8:8">
      <c r="H176150" s="12"/>
    </row>
    <row r="176151" spans="8:8">
      <c r="H176151" s="12"/>
    </row>
    <row r="176152" spans="8:8">
      <c r="H176152" s="12"/>
    </row>
    <row r="176153" spans="8:8">
      <c r="H176153" s="12"/>
    </row>
    <row r="176154" spans="8:8">
      <c r="H176154" s="12"/>
    </row>
    <row r="176155" spans="8:8">
      <c r="H176155" s="12"/>
    </row>
    <row r="176156" spans="8:8">
      <c r="H176156" s="12"/>
    </row>
    <row r="176157" spans="8:8">
      <c r="H176157" s="12"/>
    </row>
    <row r="176158" spans="8:8">
      <c r="H176158" s="12"/>
    </row>
    <row r="176159" spans="8:8">
      <c r="H176159" s="12"/>
    </row>
    <row r="176160" spans="8:8">
      <c r="H176160" s="12"/>
    </row>
    <row r="176161" spans="8:8">
      <c r="H176161" s="12"/>
    </row>
    <row r="176162" spans="8:8">
      <c r="H176162" s="12"/>
    </row>
    <row r="176163" spans="8:8">
      <c r="H176163" s="12"/>
    </row>
    <row r="176164" spans="8:8">
      <c r="H176164" s="12"/>
    </row>
    <row r="176165" spans="8:8">
      <c r="H176165" s="12"/>
    </row>
    <row r="176166" spans="8:8">
      <c r="H176166" s="12"/>
    </row>
    <row r="176167" spans="8:8">
      <c r="H176167" s="12"/>
    </row>
    <row r="176168" spans="8:8">
      <c r="H176168" s="12"/>
    </row>
    <row r="176169" spans="8:8">
      <c r="H176169" s="12"/>
    </row>
    <row r="176170" spans="8:8">
      <c r="H176170" s="12"/>
    </row>
    <row r="176171" spans="8:8">
      <c r="H176171" s="12"/>
    </row>
    <row r="176172" spans="8:8">
      <c r="H176172" s="12"/>
    </row>
    <row r="176173" spans="8:8">
      <c r="H176173" s="12"/>
    </row>
    <row r="176174" spans="8:8">
      <c r="H176174" s="12"/>
    </row>
    <row r="176175" spans="8:8">
      <c r="H176175" s="12"/>
    </row>
    <row r="176176" spans="8:8">
      <c r="H176176" s="12"/>
    </row>
    <row r="176177" spans="8:8">
      <c r="H176177" s="12"/>
    </row>
    <row r="176178" spans="8:8">
      <c r="H176178" s="12"/>
    </row>
    <row r="176179" spans="8:8">
      <c r="H176179" s="12"/>
    </row>
    <row r="176180" spans="8:8">
      <c r="H176180" s="12"/>
    </row>
    <row r="176181" spans="8:8">
      <c r="H176181" s="12"/>
    </row>
    <row r="176182" spans="8:8">
      <c r="H176182" s="12"/>
    </row>
    <row r="176183" spans="8:8">
      <c r="H176183" s="12"/>
    </row>
    <row r="176184" spans="8:8">
      <c r="H176184" s="12"/>
    </row>
    <row r="176185" spans="8:8">
      <c r="H176185" s="12"/>
    </row>
    <row r="176186" spans="8:8">
      <c r="H176186" s="12"/>
    </row>
    <row r="176187" spans="8:8">
      <c r="H176187" s="12"/>
    </row>
    <row r="176188" spans="8:8">
      <c r="H176188" s="12"/>
    </row>
    <row r="176189" spans="8:8">
      <c r="H176189" s="12"/>
    </row>
    <row r="176190" spans="8:8">
      <c r="H176190" s="12"/>
    </row>
    <row r="176191" spans="8:8">
      <c r="H176191" s="12"/>
    </row>
    <row r="176192" spans="8:8">
      <c r="H176192" s="12"/>
    </row>
    <row r="176193" spans="8:8">
      <c r="H176193" s="12"/>
    </row>
    <row r="176194" spans="8:8">
      <c r="H176194" s="12"/>
    </row>
    <row r="176195" spans="8:8">
      <c r="H176195" s="12"/>
    </row>
    <row r="176196" spans="8:8">
      <c r="H176196" s="12"/>
    </row>
    <row r="176197" spans="8:8">
      <c r="H176197" s="12"/>
    </row>
    <row r="176198" spans="8:8">
      <c r="H176198" s="12"/>
    </row>
    <row r="176199" spans="8:8">
      <c r="H176199" s="12"/>
    </row>
    <row r="176200" spans="8:8">
      <c r="H176200" s="12"/>
    </row>
    <row r="176201" spans="8:8">
      <c r="H176201" s="12"/>
    </row>
    <row r="176202" spans="8:8">
      <c r="H176202" s="12"/>
    </row>
    <row r="176203" spans="8:8">
      <c r="H176203" s="12"/>
    </row>
    <row r="176204" spans="8:8">
      <c r="H176204" s="12"/>
    </row>
    <row r="176205" spans="8:8">
      <c r="H176205" s="12"/>
    </row>
    <row r="176206" spans="8:8">
      <c r="H176206" s="12"/>
    </row>
    <row r="176207" spans="8:8">
      <c r="H176207" s="12"/>
    </row>
    <row r="176208" spans="8:8">
      <c r="H176208" s="12"/>
    </row>
    <row r="176209" spans="8:8">
      <c r="H176209" s="12"/>
    </row>
    <row r="176210" spans="8:8">
      <c r="H176210" s="12"/>
    </row>
    <row r="176211" spans="8:8">
      <c r="H176211" s="12"/>
    </row>
    <row r="176212" spans="8:8">
      <c r="H176212" s="12"/>
    </row>
    <row r="176213" spans="8:8">
      <c r="H176213" s="12"/>
    </row>
    <row r="176214" spans="8:8">
      <c r="H176214" s="12"/>
    </row>
    <row r="176215" spans="8:8">
      <c r="H176215" s="12"/>
    </row>
    <row r="176216" spans="8:8">
      <c r="H176216" s="12"/>
    </row>
    <row r="176217" spans="8:8">
      <c r="H176217" s="12"/>
    </row>
    <row r="176218" spans="8:8">
      <c r="H176218" s="12"/>
    </row>
    <row r="176219" spans="8:8">
      <c r="H176219" s="12"/>
    </row>
    <row r="176220" spans="8:8">
      <c r="H176220" s="12"/>
    </row>
    <row r="176221" spans="8:8">
      <c r="H176221" s="12"/>
    </row>
    <row r="176222" spans="8:8">
      <c r="H176222" s="12"/>
    </row>
    <row r="176223" spans="8:8">
      <c r="H176223" s="12"/>
    </row>
    <row r="176224" spans="8:8">
      <c r="H176224" s="12"/>
    </row>
    <row r="176225" spans="8:8">
      <c r="H176225" s="12"/>
    </row>
    <row r="176226" spans="8:8">
      <c r="H176226" s="12"/>
    </row>
    <row r="176227" spans="8:8">
      <c r="H176227" s="12"/>
    </row>
    <row r="176228" spans="8:8">
      <c r="H176228" s="12"/>
    </row>
    <row r="176229" spans="8:8">
      <c r="H176229" s="12"/>
    </row>
    <row r="176230" spans="8:8">
      <c r="H176230" s="12"/>
    </row>
    <row r="176231" spans="8:8">
      <c r="H176231" s="12"/>
    </row>
    <row r="176232" spans="8:8">
      <c r="H176232" s="12"/>
    </row>
    <row r="176233" spans="8:8">
      <c r="H176233" s="12"/>
    </row>
    <row r="176234" spans="8:8">
      <c r="H176234" s="12"/>
    </row>
    <row r="176235" spans="8:8">
      <c r="H176235" s="12"/>
    </row>
    <row r="176236" spans="8:8">
      <c r="H176236" s="12"/>
    </row>
    <row r="176237" spans="8:8">
      <c r="H176237" s="12"/>
    </row>
    <row r="176238" spans="8:8">
      <c r="H176238" s="12"/>
    </row>
    <row r="176239" spans="8:8">
      <c r="H176239" s="12"/>
    </row>
    <row r="176240" spans="8:8">
      <c r="H176240" s="12"/>
    </row>
    <row r="176241" spans="8:8">
      <c r="H176241" s="12"/>
    </row>
    <row r="176242" spans="8:8">
      <c r="H176242" s="12"/>
    </row>
    <row r="176243" spans="8:8">
      <c r="H176243" s="12"/>
    </row>
    <row r="176244" spans="8:8">
      <c r="H176244" s="12"/>
    </row>
    <row r="176245" spans="8:8">
      <c r="H176245" s="12"/>
    </row>
    <row r="176246" spans="8:8">
      <c r="H176246" s="12"/>
    </row>
    <row r="176247" spans="8:8">
      <c r="H176247" s="12"/>
    </row>
    <row r="176248" spans="8:8">
      <c r="H176248" s="12"/>
    </row>
    <row r="176249" spans="8:8">
      <c r="H176249" s="12"/>
    </row>
    <row r="176250" spans="8:8">
      <c r="H176250" s="12"/>
    </row>
    <row r="176251" spans="8:8">
      <c r="H176251" s="12"/>
    </row>
    <row r="176252" spans="8:8">
      <c r="H176252" s="12"/>
    </row>
    <row r="176253" spans="8:8">
      <c r="H176253" s="12"/>
    </row>
    <row r="176254" spans="8:8">
      <c r="H176254" s="12"/>
    </row>
    <row r="176255" spans="8:8">
      <c r="H176255" s="12"/>
    </row>
    <row r="176256" spans="8:8">
      <c r="H176256" s="12"/>
    </row>
    <row r="176257" spans="8:8">
      <c r="H176257" s="12"/>
    </row>
    <row r="176258" spans="8:8">
      <c r="H176258" s="12"/>
    </row>
    <row r="176259" spans="8:8">
      <c r="H176259" s="12"/>
    </row>
    <row r="176260" spans="8:8">
      <c r="H176260" s="12"/>
    </row>
    <row r="176261" spans="8:8">
      <c r="H176261" s="12"/>
    </row>
    <row r="176262" spans="8:8">
      <c r="H176262" s="12"/>
    </row>
    <row r="176263" spans="8:8">
      <c r="H176263" s="12"/>
    </row>
    <row r="176264" spans="8:8">
      <c r="H176264" s="12"/>
    </row>
    <row r="176265" spans="8:8">
      <c r="H176265" s="12"/>
    </row>
    <row r="176266" spans="8:8">
      <c r="H176266" s="12"/>
    </row>
    <row r="176267" spans="8:8">
      <c r="H176267" s="12"/>
    </row>
    <row r="176268" spans="8:8">
      <c r="H176268" s="12"/>
    </row>
    <row r="176269" spans="8:8">
      <c r="H176269" s="12"/>
    </row>
    <row r="176270" spans="8:8">
      <c r="H176270" s="12"/>
    </row>
    <row r="176271" spans="8:8">
      <c r="H176271" s="12"/>
    </row>
    <row r="176272" spans="8:8">
      <c r="H176272" s="12"/>
    </row>
    <row r="176273" spans="8:8">
      <c r="H176273" s="12"/>
    </row>
    <row r="176274" spans="8:8">
      <c r="H176274" s="12"/>
    </row>
    <row r="176275" spans="8:8">
      <c r="H176275" s="12"/>
    </row>
    <row r="176276" spans="8:8">
      <c r="H176276" s="12"/>
    </row>
    <row r="176277" spans="8:8">
      <c r="H176277" s="12"/>
    </row>
    <row r="176278" spans="8:8">
      <c r="H176278" s="12"/>
    </row>
    <row r="176279" spans="8:8">
      <c r="H176279" s="12"/>
    </row>
    <row r="176280" spans="8:8">
      <c r="H176280" s="12"/>
    </row>
    <row r="176281" spans="8:8">
      <c r="H176281" s="12"/>
    </row>
    <row r="176282" spans="8:8">
      <c r="H176282" s="12"/>
    </row>
    <row r="176283" spans="8:8">
      <c r="H176283" s="12"/>
    </row>
    <row r="176284" spans="8:8">
      <c r="H176284" s="12"/>
    </row>
    <row r="176285" spans="8:8">
      <c r="H176285" s="12"/>
    </row>
    <row r="176286" spans="8:8">
      <c r="H176286" s="12"/>
    </row>
    <row r="176287" spans="8:8">
      <c r="H176287" s="12"/>
    </row>
    <row r="176288" spans="8:8">
      <c r="H176288" s="12"/>
    </row>
    <row r="176289" spans="8:8">
      <c r="H176289" s="12"/>
    </row>
    <row r="176290" spans="8:8">
      <c r="H176290" s="12"/>
    </row>
    <row r="176291" spans="8:8">
      <c r="H176291" s="12"/>
    </row>
    <row r="176292" spans="8:8">
      <c r="H176292" s="12"/>
    </row>
    <row r="176293" spans="8:8">
      <c r="H176293" s="12"/>
    </row>
    <row r="176294" spans="8:8">
      <c r="H176294" s="12"/>
    </row>
    <row r="176295" spans="8:8">
      <c r="H176295" s="12"/>
    </row>
    <row r="176296" spans="8:8">
      <c r="H176296" s="12"/>
    </row>
    <row r="176297" spans="8:8">
      <c r="H176297" s="12"/>
    </row>
    <row r="176298" spans="8:8">
      <c r="H176298" s="12"/>
    </row>
    <row r="176299" spans="8:8">
      <c r="H176299" s="12"/>
    </row>
    <row r="176300" spans="8:8">
      <c r="H176300" s="12"/>
    </row>
    <row r="176301" spans="8:8">
      <c r="H176301" s="12"/>
    </row>
    <row r="176302" spans="8:8">
      <c r="H176302" s="12"/>
    </row>
    <row r="176303" spans="8:8">
      <c r="H176303" s="12"/>
    </row>
    <row r="176304" spans="8:8">
      <c r="H176304" s="12"/>
    </row>
    <row r="176305" spans="8:8">
      <c r="H176305" s="12"/>
    </row>
    <row r="176306" spans="8:8">
      <c r="H176306" s="12"/>
    </row>
    <row r="176307" spans="8:8">
      <c r="H176307" s="12"/>
    </row>
    <row r="176308" spans="8:8">
      <c r="H176308" s="12"/>
    </row>
    <row r="176309" spans="8:8">
      <c r="H176309" s="12"/>
    </row>
    <row r="176310" spans="8:8">
      <c r="H176310" s="12"/>
    </row>
    <row r="176311" spans="8:8">
      <c r="H176311" s="12"/>
    </row>
    <row r="176312" spans="8:8">
      <c r="H176312" s="12"/>
    </row>
    <row r="176313" spans="8:8">
      <c r="H176313" s="12"/>
    </row>
    <row r="176314" spans="8:8">
      <c r="H176314" s="12"/>
    </row>
    <row r="176315" spans="8:8">
      <c r="H176315" s="12"/>
    </row>
    <row r="176316" spans="8:8">
      <c r="H176316" s="12"/>
    </row>
    <row r="176317" spans="8:8">
      <c r="H176317" s="12"/>
    </row>
    <row r="176318" spans="8:8">
      <c r="H176318" s="12"/>
    </row>
    <row r="176319" spans="8:8">
      <c r="H176319" s="12"/>
    </row>
    <row r="176320" spans="8:8">
      <c r="H176320" s="12"/>
    </row>
    <row r="176321" spans="8:8">
      <c r="H176321" s="12"/>
    </row>
    <row r="176322" spans="8:8">
      <c r="H176322" s="12"/>
    </row>
    <row r="176323" spans="8:8">
      <c r="H176323" s="12"/>
    </row>
    <row r="176324" spans="8:8">
      <c r="H176324" s="12"/>
    </row>
    <row r="176325" spans="8:8">
      <c r="H176325" s="12"/>
    </row>
    <row r="176326" spans="8:8">
      <c r="H176326" s="12"/>
    </row>
    <row r="176327" spans="8:8">
      <c r="H176327" s="12"/>
    </row>
    <row r="176328" spans="8:8">
      <c r="H176328" s="12"/>
    </row>
    <row r="176329" spans="8:8">
      <c r="H176329" s="12"/>
    </row>
    <row r="176330" spans="8:8">
      <c r="H176330" s="12"/>
    </row>
    <row r="176331" spans="8:8">
      <c r="H176331" s="12"/>
    </row>
    <row r="176332" spans="8:8">
      <c r="H176332" s="12"/>
    </row>
    <row r="176333" spans="8:8">
      <c r="H176333" s="12"/>
    </row>
    <row r="176334" spans="8:8">
      <c r="H176334" s="12"/>
    </row>
    <row r="176335" spans="8:8">
      <c r="H176335" s="12"/>
    </row>
    <row r="176336" spans="8:8">
      <c r="H176336" s="12"/>
    </row>
    <row r="176337" spans="8:8">
      <c r="H176337" s="12"/>
    </row>
    <row r="176338" spans="8:8">
      <c r="H176338" s="12"/>
    </row>
    <row r="176339" spans="8:8">
      <c r="H176339" s="12"/>
    </row>
    <row r="176340" spans="8:8">
      <c r="H176340" s="12"/>
    </row>
    <row r="176341" spans="8:8">
      <c r="H176341" s="12"/>
    </row>
    <row r="176342" spans="8:8">
      <c r="H176342" s="12"/>
    </row>
    <row r="176343" spans="8:8">
      <c r="H176343" s="12"/>
    </row>
    <row r="176344" spans="8:8">
      <c r="H176344" s="12"/>
    </row>
    <row r="176345" spans="8:8">
      <c r="H176345" s="12"/>
    </row>
    <row r="176346" spans="8:8">
      <c r="H176346" s="12"/>
    </row>
    <row r="176347" spans="8:8">
      <c r="H176347" s="12"/>
    </row>
    <row r="176348" spans="8:8">
      <c r="H176348" s="12"/>
    </row>
    <row r="176349" spans="8:8">
      <c r="H176349" s="12"/>
    </row>
    <row r="176350" spans="8:8">
      <c r="H176350" s="12"/>
    </row>
    <row r="176351" spans="8:8">
      <c r="H176351" s="12"/>
    </row>
    <row r="176352" spans="8:8">
      <c r="H176352" s="12"/>
    </row>
    <row r="176353" spans="8:8">
      <c r="H176353" s="12"/>
    </row>
    <row r="176354" spans="8:8">
      <c r="H176354" s="12"/>
    </row>
    <row r="176355" spans="8:8">
      <c r="H176355" s="12"/>
    </row>
    <row r="176356" spans="8:8">
      <c r="H176356" s="12"/>
    </row>
    <row r="176357" spans="8:8">
      <c r="H176357" s="12"/>
    </row>
    <row r="176358" spans="8:8">
      <c r="H176358" s="12"/>
    </row>
    <row r="176359" spans="8:8">
      <c r="H176359" s="12"/>
    </row>
    <row r="176360" spans="8:8">
      <c r="H176360" s="12"/>
    </row>
    <row r="176361" spans="8:8">
      <c r="H176361" s="12"/>
    </row>
    <row r="176362" spans="8:8">
      <c r="H176362" s="12"/>
    </row>
    <row r="176363" spans="8:8">
      <c r="H176363" s="12"/>
    </row>
    <row r="176364" spans="8:8">
      <c r="H176364" s="12"/>
    </row>
    <row r="176365" spans="8:8">
      <c r="H176365" s="12"/>
    </row>
    <row r="176366" spans="8:8">
      <c r="H176366" s="12"/>
    </row>
    <row r="176367" spans="8:8">
      <c r="H176367" s="12"/>
    </row>
    <row r="176368" spans="8:8">
      <c r="H176368" s="12"/>
    </row>
    <row r="176369" spans="8:8">
      <c r="H176369" s="12"/>
    </row>
    <row r="176370" spans="8:8">
      <c r="H176370" s="12"/>
    </row>
    <row r="176371" spans="8:8">
      <c r="H176371" s="12"/>
    </row>
    <row r="176372" spans="8:8">
      <c r="H176372" s="12"/>
    </row>
    <row r="176373" spans="8:8">
      <c r="H176373" s="12"/>
    </row>
    <row r="176374" spans="8:8">
      <c r="H176374" s="12"/>
    </row>
    <row r="176375" spans="8:8">
      <c r="H176375" s="12"/>
    </row>
    <row r="176376" spans="8:8">
      <c r="H176376" s="12"/>
    </row>
    <row r="176377" spans="8:8">
      <c r="H176377" s="12"/>
    </row>
    <row r="176378" spans="8:8">
      <c r="H176378" s="12"/>
    </row>
    <row r="176379" spans="8:8">
      <c r="H176379" s="12"/>
    </row>
    <row r="176380" spans="8:8">
      <c r="H176380" s="12"/>
    </row>
    <row r="176381" spans="8:8">
      <c r="H176381" s="12"/>
    </row>
    <row r="176382" spans="8:8">
      <c r="H176382" s="12"/>
    </row>
    <row r="176383" spans="8:8">
      <c r="H176383" s="12"/>
    </row>
    <row r="176384" spans="8:8">
      <c r="H176384" s="12"/>
    </row>
    <row r="176385" spans="8:8">
      <c r="H176385" s="12"/>
    </row>
    <row r="176386" spans="8:8">
      <c r="H176386" s="12"/>
    </row>
    <row r="176387" spans="8:8">
      <c r="H176387" s="12"/>
    </row>
    <row r="176388" spans="8:8">
      <c r="H176388" s="12"/>
    </row>
    <row r="176389" spans="8:8">
      <c r="H176389" s="12"/>
    </row>
    <row r="176390" spans="8:8">
      <c r="H176390" s="12"/>
    </row>
    <row r="176391" spans="8:8">
      <c r="H176391" s="12"/>
    </row>
    <row r="176392" spans="8:8">
      <c r="H176392" s="12"/>
    </row>
    <row r="176393" spans="8:8">
      <c r="H176393" s="12"/>
    </row>
    <row r="176394" spans="8:8">
      <c r="H176394" s="12"/>
    </row>
    <row r="176395" spans="8:8">
      <c r="H176395" s="12"/>
    </row>
    <row r="176396" spans="8:8">
      <c r="H176396" s="12"/>
    </row>
    <row r="176397" spans="8:8">
      <c r="H176397" s="12"/>
    </row>
    <row r="176398" spans="8:8">
      <c r="H176398" s="12"/>
    </row>
    <row r="176399" spans="8:8">
      <c r="H176399" s="12"/>
    </row>
    <row r="176400" spans="8:8">
      <c r="H176400" s="12"/>
    </row>
    <row r="176401" spans="8:8">
      <c r="H176401" s="12"/>
    </row>
    <row r="176402" spans="8:8">
      <c r="H176402" s="12"/>
    </row>
    <row r="176403" spans="8:8">
      <c r="H176403" s="12"/>
    </row>
    <row r="176404" spans="8:8">
      <c r="H176404" s="12"/>
    </row>
    <row r="176405" spans="8:8">
      <c r="H176405" s="12"/>
    </row>
    <row r="176406" spans="8:8">
      <c r="H176406" s="12"/>
    </row>
    <row r="176407" spans="8:8">
      <c r="H176407" s="12"/>
    </row>
    <row r="176408" spans="8:8">
      <c r="H176408" s="12"/>
    </row>
    <row r="176409" spans="8:8">
      <c r="H176409" s="12"/>
    </row>
    <row r="176410" spans="8:8">
      <c r="H176410" s="12"/>
    </row>
    <row r="176411" spans="8:8">
      <c r="H176411" s="12"/>
    </row>
    <row r="176412" spans="8:8">
      <c r="H176412" s="12"/>
    </row>
    <row r="176413" spans="8:8">
      <c r="H176413" s="12"/>
    </row>
    <row r="176414" spans="8:8">
      <c r="H176414" s="12"/>
    </row>
    <row r="176415" spans="8:8">
      <c r="H176415" s="12"/>
    </row>
    <row r="176416" spans="8:8">
      <c r="H176416" s="12"/>
    </row>
    <row r="176417" spans="8:8">
      <c r="H176417" s="12"/>
    </row>
    <row r="176418" spans="8:8">
      <c r="H176418" s="12"/>
    </row>
    <row r="176419" spans="8:8">
      <c r="H176419" s="12"/>
    </row>
    <row r="176420" spans="8:8">
      <c r="H176420" s="12"/>
    </row>
    <row r="176421" spans="8:8">
      <c r="H176421" s="12"/>
    </row>
    <row r="176422" spans="8:8">
      <c r="H176422" s="12"/>
    </row>
    <row r="176423" spans="8:8">
      <c r="H176423" s="12"/>
    </row>
    <row r="176424" spans="8:8">
      <c r="H176424" s="12"/>
    </row>
    <row r="176425" spans="8:8">
      <c r="H176425" s="12"/>
    </row>
    <row r="176426" spans="8:8">
      <c r="H176426" s="12"/>
    </row>
    <row r="176427" spans="8:8">
      <c r="H176427" s="12"/>
    </row>
    <row r="176428" spans="8:8">
      <c r="H176428" s="12"/>
    </row>
    <row r="176429" spans="8:8">
      <c r="H176429" s="12"/>
    </row>
    <row r="176430" spans="8:8">
      <c r="H176430" s="12"/>
    </row>
    <row r="176431" spans="8:8">
      <c r="H176431" s="12"/>
    </row>
    <row r="176432" spans="8:8">
      <c r="H176432" s="12"/>
    </row>
    <row r="176433" spans="8:8">
      <c r="H176433" s="12"/>
    </row>
    <row r="176434" spans="8:8">
      <c r="H176434" s="12"/>
    </row>
    <row r="176435" spans="8:8">
      <c r="H176435" s="12"/>
    </row>
    <row r="176436" spans="8:8">
      <c r="H176436" s="12"/>
    </row>
    <row r="176437" spans="8:8">
      <c r="H176437" s="12"/>
    </row>
    <row r="176438" spans="8:8">
      <c r="H176438" s="12"/>
    </row>
    <row r="176439" spans="8:8">
      <c r="H176439" s="12"/>
    </row>
    <row r="176440" spans="8:8">
      <c r="H176440" s="12"/>
    </row>
    <row r="176441" spans="8:8">
      <c r="H176441" s="12"/>
    </row>
    <row r="176442" spans="8:8">
      <c r="H176442" s="12"/>
    </row>
    <row r="176443" spans="8:8">
      <c r="H176443" s="12"/>
    </row>
    <row r="176444" spans="8:8">
      <c r="H176444" s="12"/>
    </row>
    <row r="176445" spans="8:8">
      <c r="H176445" s="12"/>
    </row>
    <row r="176446" spans="8:8">
      <c r="H176446" s="12"/>
    </row>
    <row r="176447" spans="8:8">
      <c r="H176447" s="12"/>
    </row>
    <row r="176448" spans="8:8">
      <c r="H176448" s="12"/>
    </row>
    <row r="176449" spans="8:8">
      <c r="H176449" s="12"/>
    </row>
    <row r="176450" spans="8:8">
      <c r="H176450" s="12"/>
    </row>
    <row r="176451" spans="8:8">
      <c r="H176451" s="12"/>
    </row>
    <row r="176452" spans="8:8">
      <c r="H176452" s="12"/>
    </row>
    <row r="176453" spans="8:8">
      <c r="H176453" s="12"/>
    </row>
    <row r="176454" spans="8:8">
      <c r="H176454" s="12"/>
    </row>
    <row r="176455" spans="8:8">
      <c r="H176455" s="12"/>
    </row>
    <row r="176456" spans="8:8">
      <c r="H176456" s="12"/>
    </row>
    <row r="176457" spans="8:8">
      <c r="H176457" s="12"/>
    </row>
    <row r="176458" spans="8:8">
      <c r="H176458" s="12"/>
    </row>
    <row r="176459" spans="8:8">
      <c r="H176459" s="12"/>
    </row>
    <row r="176460" spans="8:8">
      <c r="H176460" s="12"/>
    </row>
    <row r="176461" spans="8:8">
      <c r="H176461" s="12"/>
    </row>
    <row r="176462" spans="8:8">
      <c r="H176462" s="12"/>
    </row>
    <row r="176463" spans="8:8">
      <c r="H176463" s="12"/>
    </row>
    <row r="176464" spans="8:8">
      <c r="H176464" s="12"/>
    </row>
    <row r="176465" spans="8:8">
      <c r="H176465" s="12"/>
    </row>
    <row r="176466" spans="8:8">
      <c r="H176466" s="12"/>
    </row>
    <row r="176467" spans="8:8">
      <c r="H176467" s="12"/>
    </row>
    <row r="176468" spans="8:8">
      <c r="H176468" s="12"/>
    </row>
    <row r="176469" spans="8:8">
      <c r="H176469" s="12"/>
    </row>
    <row r="176470" spans="8:8">
      <c r="H176470" s="12"/>
    </row>
    <row r="176471" spans="8:8">
      <c r="H176471" s="12"/>
    </row>
    <row r="176472" spans="8:8">
      <c r="H176472" s="12"/>
    </row>
    <row r="176473" spans="8:8">
      <c r="H176473" s="12"/>
    </row>
    <row r="176474" spans="8:8">
      <c r="H176474" s="12"/>
    </row>
    <row r="176475" spans="8:8">
      <c r="H176475" s="12"/>
    </row>
    <row r="176476" spans="8:8">
      <c r="H176476" s="12"/>
    </row>
    <row r="176477" spans="8:8">
      <c r="H176477" s="12"/>
    </row>
    <row r="176478" spans="8:8">
      <c r="H176478" s="12"/>
    </row>
    <row r="176479" spans="8:8">
      <c r="H176479" s="12"/>
    </row>
    <row r="176480" spans="8:8">
      <c r="H176480" s="12"/>
    </row>
    <row r="176481" spans="8:8">
      <c r="H176481" s="12"/>
    </row>
    <row r="176482" spans="8:8">
      <c r="H176482" s="12"/>
    </row>
    <row r="176483" spans="8:8">
      <c r="H176483" s="12"/>
    </row>
    <row r="176484" spans="8:8">
      <c r="H176484" s="12"/>
    </row>
    <row r="176485" spans="8:8">
      <c r="H176485" s="12"/>
    </row>
    <row r="176486" spans="8:8">
      <c r="H176486" s="12"/>
    </row>
    <row r="176487" spans="8:8">
      <c r="H176487" s="12"/>
    </row>
    <row r="176488" spans="8:8">
      <c r="H176488" s="12"/>
    </row>
    <row r="176489" spans="8:8">
      <c r="H176489" s="12"/>
    </row>
    <row r="176490" spans="8:8">
      <c r="H176490" s="12"/>
    </row>
    <row r="176491" spans="8:8">
      <c r="H176491" s="12"/>
    </row>
    <row r="176492" spans="8:8">
      <c r="H176492" s="12"/>
    </row>
    <row r="176493" spans="8:8">
      <c r="H176493" s="12"/>
    </row>
    <row r="176494" spans="8:8">
      <c r="H176494" s="12"/>
    </row>
    <row r="176495" spans="8:8">
      <c r="H176495" s="12"/>
    </row>
    <row r="176496" spans="8:8">
      <c r="H176496" s="12"/>
    </row>
    <row r="176497" spans="8:8">
      <c r="H176497" s="12"/>
    </row>
    <row r="176498" spans="8:8">
      <c r="H176498" s="12"/>
    </row>
    <row r="176499" spans="8:8">
      <c r="H176499" s="12"/>
    </row>
    <row r="176500" spans="8:8">
      <c r="H176500" s="12"/>
    </row>
    <row r="176501" spans="8:8">
      <c r="H176501" s="12"/>
    </row>
    <row r="176502" spans="8:8">
      <c r="H176502" s="12"/>
    </row>
    <row r="176503" spans="8:8">
      <c r="H176503" s="12"/>
    </row>
    <row r="176504" spans="8:8">
      <c r="H176504" s="12"/>
    </row>
    <row r="176505" spans="8:8">
      <c r="H176505" s="12"/>
    </row>
    <row r="176506" spans="8:8">
      <c r="H176506" s="12"/>
    </row>
    <row r="176507" spans="8:8">
      <c r="H176507" s="12"/>
    </row>
    <row r="176508" spans="8:8">
      <c r="H176508" s="12"/>
    </row>
    <row r="176509" spans="8:8">
      <c r="H176509" s="12"/>
    </row>
    <row r="176510" spans="8:8">
      <c r="H176510" s="12"/>
    </row>
    <row r="176511" spans="8:8">
      <c r="H176511" s="12"/>
    </row>
    <row r="176512" spans="8:8">
      <c r="H176512" s="12"/>
    </row>
    <row r="176513" spans="8:8">
      <c r="H176513" s="12"/>
    </row>
    <row r="176514" spans="8:8">
      <c r="H176514" s="12"/>
    </row>
    <row r="176515" spans="8:8">
      <c r="H176515" s="12"/>
    </row>
    <row r="176516" spans="8:8">
      <c r="H176516" s="12"/>
    </row>
    <row r="176517" spans="8:8">
      <c r="H176517" s="12"/>
    </row>
    <row r="176518" spans="8:8">
      <c r="H176518" s="12"/>
    </row>
    <row r="176519" spans="8:8">
      <c r="H176519" s="12"/>
    </row>
    <row r="176520" spans="8:8">
      <c r="H176520" s="12"/>
    </row>
    <row r="176521" spans="8:8">
      <c r="H176521" s="12"/>
    </row>
    <row r="176522" spans="8:8">
      <c r="H176522" s="12"/>
    </row>
    <row r="176523" spans="8:8">
      <c r="H176523" s="12"/>
    </row>
    <row r="176524" spans="8:8">
      <c r="H176524" s="12"/>
    </row>
    <row r="176525" spans="8:8">
      <c r="H176525" s="12"/>
    </row>
    <row r="176526" spans="8:8">
      <c r="H176526" s="12"/>
    </row>
    <row r="176527" spans="8:8">
      <c r="H176527" s="12"/>
    </row>
    <row r="176528" spans="8:8">
      <c r="H176528" s="12"/>
    </row>
    <row r="176529" spans="8:8">
      <c r="H176529" s="12"/>
    </row>
    <row r="176530" spans="8:8">
      <c r="H176530" s="12"/>
    </row>
    <row r="176531" spans="8:8">
      <c r="H176531" s="12"/>
    </row>
    <row r="176532" spans="8:8">
      <c r="H176532" s="12"/>
    </row>
    <row r="176533" spans="8:8">
      <c r="H176533" s="12"/>
    </row>
    <row r="176534" spans="8:8">
      <c r="H176534" s="12"/>
    </row>
    <row r="176535" spans="8:8">
      <c r="H176535" s="12"/>
    </row>
    <row r="176536" spans="8:8">
      <c r="H176536" s="12"/>
    </row>
    <row r="176537" spans="8:8">
      <c r="H176537" s="12"/>
    </row>
    <row r="176538" spans="8:8">
      <c r="H176538" s="12"/>
    </row>
    <row r="176539" spans="8:8">
      <c r="H176539" s="12"/>
    </row>
    <row r="176540" spans="8:8">
      <c r="H176540" s="12"/>
    </row>
    <row r="176541" spans="8:8">
      <c r="H176541" s="12"/>
    </row>
    <row r="176542" spans="8:8">
      <c r="H176542" s="12"/>
    </row>
    <row r="176543" spans="8:8">
      <c r="H176543" s="12"/>
    </row>
    <row r="176544" spans="8:8">
      <c r="H176544" s="12"/>
    </row>
    <row r="176545" spans="8:8">
      <c r="H176545" s="12"/>
    </row>
    <row r="176546" spans="8:8">
      <c r="H176546" s="12"/>
    </row>
    <row r="176547" spans="8:8">
      <c r="H176547" s="12"/>
    </row>
    <row r="176548" spans="8:8">
      <c r="H176548" s="12"/>
    </row>
    <row r="176549" spans="8:8">
      <c r="H176549" s="12"/>
    </row>
    <row r="176550" spans="8:8">
      <c r="H176550" s="12"/>
    </row>
    <row r="176551" spans="8:8">
      <c r="H176551" s="12"/>
    </row>
    <row r="176552" spans="8:8">
      <c r="H176552" s="12"/>
    </row>
    <row r="176553" spans="8:8">
      <c r="H176553" s="12"/>
    </row>
    <row r="176554" spans="8:8">
      <c r="H176554" s="12"/>
    </row>
    <row r="176555" spans="8:8">
      <c r="H176555" s="12"/>
    </row>
    <row r="176556" spans="8:8">
      <c r="H176556" s="12"/>
    </row>
    <row r="176557" spans="8:8">
      <c r="H176557" s="12"/>
    </row>
    <row r="176558" spans="8:8">
      <c r="H176558" s="12"/>
    </row>
    <row r="176559" spans="8:8">
      <c r="H176559" s="12"/>
    </row>
    <row r="176560" spans="8:8">
      <c r="H176560" s="12"/>
    </row>
    <row r="176561" spans="8:8">
      <c r="H176561" s="12"/>
    </row>
    <row r="176562" spans="8:8">
      <c r="H176562" s="12"/>
    </row>
    <row r="176563" spans="8:8">
      <c r="H176563" s="12"/>
    </row>
    <row r="176564" spans="8:8">
      <c r="H176564" s="12"/>
    </row>
    <row r="176565" spans="8:8">
      <c r="H176565" s="12"/>
    </row>
    <row r="176566" spans="8:8">
      <c r="H176566" s="12"/>
    </row>
    <row r="176567" spans="8:8">
      <c r="H176567" s="12"/>
    </row>
    <row r="176568" spans="8:8">
      <c r="H176568" s="12"/>
    </row>
    <row r="176569" spans="8:8">
      <c r="H176569" s="12"/>
    </row>
    <row r="176570" spans="8:8">
      <c r="H176570" s="12"/>
    </row>
    <row r="176571" spans="8:8">
      <c r="H176571" s="12"/>
    </row>
    <row r="176572" spans="8:8">
      <c r="H176572" s="12"/>
    </row>
    <row r="176573" spans="8:8">
      <c r="H176573" s="12"/>
    </row>
    <row r="176574" spans="8:8">
      <c r="H176574" s="12"/>
    </row>
    <row r="176575" spans="8:8">
      <c r="H176575" s="12"/>
    </row>
    <row r="176576" spans="8:8">
      <c r="H176576" s="12"/>
    </row>
    <row r="176577" spans="8:8">
      <c r="H176577" s="12"/>
    </row>
    <row r="176578" spans="8:8">
      <c r="H176578" s="12"/>
    </row>
    <row r="176579" spans="8:8">
      <c r="H176579" s="12"/>
    </row>
    <row r="176580" spans="8:8">
      <c r="H176580" s="12"/>
    </row>
    <row r="176581" spans="8:8">
      <c r="H176581" s="12"/>
    </row>
    <row r="176582" spans="8:8">
      <c r="H176582" s="12"/>
    </row>
    <row r="176583" spans="8:8">
      <c r="H176583" s="12"/>
    </row>
    <row r="176584" spans="8:8">
      <c r="H176584" s="12"/>
    </row>
    <row r="176585" spans="8:8">
      <c r="H176585" s="12"/>
    </row>
    <row r="176586" spans="8:8">
      <c r="H176586" s="12"/>
    </row>
    <row r="176587" spans="8:8">
      <c r="H176587" s="12"/>
    </row>
    <row r="176588" spans="8:8">
      <c r="H176588" s="12"/>
    </row>
    <row r="176589" spans="8:8">
      <c r="H176589" s="12"/>
    </row>
    <row r="176590" spans="8:8">
      <c r="H176590" s="12"/>
    </row>
    <row r="176591" spans="8:8">
      <c r="H176591" s="12"/>
    </row>
    <row r="176592" spans="8:8">
      <c r="H176592" s="12"/>
    </row>
    <row r="176593" spans="8:8">
      <c r="H176593" s="12"/>
    </row>
    <row r="176594" spans="8:8">
      <c r="H176594" s="12"/>
    </row>
    <row r="176595" spans="8:8">
      <c r="H176595" s="12"/>
    </row>
    <row r="176596" spans="8:8">
      <c r="H176596" s="12"/>
    </row>
    <row r="176597" spans="8:8">
      <c r="H176597" s="12"/>
    </row>
    <row r="176598" spans="8:8">
      <c r="H176598" s="12"/>
    </row>
    <row r="176599" spans="8:8">
      <c r="H176599" s="12"/>
    </row>
    <row r="176600" spans="8:8">
      <c r="H176600" s="12"/>
    </row>
    <row r="176601" spans="8:8">
      <c r="H176601" s="12"/>
    </row>
    <row r="176602" spans="8:8">
      <c r="H176602" s="12"/>
    </row>
    <row r="176603" spans="8:8">
      <c r="H176603" s="12"/>
    </row>
    <row r="176604" spans="8:8">
      <c r="H176604" s="12"/>
    </row>
    <row r="176605" spans="8:8">
      <c r="H176605" s="12"/>
    </row>
    <row r="176606" spans="8:8">
      <c r="H176606" s="12"/>
    </row>
    <row r="176607" spans="8:8">
      <c r="H176607" s="12"/>
    </row>
    <row r="176608" spans="8:8">
      <c r="H176608" s="12"/>
    </row>
    <row r="176609" spans="8:8">
      <c r="H176609" s="12"/>
    </row>
    <row r="176610" spans="8:8">
      <c r="H176610" s="12"/>
    </row>
    <row r="176611" spans="8:8">
      <c r="H176611" s="12"/>
    </row>
    <row r="176612" spans="8:8">
      <c r="H176612" s="12"/>
    </row>
    <row r="176613" spans="8:8">
      <c r="H176613" s="12"/>
    </row>
    <row r="176614" spans="8:8">
      <c r="H176614" s="12"/>
    </row>
    <row r="176615" spans="8:8">
      <c r="H176615" s="12"/>
    </row>
    <row r="176616" spans="8:8">
      <c r="H176616" s="12"/>
    </row>
    <row r="176617" spans="8:8">
      <c r="H176617" s="12"/>
    </row>
    <row r="176618" spans="8:8">
      <c r="H176618" s="12"/>
    </row>
    <row r="176619" spans="8:8">
      <c r="H176619" s="12"/>
    </row>
    <row r="176620" spans="8:8">
      <c r="H176620" s="12"/>
    </row>
    <row r="176621" spans="8:8">
      <c r="H176621" s="12"/>
    </row>
    <row r="176622" spans="8:8">
      <c r="H176622" s="12"/>
    </row>
    <row r="176623" spans="8:8">
      <c r="H176623" s="12"/>
    </row>
    <row r="176624" spans="8:8">
      <c r="H176624" s="12"/>
    </row>
    <row r="176625" spans="8:8">
      <c r="H176625" s="12"/>
    </row>
    <row r="176626" spans="8:8">
      <c r="H176626" s="12"/>
    </row>
    <row r="176627" spans="8:8">
      <c r="H176627" s="12"/>
    </row>
    <row r="176628" spans="8:8">
      <c r="H176628" s="12"/>
    </row>
    <row r="176629" spans="8:8">
      <c r="H176629" s="12"/>
    </row>
    <row r="176630" spans="8:8">
      <c r="H176630" s="12"/>
    </row>
    <row r="176631" spans="8:8">
      <c r="H176631" s="12"/>
    </row>
    <row r="176632" spans="8:8">
      <c r="H176632" s="12"/>
    </row>
    <row r="176633" spans="8:8">
      <c r="H176633" s="12"/>
    </row>
    <row r="176634" spans="8:8">
      <c r="H176634" s="12"/>
    </row>
    <row r="176635" spans="8:8">
      <c r="H176635" s="12"/>
    </row>
    <row r="176636" spans="8:8">
      <c r="H176636" s="12"/>
    </row>
    <row r="176637" spans="8:8">
      <c r="H176637" s="12"/>
    </row>
    <row r="176638" spans="8:8">
      <c r="H176638" s="12"/>
    </row>
    <row r="176639" spans="8:8">
      <c r="H176639" s="12"/>
    </row>
    <row r="176640" spans="8:8">
      <c r="H176640" s="12"/>
    </row>
    <row r="176641" spans="8:8">
      <c r="H176641" s="12"/>
    </row>
    <row r="176642" spans="8:8">
      <c r="H176642" s="12"/>
    </row>
    <row r="176643" spans="8:8">
      <c r="H176643" s="12"/>
    </row>
    <row r="176644" spans="8:8">
      <c r="H176644" s="12"/>
    </row>
    <row r="176645" spans="8:8">
      <c r="H176645" s="12"/>
    </row>
    <row r="176646" spans="8:8">
      <c r="H176646" s="12"/>
    </row>
    <row r="176647" spans="8:8">
      <c r="H176647" s="12"/>
    </row>
    <row r="176648" spans="8:8">
      <c r="H176648" s="12"/>
    </row>
    <row r="176649" spans="8:8">
      <c r="H176649" s="12"/>
    </row>
    <row r="176650" spans="8:8">
      <c r="H176650" s="12"/>
    </row>
    <row r="176651" spans="8:8">
      <c r="H176651" s="12"/>
    </row>
    <row r="176652" spans="8:8">
      <c r="H176652" s="12"/>
    </row>
    <row r="176653" spans="8:8">
      <c r="H176653" s="12"/>
    </row>
    <row r="176654" spans="8:8">
      <c r="H176654" s="12"/>
    </row>
    <row r="176655" spans="8:8">
      <c r="H176655" s="12"/>
    </row>
    <row r="176656" spans="8:8">
      <c r="H176656" s="12"/>
    </row>
    <row r="176657" spans="8:8">
      <c r="H176657" s="12"/>
    </row>
    <row r="176658" spans="8:8">
      <c r="H176658" s="12"/>
    </row>
    <row r="176659" spans="8:8">
      <c r="H176659" s="12"/>
    </row>
    <row r="176660" spans="8:8">
      <c r="H176660" s="12"/>
    </row>
    <row r="176661" spans="8:8">
      <c r="H176661" s="12"/>
    </row>
    <row r="176662" spans="8:8">
      <c r="H176662" s="12"/>
    </row>
    <row r="176663" spans="8:8">
      <c r="H176663" s="12"/>
    </row>
    <row r="176664" spans="8:8">
      <c r="H176664" s="12"/>
    </row>
    <row r="176665" spans="8:8">
      <c r="H176665" s="12"/>
    </row>
    <row r="176666" spans="8:8">
      <c r="H176666" s="12"/>
    </row>
    <row r="176667" spans="8:8">
      <c r="H176667" s="12"/>
    </row>
    <row r="176668" spans="8:8">
      <c r="H176668" s="12"/>
    </row>
    <row r="176669" spans="8:8">
      <c r="H176669" s="12"/>
    </row>
    <row r="176670" spans="8:8">
      <c r="H176670" s="12"/>
    </row>
    <row r="176671" spans="8:8">
      <c r="H176671" s="12"/>
    </row>
    <row r="176672" spans="8:8">
      <c r="H176672" s="12"/>
    </row>
    <row r="176673" spans="8:8">
      <c r="H176673" s="12"/>
    </row>
    <row r="176674" spans="8:8">
      <c r="H176674" s="12"/>
    </row>
    <row r="176675" spans="8:8">
      <c r="H176675" s="12"/>
    </row>
    <row r="176676" spans="8:8">
      <c r="H176676" s="12"/>
    </row>
    <row r="176677" spans="8:8">
      <c r="H176677" s="12"/>
    </row>
    <row r="176678" spans="8:8">
      <c r="H176678" s="12"/>
    </row>
    <row r="176679" spans="8:8">
      <c r="H176679" s="12"/>
    </row>
    <row r="176680" spans="8:8">
      <c r="H176680" s="12"/>
    </row>
    <row r="176681" spans="8:8">
      <c r="H176681" s="12"/>
    </row>
    <row r="176682" spans="8:8">
      <c r="H176682" s="12"/>
    </row>
    <row r="176683" spans="8:8">
      <c r="H176683" s="12"/>
    </row>
    <row r="176684" spans="8:8">
      <c r="H176684" s="12"/>
    </row>
    <row r="176685" spans="8:8">
      <c r="H176685" s="12"/>
    </row>
    <row r="176686" spans="8:8">
      <c r="H176686" s="12"/>
    </row>
    <row r="176687" spans="8:8">
      <c r="H176687" s="12"/>
    </row>
    <row r="176688" spans="8:8">
      <c r="H176688" s="12"/>
    </row>
    <row r="176689" spans="8:8">
      <c r="H176689" s="12"/>
    </row>
    <row r="176690" spans="8:8">
      <c r="H176690" s="12"/>
    </row>
    <row r="176691" spans="8:8">
      <c r="H176691" s="12"/>
    </row>
    <row r="176692" spans="8:8">
      <c r="H176692" s="12"/>
    </row>
    <row r="176693" spans="8:8">
      <c r="H176693" s="12"/>
    </row>
    <row r="176694" spans="8:8">
      <c r="H176694" s="12"/>
    </row>
    <row r="176695" spans="8:8">
      <c r="H176695" s="12"/>
    </row>
    <row r="176696" spans="8:8">
      <c r="H176696" s="12"/>
    </row>
    <row r="176697" spans="8:8">
      <c r="H176697" s="12"/>
    </row>
    <row r="176698" spans="8:8">
      <c r="H176698" s="12"/>
    </row>
    <row r="176699" spans="8:8">
      <c r="H176699" s="12"/>
    </row>
    <row r="176700" spans="8:8">
      <c r="H176700" s="12"/>
    </row>
    <row r="176701" spans="8:8">
      <c r="H176701" s="12"/>
    </row>
    <row r="176702" spans="8:8">
      <c r="H176702" s="12"/>
    </row>
    <row r="176703" spans="8:8">
      <c r="H176703" s="12"/>
    </row>
    <row r="176704" spans="8:8">
      <c r="H176704" s="12"/>
    </row>
    <row r="176705" spans="8:8">
      <c r="H176705" s="12"/>
    </row>
    <row r="176706" spans="8:8">
      <c r="H176706" s="12"/>
    </row>
    <row r="176707" spans="8:8">
      <c r="H176707" s="12"/>
    </row>
    <row r="176708" spans="8:8">
      <c r="H176708" s="12"/>
    </row>
    <row r="176709" spans="8:8">
      <c r="H176709" s="12"/>
    </row>
    <row r="176710" spans="8:8">
      <c r="H176710" s="12"/>
    </row>
    <row r="176711" spans="8:8">
      <c r="H176711" s="12"/>
    </row>
    <row r="176712" spans="8:8">
      <c r="H176712" s="12"/>
    </row>
    <row r="176713" spans="8:8">
      <c r="H176713" s="12"/>
    </row>
    <row r="176714" spans="8:8">
      <c r="H176714" s="12"/>
    </row>
    <row r="176715" spans="8:8">
      <c r="H176715" s="12"/>
    </row>
    <row r="176716" spans="8:8">
      <c r="H176716" s="12"/>
    </row>
    <row r="176717" spans="8:8">
      <c r="H176717" s="12"/>
    </row>
    <row r="176718" spans="8:8">
      <c r="H176718" s="12"/>
    </row>
    <row r="176719" spans="8:8">
      <c r="H176719" s="12"/>
    </row>
    <row r="176720" spans="8:8">
      <c r="H176720" s="12"/>
    </row>
    <row r="176721" spans="8:8">
      <c r="H176721" s="12"/>
    </row>
    <row r="176722" spans="8:8">
      <c r="H176722" s="12"/>
    </row>
    <row r="176723" spans="8:8">
      <c r="H176723" s="12"/>
    </row>
    <row r="176724" spans="8:8">
      <c r="H176724" s="12"/>
    </row>
    <row r="176725" spans="8:8">
      <c r="H176725" s="12"/>
    </row>
    <row r="176726" spans="8:8">
      <c r="H176726" s="12"/>
    </row>
    <row r="176727" spans="8:8">
      <c r="H176727" s="12"/>
    </row>
    <row r="176728" spans="8:8">
      <c r="H176728" s="12"/>
    </row>
    <row r="176729" spans="8:8">
      <c r="H176729" s="12"/>
    </row>
    <row r="176730" spans="8:8">
      <c r="H176730" s="12"/>
    </row>
    <row r="176731" spans="8:8">
      <c r="H176731" s="12"/>
    </row>
    <row r="176732" spans="8:8">
      <c r="H176732" s="12"/>
    </row>
    <row r="176733" spans="8:8">
      <c r="H176733" s="12"/>
    </row>
    <row r="176734" spans="8:8">
      <c r="H176734" s="12"/>
    </row>
    <row r="176735" spans="8:8">
      <c r="H176735" s="12"/>
    </row>
    <row r="176736" spans="8:8">
      <c r="H176736" s="12"/>
    </row>
    <row r="176737" spans="8:8">
      <c r="H176737" s="12"/>
    </row>
    <row r="176738" spans="8:8">
      <c r="H176738" s="12"/>
    </row>
    <row r="176739" spans="8:8">
      <c r="H176739" s="12"/>
    </row>
    <row r="176740" spans="8:8">
      <c r="H176740" s="12"/>
    </row>
    <row r="176741" spans="8:8">
      <c r="H176741" s="12"/>
    </row>
    <row r="176742" spans="8:8">
      <c r="H176742" s="12"/>
    </row>
    <row r="176743" spans="8:8">
      <c r="H176743" s="12"/>
    </row>
    <row r="176744" spans="8:8">
      <c r="H176744" s="12"/>
    </row>
    <row r="176745" spans="8:8">
      <c r="H176745" s="12"/>
    </row>
    <row r="176746" spans="8:8">
      <c r="H176746" s="12"/>
    </row>
    <row r="176747" spans="8:8">
      <c r="H176747" s="12"/>
    </row>
    <row r="176748" spans="8:8">
      <c r="H176748" s="12"/>
    </row>
    <row r="176749" spans="8:8">
      <c r="H176749" s="12"/>
    </row>
    <row r="176750" spans="8:8">
      <c r="H176750" s="12"/>
    </row>
    <row r="176751" spans="8:8">
      <c r="H176751" s="12"/>
    </row>
    <row r="176752" spans="8:8">
      <c r="H176752" s="12"/>
    </row>
    <row r="176753" spans="8:8">
      <c r="H176753" s="12"/>
    </row>
    <row r="176754" spans="8:8">
      <c r="H176754" s="12"/>
    </row>
    <row r="176755" spans="8:8">
      <c r="H176755" s="12"/>
    </row>
    <row r="176756" spans="8:8">
      <c r="H176756" s="12"/>
    </row>
    <row r="176757" spans="8:8">
      <c r="H176757" s="12"/>
    </row>
    <row r="176758" spans="8:8">
      <c r="H176758" s="12"/>
    </row>
    <row r="176759" spans="8:8">
      <c r="H176759" s="12"/>
    </row>
    <row r="176760" spans="8:8">
      <c r="H176760" s="12"/>
    </row>
    <row r="176761" spans="8:8">
      <c r="H176761" s="12"/>
    </row>
    <row r="176762" spans="8:8">
      <c r="H176762" s="12"/>
    </row>
    <row r="176763" spans="8:8">
      <c r="H176763" s="12"/>
    </row>
    <row r="176764" spans="8:8">
      <c r="H176764" s="12"/>
    </row>
    <row r="176765" spans="8:8">
      <c r="H176765" s="12"/>
    </row>
    <row r="176766" spans="8:8">
      <c r="H176766" s="12"/>
    </row>
    <row r="176767" spans="8:8">
      <c r="H176767" s="12"/>
    </row>
    <row r="176768" spans="8:8">
      <c r="H176768" s="12"/>
    </row>
    <row r="176769" spans="8:8">
      <c r="H176769" s="12"/>
    </row>
    <row r="176770" spans="8:8">
      <c r="H176770" s="12"/>
    </row>
    <row r="176771" spans="8:8">
      <c r="H176771" s="12"/>
    </row>
    <row r="176772" spans="8:8">
      <c r="H176772" s="12"/>
    </row>
    <row r="176773" spans="8:8">
      <c r="H176773" s="12"/>
    </row>
    <row r="176774" spans="8:8">
      <c r="H176774" s="12"/>
    </row>
    <row r="176775" spans="8:8">
      <c r="H176775" s="12"/>
    </row>
    <row r="176776" spans="8:8">
      <c r="H176776" s="12"/>
    </row>
    <row r="176777" spans="8:8">
      <c r="H176777" s="12"/>
    </row>
    <row r="176778" spans="8:8">
      <c r="H176778" s="12"/>
    </row>
    <row r="176779" spans="8:8">
      <c r="H176779" s="12"/>
    </row>
    <row r="176780" spans="8:8">
      <c r="H176780" s="12"/>
    </row>
    <row r="176781" spans="8:8">
      <c r="H176781" s="12"/>
    </row>
    <row r="176782" spans="8:8">
      <c r="H176782" s="12"/>
    </row>
    <row r="176783" spans="8:8">
      <c r="H176783" s="12"/>
    </row>
    <row r="176784" spans="8:8">
      <c r="H176784" s="12"/>
    </row>
    <row r="176785" spans="8:8">
      <c r="H176785" s="12"/>
    </row>
    <row r="176786" spans="8:8">
      <c r="H176786" s="12"/>
    </row>
    <row r="176787" spans="8:8">
      <c r="H176787" s="12"/>
    </row>
    <row r="176788" spans="8:8">
      <c r="H176788" s="12"/>
    </row>
    <row r="176789" spans="8:8">
      <c r="H176789" s="12"/>
    </row>
    <row r="176790" spans="8:8">
      <c r="H176790" s="12"/>
    </row>
    <row r="176791" spans="8:8">
      <c r="H176791" s="12"/>
    </row>
    <row r="176792" spans="8:8">
      <c r="H176792" s="12"/>
    </row>
    <row r="176793" spans="8:8">
      <c r="H176793" s="12"/>
    </row>
    <row r="176794" spans="8:8">
      <c r="H176794" s="12"/>
    </row>
    <row r="176795" spans="8:8">
      <c r="H176795" s="12"/>
    </row>
    <row r="176796" spans="8:8">
      <c r="H176796" s="12"/>
    </row>
    <row r="176797" spans="8:8">
      <c r="H176797" s="12"/>
    </row>
    <row r="176798" spans="8:8">
      <c r="H176798" s="12"/>
    </row>
    <row r="176799" spans="8:8">
      <c r="H176799" s="12"/>
    </row>
    <row r="176800" spans="8:8">
      <c r="H176800" s="12"/>
    </row>
    <row r="176801" spans="8:8">
      <c r="H176801" s="12"/>
    </row>
    <row r="176802" spans="8:8">
      <c r="H176802" s="12"/>
    </row>
    <row r="176803" spans="8:8">
      <c r="H176803" s="12"/>
    </row>
    <row r="176804" spans="8:8">
      <c r="H176804" s="12"/>
    </row>
    <row r="176805" spans="8:8">
      <c r="H176805" s="12"/>
    </row>
    <row r="176806" spans="8:8">
      <c r="H176806" s="12"/>
    </row>
    <row r="176807" spans="8:8">
      <c r="H176807" s="12"/>
    </row>
    <row r="176808" spans="8:8">
      <c r="H176808" s="12"/>
    </row>
    <row r="176809" spans="8:8">
      <c r="H176809" s="12"/>
    </row>
    <row r="176810" spans="8:8">
      <c r="H176810" s="12"/>
    </row>
    <row r="176811" spans="8:8">
      <c r="H176811" s="12"/>
    </row>
    <row r="176812" spans="8:8">
      <c r="H176812" s="12"/>
    </row>
    <row r="176813" spans="8:8">
      <c r="H176813" s="12"/>
    </row>
    <row r="176814" spans="8:8">
      <c r="H176814" s="12"/>
    </row>
    <row r="176815" spans="8:8">
      <c r="H176815" s="12"/>
    </row>
    <row r="176816" spans="8:8">
      <c r="H176816" s="12"/>
    </row>
    <row r="176817" spans="8:8">
      <c r="H176817" s="12"/>
    </row>
    <row r="176818" spans="8:8">
      <c r="H176818" s="12"/>
    </row>
    <row r="176819" spans="8:8">
      <c r="H176819" s="12"/>
    </row>
    <row r="176820" spans="8:8">
      <c r="H176820" s="12"/>
    </row>
    <row r="176821" spans="8:8">
      <c r="H176821" s="12"/>
    </row>
    <row r="176822" spans="8:8">
      <c r="H176822" s="12"/>
    </row>
    <row r="176823" spans="8:8">
      <c r="H176823" s="12"/>
    </row>
    <row r="176824" spans="8:8">
      <c r="H176824" s="12"/>
    </row>
    <row r="176825" spans="8:8">
      <c r="H176825" s="12"/>
    </row>
    <row r="176826" spans="8:8">
      <c r="H176826" s="12"/>
    </row>
    <row r="176827" spans="8:8">
      <c r="H176827" s="12"/>
    </row>
    <row r="176828" spans="8:8">
      <c r="H176828" s="12"/>
    </row>
    <row r="176829" spans="8:8">
      <c r="H176829" s="12"/>
    </row>
    <row r="176830" spans="8:8">
      <c r="H176830" s="12"/>
    </row>
    <row r="176831" spans="8:8">
      <c r="H176831" s="12"/>
    </row>
    <row r="176832" spans="8:8">
      <c r="H176832" s="12"/>
    </row>
    <row r="176833" spans="8:8">
      <c r="H176833" s="12"/>
    </row>
    <row r="176834" spans="8:8">
      <c r="H176834" s="12"/>
    </row>
    <row r="176835" spans="8:8">
      <c r="H176835" s="12"/>
    </row>
    <row r="176836" spans="8:8">
      <c r="H176836" s="12"/>
    </row>
    <row r="176837" spans="8:8">
      <c r="H176837" s="12"/>
    </row>
    <row r="176838" spans="8:8">
      <c r="H176838" s="12"/>
    </row>
    <row r="176839" spans="8:8">
      <c r="H176839" s="12"/>
    </row>
    <row r="176840" spans="8:8">
      <c r="H176840" s="12"/>
    </row>
    <row r="176841" spans="8:8">
      <c r="H176841" s="12"/>
    </row>
    <row r="176842" spans="8:8">
      <c r="H176842" s="12"/>
    </row>
    <row r="176843" spans="8:8">
      <c r="H176843" s="12"/>
    </row>
    <row r="176844" spans="8:8">
      <c r="H176844" s="12"/>
    </row>
    <row r="176845" spans="8:8">
      <c r="H176845" s="12"/>
    </row>
    <row r="176846" spans="8:8">
      <c r="H176846" s="12"/>
    </row>
    <row r="176847" spans="8:8">
      <c r="H176847" s="12"/>
    </row>
    <row r="176848" spans="8:8">
      <c r="H176848" s="12"/>
    </row>
    <row r="176849" spans="8:8">
      <c r="H176849" s="12"/>
    </row>
    <row r="176850" spans="8:8">
      <c r="H176850" s="12"/>
    </row>
    <row r="176851" spans="8:8">
      <c r="H176851" s="12"/>
    </row>
    <row r="176852" spans="8:8">
      <c r="H176852" s="12"/>
    </row>
    <row r="176853" spans="8:8">
      <c r="H176853" s="12"/>
    </row>
    <row r="176854" spans="8:8">
      <c r="H176854" s="12"/>
    </row>
    <row r="176855" spans="8:8">
      <c r="H176855" s="12"/>
    </row>
    <row r="176856" spans="8:8">
      <c r="H176856" s="12"/>
    </row>
    <row r="176857" spans="8:8">
      <c r="H176857" s="12"/>
    </row>
    <row r="176858" spans="8:8">
      <c r="H176858" s="12"/>
    </row>
    <row r="176859" spans="8:8">
      <c r="H176859" s="12"/>
    </row>
    <row r="176860" spans="8:8">
      <c r="H176860" s="12"/>
    </row>
    <row r="176861" spans="8:8">
      <c r="H176861" s="12"/>
    </row>
    <row r="176862" spans="8:8">
      <c r="H176862" s="12"/>
    </row>
    <row r="176863" spans="8:8">
      <c r="H176863" s="12"/>
    </row>
    <row r="176864" spans="8:8">
      <c r="H176864" s="12"/>
    </row>
    <row r="176865" spans="8:8">
      <c r="H176865" s="12"/>
    </row>
    <row r="176866" spans="8:8">
      <c r="H176866" s="12"/>
    </row>
    <row r="176867" spans="8:8">
      <c r="H176867" s="12"/>
    </row>
    <row r="176868" spans="8:8">
      <c r="H176868" s="12"/>
    </row>
    <row r="176869" spans="8:8">
      <c r="H176869" s="12"/>
    </row>
    <row r="176870" spans="8:8">
      <c r="H176870" s="12"/>
    </row>
    <row r="176871" spans="8:8">
      <c r="H176871" s="12"/>
    </row>
    <row r="176872" spans="8:8">
      <c r="H176872" s="12"/>
    </row>
    <row r="176873" spans="8:8">
      <c r="H176873" s="12"/>
    </row>
    <row r="176874" spans="8:8">
      <c r="H176874" s="12"/>
    </row>
    <row r="176875" spans="8:8">
      <c r="H176875" s="12"/>
    </row>
    <row r="176876" spans="8:8">
      <c r="H176876" s="12"/>
    </row>
    <row r="176877" spans="8:8">
      <c r="H176877" s="12"/>
    </row>
    <row r="176878" spans="8:8">
      <c r="H176878" s="12"/>
    </row>
    <row r="176879" spans="8:8">
      <c r="H176879" s="12"/>
    </row>
    <row r="176880" spans="8:8">
      <c r="H176880" s="12"/>
    </row>
    <row r="176881" spans="8:8">
      <c r="H176881" s="12"/>
    </row>
    <row r="176882" spans="8:8">
      <c r="H176882" s="12"/>
    </row>
    <row r="176883" spans="8:8">
      <c r="H176883" s="12"/>
    </row>
    <row r="176884" spans="8:8">
      <c r="H176884" s="12"/>
    </row>
    <row r="176885" spans="8:8">
      <c r="H176885" s="12"/>
    </row>
    <row r="176886" spans="8:8">
      <c r="H176886" s="12"/>
    </row>
    <row r="176887" spans="8:8">
      <c r="H176887" s="12"/>
    </row>
    <row r="176888" spans="8:8">
      <c r="H176888" s="12"/>
    </row>
    <row r="176889" spans="8:8">
      <c r="H176889" s="12"/>
    </row>
    <row r="176890" spans="8:8">
      <c r="H176890" s="12"/>
    </row>
    <row r="176891" spans="8:8">
      <c r="H176891" s="12"/>
    </row>
    <row r="176892" spans="8:8">
      <c r="H176892" s="12"/>
    </row>
    <row r="176893" spans="8:8">
      <c r="H176893" s="12"/>
    </row>
    <row r="176894" spans="8:8">
      <c r="H176894" s="12"/>
    </row>
    <row r="176895" spans="8:8">
      <c r="H176895" s="12"/>
    </row>
    <row r="176896" spans="8:8">
      <c r="H176896" s="12"/>
    </row>
    <row r="176897" spans="8:8">
      <c r="H176897" s="12"/>
    </row>
    <row r="176898" spans="8:8">
      <c r="H176898" s="12"/>
    </row>
    <row r="176899" spans="8:8">
      <c r="H176899" s="12"/>
    </row>
    <row r="176900" spans="8:8">
      <c r="H176900" s="12"/>
    </row>
    <row r="176901" spans="8:8">
      <c r="H176901" s="12"/>
    </row>
    <row r="176902" spans="8:8">
      <c r="H176902" s="12"/>
    </row>
    <row r="176903" spans="8:8">
      <c r="H176903" s="12"/>
    </row>
    <row r="176904" spans="8:8">
      <c r="H176904" s="12"/>
    </row>
    <row r="176905" spans="8:8">
      <c r="H176905" s="12"/>
    </row>
    <row r="176906" spans="8:8">
      <c r="H176906" s="12"/>
    </row>
    <row r="176907" spans="8:8">
      <c r="H176907" s="12"/>
    </row>
    <row r="176908" spans="8:8">
      <c r="H176908" s="12"/>
    </row>
    <row r="176909" spans="8:8">
      <c r="H176909" s="12"/>
    </row>
    <row r="176910" spans="8:8">
      <c r="H176910" s="12"/>
    </row>
    <row r="176911" spans="8:8">
      <c r="H176911" s="12"/>
    </row>
    <row r="176912" spans="8:8">
      <c r="H176912" s="12"/>
    </row>
    <row r="176913" spans="8:8">
      <c r="H176913" s="12"/>
    </row>
    <row r="176914" spans="8:8">
      <c r="H176914" s="12"/>
    </row>
    <row r="176915" spans="8:8">
      <c r="H176915" s="12"/>
    </row>
    <row r="176916" spans="8:8">
      <c r="H176916" s="12"/>
    </row>
    <row r="176917" spans="8:8">
      <c r="H176917" s="12"/>
    </row>
    <row r="176918" spans="8:8">
      <c r="H176918" s="12"/>
    </row>
    <row r="176919" spans="8:8">
      <c r="H176919" s="12"/>
    </row>
    <row r="176920" spans="8:8">
      <c r="H176920" s="12"/>
    </row>
    <row r="176921" spans="8:8">
      <c r="H176921" s="12"/>
    </row>
    <row r="176922" spans="8:8">
      <c r="H176922" s="12"/>
    </row>
    <row r="176923" spans="8:8">
      <c r="H176923" s="12"/>
    </row>
    <row r="176924" spans="8:8">
      <c r="H176924" s="12"/>
    </row>
    <row r="176925" spans="8:8">
      <c r="H176925" s="12"/>
    </row>
    <row r="176926" spans="8:8">
      <c r="H176926" s="12"/>
    </row>
    <row r="176927" spans="8:8">
      <c r="H176927" s="12"/>
    </row>
    <row r="176928" spans="8:8">
      <c r="H176928" s="12"/>
    </row>
    <row r="176929" spans="8:8">
      <c r="H176929" s="12"/>
    </row>
    <row r="176930" spans="8:8">
      <c r="H176930" s="12"/>
    </row>
    <row r="176931" spans="8:8">
      <c r="H176931" s="12"/>
    </row>
    <row r="176932" spans="8:8">
      <c r="H176932" s="12"/>
    </row>
    <row r="176933" spans="8:8">
      <c r="H176933" s="12"/>
    </row>
    <row r="176934" spans="8:8">
      <c r="H176934" s="12"/>
    </row>
    <row r="176935" spans="8:8">
      <c r="H176935" s="12"/>
    </row>
    <row r="176936" spans="8:8">
      <c r="H176936" s="12"/>
    </row>
    <row r="176937" spans="8:8">
      <c r="H176937" s="12"/>
    </row>
    <row r="176938" spans="8:8">
      <c r="H176938" s="12"/>
    </row>
    <row r="176939" spans="8:8">
      <c r="H176939" s="12"/>
    </row>
    <row r="176940" spans="8:8">
      <c r="H176940" s="12"/>
    </row>
    <row r="176941" spans="8:8">
      <c r="H176941" s="12"/>
    </row>
    <row r="176942" spans="8:8">
      <c r="H176942" s="12"/>
    </row>
    <row r="176943" spans="8:8">
      <c r="H176943" s="12"/>
    </row>
    <row r="176944" spans="8:8">
      <c r="H176944" s="12"/>
    </row>
    <row r="176945" spans="8:8">
      <c r="H176945" s="12"/>
    </row>
    <row r="176946" spans="8:8">
      <c r="H176946" s="12"/>
    </row>
    <row r="176947" spans="8:8">
      <c r="H176947" s="12"/>
    </row>
    <row r="176948" spans="8:8">
      <c r="H176948" s="12"/>
    </row>
    <row r="176949" spans="8:8">
      <c r="H176949" s="12"/>
    </row>
    <row r="176950" spans="8:8">
      <c r="H176950" s="12"/>
    </row>
    <row r="176951" spans="8:8">
      <c r="H176951" s="12"/>
    </row>
    <row r="176952" spans="8:8">
      <c r="H176952" s="12"/>
    </row>
    <row r="176953" spans="8:8">
      <c r="H176953" s="12"/>
    </row>
    <row r="176954" spans="8:8">
      <c r="H176954" s="12"/>
    </row>
    <row r="176955" spans="8:8">
      <c r="H176955" s="12"/>
    </row>
    <row r="176956" spans="8:8">
      <c r="H176956" s="12"/>
    </row>
    <row r="176957" spans="8:8">
      <c r="H176957" s="12"/>
    </row>
    <row r="176958" spans="8:8">
      <c r="H176958" s="12"/>
    </row>
    <row r="176959" spans="8:8">
      <c r="H176959" s="12"/>
    </row>
    <row r="176960" spans="8:8">
      <c r="H176960" s="12"/>
    </row>
    <row r="176961" spans="8:8">
      <c r="H176961" s="12"/>
    </row>
    <row r="176962" spans="8:8">
      <c r="H176962" s="12"/>
    </row>
    <row r="176963" spans="8:8">
      <c r="H176963" s="12"/>
    </row>
    <row r="176964" spans="8:8">
      <c r="H176964" s="12"/>
    </row>
    <row r="176965" spans="8:8">
      <c r="H176965" s="12"/>
    </row>
    <row r="176966" spans="8:8">
      <c r="H176966" s="12"/>
    </row>
    <row r="176967" spans="8:8">
      <c r="H176967" s="12"/>
    </row>
    <row r="176968" spans="8:8">
      <c r="H176968" s="12"/>
    </row>
    <row r="176969" spans="8:8">
      <c r="H176969" s="12"/>
    </row>
    <row r="176970" spans="8:8">
      <c r="H176970" s="12"/>
    </row>
    <row r="176971" spans="8:8">
      <c r="H176971" s="12"/>
    </row>
    <row r="176972" spans="8:8">
      <c r="H176972" s="12"/>
    </row>
    <row r="176973" spans="8:8">
      <c r="H176973" s="12"/>
    </row>
    <row r="176974" spans="8:8">
      <c r="H176974" s="12"/>
    </row>
    <row r="176975" spans="8:8">
      <c r="H176975" s="12"/>
    </row>
    <row r="176976" spans="8:8">
      <c r="H176976" s="12"/>
    </row>
    <row r="176977" spans="8:8">
      <c r="H176977" s="12"/>
    </row>
    <row r="176978" spans="8:8">
      <c r="H176978" s="12"/>
    </row>
    <row r="176979" spans="8:8">
      <c r="H176979" s="12"/>
    </row>
    <row r="176980" spans="8:8">
      <c r="H176980" s="12"/>
    </row>
    <row r="176981" spans="8:8">
      <c r="H176981" s="12"/>
    </row>
    <row r="176982" spans="8:8">
      <c r="H176982" s="12"/>
    </row>
    <row r="176983" spans="8:8">
      <c r="H176983" s="12"/>
    </row>
    <row r="176984" spans="8:8">
      <c r="H176984" s="12"/>
    </row>
    <row r="176985" spans="8:8">
      <c r="H176985" s="12"/>
    </row>
    <row r="176986" spans="8:8">
      <c r="H176986" s="12"/>
    </row>
    <row r="176987" spans="8:8">
      <c r="H176987" s="12"/>
    </row>
    <row r="176988" spans="8:8">
      <c r="H176988" s="12"/>
    </row>
    <row r="176989" spans="8:8">
      <c r="H176989" s="12"/>
    </row>
    <row r="176990" spans="8:8">
      <c r="H176990" s="12"/>
    </row>
    <row r="176991" spans="8:8">
      <c r="H176991" s="12"/>
    </row>
    <row r="176992" spans="8:8">
      <c r="H176992" s="12"/>
    </row>
    <row r="176993" spans="8:8">
      <c r="H176993" s="12"/>
    </row>
    <row r="176994" spans="8:8">
      <c r="H176994" s="12"/>
    </row>
    <row r="176995" spans="8:8">
      <c r="H176995" s="12"/>
    </row>
    <row r="176996" spans="8:8">
      <c r="H176996" s="12"/>
    </row>
    <row r="176997" spans="8:8">
      <c r="H176997" s="12"/>
    </row>
    <row r="176998" spans="8:8">
      <c r="H176998" s="12"/>
    </row>
    <row r="176999" spans="8:8">
      <c r="H176999" s="12"/>
    </row>
    <row r="177000" spans="8:8">
      <c r="H177000" s="12"/>
    </row>
    <row r="177001" spans="8:8">
      <c r="H177001" s="12"/>
    </row>
    <row r="177002" spans="8:8">
      <c r="H177002" s="12"/>
    </row>
    <row r="177003" spans="8:8">
      <c r="H177003" s="12"/>
    </row>
    <row r="177004" spans="8:8">
      <c r="H177004" s="12"/>
    </row>
    <row r="177005" spans="8:8">
      <c r="H177005" s="12"/>
    </row>
    <row r="177006" spans="8:8">
      <c r="H177006" s="12"/>
    </row>
    <row r="177007" spans="8:8">
      <c r="H177007" s="12"/>
    </row>
    <row r="177008" spans="8:8">
      <c r="H177008" s="12"/>
    </row>
    <row r="177009" spans="8:8">
      <c r="H177009" s="12"/>
    </row>
    <row r="177010" spans="8:8">
      <c r="H177010" s="12"/>
    </row>
    <row r="177011" spans="8:8">
      <c r="H177011" s="12"/>
    </row>
    <row r="177012" spans="8:8">
      <c r="H177012" s="12"/>
    </row>
    <row r="177013" spans="8:8">
      <c r="H177013" s="12"/>
    </row>
    <row r="177014" spans="8:8">
      <c r="H177014" s="12"/>
    </row>
    <row r="177015" spans="8:8">
      <c r="H177015" s="12"/>
    </row>
    <row r="177016" spans="8:8">
      <c r="H177016" s="12"/>
    </row>
    <row r="177017" spans="8:8">
      <c r="H177017" s="12"/>
    </row>
    <row r="177018" spans="8:8">
      <c r="H177018" s="12"/>
    </row>
    <row r="177019" spans="8:8">
      <c r="H177019" s="12"/>
    </row>
    <row r="177020" spans="8:8">
      <c r="H177020" s="12"/>
    </row>
    <row r="177021" spans="8:8">
      <c r="H177021" s="12"/>
    </row>
    <row r="177022" spans="8:8">
      <c r="H177022" s="12"/>
    </row>
    <row r="177023" spans="8:8">
      <c r="H177023" s="12"/>
    </row>
    <row r="177024" spans="8:8">
      <c r="H177024" s="12"/>
    </row>
    <row r="177025" spans="8:8">
      <c r="H177025" s="12"/>
    </row>
    <row r="177026" spans="8:8">
      <c r="H177026" s="12"/>
    </row>
    <row r="177027" spans="8:8">
      <c r="H177027" s="12"/>
    </row>
    <row r="177028" spans="8:8">
      <c r="H177028" s="12"/>
    </row>
    <row r="177029" spans="8:8">
      <c r="H177029" s="12"/>
    </row>
    <row r="177030" spans="8:8">
      <c r="H177030" s="12"/>
    </row>
    <row r="177031" spans="8:8">
      <c r="H177031" s="12"/>
    </row>
    <row r="177032" spans="8:8">
      <c r="H177032" s="12"/>
    </row>
    <row r="177033" spans="8:8">
      <c r="H177033" s="12"/>
    </row>
    <row r="177034" spans="8:8">
      <c r="H177034" s="12"/>
    </row>
    <row r="177035" spans="8:8">
      <c r="H177035" s="12"/>
    </row>
    <row r="177036" spans="8:8">
      <c r="H177036" s="12"/>
    </row>
    <row r="177037" spans="8:8">
      <c r="H177037" s="12"/>
    </row>
    <row r="177038" spans="8:8">
      <c r="H177038" s="12"/>
    </row>
    <row r="177039" spans="8:8">
      <c r="H177039" s="12"/>
    </row>
    <row r="177040" spans="8:8">
      <c r="H177040" s="12"/>
    </row>
    <row r="177041" spans="8:8">
      <c r="H177041" s="12"/>
    </row>
    <row r="177042" spans="8:8">
      <c r="H177042" s="12"/>
    </row>
    <row r="177043" spans="8:8">
      <c r="H177043" s="12"/>
    </row>
    <row r="177044" spans="8:8">
      <c r="H177044" s="12"/>
    </row>
    <row r="177045" spans="8:8">
      <c r="H177045" s="12"/>
    </row>
    <row r="177046" spans="8:8">
      <c r="H177046" s="12"/>
    </row>
    <row r="177047" spans="8:8">
      <c r="H177047" s="12"/>
    </row>
    <row r="177048" spans="8:8">
      <c r="H177048" s="12"/>
    </row>
    <row r="177049" spans="8:8">
      <c r="H177049" s="12"/>
    </row>
    <row r="177050" spans="8:8">
      <c r="H177050" s="12"/>
    </row>
    <row r="177051" spans="8:8">
      <c r="H177051" s="12"/>
    </row>
    <row r="177052" spans="8:8">
      <c r="H177052" s="12"/>
    </row>
    <row r="177053" spans="8:8">
      <c r="H177053" s="12"/>
    </row>
    <row r="177054" spans="8:8">
      <c r="H177054" s="12"/>
    </row>
    <row r="177055" spans="8:8">
      <c r="H177055" s="12"/>
    </row>
    <row r="177056" spans="8:8">
      <c r="H177056" s="12"/>
    </row>
    <row r="177057" spans="8:8">
      <c r="H177057" s="12"/>
    </row>
    <row r="177058" spans="8:8">
      <c r="H177058" s="12"/>
    </row>
    <row r="177059" spans="8:8">
      <c r="H177059" s="12"/>
    </row>
    <row r="177060" spans="8:8">
      <c r="H177060" s="12"/>
    </row>
    <row r="177061" spans="8:8">
      <c r="H177061" s="12"/>
    </row>
    <row r="177062" spans="8:8">
      <c r="H177062" s="12"/>
    </row>
    <row r="177063" spans="8:8">
      <c r="H177063" s="12"/>
    </row>
    <row r="177064" spans="8:8">
      <c r="H177064" s="12"/>
    </row>
    <row r="177065" spans="8:8">
      <c r="H177065" s="12"/>
    </row>
    <row r="177066" spans="8:8">
      <c r="H177066" s="12"/>
    </row>
    <row r="177067" spans="8:8">
      <c r="H177067" s="12"/>
    </row>
    <row r="177068" spans="8:8">
      <c r="H177068" s="12"/>
    </row>
    <row r="177069" spans="8:8">
      <c r="H177069" s="12"/>
    </row>
    <row r="177070" spans="8:8">
      <c r="H177070" s="12"/>
    </row>
    <row r="177071" spans="8:8">
      <c r="H177071" s="12"/>
    </row>
    <row r="177072" spans="8:8">
      <c r="H177072" s="12"/>
    </row>
    <row r="177073" spans="8:8">
      <c r="H177073" s="12"/>
    </row>
    <row r="177074" spans="8:8">
      <c r="H177074" s="12"/>
    </row>
    <row r="177075" spans="8:8">
      <c r="H177075" s="12"/>
    </row>
    <row r="177076" spans="8:8">
      <c r="H177076" s="12"/>
    </row>
    <row r="177077" spans="8:8">
      <c r="H177077" s="12"/>
    </row>
    <row r="177078" spans="8:8">
      <c r="H177078" s="12"/>
    </row>
    <row r="177079" spans="8:8">
      <c r="H177079" s="12"/>
    </row>
    <row r="177080" spans="8:8">
      <c r="H177080" s="12"/>
    </row>
    <row r="177081" spans="8:8">
      <c r="H177081" s="12"/>
    </row>
    <row r="177082" spans="8:8">
      <c r="H177082" s="12"/>
    </row>
    <row r="177083" spans="8:8">
      <c r="H177083" s="12"/>
    </row>
    <row r="177084" spans="8:8">
      <c r="H177084" s="12"/>
    </row>
    <row r="177085" spans="8:8">
      <c r="H177085" s="12"/>
    </row>
    <row r="177086" spans="8:8">
      <c r="H177086" s="12"/>
    </row>
    <row r="177087" spans="8:8">
      <c r="H177087" s="12"/>
    </row>
    <row r="177088" spans="8:8">
      <c r="H177088" s="12"/>
    </row>
    <row r="177089" spans="8:8">
      <c r="H177089" s="12"/>
    </row>
    <row r="177090" spans="8:8">
      <c r="H177090" s="12"/>
    </row>
    <row r="177091" spans="8:8">
      <c r="H177091" s="12"/>
    </row>
    <row r="177092" spans="8:8">
      <c r="H177092" s="12"/>
    </row>
    <row r="177093" spans="8:8">
      <c r="H177093" s="12"/>
    </row>
    <row r="177094" spans="8:8">
      <c r="H177094" s="12"/>
    </row>
    <row r="177095" spans="8:8">
      <c r="H177095" s="12"/>
    </row>
    <row r="177096" spans="8:8">
      <c r="H177096" s="12"/>
    </row>
    <row r="177097" spans="8:8">
      <c r="H177097" s="12"/>
    </row>
    <row r="177098" spans="8:8">
      <c r="H177098" s="12"/>
    </row>
    <row r="177099" spans="8:8">
      <c r="H177099" s="12"/>
    </row>
    <row r="177100" spans="8:8">
      <c r="H177100" s="12"/>
    </row>
    <row r="177101" spans="8:8">
      <c r="H177101" s="12"/>
    </row>
    <row r="177102" spans="8:8">
      <c r="H177102" s="12"/>
    </row>
    <row r="177103" spans="8:8">
      <c r="H177103" s="12"/>
    </row>
    <row r="177104" spans="8:8">
      <c r="H177104" s="12"/>
    </row>
    <row r="177105" spans="8:8">
      <c r="H177105" s="12"/>
    </row>
    <row r="177106" spans="8:8">
      <c r="H177106" s="12"/>
    </row>
    <row r="177107" spans="8:8">
      <c r="H177107" s="12"/>
    </row>
    <row r="177108" spans="8:8">
      <c r="H177108" s="12"/>
    </row>
    <row r="177109" spans="8:8">
      <c r="H177109" s="12"/>
    </row>
    <row r="177110" spans="8:8">
      <c r="H177110" s="12"/>
    </row>
    <row r="177111" spans="8:8">
      <c r="H177111" s="12"/>
    </row>
    <row r="177112" spans="8:8">
      <c r="H177112" s="12"/>
    </row>
    <row r="177113" spans="8:8">
      <c r="H177113" s="12"/>
    </row>
    <row r="177114" spans="8:8">
      <c r="H177114" s="12"/>
    </row>
    <row r="177115" spans="8:8">
      <c r="H177115" s="12"/>
    </row>
    <row r="177116" spans="8:8">
      <c r="H177116" s="12"/>
    </row>
    <row r="177117" spans="8:8">
      <c r="H177117" s="12"/>
    </row>
    <row r="177118" spans="8:8">
      <c r="H177118" s="12"/>
    </row>
    <row r="177119" spans="8:8">
      <c r="H177119" s="12"/>
    </row>
    <row r="177120" spans="8:8">
      <c r="H177120" s="12"/>
    </row>
    <row r="177121" spans="8:8">
      <c r="H177121" s="12"/>
    </row>
    <row r="177122" spans="8:8">
      <c r="H177122" s="12"/>
    </row>
    <row r="177123" spans="8:8">
      <c r="H177123" s="12"/>
    </row>
    <row r="177124" spans="8:8">
      <c r="H177124" s="12"/>
    </row>
    <row r="177125" spans="8:8">
      <c r="H177125" s="12"/>
    </row>
    <row r="177126" spans="8:8">
      <c r="H177126" s="12"/>
    </row>
    <row r="177127" spans="8:8">
      <c r="H177127" s="12"/>
    </row>
    <row r="177128" spans="8:8">
      <c r="H177128" s="12"/>
    </row>
    <row r="177129" spans="8:8">
      <c r="H177129" s="12"/>
    </row>
    <row r="177130" spans="8:8">
      <c r="H177130" s="12"/>
    </row>
    <row r="177131" spans="8:8">
      <c r="H177131" s="12"/>
    </row>
    <row r="177132" spans="8:8">
      <c r="H177132" s="12"/>
    </row>
    <row r="177133" spans="8:8">
      <c r="H177133" s="12"/>
    </row>
    <row r="177134" spans="8:8">
      <c r="H177134" s="12"/>
    </row>
    <row r="177135" spans="8:8">
      <c r="H177135" s="12"/>
    </row>
    <row r="177136" spans="8:8">
      <c r="H177136" s="12"/>
    </row>
    <row r="177137" spans="8:8">
      <c r="H177137" s="12"/>
    </row>
    <row r="177138" spans="8:8">
      <c r="H177138" s="12"/>
    </row>
    <row r="177139" spans="8:8">
      <c r="H177139" s="12"/>
    </row>
    <row r="177140" spans="8:8">
      <c r="H177140" s="12"/>
    </row>
    <row r="177141" spans="8:8">
      <c r="H177141" s="12"/>
    </row>
    <row r="177142" spans="8:8">
      <c r="H177142" s="12"/>
    </row>
    <row r="177143" spans="8:8">
      <c r="H177143" s="12"/>
    </row>
    <row r="177144" spans="8:8">
      <c r="H177144" s="12"/>
    </row>
    <row r="177145" spans="8:8">
      <c r="H177145" s="12"/>
    </row>
    <row r="177146" spans="8:8">
      <c r="H177146" s="12"/>
    </row>
    <row r="177147" spans="8:8">
      <c r="H177147" s="12"/>
    </row>
    <row r="177148" spans="8:8">
      <c r="H177148" s="12"/>
    </row>
    <row r="177149" spans="8:8">
      <c r="H177149" s="12"/>
    </row>
    <row r="177150" spans="8:8">
      <c r="H177150" s="12"/>
    </row>
    <row r="177151" spans="8:8">
      <c r="H177151" s="12"/>
    </row>
    <row r="177152" spans="8:8">
      <c r="H177152" s="12"/>
    </row>
    <row r="177153" spans="8:8">
      <c r="H177153" s="12"/>
    </row>
    <row r="177154" spans="8:8">
      <c r="H177154" s="12"/>
    </row>
    <row r="177155" spans="8:8">
      <c r="H177155" s="12"/>
    </row>
    <row r="177156" spans="8:8">
      <c r="H177156" s="12"/>
    </row>
    <row r="177157" spans="8:8">
      <c r="H177157" s="12"/>
    </row>
    <row r="177158" spans="8:8">
      <c r="H177158" s="12"/>
    </row>
    <row r="177159" spans="8:8">
      <c r="H177159" s="12"/>
    </row>
    <row r="177160" spans="8:8">
      <c r="H177160" s="12"/>
    </row>
    <row r="177161" spans="8:8">
      <c r="H177161" s="12"/>
    </row>
    <row r="177162" spans="8:8">
      <c r="H177162" s="12"/>
    </row>
    <row r="177163" spans="8:8">
      <c r="H177163" s="12"/>
    </row>
    <row r="177164" spans="8:8">
      <c r="H177164" s="12"/>
    </row>
    <row r="177165" spans="8:8">
      <c r="H177165" s="12"/>
    </row>
    <row r="177166" spans="8:8">
      <c r="H177166" s="12"/>
    </row>
    <row r="177167" spans="8:8">
      <c r="H177167" s="12"/>
    </row>
    <row r="177168" spans="8:8">
      <c r="H177168" s="12"/>
    </row>
    <row r="177169" spans="8:8">
      <c r="H177169" s="12"/>
    </row>
    <row r="177170" spans="8:8">
      <c r="H177170" s="12"/>
    </row>
    <row r="177171" spans="8:8">
      <c r="H177171" s="12"/>
    </row>
    <row r="177172" spans="8:8">
      <c r="H177172" s="12"/>
    </row>
    <row r="177173" spans="8:8">
      <c r="H177173" s="12"/>
    </row>
    <row r="177174" spans="8:8">
      <c r="H177174" s="12"/>
    </row>
    <row r="177175" spans="8:8">
      <c r="H177175" s="12"/>
    </row>
    <row r="177176" spans="8:8">
      <c r="H177176" s="12"/>
    </row>
    <row r="177177" spans="8:8">
      <c r="H177177" s="12"/>
    </row>
    <row r="177178" spans="8:8">
      <c r="H177178" s="12"/>
    </row>
    <row r="177179" spans="8:8">
      <c r="H177179" s="12"/>
    </row>
    <row r="177180" spans="8:8">
      <c r="H177180" s="12"/>
    </row>
    <row r="177181" spans="8:8">
      <c r="H177181" s="12"/>
    </row>
    <row r="177182" spans="8:8">
      <c r="H177182" s="12"/>
    </row>
    <row r="177183" spans="8:8">
      <c r="H177183" s="12"/>
    </row>
    <row r="177184" spans="8:8">
      <c r="H177184" s="12"/>
    </row>
    <row r="177185" spans="8:8">
      <c r="H177185" s="12"/>
    </row>
    <row r="177186" spans="8:8">
      <c r="H177186" s="12"/>
    </row>
    <row r="177187" spans="8:8">
      <c r="H177187" s="12"/>
    </row>
    <row r="177188" spans="8:8">
      <c r="H177188" s="12"/>
    </row>
    <row r="177189" spans="8:8">
      <c r="H177189" s="12"/>
    </row>
    <row r="177190" spans="8:8">
      <c r="H177190" s="12"/>
    </row>
    <row r="177191" spans="8:8">
      <c r="H177191" s="12"/>
    </row>
    <row r="177192" spans="8:8">
      <c r="H177192" s="12"/>
    </row>
    <row r="177193" spans="8:8">
      <c r="H177193" s="12"/>
    </row>
    <row r="177194" spans="8:8">
      <c r="H177194" s="12"/>
    </row>
    <row r="177195" spans="8:8">
      <c r="H177195" s="12"/>
    </row>
    <row r="177196" spans="8:8">
      <c r="H177196" s="12"/>
    </row>
    <row r="177197" spans="8:8">
      <c r="H177197" s="12"/>
    </row>
    <row r="177198" spans="8:8">
      <c r="H177198" s="12"/>
    </row>
    <row r="177199" spans="8:8">
      <c r="H177199" s="12"/>
    </row>
    <row r="177200" spans="8:8">
      <c r="H177200" s="12"/>
    </row>
    <row r="177201" spans="8:8">
      <c r="H177201" s="12"/>
    </row>
    <row r="177202" spans="8:8">
      <c r="H177202" s="12"/>
    </row>
    <row r="177203" spans="8:8">
      <c r="H177203" s="12"/>
    </row>
    <row r="177204" spans="8:8">
      <c r="H177204" s="12"/>
    </row>
    <row r="177205" spans="8:8">
      <c r="H177205" s="12"/>
    </row>
    <row r="177206" spans="8:8">
      <c r="H177206" s="12"/>
    </row>
    <row r="177207" spans="8:8">
      <c r="H177207" s="12"/>
    </row>
    <row r="177208" spans="8:8">
      <c r="H177208" s="12"/>
    </row>
    <row r="177209" spans="8:8">
      <c r="H177209" s="12"/>
    </row>
    <row r="177210" spans="8:8">
      <c r="H177210" s="12"/>
    </row>
    <row r="177211" spans="8:8">
      <c r="H177211" s="12"/>
    </row>
    <row r="177212" spans="8:8">
      <c r="H177212" s="12"/>
    </row>
    <row r="177213" spans="8:8">
      <c r="H177213" s="12"/>
    </row>
    <row r="177214" spans="8:8">
      <c r="H177214" s="12"/>
    </row>
    <row r="177215" spans="8:8">
      <c r="H177215" s="12"/>
    </row>
    <row r="177216" spans="8:8">
      <c r="H177216" s="12"/>
    </row>
    <row r="177217" spans="8:8">
      <c r="H177217" s="12"/>
    </row>
    <row r="177218" spans="8:8">
      <c r="H177218" s="12"/>
    </row>
    <row r="177219" spans="8:8">
      <c r="H177219" s="12"/>
    </row>
    <row r="177220" spans="8:8">
      <c r="H177220" s="12"/>
    </row>
    <row r="177221" spans="8:8">
      <c r="H177221" s="12"/>
    </row>
    <row r="177222" spans="8:8">
      <c r="H177222" s="12"/>
    </row>
    <row r="177223" spans="8:8">
      <c r="H177223" s="12"/>
    </row>
    <row r="177224" spans="8:8">
      <c r="H177224" s="12"/>
    </row>
    <row r="177225" spans="8:8">
      <c r="H177225" s="12"/>
    </row>
    <row r="177226" spans="8:8">
      <c r="H177226" s="12"/>
    </row>
    <row r="177227" spans="8:8">
      <c r="H177227" s="12"/>
    </row>
    <row r="177228" spans="8:8">
      <c r="H177228" s="12"/>
    </row>
    <row r="177229" spans="8:8">
      <c r="H177229" s="12"/>
    </row>
    <row r="177230" spans="8:8">
      <c r="H177230" s="12"/>
    </row>
    <row r="177231" spans="8:8">
      <c r="H177231" s="12"/>
    </row>
    <row r="177232" spans="8:8">
      <c r="H177232" s="12"/>
    </row>
    <row r="177233" spans="8:8">
      <c r="H177233" s="12"/>
    </row>
    <row r="177234" spans="8:8">
      <c r="H177234" s="12"/>
    </row>
    <row r="177235" spans="8:8">
      <c r="H177235" s="12"/>
    </row>
    <row r="177236" spans="8:8">
      <c r="H177236" s="12"/>
    </row>
    <row r="177237" spans="8:8">
      <c r="H177237" s="12"/>
    </row>
    <row r="177238" spans="8:8">
      <c r="H177238" s="12"/>
    </row>
    <row r="177239" spans="8:8">
      <c r="H177239" s="12"/>
    </row>
    <row r="177240" spans="8:8">
      <c r="H177240" s="12"/>
    </row>
    <row r="177241" spans="8:8">
      <c r="H177241" s="12"/>
    </row>
    <row r="177242" spans="8:8">
      <c r="H177242" s="12"/>
    </row>
    <row r="177243" spans="8:8">
      <c r="H177243" s="12"/>
    </row>
    <row r="177244" spans="8:8">
      <c r="H177244" s="12"/>
    </row>
    <row r="177245" spans="8:8">
      <c r="H177245" s="12"/>
    </row>
    <row r="177246" spans="8:8">
      <c r="H177246" s="12"/>
    </row>
    <row r="177247" spans="8:8">
      <c r="H177247" s="12"/>
    </row>
    <row r="177248" spans="8:8">
      <c r="H177248" s="12"/>
    </row>
    <row r="177249" spans="8:8">
      <c r="H177249" s="12"/>
    </row>
    <row r="177250" spans="8:8">
      <c r="H177250" s="12"/>
    </row>
    <row r="177251" spans="8:8">
      <c r="H177251" s="12"/>
    </row>
    <row r="177252" spans="8:8">
      <c r="H177252" s="12"/>
    </row>
    <row r="177253" spans="8:8">
      <c r="H177253" s="12"/>
    </row>
    <row r="177254" spans="8:8">
      <c r="H177254" s="12"/>
    </row>
    <row r="177255" spans="8:8">
      <c r="H177255" s="12"/>
    </row>
    <row r="177256" spans="8:8">
      <c r="H177256" s="12"/>
    </row>
    <row r="177257" spans="8:8">
      <c r="H177257" s="12"/>
    </row>
    <row r="177258" spans="8:8">
      <c r="H177258" s="12"/>
    </row>
    <row r="177259" spans="8:8">
      <c r="H177259" s="12"/>
    </row>
    <row r="177260" spans="8:8">
      <c r="H177260" s="12"/>
    </row>
    <row r="177261" spans="8:8">
      <c r="H177261" s="12"/>
    </row>
    <row r="177262" spans="8:8">
      <c r="H177262" s="12"/>
    </row>
    <row r="177263" spans="8:8">
      <c r="H177263" s="12"/>
    </row>
    <row r="177264" spans="8:8">
      <c r="H177264" s="12"/>
    </row>
    <row r="177265" spans="8:8">
      <c r="H177265" s="12"/>
    </row>
    <row r="177266" spans="8:8">
      <c r="H177266" s="12"/>
    </row>
    <row r="177267" spans="8:8">
      <c r="H177267" s="12"/>
    </row>
    <row r="177268" spans="8:8">
      <c r="H177268" s="12"/>
    </row>
    <row r="177269" spans="8:8">
      <c r="H177269" s="12"/>
    </row>
    <row r="177270" spans="8:8">
      <c r="H177270" s="12"/>
    </row>
    <row r="177271" spans="8:8">
      <c r="H177271" s="12"/>
    </row>
    <row r="177272" spans="8:8">
      <c r="H177272" s="12"/>
    </row>
    <row r="177273" spans="8:8">
      <c r="H177273" s="12"/>
    </row>
    <row r="177274" spans="8:8">
      <c r="H177274" s="12"/>
    </row>
    <row r="177275" spans="8:8">
      <c r="H177275" s="12"/>
    </row>
    <row r="177276" spans="8:8">
      <c r="H177276" s="12"/>
    </row>
    <row r="177277" spans="8:8">
      <c r="H177277" s="12"/>
    </row>
    <row r="177278" spans="8:8">
      <c r="H177278" s="12"/>
    </row>
    <row r="177279" spans="8:8">
      <c r="H177279" s="12"/>
    </row>
    <row r="177280" spans="8:8">
      <c r="H177280" s="12"/>
    </row>
    <row r="177281" spans="8:8">
      <c r="H177281" s="12"/>
    </row>
    <row r="177282" spans="8:8">
      <c r="H177282" s="12"/>
    </row>
    <row r="177283" spans="8:8">
      <c r="H177283" s="12"/>
    </row>
    <row r="177284" spans="8:8">
      <c r="H177284" s="12"/>
    </row>
    <row r="177285" spans="8:8">
      <c r="H177285" s="12"/>
    </row>
    <row r="177286" spans="8:8">
      <c r="H177286" s="12"/>
    </row>
    <row r="177287" spans="8:8">
      <c r="H177287" s="12"/>
    </row>
    <row r="177288" spans="8:8">
      <c r="H177288" s="12"/>
    </row>
    <row r="177289" spans="8:8">
      <c r="H177289" s="12"/>
    </row>
    <row r="177290" spans="8:8">
      <c r="H177290" s="12"/>
    </row>
    <row r="177291" spans="8:8">
      <c r="H177291" s="12"/>
    </row>
    <row r="177292" spans="8:8">
      <c r="H177292" s="12"/>
    </row>
    <row r="177293" spans="8:8">
      <c r="H177293" s="12"/>
    </row>
    <row r="177294" spans="8:8">
      <c r="H177294" s="12"/>
    </row>
    <row r="177295" spans="8:8">
      <c r="H177295" s="12"/>
    </row>
    <row r="177296" spans="8:8">
      <c r="H177296" s="12"/>
    </row>
    <row r="177297" spans="8:8">
      <c r="H177297" s="12"/>
    </row>
    <row r="177298" spans="8:8">
      <c r="H177298" s="12"/>
    </row>
    <row r="177299" spans="8:8">
      <c r="H177299" s="12"/>
    </row>
    <row r="177300" spans="8:8">
      <c r="H177300" s="12"/>
    </row>
    <row r="177301" spans="8:8">
      <c r="H177301" s="12"/>
    </row>
    <row r="177302" spans="8:8">
      <c r="H177302" s="12"/>
    </row>
    <row r="177303" spans="8:8">
      <c r="H177303" s="12"/>
    </row>
    <row r="177304" spans="8:8">
      <c r="H177304" s="12"/>
    </row>
    <row r="177305" spans="8:8">
      <c r="H177305" s="12"/>
    </row>
    <row r="177306" spans="8:8">
      <c r="H177306" s="12"/>
    </row>
    <row r="177307" spans="8:8">
      <c r="H177307" s="12"/>
    </row>
    <row r="177308" spans="8:8">
      <c r="H177308" s="12"/>
    </row>
    <row r="177309" spans="8:8">
      <c r="H177309" s="12"/>
    </row>
    <row r="177310" spans="8:8">
      <c r="H177310" s="12"/>
    </row>
    <row r="177311" spans="8:8">
      <c r="H177311" s="12"/>
    </row>
    <row r="177312" spans="8:8">
      <c r="H177312" s="12"/>
    </row>
    <row r="177313" spans="8:8">
      <c r="H177313" s="12"/>
    </row>
    <row r="177314" spans="8:8">
      <c r="H177314" s="12"/>
    </row>
    <row r="177315" spans="8:8">
      <c r="H177315" s="12"/>
    </row>
    <row r="177316" spans="8:8">
      <c r="H177316" s="12"/>
    </row>
    <row r="177317" spans="8:8">
      <c r="H177317" s="12"/>
    </row>
    <row r="177318" spans="8:8">
      <c r="H177318" s="12"/>
    </row>
    <row r="177319" spans="8:8">
      <c r="H177319" s="12"/>
    </row>
    <row r="177320" spans="8:8">
      <c r="H177320" s="12"/>
    </row>
    <row r="177321" spans="8:8">
      <c r="H177321" s="12"/>
    </row>
    <row r="177322" spans="8:8">
      <c r="H177322" s="12"/>
    </row>
    <row r="177323" spans="8:8">
      <c r="H177323" s="12"/>
    </row>
    <row r="177324" spans="8:8">
      <c r="H177324" s="12"/>
    </row>
    <row r="177325" spans="8:8">
      <c r="H177325" s="12"/>
    </row>
    <row r="177326" spans="8:8">
      <c r="H177326" s="12"/>
    </row>
    <row r="177327" spans="8:8">
      <c r="H177327" s="12"/>
    </row>
    <row r="177328" spans="8:8">
      <c r="H177328" s="12"/>
    </row>
    <row r="177329" spans="8:8">
      <c r="H177329" s="12"/>
    </row>
    <row r="177330" spans="8:8">
      <c r="H177330" s="12"/>
    </row>
    <row r="177331" spans="8:8">
      <c r="H177331" s="12"/>
    </row>
    <row r="177332" spans="8:8">
      <c r="H177332" s="12"/>
    </row>
    <row r="177333" spans="8:8">
      <c r="H177333" s="12"/>
    </row>
    <row r="177334" spans="8:8">
      <c r="H177334" s="12"/>
    </row>
    <row r="177335" spans="8:8">
      <c r="H177335" s="12"/>
    </row>
    <row r="177336" spans="8:8">
      <c r="H177336" s="12"/>
    </row>
    <row r="177337" spans="8:8">
      <c r="H177337" s="12"/>
    </row>
    <row r="177338" spans="8:8">
      <c r="H177338" s="12"/>
    </row>
    <row r="177339" spans="8:8">
      <c r="H177339" s="12"/>
    </row>
    <row r="177340" spans="8:8">
      <c r="H177340" s="12"/>
    </row>
    <row r="177341" spans="8:8">
      <c r="H177341" s="12"/>
    </row>
    <row r="177342" spans="8:8">
      <c r="H177342" s="12"/>
    </row>
    <row r="177343" spans="8:8">
      <c r="H177343" s="12"/>
    </row>
    <row r="177344" spans="8:8">
      <c r="H177344" s="12"/>
    </row>
    <row r="177345" spans="8:8">
      <c r="H177345" s="12"/>
    </row>
    <row r="177346" spans="8:8">
      <c r="H177346" s="12"/>
    </row>
    <row r="177347" spans="8:8">
      <c r="H177347" s="12"/>
    </row>
    <row r="177348" spans="8:8">
      <c r="H177348" s="12"/>
    </row>
    <row r="177349" spans="8:8">
      <c r="H177349" s="12"/>
    </row>
    <row r="177350" spans="8:8">
      <c r="H177350" s="12"/>
    </row>
    <row r="177351" spans="8:8">
      <c r="H177351" s="12"/>
    </row>
    <row r="177352" spans="8:8">
      <c r="H177352" s="12"/>
    </row>
    <row r="177353" spans="8:8">
      <c r="H177353" s="12"/>
    </row>
    <row r="177354" spans="8:8">
      <c r="H177354" s="12"/>
    </row>
    <row r="177355" spans="8:8">
      <c r="H177355" s="12"/>
    </row>
    <row r="177356" spans="8:8">
      <c r="H177356" s="12"/>
    </row>
    <row r="177357" spans="8:8">
      <c r="H177357" s="12"/>
    </row>
    <row r="177358" spans="8:8">
      <c r="H177358" s="12"/>
    </row>
    <row r="177359" spans="8:8">
      <c r="H177359" s="12"/>
    </row>
    <row r="177360" spans="8:8">
      <c r="H177360" s="12"/>
    </row>
    <row r="177361" spans="8:8">
      <c r="H177361" s="12"/>
    </row>
    <row r="177362" spans="8:8">
      <c r="H177362" s="12"/>
    </row>
    <row r="177363" spans="8:8">
      <c r="H177363" s="12"/>
    </row>
    <row r="177364" spans="8:8">
      <c r="H177364" s="12"/>
    </row>
    <row r="177365" spans="8:8">
      <c r="H177365" s="12"/>
    </row>
    <row r="177366" spans="8:8">
      <c r="H177366" s="12"/>
    </row>
    <row r="177367" spans="8:8">
      <c r="H177367" s="12"/>
    </row>
    <row r="177368" spans="8:8">
      <c r="H177368" s="12"/>
    </row>
    <row r="177369" spans="8:8">
      <c r="H177369" s="12"/>
    </row>
    <row r="177370" spans="8:8">
      <c r="H177370" s="12"/>
    </row>
    <row r="177371" spans="8:8">
      <c r="H177371" s="12"/>
    </row>
    <row r="177372" spans="8:8">
      <c r="H177372" s="12"/>
    </row>
    <row r="177373" spans="8:8">
      <c r="H177373" s="12"/>
    </row>
    <row r="177374" spans="8:8">
      <c r="H177374" s="12"/>
    </row>
    <row r="177375" spans="8:8">
      <c r="H177375" s="12"/>
    </row>
    <row r="177376" spans="8:8">
      <c r="H177376" s="12"/>
    </row>
    <row r="177377" spans="8:8">
      <c r="H177377" s="12"/>
    </row>
    <row r="177378" spans="8:8">
      <c r="H177378" s="12"/>
    </row>
    <row r="177379" spans="8:8">
      <c r="H177379" s="12"/>
    </row>
    <row r="177380" spans="8:8">
      <c r="H177380" s="12"/>
    </row>
    <row r="177381" spans="8:8">
      <c r="H177381" s="12"/>
    </row>
    <row r="177382" spans="8:8">
      <c r="H177382" s="12"/>
    </row>
    <row r="177383" spans="8:8">
      <c r="H177383" s="12"/>
    </row>
    <row r="177384" spans="8:8">
      <c r="H177384" s="12"/>
    </row>
    <row r="177385" spans="8:8">
      <c r="H177385" s="12"/>
    </row>
    <row r="177386" spans="8:8">
      <c r="H177386" s="12"/>
    </row>
    <row r="177387" spans="8:8">
      <c r="H177387" s="12"/>
    </row>
    <row r="177388" spans="8:8">
      <c r="H177388" s="12"/>
    </row>
    <row r="177389" spans="8:8">
      <c r="H177389" s="12"/>
    </row>
    <row r="177390" spans="8:8">
      <c r="H177390" s="12"/>
    </row>
    <row r="177391" spans="8:8">
      <c r="H177391" s="12"/>
    </row>
    <row r="177392" spans="8:8">
      <c r="H177392" s="12"/>
    </row>
    <row r="177393" spans="8:8">
      <c r="H177393" s="12"/>
    </row>
    <row r="177394" spans="8:8">
      <c r="H177394" s="12"/>
    </row>
    <row r="177395" spans="8:8">
      <c r="H177395" s="12"/>
    </row>
    <row r="177396" spans="8:8">
      <c r="H177396" s="12"/>
    </row>
    <row r="177397" spans="8:8">
      <c r="H177397" s="12"/>
    </row>
    <row r="177398" spans="8:8">
      <c r="H177398" s="12"/>
    </row>
    <row r="177399" spans="8:8">
      <c r="H177399" s="12"/>
    </row>
    <row r="177400" spans="8:8">
      <c r="H177400" s="12"/>
    </row>
    <row r="177401" spans="8:8">
      <c r="H177401" s="12"/>
    </row>
    <row r="177402" spans="8:8">
      <c r="H177402" s="12"/>
    </row>
    <row r="177403" spans="8:8">
      <c r="H177403" s="12"/>
    </row>
    <row r="177404" spans="8:8">
      <c r="H177404" s="12"/>
    </row>
    <row r="177405" spans="8:8">
      <c r="H177405" s="12"/>
    </row>
    <row r="177406" spans="8:8">
      <c r="H177406" s="12"/>
    </row>
    <row r="177407" spans="8:8">
      <c r="H177407" s="12"/>
    </row>
    <row r="177408" spans="8:8">
      <c r="H177408" s="12"/>
    </row>
    <row r="177409" spans="8:8">
      <c r="H177409" s="12"/>
    </row>
    <row r="177410" spans="8:8">
      <c r="H177410" s="12"/>
    </row>
    <row r="177411" spans="8:8">
      <c r="H177411" s="12"/>
    </row>
    <row r="177412" spans="8:8">
      <c r="H177412" s="12"/>
    </row>
    <row r="177413" spans="8:8">
      <c r="H177413" s="12"/>
    </row>
    <row r="177414" spans="8:8">
      <c r="H177414" s="12"/>
    </row>
    <row r="177415" spans="8:8">
      <c r="H177415" s="12"/>
    </row>
    <row r="177416" spans="8:8">
      <c r="H177416" s="12"/>
    </row>
    <row r="177417" spans="8:8">
      <c r="H177417" s="12"/>
    </row>
    <row r="177418" spans="8:8">
      <c r="H177418" s="12"/>
    </row>
    <row r="177419" spans="8:8">
      <c r="H177419" s="12"/>
    </row>
    <row r="177420" spans="8:8">
      <c r="H177420" s="12"/>
    </row>
    <row r="177421" spans="8:8">
      <c r="H177421" s="12"/>
    </row>
    <row r="177422" spans="8:8">
      <c r="H177422" s="12"/>
    </row>
    <row r="177423" spans="8:8">
      <c r="H177423" s="12"/>
    </row>
    <row r="177424" spans="8:8">
      <c r="H177424" s="12"/>
    </row>
    <row r="177425" spans="8:8">
      <c r="H177425" s="12"/>
    </row>
    <row r="177426" spans="8:8">
      <c r="H177426" s="12"/>
    </row>
    <row r="177427" spans="8:8">
      <c r="H177427" s="12"/>
    </row>
    <row r="177428" spans="8:8">
      <c r="H177428" s="12"/>
    </row>
    <row r="177429" spans="8:8">
      <c r="H177429" s="12"/>
    </row>
    <row r="177430" spans="8:8">
      <c r="H177430" s="12"/>
    </row>
    <row r="177431" spans="8:8">
      <c r="H177431" s="12"/>
    </row>
    <row r="177432" spans="8:8">
      <c r="H177432" s="12"/>
    </row>
    <row r="177433" spans="8:8">
      <c r="H177433" s="12"/>
    </row>
    <row r="177434" spans="8:8">
      <c r="H177434" s="12"/>
    </row>
    <row r="177435" spans="8:8">
      <c r="H177435" s="12"/>
    </row>
    <row r="177436" spans="8:8">
      <c r="H177436" s="12"/>
    </row>
    <row r="177437" spans="8:8">
      <c r="H177437" s="12"/>
    </row>
    <row r="177438" spans="8:8">
      <c r="H177438" s="12"/>
    </row>
    <row r="177439" spans="8:8">
      <c r="H177439" s="12"/>
    </row>
    <row r="177440" spans="8:8">
      <c r="H177440" s="12"/>
    </row>
    <row r="177441" spans="8:8">
      <c r="H177441" s="12"/>
    </row>
    <row r="177442" spans="8:8">
      <c r="H177442" s="12"/>
    </row>
    <row r="177443" spans="8:8">
      <c r="H177443" s="12"/>
    </row>
    <row r="177444" spans="8:8">
      <c r="H177444" s="12"/>
    </row>
    <row r="177445" spans="8:8">
      <c r="H177445" s="12"/>
    </row>
    <row r="177446" spans="8:8">
      <c r="H177446" s="12"/>
    </row>
    <row r="177447" spans="8:8">
      <c r="H177447" s="12"/>
    </row>
    <row r="177448" spans="8:8">
      <c r="H177448" s="12"/>
    </row>
    <row r="177449" spans="8:8">
      <c r="H177449" s="12"/>
    </row>
    <row r="177450" spans="8:8">
      <c r="H177450" s="12"/>
    </row>
    <row r="177451" spans="8:8">
      <c r="H177451" s="12"/>
    </row>
    <row r="177452" spans="8:8">
      <c r="H177452" s="12"/>
    </row>
    <row r="177453" spans="8:8">
      <c r="H177453" s="12"/>
    </row>
    <row r="177454" spans="8:8">
      <c r="H177454" s="12"/>
    </row>
    <row r="177455" spans="8:8">
      <c r="H177455" s="12"/>
    </row>
    <row r="177456" spans="8:8">
      <c r="H177456" s="12"/>
    </row>
    <row r="177457" spans="8:8">
      <c r="H177457" s="12"/>
    </row>
    <row r="177458" spans="8:8">
      <c r="H177458" s="12"/>
    </row>
    <row r="177459" spans="8:8">
      <c r="H177459" s="12"/>
    </row>
    <row r="177460" spans="8:8">
      <c r="H177460" s="12"/>
    </row>
    <row r="177461" spans="8:8">
      <c r="H177461" s="12"/>
    </row>
    <row r="177462" spans="8:8">
      <c r="H177462" s="12"/>
    </row>
    <row r="177463" spans="8:8">
      <c r="H177463" s="12"/>
    </row>
    <row r="177464" spans="8:8">
      <c r="H177464" s="12"/>
    </row>
    <row r="177465" spans="8:8">
      <c r="H177465" s="12"/>
    </row>
    <row r="177466" spans="8:8">
      <c r="H177466" s="12"/>
    </row>
    <row r="177467" spans="8:8">
      <c r="H177467" s="12"/>
    </row>
    <row r="177468" spans="8:8">
      <c r="H177468" s="12"/>
    </row>
    <row r="177469" spans="8:8">
      <c r="H177469" s="12"/>
    </row>
    <row r="177470" spans="8:8">
      <c r="H177470" s="12"/>
    </row>
    <row r="177471" spans="8:8">
      <c r="H177471" s="12"/>
    </row>
    <row r="177472" spans="8:8">
      <c r="H177472" s="12"/>
    </row>
    <row r="177473" spans="8:8">
      <c r="H177473" s="12"/>
    </row>
    <row r="177474" spans="8:8">
      <c r="H177474" s="12"/>
    </row>
    <row r="177475" spans="8:8">
      <c r="H177475" s="12"/>
    </row>
    <row r="177476" spans="8:8">
      <c r="H177476" s="12"/>
    </row>
    <row r="177477" spans="8:8">
      <c r="H177477" s="12"/>
    </row>
    <row r="177478" spans="8:8">
      <c r="H177478" s="12"/>
    </row>
    <row r="177479" spans="8:8">
      <c r="H177479" s="12"/>
    </row>
    <row r="177480" spans="8:8">
      <c r="H177480" s="12"/>
    </row>
    <row r="177481" spans="8:8">
      <c r="H177481" s="12"/>
    </row>
    <row r="177482" spans="8:8">
      <c r="H177482" s="12"/>
    </row>
    <row r="177483" spans="8:8">
      <c r="H177483" s="12"/>
    </row>
    <row r="177484" spans="8:8">
      <c r="H177484" s="12"/>
    </row>
    <row r="177485" spans="8:8">
      <c r="H177485" s="12"/>
    </row>
    <row r="177486" spans="8:8">
      <c r="H177486" s="12"/>
    </row>
    <row r="177487" spans="8:8">
      <c r="H177487" s="12"/>
    </row>
    <row r="177488" spans="8:8">
      <c r="H177488" s="12"/>
    </row>
    <row r="177489" spans="8:8">
      <c r="H177489" s="12"/>
    </row>
    <row r="177490" spans="8:8">
      <c r="H177490" s="12"/>
    </row>
    <row r="177491" spans="8:8">
      <c r="H177491" s="12"/>
    </row>
    <row r="177492" spans="8:8">
      <c r="H177492" s="12"/>
    </row>
    <row r="177493" spans="8:8">
      <c r="H177493" s="12"/>
    </row>
    <row r="177494" spans="8:8">
      <c r="H177494" s="12"/>
    </row>
    <row r="177495" spans="8:8">
      <c r="H177495" s="12"/>
    </row>
    <row r="177496" spans="8:8">
      <c r="H177496" s="12"/>
    </row>
    <row r="177497" spans="8:8">
      <c r="H177497" s="12"/>
    </row>
    <row r="177498" spans="8:8">
      <c r="H177498" s="12"/>
    </row>
    <row r="177499" spans="8:8">
      <c r="H177499" s="12"/>
    </row>
    <row r="177500" spans="8:8">
      <c r="H177500" s="12"/>
    </row>
    <row r="177501" spans="8:8">
      <c r="H177501" s="12"/>
    </row>
    <row r="177502" spans="8:8">
      <c r="H177502" s="12"/>
    </row>
    <row r="177503" spans="8:8">
      <c r="H177503" s="12"/>
    </row>
    <row r="177504" spans="8:8">
      <c r="H177504" s="12"/>
    </row>
    <row r="177505" spans="8:8">
      <c r="H177505" s="12"/>
    </row>
    <row r="177506" spans="8:8">
      <c r="H177506" s="12"/>
    </row>
    <row r="177507" spans="8:8">
      <c r="H177507" s="12"/>
    </row>
    <row r="177508" spans="8:8">
      <c r="H177508" s="12"/>
    </row>
    <row r="177509" spans="8:8">
      <c r="H177509" s="12"/>
    </row>
    <row r="177510" spans="8:8">
      <c r="H177510" s="12"/>
    </row>
    <row r="177511" spans="8:8">
      <c r="H177511" s="12"/>
    </row>
    <row r="177512" spans="8:8">
      <c r="H177512" s="12"/>
    </row>
    <row r="177513" spans="8:8">
      <c r="H177513" s="12"/>
    </row>
    <row r="177514" spans="8:8">
      <c r="H177514" s="12"/>
    </row>
    <row r="177515" spans="8:8">
      <c r="H177515" s="12"/>
    </row>
    <row r="177516" spans="8:8">
      <c r="H177516" s="12"/>
    </row>
    <row r="177517" spans="8:8">
      <c r="H177517" s="12"/>
    </row>
    <row r="177518" spans="8:8">
      <c r="H177518" s="12"/>
    </row>
    <row r="177519" spans="8:8">
      <c r="H177519" s="12"/>
    </row>
    <row r="177520" spans="8:8">
      <c r="H177520" s="12"/>
    </row>
    <row r="177521" spans="8:8">
      <c r="H177521" s="12"/>
    </row>
    <row r="177522" spans="8:8">
      <c r="H177522" s="12"/>
    </row>
    <row r="177523" spans="8:8">
      <c r="H177523" s="12"/>
    </row>
    <row r="177524" spans="8:8">
      <c r="H177524" s="12"/>
    </row>
    <row r="177525" spans="8:8">
      <c r="H177525" s="12"/>
    </row>
    <row r="177526" spans="8:8">
      <c r="H177526" s="12"/>
    </row>
    <row r="177527" spans="8:8">
      <c r="H177527" s="12"/>
    </row>
    <row r="177528" spans="8:8">
      <c r="H177528" s="12"/>
    </row>
    <row r="177529" spans="8:8">
      <c r="H177529" s="12"/>
    </row>
    <row r="177530" spans="8:8">
      <c r="H177530" s="12"/>
    </row>
    <row r="177531" spans="8:8">
      <c r="H177531" s="12"/>
    </row>
    <row r="177532" spans="8:8">
      <c r="H177532" s="12"/>
    </row>
    <row r="177533" spans="8:8">
      <c r="H177533" s="12"/>
    </row>
    <row r="177534" spans="8:8">
      <c r="H177534" s="12"/>
    </row>
    <row r="177535" spans="8:8">
      <c r="H177535" s="12"/>
    </row>
    <row r="177536" spans="8:8">
      <c r="H177536" s="12"/>
    </row>
    <row r="177537" spans="8:8">
      <c r="H177537" s="12"/>
    </row>
    <row r="177538" spans="8:8">
      <c r="H177538" s="12"/>
    </row>
    <row r="177539" spans="8:8">
      <c r="H177539" s="12"/>
    </row>
    <row r="177540" spans="8:8">
      <c r="H177540" s="12"/>
    </row>
    <row r="177541" spans="8:8">
      <c r="H177541" s="12"/>
    </row>
    <row r="177542" spans="8:8">
      <c r="H177542" s="12"/>
    </row>
    <row r="177543" spans="8:8">
      <c r="H177543" s="12"/>
    </row>
    <row r="177544" spans="8:8">
      <c r="H177544" s="12"/>
    </row>
    <row r="177545" spans="8:8">
      <c r="H177545" s="12"/>
    </row>
    <row r="177546" spans="8:8">
      <c r="H177546" s="12"/>
    </row>
    <row r="177547" spans="8:8">
      <c r="H177547" s="12"/>
    </row>
    <row r="177548" spans="8:8">
      <c r="H177548" s="12"/>
    </row>
    <row r="177549" spans="8:8">
      <c r="H177549" s="12"/>
    </row>
    <row r="177550" spans="8:8">
      <c r="H177550" s="12"/>
    </row>
    <row r="177551" spans="8:8">
      <c r="H177551" s="12"/>
    </row>
    <row r="177552" spans="8:8">
      <c r="H177552" s="12"/>
    </row>
    <row r="177553" spans="8:8">
      <c r="H177553" s="12"/>
    </row>
    <row r="177554" spans="8:8">
      <c r="H177554" s="12"/>
    </row>
    <row r="177555" spans="8:8">
      <c r="H177555" s="12"/>
    </row>
    <row r="177556" spans="8:8">
      <c r="H177556" s="12"/>
    </row>
    <row r="177557" spans="8:8">
      <c r="H177557" s="12"/>
    </row>
    <row r="177558" spans="8:8">
      <c r="H177558" s="12"/>
    </row>
    <row r="177559" spans="8:8">
      <c r="H177559" s="12"/>
    </row>
    <row r="177560" spans="8:8">
      <c r="H177560" s="12"/>
    </row>
    <row r="177561" spans="8:8">
      <c r="H177561" s="12"/>
    </row>
    <row r="177562" spans="8:8">
      <c r="H177562" s="12"/>
    </row>
    <row r="177563" spans="8:8">
      <c r="H177563" s="12"/>
    </row>
    <row r="177564" spans="8:8">
      <c r="H177564" s="12"/>
    </row>
    <row r="177565" spans="8:8">
      <c r="H177565" s="12"/>
    </row>
    <row r="177566" spans="8:8">
      <c r="H177566" s="12"/>
    </row>
    <row r="177567" spans="8:8">
      <c r="H177567" s="12"/>
    </row>
    <row r="177568" spans="8:8">
      <c r="H177568" s="12"/>
    </row>
    <row r="177569" spans="8:8">
      <c r="H177569" s="12"/>
    </row>
    <row r="177570" spans="8:8">
      <c r="H177570" s="12"/>
    </row>
    <row r="177571" spans="8:8">
      <c r="H177571" s="12"/>
    </row>
    <row r="177572" spans="8:8">
      <c r="H177572" s="12"/>
    </row>
    <row r="177573" spans="8:8">
      <c r="H177573" s="12"/>
    </row>
    <row r="177574" spans="8:8">
      <c r="H177574" s="12"/>
    </row>
    <row r="177575" spans="8:8">
      <c r="H177575" s="12"/>
    </row>
    <row r="177576" spans="8:8">
      <c r="H177576" s="12"/>
    </row>
    <row r="177577" spans="8:8">
      <c r="H177577" s="12"/>
    </row>
    <row r="177578" spans="8:8">
      <c r="H177578" s="12"/>
    </row>
    <row r="177579" spans="8:8">
      <c r="H177579" s="12"/>
    </row>
    <row r="177580" spans="8:8">
      <c r="H177580" s="12"/>
    </row>
    <row r="177581" spans="8:8">
      <c r="H177581" s="12"/>
    </row>
    <row r="177582" spans="8:8">
      <c r="H177582" s="12"/>
    </row>
    <row r="177583" spans="8:8">
      <c r="H177583" s="12"/>
    </row>
    <row r="177584" spans="8:8">
      <c r="H177584" s="12"/>
    </row>
    <row r="177585" spans="8:8">
      <c r="H177585" s="12"/>
    </row>
    <row r="177586" spans="8:8">
      <c r="H177586" s="12"/>
    </row>
    <row r="177587" spans="8:8">
      <c r="H177587" s="12"/>
    </row>
    <row r="177588" spans="8:8">
      <c r="H177588" s="12"/>
    </row>
    <row r="177589" spans="8:8">
      <c r="H177589" s="12"/>
    </row>
    <row r="177590" spans="8:8">
      <c r="H177590" s="12"/>
    </row>
    <row r="177591" spans="8:8">
      <c r="H177591" s="12"/>
    </row>
    <row r="177592" spans="8:8">
      <c r="H177592" s="12"/>
    </row>
    <row r="177593" spans="8:8">
      <c r="H177593" s="12"/>
    </row>
    <row r="177594" spans="8:8">
      <c r="H177594" s="12"/>
    </row>
    <row r="177595" spans="8:8">
      <c r="H177595" s="12"/>
    </row>
    <row r="177596" spans="8:8">
      <c r="H177596" s="12"/>
    </row>
    <row r="177597" spans="8:8">
      <c r="H177597" s="12"/>
    </row>
    <row r="177598" spans="8:8">
      <c r="H177598" s="12"/>
    </row>
    <row r="177599" spans="8:8">
      <c r="H177599" s="12"/>
    </row>
    <row r="177600" spans="8:8">
      <c r="H177600" s="12"/>
    </row>
    <row r="177601" spans="8:8">
      <c r="H177601" s="12"/>
    </row>
    <row r="177602" spans="8:8">
      <c r="H177602" s="12"/>
    </row>
    <row r="177603" spans="8:8">
      <c r="H177603" s="12"/>
    </row>
    <row r="177604" spans="8:8">
      <c r="H177604" s="12"/>
    </row>
    <row r="177605" spans="8:8">
      <c r="H177605" s="12"/>
    </row>
    <row r="177606" spans="8:8">
      <c r="H177606" s="12"/>
    </row>
    <row r="177607" spans="8:8">
      <c r="H177607" s="12"/>
    </row>
    <row r="177608" spans="8:8">
      <c r="H177608" s="12"/>
    </row>
    <row r="177609" spans="8:8">
      <c r="H177609" s="12"/>
    </row>
    <row r="177610" spans="8:8">
      <c r="H177610" s="12"/>
    </row>
    <row r="177611" spans="8:8">
      <c r="H177611" s="12"/>
    </row>
    <row r="177612" spans="8:8">
      <c r="H177612" s="12"/>
    </row>
    <row r="177613" spans="8:8">
      <c r="H177613" s="12"/>
    </row>
    <row r="177614" spans="8:8">
      <c r="H177614" s="12"/>
    </row>
    <row r="177615" spans="8:8">
      <c r="H177615" s="12"/>
    </row>
    <row r="177616" spans="8:8">
      <c r="H177616" s="12"/>
    </row>
    <row r="177617" spans="8:8">
      <c r="H177617" s="12"/>
    </row>
    <row r="177618" spans="8:8">
      <c r="H177618" s="12"/>
    </row>
    <row r="177619" spans="8:8">
      <c r="H177619" s="12"/>
    </row>
    <row r="177620" spans="8:8">
      <c r="H177620" s="12"/>
    </row>
    <row r="177621" spans="8:8">
      <c r="H177621" s="12"/>
    </row>
    <row r="177622" spans="8:8">
      <c r="H177622" s="12"/>
    </row>
    <row r="177623" spans="8:8">
      <c r="H177623" s="12"/>
    </row>
    <row r="177624" spans="8:8">
      <c r="H177624" s="12"/>
    </row>
    <row r="177625" spans="8:8">
      <c r="H177625" s="12"/>
    </row>
    <row r="177626" spans="8:8">
      <c r="H177626" s="12"/>
    </row>
    <row r="177627" spans="8:8">
      <c r="H177627" s="12"/>
    </row>
    <row r="177628" spans="8:8">
      <c r="H177628" s="12"/>
    </row>
    <row r="177629" spans="8:8">
      <c r="H177629" s="12"/>
    </row>
    <row r="177630" spans="8:8">
      <c r="H177630" s="12"/>
    </row>
    <row r="177631" spans="8:8">
      <c r="H177631" s="12"/>
    </row>
    <row r="177632" spans="8:8">
      <c r="H177632" s="12"/>
    </row>
    <row r="177633" spans="8:8">
      <c r="H177633" s="12"/>
    </row>
    <row r="177634" spans="8:8">
      <c r="H177634" s="12"/>
    </row>
    <row r="177635" spans="8:8">
      <c r="H177635" s="12"/>
    </row>
    <row r="177636" spans="8:8">
      <c r="H177636" s="12"/>
    </row>
    <row r="177637" spans="8:8">
      <c r="H177637" s="12"/>
    </row>
    <row r="177638" spans="8:8">
      <c r="H177638" s="12"/>
    </row>
    <row r="177639" spans="8:8">
      <c r="H177639" s="12"/>
    </row>
    <row r="177640" spans="8:8">
      <c r="H177640" s="12"/>
    </row>
    <row r="177641" spans="8:8">
      <c r="H177641" s="12"/>
    </row>
    <row r="177642" spans="8:8">
      <c r="H177642" s="12"/>
    </row>
    <row r="177643" spans="8:8">
      <c r="H177643" s="12"/>
    </row>
    <row r="177644" spans="8:8">
      <c r="H177644" s="12"/>
    </row>
    <row r="177645" spans="8:8">
      <c r="H177645" s="12"/>
    </row>
    <row r="177646" spans="8:8">
      <c r="H177646" s="12"/>
    </row>
    <row r="177647" spans="8:8">
      <c r="H177647" s="12"/>
    </row>
    <row r="177648" spans="8:8">
      <c r="H177648" s="12"/>
    </row>
    <row r="177649" spans="8:8">
      <c r="H177649" s="12"/>
    </row>
    <row r="177650" spans="8:8">
      <c r="H177650" s="12"/>
    </row>
    <row r="177651" spans="8:8">
      <c r="H177651" s="12"/>
    </row>
    <row r="177652" spans="8:8">
      <c r="H177652" s="12"/>
    </row>
    <row r="177653" spans="8:8">
      <c r="H177653" s="12"/>
    </row>
    <row r="177654" spans="8:8">
      <c r="H177654" s="12"/>
    </row>
    <row r="177655" spans="8:8">
      <c r="H177655" s="12"/>
    </row>
    <row r="177656" spans="8:8">
      <c r="H177656" s="12"/>
    </row>
    <row r="177657" spans="8:8">
      <c r="H177657" s="12"/>
    </row>
    <row r="177658" spans="8:8">
      <c r="H177658" s="12"/>
    </row>
    <row r="177659" spans="8:8">
      <c r="H177659" s="12"/>
    </row>
    <row r="177660" spans="8:8">
      <c r="H177660" s="12"/>
    </row>
    <row r="177661" spans="8:8">
      <c r="H177661" s="12"/>
    </row>
    <row r="177662" spans="8:8">
      <c r="H177662" s="12"/>
    </row>
    <row r="177663" spans="8:8">
      <c r="H177663" s="12"/>
    </row>
    <row r="177664" spans="8:8">
      <c r="H177664" s="12"/>
    </row>
    <row r="177665" spans="8:8">
      <c r="H177665" s="12"/>
    </row>
    <row r="177666" spans="8:8">
      <c r="H177666" s="12"/>
    </row>
    <row r="177667" spans="8:8">
      <c r="H177667" s="12"/>
    </row>
    <row r="177668" spans="8:8">
      <c r="H177668" s="12"/>
    </row>
    <row r="177669" spans="8:8">
      <c r="H177669" s="12"/>
    </row>
    <row r="177670" spans="8:8">
      <c r="H177670" s="12"/>
    </row>
    <row r="177671" spans="8:8">
      <c r="H177671" s="12"/>
    </row>
    <row r="177672" spans="8:8">
      <c r="H177672" s="12"/>
    </row>
    <row r="177673" spans="8:8">
      <c r="H177673" s="12"/>
    </row>
    <row r="177674" spans="8:8">
      <c r="H177674" s="12"/>
    </row>
    <row r="177675" spans="8:8">
      <c r="H177675" s="12"/>
    </row>
    <row r="177676" spans="8:8">
      <c r="H177676" s="12"/>
    </row>
    <row r="177677" spans="8:8">
      <c r="H177677" s="12"/>
    </row>
    <row r="177678" spans="8:8">
      <c r="H177678" s="12"/>
    </row>
    <row r="177679" spans="8:8">
      <c r="H177679" s="12"/>
    </row>
    <row r="177680" spans="8:8">
      <c r="H177680" s="12"/>
    </row>
    <row r="177681" spans="8:8">
      <c r="H177681" s="12"/>
    </row>
    <row r="177682" spans="8:8">
      <c r="H177682" s="12"/>
    </row>
    <row r="177683" spans="8:8">
      <c r="H177683" s="12"/>
    </row>
    <row r="177684" spans="8:8">
      <c r="H177684" s="12"/>
    </row>
    <row r="177685" spans="8:8">
      <c r="H177685" s="12"/>
    </row>
    <row r="177686" spans="8:8">
      <c r="H177686" s="12"/>
    </row>
    <row r="177687" spans="8:8">
      <c r="H177687" s="12"/>
    </row>
    <row r="177688" spans="8:8">
      <c r="H177688" s="12"/>
    </row>
    <row r="177689" spans="8:8">
      <c r="H177689" s="12"/>
    </row>
    <row r="177690" spans="8:8">
      <c r="H177690" s="12"/>
    </row>
    <row r="177691" spans="8:8">
      <c r="H177691" s="12"/>
    </row>
    <row r="177692" spans="8:8">
      <c r="H177692" s="12"/>
    </row>
    <row r="177693" spans="8:8">
      <c r="H177693" s="12"/>
    </row>
    <row r="177694" spans="8:8">
      <c r="H177694" s="12"/>
    </row>
    <row r="177695" spans="8:8">
      <c r="H177695" s="12"/>
    </row>
    <row r="177696" spans="8:8">
      <c r="H177696" s="12"/>
    </row>
    <row r="177697" spans="8:8">
      <c r="H177697" s="12"/>
    </row>
    <row r="177698" spans="8:8">
      <c r="H177698" s="12"/>
    </row>
    <row r="177699" spans="8:8">
      <c r="H177699" s="12"/>
    </row>
    <row r="177700" spans="8:8">
      <c r="H177700" s="12"/>
    </row>
    <row r="177701" spans="8:8">
      <c r="H177701" s="12"/>
    </row>
    <row r="177702" spans="8:8">
      <c r="H177702" s="12"/>
    </row>
    <row r="177703" spans="8:8">
      <c r="H177703" s="12"/>
    </row>
    <row r="177704" spans="8:8">
      <c r="H177704" s="12"/>
    </row>
    <row r="177705" spans="8:8">
      <c r="H177705" s="12"/>
    </row>
    <row r="177706" spans="8:8">
      <c r="H177706" s="12"/>
    </row>
    <row r="177707" spans="8:8">
      <c r="H177707" s="12"/>
    </row>
    <row r="177708" spans="8:8">
      <c r="H177708" s="12"/>
    </row>
    <row r="177709" spans="8:8">
      <c r="H177709" s="12"/>
    </row>
    <row r="177710" spans="8:8">
      <c r="H177710" s="12"/>
    </row>
    <row r="177711" spans="8:8">
      <c r="H177711" s="12"/>
    </row>
    <row r="177712" spans="8:8">
      <c r="H177712" s="12"/>
    </row>
    <row r="177713" spans="8:8">
      <c r="H177713" s="12"/>
    </row>
    <row r="177714" spans="8:8">
      <c r="H177714" s="12"/>
    </row>
    <row r="177715" spans="8:8">
      <c r="H177715" s="12"/>
    </row>
    <row r="177716" spans="8:8">
      <c r="H177716" s="12"/>
    </row>
    <row r="177717" spans="8:8">
      <c r="H177717" s="12"/>
    </row>
    <row r="177718" spans="8:8">
      <c r="H177718" s="12"/>
    </row>
    <row r="177719" spans="8:8">
      <c r="H177719" s="12"/>
    </row>
    <row r="177720" spans="8:8">
      <c r="H177720" s="12"/>
    </row>
    <row r="177721" spans="8:8">
      <c r="H177721" s="12"/>
    </row>
    <row r="177722" spans="8:8">
      <c r="H177722" s="12"/>
    </row>
    <row r="177723" spans="8:8">
      <c r="H177723" s="12"/>
    </row>
    <row r="177724" spans="8:8">
      <c r="H177724" s="12"/>
    </row>
    <row r="177725" spans="8:8">
      <c r="H177725" s="12"/>
    </row>
    <row r="177726" spans="8:8">
      <c r="H177726" s="12"/>
    </row>
    <row r="177727" spans="8:8">
      <c r="H177727" s="12"/>
    </row>
    <row r="177728" spans="8:8">
      <c r="H177728" s="12"/>
    </row>
    <row r="177729" spans="8:8">
      <c r="H177729" s="12"/>
    </row>
    <row r="177730" spans="8:8">
      <c r="H177730" s="12"/>
    </row>
    <row r="177731" spans="8:8">
      <c r="H177731" s="12"/>
    </row>
    <row r="177732" spans="8:8">
      <c r="H177732" s="12"/>
    </row>
    <row r="177733" spans="8:8">
      <c r="H177733" s="12"/>
    </row>
    <row r="177734" spans="8:8">
      <c r="H177734" s="12"/>
    </row>
    <row r="177735" spans="8:8">
      <c r="H177735" s="12"/>
    </row>
    <row r="177736" spans="8:8">
      <c r="H177736" s="12"/>
    </row>
    <row r="177737" spans="8:8">
      <c r="H177737" s="12"/>
    </row>
    <row r="177738" spans="8:8">
      <c r="H177738" s="12"/>
    </row>
    <row r="177739" spans="8:8">
      <c r="H177739" s="12"/>
    </row>
    <row r="177740" spans="8:8">
      <c r="H177740" s="12"/>
    </row>
    <row r="177741" spans="8:8">
      <c r="H177741" s="12"/>
    </row>
    <row r="177742" spans="8:8">
      <c r="H177742" s="12"/>
    </row>
    <row r="177743" spans="8:8">
      <c r="H177743" s="12"/>
    </row>
    <row r="177744" spans="8:8">
      <c r="H177744" s="12"/>
    </row>
    <row r="177745" spans="8:8">
      <c r="H177745" s="12"/>
    </row>
    <row r="177746" spans="8:8">
      <c r="H177746" s="12"/>
    </row>
    <row r="177747" spans="8:8">
      <c r="H177747" s="12"/>
    </row>
    <row r="177748" spans="8:8">
      <c r="H177748" s="12"/>
    </row>
    <row r="177749" spans="8:8">
      <c r="H177749" s="12"/>
    </row>
    <row r="177750" spans="8:8">
      <c r="H177750" s="12"/>
    </row>
    <row r="177751" spans="8:8">
      <c r="H177751" s="12"/>
    </row>
    <row r="177752" spans="8:8">
      <c r="H177752" s="12"/>
    </row>
    <row r="177753" spans="8:8">
      <c r="H177753" s="12"/>
    </row>
    <row r="177754" spans="8:8">
      <c r="H177754" s="12"/>
    </row>
    <row r="177755" spans="8:8">
      <c r="H177755" s="12"/>
    </row>
    <row r="177756" spans="8:8">
      <c r="H177756" s="12"/>
    </row>
    <row r="177757" spans="8:8">
      <c r="H177757" s="12"/>
    </row>
    <row r="177758" spans="8:8">
      <c r="H177758" s="12"/>
    </row>
    <row r="177759" spans="8:8">
      <c r="H177759" s="12"/>
    </row>
    <row r="177760" spans="8:8">
      <c r="H177760" s="12"/>
    </row>
    <row r="177761" spans="8:8">
      <c r="H177761" s="12"/>
    </row>
    <row r="177762" spans="8:8">
      <c r="H177762" s="12"/>
    </row>
    <row r="177763" spans="8:8">
      <c r="H177763" s="12"/>
    </row>
    <row r="177764" spans="8:8">
      <c r="H177764" s="12"/>
    </row>
    <row r="177765" spans="8:8">
      <c r="H177765" s="12"/>
    </row>
    <row r="177766" spans="8:8">
      <c r="H177766" s="12"/>
    </row>
    <row r="177767" spans="8:8">
      <c r="H177767" s="12"/>
    </row>
    <row r="177768" spans="8:8">
      <c r="H177768" s="12"/>
    </row>
    <row r="177769" spans="8:8">
      <c r="H177769" s="12"/>
    </row>
    <row r="177770" spans="8:8">
      <c r="H177770" s="12"/>
    </row>
    <row r="177771" spans="8:8">
      <c r="H177771" s="12"/>
    </row>
    <row r="177772" spans="8:8">
      <c r="H177772" s="12"/>
    </row>
    <row r="177773" spans="8:8">
      <c r="H177773" s="12"/>
    </row>
    <row r="177774" spans="8:8">
      <c r="H177774" s="12"/>
    </row>
    <row r="177775" spans="8:8">
      <c r="H177775" s="12"/>
    </row>
    <row r="177776" spans="8:8">
      <c r="H177776" s="12"/>
    </row>
    <row r="177777" spans="8:8">
      <c r="H177777" s="12"/>
    </row>
    <row r="177778" spans="8:8">
      <c r="H177778" s="12"/>
    </row>
    <row r="177779" spans="8:8">
      <c r="H177779" s="12"/>
    </row>
    <row r="177780" spans="8:8">
      <c r="H177780" s="12"/>
    </row>
    <row r="177781" spans="8:8">
      <c r="H177781" s="12"/>
    </row>
    <row r="177782" spans="8:8">
      <c r="H177782" s="12"/>
    </row>
    <row r="177783" spans="8:8">
      <c r="H177783" s="12"/>
    </row>
    <row r="177784" spans="8:8">
      <c r="H177784" s="12"/>
    </row>
    <row r="177785" spans="8:8">
      <c r="H177785" s="12"/>
    </row>
    <row r="177786" spans="8:8">
      <c r="H177786" s="12"/>
    </row>
    <row r="177787" spans="8:8">
      <c r="H177787" s="12"/>
    </row>
    <row r="177788" spans="8:8">
      <c r="H177788" s="12"/>
    </row>
    <row r="177789" spans="8:8">
      <c r="H177789" s="12"/>
    </row>
    <row r="177790" spans="8:8">
      <c r="H177790" s="12"/>
    </row>
    <row r="177791" spans="8:8">
      <c r="H177791" s="12"/>
    </row>
    <row r="177792" spans="8:8">
      <c r="H177792" s="12"/>
    </row>
    <row r="177793" spans="8:8">
      <c r="H177793" s="12"/>
    </row>
    <row r="177794" spans="8:8">
      <c r="H177794" s="12"/>
    </row>
    <row r="177795" spans="8:8">
      <c r="H177795" s="12"/>
    </row>
    <row r="177796" spans="8:8">
      <c r="H177796" s="12"/>
    </row>
    <row r="177797" spans="8:8">
      <c r="H177797" s="12"/>
    </row>
    <row r="177798" spans="8:8">
      <c r="H177798" s="12"/>
    </row>
    <row r="177799" spans="8:8">
      <c r="H177799" s="12"/>
    </row>
    <row r="177800" spans="8:8">
      <c r="H177800" s="12"/>
    </row>
    <row r="177801" spans="8:8">
      <c r="H177801" s="12"/>
    </row>
    <row r="177802" spans="8:8">
      <c r="H177802" s="12"/>
    </row>
    <row r="177803" spans="8:8">
      <c r="H177803" s="12"/>
    </row>
    <row r="177804" spans="8:8">
      <c r="H177804" s="12"/>
    </row>
    <row r="177805" spans="8:8">
      <c r="H177805" s="12"/>
    </row>
    <row r="177806" spans="8:8">
      <c r="H177806" s="12"/>
    </row>
    <row r="177807" spans="8:8">
      <c r="H177807" s="12"/>
    </row>
    <row r="177808" spans="8:8">
      <c r="H177808" s="12"/>
    </row>
    <row r="177809" spans="8:8">
      <c r="H177809" s="12"/>
    </row>
    <row r="177810" spans="8:8">
      <c r="H177810" s="12"/>
    </row>
    <row r="177811" spans="8:8">
      <c r="H177811" s="12"/>
    </row>
    <row r="177812" spans="8:8">
      <c r="H177812" s="12"/>
    </row>
    <row r="177813" spans="8:8">
      <c r="H177813" s="12"/>
    </row>
    <row r="177814" spans="8:8">
      <c r="H177814" s="12"/>
    </row>
    <row r="177815" spans="8:8">
      <c r="H177815" s="12"/>
    </row>
    <row r="177816" spans="8:8">
      <c r="H177816" s="12"/>
    </row>
    <row r="177817" spans="8:8">
      <c r="H177817" s="12"/>
    </row>
    <row r="177818" spans="8:8">
      <c r="H177818" s="12"/>
    </row>
    <row r="177819" spans="8:8">
      <c r="H177819" s="12"/>
    </row>
    <row r="177820" spans="8:8">
      <c r="H177820" s="12"/>
    </row>
    <row r="177821" spans="8:8">
      <c r="H177821" s="12"/>
    </row>
    <row r="177822" spans="8:8">
      <c r="H177822" s="12"/>
    </row>
    <row r="177823" spans="8:8">
      <c r="H177823" s="12"/>
    </row>
    <row r="177824" spans="8:8">
      <c r="H177824" s="12"/>
    </row>
    <row r="177825" spans="8:8">
      <c r="H177825" s="12"/>
    </row>
    <row r="177826" spans="8:8">
      <c r="H177826" s="12"/>
    </row>
    <row r="177827" spans="8:8">
      <c r="H177827" s="12"/>
    </row>
    <row r="177828" spans="8:8">
      <c r="H177828" s="12"/>
    </row>
    <row r="177829" spans="8:8">
      <c r="H177829" s="12"/>
    </row>
    <row r="177830" spans="8:8">
      <c r="H177830" s="12"/>
    </row>
    <row r="177831" spans="8:8">
      <c r="H177831" s="12"/>
    </row>
    <row r="177832" spans="8:8">
      <c r="H177832" s="12"/>
    </row>
    <row r="177833" spans="8:8">
      <c r="H177833" s="12"/>
    </row>
    <row r="177834" spans="8:8">
      <c r="H177834" s="12"/>
    </row>
    <row r="177835" spans="8:8">
      <c r="H177835" s="12"/>
    </row>
    <row r="177836" spans="8:8">
      <c r="H177836" s="12"/>
    </row>
    <row r="177837" spans="8:8">
      <c r="H177837" s="12"/>
    </row>
    <row r="177838" spans="8:8">
      <c r="H177838" s="12"/>
    </row>
    <row r="177839" spans="8:8">
      <c r="H177839" s="12"/>
    </row>
    <row r="177840" spans="8:8">
      <c r="H177840" s="12"/>
    </row>
    <row r="177841" spans="8:8">
      <c r="H177841" s="12"/>
    </row>
    <row r="177842" spans="8:8">
      <c r="H177842" s="12"/>
    </row>
    <row r="177843" spans="8:8">
      <c r="H177843" s="12"/>
    </row>
    <row r="177844" spans="8:8">
      <c r="H177844" s="12"/>
    </row>
    <row r="177845" spans="8:8">
      <c r="H177845" s="12"/>
    </row>
    <row r="177846" spans="8:8">
      <c r="H177846" s="12"/>
    </row>
    <row r="177847" spans="8:8">
      <c r="H177847" s="12"/>
    </row>
    <row r="177848" spans="8:8">
      <c r="H177848" s="12"/>
    </row>
    <row r="177849" spans="8:8">
      <c r="H177849" s="12"/>
    </row>
    <row r="177850" spans="8:8">
      <c r="H177850" s="12"/>
    </row>
    <row r="177851" spans="8:8">
      <c r="H177851" s="12"/>
    </row>
    <row r="177852" spans="8:8">
      <c r="H177852" s="12"/>
    </row>
    <row r="177853" spans="8:8">
      <c r="H177853" s="12"/>
    </row>
    <row r="177854" spans="8:8">
      <c r="H177854" s="12"/>
    </row>
    <row r="177855" spans="8:8">
      <c r="H177855" s="12"/>
    </row>
    <row r="177856" spans="8:8">
      <c r="H177856" s="12"/>
    </row>
    <row r="177857" spans="8:8">
      <c r="H177857" s="12"/>
    </row>
    <row r="177858" spans="8:8">
      <c r="H177858" s="12"/>
    </row>
    <row r="177859" spans="8:8">
      <c r="H177859" s="12"/>
    </row>
    <row r="177860" spans="8:8">
      <c r="H177860" s="12"/>
    </row>
    <row r="177861" spans="8:8">
      <c r="H177861" s="12"/>
    </row>
    <row r="177862" spans="8:8">
      <c r="H177862" s="12"/>
    </row>
    <row r="177863" spans="8:8">
      <c r="H177863" s="12"/>
    </row>
    <row r="177864" spans="8:8">
      <c r="H177864" s="12"/>
    </row>
    <row r="177865" spans="8:8">
      <c r="H177865" s="12"/>
    </row>
    <row r="177866" spans="8:8">
      <c r="H177866" s="12"/>
    </row>
    <row r="177867" spans="8:8">
      <c r="H177867" s="12"/>
    </row>
    <row r="177868" spans="8:8">
      <c r="H177868" s="12"/>
    </row>
    <row r="177869" spans="8:8">
      <c r="H177869" s="12"/>
    </row>
    <row r="177870" spans="8:8">
      <c r="H177870" s="12"/>
    </row>
    <row r="177871" spans="8:8">
      <c r="H177871" s="12"/>
    </row>
    <row r="177872" spans="8:8">
      <c r="H177872" s="12"/>
    </row>
    <row r="177873" spans="8:8">
      <c r="H177873" s="12"/>
    </row>
    <row r="177874" spans="8:8">
      <c r="H177874" s="12"/>
    </row>
    <row r="177875" spans="8:8">
      <c r="H177875" s="12"/>
    </row>
    <row r="177876" spans="8:8">
      <c r="H177876" s="12"/>
    </row>
    <row r="177877" spans="8:8">
      <c r="H177877" s="12"/>
    </row>
    <row r="177878" spans="8:8">
      <c r="H177878" s="12"/>
    </row>
    <row r="177879" spans="8:8">
      <c r="H177879" s="12"/>
    </row>
    <row r="177880" spans="8:8">
      <c r="H177880" s="12"/>
    </row>
    <row r="177881" spans="8:8">
      <c r="H177881" s="12"/>
    </row>
    <row r="177882" spans="8:8">
      <c r="H177882" s="12"/>
    </row>
    <row r="177883" spans="8:8">
      <c r="H177883" s="12"/>
    </row>
    <row r="177884" spans="8:8">
      <c r="H177884" s="12"/>
    </row>
    <row r="177885" spans="8:8">
      <c r="H177885" s="12"/>
    </row>
    <row r="177886" spans="8:8">
      <c r="H177886" s="12"/>
    </row>
    <row r="177887" spans="8:8">
      <c r="H177887" s="12"/>
    </row>
    <row r="177888" spans="8:8">
      <c r="H177888" s="12"/>
    </row>
    <row r="177889" spans="8:8">
      <c r="H177889" s="12"/>
    </row>
    <row r="177890" spans="8:8">
      <c r="H177890" s="12"/>
    </row>
    <row r="177891" spans="8:8">
      <c r="H177891" s="12"/>
    </row>
    <row r="177892" spans="8:8">
      <c r="H177892" s="12"/>
    </row>
    <row r="177893" spans="8:8">
      <c r="H177893" s="12"/>
    </row>
    <row r="177894" spans="8:8">
      <c r="H177894" s="12"/>
    </row>
    <row r="177895" spans="8:8">
      <c r="H177895" s="12"/>
    </row>
    <row r="177896" spans="8:8">
      <c r="H177896" s="12"/>
    </row>
    <row r="177897" spans="8:8">
      <c r="H177897" s="12"/>
    </row>
    <row r="177898" spans="8:8">
      <c r="H177898" s="12"/>
    </row>
    <row r="177899" spans="8:8">
      <c r="H177899" s="12"/>
    </row>
    <row r="177900" spans="8:8">
      <c r="H177900" s="12"/>
    </row>
    <row r="177901" spans="8:8">
      <c r="H177901" s="12"/>
    </row>
    <row r="177902" spans="8:8">
      <c r="H177902" s="12"/>
    </row>
    <row r="177903" spans="8:8">
      <c r="H177903" s="12"/>
    </row>
    <row r="177904" spans="8:8">
      <c r="H177904" s="12"/>
    </row>
    <row r="177905" spans="8:8">
      <c r="H177905" s="12"/>
    </row>
    <row r="177906" spans="8:8">
      <c r="H177906" s="12"/>
    </row>
    <row r="177907" spans="8:8">
      <c r="H177907" s="12"/>
    </row>
    <row r="177908" spans="8:8">
      <c r="H177908" s="12"/>
    </row>
    <row r="177909" spans="8:8">
      <c r="H177909" s="12"/>
    </row>
    <row r="177910" spans="8:8">
      <c r="H177910" s="12"/>
    </row>
    <row r="177911" spans="8:8">
      <c r="H177911" s="12"/>
    </row>
    <row r="177912" spans="8:8">
      <c r="H177912" s="12"/>
    </row>
    <row r="177913" spans="8:8">
      <c r="H177913" s="12"/>
    </row>
    <row r="177914" spans="8:8">
      <c r="H177914" s="12"/>
    </row>
    <row r="177915" spans="8:8">
      <c r="H177915" s="12"/>
    </row>
    <row r="177916" spans="8:8">
      <c r="H177916" s="12"/>
    </row>
    <row r="177917" spans="8:8">
      <c r="H177917" s="12"/>
    </row>
    <row r="177918" spans="8:8">
      <c r="H177918" s="12"/>
    </row>
    <row r="177919" spans="8:8">
      <c r="H177919" s="12"/>
    </row>
    <row r="177920" spans="8:8">
      <c r="H177920" s="12"/>
    </row>
    <row r="177921" spans="8:8">
      <c r="H177921" s="12"/>
    </row>
    <row r="177922" spans="8:8">
      <c r="H177922" s="12"/>
    </row>
    <row r="177923" spans="8:8">
      <c r="H177923" s="12"/>
    </row>
    <row r="177924" spans="8:8">
      <c r="H177924" s="12"/>
    </row>
    <row r="177925" spans="8:8">
      <c r="H177925" s="12"/>
    </row>
    <row r="177926" spans="8:8">
      <c r="H177926" s="12"/>
    </row>
    <row r="177927" spans="8:8">
      <c r="H177927" s="12"/>
    </row>
    <row r="177928" spans="8:8">
      <c r="H177928" s="12"/>
    </row>
    <row r="177929" spans="8:8">
      <c r="H177929" s="12"/>
    </row>
    <row r="177930" spans="8:8">
      <c r="H177930" s="12"/>
    </row>
    <row r="177931" spans="8:8">
      <c r="H177931" s="12"/>
    </row>
    <row r="177932" spans="8:8">
      <c r="H177932" s="12"/>
    </row>
    <row r="177933" spans="8:8">
      <c r="H177933" s="12"/>
    </row>
    <row r="177934" spans="8:8">
      <c r="H177934" s="12"/>
    </row>
    <row r="177935" spans="8:8">
      <c r="H177935" s="12"/>
    </row>
    <row r="177936" spans="8:8">
      <c r="H177936" s="12"/>
    </row>
    <row r="177937" spans="8:8">
      <c r="H177937" s="12"/>
    </row>
    <row r="177938" spans="8:8">
      <c r="H177938" s="12"/>
    </row>
    <row r="177939" spans="8:8">
      <c r="H177939" s="12"/>
    </row>
    <row r="177940" spans="8:8">
      <c r="H177940" s="12"/>
    </row>
    <row r="177941" spans="8:8">
      <c r="H177941" s="12"/>
    </row>
    <row r="177942" spans="8:8">
      <c r="H177942" s="12"/>
    </row>
    <row r="177943" spans="8:8">
      <c r="H177943" s="12"/>
    </row>
    <row r="177944" spans="8:8">
      <c r="H177944" s="12"/>
    </row>
    <row r="177945" spans="8:8">
      <c r="H177945" s="12"/>
    </row>
    <row r="177946" spans="8:8">
      <c r="H177946" s="12"/>
    </row>
    <row r="177947" spans="8:8">
      <c r="H177947" s="12"/>
    </row>
    <row r="177948" spans="8:8">
      <c r="H177948" s="12"/>
    </row>
    <row r="177949" spans="8:8">
      <c r="H177949" s="12"/>
    </row>
    <row r="177950" spans="8:8">
      <c r="H177950" s="12"/>
    </row>
    <row r="177951" spans="8:8">
      <c r="H177951" s="12"/>
    </row>
    <row r="177952" spans="8:8">
      <c r="H177952" s="12"/>
    </row>
    <row r="177953" spans="8:8">
      <c r="H177953" s="12"/>
    </row>
    <row r="177954" spans="8:8">
      <c r="H177954" s="12"/>
    </row>
    <row r="177955" spans="8:8">
      <c r="H177955" s="12"/>
    </row>
    <row r="177956" spans="8:8">
      <c r="H177956" s="12"/>
    </row>
    <row r="177957" spans="8:8">
      <c r="H177957" s="12"/>
    </row>
    <row r="177958" spans="8:8">
      <c r="H177958" s="12"/>
    </row>
    <row r="177959" spans="8:8">
      <c r="H177959" s="12"/>
    </row>
    <row r="177960" spans="8:8">
      <c r="H177960" s="12"/>
    </row>
    <row r="177961" spans="8:8">
      <c r="H177961" s="12"/>
    </row>
    <row r="177962" spans="8:8">
      <c r="H177962" s="12"/>
    </row>
    <row r="177963" spans="8:8">
      <c r="H177963" s="12"/>
    </row>
    <row r="177964" spans="8:8">
      <c r="H177964" s="12"/>
    </row>
    <row r="177965" spans="8:8">
      <c r="H177965" s="12"/>
    </row>
    <row r="177966" spans="8:8">
      <c r="H177966" s="12"/>
    </row>
    <row r="177967" spans="8:8">
      <c r="H177967" s="12"/>
    </row>
    <row r="177968" spans="8:8">
      <c r="H177968" s="12"/>
    </row>
    <row r="177969" spans="8:8">
      <c r="H177969" s="12"/>
    </row>
    <row r="177970" spans="8:8">
      <c r="H177970" s="12"/>
    </row>
    <row r="177971" spans="8:8">
      <c r="H177971" s="12"/>
    </row>
    <row r="177972" spans="8:8">
      <c r="H177972" s="12"/>
    </row>
    <row r="177973" spans="8:8">
      <c r="H177973" s="12"/>
    </row>
    <row r="177974" spans="8:8">
      <c r="H177974" s="12"/>
    </row>
    <row r="177975" spans="8:8">
      <c r="H177975" s="12"/>
    </row>
    <row r="177976" spans="8:8">
      <c r="H177976" s="12"/>
    </row>
    <row r="177977" spans="8:8">
      <c r="H177977" s="12"/>
    </row>
    <row r="177978" spans="8:8">
      <c r="H177978" s="12"/>
    </row>
    <row r="177979" spans="8:8">
      <c r="H177979" s="12"/>
    </row>
    <row r="177980" spans="8:8">
      <c r="H177980" s="12"/>
    </row>
    <row r="177981" spans="8:8">
      <c r="H177981" s="12"/>
    </row>
    <row r="177982" spans="8:8">
      <c r="H177982" s="12"/>
    </row>
    <row r="177983" spans="8:8">
      <c r="H177983" s="12"/>
    </row>
    <row r="177984" spans="8:8">
      <c r="H177984" s="12"/>
    </row>
    <row r="177985" spans="8:8">
      <c r="H177985" s="12"/>
    </row>
    <row r="177986" spans="8:8">
      <c r="H177986" s="12"/>
    </row>
    <row r="177987" spans="8:8">
      <c r="H177987" s="12"/>
    </row>
    <row r="177988" spans="8:8">
      <c r="H177988" s="12"/>
    </row>
    <row r="177989" spans="8:8">
      <c r="H177989" s="12"/>
    </row>
    <row r="177990" spans="8:8">
      <c r="H177990" s="12"/>
    </row>
    <row r="177991" spans="8:8">
      <c r="H177991" s="12"/>
    </row>
    <row r="177992" spans="8:8">
      <c r="H177992" s="12"/>
    </row>
    <row r="177993" spans="8:8">
      <c r="H177993" s="12"/>
    </row>
    <row r="177994" spans="8:8">
      <c r="H177994" s="12"/>
    </row>
    <row r="177995" spans="8:8">
      <c r="H177995" s="12"/>
    </row>
    <row r="177996" spans="8:8">
      <c r="H177996" s="12"/>
    </row>
    <row r="177997" spans="8:8">
      <c r="H177997" s="12"/>
    </row>
    <row r="177998" spans="8:8">
      <c r="H177998" s="12"/>
    </row>
    <row r="177999" spans="8:8">
      <c r="H177999" s="12"/>
    </row>
    <row r="178000" spans="8:8">
      <c r="H178000" s="12"/>
    </row>
    <row r="178001" spans="8:8">
      <c r="H178001" s="12"/>
    </row>
    <row r="178002" spans="8:8">
      <c r="H178002" s="12"/>
    </row>
    <row r="178003" spans="8:8">
      <c r="H178003" s="12"/>
    </row>
    <row r="178004" spans="8:8">
      <c r="H178004" s="12"/>
    </row>
    <row r="178005" spans="8:8">
      <c r="H178005" s="12"/>
    </row>
    <row r="178006" spans="8:8">
      <c r="H178006" s="12"/>
    </row>
    <row r="178007" spans="8:8">
      <c r="H178007" s="12"/>
    </row>
    <row r="178008" spans="8:8">
      <c r="H178008" s="12"/>
    </row>
    <row r="178009" spans="8:8">
      <c r="H178009" s="12"/>
    </row>
    <row r="178010" spans="8:8">
      <c r="H178010" s="12"/>
    </row>
    <row r="178011" spans="8:8">
      <c r="H178011" s="12"/>
    </row>
    <row r="178012" spans="8:8">
      <c r="H178012" s="12"/>
    </row>
    <row r="178013" spans="8:8">
      <c r="H178013" s="12"/>
    </row>
    <row r="178014" spans="8:8">
      <c r="H178014" s="12"/>
    </row>
    <row r="178015" spans="8:8">
      <c r="H178015" s="12"/>
    </row>
    <row r="178016" spans="8:8">
      <c r="H178016" s="12"/>
    </row>
    <row r="178017" spans="8:8">
      <c r="H178017" s="12"/>
    </row>
    <row r="178018" spans="8:8">
      <c r="H178018" s="12"/>
    </row>
    <row r="178019" spans="8:8">
      <c r="H178019" s="12"/>
    </row>
    <row r="178020" spans="8:8">
      <c r="H178020" s="12"/>
    </row>
    <row r="178021" spans="8:8">
      <c r="H178021" s="12"/>
    </row>
    <row r="178022" spans="8:8">
      <c r="H178022" s="12"/>
    </row>
    <row r="178023" spans="8:8">
      <c r="H178023" s="12"/>
    </row>
    <row r="178024" spans="8:8">
      <c r="H178024" s="12"/>
    </row>
    <row r="178025" spans="8:8">
      <c r="H178025" s="12"/>
    </row>
    <row r="178026" spans="8:8">
      <c r="H178026" s="12"/>
    </row>
    <row r="178027" spans="8:8">
      <c r="H178027" s="12"/>
    </row>
    <row r="178028" spans="8:8">
      <c r="H178028" s="12"/>
    </row>
    <row r="178029" spans="8:8">
      <c r="H178029" s="12"/>
    </row>
    <row r="178030" spans="8:8">
      <c r="H178030" s="12"/>
    </row>
    <row r="178031" spans="8:8">
      <c r="H178031" s="12"/>
    </row>
    <row r="178032" spans="8:8">
      <c r="H178032" s="12"/>
    </row>
    <row r="178033" spans="8:8">
      <c r="H178033" s="12"/>
    </row>
    <row r="178034" spans="8:8">
      <c r="H178034" s="12"/>
    </row>
    <row r="178035" spans="8:8">
      <c r="H178035" s="12"/>
    </row>
    <row r="178036" spans="8:8">
      <c r="H178036" s="12"/>
    </row>
    <row r="178037" spans="8:8">
      <c r="H178037" s="12"/>
    </row>
    <row r="178038" spans="8:8">
      <c r="H178038" s="12"/>
    </row>
    <row r="178039" spans="8:8">
      <c r="H178039" s="12"/>
    </row>
    <row r="178040" spans="8:8">
      <c r="H178040" s="12"/>
    </row>
    <row r="178041" spans="8:8">
      <c r="H178041" s="12"/>
    </row>
    <row r="178042" spans="8:8">
      <c r="H178042" s="12"/>
    </row>
    <row r="178043" spans="8:8">
      <c r="H178043" s="12"/>
    </row>
    <row r="178044" spans="8:8">
      <c r="H178044" s="12"/>
    </row>
    <row r="178045" spans="8:8">
      <c r="H178045" s="12"/>
    </row>
    <row r="178046" spans="8:8">
      <c r="H178046" s="12"/>
    </row>
    <row r="178047" spans="8:8">
      <c r="H178047" s="12"/>
    </row>
    <row r="178048" spans="8:8">
      <c r="H178048" s="12"/>
    </row>
    <row r="178049" spans="8:8">
      <c r="H178049" s="12"/>
    </row>
    <row r="178050" spans="8:8">
      <c r="H178050" s="12"/>
    </row>
    <row r="178051" spans="8:8">
      <c r="H178051" s="12"/>
    </row>
    <row r="178052" spans="8:8">
      <c r="H178052" s="12"/>
    </row>
    <row r="178053" spans="8:8">
      <c r="H178053" s="12"/>
    </row>
    <row r="178054" spans="8:8">
      <c r="H178054" s="12"/>
    </row>
    <row r="178055" spans="8:8">
      <c r="H178055" s="12"/>
    </row>
    <row r="178056" spans="8:8">
      <c r="H178056" s="12"/>
    </row>
    <row r="178057" spans="8:8">
      <c r="H178057" s="12"/>
    </row>
    <row r="178058" spans="8:8">
      <c r="H178058" s="12"/>
    </row>
    <row r="178059" spans="8:8">
      <c r="H178059" s="12"/>
    </row>
    <row r="178060" spans="8:8">
      <c r="H178060" s="12"/>
    </row>
    <row r="178061" spans="8:8">
      <c r="H178061" s="12"/>
    </row>
    <row r="178062" spans="8:8">
      <c r="H178062" s="12"/>
    </row>
    <row r="178063" spans="8:8">
      <c r="H178063" s="12"/>
    </row>
    <row r="178064" spans="8:8">
      <c r="H178064" s="12"/>
    </row>
    <row r="178065" spans="8:8">
      <c r="H178065" s="12"/>
    </row>
    <row r="178066" spans="8:8">
      <c r="H178066" s="12"/>
    </row>
    <row r="178067" spans="8:8">
      <c r="H178067" s="12"/>
    </row>
    <row r="178068" spans="8:8">
      <c r="H178068" s="12"/>
    </row>
    <row r="178069" spans="8:8">
      <c r="H178069" s="12"/>
    </row>
    <row r="178070" spans="8:8">
      <c r="H178070" s="12"/>
    </row>
    <row r="178071" spans="8:8">
      <c r="H178071" s="12"/>
    </row>
    <row r="178072" spans="8:8">
      <c r="H178072" s="12"/>
    </row>
    <row r="178073" spans="8:8">
      <c r="H178073" s="12"/>
    </row>
    <row r="178074" spans="8:8">
      <c r="H178074" s="12"/>
    </row>
    <row r="178075" spans="8:8">
      <c r="H178075" s="12"/>
    </row>
    <row r="178076" spans="8:8">
      <c r="H178076" s="12"/>
    </row>
    <row r="178077" spans="8:8">
      <c r="H178077" s="12"/>
    </row>
    <row r="178078" spans="8:8">
      <c r="H178078" s="12"/>
    </row>
    <row r="178079" spans="8:8">
      <c r="H178079" s="12"/>
    </row>
    <row r="178080" spans="8:8">
      <c r="H178080" s="12"/>
    </row>
    <row r="178081" spans="8:8">
      <c r="H178081" s="12"/>
    </row>
    <row r="178082" spans="8:8">
      <c r="H178082" s="12"/>
    </row>
    <row r="178083" spans="8:8">
      <c r="H178083" s="12"/>
    </row>
    <row r="178084" spans="8:8">
      <c r="H178084" s="12"/>
    </row>
    <row r="178085" spans="8:8">
      <c r="H178085" s="12"/>
    </row>
    <row r="178086" spans="8:8">
      <c r="H178086" s="12"/>
    </row>
    <row r="178087" spans="8:8">
      <c r="H178087" s="12"/>
    </row>
    <row r="178088" spans="8:8">
      <c r="H178088" s="12"/>
    </row>
    <row r="178089" spans="8:8">
      <c r="H178089" s="12"/>
    </row>
    <row r="178090" spans="8:8">
      <c r="H178090" s="12"/>
    </row>
    <row r="178091" spans="8:8">
      <c r="H178091" s="12"/>
    </row>
    <row r="178092" spans="8:8">
      <c r="H178092" s="12"/>
    </row>
    <row r="178093" spans="8:8">
      <c r="H178093" s="12"/>
    </row>
    <row r="178094" spans="8:8">
      <c r="H178094" s="12"/>
    </row>
    <row r="178095" spans="8:8">
      <c r="H178095" s="12"/>
    </row>
    <row r="178096" spans="8:8">
      <c r="H178096" s="12"/>
    </row>
    <row r="178097" spans="8:8">
      <c r="H178097" s="12"/>
    </row>
    <row r="178098" spans="8:8">
      <c r="H178098" s="12"/>
    </row>
    <row r="178099" spans="8:8">
      <c r="H178099" s="12"/>
    </row>
    <row r="178100" spans="8:8">
      <c r="H178100" s="12"/>
    </row>
    <row r="178101" spans="8:8">
      <c r="H178101" s="12"/>
    </row>
    <row r="178102" spans="8:8">
      <c r="H178102" s="12"/>
    </row>
    <row r="178103" spans="8:8">
      <c r="H178103" s="12"/>
    </row>
    <row r="178104" spans="8:8">
      <c r="H178104" s="12"/>
    </row>
    <row r="178105" spans="8:8">
      <c r="H178105" s="12"/>
    </row>
    <row r="178106" spans="8:8">
      <c r="H178106" s="12"/>
    </row>
    <row r="178107" spans="8:8">
      <c r="H178107" s="12"/>
    </row>
    <row r="178108" spans="8:8">
      <c r="H178108" s="12"/>
    </row>
    <row r="178109" spans="8:8">
      <c r="H178109" s="12"/>
    </row>
    <row r="178110" spans="8:8">
      <c r="H178110" s="12"/>
    </row>
    <row r="178111" spans="8:8">
      <c r="H178111" s="12"/>
    </row>
    <row r="178112" spans="8:8">
      <c r="H178112" s="12"/>
    </row>
    <row r="178113" spans="8:8">
      <c r="H178113" s="12"/>
    </row>
    <row r="178114" spans="8:8">
      <c r="H178114" s="12"/>
    </row>
    <row r="178115" spans="8:8">
      <c r="H178115" s="12"/>
    </row>
    <row r="178116" spans="8:8">
      <c r="H178116" s="12"/>
    </row>
    <row r="178117" spans="8:8">
      <c r="H178117" s="12"/>
    </row>
    <row r="178118" spans="8:8">
      <c r="H178118" s="12"/>
    </row>
    <row r="178119" spans="8:8">
      <c r="H178119" s="12"/>
    </row>
    <row r="178120" spans="8:8">
      <c r="H178120" s="12"/>
    </row>
    <row r="178121" spans="8:8">
      <c r="H178121" s="12"/>
    </row>
    <row r="178122" spans="8:8">
      <c r="H178122" s="12"/>
    </row>
    <row r="178123" spans="8:8">
      <c r="H178123" s="12"/>
    </row>
    <row r="178124" spans="8:8">
      <c r="H178124" s="12"/>
    </row>
    <row r="178125" spans="8:8">
      <c r="H178125" s="12"/>
    </row>
    <row r="178126" spans="8:8">
      <c r="H178126" s="12"/>
    </row>
    <row r="178127" spans="8:8">
      <c r="H178127" s="12"/>
    </row>
    <row r="178128" spans="8:8">
      <c r="H178128" s="12"/>
    </row>
    <row r="178129" spans="8:8">
      <c r="H178129" s="12"/>
    </row>
    <row r="178130" spans="8:8">
      <c r="H178130" s="12"/>
    </row>
    <row r="178131" spans="8:8">
      <c r="H178131" s="12"/>
    </row>
    <row r="178132" spans="8:8">
      <c r="H178132" s="12"/>
    </row>
    <row r="178133" spans="8:8">
      <c r="H178133" s="12"/>
    </row>
    <row r="178134" spans="8:8">
      <c r="H178134" s="12"/>
    </row>
    <row r="178135" spans="8:8">
      <c r="H178135" s="12"/>
    </row>
    <row r="178136" spans="8:8">
      <c r="H178136" s="12"/>
    </row>
    <row r="178137" spans="8:8">
      <c r="H178137" s="12"/>
    </row>
    <row r="178138" spans="8:8">
      <c r="H178138" s="12"/>
    </row>
    <row r="178139" spans="8:8">
      <c r="H178139" s="12"/>
    </row>
    <row r="178140" spans="8:8">
      <c r="H178140" s="12"/>
    </row>
    <row r="178141" spans="8:8">
      <c r="H178141" s="12"/>
    </row>
    <row r="178142" spans="8:8">
      <c r="H178142" s="12"/>
    </row>
    <row r="178143" spans="8:8">
      <c r="H178143" s="12"/>
    </row>
    <row r="178144" spans="8:8">
      <c r="H178144" s="12"/>
    </row>
    <row r="178145" spans="8:8">
      <c r="H178145" s="12"/>
    </row>
    <row r="178146" spans="8:8">
      <c r="H178146" s="12"/>
    </row>
    <row r="178147" spans="8:8">
      <c r="H178147" s="12"/>
    </row>
    <row r="178148" spans="8:8">
      <c r="H178148" s="12"/>
    </row>
    <row r="178149" spans="8:8">
      <c r="H178149" s="12"/>
    </row>
    <row r="178150" spans="8:8">
      <c r="H178150" s="12"/>
    </row>
    <row r="178151" spans="8:8">
      <c r="H178151" s="12"/>
    </row>
    <row r="178152" spans="8:8">
      <c r="H178152" s="12"/>
    </row>
    <row r="178153" spans="8:8">
      <c r="H178153" s="12"/>
    </row>
    <row r="178154" spans="8:8">
      <c r="H178154" s="12"/>
    </row>
    <row r="178155" spans="8:8">
      <c r="H178155" s="12"/>
    </row>
    <row r="178156" spans="8:8">
      <c r="H178156" s="12"/>
    </row>
    <row r="178157" spans="8:8">
      <c r="H178157" s="12"/>
    </row>
    <row r="178158" spans="8:8">
      <c r="H178158" s="12"/>
    </row>
    <row r="178159" spans="8:8">
      <c r="H178159" s="12"/>
    </row>
    <row r="178160" spans="8:8">
      <c r="H178160" s="12"/>
    </row>
    <row r="178161" spans="8:8">
      <c r="H178161" s="12"/>
    </row>
    <row r="178162" spans="8:8">
      <c r="H178162" s="12"/>
    </row>
    <row r="178163" spans="8:8">
      <c r="H178163" s="12"/>
    </row>
    <row r="178164" spans="8:8">
      <c r="H178164" s="12"/>
    </row>
    <row r="178165" spans="8:8">
      <c r="H178165" s="12"/>
    </row>
    <row r="178166" spans="8:8">
      <c r="H178166" s="12"/>
    </row>
    <row r="178167" spans="8:8">
      <c r="H178167" s="12"/>
    </row>
    <row r="178168" spans="8:8">
      <c r="H178168" s="12"/>
    </row>
    <row r="178169" spans="8:8">
      <c r="H178169" s="12"/>
    </row>
    <row r="178170" spans="8:8">
      <c r="H178170" s="12"/>
    </row>
    <row r="178171" spans="8:8">
      <c r="H178171" s="12"/>
    </row>
    <row r="178172" spans="8:8">
      <c r="H178172" s="12"/>
    </row>
    <row r="178173" spans="8:8">
      <c r="H178173" s="12"/>
    </row>
    <row r="178174" spans="8:8">
      <c r="H178174" s="12"/>
    </row>
    <row r="178175" spans="8:8">
      <c r="H178175" s="12"/>
    </row>
    <row r="178176" spans="8:8">
      <c r="H178176" s="12"/>
    </row>
    <row r="178177" spans="8:8">
      <c r="H178177" s="12"/>
    </row>
    <row r="178178" spans="8:8">
      <c r="H178178" s="12"/>
    </row>
    <row r="178179" spans="8:8">
      <c r="H178179" s="12"/>
    </row>
    <row r="178180" spans="8:8">
      <c r="H178180" s="12"/>
    </row>
    <row r="178181" spans="8:8">
      <c r="H178181" s="12"/>
    </row>
    <row r="178182" spans="8:8">
      <c r="H178182" s="12"/>
    </row>
    <row r="178183" spans="8:8">
      <c r="H178183" s="12"/>
    </row>
    <row r="178184" spans="8:8">
      <c r="H178184" s="12"/>
    </row>
    <row r="178185" spans="8:8">
      <c r="H178185" s="12"/>
    </row>
    <row r="178186" spans="8:8">
      <c r="H178186" s="12"/>
    </row>
    <row r="178187" spans="8:8">
      <c r="H178187" s="12"/>
    </row>
    <row r="178188" spans="8:8">
      <c r="H178188" s="12"/>
    </row>
    <row r="178189" spans="8:8">
      <c r="H178189" s="12"/>
    </row>
    <row r="178190" spans="8:8">
      <c r="H178190" s="12"/>
    </row>
    <row r="178191" spans="8:8">
      <c r="H178191" s="12"/>
    </row>
    <row r="178192" spans="8:8">
      <c r="H178192" s="12"/>
    </row>
    <row r="178193" spans="8:8">
      <c r="H178193" s="12"/>
    </row>
    <row r="178194" spans="8:8">
      <c r="H178194" s="12"/>
    </row>
    <row r="178195" spans="8:8">
      <c r="H178195" s="12"/>
    </row>
    <row r="178196" spans="8:8">
      <c r="H178196" s="12"/>
    </row>
    <row r="178197" spans="8:8">
      <c r="H178197" s="12"/>
    </row>
    <row r="178198" spans="8:8">
      <c r="H178198" s="12"/>
    </row>
    <row r="178199" spans="8:8">
      <c r="H178199" s="12"/>
    </row>
    <row r="178200" spans="8:8">
      <c r="H178200" s="12"/>
    </row>
    <row r="178201" spans="8:8">
      <c r="H178201" s="12"/>
    </row>
    <row r="178202" spans="8:8">
      <c r="H178202" s="12"/>
    </row>
    <row r="178203" spans="8:8">
      <c r="H178203" s="12"/>
    </row>
    <row r="178204" spans="8:8">
      <c r="H178204" s="12"/>
    </row>
    <row r="178205" spans="8:8">
      <c r="H178205" s="12"/>
    </row>
    <row r="178206" spans="8:8">
      <c r="H178206" s="12"/>
    </row>
    <row r="178207" spans="8:8">
      <c r="H178207" s="12"/>
    </row>
    <row r="178208" spans="8:8">
      <c r="H178208" s="12"/>
    </row>
    <row r="178209" spans="8:8">
      <c r="H178209" s="12"/>
    </row>
    <row r="178210" spans="8:8">
      <c r="H178210" s="12"/>
    </row>
    <row r="178211" spans="8:8">
      <c r="H178211" s="12"/>
    </row>
    <row r="178212" spans="8:8">
      <c r="H178212" s="12"/>
    </row>
    <row r="178213" spans="8:8">
      <c r="H178213" s="12"/>
    </row>
    <row r="178214" spans="8:8">
      <c r="H178214" s="12"/>
    </row>
    <row r="178215" spans="8:8">
      <c r="H178215" s="12"/>
    </row>
    <row r="178216" spans="8:8">
      <c r="H178216" s="12"/>
    </row>
    <row r="178217" spans="8:8">
      <c r="H178217" s="12"/>
    </row>
    <row r="178218" spans="8:8">
      <c r="H178218" s="12"/>
    </row>
    <row r="178219" spans="8:8">
      <c r="H178219" s="12"/>
    </row>
    <row r="178220" spans="8:8">
      <c r="H178220" s="12"/>
    </row>
    <row r="178221" spans="8:8">
      <c r="H178221" s="12"/>
    </row>
    <row r="178222" spans="8:8">
      <c r="H178222" s="12"/>
    </row>
    <row r="178223" spans="8:8">
      <c r="H178223" s="12"/>
    </row>
    <row r="178224" spans="8:8">
      <c r="H178224" s="12"/>
    </row>
    <row r="178225" spans="8:8">
      <c r="H178225" s="12"/>
    </row>
    <row r="178226" spans="8:8">
      <c r="H178226" s="12"/>
    </row>
    <row r="178227" spans="8:8">
      <c r="H178227" s="12"/>
    </row>
    <row r="178228" spans="8:8">
      <c r="H178228" s="12"/>
    </row>
    <row r="178229" spans="8:8">
      <c r="H178229" s="12"/>
    </row>
    <row r="178230" spans="8:8">
      <c r="H178230" s="12"/>
    </row>
    <row r="178231" spans="8:8">
      <c r="H178231" s="12"/>
    </row>
    <row r="178232" spans="8:8">
      <c r="H178232" s="12"/>
    </row>
    <row r="178233" spans="8:8">
      <c r="H178233" s="12"/>
    </row>
    <row r="178234" spans="8:8">
      <c r="H178234" s="12"/>
    </row>
    <row r="178235" spans="8:8">
      <c r="H178235" s="12"/>
    </row>
    <row r="178236" spans="8:8">
      <c r="H178236" s="12"/>
    </row>
    <row r="178237" spans="8:8">
      <c r="H178237" s="12"/>
    </row>
    <row r="178238" spans="8:8">
      <c r="H178238" s="12"/>
    </row>
    <row r="178239" spans="8:8">
      <c r="H178239" s="12"/>
    </row>
    <row r="178240" spans="8:8">
      <c r="H178240" s="12"/>
    </row>
    <row r="178241" spans="8:8">
      <c r="H178241" s="12"/>
    </row>
    <row r="178242" spans="8:8">
      <c r="H178242" s="12"/>
    </row>
    <row r="178243" spans="8:8">
      <c r="H178243" s="12"/>
    </row>
    <row r="178244" spans="8:8">
      <c r="H178244" s="12"/>
    </row>
    <row r="178245" spans="8:8">
      <c r="H178245" s="12"/>
    </row>
    <row r="178246" spans="8:8">
      <c r="H178246" s="12"/>
    </row>
    <row r="178247" spans="8:8">
      <c r="H178247" s="12"/>
    </row>
    <row r="178248" spans="8:8">
      <c r="H178248" s="12"/>
    </row>
    <row r="178249" spans="8:8">
      <c r="H178249" s="12"/>
    </row>
    <row r="178250" spans="8:8">
      <c r="H178250" s="12"/>
    </row>
    <row r="178251" spans="8:8">
      <c r="H178251" s="12"/>
    </row>
    <row r="178252" spans="8:8">
      <c r="H178252" s="12"/>
    </row>
    <row r="178253" spans="8:8">
      <c r="H178253" s="12"/>
    </row>
    <row r="178254" spans="8:8">
      <c r="H178254" s="12"/>
    </row>
    <row r="178255" spans="8:8">
      <c r="H178255" s="12"/>
    </row>
    <row r="178256" spans="8:8">
      <c r="H178256" s="12"/>
    </row>
    <row r="178257" spans="8:8">
      <c r="H178257" s="12"/>
    </row>
    <row r="178258" spans="8:8">
      <c r="H178258" s="12"/>
    </row>
    <row r="178259" spans="8:8">
      <c r="H178259" s="12"/>
    </row>
    <row r="178260" spans="8:8">
      <c r="H178260" s="12"/>
    </row>
    <row r="178261" spans="8:8">
      <c r="H178261" s="12"/>
    </row>
    <row r="178262" spans="8:8">
      <c r="H178262" s="12"/>
    </row>
    <row r="178263" spans="8:8">
      <c r="H178263" s="12"/>
    </row>
    <row r="178264" spans="8:8">
      <c r="H178264" s="12"/>
    </row>
    <row r="178265" spans="8:8">
      <c r="H178265" s="12"/>
    </row>
    <row r="178266" spans="8:8">
      <c r="H178266" s="12"/>
    </row>
    <row r="178267" spans="8:8">
      <c r="H178267" s="12"/>
    </row>
    <row r="178268" spans="8:8">
      <c r="H178268" s="12"/>
    </row>
    <row r="178269" spans="8:8">
      <c r="H178269" s="12"/>
    </row>
    <row r="178270" spans="8:8">
      <c r="H178270" s="12"/>
    </row>
    <row r="178271" spans="8:8">
      <c r="H178271" s="12"/>
    </row>
    <row r="178272" spans="8:8">
      <c r="H178272" s="12"/>
    </row>
    <row r="178273" spans="8:8">
      <c r="H178273" s="12"/>
    </row>
    <row r="178274" spans="8:8">
      <c r="H178274" s="12"/>
    </row>
    <row r="178275" spans="8:8">
      <c r="H178275" s="12"/>
    </row>
    <row r="178276" spans="8:8">
      <c r="H178276" s="12"/>
    </row>
    <row r="178277" spans="8:8">
      <c r="H178277" s="12"/>
    </row>
    <row r="178278" spans="8:8">
      <c r="H178278" s="12"/>
    </row>
    <row r="178279" spans="8:8">
      <c r="H178279" s="12"/>
    </row>
    <row r="178280" spans="8:8">
      <c r="H178280" s="12"/>
    </row>
    <row r="178281" spans="8:8">
      <c r="H178281" s="12"/>
    </row>
    <row r="178282" spans="8:8">
      <c r="H178282" s="12"/>
    </row>
    <row r="178283" spans="8:8">
      <c r="H178283" s="12"/>
    </row>
    <row r="178284" spans="8:8">
      <c r="H178284" s="12"/>
    </row>
    <row r="178285" spans="8:8">
      <c r="H178285" s="12"/>
    </row>
    <row r="178286" spans="8:8">
      <c r="H178286" s="12"/>
    </row>
    <row r="178287" spans="8:8">
      <c r="H178287" s="12"/>
    </row>
    <row r="178288" spans="8:8">
      <c r="H178288" s="12"/>
    </row>
    <row r="178289" spans="8:8">
      <c r="H178289" s="12"/>
    </row>
    <row r="178290" spans="8:8">
      <c r="H178290" s="12"/>
    </row>
    <row r="178291" spans="8:8">
      <c r="H178291" s="12"/>
    </row>
    <row r="178292" spans="8:8">
      <c r="H178292" s="12"/>
    </row>
    <row r="178293" spans="8:8">
      <c r="H178293" s="12"/>
    </row>
    <row r="178294" spans="8:8">
      <c r="H178294" s="12"/>
    </row>
    <row r="178295" spans="8:8">
      <c r="H178295" s="12"/>
    </row>
    <row r="178296" spans="8:8">
      <c r="H178296" s="12"/>
    </row>
    <row r="178297" spans="8:8">
      <c r="H178297" s="12"/>
    </row>
    <row r="178298" spans="8:8">
      <c r="H178298" s="12"/>
    </row>
    <row r="178299" spans="8:8">
      <c r="H178299" s="12"/>
    </row>
    <row r="178300" spans="8:8">
      <c r="H178300" s="12"/>
    </row>
    <row r="178301" spans="8:8">
      <c r="H178301" s="12"/>
    </row>
    <row r="178302" spans="8:8">
      <c r="H178302" s="12"/>
    </row>
    <row r="178303" spans="8:8">
      <c r="H178303" s="12"/>
    </row>
    <row r="178304" spans="8:8">
      <c r="H178304" s="12"/>
    </row>
    <row r="178305" spans="8:8">
      <c r="H178305" s="12"/>
    </row>
    <row r="178306" spans="8:8">
      <c r="H178306" s="12"/>
    </row>
    <row r="178307" spans="8:8">
      <c r="H178307" s="12"/>
    </row>
    <row r="178308" spans="8:8">
      <c r="H178308" s="12"/>
    </row>
    <row r="178309" spans="8:8">
      <c r="H178309" s="12"/>
    </row>
    <row r="178310" spans="8:8">
      <c r="H178310" s="12"/>
    </row>
    <row r="178311" spans="8:8">
      <c r="H178311" s="12"/>
    </row>
    <row r="178312" spans="8:8">
      <c r="H178312" s="12"/>
    </row>
    <row r="178313" spans="8:8">
      <c r="H178313" s="12"/>
    </row>
    <row r="178314" spans="8:8">
      <c r="H178314" s="12"/>
    </row>
    <row r="178315" spans="8:8">
      <c r="H178315" s="12"/>
    </row>
    <row r="178316" spans="8:8">
      <c r="H178316" s="12"/>
    </row>
    <row r="178317" spans="8:8">
      <c r="H178317" s="12"/>
    </row>
    <row r="178318" spans="8:8">
      <c r="H178318" s="12"/>
    </row>
    <row r="178319" spans="8:8">
      <c r="H178319" s="12"/>
    </row>
    <row r="178320" spans="8:8">
      <c r="H178320" s="12"/>
    </row>
    <row r="178321" spans="8:8">
      <c r="H178321" s="12"/>
    </row>
    <row r="178322" spans="8:8">
      <c r="H178322" s="12"/>
    </row>
    <row r="178323" spans="8:8">
      <c r="H178323" s="12"/>
    </row>
    <row r="178324" spans="8:8">
      <c r="H178324" s="12"/>
    </row>
    <row r="178325" spans="8:8">
      <c r="H178325" s="12"/>
    </row>
    <row r="178326" spans="8:8">
      <c r="H178326" s="12"/>
    </row>
    <row r="178327" spans="8:8">
      <c r="H178327" s="12"/>
    </row>
    <row r="178328" spans="8:8">
      <c r="H178328" s="12"/>
    </row>
    <row r="178329" spans="8:8">
      <c r="H178329" s="12"/>
    </row>
    <row r="178330" spans="8:8">
      <c r="H178330" s="12"/>
    </row>
    <row r="178331" spans="8:8">
      <c r="H178331" s="12"/>
    </row>
    <row r="178332" spans="8:8">
      <c r="H178332" s="12"/>
    </row>
    <row r="178333" spans="8:8">
      <c r="H178333" s="12"/>
    </row>
    <row r="178334" spans="8:8">
      <c r="H178334" s="12"/>
    </row>
    <row r="178335" spans="8:8">
      <c r="H178335" s="12"/>
    </row>
    <row r="178336" spans="8:8">
      <c r="H178336" s="12"/>
    </row>
    <row r="178337" spans="8:8">
      <c r="H178337" s="12"/>
    </row>
    <row r="178338" spans="8:8">
      <c r="H178338" s="12"/>
    </row>
    <row r="178339" spans="8:8">
      <c r="H178339" s="12"/>
    </row>
    <row r="178340" spans="8:8">
      <c r="H178340" s="12"/>
    </row>
    <row r="178341" spans="8:8">
      <c r="H178341" s="12"/>
    </row>
    <row r="178342" spans="8:8">
      <c r="H178342" s="12"/>
    </row>
    <row r="178343" spans="8:8">
      <c r="H178343" s="12"/>
    </row>
    <row r="178344" spans="8:8">
      <c r="H178344" s="12"/>
    </row>
    <row r="178345" spans="8:8">
      <c r="H178345" s="12"/>
    </row>
    <row r="178346" spans="8:8">
      <c r="H178346" s="12"/>
    </row>
    <row r="178347" spans="8:8">
      <c r="H178347" s="12"/>
    </row>
    <row r="178348" spans="8:8">
      <c r="H178348" s="12"/>
    </row>
    <row r="178349" spans="8:8">
      <c r="H178349" s="12"/>
    </row>
    <row r="178350" spans="8:8">
      <c r="H178350" s="12"/>
    </row>
    <row r="178351" spans="8:8">
      <c r="H178351" s="12"/>
    </row>
    <row r="178352" spans="8:8">
      <c r="H178352" s="12"/>
    </row>
    <row r="178353" spans="8:8">
      <c r="H178353" s="12"/>
    </row>
    <row r="178354" spans="8:8">
      <c r="H178354" s="12"/>
    </row>
    <row r="178355" spans="8:8">
      <c r="H178355" s="12"/>
    </row>
    <row r="178356" spans="8:8">
      <c r="H178356" s="12"/>
    </row>
    <row r="178357" spans="8:8">
      <c r="H178357" s="12"/>
    </row>
    <row r="178358" spans="8:8">
      <c r="H178358" s="12"/>
    </row>
    <row r="178359" spans="8:8">
      <c r="H178359" s="12"/>
    </row>
    <row r="178360" spans="8:8">
      <c r="H178360" s="12"/>
    </row>
    <row r="178361" spans="8:8">
      <c r="H178361" s="12"/>
    </row>
    <row r="178362" spans="8:8">
      <c r="H178362" s="12"/>
    </row>
    <row r="178363" spans="8:8">
      <c r="H178363" s="12"/>
    </row>
    <row r="178364" spans="8:8">
      <c r="H178364" s="12"/>
    </row>
    <row r="178365" spans="8:8">
      <c r="H178365" s="12"/>
    </row>
    <row r="178366" spans="8:8">
      <c r="H178366" s="12"/>
    </row>
    <row r="178367" spans="8:8">
      <c r="H178367" s="12"/>
    </row>
    <row r="178368" spans="8:8">
      <c r="H178368" s="12"/>
    </row>
    <row r="178369" spans="8:8">
      <c r="H178369" s="12"/>
    </row>
    <row r="178370" spans="8:8">
      <c r="H178370" s="12"/>
    </row>
    <row r="178371" spans="8:8">
      <c r="H178371" s="12"/>
    </row>
    <row r="178372" spans="8:8">
      <c r="H178372" s="12"/>
    </row>
    <row r="178373" spans="8:8">
      <c r="H178373" s="12"/>
    </row>
    <row r="178374" spans="8:8">
      <c r="H178374" s="12"/>
    </row>
    <row r="178375" spans="8:8">
      <c r="H178375" s="12"/>
    </row>
    <row r="178376" spans="8:8">
      <c r="H178376" s="12"/>
    </row>
    <row r="178377" spans="8:8">
      <c r="H178377" s="12"/>
    </row>
    <row r="178378" spans="8:8">
      <c r="H178378" s="12"/>
    </row>
    <row r="178379" spans="8:8">
      <c r="H178379" s="12"/>
    </row>
    <row r="178380" spans="8:8">
      <c r="H178380" s="12"/>
    </row>
    <row r="178381" spans="8:8">
      <c r="H178381" s="12"/>
    </row>
    <row r="178382" spans="8:8">
      <c r="H178382" s="12"/>
    </row>
    <row r="178383" spans="8:8">
      <c r="H178383" s="12"/>
    </row>
    <row r="178384" spans="8:8">
      <c r="H178384" s="12"/>
    </row>
    <row r="178385" spans="8:8">
      <c r="H178385" s="12"/>
    </row>
    <row r="178386" spans="8:8">
      <c r="H178386" s="12"/>
    </row>
    <row r="178387" spans="8:8">
      <c r="H178387" s="12"/>
    </row>
    <row r="178388" spans="8:8">
      <c r="H178388" s="12"/>
    </row>
    <row r="178389" spans="8:8">
      <c r="H178389" s="12"/>
    </row>
    <row r="178390" spans="8:8">
      <c r="H178390" s="12"/>
    </row>
    <row r="178391" spans="8:8">
      <c r="H178391" s="12"/>
    </row>
    <row r="178392" spans="8:8">
      <c r="H178392" s="12"/>
    </row>
    <row r="178393" spans="8:8">
      <c r="H178393" s="12"/>
    </row>
    <row r="178394" spans="8:8">
      <c r="H178394" s="12"/>
    </row>
    <row r="178395" spans="8:8">
      <c r="H178395" s="12"/>
    </row>
    <row r="178396" spans="8:8">
      <c r="H178396" s="12"/>
    </row>
    <row r="178397" spans="8:8">
      <c r="H178397" s="12"/>
    </row>
    <row r="178398" spans="8:8">
      <c r="H178398" s="12"/>
    </row>
    <row r="178399" spans="8:8">
      <c r="H178399" s="12"/>
    </row>
    <row r="178400" spans="8:8">
      <c r="H178400" s="12"/>
    </row>
    <row r="178401" spans="8:8">
      <c r="H178401" s="12"/>
    </row>
    <row r="178402" spans="8:8">
      <c r="H178402" s="12"/>
    </row>
    <row r="178403" spans="8:8">
      <c r="H178403" s="12"/>
    </row>
    <row r="178404" spans="8:8">
      <c r="H178404" s="12"/>
    </row>
    <row r="178405" spans="8:8">
      <c r="H178405" s="12"/>
    </row>
    <row r="178406" spans="8:8">
      <c r="H178406" s="12"/>
    </row>
    <row r="178407" spans="8:8">
      <c r="H178407" s="12"/>
    </row>
    <row r="178408" spans="8:8">
      <c r="H178408" s="12"/>
    </row>
    <row r="178409" spans="8:8">
      <c r="H178409" s="12"/>
    </row>
    <row r="178410" spans="8:8">
      <c r="H178410" s="12"/>
    </row>
    <row r="178411" spans="8:8">
      <c r="H178411" s="12"/>
    </row>
    <row r="178412" spans="8:8">
      <c r="H178412" s="12"/>
    </row>
    <row r="178413" spans="8:8">
      <c r="H178413" s="12"/>
    </row>
    <row r="178414" spans="8:8">
      <c r="H178414" s="12"/>
    </row>
    <row r="178415" spans="8:8">
      <c r="H178415" s="12"/>
    </row>
    <row r="178416" spans="8:8">
      <c r="H178416" s="12"/>
    </row>
    <row r="178417" spans="8:8">
      <c r="H178417" s="12"/>
    </row>
    <row r="178418" spans="8:8">
      <c r="H178418" s="12"/>
    </row>
    <row r="178419" spans="8:8">
      <c r="H178419" s="12"/>
    </row>
    <row r="178420" spans="8:8">
      <c r="H178420" s="12"/>
    </row>
    <row r="178421" spans="8:8">
      <c r="H178421" s="12"/>
    </row>
    <row r="178422" spans="8:8">
      <c r="H178422" s="12"/>
    </row>
    <row r="178423" spans="8:8">
      <c r="H178423" s="12"/>
    </row>
    <row r="178424" spans="8:8">
      <c r="H178424" s="12"/>
    </row>
    <row r="178425" spans="8:8">
      <c r="H178425" s="12"/>
    </row>
    <row r="178426" spans="8:8">
      <c r="H178426" s="12"/>
    </row>
    <row r="178427" spans="8:8">
      <c r="H178427" s="12"/>
    </row>
    <row r="178428" spans="8:8">
      <c r="H178428" s="12"/>
    </row>
    <row r="178429" spans="8:8">
      <c r="H178429" s="12"/>
    </row>
    <row r="178430" spans="8:8">
      <c r="H178430" s="12"/>
    </row>
    <row r="178431" spans="8:8">
      <c r="H178431" s="12"/>
    </row>
    <row r="178432" spans="8:8">
      <c r="H178432" s="12"/>
    </row>
    <row r="178433" spans="8:8">
      <c r="H178433" s="12"/>
    </row>
    <row r="178434" spans="8:8">
      <c r="H178434" s="12"/>
    </row>
    <row r="178435" spans="8:8">
      <c r="H178435" s="12"/>
    </row>
    <row r="178436" spans="8:8">
      <c r="H178436" s="12"/>
    </row>
    <row r="178437" spans="8:8">
      <c r="H178437" s="12"/>
    </row>
    <row r="178438" spans="8:8">
      <c r="H178438" s="12"/>
    </row>
    <row r="178439" spans="8:8">
      <c r="H178439" s="12"/>
    </row>
    <row r="178440" spans="8:8">
      <c r="H178440" s="12"/>
    </row>
    <row r="178441" spans="8:8">
      <c r="H178441" s="12"/>
    </row>
    <row r="178442" spans="8:8">
      <c r="H178442" s="12"/>
    </row>
    <row r="178443" spans="8:8">
      <c r="H178443" s="12"/>
    </row>
    <row r="178444" spans="8:8">
      <c r="H178444" s="12"/>
    </row>
    <row r="178445" spans="8:8">
      <c r="H178445" s="12"/>
    </row>
    <row r="178446" spans="8:8">
      <c r="H178446" s="12"/>
    </row>
    <row r="178447" spans="8:8">
      <c r="H178447" s="12"/>
    </row>
    <row r="178448" spans="8:8">
      <c r="H178448" s="12"/>
    </row>
    <row r="178449" spans="8:8">
      <c r="H178449" s="12"/>
    </row>
    <row r="178450" spans="8:8">
      <c r="H178450" s="12"/>
    </row>
    <row r="178451" spans="8:8">
      <c r="H178451" s="12"/>
    </row>
    <row r="178452" spans="8:8">
      <c r="H178452" s="12"/>
    </row>
    <row r="178453" spans="8:8">
      <c r="H178453" s="12"/>
    </row>
    <row r="178454" spans="8:8">
      <c r="H178454" s="12"/>
    </row>
    <row r="178455" spans="8:8">
      <c r="H178455" s="12"/>
    </row>
    <row r="178456" spans="8:8">
      <c r="H178456" s="12"/>
    </row>
    <row r="178457" spans="8:8">
      <c r="H178457" s="12"/>
    </row>
    <row r="178458" spans="8:8">
      <c r="H178458" s="12"/>
    </row>
    <row r="178459" spans="8:8">
      <c r="H178459" s="12"/>
    </row>
    <row r="178460" spans="8:8">
      <c r="H178460" s="12"/>
    </row>
    <row r="178461" spans="8:8">
      <c r="H178461" s="12"/>
    </row>
    <row r="178462" spans="8:8">
      <c r="H178462" s="12"/>
    </row>
    <row r="178463" spans="8:8">
      <c r="H178463" s="12"/>
    </row>
    <row r="178464" spans="8:8">
      <c r="H178464" s="12"/>
    </row>
    <row r="178465" spans="8:8">
      <c r="H178465" s="12"/>
    </row>
    <row r="178466" spans="8:8">
      <c r="H178466" s="12"/>
    </row>
    <row r="178467" spans="8:8">
      <c r="H178467" s="12"/>
    </row>
    <row r="178468" spans="8:8">
      <c r="H178468" s="12"/>
    </row>
    <row r="178469" spans="8:8">
      <c r="H178469" s="12"/>
    </row>
    <row r="178470" spans="8:8">
      <c r="H178470" s="12"/>
    </row>
    <row r="178471" spans="8:8">
      <c r="H178471" s="12"/>
    </row>
    <row r="178472" spans="8:8">
      <c r="H178472" s="12"/>
    </row>
    <row r="178473" spans="8:8">
      <c r="H178473" s="12"/>
    </row>
    <row r="178474" spans="8:8">
      <c r="H178474" s="12"/>
    </row>
    <row r="178475" spans="8:8">
      <c r="H178475" s="12"/>
    </row>
    <row r="178476" spans="8:8">
      <c r="H178476" s="12"/>
    </row>
    <row r="178477" spans="8:8">
      <c r="H178477" s="12"/>
    </row>
    <row r="178478" spans="8:8">
      <c r="H178478" s="12"/>
    </row>
    <row r="178479" spans="8:8">
      <c r="H178479" s="12"/>
    </row>
    <row r="178480" spans="8:8">
      <c r="H178480" s="12"/>
    </row>
    <row r="178481" spans="8:8">
      <c r="H178481" s="12"/>
    </row>
    <row r="178482" spans="8:8">
      <c r="H178482" s="12"/>
    </row>
    <row r="178483" spans="8:8">
      <c r="H178483" s="12"/>
    </row>
    <row r="178484" spans="8:8">
      <c r="H178484" s="12"/>
    </row>
    <row r="178485" spans="8:8">
      <c r="H178485" s="12"/>
    </row>
    <row r="178486" spans="8:8">
      <c r="H178486" s="12"/>
    </row>
    <row r="178487" spans="8:8">
      <c r="H178487" s="12"/>
    </row>
    <row r="178488" spans="8:8">
      <c r="H178488" s="12"/>
    </row>
    <row r="178489" spans="8:8">
      <c r="H178489" s="12"/>
    </row>
    <row r="178490" spans="8:8">
      <c r="H178490" s="12"/>
    </row>
    <row r="178491" spans="8:8">
      <c r="H178491" s="12"/>
    </row>
    <row r="178492" spans="8:8">
      <c r="H178492" s="12"/>
    </row>
    <row r="178493" spans="8:8">
      <c r="H178493" s="12"/>
    </row>
    <row r="178494" spans="8:8">
      <c r="H178494" s="12"/>
    </row>
    <row r="178495" spans="8:8">
      <c r="H178495" s="12"/>
    </row>
    <row r="178496" spans="8:8">
      <c r="H178496" s="12"/>
    </row>
    <row r="178497" spans="8:8">
      <c r="H178497" s="12"/>
    </row>
    <row r="178498" spans="8:8">
      <c r="H178498" s="12"/>
    </row>
    <row r="178499" spans="8:8">
      <c r="H178499" s="12"/>
    </row>
    <row r="178500" spans="8:8">
      <c r="H178500" s="12"/>
    </row>
    <row r="178501" spans="8:8">
      <c r="H178501" s="12"/>
    </row>
    <row r="178502" spans="8:8">
      <c r="H178502" s="12"/>
    </row>
    <row r="178503" spans="8:8">
      <c r="H178503" s="12"/>
    </row>
    <row r="178504" spans="8:8">
      <c r="H178504" s="12"/>
    </row>
    <row r="178505" spans="8:8">
      <c r="H178505" s="12"/>
    </row>
    <row r="178506" spans="8:8">
      <c r="H178506" s="12"/>
    </row>
    <row r="178507" spans="8:8">
      <c r="H178507" s="12"/>
    </row>
    <row r="178508" spans="8:8">
      <c r="H178508" s="12"/>
    </row>
    <row r="178509" spans="8:8">
      <c r="H178509" s="12"/>
    </row>
    <row r="178510" spans="8:8">
      <c r="H178510" s="12"/>
    </row>
    <row r="178511" spans="8:8">
      <c r="H178511" s="12"/>
    </row>
    <row r="178512" spans="8:8">
      <c r="H178512" s="12"/>
    </row>
    <row r="178513" spans="8:8">
      <c r="H178513" s="12"/>
    </row>
    <row r="178514" spans="8:8">
      <c r="H178514" s="12"/>
    </row>
    <row r="178515" spans="8:8">
      <c r="H178515" s="12"/>
    </row>
    <row r="178516" spans="8:8">
      <c r="H178516" s="12"/>
    </row>
    <row r="178517" spans="8:8">
      <c r="H178517" s="12"/>
    </row>
    <row r="178518" spans="8:8">
      <c r="H178518" s="12"/>
    </row>
    <row r="178519" spans="8:8">
      <c r="H178519" s="12"/>
    </row>
    <row r="178520" spans="8:8">
      <c r="H178520" s="12"/>
    </row>
    <row r="178521" spans="8:8">
      <c r="H178521" s="12"/>
    </row>
    <row r="178522" spans="8:8">
      <c r="H178522" s="12"/>
    </row>
    <row r="178523" spans="8:8">
      <c r="H178523" s="12"/>
    </row>
    <row r="178524" spans="8:8">
      <c r="H178524" s="12"/>
    </row>
    <row r="178525" spans="8:8">
      <c r="H178525" s="12"/>
    </row>
    <row r="178526" spans="8:8">
      <c r="H178526" s="12"/>
    </row>
    <row r="178527" spans="8:8">
      <c r="H178527" s="12"/>
    </row>
    <row r="178528" spans="8:8">
      <c r="H178528" s="12"/>
    </row>
    <row r="178529" spans="8:8">
      <c r="H178529" s="12"/>
    </row>
    <row r="178530" spans="8:8">
      <c r="H178530" s="12"/>
    </row>
    <row r="178531" spans="8:8">
      <c r="H178531" s="12"/>
    </row>
    <row r="178532" spans="8:8">
      <c r="H178532" s="12"/>
    </row>
    <row r="178533" spans="8:8">
      <c r="H178533" s="12"/>
    </row>
    <row r="178534" spans="8:8">
      <c r="H178534" s="12"/>
    </row>
    <row r="178535" spans="8:8">
      <c r="H178535" s="12"/>
    </row>
    <row r="178536" spans="8:8">
      <c r="H178536" s="12"/>
    </row>
    <row r="178537" spans="8:8">
      <c r="H178537" s="12"/>
    </row>
    <row r="178538" spans="8:8">
      <c r="H178538" s="12"/>
    </row>
    <row r="178539" spans="8:8">
      <c r="H178539" s="12"/>
    </row>
    <row r="178540" spans="8:8">
      <c r="H178540" s="12"/>
    </row>
    <row r="178541" spans="8:8">
      <c r="H178541" s="12"/>
    </row>
    <row r="178542" spans="8:8">
      <c r="H178542" s="12"/>
    </row>
    <row r="178543" spans="8:8">
      <c r="H178543" s="12"/>
    </row>
    <row r="178544" spans="8:8">
      <c r="H178544" s="12"/>
    </row>
    <row r="178545" spans="8:8">
      <c r="H178545" s="12"/>
    </row>
    <row r="178546" spans="8:8">
      <c r="H178546" s="12"/>
    </row>
    <row r="178547" spans="8:8">
      <c r="H178547" s="12"/>
    </row>
    <row r="178548" spans="8:8">
      <c r="H178548" s="12"/>
    </row>
    <row r="178549" spans="8:8">
      <c r="H178549" s="12"/>
    </row>
    <row r="178550" spans="8:8">
      <c r="H178550" s="12"/>
    </row>
    <row r="178551" spans="8:8">
      <c r="H178551" s="12"/>
    </row>
    <row r="178552" spans="8:8">
      <c r="H178552" s="12"/>
    </row>
    <row r="178553" spans="8:8">
      <c r="H178553" s="12"/>
    </row>
    <row r="178554" spans="8:8">
      <c r="H178554" s="12"/>
    </row>
    <row r="178555" spans="8:8">
      <c r="H178555" s="12"/>
    </row>
    <row r="178556" spans="8:8">
      <c r="H178556" s="12"/>
    </row>
    <row r="178557" spans="8:8">
      <c r="H178557" s="12"/>
    </row>
    <row r="178558" spans="8:8">
      <c r="H178558" s="12"/>
    </row>
    <row r="178559" spans="8:8">
      <c r="H178559" s="12"/>
    </row>
    <row r="178560" spans="8:8">
      <c r="H178560" s="12"/>
    </row>
    <row r="178561" spans="8:8">
      <c r="H178561" s="12"/>
    </row>
    <row r="178562" spans="8:8">
      <c r="H178562" s="12"/>
    </row>
    <row r="178563" spans="8:8">
      <c r="H178563" s="12"/>
    </row>
    <row r="178564" spans="8:8">
      <c r="H178564" s="12"/>
    </row>
    <row r="178565" spans="8:8">
      <c r="H178565" s="12"/>
    </row>
    <row r="178566" spans="8:8">
      <c r="H178566" s="12"/>
    </row>
    <row r="178567" spans="8:8">
      <c r="H178567" s="12"/>
    </row>
    <row r="178568" spans="8:8">
      <c r="H178568" s="12"/>
    </row>
    <row r="178569" spans="8:8">
      <c r="H178569" s="12"/>
    </row>
    <row r="178570" spans="8:8">
      <c r="H178570" s="12"/>
    </row>
    <row r="178571" spans="8:8">
      <c r="H178571" s="12"/>
    </row>
    <row r="178572" spans="8:8">
      <c r="H178572" s="12"/>
    </row>
    <row r="178573" spans="8:8">
      <c r="H178573" s="12"/>
    </row>
    <row r="178574" spans="8:8">
      <c r="H178574" s="12"/>
    </row>
    <row r="178575" spans="8:8">
      <c r="H178575" s="12"/>
    </row>
    <row r="178576" spans="8:8">
      <c r="H178576" s="12"/>
    </row>
    <row r="178577" spans="8:8">
      <c r="H178577" s="12"/>
    </row>
    <row r="178578" spans="8:8">
      <c r="H178578" s="12"/>
    </row>
    <row r="178579" spans="8:8">
      <c r="H178579" s="12"/>
    </row>
    <row r="178580" spans="8:8">
      <c r="H178580" s="12"/>
    </row>
    <row r="178581" spans="8:8">
      <c r="H178581" s="12"/>
    </row>
    <row r="178582" spans="8:8">
      <c r="H178582" s="12"/>
    </row>
    <row r="178583" spans="8:8">
      <c r="H178583" s="12"/>
    </row>
    <row r="178584" spans="8:8">
      <c r="H178584" s="12"/>
    </row>
    <row r="178585" spans="8:8">
      <c r="H178585" s="12"/>
    </row>
    <row r="178586" spans="8:8">
      <c r="H178586" s="12"/>
    </row>
    <row r="178587" spans="8:8">
      <c r="H178587" s="12"/>
    </row>
    <row r="178588" spans="8:8">
      <c r="H178588" s="12"/>
    </row>
    <row r="178589" spans="8:8">
      <c r="H178589" s="12"/>
    </row>
    <row r="178590" spans="8:8">
      <c r="H178590" s="12"/>
    </row>
    <row r="178591" spans="8:8">
      <c r="H178591" s="12"/>
    </row>
    <row r="178592" spans="8:8">
      <c r="H178592" s="12"/>
    </row>
    <row r="178593" spans="8:8">
      <c r="H178593" s="12"/>
    </row>
    <row r="178594" spans="8:8">
      <c r="H178594" s="12"/>
    </row>
    <row r="178595" spans="8:8">
      <c r="H178595" s="12"/>
    </row>
    <row r="178596" spans="8:8">
      <c r="H178596" s="12"/>
    </row>
    <row r="178597" spans="8:8">
      <c r="H178597" s="12"/>
    </row>
    <row r="178598" spans="8:8">
      <c r="H178598" s="12"/>
    </row>
    <row r="178599" spans="8:8">
      <c r="H178599" s="12"/>
    </row>
    <row r="178600" spans="8:8">
      <c r="H178600" s="12"/>
    </row>
    <row r="178601" spans="8:8">
      <c r="H178601" s="12"/>
    </row>
    <row r="178602" spans="8:8">
      <c r="H178602" s="12"/>
    </row>
    <row r="178603" spans="8:8">
      <c r="H178603" s="12"/>
    </row>
    <row r="178604" spans="8:8">
      <c r="H178604" s="12"/>
    </row>
    <row r="178605" spans="8:8">
      <c r="H178605" s="12"/>
    </row>
    <row r="178606" spans="8:8">
      <c r="H178606" s="12"/>
    </row>
    <row r="178607" spans="8:8">
      <c r="H178607" s="12"/>
    </row>
    <row r="178608" spans="8:8">
      <c r="H178608" s="12"/>
    </row>
    <row r="178609" spans="8:8">
      <c r="H178609" s="12"/>
    </row>
    <row r="178610" spans="8:8">
      <c r="H178610" s="12"/>
    </row>
    <row r="178611" spans="8:8">
      <c r="H178611" s="12"/>
    </row>
    <row r="178612" spans="8:8">
      <c r="H178612" s="12"/>
    </row>
    <row r="178613" spans="8:8">
      <c r="H178613" s="12"/>
    </row>
    <row r="178614" spans="8:8">
      <c r="H178614" s="12"/>
    </row>
    <row r="178615" spans="8:8">
      <c r="H178615" s="12"/>
    </row>
    <row r="178616" spans="8:8">
      <c r="H178616" s="12"/>
    </row>
    <row r="178617" spans="8:8">
      <c r="H178617" s="12"/>
    </row>
    <row r="178618" spans="8:8">
      <c r="H178618" s="12"/>
    </row>
    <row r="178619" spans="8:8">
      <c r="H178619" s="12"/>
    </row>
    <row r="178620" spans="8:8">
      <c r="H178620" s="12"/>
    </row>
    <row r="178621" spans="8:8">
      <c r="H178621" s="12"/>
    </row>
    <row r="178622" spans="8:8">
      <c r="H178622" s="12"/>
    </row>
    <row r="178623" spans="8:8">
      <c r="H178623" s="12"/>
    </row>
    <row r="178624" spans="8:8">
      <c r="H178624" s="12"/>
    </row>
    <row r="178625" spans="8:8">
      <c r="H178625" s="12"/>
    </row>
    <row r="178626" spans="8:8">
      <c r="H178626" s="12"/>
    </row>
    <row r="178627" spans="8:8">
      <c r="H178627" s="12"/>
    </row>
    <row r="178628" spans="8:8">
      <c r="H178628" s="12"/>
    </row>
    <row r="178629" spans="8:8">
      <c r="H178629" s="12"/>
    </row>
    <row r="178630" spans="8:8">
      <c r="H178630" s="12"/>
    </row>
    <row r="178631" spans="8:8">
      <c r="H178631" s="12"/>
    </row>
    <row r="178632" spans="8:8">
      <c r="H178632" s="12"/>
    </row>
    <row r="178633" spans="8:8">
      <c r="H178633" s="12"/>
    </row>
    <row r="178634" spans="8:8">
      <c r="H178634" s="12"/>
    </row>
    <row r="178635" spans="8:8">
      <c r="H178635" s="12"/>
    </row>
    <row r="178636" spans="8:8">
      <c r="H178636" s="12"/>
    </row>
    <row r="178637" spans="8:8">
      <c r="H178637" s="12"/>
    </row>
    <row r="178638" spans="8:8">
      <c r="H178638" s="12"/>
    </row>
    <row r="178639" spans="8:8">
      <c r="H178639" s="12"/>
    </row>
    <row r="178640" spans="8:8">
      <c r="H178640" s="12"/>
    </row>
    <row r="178641" spans="8:8">
      <c r="H178641" s="12"/>
    </row>
    <row r="178642" spans="8:8">
      <c r="H178642" s="12"/>
    </row>
    <row r="178643" spans="8:8">
      <c r="H178643" s="12"/>
    </row>
    <row r="178644" spans="8:8">
      <c r="H178644" s="12"/>
    </row>
    <row r="178645" spans="8:8">
      <c r="H178645" s="12"/>
    </row>
    <row r="178646" spans="8:8">
      <c r="H178646" s="12"/>
    </row>
    <row r="178647" spans="8:8">
      <c r="H178647" s="12"/>
    </row>
    <row r="178648" spans="8:8">
      <c r="H178648" s="12"/>
    </row>
    <row r="178649" spans="8:8">
      <c r="H178649" s="12"/>
    </row>
    <row r="178650" spans="8:8">
      <c r="H178650" s="12"/>
    </row>
    <row r="178651" spans="8:8">
      <c r="H178651" s="12"/>
    </row>
    <row r="178652" spans="8:8">
      <c r="H178652" s="12"/>
    </row>
    <row r="178653" spans="8:8">
      <c r="H178653" s="12"/>
    </row>
    <row r="178654" spans="8:8">
      <c r="H178654" s="12"/>
    </row>
    <row r="178655" spans="8:8">
      <c r="H178655" s="12"/>
    </row>
    <row r="178656" spans="8:8">
      <c r="H178656" s="12"/>
    </row>
    <row r="178657" spans="8:8">
      <c r="H178657" s="12"/>
    </row>
    <row r="178658" spans="8:8">
      <c r="H178658" s="12"/>
    </row>
    <row r="178659" spans="8:8">
      <c r="H178659" s="12"/>
    </row>
    <row r="178660" spans="8:8">
      <c r="H178660" s="12"/>
    </row>
    <row r="178661" spans="8:8">
      <c r="H178661" s="12"/>
    </row>
    <row r="178662" spans="8:8">
      <c r="H178662" s="12"/>
    </row>
    <row r="178663" spans="8:8">
      <c r="H178663" s="12"/>
    </row>
    <row r="178664" spans="8:8">
      <c r="H178664" s="12"/>
    </row>
    <row r="178665" spans="8:8">
      <c r="H178665" s="12"/>
    </row>
    <row r="178666" spans="8:8">
      <c r="H178666" s="12"/>
    </row>
    <row r="178667" spans="8:8">
      <c r="H178667" s="12"/>
    </row>
    <row r="178668" spans="8:8">
      <c r="H178668" s="12"/>
    </row>
    <row r="178669" spans="8:8">
      <c r="H178669" s="12"/>
    </row>
    <row r="178670" spans="8:8">
      <c r="H178670" s="12"/>
    </row>
    <row r="178671" spans="8:8">
      <c r="H178671" s="12"/>
    </row>
    <row r="178672" spans="8:8">
      <c r="H178672" s="12"/>
    </row>
    <row r="178673" spans="8:8">
      <c r="H178673" s="12"/>
    </row>
    <row r="178674" spans="8:8">
      <c r="H178674" s="12"/>
    </row>
    <row r="178675" spans="8:8">
      <c r="H178675" s="12"/>
    </row>
    <row r="178676" spans="8:8">
      <c r="H178676" s="12"/>
    </row>
    <row r="178677" spans="8:8">
      <c r="H178677" s="12"/>
    </row>
    <row r="178678" spans="8:8">
      <c r="H178678" s="12"/>
    </row>
    <row r="178679" spans="8:8">
      <c r="H178679" s="12"/>
    </row>
    <row r="178680" spans="8:8">
      <c r="H178680" s="12"/>
    </row>
    <row r="178681" spans="8:8">
      <c r="H178681" s="12"/>
    </row>
    <row r="178682" spans="8:8">
      <c r="H178682" s="12"/>
    </row>
    <row r="178683" spans="8:8">
      <c r="H178683" s="12"/>
    </row>
    <row r="178684" spans="8:8">
      <c r="H178684" s="12"/>
    </row>
    <row r="178685" spans="8:8">
      <c r="H178685" s="12"/>
    </row>
    <row r="178686" spans="8:8">
      <c r="H178686" s="12"/>
    </row>
    <row r="178687" spans="8:8">
      <c r="H178687" s="12"/>
    </row>
    <row r="178688" spans="8:8">
      <c r="H178688" s="12"/>
    </row>
    <row r="178689" spans="8:8">
      <c r="H178689" s="12"/>
    </row>
    <row r="178690" spans="8:8">
      <c r="H178690" s="12"/>
    </row>
    <row r="178691" spans="8:8">
      <c r="H178691" s="12"/>
    </row>
    <row r="178692" spans="8:8">
      <c r="H178692" s="12"/>
    </row>
    <row r="178693" spans="8:8">
      <c r="H178693" s="12"/>
    </row>
    <row r="178694" spans="8:8">
      <c r="H178694" s="12"/>
    </row>
    <row r="178695" spans="8:8">
      <c r="H178695" s="12"/>
    </row>
    <row r="178696" spans="8:8">
      <c r="H178696" s="12"/>
    </row>
    <row r="178697" spans="8:8">
      <c r="H178697" s="12"/>
    </row>
    <row r="178698" spans="8:8">
      <c r="H178698" s="12"/>
    </row>
    <row r="178699" spans="8:8">
      <c r="H178699" s="12"/>
    </row>
    <row r="178700" spans="8:8">
      <c r="H178700" s="12"/>
    </row>
    <row r="178701" spans="8:8">
      <c r="H178701" s="12"/>
    </row>
    <row r="178702" spans="8:8">
      <c r="H178702" s="12"/>
    </row>
    <row r="178703" spans="8:8">
      <c r="H178703" s="12"/>
    </row>
    <row r="178704" spans="8:8">
      <c r="H178704" s="12"/>
    </row>
    <row r="178705" spans="8:8">
      <c r="H178705" s="12"/>
    </row>
    <row r="178706" spans="8:8">
      <c r="H178706" s="12"/>
    </row>
    <row r="178707" spans="8:8">
      <c r="H178707" s="12"/>
    </row>
    <row r="178708" spans="8:8">
      <c r="H178708" s="12"/>
    </row>
    <row r="178709" spans="8:8">
      <c r="H178709" s="12"/>
    </row>
    <row r="178710" spans="8:8">
      <c r="H178710" s="12"/>
    </row>
    <row r="178711" spans="8:8">
      <c r="H178711" s="12"/>
    </row>
    <row r="178712" spans="8:8">
      <c r="H178712" s="12"/>
    </row>
    <row r="178713" spans="8:8">
      <c r="H178713" s="12"/>
    </row>
    <row r="178714" spans="8:8">
      <c r="H178714" s="12"/>
    </row>
    <row r="178715" spans="8:8">
      <c r="H178715" s="12"/>
    </row>
    <row r="178716" spans="8:8">
      <c r="H178716" s="12"/>
    </row>
    <row r="178717" spans="8:8">
      <c r="H178717" s="12"/>
    </row>
    <row r="178718" spans="8:8">
      <c r="H178718" s="12"/>
    </row>
    <row r="178719" spans="8:8">
      <c r="H178719" s="12"/>
    </row>
    <row r="178720" spans="8:8">
      <c r="H178720" s="12"/>
    </row>
    <row r="178721" spans="8:8">
      <c r="H178721" s="12"/>
    </row>
    <row r="178722" spans="8:8">
      <c r="H178722" s="12"/>
    </row>
    <row r="178723" spans="8:8">
      <c r="H178723" s="12"/>
    </row>
    <row r="178724" spans="8:8">
      <c r="H178724" s="12"/>
    </row>
    <row r="178725" spans="8:8">
      <c r="H178725" s="12"/>
    </row>
    <row r="178726" spans="8:8">
      <c r="H178726" s="12"/>
    </row>
    <row r="178727" spans="8:8">
      <c r="H178727" s="12"/>
    </row>
    <row r="178728" spans="8:8">
      <c r="H178728" s="12"/>
    </row>
    <row r="178729" spans="8:8">
      <c r="H178729" s="12"/>
    </row>
    <row r="178730" spans="8:8">
      <c r="H178730" s="12"/>
    </row>
    <row r="178731" spans="8:8">
      <c r="H178731" s="12"/>
    </row>
    <row r="178732" spans="8:8">
      <c r="H178732" s="12"/>
    </row>
    <row r="178733" spans="8:8">
      <c r="H178733" s="12"/>
    </row>
    <row r="178734" spans="8:8">
      <c r="H178734" s="12"/>
    </row>
    <row r="178735" spans="8:8">
      <c r="H178735" s="12"/>
    </row>
    <row r="178736" spans="8:8">
      <c r="H178736" s="12"/>
    </row>
    <row r="178737" spans="8:8">
      <c r="H178737" s="12"/>
    </row>
    <row r="178738" spans="8:8">
      <c r="H178738" s="12"/>
    </row>
    <row r="178739" spans="8:8">
      <c r="H178739" s="12"/>
    </row>
    <row r="178740" spans="8:8">
      <c r="H178740" s="12"/>
    </row>
    <row r="178741" spans="8:8">
      <c r="H178741" s="12"/>
    </row>
    <row r="178742" spans="8:8">
      <c r="H178742" s="12"/>
    </row>
    <row r="178743" spans="8:8">
      <c r="H178743" s="12"/>
    </row>
    <row r="178744" spans="8:8">
      <c r="H178744" s="12"/>
    </row>
    <row r="178745" spans="8:8">
      <c r="H178745" s="12"/>
    </row>
    <row r="178746" spans="8:8">
      <c r="H178746" s="12"/>
    </row>
    <row r="178747" spans="8:8">
      <c r="H178747" s="12"/>
    </row>
    <row r="178748" spans="8:8">
      <c r="H178748" s="12"/>
    </row>
    <row r="178749" spans="8:8">
      <c r="H178749" s="12"/>
    </row>
    <row r="178750" spans="8:8">
      <c r="H178750" s="12"/>
    </row>
    <row r="178751" spans="8:8">
      <c r="H178751" s="12"/>
    </row>
    <row r="178752" spans="8:8">
      <c r="H178752" s="12"/>
    </row>
    <row r="178753" spans="8:8">
      <c r="H178753" s="12"/>
    </row>
    <row r="178754" spans="8:8">
      <c r="H178754" s="12"/>
    </row>
    <row r="178755" spans="8:8">
      <c r="H178755" s="12"/>
    </row>
    <row r="178756" spans="8:8">
      <c r="H178756" s="12"/>
    </row>
    <row r="178757" spans="8:8">
      <c r="H178757" s="12"/>
    </row>
    <row r="178758" spans="8:8">
      <c r="H178758" s="12"/>
    </row>
    <row r="178759" spans="8:8">
      <c r="H178759" s="12"/>
    </row>
    <row r="178760" spans="8:8">
      <c r="H178760" s="12"/>
    </row>
    <row r="178761" spans="8:8">
      <c r="H178761" s="12"/>
    </row>
    <row r="178762" spans="8:8">
      <c r="H178762" s="12"/>
    </row>
    <row r="178763" spans="8:8">
      <c r="H178763" s="12"/>
    </row>
    <row r="178764" spans="8:8">
      <c r="H178764" s="12"/>
    </row>
    <row r="178765" spans="8:8">
      <c r="H178765" s="12"/>
    </row>
    <row r="178766" spans="8:8">
      <c r="H178766" s="12"/>
    </row>
    <row r="178767" spans="8:8">
      <c r="H178767" s="12"/>
    </row>
    <row r="178768" spans="8:8">
      <c r="H178768" s="12"/>
    </row>
    <row r="178769" spans="8:8">
      <c r="H178769" s="12"/>
    </row>
    <row r="178770" spans="8:8">
      <c r="H178770" s="12"/>
    </row>
    <row r="178771" spans="8:8">
      <c r="H178771" s="12"/>
    </row>
    <row r="178772" spans="8:8">
      <c r="H178772" s="12"/>
    </row>
    <row r="178773" spans="8:8">
      <c r="H178773" s="12"/>
    </row>
    <row r="178774" spans="8:8">
      <c r="H178774" s="12"/>
    </row>
    <row r="178775" spans="8:8">
      <c r="H178775" s="12"/>
    </row>
    <row r="178776" spans="8:8">
      <c r="H178776" s="12"/>
    </row>
    <row r="178777" spans="8:8">
      <c r="H178777" s="12"/>
    </row>
    <row r="178778" spans="8:8">
      <c r="H178778" s="12"/>
    </row>
    <row r="178779" spans="8:8">
      <c r="H178779" s="12"/>
    </row>
    <row r="178780" spans="8:8">
      <c r="H178780" s="12"/>
    </row>
    <row r="178781" spans="8:8">
      <c r="H178781" s="12"/>
    </row>
    <row r="178782" spans="8:8">
      <c r="H178782" s="12"/>
    </row>
    <row r="178783" spans="8:8">
      <c r="H178783" s="12"/>
    </row>
    <row r="178784" spans="8:8">
      <c r="H178784" s="12"/>
    </row>
    <row r="178785" spans="8:8">
      <c r="H178785" s="12"/>
    </row>
    <row r="178786" spans="8:8">
      <c r="H178786" s="12"/>
    </row>
    <row r="178787" spans="8:8">
      <c r="H178787" s="12"/>
    </row>
    <row r="178788" spans="8:8">
      <c r="H178788" s="12"/>
    </row>
    <row r="178789" spans="8:8">
      <c r="H178789" s="12"/>
    </row>
    <row r="178790" spans="8:8">
      <c r="H178790" s="12"/>
    </row>
    <row r="178791" spans="8:8">
      <c r="H178791" s="12"/>
    </row>
    <row r="178792" spans="8:8">
      <c r="H178792" s="12"/>
    </row>
    <row r="178793" spans="8:8">
      <c r="H178793" s="12"/>
    </row>
    <row r="178794" spans="8:8">
      <c r="H178794" s="12"/>
    </row>
    <row r="178795" spans="8:8">
      <c r="H178795" s="12"/>
    </row>
    <row r="178796" spans="8:8">
      <c r="H178796" s="12"/>
    </row>
    <row r="178797" spans="8:8">
      <c r="H178797" s="12"/>
    </row>
    <row r="178798" spans="8:8">
      <c r="H178798" s="12"/>
    </row>
    <row r="178799" spans="8:8">
      <c r="H178799" s="12"/>
    </row>
    <row r="178800" spans="8:8">
      <c r="H178800" s="12"/>
    </row>
    <row r="178801" spans="8:8">
      <c r="H178801" s="12"/>
    </row>
    <row r="178802" spans="8:8">
      <c r="H178802" s="12"/>
    </row>
    <row r="178803" spans="8:8">
      <c r="H178803" s="12"/>
    </row>
    <row r="178804" spans="8:8">
      <c r="H178804" s="12"/>
    </row>
    <row r="178805" spans="8:8">
      <c r="H178805" s="12"/>
    </row>
    <row r="178806" spans="8:8">
      <c r="H178806" s="12"/>
    </row>
    <row r="178807" spans="8:8">
      <c r="H178807" s="12"/>
    </row>
    <row r="178808" spans="8:8">
      <c r="H178808" s="12"/>
    </row>
    <row r="178809" spans="8:8">
      <c r="H178809" s="12"/>
    </row>
    <row r="178810" spans="8:8">
      <c r="H178810" s="12"/>
    </row>
    <row r="178811" spans="8:8">
      <c r="H178811" s="12"/>
    </row>
    <row r="178812" spans="8:8">
      <c r="H178812" s="12"/>
    </row>
    <row r="178813" spans="8:8">
      <c r="H178813" s="12"/>
    </row>
    <row r="178814" spans="8:8">
      <c r="H178814" s="12"/>
    </row>
    <row r="178815" spans="8:8">
      <c r="H178815" s="12"/>
    </row>
    <row r="178816" spans="8:8">
      <c r="H178816" s="12"/>
    </row>
    <row r="178817" spans="8:8">
      <c r="H178817" s="12"/>
    </row>
    <row r="178818" spans="8:8">
      <c r="H178818" s="12"/>
    </row>
    <row r="178819" spans="8:8">
      <c r="H178819" s="12"/>
    </row>
    <row r="178820" spans="8:8">
      <c r="H178820" s="12"/>
    </row>
    <row r="178821" spans="8:8">
      <c r="H178821" s="12"/>
    </row>
    <row r="178822" spans="8:8">
      <c r="H178822" s="12"/>
    </row>
    <row r="178823" spans="8:8">
      <c r="H178823" s="12"/>
    </row>
    <row r="178824" spans="8:8">
      <c r="H178824" s="12"/>
    </row>
    <row r="178825" spans="8:8">
      <c r="H178825" s="12"/>
    </row>
    <row r="178826" spans="8:8">
      <c r="H178826" s="12"/>
    </row>
    <row r="178827" spans="8:8">
      <c r="H178827" s="12"/>
    </row>
    <row r="178828" spans="8:8">
      <c r="H178828" s="12"/>
    </row>
    <row r="178829" spans="8:8">
      <c r="H178829" s="12"/>
    </row>
    <row r="178830" spans="8:8">
      <c r="H178830" s="12"/>
    </row>
    <row r="178831" spans="8:8">
      <c r="H178831" s="12"/>
    </row>
    <row r="178832" spans="8:8">
      <c r="H178832" s="12"/>
    </row>
    <row r="178833" spans="8:8">
      <c r="H178833" s="12"/>
    </row>
    <row r="178834" spans="8:8">
      <c r="H178834" s="12"/>
    </row>
    <row r="178835" spans="8:8">
      <c r="H178835" s="12"/>
    </row>
    <row r="178836" spans="8:8">
      <c r="H178836" s="12"/>
    </row>
    <row r="178837" spans="8:8">
      <c r="H178837" s="12"/>
    </row>
    <row r="178838" spans="8:8">
      <c r="H178838" s="12"/>
    </row>
    <row r="178839" spans="8:8">
      <c r="H178839" s="12"/>
    </row>
    <row r="178840" spans="8:8">
      <c r="H178840" s="12"/>
    </row>
    <row r="178841" spans="8:8">
      <c r="H178841" s="12"/>
    </row>
    <row r="178842" spans="8:8">
      <c r="H178842" s="12"/>
    </row>
    <row r="178843" spans="8:8">
      <c r="H178843" s="12"/>
    </row>
    <row r="178844" spans="8:8">
      <c r="H178844" s="12"/>
    </row>
    <row r="178845" spans="8:8">
      <c r="H178845" s="12"/>
    </row>
    <row r="178846" spans="8:8">
      <c r="H178846" s="12"/>
    </row>
    <row r="178847" spans="8:8">
      <c r="H178847" s="12"/>
    </row>
    <row r="178848" spans="8:8">
      <c r="H178848" s="12"/>
    </row>
    <row r="178849" spans="8:8">
      <c r="H178849" s="12"/>
    </row>
    <row r="178850" spans="8:8">
      <c r="H178850" s="12"/>
    </row>
    <row r="178851" spans="8:8">
      <c r="H178851" s="12"/>
    </row>
    <row r="178852" spans="8:8">
      <c r="H178852" s="12"/>
    </row>
    <row r="178853" spans="8:8">
      <c r="H178853" s="12"/>
    </row>
    <row r="178854" spans="8:8">
      <c r="H178854" s="12"/>
    </row>
    <row r="178855" spans="8:8">
      <c r="H178855" s="12"/>
    </row>
    <row r="178856" spans="8:8">
      <c r="H178856" s="12"/>
    </row>
    <row r="178857" spans="8:8">
      <c r="H178857" s="12"/>
    </row>
    <row r="178858" spans="8:8">
      <c r="H178858" s="12"/>
    </row>
    <row r="178859" spans="8:8">
      <c r="H178859" s="12"/>
    </row>
    <row r="178860" spans="8:8">
      <c r="H178860" s="12"/>
    </row>
    <row r="178861" spans="8:8">
      <c r="H178861" s="12"/>
    </row>
    <row r="178862" spans="8:8">
      <c r="H178862" s="12"/>
    </row>
    <row r="178863" spans="8:8">
      <c r="H178863" s="12"/>
    </row>
    <row r="178864" spans="8:8">
      <c r="H178864" s="12"/>
    </row>
    <row r="178865" spans="8:8">
      <c r="H178865" s="12"/>
    </row>
    <row r="178866" spans="8:8">
      <c r="H178866" s="12"/>
    </row>
    <row r="178867" spans="8:8">
      <c r="H178867" s="12"/>
    </row>
    <row r="178868" spans="8:8">
      <c r="H178868" s="12"/>
    </row>
    <row r="178869" spans="8:8">
      <c r="H178869" s="12"/>
    </row>
    <row r="178870" spans="8:8">
      <c r="H178870" s="12"/>
    </row>
    <row r="178871" spans="8:8">
      <c r="H178871" s="12"/>
    </row>
    <row r="178872" spans="8:8">
      <c r="H178872" s="12"/>
    </row>
    <row r="178873" spans="8:8">
      <c r="H178873" s="12"/>
    </row>
    <row r="178874" spans="8:8">
      <c r="H178874" s="12"/>
    </row>
    <row r="178875" spans="8:8">
      <c r="H178875" s="12"/>
    </row>
    <row r="178876" spans="8:8">
      <c r="H178876" s="12"/>
    </row>
    <row r="178877" spans="8:8">
      <c r="H178877" s="12"/>
    </row>
    <row r="178878" spans="8:8">
      <c r="H178878" s="12"/>
    </row>
    <row r="178879" spans="8:8">
      <c r="H178879" s="12"/>
    </row>
    <row r="178880" spans="8:8">
      <c r="H178880" s="12"/>
    </row>
    <row r="178881" spans="8:8">
      <c r="H178881" s="12"/>
    </row>
    <row r="178882" spans="8:8">
      <c r="H178882" s="12"/>
    </row>
    <row r="178883" spans="8:8">
      <c r="H178883" s="12"/>
    </row>
    <row r="178884" spans="8:8">
      <c r="H178884" s="12"/>
    </row>
    <row r="178885" spans="8:8">
      <c r="H178885" s="12"/>
    </row>
    <row r="178886" spans="8:8">
      <c r="H178886" s="12"/>
    </row>
    <row r="178887" spans="8:8">
      <c r="H178887" s="12"/>
    </row>
    <row r="178888" spans="8:8">
      <c r="H178888" s="12"/>
    </row>
    <row r="178889" spans="8:8">
      <c r="H178889" s="12"/>
    </row>
    <row r="178890" spans="8:8">
      <c r="H178890" s="12"/>
    </row>
    <row r="178891" spans="8:8">
      <c r="H178891" s="12"/>
    </row>
    <row r="178892" spans="8:8">
      <c r="H178892" s="12"/>
    </row>
    <row r="178893" spans="8:8">
      <c r="H178893" s="12"/>
    </row>
    <row r="178894" spans="8:8">
      <c r="H178894" s="12"/>
    </row>
    <row r="178895" spans="8:8">
      <c r="H178895" s="12"/>
    </row>
    <row r="178896" spans="8:8">
      <c r="H178896" s="12"/>
    </row>
    <row r="178897" spans="8:8">
      <c r="H178897" s="12"/>
    </row>
    <row r="178898" spans="8:8">
      <c r="H178898" s="12"/>
    </row>
    <row r="178899" spans="8:8">
      <c r="H178899" s="12"/>
    </row>
    <row r="178900" spans="8:8">
      <c r="H178900" s="12"/>
    </row>
    <row r="178901" spans="8:8">
      <c r="H178901" s="12"/>
    </row>
    <row r="178902" spans="8:8">
      <c r="H178902" s="12"/>
    </row>
    <row r="178903" spans="8:8">
      <c r="H178903" s="12"/>
    </row>
    <row r="178904" spans="8:8">
      <c r="H178904" s="12"/>
    </row>
    <row r="178905" spans="8:8">
      <c r="H178905" s="12"/>
    </row>
    <row r="178906" spans="8:8">
      <c r="H178906" s="12"/>
    </row>
    <row r="178907" spans="8:8">
      <c r="H178907" s="12"/>
    </row>
    <row r="178908" spans="8:8">
      <c r="H178908" s="12"/>
    </row>
    <row r="178909" spans="8:8">
      <c r="H178909" s="12"/>
    </row>
    <row r="178910" spans="8:8">
      <c r="H178910" s="12"/>
    </row>
    <row r="178911" spans="8:8">
      <c r="H178911" s="12"/>
    </row>
    <row r="178912" spans="8:8">
      <c r="H178912" s="12"/>
    </row>
    <row r="178913" spans="8:8">
      <c r="H178913" s="12"/>
    </row>
    <row r="178914" spans="8:8">
      <c r="H178914" s="12"/>
    </row>
    <row r="178915" spans="8:8">
      <c r="H178915" s="12"/>
    </row>
    <row r="178916" spans="8:8">
      <c r="H178916" s="12"/>
    </row>
    <row r="178917" spans="8:8">
      <c r="H178917" s="12"/>
    </row>
    <row r="178918" spans="8:8">
      <c r="H178918" s="12"/>
    </row>
    <row r="178919" spans="8:8">
      <c r="H178919" s="12"/>
    </row>
    <row r="178920" spans="8:8">
      <c r="H178920" s="12"/>
    </row>
    <row r="178921" spans="8:8">
      <c r="H178921" s="12"/>
    </row>
    <row r="178922" spans="8:8">
      <c r="H178922" s="12"/>
    </row>
    <row r="178923" spans="8:8">
      <c r="H178923" s="12"/>
    </row>
    <row r="178924" spans="8:8">
      <c r="H178924" s="12"/>
    </row>
    <row r="178925" spans="8:8">
      <c r="H178925" s="12"/>
    </row>
    <row r="178926" spans="8:8">
      <c r="H178926" s="12"/>
    </row>
    <row r="178927" spans="8:8">
      <c r="H178927" s="12"/>
    </row>
    <row r="178928" spans="8:8">
      <c r="H178928" s="12"/>
    </row>
    <row r="178929" spans="8:8">
      <c r="H178929" s="12"/>
    </row>
    <row r="178930" spans="8:8">
      <c r="H178930" s="12"/>
    </row>
    <row r="178931" spans="8:8">
      <c r="H178931" s="12"/>
    </row>
    <row r="178932" spans="8:8">
      <c r="H178932" s="12"/>
    </row>
    <row r="178933" spans="8:8">
      <c r="H178933" s="12"/>
    </row>
    <row r="178934" spans="8:8">
      <c r="H178934" s="12"/>
    </row>
    <row r="178935" spans="8:8">
      <c r="H178935" s="12"/>
    </row>
    <row r="178936" spans="8:8">
      <c r="H178936" s="12"/>
    </row>
    <row r="178937" spans="8:8">
      <c r="H178937" s="12"/>
    </row>
    <row r="178938" spans="8:8">
      <c r="H178938" s="12"/>
    </row>
    <row r="178939" spans="8:8">
      <c r="H178939" s="12"/>
    </row>
    <row r="178940" spans="8:8">
      <c r="H178940" s="12"/>
    </row>
    <row r="178941" spans="8:8">
      <c r="H178941" s="12"/>
    </row>
    <row r="178942" spans="8:8">
      <c r="H178942" s="12"/>
    </row>
    <row r="178943" spans="8:8">
      <c r="H178943" s="12"/>
    </row>
    <row r="178944" spans="8:8">
      <c r="H178944" s="12"/>
    </row>
    <row r="178945" spans="8:8">
      <c r="H178945" s="12"/>
    </row>
    <row r="178946" spans="8:8">
      <c r="H178946" s="12"/>
    </row>
    <row r="178947" spans="8:8">
      <c r="H178947" s="12"/>
    </row>
    <row r="178948" spans="8:8">
      <c r="H178948" s="12"/>
    </row>
    <row r="178949" spans="8:8">
      <c r="H178949" s="12"/>
    </row>
    <row r="178950" spans="8:8">
      <c r="H178950" s="12"/>
    </row>
    <row r="178951" spans="8:8">
      <c r="H178951" s="12"/>
    </row>
    <row r="178952" spans="8:8">
      <c r="H178952" s="12"/>
    </row>
    <row r="178953" spans="8:8">
      <c r="H178953" s="12"/>
    </row>
    <row r="178954" spans="8:8">
      <c r="H178954" s="12"/>
    </row>
    <row r="178955" spans="8:8">
      <c r="H178955" s="12"/>
    </row>
    <row r="178956" spans="8:8">
      <c r="H178956" s="12"/>
    </row>
    <row r="178957" spans="8:8">
      <c r="H178957" s="12"/>
    </row>
    <row r="178958" spans="8:8">
      <c r="H178958" s="12"/>
    </row>
    <row r="178959" spans="8:8">
      <c r="H178959" s="12"/>
    </row>
    <row r="178960" spans="8:8">
      <c r="H178960" s="12"/>
    </row>
    <row r="178961" spans="8:8">
      <c r="H178961" s="12"/>
    </row>
    <row r="178962" spans="8:8">
      <c r="H178962" s="12"/>
    </row>
    <row r="178963" spans="8:8">
      <c r="H178963" s="12"/>
    </row>
    <row r="178964" spans="8:8">
      <c r="H178964" s="12"/>
    </row>
    <row r="178965" spans="8:8">
      <c r="H178965" s="12"/>
    </row>
    <row r="178966" spans="8:8">
      <c r="H178966" s="12"/>
    </row>
    <row r="178967" spans="8:8">
      <c r="H178967" s="12"/>
    </row>
    <row r="178968" spans="8:8">
      <c r="H178968" s="12"/>
    </row>
    <row r="178969" spans="8:8">
      <c r="H178969" s="12"/>
    </row>
    <row r="178970" spans="8:8">
      <c r="H178970" s="12"/>
    </row>
    <row r="178971" spans="8:8">
      <c r="H178971" s="12"/>
    </row>
    <row r="178972" spans="8:8">
      <c r="H178972" s="12"/>
    </row>
    <row r="178973" spans="8:8">
      <c r="H178973" s="12"/>
    </row>
    <row r="178974" spans="8:8">
      <c r="H178974" s="12"/>
    </row>
    <row r="178975" spans="8:8">
      <c r="H178975" s="12"/>
    </row>
    <row r="178976" spans="8:8">
      <c r="H178976" s="12"/>
    </row>
    <row r="178977" spans="8:8">
      <c r="H178977" s="12"/>
    </row>
    <row r="178978" spans="8:8">
      <c r="H178978" s="12"/>
    </row>
    <row r="178979" spans="8:8">
      <c r="H178979" s="12"/>
    </row>
    <row r="178980" spans="8:8">
      <c r="H178980" s="12"/>
    </row>
    <row r="178981" spans="8:8">
      <c r="H178981" s="12"/>
    </row>
    <row r="178982" spans="8:8">
      <c r="H178982" s="12"/>
    </row>
    <row r="178983" spans="8:8">
      <c r="H178983" s="12"/>
    </row>
    <row r="178984" spans="8:8">
      <c r="H178984" s="12"/>
    </row>
    <row r="178985" spans="8:8">
      <c r="H178985" s="12"/>
    </row>
    <row r="178986" spans="8:8">
      <c r="H178986" s="12"/>
    </row>
    <row r="178987" spans="8:8">
      <c r="H178987" s="12"/>
    </row>
    <row r="178988" spans="8:8">
      <c r="H178988" s="12"/>
    </row>
    <row r="178989" spans="8:8">
      <c r="H178989" s="12"/>
    </row>
    <row r="178990" spans="8:8">
      <c r="H178990" s="12"/>
    </row>
    <row r="178991" spans="8:8">
      <c r="H178991" s="12"/>
    </row>
    <row r="178992" spans="8:8">
      <c r="H178992" s="12"/>
    </row>
    <row r="178993" spans="8:8">
      <c r="H178993" s="12"/>
    </row>
    <row r="178994" spans="8:8">
      <c r="H178994" s="12"/>
    </row>
    <row r="178995" spans="8:8">
      <c r="H178995" s="12"/>
    </row>
    <row r="178996" spans="8:8">
      <c r="H178996" s="12"/>
    </row>
    <row r="178997" spans="8:8">
      <c r="H178997" s="12"/>
    </row>
    <row r="178998" spans="8:8">
      <c r="H178998" s="12"/>
    </row>
    <row r="178999" spans="8:8">
      <c r="H178999" s="12"/>
    </row>
    <row r="179000" spans="8:8">
      <c r="H179000" s="12"/>
    </row>
    <row r="179001" spans="8:8">
      <c r="H179001" s="12"/>
    </row>
    <row r="179002" spans="8:8">
      <c r="H179002" s="12"/>
    </row>
    <row r="179003" spans="8:8">
      <c r="H179003" s="12"/>
    </row>
    <row r="179004" spans="8:8">
      <c r="H179004" s="12"/>
    </row>
    <row r="179005" spans="8:8">
      <c r="H179005" s="12"/>
    </row>
    <row r="179006" spans="8:8">
      <c r="H179006" s="12"/>
    </row>
    <row r="179007" spans="8:8">
      <c r="H179007" s="12"/>
    </row>
    <row r="179008" spans="8:8">
      <c r="H179008" s="12"/>
    </row>
    <row r="179009" spans="8:8">
      <c r="H179009" s="12"/>
    </row>
    <row r="179010" spans="8:8">
      <c r="H179010" s="12"/>
    </row>
    <row r="179011" spans="8:8">
      <c r="H179011" s="12"/>
    </row>
    <row r="179012" spans="8:8">
      <c r="H179012" s="12"/>
    </row>
    <row r="179013" spans="8:8">
      <c r="H179013" s="12"/>
    </row>
    <row r="179014" spans="8:8">
      <c r="H179014" s="12"/>
    </row>
    <row r="179015" spans="8:8">
      <c r="H179015" s="12"/>
    </row>
    <row r="179016" spans="8:8">
      <c r="H179016" s="12"/>
    </row>
    <row r="179017" spans="8:8">
      <c r="H179017" s="12"/>
    </row>
    <row r="179018" spans="8:8">
      <c r="H179018" s="12"/>
    </row>
    <row r="179019" spans="8:8">
      <c r="H179019" s="12"/>
    </row>
    <row r="179020" spans="8:8">
      <c r="H179020" s="12"/>
    </row>
    <row r="179021" spans="8:8">
      <c r="H179021" s="12"/>
    </row>
    <row r="179022" spans="8:8">
      <c r="H179022" s="12"/>
    </row>
    <row r="179023" spans="8:8">
      <c r="H179023" s="12"/>
    </row>
    <row r="179024" spans="8:8">
      <c r="H179024" s="12"/>
    </row>
    <row r="179025" spans="8:8">
      <c r="H179025" s="12"/>
    </row>
    <row r="179026" spans="8:8">
      <c r="H179026" s="12"/>
    </row>
    <row r="179027" spans="8:8">
      <c r="H179027" s="12"/>
    </row>
    <row r="179028" spans="8:8">
      <c r="H179028" s="12"/>
    </row>
    <row r="179029" spans="8:8">
      <c r="H179029" s="12"/>
    </row>
    <row r="179030" spans="8:8">
      <c r="H179030" s="12"/>
    </row>
    <row r="179031" spans="8:8">
      <c r="H179031" s="12"/>
    </row>
    <row r="179032" spans="8:8">
      <c r="H179032" s="12"/>
    </row>
    <row r="179033" spans="8:8">
      <c r="H179033" s="12"/>
    </row>
    <row r="179034" spans="8:8">
      <c r="H179034" s="12"/>
    </row>
    <row r="179035" spans="8:8">
      <c r="H179035" s="12"/>
    </row>
    <row r="179036" spans="8:8">
      <c r="H179036" s="12"/>
    </row>
    <row r="179037" spans="8:8">
      <c r="H179037" s="12"/>
    </row>
    <row r="179038" spans="8:8">
      <c r="H179038" s="12"/>
    </row>
    <row r="179039" spans="8:8">
      <c r="H179039" s="12"/>
    </row>
    <row r="179040" spans="8:8">
      <c r="H179040" s="12"/>
    </row>
    <row r="179041" spans="8:8">
      <c r="H179041" s="12"/>
    </row>
    <row r="179042" spans="8:8">
      <c r="H179042" s="12"/>
    </row>
    <row r="179043" spans="8:8">
      <c r="H179043" s="12"/>
    </row>
    <row r="179044" spans="8:8">
      <c r="H179044" s="12"/>
    </row>
    <row r="179045" spans="8:8">
      <c r="H179045" s="12"/>
    </row>
    <row r="179046" spans="8:8">
      <c r="H179046" s="12"/>
    </row>
    <row r="179047" spans="8:8">
      <c r="H179047" s="12"/>
    </row>
    <row r="179048" spans="8:8">
      <c r="H179048" s="12"/>
    </row>
    <row r="179049" spans="8:8">
      <c r="H179049" s="12"/>
    </row>
    <row r="179050" spans="8:8">
      <c r="H179050" s="12"/>
    </row>
    <row r="179051" spans="8:8">
      <c r="H179051" s="12"/>
    </row>
    <row r="179052" spans="8:8">
      <c r="H179052" s="12"/>
    </row>
    <row r="179053" spans="8:8">
      <c r="H179053" s="12"/>
    </row>
    <row r="179054" spans="8:8">
      <c r="H179054" s="12"/>
    </row>
    <row r="179055" spans="8:8">
      <c r="H179055" s="12"/>
    </row>
    <row r="179056" spans="8:8">
      <c r="H179056" s="12"/>
    </row>
    <row r="179057" spans="8:8">
      <c r="H179057" s="12"/>
    </row>
    <row r="179058" spans="8:8">
      <c r="H179058" s="12"/>
    </row>
    <row r="179059" spans="8:8">
      <c r="H179059" s="12"/>
    </row>
    <row r="179060" spans="8:8">
      <c r="H179060" s="12"/>
    </row>
    <row r="179061" spans="8:8">
      <c r="H179061" s="12"/>
    </row>
    <row r="179062" spans="8:8">
      <c r="H179062" s="12"/>
    </row>
    <row r="179063" spans="8:8">
      <c r="H179063" s="12"/>
    </row>
    <row r="179064" spans="8:8">
      <c r="H179064" s="12"/>
    </row>
    <row r="179065" spans="8:8">
      <c r="H179065" s="12"/>
    </row>
    <row r="179066" spans="8:8">
      <c r="H179066" s="12"/>
    </row>
    <row r="179067" spans="8:8">
      <c r="H179067" s="12"/>
    </row>
    <row r="179068" spans="8:8">
      <c r="H179068" s="12"/>
    </row>
    <row r="179069" spans="8:8">
      <c r="H179069" s="12"/>
    </row>
    <row r="179070" spans="8:8">
      <c r="H179070" s="12"/>
    </row>
    <row r="179071" spans="8:8">
      <c r="H179071" s="12"/>
    </row>
    <row r="179072" spans="8:8">
      <c r="H179072" s="12"/>
    </row>
    <row r="179073" spans="8:8">
      <c r="H179073" s="12"/>
    </row>
    <row r="179074" spans="8:8">
      <c r="H179074" s="12"/>
    </row>
    <row r="179075" spans="8:8">
      <c r="H179075" s="12"/>
    </row>
    <row r="179076" spans="8:8">
      <c r="H179076" s="12"/>
    </row>
    <row r="179077" spans="8:8">
      <c r="H179077" s="12"/>
    </row>
    <row r="179078" spans="8:8">
      <c r="H179078" s="12"/>
    </row>
    <row r="179079" spans="8:8">
      <c r="H179079" s="12"/>
    </row>
    <row r="179080" spans="8:8">
      <c r="H179080" s="12"/>
    </row>
    <row r="179081" spans="8:8">
      <c r="H179081" s="12"/>
    </row>
    <row r="179082" spans="8:8">
      <c r="H179082" s="12"/>
    </row>
    <row r="179083" spans="8:8">
      <c r="H179083" s="12"/>
    </row>
    <row r="179084" spans="8:8">
      <c r="H179084" s="12"/>
    </row>
    <row r="179085" spans="8:8">
      <c r="H179085" s="12"/>
    </row>
    <row r="179086" spans="8:8">
      <c r="H179086" s="12"/>
    </row>
    <row r="179087" spans="8:8">
      <c r="H179087" s="12"/>
    </row>
    <row r="179088" spans="8:8">
      <c r="H179088" s="12"/>
    </row>
    <row r="179089" spans="8:8">
      <c r="H179089" s="12"/>
    </row>
    <row r="179090" spans="8:8">
      <c r="H179090" s="12"/>
    </row>
    <row r="179091" spans="8:8">
      <c r="H179091" s="12"/>
    </row>
    <row r="179092" spans="8:8">
      <c r="H179092" s="12"/>
    </row>
    <row r="179093" spans="8:8">
      <c r="H179093" s="12"/>
    </row>
    <row r="179094" spans="8:8">
      <c r="H179094" s="12"/>
    </row>
    <row r="179095" spans="8:8">
      <c r="H179095" s="12"/>
    </row>
    <row r="179096" spans="8:8">
      <c r="H179096" s="12"/>
    </row>
    <row r="179097" spans="8:8">
      <c r="H179097" s="12"/>
    </row>
    <row r="179098" spans="8:8">
      <c r="H179098" s="12"/>
    </row>
    <row r="179099" spans="8:8">
      <c r="H179099" s="12"/>
    </row>
    <row r="179100" spans="8:8">
      <c r="H179100" s="12"/>
    </row>
    <row r="179101" spans="8:8">
      <c r="H179101" s="12"/>
    </row>
    <row r="179102" spans="8:8">
      <c r="H179102" s="12"/>
    </row>
    <row r="179103" spans="8:8">
      <c r="H179103" s="12"/>
    </row>
    <row r="179104" spans="8:8">
      <c r="H179104" s="12"/>
    </row>
    <row r="179105" spans="8:8">
      <c r="H179105" s="12"/>
    </row>
    <row r="179106" spans="8:8">
      <c r="H179106" s="12"/>
    </row>
    <row r="179107" spans="8:8">
      <c r="H179107" s="12"/>
    </row>
    <row r="179108" spans="8:8">
      <c r="H179108" s="12"/>
    </row>
    <row r="179109" spans="8:8">
      <c r="H179109" s="12"/>
    </row>
    <row r="179110" spans="8:8">
      <c r="H179110" s="12"/>
    </row>
    <row r="179111" spans="8:8">
      <c r="H179111" s="12"/>
    </row>
    <row r="179112" spans="8:8">
      <c r="H179112" s="12"/>
    </row>
    <row r="179113" spans="8:8">
      <c r="H179113" s="12"/>
    </row>
    <row r="179114" spans="8:8">
      <c r="H179114" s="12"/>
    </row>
    <row r="179115" spans="8:8">
      <c r="H179115" s="12"/>
    </row>
    <row r="179116" spans="8:8">
      <c r="H179116" s="12"/>
    </row>
    <row r="179117" spans="8:8">
      <c r="H179117" s="12"/>
    </row>
    <row r="179118" spans="8:8">
      <c r="H179118" s="12"/>
    </row>
    <row r="179119" spans="8:8">
      <c r="H179119" s="12"/>
    </row>
    <row r="179120" spans="8:8">
      <c r="H179120" s="12"/>
    </row>
    <row r="179121" spans="8:8">
      <c r="H179121" s="12"/>
    </row>
    <row r="179122" spans="8:8">
      <c r="H179122" s="12"/>
    </row>
    <row r="179123" spans="8:8">
      <c r="H179123" s="12"/>
    </row>
    <row r="179124" spans="8:8">
      <c r="H179124" s="12"/>
    </row>
    <row r="179125" spans="8:8">
      <c r="H179125" s="12"/>
    </row>
    <row r="179126" spans="8:8">
      <c r="H179126" s="12"/>
    </row>
    <row r="179127" spans="8:8">
      <c r="H179127" s="12"/>
    </row>
    <row r="179128" spans="8:8">
      <c r="H179128" s="12"/>
    </row>
    <row r="179129" spans="8:8">
      <c r="H179129" s="12"/>
    </row>
    <row r="179130" spans="8:8">
      <c r="H179130" s="12"/>
    </row>
    <row r="179131" spans="8:8">
      <c r="H179131" s="12"/>
    </row>
    <row r="179132" spans="8:8">
      <c r="H179132" s="12"/>
    </row>
    <row r="179133" spans="8:8">
      <c r="H179133" s="12"/>
    </row>
    <row r="179134" spans="8:8">
      <c r="H179134" s="12"/>
    </row>
    <row r="179135" spans="8:8">
      <c r="H179135" s="12"/>
    </row>
    <row r="179136" spans="8:8">
      <c r="H179136" s="12"/>
    </row>
    <row r="179137" spans="8:8">
      <c r="H179137" s="12"/>
    </row>
    <row r="179138" spans="8:8">
      <c r="H179138" s="12"/>
    </row>
    <row r="179139" spans="8:8">
      <c r="H179139" s="12"/>
    </row>
    <row r="179140" spans="8:8">
      <c r="H179140" s="12"/>
    </row>
    <row r="179141" spans="8:8">
      <c r="H179141" s="12"/>
    </row>
    <row r="179142" spans="8:8">
      <c r="H179142" s="12"/>
    </row>
    <row r="179143" spans="8:8">
      <c r="H179143" s="12"/>
    </row>
    <row r="179144" spans="8:8">
      <c r="H179144" s="12"/>
    </row>
    <row r="179145" spans="8:8">
      <c r="H179145" s="12"/>
    </row>
    <row r="179146" spans="8:8">
      <c r="H179146" s="12"/>
    </row>
    <row r="179147" spans="8:8">
      <c r="H179147" s="12"/>
    </row>
    <row r="179148" spans="8:8">
      <c r="H179148" s="12"/>
    </row>
    <row r="179149" spans="8:8">
      <c r="H179149" s="12"/>
    </row>
    <row r="179150" spans="8:8">
      <c r="H179150" s="12"/>
    </row>
    <row r="179151" spans="8:8">
      <c r="H179151" s="12"/>
    </row>
    <row r="179152" spans="8:8">
      <c r="H179152" s="12"/>
    </row>
    <row r="179153" spans="8:8">
      <c r="H179153" s="12"/>
    </row>
    <row r="179154" spans="8:8">
      <c r="H179154" s="12"/>
    </row>
    <row r="179155" spans="8:8">
      <c r="H179155" s="12"/>
    </row>
    <row r="179156" spans="8:8">
      <c r="H179156" s="12"/>
    </row>
    <row r="179157" spans="8:8">
      <c r="H179157" s="12"/>
    </row>
    <row r="179158" spans="8:8">
      <c r="H179158" s="12"/>
    </row>
    <row r="179159" spans="8:8">
      <c r="H179159" s="12"/>
    </row>
    <row r="179160" spans="8:8">
      <c r="H179160" s="12"/>
    </row>
    <row r="179161" spans="8:8">
      <c r="H179161" s="12"/>
    </row>
    <row r="179162" spans="8:8">
      <c r="H179162" s="12"/>
    </row>
    <row r="179163" spans="8:8">
      <c r="H179163" s="12"/>
    </row>
    <row r="179164" spans="8:8">
      <c r="H179164" s="12"/>
    </row>
    <row r="179165" spans="8:8">
      <c r="H179165" s="12"/>
    </row>
    <row r="179166" spans="8:8">
      <c r="H179166" s="12"/>
    </row>
    <row r="179167" spans="8:8">
      <c r="H179167" s="12"/>
    </row>
    <row r="179168" spans="8:8">
      <c r="H179168" s="12"/>
    </row>
    <row r="179169" spans="8:8">
      <c r="H179169" s="12"/>
    </row>
    <row r="179170" spans="8:8">
      <c r="H179170" s="12"/>
    </row>
    <row r="179171" spans="8:8">
      <c r="H179171" s="12"/>
    </row>
    <row r="179172" spans="8:8">
      <c r="H179172" s="12"/>
    </row>
    <row r="179173" spans="8:8">
      <c r="H179173" s="12"/>
    </row>
    <row r="179174" spans="8:8">
      <c r="H179174" s="12"/>
    </row>
    <row r="179175" spans="8:8">
      <c r="H179175" s="12"/>
    </row>
    <row r="179176" spans="8:8">
      <c r="H179176" s="12"/>
    </row>
    <row r="179177" spans="8:8">
      <c r="H179177" s="12"/>
    </row>
    <row r="179178" spans="8:8">
      <c r="H179178" s="12"/>
    </row>
    <row r="179179" spans="8:8">
      <c r="H179179" s="12"/>
    </row>
    <row r="179180" spans="8:8">
      <c r="H179180" s="12"/>
    </row>
    <row r="179181" spans="8:8">
      <c r="H179181" s="12"/>
    </row>
    <row r="179182" spans="8:8">
      <c r="H179182" s="12"/>
    </row>
    <row r="179183" spans="8:8">
      <c r="H179183" s="12"/>
    </row>
    <row r="179184" spans="8:8">
      <c r="H179184" s="12"/>
    </row>
    <row r="179185" spans="8:8">
      <c r="H179185" s="12"/>
    </row>
    <row r="179186" spans="8:8">
      <c r="H179186" s="12"/>
    </row>
    <row r="179187" spans="8:8">
      <c r="H179187" s="12"/>
    </row>
    <row r="179188" spans="8:8">
      <c r="H179188" s="12"/>
    </row>
    <row r="179189" spans="8:8">
      <c r="H179189" s="12"/>
    </row>
    <row r="179190" spans="8:8">
      <c r="H179190" s="12"/>
    </row>
    <row r="179191" spans="8:8">
      <c r="H179191" s="12"/>
    </row>
    <row r="179192" spans="8:8">
      <c r="H179192" s="12"/>
    </row>
    <row r="179193" spans="8:8">
      <c r="H179193" s="12"/>
    </row>
    <row r="179194" spans="8:8">
      <c r="H179194" s="12"/>
    </row>
    <row r="179195" spans="8:8">
      <c r="H179195" s="12"/>
    </row>
    <row r="179196" spans="8:8">
      <c r="H179196" s="12"/>
    </row>
    <row r="179197" spans="8:8">
      <c r="H179197" s="12"/>
    </row>
    <row r="179198" spans="8:8">
      <c r="H179198" s="12"/>
    </row>
    <row r="179199" spans="8:8">
      <c r="H179199" s="12"/>
    </row>
    <row r="179200" spans="8:8">
      <c r="H179200" s="12"/>
    </row>
    <row r="179201" spans="8:8">
      <c r="H179201" s="12"/>
    </row>
    <row r="179202" spans="8:8">
      <c r="H179202" s="12"/>
    </row>
    <row r="179203" spans="8:8">
      <c r="H179203" s="12"/>
    </row>
    <row r="179204" spans="8:8">
      <c r="H179204" s="12"/>
    </row>
    <row r="179205" spans="8:8">
      <c r="H179205" s="12"/>
    </row>
    <row r="179206" spans="8:8">
      <c r="H179206" s="12"/>
    </row>
    <row r="179207" spans="8:8">
      <c r="H179207" s="12"/>
    </row>
    <row r="179208" spans="8:8">
      <c r="H179208" s="12"/>
    </row>
    <row r="179209" spans="8:8">
      <c r="H179209" s="12"/>
    </row>
    <row r="179210" spans="8:8">
      <c r="H179210" s="12"/>
    </row>
    <row r="179211" spans="8:8">
      <c r="H179211" s="12"/>
    </row>
    <row r="179212" spans="8:8">
      <c r="H179212" s="12"/>
    </row>
    <row r="179213" spans="8:8">
      <c r="H179213" s="12"/>
    </row>
    <row r="179214" spans="8:8">
      <c r="H179214" s="12"/>
    </row>
    <row r="179215" spans="8:8">
      <c r="H179215" s="12"/>
    </row>
    <row r="179216" spans="8:8">
      <c r="H179216" s="12"/>
    </row>
    <row r="179217" spans="8:8">
      <c r="H179217" s="12"/>
    </row>
    <row r="179218" spans="8:8">
      <c r="H179218" s="12"/>
    </row>
    <row r="179219" spans="8:8">
      <c r="H179219" s="12"/>
    </row>
    <row r="179220" spans="8:8">
      <c r="H179220" s="12"/>
    </row>
    <row r="179221" spans="8:8">
      <c r="H179221" s="12"/>
    </row>
    <row r="179222" spans="8:8">
      <c r="H179222" s="12"/>
    </row>
    <row r="179223" spans="8:8">
      <c r="H179223" s="12"/>
    </row>
    <row r="179224" spans="8:8">
      <c r="H179224" s="12"/>
    </row>
    <row r="179225" spans="8:8">
      <c r="H179225" s="12"/>
    </row>
    <row r="179226" spans="8:8">
      <c r="H179226" s="12"/>
    </row>
    <row r="179227" spans="8:8">
      <c r="H179227" s="12"/>
    </row>
    <row r="179228" spans="8:8">
      <c r="H179228" s="12"/>
    </row>
    <row r="179229" spans="8:8">
      <c r="H179229" s="12"/>
    </row>
    <row r="179230" spans="8:8">
      <c r="H179230" s="12"/>
    </row>
    <row r="179231" spans="8:8">
      <c r="H179231" s="12"/>
    </row>
    <row r="179232" spans="8:8">
      <c r="H179232" s="12"/>
    </row>
    <row r="179233" spans="8:8">
      <c r="H179233" s="12"/>
    </row>
    <row r="179234" spans="8:8">
      <c r="H179234" s="12"/>
    </row>
    <row r="179235" spans="8:8">
      <c r="H179235" s="12"/>
    </row>
    <row r="179236" spans="8:8">
      <c r="H179236" s="12"/>
    </row>
    <row r="179237" spans="8:8">
      <c r="H179237" s="12"/>
    </row>
    <row r="179238" spans="8:8">
      <c r="H179238" s="12"/>
    </row>
    <row r="179239" spans="8:8">
      <c r="H179239" s="12"/>
    </row>
    <row r="179240" spans="8:8">
      <c r="H179240" s="12"/>
    </row>
    <row r="179241" spans="8:8">
      <c r="H179241" s="12"/>
    </row>
    <row r="179242" spans="8:8">
      <c r="H179242" s="12"/>
    </row>
    <row r="179243" spans="8:8">
      <c r="H179243" s="12"/>
    </row>
    <row r="179244" spans="8:8">
      <c r="H179244" s="12"/>
    </row>
    <row r="179245" spans="8:8">
      <c r="H179245" s="12"/>
    </row>
    <row r="179246" spans="8:8">
      <c r="H179246" s="12"/>
    </row>
    <row r="179247" spans="8:8">
      <c r="H179247" s="12"/>
    </row>
    <row r="179248" spans="8:8">
      <c r="H179248" s="12"/>
    </row>
    <row r="179249" spans="8:8">
      <c r="H179249" s="12"/>
    </row>
    <row r="179250" spans="8:8">
      <c r="H179250" s="12"/>
    </row>
    <row r="179251" spans="8:8">
      <c r="H179251" s="12"/>
    </row>
    <row r="179252" spans="8:8">
      <c r="H179252" s="12"/>
    </row>
    <row r="179253" spans="8:8">
      <c r="H179253" s="12"/>
    </row>
    <row r="179254" spans="8:8">
      <c r="H179254" s="12"/>
    </row>
    <row r="179255" spans="8:8">
      <c r="H179255" s="12"/>
    </row>
    <row r="179256" spans="8:8">
      <c r="H179256" s="12"/>
    </row>
    <row r="179257" spans="8:8">
      <c r="H179257" s="12"/>
    </row>
    <row r="179258" spans="8:8">
      <c r="H179258" s="12"/>
    </row>
    <row r="179259" spans="8:8">
      <c r="H179259" s="12"/>
    </row>
    <row r="179260" spans="8:8">
      <c r="H179260" s="12"/>
    </row>
    <row r="179261" spans="8:8">
      <c r="H179261" s="12"/>
    </row>
    <row r="179262" spans="8:8">
      <c r="H179262" s="12"/>
    </row>
    <row r="179263" spans="8:8">
      <c r="H179263" s="12"/>
    </row>
    <row r="179264" spans="8:8">
      <c r="H179264" s="12"/>
    </row>
    <row r="179265" spans="8:8">
      <c r="H179265" s="12"/>
    </row>
    <row r="179266" spans="8:8">
      <c r="H179266" s="12"/>
    </row>
    <row r="179267" spans="8:8">
      <c r="H179267" s="12"/>
    </row>
    <row r="179268" spans="8:8">
      <c r="H179268" s="12"/>
    </row>
    <row r="179269" spans="8:8">
      <c r="H179269" s="12"/>
    </row>
    <row r="179270" spans="8:8">
      <c r="H179270" s="12"/>
    </row>
    <row r="179271" spans="8:8">
      <c r="H179271" s="12"/>
    </row>
    <row r="179272" spans="8:8">
      <c r="H179272" s="12"/>
    </row>
    <row r="179273" spans="8:8">
      <c r="H179273" s="12"/>
    </row>
    <row r="179274" spans="8:8">
      <c r="H179274" s="12"/>
    </row>
    <row r="179275" spans="8:8">
      <c r="H179275" s="12"/>
    </row>
    <row r="179276" spans="8:8">
      <c r="H179276" s="12"/>
    </row>
    <row r="179277" spans="8:8">
      <c r="H179277" s="12"/>
    </row>
    <row r="179278" spans="8:8">
      <c r="H179278" s="12"/>
    </row>
    <row r="179279" spans="8:8">
      <c r="H179279" s="12"/>
    </row>
    <row r="179280" spans="8:8">
      <c r="H179280" s="12"/>
    </row>
    <row r="179281" spans="8:8">
      <c r="H179281" s="12"/>
    </row>
    <row r="179282" spans="8:8">
      <c r="H179282" s="12"/>
    </row>
    <row r="179283" spans="8:8">
      <c r="H179283" s="12"/>
    </row>
    <row r="179284" spans="8:8">
      <c r="H179284" s="12"/>
    </row>
    <row r="179285" spans="8:8">
      <c r="H179285" s="12"/>
    </row>
    <row r="179286" spans="8:8">
      <c r="H179286" s="12"/>
    </row>
    <row r="179287" spans="8:8">
      <c r="H179287" s="12"/>
    </row>
    <row r="179288" spans="8:8">
      <c r="H179288" s="12"/>
    </row>
    <row r="179289" spans="8:8">
      <c r="H179289" s="12"/>
    </row>
    <row r="179290" spans="8:8">
      <c r="H179290" s="12"/>
    </row>
    <row r="179291" spans="8:8">
      <c r="H179291" s="12"/>
    </row>
    <row r="179292" spans="8:8">
      <c r="H179292" s="12"/>
    </row>
    <row r="179293" spans="8:8">
      <c r="H179293" s="12"/>
    </row>
    <row r="179294" spans="8:8">
      <c r="H179294" s="12"/>
    </row>
    <row r="179295" spans="8:8">
      <c r="H179295" s="12"/>
    </row>
    <row r="179296" spans="8:8">
      <c r="H179296" s="12"/>
    </row>
    <row r="179297" spans="8:8">
      <c r="H179297" s="12"/>
    </row>
    <row r="179298" spans="8:8">
      <c r="H179298" s="12"/>
    </row>
    <row r="179299" spans="8:8">
      <c r="H179299" s="12"/>
    </row>
    <row r="179300" spans="8:8">
      <c r="H179300" s="12"/>
    </row>
    <row r="179301" spans="8:8">
      <c r="H179301" s="12"/>
    </row>
    <row r="179302" spans="8:8">
      <c r="H179302" s="12"/>
    </row>
    <row r="179303" spans="8:8">
      <c r="H179303" s="12"/>
    </row>
    <row r="179304" spans="8:8">
      <c r="H179304" s="12"/>
    </row>
    <row r="179305" spans="8:8">
      <c r="H179305" s="12"/>
    </row>
    <row r="179306" spans="8:8">
      <c r="H179306" s="12"/>
    </row>
    <row r="179307" spans="8:8">
      <c r="H179307" s="12"/>
    </row>
    <row r="179308" spans="8:8">
      <c r="H179308" s="12"/>
    </row>
    <row r="179309" spans="8:8">
      <c r="H179309" s="12"/>
    </row>
    <row r="179310" spans="8:8">
      <c r="H179310" s="12"/>
    </row>
    <row r="179311" spans="8:8">
      <c r="H179311" s="12"/>
    </row>
    <row r="179312" spans="8:8">
      <c r="H179312" s="12"/>
    </row>
    <row r="179313" spans="8:8">
      <c r="H179313" s="12"/>
    </row>
    <row r="179314" spans="8:8">
      <c r="H179314" s="12"/>
    </row>
    <row r="179315" spans="8:8">
      <c r="H179315" s="12"/>
    </row>
    <row r="179316" spans="8:8">
      <c r="H179316" s="12"/>
    </row>
    <row r="179317" spans="8:8">
      <c r="H179317" s="12"/>
    </row>
    <row r="179318" spans="8:8">
      <c r="H179318" s="12"/>
    </row>
    <row r="179319" spans="8:8">
      <c r="H179319" s="12"/>
    </row>
    <row r="179320" spans="8:8">
      <c r="H179320" s="12"/>
    </row>
    <row r="179321" spans="8:8">
      <c r="H179321" s="12"/>
    </row>
    <row r="179322" spans="8:8">
      <c r="H179322" s="12"/>
    </row>
    <row r="179323" spans="8:8">
      <c r="H179323" s="12"/>
    </row>
    <row r="179324" spans="8:8">
      <c r="H179324" s="12"/>
    </row>
    <row r="179325" spans="8:8">
      <c r="H179325" s="12"/>
    </row>
    <row r="179326" spans="8:8">
      <c r="H179326" s="12"/>
    </row>
    <row r="179327" spans="8:8">
      <c r="H179327" s="12"/>
    </row>
    <row r="179328" spans="8:8">
      <c r="H179328" s="12"/>
    </row>
    <row r="179329" spans="8:8">
      <c r="H179329" s="12"/>
    </row>
    <row r="179330" spans="8:8">
      <c r="H179330" s="12"/>
    </row>
    <row r="179331" spans="8:8">
      <c r="H179331" s="12"/>
    </row>
    <row r="179332" spans="8:8">
      <c r="H179332" s="12"/>
    </row>
    <row r="179333" spans="8:8">
      <c r="H179333" s="12"/>
    </row>
    <row r="179334" spans="8:8">
      <c r="H179334" s="12"/>
    </row>
    <row r="179335" spans="8:8">
      <c r="H179335" s="12"/>
    </row>
    <row r="179336" spans="8:8">
      <c r="H179336" s="12"/>
    </row>
    <row r="179337" spans="8:8">
      <c r="H179337" s="12"/>
    </row>
    <row r="179338" spans="8:8">
      <c r="H179338" s="12"/>
    </row>
    <row r="179339" spans="8:8">
      <c r="H179339" s="12"/>
    </row>
    <row r="179340" spans="8:8">
      <c r="H179340" s="12"/>
    </row>
    <row r="179341" spans="8:8">
      <c r="H179341" s="12"/>
    </row>
    <row r="179342" spans="8:8">
      <c r="H179342" s="12"/>
    </row>
    <row r="179343" spans="8:8">
      <c r="H179343" s="12"/>
    </row>
    <row r="179344" spans="8:8">
      <c r="H179344" s="12"/>
    </row>
    <row r="179345" spans="8:8">
      <c r="H179345" s="12"/>
    </row>
    <row r="179346" spans="8:8">
      <c r="H179346" s="12"/>
    </row>
    <row r="179347" spans="8:8">
      <c r="H179347" s="12"/>
    </row>
    <row r="179348" spans="8:8">
      <c r="H179348" s="12"/>
    </row>
    <row r="179349" spans="8:8">
      <c r="H179349" s="12"/>
    </row>
    <row r="179350" spans="8:8">
      <c r="H179350" s="12"/>
    </row>
    <row r="179351" spans="8:8">
      <c r="H179351" s="12"/>
    </row>
    <row r="179352" spans="8:8">
      <c r="H179352" s="12"/>
    </row>
    <row r="179353" spans="8:8">
      <c r="H179353" s="12"/>
    </row>
    <row r="179354" spans="8:8">
      <c r="H179354" s="12"/>
    </row>
    <row r="179355" spans="8:8">
      <c r="H179355" s="12"/>
    </row>
    <row r="179356" spans="8:8">
      <c r="H179356" s="12"/>
    </row>
    <row r="179357" spans="8:8">
      <c r="H179357" s="12"/>
    </row>
    <row r="179358" spans="8:8">
      <c r="H179358" s="12"/>
    </row>
    <row r="179359" spans="8:8">
      <c r="H179359" s="12"/>
    </row>
    <row r="179360" spans="8:8">
      <c r="H179360" s="12"/>
    </row>
    <row r="179361" spans="8:8">
      <c r="H179361" s="12"/>
    </row>
    <row r="179362" spans="8:8">
      <c r="H179362" s="12"/>
    </row>
    <row r="179363" spans="8:8">
      <c r="H179363" s="12"/>
    </row>
    <row r="179364" spans="8:8">
      <c r="H179364" s="12"/>
    </row>
    <row r="179365" spans="8:8">
      <c r="H179365" s="12"/>
    </row>
    <row r="179366" spans="8:8">
      <c r="H179366" s="12"/>
    </row>
    <row r="179367" spans="8:8">
      <c r="H179367" s="12"/>
    </row>
    <row r="179368" spans="8:8">
      <c r="H179368" s="12"/>
    </row>
    <row r="179369" spans="8:8">
      <c r="H179369" s="12"/>
    </row>
    <row r="179370" spans="8:8">
      <c r="H179370" s="12"/>
    </row>
    <row r="179371" spans="8:8">
      <c r="H179371" s="12"/>
    </row>
    <row r="179372" spans="8:8">
      <c r="H179372" s="12"/>
    </row>
    <row r="179373" spans="8:8">
      <c r="H179373" s="12"/>
    </row>
    <row r="179374" spans="8:8">
      <c r="H179374" s="12"/>
    </row>
    <row r="179375" spans="8:8">
      <c r="H179375" s="12"/>
    </row>
    <row r="179376" spans="8:8">
      <c r="H179376" s="12"/>
    </row>
    <row r="179377" spans="8:8">
      <c r="H179377" s="12"/>
    </row>
    <row r="179378" spans="8:8">
      <c r="H179378" s="12"/>
    </row>
    <row r="179379" spans="8:8">
      <c r="H179379" s="12"/>
    </row>
    <row r="179380" spans="8:8">
      <c r="H179380" s="12"/>
    </row>
    <row r="179381" spans="8:8">
      <c r="H179381" s="12"/>
    </row>
    <row r="179382" spans="8:8">
      <c r="H179382" s="12"/>
    </row>
    <row r="179383" spans="8:8">
      <c r="H179383" s="12"/>
    </row>
    <row r="179384" spans="8:8">
      <c r="H179384" s="12"/>
    </row>
    <row r="179385" spans="8:8">
      <c r="H179385" s="12"/>
    </row>
    <row r="179386" spans="8:8">
      <c r="H179386" s="12"/>
    </row>
    <row r="179387" spans="8:8">
      <c r="H179387" s="12"/>
    </row>
    <row r="179388" spans="8:8">
      <c r="H179388" s="12"/>
    </row>
    <row r="179389" spans="8:8">
      <c r="H179389" s="12"/>
    </row>
    <row r="179390" spans="8:8">
      <c r="H179390" s="12"/>
    </row>
    <row r="179391" spans="8:8">
      <c r="H179391" s="12"/>
    </row>
    <row r="179392" spans="8:8">
      <c r="H179392" s="12"/>
    </row>
    <row r="179393" spans="8:8">
      <c r="H179393" s="12"/>
    </row>
    <row r="179394" spans="8:8">
      <c r="H179394" s="12"/>
    </row>
    <row r="179395" spans="8:8">
      <c r="H179395" s="12"/>
    </row>
    <row r="179396" spans="8:8">
      <c r="H179396" s="12"/>
    </row>
    <row r="179397" spans="8:8">
      <c r="H179397" s="12"/>
    </row>
    <row r="179398" spans="8:8">
      <c r="H179398" s="12"/>
    </row>
    <row r="179399" spans="8:8">
      <c r="H179399" s="12"/>
    </row>
    <row r="179400" spans="8:8">
      <c r="H179400" s="12"/>
    </row>
    <row r="179401" spans="8:8">
      <c r="H179401" s="12"/>
    </row>
    <row r="179402" spans="8:8">
      <c r="H179402" s="12"/>
    </row>
    <row r="179403" spans="8:8">
      <c r="H179403" s="12"/>
    </row>
    <row r="179404" spans="8:8">
      <c r="H179404" s="12"/>
    </row>
    <row r="179405" spans="8:8">
      <c r="H179405" s="12"/>
    </row>
    <row r="179406" spans="8:8">
      <c r="H179406" s="12"/>
    </row>
    <row r="179407" spans="8:8">
      <c r="H179407" s="12"/>
    </row>
    <row r="179408" spans="8:8">
      <c r="H179408" s="12"/>
    </row>
    <row r="179409" spans="8:8">
      <c r="H179409" s="12"/>
    </row>
    <row r="179410" spans="8:8">
      <c r="H179410" s="12"/>
    </row>
    <row r="179411" spans="8:8">
      <c r="H179411" s="12"/>
    </row>
    <row r="179412" spans="8:8">
      <c r="H179412" s="12"/>
    </row>
    <row r="179413" spans="8:8">
      <c r="H179413" s="12"/>
    </row>
    <row r="179414" spans="8:8">
      <c r="H179414" s="12"/>
    </row>
    <row r="179415" spans="8:8">
      <c r="H179415" s="12"/>
    </row>
    <row r="179416" spans="8:8">
      <c r="H179416" s="12"/>
    </row>
    <row r="179417" spans="8:8">
      <c r="H179417" s="12"/>
    </row>
    <row r="179418" spans="8:8">
      <c r="H179418" s="12"/>
    </row>
    <row r="179419" spans="8:8">
      <c r="H179419" s="12"/>
    </row>
    <row r="179420" spans="8:8">
      <c r="H179420" s="12"/>
    </row>
    <row r="179421" spans="8:8">
      <c r="H179421" s="12"/>
    </row>
    <row r="179422" spans="8:8">
      <c r="H179422" s="12"/>
    </row>
    <row r="179423" spans="8:8">
      <c r="H179423" s="12"/>
    </row>
    <row r="179424" spans="8:8">
      <c r="H179424" s="12"/>
    </row>
    <row r="179425" spans="8:8">
      <c r="H179425" s="12"/>
    </row>
    <row r="179426" spans="8:8">
      <c r="H179426" s="12"/>
    </row>
    <row r="179427" spans="8:8">
      <c r="H179427" s="12"/>
    </row>
    <row r="179428" spans="8:8">
      <c r="H179428" s="12"/>
    </row>
    <row r="179429" spans="8:8">
      <c r="H179429" s="12"/>
    </row>
    <row r="179430" spans="8:8">
      <c r="H179430" s="12"/>
    </row>
    <row r="179431" spans="8:8">
      <c r="H179431" s="12"/>
    </row>
    <row r="179432" spans="8:8">
      <c r="H179432" s="12"/>
    </row>
    <row r="179433" spans="8:8">
      <c r="H179433" s="12"/>
    </row>
    <row r="179434" spans="8:8">
      <c r="H179434" s="12"/>
    </row>
    <row r="179435" spans="8:8">
      <c r="H179435" s="12"/>
    </row>
    <row r="179436" spans="8:8">
      <c r="H179436" s="12"/>
    </row>
    <row r="179437" spans="8:8">
      <c r="H179437" s="12"/>
    </row>
    <row r="179438" spans="8:8">
      <c r="H179438" s="12"/>
    </row>
    <row r="179439" spans="8:8">
      <c r="H179439" s="12"/>
    </row>
    <row r="179440" spans="8:8">
      <c r="H179440" s="12"/>
    </row>
    <row r="179441" spans="8:8">
      <c r="H179441" s="12"/>
    </row>
    <row r="179442" spans="8:8">
      <c r="H179442" s="12"/>
    </row>
    <row r="179443" spans="8:8">
      <c r="H179443" s="12"/>
    </row>
    <row r="179444" spans="8:8">
      <c r="H179444" s="12"/>
    </row>
    <row r="179445" spans="8:8">
      <c r="H179445" s="12"/>
    </row>
    <row r="179446" spans="8:8">
      <c r="H179446" s="12"/>
    </row>
    <row r="179447" spans="8:8">
      <c r="H179447" s="12"/>
    </row>
    <row r="179448" spans="8:8">
      <c r="H179448" s="12"/>
    </row>
    <row r="179449" spans="8:8">
      <c r="H179449" s="12"/>
    </row>
    <row r="179450" spans="8:8">
      <c r="H179450" s="12"/>
    </row>
    <row r="179451" spans="8:8">
      <c r="H179451" s="12"/>
    </row>
    <row r="179452" spans="8:8">
      <c r="H179452" s="12"/>
    </row>
    <row r="179453" spans="8:8">
      <c r="H179453" s="12"/>
    </row>
    <row r="179454" spans="8:8">
      <c r="H179454" s="12"/>
    </row>
    <row r="179455" spans="8:8">
      <c r="H179455" s="12"/>
    </row>
    <row r="179456" spans="8:8">
      <c r="H179456" s="12"/>
    </row>
    <row r="179457" spans="8:8">
      <c r="H179457" s="12"/>
    </row>
    <row r="179458" spans="8:8">
      <c r="H179458" s="12"/>
    </row>
    <row r="179459" spans="8:8">
      <c r="H179459" s="12"/>
    </row>
    <row r="179460" spans="8:8">
      <c r="H179460" s="12"/>
    </row>
    <row r="179461" spans="8:8">
      <c r="H179461" s="12"/>
    </row>
    <row r="179462" spans="8:8">
      <c r="H179462" s="12"/>
    </row>
    <row r="179463" spans="8:8">
      <c r="H179463" s="12"/>
    </row>
    <row r="179464" spans="8:8">
      <c r="H179464" s="12"/>
    </row>
    <row r="179465" spans="8:8">
      <c r="H179465" s="12"/>
    </row>
    <row r="179466" spans="8:8">
      <c r="H179466" s="12"/>
    </row>
    <row r="179467" spans="8:8">
      <c r="H179467" s="12"/>
    </row>
    <row r="179468" spans="8:8">
      <c r="H179468" s="12"/>
    </row>
    <row r="179469" spans="8:8">
      <c r="H179469" s="12"/>
    </row>
    <row r="179470" spans="8:8">
      <c r="H179470" s="12"/>
    </row>
    <row r="179471" spans="8:8">
      <c r="H179471" s="12"/>
    </row>
    <row r="179472" spans="8:8">
      <c r="H179472" s="12"/>
    </row>
    <row r="179473" spans="8:8">
      <c r="H179473" s="12"/>
    </row>
    <row r="179474" spans="8:8">
      <c r="H179474" s="12"/>
    </row>
    <row r="179475" spans="8:8">
      <c r="H179475" s="12"/>
    </row>
    <row r="179476" spans="8:8">
      <c r="H179476" s="12"/>
    </row>
    <row r="179477" spans="8:8">
      <c r="H179477" s="12"/>
    </row>
    <row r="179478" spans="8:8">
      <c r="H179478" s="12"/>
    </row>
    <row r="179479" spans="8:8">
      <c r="H179479" s="12"/>
    </row>
    <row r="179480" spans="8:8">
      <c r="H179480" s="12"/>
    </row>
    <row r="179481" spans="8:8">
      <c r="H179481" s="12"/>
    </row>
    <row r="179482" spans="8:8">
      <c r="H179482" s="12"/>
    </row>
    <row r="179483" spans="8:8">
      <c r="H179483" s="12"/>
    </row>
    <row r="179484" spans="8:8">
      <c r="H179484" s="12"/>
    </row>
    <row r="179485" spans="8:8">
      <c r="H179485" s="12"/>
    </row>
    <row r="179486" spans="8:8">
      <c r="H179486" s="12"/>
    </row>
    <row r="179487" spans="8:8">
      <c r="H179487" s="12"/>
    </row>
    <row r="179488" spans="8:8">
      <c r="H179488" s="12"/>
    </row>
    <row r="179489" spans="8:8">
      <c r="H179489" s="12"/>
    </row>
    <row r="179490" spans="8:8">
      <c r="H179490" s="12"/>
    </row>
    <row r="179491" spans="8:8">
      <c r="H179491" s="12"/>
    </row>
    <row r="179492" spans="8:8">
      <c r="H179492" s="12"/>
    </row>
    <row r="179493" spans="8:8">
      <c r="H179493" s="12"/>
    </row>
    <row r="179494" spans="8:8">
      <c r="H179494" s="12"/>
    </row>
    <row r="179495" spans="8:8">
      <c r="H179495" s="12"/>
    </row>
    <row r="179496" spans="8:8">
      <c r="H179496" s="12"/>
    </row>
    <row r="179497" spans="8:8">
      <c r="H179497" s="12"/>
    </row>
    <row r="179498" spans="8:8">
      <c r="H179498" s="12"/>
    </row>
    <row r="179499" spans="8:8">
      <c r="H179499" s="12"/>
    </row>
    <row r="179500" spans="8:8">
      <c r="H179500" s="12"/>
    </row>
    <row r="179501" spans="8:8">
      <c r="H179501" s="12"/>
    </row>
    <row r="179502" spans="8:8">
      <c r="H179502" s="12"/>
    </row>
    <row r="179503" spans="8:8">
      <c r="H179503" s="12"/>
    </row>
    <row r="179504" spans="8:8">
      <c r="H179504" s="12"/>
    </row>
    <row r="179505" spans="8:8">
      <c r="H179505" s="12"/>
    </row>
    <row r="179506" spans="8:8">
      <c r="H179506" s="12"/>
    </row>
    <row r="179507" spans="8:8">
      <c r="H179507" s="12"/>
    </row>
    <row r="179508" spans="8:8">
      <c r="H179508" s="12"/>
    </row>
    <row r="179509" spans="8:8">
      <c r="H179509" s="12"/>
    </row>
    <row r="179510" spans="8:8">
      <c r="H179510" s="12"/>
    </row>
    <row r="179511" spans="8:8">
      <c r="H179511" s="12"/>
    </row>
    <row r="179512" spans="8:8">
      <c r="H179512" s="12"/>
    </row>
    <row r="179513" spans="8:8">
      <c r="H179513" s="12"/>
    </row>
    <row r="179514" spans="8:8">
      <c r="H179514" s="12"/>
    </row>
    <row r="179515" spans="8:8">
      <c r="H179515" s="12"/>
    </row>
    <row r="179516" spans="8:8">
      <c r="H179516" s="12"/>
    </row>
    <row r="179517" spans="8:8">
      <c r="H179517" s="12"/>
    </row>
    <row r="179518" spans="8:8">
      <c r="H179518" s="12"/>
    </row>
    <row r="179519" spans="8:8">
      <c r="H179519" s="12"/>
    </row>
    <row r="179520" spans="8:8">
      <c r="H179520" s="12"/>
    </row>
    <row r="179521" spans="8:8">
      <c r="H179521" s="12"/>
    </row>
    <row r="179522" spans="8:8">
      <c r="H179522" s="12"/>
    </row>
    <row r="179523" spans="8:8">
      <c r="H179523" s="12"/>
    </row>
    <row r="179524" spans="8:8">
      <c r="H179524" s="12"/>
    </row>
    <row r="179525" spans="8:8">
      <c r="H179525" s="12"/>
    </row>
    <row r="179526" spans="8:8">
      <c r="H179526" s="12"/>
    </row>
    <row r="179527" spans="8:8">
      <c r="H179527" s="12"/>
    </row>
    <row r="179528" spans="8:8">
      <c r="H179528" s="12"/>
    </row>
    <row r="179529" spans="8:8">
      <c r="H179529" s="12"/>
    </row>
    <row r="179530" spans="8:8">
      <c r="H179530" s="12"/>
    </row>
    <row r="179531" spans="8:8">
      <c r="H179531" s="12"/>
    </row>
    <row r="179532" spans="8:8">
      <c r="H179532" s="12"/>
    </row>
    <row r="179533" spans="8:8">
      <c r="H179533" s="12"/>
    </row>
    <row r="179534" spans="8:8">
      <c r="H179534" s="12"/>
    </row>
    <row r="179535" spans="8:8">
      <c r="H179535" s="12"/>
    </row>
    <row r="179536" spans="8:8">
      <c r="H179536" s="12"/>
    </row>
    <row r="179537" spans="8:8">
      <c r="H179537" s="12"/>
    </row>
    <row r="179538" spans="8:8">
      <c r="H179538" s="12"/>
    </row>
    <row r="179539" spans="8:8">
      <c r="H179539" s="12"/>
    </row>
    <row r="179540" spans="8:8">
      <c r="H179540" s="12"/>
    </row>
    <row r="179541" spans="8:8">
      <c r="H179541" s="12"/>
    </row>
    <row r="179542" spans="8:8">
      <c r="H179542" s="12"/>
    </row>
    <row r="179543" spans="8:8">
      <c r="H179543" s="12"/>
    </row>
    <row r="179544" spans="8:8">
      <c r="H179544" s="12"/>
    </row>
    <row r="179545" spans="8:8">
      <c r="H179545" s="12"/>
    </row>
    <row r="179546" spans="8:8">
      <c r="H179546" s="12"/>
    </row>
    <row r="179547" spans="8:8">
      <c r="H179547" s="12"/>
    </row>
    <row r="179548" spans="8:8">
      <c r="H179548" s="12"/>
    </row>
    <row r="179549" spans="8:8">
      <c r="H179549" s="12"/>
    </row>
    <row r="179550" spans="8:8">
      <c r="H179550" s="12"/>
    </row>
    <row r="179551" spans="8:8">
      <c r="H179551" s="12"/>
    </row>
    <row r="179552" spans="8:8">
      <c r="H179552" s="12"/>
    </row>
    <row r="179553" spans="8:8">
      <c r="H179553" s="12"/>
    </row>
    <row r="179554" spans="8:8">
      <c r="H179554" s="12"/>
    </row>
    <row r="179555" spans="8:8">
      <c r="H179555" s="12"/>
    </row>
    <row r="179556" spans="8:8">
      <c r="H179556" s="12"/>
    </row>
    <row r="179557" spans="8:8">
      <c r="H179557" s="12"/>
    </row>
    <row r="179558" spans="8:8">
      <c r="H179558" s="12"/>
    </row>
    <row r="179559" spans="8:8">
      <c r="H179559" s="12"/>
    </row>
    <row r="179560" spans="8:8">
      <c r="H179560" s="12"/>
    </row>
    <row r="179561" spans="8:8">
      <c r="H179561" s="12"/>
    </row>
    <row r="179562" spans="8:8">
      <c r="H179562" s="12"/>
    </row>
    <row r="179563" spans="8:8">
      <c r="H179563" s="12"/>
    </row>
    <row r="179564" spans="8:8">
      <c r="H179564" s="12"/>
    </row>
    <row r="179565" spans="8:8">
      <c r="H179565" s="12"/>
    </row>
    <row r="179566" spans="8:8">
      <c r="H179566" s="12"/>
    </row>
    <row r="179567" spans="8:8">
      <c r="H179567" s="12"/>
    </row>
    <row r="179568" spans="8:8">
      <c r="H179568" s="12"/>
    </row>
    <row r="179569" spans="8:8">
      <c r="H179569" s="12"/>
    </row>
    <row r="179570" spans="8:8">
      <c r="H179570" s="12"/>
    </row>
    <row r="179571" spans="8:8">
      <c r="H179571" s="12"/>
    </row>
    <row r="179572" spans="8:8">
      <c r="H179572" s="12"/>
    </row>
    <row r="179573" spans="8:8">
      <c r="H179573" s="12"/>
    </row>
    <row r="179574" spans="8:8">
      <c r="H179574" s="12"/>
    </row>
    <row r="179575" spans="8:8">
      <c r="H179575" s="12"/>
    </row>
    <row r="179576" spans="8:8">
      <c r="H179576" s="12"/>
    </row>
    <row r="179577" spans="8:8">
      <c r="H179577" s="12"/>
    </row>
    <row r="179578" spans="8:8">
      <c r="H179578" s="12"/>
    </row>
    <row r="179579" spans="8:8">
      <c r="H179579" s="12"/>
    </row>
    <row r="179580" spans="8:8">
      <c r="H179580" s="12"/>
    </row>
    <row r="179581" spans="8:8">
      <c r="H179581" s="12"/>
    </row>
    <row r="179582" spans="8:8">
      <c r="H179582" s="12"/>
    </row>
    <row r="179583" spans="8:8">
      <c r="H179583" s="12"/>
    </row>
    <row r="179584" spans="8:8">
      <c r="H179584" s="12"/>
    </row>
    <row r="179585" spans="8:8">
      <c r="H179585" s="12"/>
    </row>
    <row r="179586" spans="8:8">
      <c r="H179586" s="12"/>
    </row>
    <row r="179587" spans="8:8">
      <c r="H179587" s="12"/>
    </row>
    <row r="179588" spans="8:8">
      <c r="H179588" s="12"/>
    </row>
    <row r="179589" spans="8:8">
      <c r="H179589" s="12"/>
    </row>
    <row r="179590" spans="8:8">
      <c r="H179590" s="12"/>
    </row>
    <row r="179591" spans="8:8">
      <c r="H179591" s="12"/>
    </row>
    <row r="179592" spans="8:8">
      <c r="H179592" s="12"/>
    </row>
    <row r="179593" spans="8:8">
      <c r="H179593" s="12"/>
    </row>
    <row r="179594" spans="8:8">
      <c r="H179594" s="12"/>
    </row>
    <row r="179595" spans="8:8">
      <c r="H179595" s="12"/>
    </row>
    <row r="179596" spans="8:8">
      <c r="H179596" s="12"/>
    </row>
    <row r="179597" spans="8:8">
      <c r="H179597" s="12"/>
    </row>
    <row r="179598" spans="8:8">
      <c r="H179598" s="12"/>
    </row>
    <row r="179599" spans="8:8">
      <c r="H179599" s="12"/>
    </row>
    <row r="179600" spans="8:8">
      <c r="H179600" s="12"/>
    </row>
    <row r="179601" spans="8:8">
      <c r="H179601" s="12"/>
    </row>
    <row r="179602" spans="8:8">
      <c r="H179602" s="12"/>
    </row>
    <row r="179603" spans="8:8">
      <c r="H179603" s="12"/>
    </row>
    <row r="179604" spans="8:8">
      <c r="H179604" s="12"/>
    </row>
    <row r="179605" spans="8:8">
      <c r="H179605" s="12"/>
    </row>
    <row r="179606" spans="8:8">
      <c r="H179606" s="12"/>
    </row>
    <row r="179607" spans="8:8">
      <c r="H179607" s="12"/>
    </row>
    <row r="179608" spans="8:8">
      <c r="H179608" s="12"/>
    </row>
    <row r="179609" spans="8:8">
      <c r="H179609" s="12"/>
    </row>
    <row r="179610" spans="8:8">
      <c r="H179610" s="12"/>
    </row>
    <row r="179611" spans="8:8">
      <c r="H179611" s="12"/>
    </row>
    <row r="179612" spans="8:8">
      <c r="H179612" s="12"/>
    </row>
    <row r="179613" spans="8:8">
      <c r="H179613" s="12"/>
    </row>
    <row r="179614" spans="8:8">
      <c r="H179614" s="12"/>
    </row>
    <row r="179615" spans="8:8">
      <c r="H179615" s="12"/>
    </row>
    <row r="179616" spans="8:8">
      <c r="H179616" s="12"/>
    </row>
    <row r="179617" spans="8:8">
      <c r="H179617" s="12"/>
    </row>
    <row r="179618" spans="8:8">
      <c r="H179618" s="12"/>
    </row>
    <row r="179619" spans="8:8">
      <c r="H179619" s="12"/>
    </row>
    <row r="179620" spans="8:8">
      <c r="H179620" s="12"/>
    </row>
    <row r="179621" spans="8:8">
      <c r="H179621" s="12"/>
    </row>
    <row r="179622" spans="8:8">
      <c r="H179622" s="12"/>
    </row>
    <row r="179623" spans="8:8">
      <c r="H179623" s="12"/>
    </row>
    <row r="179624" spans="8:8">
      <c r="H179624" s="12"/>
    </row>
    <row r="179625" spans="8:8">
      <c r="H179625" s="12"/>
    </row>
    <row r="179626" spans="8:8">
      <c r="H179626" s="12"/>
    </row>
    <row r="179627" spans="8:8">
      <c r="H179627" s="12"/>
    </row>
    <row r="179628" spans="8:8">
      <c r="H179628" s="12"/>
    </row>
    <row r="179629" spans="8:8">
      <c r="H179629" s="12"/>
    </row>
    <row r="179630" spans="8:8">
      <c r="H179630" s="12"/>
    </row>
    <row r="179631" spans="8:8">
      <c r="H179631" s="12"/>
    </row>
    <row r="179632" spans="8:8">
      <c r="H179632" s="12"/>
    </row>
    <row r="179633" spans="8:8">
      <c r="H179633" s="12"/>
    </row>
    <row r="179634" spans="8:8">
      <c r="H179634" s="12"/>
    </row>
    <row r="179635" spans="8:8">
      <c r="H179635" s="12"/>
    </row>
    <row r="179636" spans="8:8">
      <c r="H179636" s="12"/>
    </row>
    <row r="179637" spans="8:8">
      <c r="H179637" s="12"/>
    </row>
    <row r="179638" spans="8:8">
      <c r="H179638" s="12"/>
    </row>
    <row r="179639" spans="8:8">
      <c r="H179639" s="12"/>
    </row>
    <row r="179640" spans="8:8">
      <c r="H179640" s="12"/>
    </row>
    <row r="179641" spans="8:8">
      <c r="H179641" s="12"/>
    </row>
    <row r="179642" spans="8:8">
      <c r="H179642" s="12"/>
    </row>
    <row r="179643" spans="8:8">
      <c r="H179643" s="12"/>
    </row>
    <row r="179644" spans="8:8">
      <c r="H179644" s="12"/>
    </row>
    <row r="179645" spans="8:8">
      <c r="H179645" s="12"/>
    </row>
    <row r="179646" spans="8:8">
      <c r="H179646" s="12"/>
    </row>
    <row r="179647" spans="8:8">
      <c r="H179647" s="12"/>
    </row>
    <row r="179648" spans="8:8">
      <c r="H179648" s="12"/>
    </row>
    <row r="179649" spans="8:8">
      <c r="H179649" s="12"/>
    </row>
    <row r="179650" spans="8:8">
      <c r="H179650" s="12"/>
    </row>
    <row r="179651" spans="8:8">
      <c r="H179651" s="12"/>
    </row>
    <row r="179652" spans="8:8">
      <c r="H179652" s="12"/>
    </row>
    <row r="179653" spans="8:8">
      <c r="H179653" s="12"/>
    </row>
    <row r="179654" spans="8:8">
      <c r="H179654" s="12"/>
    </row>
    <row r="179655" spans="8:8">
      <c r="H179655" s="12"/>
    </row>
    <row r="179656" spans="8:8">
      <c r="H179656" s="12"/>
    </row>
    <row r="179657" spans="8:8">
      <c r="H179657" s="12"/>
    </row>
    <row r="179658" spans="8:8">
      <c r="H179658" s="12"/>
    </row>
    <row r="179659" spans="8:8">
      <c r="H179659" s="12"/>
    </row>
    <row r="179660" spans="8:8">
      <c r="H179660" s="12"/>
    </row>
    <row r="179661" spans="8:8">
      <c r="H179661" s="12"/>
    </row>
    <row r="179662" spans="8:8">
      <c r="H179662" s="12"/>
    </row>
    <row r="179663" spans="8:8">
      <c r="H179663" s="12"/>
    </row>
    <row r="179664" spans="8:8">
      <c r="H179664" s="12"/>
    </row>
    <row r="179665" spans="8:8">
      <c r="H179665" s="12"/>
    </row>
    <row r="179666" spans="8:8">
      <c r="H179666" s="12"/>
    </row>
    <row r="179667" spans="8:8">
      <c r="H179667" s="12"/>
    </row>
    <row r="179668" spans="8:8">
      <c r="H179668" s="12"/>
    </row>
    <row r="179669" spans="8:8">
      <c r="H179669" s="12"/>
    </row>
    <row r="179670" spans="8:8">
      <c r="H179670" s="12"/>
    </row>
    <row r="179671" spans="8:8">
      <c r="H179671" s="12"/>
    </row>
    <row r="179672" spans="8:8">
      <c r="H179672" s="12"/>
    </row>
    <row r="179673" spans="8:8">
      <c r="H179673" s="12"/>
    </row>
    <row r="179674" spans="8:8">
      <c r="H179674" s="12"/>
    </row>
    <row r="179675" spans="8:8">
      <c r="H179675" s="12"/>
    </row>
    <row r="179676" spans="8:8">
      <c r="H179676" s="12"/>
    </row>
    <row r="179677" spans="8:8">
      <c r="H179677" s="12"/>
    </row>
    <row r="179678" spans="8:8">
      <c r="H179678" s="12"/>
    </row>
    <row r="179679" spans="8:8">
      <c r="H179679" s="12"/>
    </row>
    <row r="179680" spans="8:8">
      <c r="H179680" s="12"/>
    </row>
    <row r="179681" spans="8:8">
      <c r="H179681" s="12"/>
    </row>
    <row r="179682" spans="8:8">
      <c r="H179682" s="12"/>
    </row>
    <row r="179683" spans="8:8">
      <c r="H179683" s="12"/>
    </row>
    <row r="179684" spans="8:8">
      <c r="H179684" s="12"/>
    </row>
    <row r="179685" spans="8:8">
      <c r="H179685" s="12"/>
    </row>
    <row r="179686" spans="8:8">
      <c r="H179686" s="12"/>
    </row>
    <row r="179687" spans="8:8">
      <c r="H179687" s="12"/>
    </row>
    <row r="179688" spans="8:8">
      <c r="H179688" s="12"/>
    </row>
    <row r="179689" spans="8:8">
      <c r="H179689" s="12"/>
    </row>
    <row r="179690" spans="8:8">
      <c r="H179690" s="12"/>
    </row>
    <row r="179691" spans="8:8">
      <c r="H179691" s="12"/>
    </row>
    <row r="179692" spans="8:8">
      <c r="H179692" s="12"/>
    </row>
    <row r="179693" spans="8:8">
      <c r="H179693" s="12"/>
    </row>
    <row r="179694" spans="8:8">
      <c r="H179694" s="12"/>
    </row>
    <row r="179695" spans="8:8">
      <c r="H179695" s="12"/>
    </row>
    <row r="179696" spans="8:8">
      <c r="H179696" s="12"/>
    </row>
    <row r="179697" spans="8:8">
      <c r="H179697" s="12"/>
    </row>
    <row r="179698" spans="8:8">
      <c r="H179698" s="12"/>
    </row>
    <row r="179699" spans="8:8">
      <c r="H179699" s="12"/>
    </row>
    <row r="179700" spans="8:8">
      <c r="H179700" s="12"/>
    </row>
    <row r="179701" spans="8:8">
      <c r="H179701" s="12"/>
    </row>
    <row r="179702" spans="8:8">
      <c r="H179702" s="12"/>
    </row>
    <row r="179703" spans="8:8">
      <c r="H179703" s="12"/>
    </row>
    <row r="179704" spans="8:8">
      <c r="H179704" s="12"/>
    </row>
    <row r="179705" spans="8:8">
      <c r="H179705" s="12"/>
    </row>
    <row r="179706" spans="8:8">
      <c r="H179706" s="12"/>
    </row>
    <row r="179707" spans="8:8">
      <c r="H179707" s="12"/>
    </row>
    <row r="179708" spans="8:8">
      <c r="H179708" s="12"/>
    </row>
    <row r="179709" spans="8:8">
      <c r="H179709" s="12"/>
    </row>
    <row r="179710" spans="8:8">
      <c r="H179710" s="12"/>
    </row>
    <row r="179711" spans="8:8">
      <c r="H179711" s="12"/>
    </row>
    <row r="179712" spans="8:8">
      <c r="H179712" s="12"/>
    </row>
    <row r="179713" spans="8:8">
      <c r="H179713" s="12"/>
    </row>
    <row r="179714" spans="8:8">
      <c r="H179714" s="12"/>
    </row>
    <row r="179715" spans="8:8">
      <c r="H179715" s="12"/>
    </row>
    <row r="179716" spans="8:8">
      <c r="H179716" s="12"/>
    </row>
    <row r="179717" spans="8:8">
      <c r="H179717" s="12"/>
    </row>
    <row r="179718" spans="8:8">
      <c r="H179718" s="12"/>
    </row>
    <row r="179719" spans="8:8">
      <c r="H179719" s="12"/>
    </row>
    <row r="179720" spans="8:8">
      <c r="H179720" s="12"/>
    </row>
    <row r="179721" spans="8:8">
      <c r="H179721" s="12"/>
    </row>
    <row r="179722" spans="8:8">
      <c r="H179722" s="12"/>
    </row>
    <row r="179723" spans="8:8">
      <c r="H179723" s="12"/>
    </row>
    <row r="179724" spans="8:8">
      <c r="H179724" s="12"/>
    </row>
    <row r="179725" spans="8:8">
      <c r="H179725" s="12"/>
    </row>
    <row r="179726" spans="8:8">
      <c r="H179726" s="12"/>
    </row>
    <row r="179727" spans="8:8">
      <c r="H179727" s="12"/>
    </row>
    <row r="179728" spans="8:8">
      <c r="H179728" s="12"/>
    </row>
    <row r="179729" spans="8:8">
      <c r="H179729" s="12"/>
    </row>
    <row r="179730" spans="8:8">
      <c r="H179730" s="12"/>
    </row>
    <row r="179731" spans="8:8">
      <c r="H179731" s="12"/>
    </row>
    <row r="179732" spans="8:8">
      <c r="H179732" s="12"/>
    </row>
    <row r="179733" spans="8:8">
      <c r="H179733" s="12"/>
    </row>
    <row r="179734" spans="8:8">
      <c r="H179734" s="12"/>
    </row>
    <row r="179735" spans="8:8">
      <c r="H179735" s="12"/>
    </row>
    <row r="179736" spans="8:8">
      <c r="H179736" s="12"/>
    </row>
    <row r="179737" spans="8:8">
      <c r="H179737" s="12"/>
    </row>
    <row r="179738" spans="8:8">
      <c r="H179738" s="12"/>
    </row>
    <row r="179739" spans="8:8">
      <c r="H179739" s="12"/>
    </row>
    <row r="179740" spans="8:8">
      <c r="H179740" s="12"/>
    </row>
    <row r="179741" spans="8:8">
      <c r="H179741" s="12"/>
    </row>
    <row r="179742" spans="8:8">
      <c r="H179742" s="12"/>
    </row>
    <row r="179743" spans="8:8">
      <c r="H179743" s="12"/>
    </row>
    <row r="179744" spans="8:8">
      <c r="H179744" s="12"/>
    </row>
    <row r="179745" spans="8:8">
      <c r="H179745" s="12"/>
    </row>
    <row r="179746" spans="8:8">
      <c r="H179746" s="12"/>
    </row>
    <row r="179747" spans="8:8">
      <c r="H179747" s="12"/>
    </row>
    <row r="179748" spans="8:8">
      <c r="H179748" s="12"/>
    </row>
    <row r="179749" spans="8:8">
      <c r="H179749" s="12"/>
    </row>
    <row r="179750" spans="8:8">
      <c r="H179750" s="12"/>
    </row>
    <row r="179751" spans="8:8">
      <c r="H179751" s="12"/>
    </row>
    <row r="179752" spans="8:8">
      <c r="H179752" s="12"/>
    </row>
    <row r="179753" spans="8:8">
      <c r="H179753" s="12"/>
    </row>
    <row r="179754" spans="8:8">
      <c r="H179754" s="12"/>
    </row>
    <row r="179755" spans="8:8">
      <c r="H179755" s="12"/>
    </row>
    <row r="179756" spans="8:8">
      <c r="H179756" s="12"/>
    </row>
    <row r="179757" spans="8:8">
      <c r="H179757" s="12"/>
    </row>
    <row r="179758" spans="8:8">
      <c r="H179758" s="12"/>
    </row>
    <row r="179759" spans="8:8">
      <c r="H179759" s="12"/>
    </row>
    <row r="179760" spans="8:8">
      <c r="H179760" s="12"/>
    </row>
    <row r="179761" spans="8:8">
      <c r="H179761" s="12"/>
    </row>
    <row r="179762" spans="8:8">
      <c r="H179762" s="12"/>
    </row>
    <row r="179763" spans="8:8">
      <c r="H179763" s="12"/>
    </row>
    <row r="179764" spans="8:8">
      <c r="H179764" s="12"/>
    </row>
    <row r="179765" spans="8:8">
      <c r="H179765" s="12"/>
    </row>
    <row r="179766" spans="8:8">
      <c r="H179766" s="12"/>
    </row>
    <row r="179767" spans="8:8">
      <c r="H179767" s="12"/>
    </row>
    <row r="179768" spans="8:8">
      <c r="H179768" s="12"/>
    </row>
    <row r="179769" spans="8:8">
      <c r="H179769" s="12"/>
    </row>
    <row r="179770" spans="8:8">
      <c r="H179770" s="12"/>
    </row>
    <row r="179771" spans="8:8">
      <c r="H179771" s="12"/>
    </row>
    <row r="179772" spans="8:8">
      <c r="H179772" s="12"/>
    </row>
    <row r="179773" spans="8:8">
      <c r="H179773" s="12"/>
    </row>
    <row r="179774" spans="8:8">
      <c r="H179774" s="12"/>
    </row>
    <row r="179775" spans="8:8">
      <c r="H179775" s="12"/>
    </row>
    <row r="179776" spans="8:8">
      <c r="H179776" s="12"/>
    </row>
    <row r="179777" spans="8:8">
      <c r="H179777" s="12"/>
    </row>
    <row r="179778" spans="8:8">
      <c r="H179778" s="12"/>
    </row>
    <row r="179779" spans="8:8">
      <c r="H179779" s="12"/>
    </row>
    <row r="179780" spans="8:8">
      <c r="H179780" s="12"/>
    </row>
    <row r="179781" spans="8:8">
      <c r="H179781" s="12"/>
    </row>
    <row r="179782" spans="8:8">
      <c r="H179782" s="12"/>
    </row>
    <row r="179783" spans="8:8">
      <c r="H179783" s="12"/>
    </row>
    <row r="179784" spans="8:8">
      <c r="H179784" s="12"/>
    </row>
    <row r="179785" spans="8:8">
      <c r="H179785" s="12"/>
    </row>
    <row r="179786" spans="8:8">
      <c r="H179786" s="12"/>
    </row>
    <row r="179787" spans="8:8">
      <c r="H179787" s="12"/>
    </row>
    <row r="179788" spans="8:8">
      <c r="H179788" s="12"/>
    </row>
    <row r="179789" spans="8:8">
      <c r="H179789" s="12"/>
    </row>
    <row r="179790" spans="8:8">
      <c r="H179790" s="12"/>
    </row>
    <row r="179791" spans="8:8">
      <c r="H179791" s="12"/>
    </row>
    <row r="179792" spans="8:8">
      <c r="H179792" s="12"/>
    </row>
    <row r="179793" spans="8:8">
      <c r="H179793" s="12"/>
    </row>
    <row r="179794" spans="8:8">
      <c r="H179794" s="12"/>
    </row>
    <row r="179795" spans="8:8">
      <c r="H179795" s="12"/>
    </row>
    <row r="179796" spans="8:8">
      <c r="H179796" s="12"/>
    </row>
    <row r="179797" spans="8:8">
      <c r="H179797" s="12"/>
    </row>
    <row r="179798" spans="8:8">
      <c r="H179798" s="12"/>
    </row>
    <row r="179799" spans="8:8">
      <c r="H179799" s="12"/>
    </row>
    <row r="179800" spans="8:8">
      <c r="H179800" s="12"/>
    </row>
    <row r="179801" spans="8:8">
      <c r="H179801" s="12"/>
    </row>
    <row r="179802" spans="8:8">
      <c r="H179802" s="12"/>
    </row>
    <row r="179803" spans="8:8">
      <c r="H179803" s="12"/>
    </row>
    <row r="179804" spans="8:8">
      <c r="H179804" s="12"/>
    </row>
    <row r="179805" spans="8:8">
      <c r="H179805" s="12"/>
    </row>
    <row r="179806" spans="8:8">
      <c r="H179806" s="12"/>
    </row>
    <row r="179807" spans="8:8">
      <c r="H179807" s="12"/>
    </row>
    <row r="179808" spans="8:8">
      <c r="H179808" s="12"/>
    </row>
    <row r="179809" spans="8:8">
      <c r="H179809" s="12"/>
    </row>
    <row r="179810" spans="8:8">
      <c r="H179810" s="12"/>
    </row>
    <row r="179811" spans="8:8">
      <c r="H179811" s="12"/>
    </row>
    <row r="179812" spans="8:8">
      <c r="H179812" s="12"/>
    </row>
    <row r="179813" spans="8:8">
      <c r="H179813" s="12"/>
    </row>
    <row r="179814" spans="8:8">
      <c r="H179814" s="12"/>
    </row>
    <row r="179815" spans="8:8">
      <c r="H179815" s="12"/>
    </row>
    <row r="179816" spans="8:8">
      <c r="H179816" s="12"/>
    </row>
    <row r="179817" spans="8:8">
      <c r="H179817" s="12"/>
    </row>
    <row r="179818" spans="8:8">
      <c r="H179818" s="12"/>
    </row>
    <row r="179819" spans="8:8">
      <c r="H179819" s="12"/>
    </row>
    <row r="179820" spans="8:8">
      <c r="H179820" s="12"/>
    </row>
    <row r="179821" spans="8:8">
      <c r="H179821" s="12"/>
    </row>
    <row r="179822" spans="8:8">
      <c r="H179822" s="12"/>
    </row>
    <row r="179823" spans="8:8">
      <c r="H179823" s="12"/>
    </row>
    <row r="179824" spans="8:8">
      <c r="H179824" s="12"/>
    </row>
    <row r="179825" spans="8:8">
      <c r="H179825" s="12"/>
    </row>
    <row r="179826" spans="8:8">
      <c r="H179826" s="12"/>
    </row>
    <row r="179827" spans="8:8">
      <c r="H179827" s="12"/>
    </row>
    <row r="179828" spans="8:8">
      <c r="H179828" s="12"/>
    </row>
    <row r="179829" spans="8:8">
      <c r="H179829" s="12"/>
    </row>
    <row r="179830" spans="8:8">
      <c r="H179830" s="12"/>
    </row>
    <row r="179831" spans="8:8">
      <c r="H179831" s="12"/>
    </row>
    <row r="179832" spans="8:8">
      <c r="H179832" s="12"/>
    </row>
    <row r="179833" spans="8:8">
      <c r="H179833" s="12"/>
    </row>
    <row r="179834" spans="8:8">
      <c r="H179834" s="12"/>
    </row>
    <row r="179835" spans="8:8">
      <c r="H179835" s="12"/>
    </row>
    <row r="179836" spans="8:8">
      <c r="H179836" s="12"/>
    </row>
    <row r="179837" spans="8:8">
      <c r="H179837" s="12"/>
    </row>
    <row r="179838" spans="8:8">
      <c r="H179838" s="12"/>
    </row>
    <row r="179839" spans="8:8">
      <c r="H179839" s="12"/>
    </row>
    <row r="179840" spans="8:8">
      <c r="H179840" s="12"/>
    </row>
    <row r="179841" spans="8:8">
      <c r="H179841" s="12"/>
    </row>
    <row r="179842" spans="8:8">
      <c r="H179842" s="12"/>
    </row>
    <row r="179843" spans="8:8">
      <c r="H179843" s="12"/>
    </row>
    <row r="179844" spans="8:8">
      <c r="H179844" s="12"/>
    </row>
    <row r="179845" spans="8:8">
      <c r="H179845" s="12"/>
    </row>
    <row r="179846" spans="8:8">
      <c r="H179846" s="12"/>
    </row>
    <row r="179847" spans="8:8">
      <c r="H179847" s="12"/>
    </row>
    <row r="179848" spans="8:8">
      <c r="H179848" s="12"/>
    </row>
    <row r="179849" spans="8:8">
      <c r="H179849" s="12"/>
    </row>
    <row r="179850" spans="8:8">
      <c r="H179850" s="12"/>
    </row>
    <row r="179851" spans="8:8">
      <c r="H179851" s="12"/>
    </row>
    <row r="179852" spans="8:8">
      <c r="H179852" s="12"/>
    </row>
    <row r="179853" spans="8:8">
      <c r="H179853" s="12"/>
    </row>
    <row r="179854" spans="8:8">
      <c r="H179854" s="12"/>
    </row>
    <row r="179855" spans="8:8">
      <c r="H179855" s="12"/>
    </row>
    <row r="179856" spans="8:8">
      <c r="H179856" s="12"/>
    </row>
    <row r="179857" spans="8:8">
      <c r="H179857" s="12"/>
    </row>
    <row r="179858" spans="8:8">
      <c r="H179858" s="12"/>
    </row>
    <row r="179859" spans="8:8">
      <c r="H179859" s="12"/>
    </row>
    <row r="179860" spans="8:8">
      <c r="H179860" s="12"/>
    </row>
    <row r="179861" spans="8:8">
      <c r="H179861" s="12"/>
    </row>
    <row r="179862" spans="8:8">
      <c r="H179862" s="12"/>
    </row>
    <row r="179863" spans="8:8">
      <c r="H179863" s="12"/>
    </row>
    <row r="179864" spans="8:8">
      <c r="H179864" s="12"/>
    </row>
    <row r="179865" spans="8:8">
      <c r="H179865" s="12"/>
    </row>
    <row r="179866" spans="8:8">
      <c r="H179866" s="12"/>
    </row>
    <row r="179867" spans="8:8">
      <c r="H179867" s="12"/>
    </row>
    <row r="179868" spans="8:8">
      <c r="H179868" s="12"/>
    </row>
    <row r="179869" spans="8:8">
      <c r="H179869" s="12"/>
    </row>
    <row r="179870" spans="8:8">
      <c r="H179870" s="12"/>
    </row>
    <row r="179871" spans="8:8">
      <c r="H179871" s="12"/>
    </row>
    <row r="179872" spans="8:8">
      <c r="H179872" s="12"/>
    </row>
    <row r="179873" spans="8:8">
      <c r="H179873" s="12"/>
    </row>
    <row r="179874" spans="8:8">
      <c r="H179874" s="12"/>
    </row>
    <row r="179875" spans="8:8">
      <c r="H179875" s="12"/>
    </row>
    <row r="179876" spans="8:8">
      <c r="H179876" s="12"/>
    </row>
    <row r="179877" spans="8:8">
      <c r="H179877" s="12"/>
    </row>
    <row r="179878" spans="8:8">
      <c r="H179878" s="12"/>
    </row>
    <row r="179879" spans="8:8">
      <c r="H179879" s="12"/>
    </row>
    <row r="179880" spans="8:8">
      <c r="H179880" s="12"/>
    </row>
    <row r="179881" spans="8:8">
      <c r="H179881" s="12"/>
    </row>
    <row r="179882" spans="8:8">
      <c r="H179882" s="12"/>
    </row>
    <row r="179883" spans="8:8">
      <c r="H179883" s="12"/>
    </row>
    <row r="179884" spans="8:8">
      <c r="H179884" s="12"/>
    </row>
    <row r="179885" spans="8:8">
      <c r="H179885" s="12"/>
    </row>
    <row r="179886" spans="8:8">
      <c r="H179886" s="12"/>
    </row>
    <row r="179887" spans="8:8">
      <c r="H179887" s="12"/>
    </row>
    <row r="179888" spans="8:8">
      <c r="H179888" s="12"/>
    </row>
    <row r="179889" spans="8:8">
      <c r="H179889" s="12"/>
    </row>
    <row r="179890" spans="8:8">
      <c r="H179890" s="12"/>
    </row>
    <row r="179891" spans="8:8">
      <c r="H179891" s="12"/>
    </row>
    <row r="179892" spans="8:8">
      <c r="H179892" s="12"/>
    </row>
    <row r="179893" spans="8:8">
      <c r="H179893" s="12"/>
    </row>
    <row r="179894" spans="8:8">
      <c r="H179894" s="12"/>
    </row>
    <row r="179895" spans="8:8">
      <c r="H179895" s="12"/>
    </row>
    <row r="179896" spans="8:8">
      <c r="H179896" s="12"/>
    </row>
    <row r="179897" spans="8:8">
      <c r="H179897" s="12"/>
    </row>
    <row r="179898" spans="8:8">
      <c r="H179898" s="12"/>
    </row>
    <row r="179899" spans="8:8">
      <c r="H179899" s="12"/>
    </row>
    <row r="179900" spans="8:8">
      <c r="H179900" s="12"/>
    </row>
    <row r="179901" spans="8:8">
      <c r="H179901" s="12"/>
    </row>
    <row r="179902" spans="8:8">
      <c r="H179902" s="12"/>
    </row>
    <row r="179903" spans="8:8">
      <c r="H179903" s="12"/>
    </row>
    <row r="179904" spans="8:8">
      <c r="H179904" s="12"/>
    </row>
    <row r="179905" spans="8:8">
      <c r="H179905" s="12"/>
    </row>
    <row r="179906" spans="8:8">
      <c r="H179906" s="12"/>
    </row>
    <row r="179907" spans="8:8">
      <c r="H179907" s="12"/>
    </row>
    <row r="179908" spans="8:8">
      <c r="H179908" s="12"/>
    </row>
    <row r="179909" spans="8:8">
      <c r="H179909" s="12"/>
    </row>
    <row r="179910" spans="8:8">
      <c r="H179910" s="12"/>
    </row>
    <row r="179911" spans="8:8">
      <c r="H179911" s="12"/>
    </row>
    <row r="179912" spans="8:8">
      <c r="H179912" s="12"/>
    </row>
    <row r="179913" spans="8:8">
      <c r="H179913" s="12"/>
    </row>
    <row r="179914" spans="8:8">
      <c r="H179914" s="12"/>
    </row>
    <row r="179915" spans="8:8">
      <c r="H179915" s="12"/>
    </row>
    <row r="179916" spans="8:8">
      <c r="H179916" s="12"/>
    </row>
    <row r="179917" spans="8:8">
      <c r="H179917" s="12"/>
    </row>
    <row r="179918" spans="8:8">
      <c r="H179918" s="12"/>
    </row>
    <row r="179919" spans="8:8">
      <c r="H179919" s="12"/>
    </row>
    <row r="179920" spans="8:8">
      <c r="H179920" s="12"/>
    </row>
    <row r="179921" spans="8:8">
      <c r="H179921" s="12"/>
    </row>
    <row r="179922" spans="8:8">
      <c r="H179922" s="12"/>
    </row>
    <row r="179923" spans="8:8">
      <c r="H179923" s="12"/>
    </row>
    <row r="179924" spans="8:8">
      <c r="H179924" s="12"/>
    </row>
    <row r="179925" spans="8:8">
      <c r="H179925" s="12"/>
    </row>
    <row r="179926" spans="8:8">
      <c r="H179926" s="12"/>
    </row>
    <row r="179927" spans="8:8">
      <c r="H179927" s="12"/>
    </row>
    <row r="179928" spans="8:8">
      <c r="H179928" s="12"/>
    </row>
    <row r="179929" spans="8:8">
      <c r="H179929" s="12"/>
    </row>
    <row r="179930" spans="8:8">
      <c r="H179930" s="12"/>
    </row>
    <row r="179931" spans="8:8">
      <c r="H179931" s="12"/>
    </row>
    <row r="179932" spans="8:8">
      <c r="H179932" s="12"/>
    </row>
    <row r="179933" spans="8:8">
      <c r="H179933" s="12"/>
    </row>
    <row r="179934" spans="8:8">
      <c r="H179934" s="12"/>
    </row>
    <row r="179935" spans="8:8">
      <c r="H179935" s="12"/>
    </row>
    <row r="179936" spans="8:8">
      <c r="H179936" s="12"/>
    </row>
    <row r="179937" spans="8:8">
      <c r="H179937" s="12"/>
    </row>
    <row r="179938" spans="8:8">
      <c r="H179938" s="12"/>
    </row>
    <row r="179939" spans="8:8">
      <c r="H179939" s="12"/>
    </row>
    <row r="179940" spans="8:8">
      <c r="H179940" s="12"/>
    </row>
    <row r="179941" spans="8:8">
      <c r="H179941" s="12"/>
    </row>
    <row r="179942" spans="8:8">
      <c r="H179942" s="12"/>
    </row>
    <row r="179943" spans="8:8">
      <c r="H179943" s="12"/>
    </row>
    <row r="179944" spans="8:8">
      <c r="H179944" s="12"/>
    </row>
    <row r="179945" spans="8:8">
      <c r="H179945" s="12"/>
    </row>
    <row r="179946" spans="8:8">
      <c r="H179946" s="12"/>
    </row>
    <row r="179947" spans="8:8">
      <c r="H179947" s="12"/>
    </row>
    <row r="179948" spans="8:8">
      <c r="H179948" s="12"/>
    </row>
    <row r="179949" spans="8:8">
      <c r="H179949" s="12"/>
    </row>
    <row r="179950" spans="8:8">
      <c r="H179950" s="12"/>
    </row>
    <row r="179951" spans="8:8">
      <c r="H179951" s="12"/>
    </row>
    <row r="179952" spans="8:8">
      <c r="H179952" s="12"/>
    </row>
    <row r="179953" spans="8:8">
      <c r="H179953" s="12"/>
    </row>
    <row r="179954" spans="8:8">
      <c r="H179954" s="12"/>
    </row>
    <row r="179955" spans="8:8">
      <c r="H179955" s="12"/>
    </row>
    <row r="179956" spans="8:8">
      <c r="H179956" s="12"/>
    </row>
    <row r="179957" spans="8:8">
      <c r="H179957" s="12"/>
    </row>
    <row r="179958" spans="8:8">
      <c r="H179958" s="12"/>
    </row>
    <row r="179959" spans="8:8">
      <c r="H179959" s="12"/>
    </row>
    <row r="179960" spans="8:8">
      <c r="H179960" s="12"/>
    </row>
    <row r="179961" spans="8:8">
      <c r="H179961" s="12"/>
    </row>
    <row r="179962" spans="8:8">
      <c r="H179962" s="12"/>
    </row>
    <row r="179963" spans="8:8">
      <c r="H179963" s="12"/>
    </row>
    <row r="179964" spans="8:8">
      <c r="H179964" s="12"/>
    </row>
    <row r="179965" spans="8:8">
      <c r="H179965" s="12"/>
    </row>
    <row r="179966" spans="8:8">
      <c r="H179966" s="12"/>
    </row>
    <row r="179967" spans="8:8">
      <c r="H179967" s="12"/>
    </row>
    <row r="179968" spans="8:8">
      <c r="H179968" s="12"/>
    </row>
    <row r="179969" spans="8:8">
      <c r="H179969" s="12"/>
    </row>
    <row r="179970" spans="8:8">
      <c r="H179970" s="12"/>
    </row>
    <row r="179971" spans="8:8">
      <c r="H179971" s="12"/>
    </row>
    <row r="179972" spans="8:8">
      <c r="H179972" s="12"/>
    </row>
    <row r="179973" spans="8:8">
      <c r="H179973" s="12"/>
    </row>
    <row r="179974" spans="8:8">
      <c r="H179974" s="12"/>
    </row>
    <row r="179975" spans="8:8">
      <c r="H179975" s="12"/>
    </row>
    <row r="179976" spans="8:8">
      <c r="H179976" s="12"/>
    </row>
    <row r="179977" spans="8:8">
      <c r="H179977" s="12"/>
    </row>
    <row r="179978" spans="8:8">
      <c r="H179978" s="12"/>
    </row>
    <row r="179979" spans="8:8">
      <c r="H179979" s="12"/>
    </row>
    <row r="179980" spans="8:8">
      <c r="H179980" s="12"/>
    </row>
    <row r="179981" spans="8:8">
      <c r="H179981" s="12"/>
    </row>
    <row r="179982" spans="8:8">
      <c r="H179982" s="12"/>
    </row>
    <row r="179983" spans="8:8">
      <c r="H179983" s="12"/>
    </row>
    <row r="179984" spans="8:8">
      <c r="H179984" s="12"/>
    </row>
    <row r="179985" spans="8:8">
      <c r="H179985" s="12"/>
    </row>
    <row r="179986" spans="8:8">
      <c r="H179986" s="12"/>
    </row>
    <row r="179987" spans="8:8">
      <c r="H179987" s="12"/>
    </row>
    <row r="179988" spans="8:8">
      <c r="H179988" s="12"/>
    </row>
    <row r="179989" spans="8:8">
      <c r="H179989" s="12"/>
    </row>
    <row r="179990" spans="8:8">
      <c r="H179990" s="12"/>
    </row>
    <row r="179991" spans="8:8">
      <c r="H179991" s="12"/>
    </row>
    <row r="179992" spans="8:8">
      <c r="H179992" s="12"/>
    </row>
    <row r="179993" spans="8:8">
      <c r="H179993" s="12"/>
    </row>
    <row r="179994" spans="8:8">
      <c r="H179994" s="12"/>
    </row>
    <row r="179995" spans="8:8">
      <c r="H179995" s="12"/>
    </row>
    <row r="179996" spans="8:8">
      <c r="H179996" s="12"/>
    </row>
    <row r="179997" spans="8:8">
      <c r="H179997" s="12"/>
    </row>
    <row r="179998" spans="8:8">
      <c r="H179998" s="12"/>
    </row>
    <row r="179999" spans="8:8">
      <c r="H179999" s="12"/>
    </row>
    <row r="180000" spans="8:8">
      <c r="H180000" s="12"/>
    </row>
    <row r="180001" spans="8:8">
      <c r="H180001" s="12"/>
    </row>
    <row r="180002" spans="8:8">
      <c r="H180002" s="12"/>
    </row>
    <row r="180003" spans="8:8">
      <c r="H180003" s="12"/>
    </row>
    <row r="180004" spans="8:8">
      <c r="H180004" s="12"/>
    </row>
    <row r="180005" spans="8:8">
      <c r="H180005" s="12"/>
    </row>
    <row r="180006" spans="8:8">
      <c r="H180006" s="12"/>
    </row>
    <row r="180007" spans="8:8">
      <c r="H180007" s="12"/>
    </row>
    <row r="180008" spans="8:8">
      <c r="H180008" s="12"/>
    </row>
    <row r="180009" spans="8:8">
      <c r="H180009" s="12"/>
    </row>
    <row r="180010" spans="8:8">
      <c r="H180010" s="12"/>
    </row>
    <row r="180011" spans="8:8">
      <c r="H180011" s="12"/>
    </row>
    <row r="180012" spans="8:8">
      <c r="H180012" s="12"/>
    </row>
    <row r="180013" spans="8:8">
      <c r="H180013" s="12"/>
    </row>
    <row r="180014" spans="8:8">
      <c r="H180014" s="12"/>
    </row>
    <row r="180015" spans="8:8">
      <c r="H180015" s="12"/>
    </row>
    <row r="180016" spans="8:8">
      <c r="H180016" s="12"/>
    </row>
    <row r="180017" spans="8:8">
      <c r="H180017" s="12"/>
    </row>
    <row r="180018" spans="8:8">
      <c r="H180018" s="12"/>
    </row>
    <row r="180019" spans="8:8">
      <c r="H180019" s="12"/>
    </row>
    <row r="180020" spans="8:8">
      <c r="H180020" s="12"/>
    </row>
    <row r="180021" spans="8:8">
      <c r="H180021" s="12"/>
    </row>
    <row r="180022" spans="8:8">
      <c r="H180022" s="12"/>
    </row>
    <row r="180023" spans="8:8">
      <c r="H180023" s="12"/>
    </row>
    <row r="180024" spans="8:8">
      <c r="H180024" s="12"/>
    </row>
    <row r="180025" spans="8:8">
      <c r="H180025" s="12"/>
    </row>
    <row r="180026" spans="8:8">
      <c r="H180026" s="12"/>
    </row>
    <row r="180027" spans="8:8">
      <c r="H180027" s="12"/>
    </row>
    <row r="180028" spans="8:8">
      <c r="H180028" s="12"/>
    </row>
    <row r="180029" spans="8:8">
      <c r="H180029" s="12"/>
    </row>
    <row r="180030" spans="8:8">
      <c r="H180030" s="12"/>
    </row>
    <row r="180031" spans="8:8">
      <c r="H180031" s="12"/>
    </row>
    <row r="180032" spans="8:8">
      <c r="H180032" s="12"/>
    </row>
    <row r="180033" spans="8:8">
      <c r="H180033" s="12"/>
    </row>
    <row r="180034" spans="8:8">
      <c r="H180034" s="12"/>
    </row>
    <row r="180035" spans="8:8">
      <c r="H180035" s="12"/>
    </row>
    <row r="180036" spans="8:8">
      <c r="H180036" s="12"/>
    </row>
    <row r="180037" spans="8:8">
      <c r="H180037" s="12"/>
    </row>
    <row r="180038" spans="8:8">
      <c r="H180038" s="12"/>
    </row>
    <row r="180039" spans="8:8">
      <c r="H180039" s="12"/>
    </row>
    <row r="180040" spans="8:8">
      <c r="H180040" s="12"/>
    </row>
    <row r="180041" spans="8:8">
      <c r="H180041" s="12"/>
    </row>
    <row r="180042" spans="8:8">
      <c r="H180042" s="12"/>
    </row>
    <row r="180043" spans="8:8">
      <c r="H180043" s="12"/>
    </row>
    <row r="180044" spans="8:8">
      <c r="H180044" s="12"/>
    </row>
    <row r="180045" spans="8:8">
      <c r="H180045" s="12"/>
    </row>
    <row r="180046" spans="8:8">
      <c r="H180046" s="12"/>
    </row>
    <row r="180047" spans="8:8">
      <c r="H180047" s="12"/>
    </row>
    <row r="180048" spans="8:8">
      <c r="H180048" s="12"/>
    </row>
    <row r="180049" spans="8:8">
      <c r="H180049" s="12"/>
    </row>
    <row r="180050" spans="8:8">
      <c r="H180050" s="12"/>
    </row>
    <row r="180051" spans="8:8">
      <c r="H180051" s="12"/>
    </row>
    <row r="180052" spans="8:8">
      <c r="H180052" s="12"/>
    </row>
    <row r="180053" spans="8:8">
      <c r="H180053" s="12"/>
    </row>
    <row r="180054" spans="8:8">
      <c r="H180054" s="12"/>
    </row>
    <row r="180055" spans="8:8">
      <c r="H180055" s="12"/>
    </row>
    <row r="180056" spans="8:8">
      <c r="H180056" s="12"/>
    </row>
    <row r="180057" spans="8:8">
      <c r="H180057" s="12"/>
    </row>
    <row r="180058" spans="8:8">
      <c r="H180058" s="12"/>
    </row>
    <row r="180059" spans="8:8">
      <c r="H180059" s="12"/>
    </row>
    <row r="180060" spans="8:8">
      <c r="H180060" s="12"/>
    </row>
    <row r="180061" spans="8:8">
      <c r="H180061" s="12"/>
    </row>
    <row r="180062" spans="8:8">
      <c r="H180062" s="12"/>
    </row>
    <row r="180063" spans="8:8">
      <c r="H180063" s="12"/>
    </row>
    <row r="180064" spans="8:8">
      <c r="H180064" s="12"/>
    </row>
    <row r="180065" spans="8:8">
      <c r="H180065" s="12"/>
    </row>
    <row r="180066" spans="8:8">
      <c r="H180066" s="12"/>
    </row>
    <row r="180067" spans="8:8">
      <c r="H180067" s="12"/>
    </row>
    <row r="180068" spans="8:8">
      <c r="H180068" s="12"/>
    </row>
    <row r="180069" spans="8:8">
      <c r="H180069" s="12"/>
    </row>
    <row r="180070" spans="8:8">
      <c r="H180070" s="12"/>
    </row>
    <row r="180071" spans="8:8">
      <c r="H180071" s="12"/>
    </row>
    <row r="180072" spans="8:8">
      <c r="H180072" s="12"/>
    </row>
    <row r="180073" spans="8:8">
      <c r="H180073" s="12"/>
    </row>
    <row r="180074" spans="8:8">
      <c r="H180074" s="12"/>
    </row>
    <row r="180075" spans="8:8">
      <c r="H180075" s="12"/>
    </row>
    <row r="180076" spans="8:8">
      <c r="H180076" s="12"/>
    </row>
    <row r="180077" spans="8:8">
      <c r="H180077" s="12"/>
    </row>
    <row r="180078" spans="8:8">
      <c r="H180078" s="12"/>
    </row>
    <row r="180079" spans="8:8">
      <c r="H180079" s="12"/>
    </row>
    <row r="180080" spans="8:8">
      <c r="H180080" s="12"/>
    </row>
    <row r="180081" spans="8:8">
      <c r="H180081" s="12"/>
    </row>
    <row r="180082" spans="8:8">
      <c r="H180082" s="12"/>
    </row>
    <row r="180083" spans="8:8">
      <c r="H180083" s="12"/>
    </row>
    <row r="180084" spans="8:8">
      <c r="H180084" s="12"/>
    </row>
    <row r="180085" spans="8:8">
      <c r="H180085" s="12"/>
    </row>
    <row r="180086" spans="8:8">
      <c r="H180086" s="12"/>
    </row>
    <row r="180087" spans="8:8">
      <c r="H180087" s="12"/>
    </row>
    <row r="180088" spans="8:8">
      <c r="H180088" s="12"/>
    </row>
    <row r="180089" spans="8:8">
      <c r="H180089" s="12"/>
    </row>
    <row r="180090" spans="8:8">
      <c r="H180090" s="12"/>
    </row>
    <row r="180091" spans="8:8">
      <c r="H180091" s="12"/>
    </row>
    <row r="180092" spans="8:8">
      <c r="H180092" s="12"/>
    </row>
    <row r="180093" spans="8:8">
      <c r="H180093" s="12"/>
    </row>
    <row r="180094" spans="8:8">
      <c r="H180094" s="12"/>
    </row>
    <row r="180095" spans="8:8">
      <c r="H180095" s="12"/>
    </row>
    <row r="180096" spans="8:8">
      <c r="H180096" s="12"/>
    </row>
    <row r="180097" spans="8:8">
      <c r="H180097" s="12"/>
    </row>
    <row r="180098" spans="8:8">
      <c r="H180098" s="12"/>
    </row>
    <row r="180099" spans="8:8">
      <c r="H180099" s="12"/>
    </row>
    <row r="180100" spans="8:8">
      <c r="H180100" s="12"/>
    </row>
    <row r="180101" spans="8:8">
      <c r="H180101" s="12"/>
    </row>
    <row r="180102" spans="8:8">
      <c r="H180102" s="12"/>
    </row>
    <row r="180103" spans="8:8">
      <c r="H180103" s="12"/>
    </row>
    <row r="180104" spans="8:8">
      <c r="H180104" s="12"/>
    </row>
    <row r="180105" spans="8:8">
      <c r="H180105" s="12"/>
    </row>
    <row r="180106" spans="8:8">
      <c r="H180106" s="12"/>
    </row>
    <row r="180107" spans="8:8">
      <c r="H180107" s="12"/>
    </row>
    <row r="180108" spans="8:8">
      <c r="H180108" s="12"/>
    </row>
    <row r="180109" spans="8:8">
      <c r="H180109" s="12"/>
    </row>
    <row r="180110" spans="8:8">
      <c r="H180110" s="12"/>
    </row>
    <row r="180111" spans="8:8">
      <c r="H180111" s="12"/>
    </row>
    <row r="180112" spans="8:8">
      <c r="H180112" s="12"/>
    </row>
    <row r="180113" spans="8:8">
      <c r="H180113" s="12"/>
    </row>
    <row r="180114" spans="8:8">
      <c r="H180114" s="12"/>
    </row>
    <row r="180115" spans="8:8">
      <c r="H180115" s="12"/>
    </row>
    <row r="180116" spans="8:8">
      <c r="H180116" s="12"/>
    </row>
    <row r="180117" spans="8:8">
      <c r="H180117" s="12"/>
    </row>
    <row r="180118" spans="8:8">
      <c r="H180118" s="12"/>
    </row>
    <row r="180119" spans="8:8">
      <c r="H180119" s="12"/>
    </row>
    <row r="180120" spans="8:8">
      <c r="H180120" s="12"/>
    </row>
    <row r="180121" spans="8:8">
      <c r="H180121" s="12"/>
    </row>
    <row r="180122" spans="8:8">
      <c r="H180122" s="12"/>
    </row>
    <row r="180123" spans="8:8">
      <c r="H180123" s="12"/>
    </row>
    <row r="180124" spans="8:8">
      <c r="H180124" s="12"/>
    </row>
    <row r="180125" spans="8:8">
      <c r="H180125" s="12"/>
    </row>
    <row r="180126" spans="8:8">
      <c r="H180126" s="12"/>
    </row>
    <row r="180127" spans="8:8">
      <c r="H180127" s="12"/>
    </row>
    <row r="180128" spans="8:8">
      <c r="H180128" s="12"/>
    </row>
    <row r="180129" spans="8:8">
      <c r="H180129" s="12"/>
    </row>
    <row r="180130" spans="8:8">
      <c r="H180130" s="12"/>
    </row>
    <row r="180131" spans="8:8">
      <c r="H180131" s="12"/>
    </row>
    <row r="180132" spans="8:8">
      <c r="H180132" s="12"/>
    </row>
    <row r="180133" spans="8:8">
      <c r="H180133" s="12"/>
    </row>
    <row r="180134" spans="8:8">
      <c r="H180134" s="12"/>
    </row>
    <row r="180135" spans="8:8">
      <c r="H180135" s="12"/>
    </row>
    <row r="180136" spans="8:8">
      <c r="H180136" s="12"/>
    </row>
    <row r="180137" spans="8:8">
      <c r="H180137" s="12"/>
    </row>
    <row r="180138" spans="8:8">
      <c r="H180138" s="12"/>
    </row>
    <row r="180139" spans="8:8">
      <c r="H180139" s="12"/>
    </row>
    <row r="180140" spans="8:8">
      <c r="H180140" s="12"/>
    </row>
    <row r="180141" spans="8:8">
      <c r="H180141" s="12"/>
    </row>
    <row r="180142" spans="8:8">
      <c r="H180142" s="12"/>
    </row>
    <row r="180143" spans="8:8">
      <c r="H180143" s="12"/>
    </row>
    <row r="180144" spans="8:8">
      <c r="H180144" s="12"/>
    </row>
    <row r="180145" spans="8:8">
      <c r="H180145" s="12"/>
    </row>
    <row r="180146" spans="8:8">
      <c r="H180146" s="12"/>
    </row>
    <row r="180147" spans="8:8">
      <c r="H180147" s="12"/>
    </row>
    <row r="180148" spans="8:8">
      <c r="H180148" s="12"/>
    </row>
    <row r="180149" spans="8:8">
      <c r="H180149" s="12"/>
    </row>
    <row r="180150" spans="8:8">
      <c r="H180150" s="12"/>
    </row>
    <row r="180151" spans="8:8">
      <c r="H180151" s="12"/>
    </row>
    <row r="180152" spans="8:8">
      <c r="H180152" s="12"/>
    </row>
    <row r="180153" spans="8:8">
      <c r="H180153" s="12"/>
    </row>
    <row r="180154" spans="8:8">
      <c r="H180154" s="12"/>
    </row>
    <row r="180155" spans="8:8">
      <c r="H180155" s="12"/>
    </row>
    <row r="180156" spans="8:8">
      <c r="H180156" s="12"/>
    </row>
    <row r="180157" spans="8:8">
      <c r="H180157" s="12"/>
    </row>
    <row r="180158" spans="8:8">
      <c r="H180158" s="12"/>
    </row>
    <row r="180159" spans="8:8">
      <c r="H180159" s="12"/>
    </row>
    <row r="180160" spans="8:8">
      <c r="H180160" s="12"/>
    </row>
    <row r="180161" spans="8:8">
      <c r="H180161" s="12"/>
    </row>
    <row r="180162" spans="8:8">
      <c r="H180162" s="12"/>
    </row>
    <row r="180163" spans="8:8">
      <c r="H180163" s="12"/>
    </row>
    <row r="180164" spans="8:8">
      <c r="H180164" s="12"/>
    </row>
    <row r="180165" spans="8:8">
      <c r="H180165" s="12"/>
    </row>
    <row r="180166" spans="8:8">
      <c r="H180166" s="12"/>
    </row>
    <row r="180167" spans="8:8">
      <c r="H180167" s="12"/>
    </row>
    <row r="180168" spans="8:8">
      <c r="H180168" s="12"/>
    </row>
    <row r="180169" spans="8:8">
      <c r="H180169" s="12"/>
    </row>
    <row r="180170" spans="8:8">
      <c r="H180170" s="12"/>
    </row>
    <row r="180171" spans="8:8">
      <c r="H180171" s="12"/>
    </row>
    <row r="180172" spans="8:8">
      <c r="H180172" s="12"/>
    </row>
    <row r="180173" spans="8:8">
      <c r="H180173" s="12"/>
    </row>
    <row r="180174" spans="8:8">
      <c r="H180174" s="12"/>
    </row>
    <row r="180175" spans="8:8">
      <c r="H180175" s="12"/>
    </row>
    <row r="180176" spans="8:8">
      <c r="H180176" s="12"/>
    </row>
    <row r="180177" spans="8:8">
      <c r="H180177" s="12"/>
    </row>
    <row r="180178" spans="8:8">
      <c r="H180178" s="12"/>
    </row>
    <row r="180179" spans="8:8">
      <c r="H180179" s="12"/>
    </row>
    <row r="180180" spans="8:8">
      <c r="H180180" s="12"/>
    </row>
    <row r="180181" spans="8:8">
      <c r="H180181" s="12"/>
    </row>
    <row r="180182" spans="8:8">
      <c r="H180182" s="12"/>
    </row>
    <row r="180183" spans="8:8">
      <c r="H180183" s="12"/>
    </row>
    <row r="180184" spans="8:8">
      <c r="H180184" s="12"/>
    </row>
    <row r="180185" spans="8:8">
      <c r="H180185" s="12"/>
    </row>
    <row r="180186" spans="8:8">
      <c r="H180186" s="12"/>
    </row>
    <row r="180187" spans="8:8">
      <c r="H180187" s="12"/>
    </row>
    <row r="180188" spans="8:8">
      <c r="H180188" s="12"/>
    </row>
    <row r="180189" spans="8:8">
      <c r="H180189" s="12"/>
    </row>
    <row r="180190" spans="8:8">
      <c r="H180190" s="12"/>
    </row>
    <row r="180191" spans="8:8">
      <c r="H180191" s="12"/>
    </row>
    <row r="180192" spans="8:8">
      <c r="H180192" s="12"/>
    </row>
    <row r="180193" spans="8:8">
      <c r="H180193" s="12"/>
    </row>
    <row r="180194" spans="8:8">
      <c r="H180194" s="12"/>
    </row>
    <row r="180195" spans="8:8">
      <c r="H180195" s="12"/>
    </row>
    <row r="180196" spans="8:8">
      <c r="H180196" s="12"/>
    </row>
    <row r="180197" spans="8:8">
      <c r="H180197" s="12"/>
    </row>
    <row r="180198" spans="8:8">
      <c r="H180198" s="12"/>
    </row>
    <row r="180199" spans="8:8">
      <c r="H180199" s="12"/>
    </row>
    <row r="180200" spans="8:8">
      <c r="H180200" s="12"/>
    </row>
    <row r="180201" spans="8:8">
      <c r="H180201" s="12"/>
    </row>
    <row r="180202" spans="8:8">
      <c r="H180202" s="12"/>
    </row>
    <row r="180203" spans="8:8">
      <c r="H180203" s="12"/>
    </row>
    <row r="180204" spans="8:8">
      <c r="H180204" s="12"/>
    </row>
    <row r="180205" spans="8:8">
      <c r="H180205" s="12"/>
    </row>
    <row r="180206" spans="8:8">
      <c r="H180206" s="12"/>
    </row>
    <row r="180207" spans="8:8">
      <c r="H180207" s="12"/>
    </row>
    <row r="180208" spans="8:8">
      <c r="H180208" s="12"/>
    </row>
    <row r="180209" spans="8:8">
      <c r="H180209" s="12"/>
    </row>
    <row r="180210" spans="8:8">
      <c r="H180210" s="12"/>
    </row>
    <row r="180211" spans="8:8">
      <c r="H180211" s="12"/>
    </row>
    <row r="180212" spans="8:8">
      <c r="H180212" s="12"/>
    </row>
    <row r="180213" spans="8:8">
      <c r="H180213" s="12"/>
    </row>
    <row r="180214" spans="8:8">
      <c r="H180214" s="12"/>
    </row>
    <row r="180215" spans="8:8">
      <c r="H180215" s="12"/>
    </row>
    <row r="180216" spans="8:8">
      <c r="H180216" s="12"/>
    </row>
    <row r="180217" spans="8:8">
      <c r="H180217" s="12"/>
    </row>
    <row r="180218" spans="8:8">
      <c r="H180218" s="12"/>
    </row>
    <row r="180219" spans="8:8">
      <c r="H180219" s="12"/>
    </row>
    <row r="180220" spans="8:8">
      <c r="H180220" s="12"/>
    </row>
    <row r="180221" spans="8:8">
      <c r="H180221" s="12"/>
    </row>
    <row r="180222" spans="8:8">
      <c r="H180222" s="12"/>
    </row>
    <row r="180223" spans="8:8">
      <c r="H180223" s="12"/>
    </row>
    <row r="180224" spans="8:8">
      <c r="H180224" s="12"/>
    </row>
    <row r="180225" spans="8:8">
      <c r="H180225" s="12"/>
    </row>
    <row r="180226" spans="8:8">
      <c r="H180226" s="12"/>
    </row>
    <row r="180227" spans="8:8">
      <c r="H180227" s="12"/>
    </row>
    <row r="180228" spans="8:8">
      <c r="H180228" s="12"/>
    </row>
    <row r="180229" spans="8:8">
      <c r="H180229" s="12"/>
    </row>
    <row r="180230" spans="8:8">
      <c r="H180230" s="12"/>
    </row>
    <row r="180231" spans="8:8">
      <c r="H180231" s="12"/>
    </row>
    <row r="180232" spans="8:8">
      <c r="H180232" s="12"/>
    </row>
    <row r="180233" spans="8:8">
      <c r="H180233" s="12"/>
    </row>
    <row r="180234" spans="8:8">
      <c r="H180234" s="12"/>
    </row>
    <row r="180235" spans="8:8">
      <c r="H180235" s="12"/>
    </row>
    <row r="180236" spans="8:8">
      <c r="H180236" s="12"/>
    </row>
    <row r="180237" spans="8:8">
      <c r="H180237" s="12"/>
    </row>
    <row r="180238" spans="8:8">
      <c r="H180238" s="12"/>
    </row>
    <row r="180239" spans="8:8">
      <c r="H180239" s="12"/>
    </row>
    <row r="180240" spans="8:8">
      <c r="H180240" s="12"/>
    </row>
    <row r="180241" spans="8:8">
      <c r="H180241" s="12"/>
    </row>
    <row r="180242" spans="8:8">
      <c r="H180242" s="12"/>
    </row>
    <row r="180243" spans="8:8">
      <c r="H180243" s="12"/>
    </row>
    <row r="180244" spans="8:8">
      <c r="H180244" s="12"/>
    </row>
    <row r="180245" spans="8:8">
      <c r="H180245" s="12"/>
    </row>
    <row r="180246" spans="8:8">
      <c r="H180246" s="12"/>
    </row>
    <row r="180247" spans="8:8">
      <c r="H180247" s="12"/>
    </row>
    <row r="180248" spans="8:8">
      <c r="H180248" s="12"/>
    </row>
    <row r="180249" spans="8:8">
      <c r="H180249" s="12"/>
    </row>
    <row r="180250" spans="8:8">
      <c r="H180250" s="12"/>
    </row>
    <row r="180251" spans="8:8">
      <c r="H180251" s="12"/>
    </row>
    <row r="180252" spans="8:8">
      <c r="H180252" s="12"/>
    </row>
    <row r="180253" spans="8:8">
      <c r="H180253" s="12"/>
    </row>
    <row r="180254" spans="8:8">
      <c r="H180254" s="12"/>
    </row>
    <row r="180255" spans="8:8">
      <c r="H180255" s="12"/>
    </row>
    <row r="180256" spans="8:8">
      <c r="H180256" s="12"/>
    </row>
    <row r="180257" spans="8:8">
      <c r="H180257" s="12"/>
    </row>
    <row r="180258" spans="8:8">
      <c r="H180258" s="12"/>
    </row>
    <row r="180259" spans="8:8">
      <c r="H180259" s="12"/>
    </row>
    <row r="180260" spans="8:8">
      <c r="H180260" s="12"/>
    </row>
    <row r="180261" spans="8:8">
      <c r="H180261" s="12"/>
    </row>
    <row r="180262" spans="8:8">
      <c r="H180262" s="12"/>
    </row>
    <row r="180263" spans="8:8">
      <c r="H180263" s="12"/>
    </row>
    <row r="180264" spans="8:8">
      <c r="H180264" s="12"/>
    </row>
    <row r="180265" spans="8:8">
      <c r="H180265" s="12"/>
    </row>
    <row r="180266" spans="8:8">
      <c r="H180266" s="12"/>
    </row>
    <row r="180267" spans="8:8">
      <c r="H180267" s="12"/>
    </row>
    <row r="180268" spans="8:8">
      <c r="H180268" s="12"/>
    </row>
    <row r="180269" spans="8:8">
      <c r="H180269" s="12"/>
    </row>
    <row r="180270" spans="8:8">
      <c r="H180270" s="12"/>
    </row>
    <row r="180271" spans="8:8">
      <c r="H180271" s="12"/>
    </row>
    <row r="180272" spans="8:8">
      <c r="H180272" s="12"/>
    </row>
    <row r="180273" spans="8:8">
      <c r="H180273" s="12"/>
    </row>
    <row r="180274" spans="8:8">
      <c r="H180274" s="12"/>
    </row>
    <row r="180275" spans="8:8">
      <c r="H180275" s="12"/>
    </row>
    <row r="180276" spans="8:8">
      <c r="H180276" s="12"/>
    </row>
    <row r="180277" spans="8:8">
      <c r="H180277" s="12"/>
    </row>
    <row r="180278" spans="8:8">
      <c r="H180278" s="12"/>
    </row>
    <row r="180279" spans="8:8">
      <c r="H180279" s="12"/>
    </row>
    <row r="180280" spans="8:8">
      <c r="H180280" s="12"/>
    </row>
    <row r="180281" spans="8:8">
      <c r="H180281" s="12"/>
    </row>
    <row r="180282" spans="8:8">
      <c r="H180282" s="12"/>
    </row>
    <row r="180283" spans="8:8">
      <c r="H180283" s="12"/>
    </row>
    <row r="180284" spans="8:8">
      <c r="H180284" s="12"/>
    </row>
    <row r="180285" spans="8:8">
      <c r="H180285" s="12"/>
    </row>
    <row r="180286" spans="8:8">
      <c r="H180286" s="12"/>
    </row>
    <row r="180287" spans="8:8">
      <c r="H180287" s="12"/>
    </row>
    <row r="180288" spans="8:8">
      <c r="H180288" s="12"/>
    </row>
    <row r="180289" spans="8:8">
      <c r="H180289" s="12"/>
    </row>
    <row r="180290" spans="8:8">
      <c r="H180290" s="12"/>
    </row>
    <row r="180291" spans="8:8">
      <c r="H180291" s="12"/>
    </row>
    <row r="180292" spans="8:8">
      <c r="H180292" s="12"/>
    </row>
    <row r="180293" spans="8:8">
      <c r="H180293" s="12"/>
    </row>
    <row r="180294" spans="8:8">
      <c r="H180294" s="12"/>
    </row>
    <row r="180295" spans="8:8">
      <c r="H180295" s="12"/>
    </row>
    <row r="180296" spans="8:8">
      <c r="H180296" s="12"/>
    </row>
    <row r="180297" spans="8:8">
      <c r="H180297" s="12"/>
    </row>
    <row r="180298" spans="8:8">
      <c r="H180298" s="12"/>
    </row>
    <row r="180299" spans="8:8">
      <c r="H180299" s="12"/>
    </row>
    <row r="180300" spans="8:8">
      <c r="H180300" s="12"/>
    </row>
    <row r="180301" spans="8:8">
      <c r="H180301" s="12"/>
    </row>
    <row r="180302" spans="8:8">
      <c r="H180302" s="12"/>
    </row>
    <row r="180303" spans="8:8">
      <c r="H180303" s="12"/>
    </row>
    <row r="180304" spans="8:8">
      <c r="H180304" s="12"/>
    </row>
    <row r="180305" spans="8:8">
      <c r="H180305" s="12"/>
    </row>
    <row r="180306" spans="8:8">
      <c r="H180306" s="12"/>
    </row>
    <row r="180307" spans="8:8">
      <c r="H180307" s="12"/>
    </row>
    <row r="180308" spans="8:8">
      <c r="H180308" s="12"/>
    </row>
    <row r="180309" spans="8:8">
      <c r="H180309" s="12"/>
    </row>
    <row r="180310" spans="8:8">
      <c r="H180310" s="12"/>
    </row>
    <row r="180311" spans="8:8">
      <c r="H180311" s="12"/>
    </row>
    <row r="180312" spans="8:8">
      <c r="H180312" s="12"/>
    </row>
    <row r="180313" spans="8:8">
      <c r="H180313" s="12"/>
    </row>
    <row r="180314" spans="8:8">
      <c r="H180314" s="12"/>
    </row>
    <row r="180315" spans="8:8">
      <c r="H180315" s="12"/>
    </row>
    <row r="180316" spans="8:8">
      <c r="H180316" s="12"/>
    </row>
    <row r="180317" spans="8:8">
      <c r="H180317" s="12"/>
    </row>
    <row r="180318" spans="8:8">
      <c r="H180318" s="12"/>
    </row>
    <row r="180319" spans="8:8">
      <c r="H180319" s="12"/>
    </row>
    <row r="180320" spans="8:8">
      <c r="H180320" s="12"/>
    </row>
    <row r="180321" spans="8:8">
      <c r="H180321" s="12"/>
    </row>
    <row r="180322" spans="8:8">
      <c r="H180322" s="12"/>
    </row>
    <row r="180323" spans="8:8">
      <c r="H180323" s="12"/>
    </row>
    <row r="180324" spans="8:8">
      <c r="H180324" s="12"/>
    </row>
    <row r="180325" spans="8:8">
      <c r="H180325" s="12"/>
    </row>
    <row r="180326" spans="8:8">
      <c r="H180326" s="12"/>
    </row>
    <row r="180327" spans="8:8">
      <c r="H180327" s="12"/>
    </row>
    <row r="180328" spans="8:8">
      <c r="H180328" s="12"/>
    </row>
    <row r="180329" spans="8:8">
      <c r="H180329" s="12"/>
    </row>
    <row r="180330" spans="8:8">
      <c r="H180330" s="12"/>
    </row>
    <row r="180331" spans="8:8">
      <c r="H180331" s="12"/>
    </row>
    <row r="180332" spans="8:8">
      <c r="H180332" s="12"/>
    </row>
    <row r="180333" spans="8:8">
      <c r="H180333" s="12"/>
    </row>
    <row r="180334" spans="8:8">
      <c r="H180334" s="12"/>
    </row>
    <row r="180335" spans="8:8">
      <c r="H180335" s="12"/>
    </row>
    <row r="180336" spans="8:8">
      <c r="H180336" s="12"/>
    </row>
    <row r="180337" spans="8:8">
      <c r="H180337" s="12"/>
    </row>
    <row r="180338" spans="8:8">
      <c r="H180338" s="12"/>
    </row>
    <row r="180339" spans="8:8">
      <c r="H180339" s="12"/>
    </row>
    <row r="180340" spans="8:8">
      <c r="H180340" s="12"/>
    </row>
    <row r="180341" spans="8:8">
      <c r="H180341" s="12"/>
    </row>
    <row r="180342" spans="8:8">
      <c r="H180342" s="12"/>
    </row>
    <row r="180343" spans="8:8">
      <c r="H180343" s="12"/>
    </row>
    <row r="180344" spans="8:8">
      <c r="H180344" s="12"/>
    </row>
    <row r="180345" spans="8:8">
      <c r="H180345" s="12"/>
    </row>
    <row r="180346" spans="8:8">
      <c r="H180346" s="12"/>
    </row>
    <row r="180347" spans="8:8">
      <c r="H180347" s="12"/>
    </row>
    <row r="180348" spans="8:8">
      <c r="H180348" s="12"/>
    </row>
    <row r="180349" spans="8:8">
      <c r="H180349" s="12"/>
    </row>
    <row r="180350" spans="8:8">
      <c r="H180350" s="12"/>
    </row>
    <row r="180351" spans="8:8">
      <c r="H180351" s="12"/>
    </row>
    <row r="180352" spans="8:8">
      <c r="H180352" s="12"/>
    </row>
    <row r="180353" spans="8:8">
      <c r="H180353" s="12"/>
    </row>
    <row r="180354" spans="8:8">
      <c r="H180354" s="12"/>
    </row>
    <row r="180355" spans="8:8">
      <c r="H180355" s="12"/>
    </row>
    <row r="180356" spans="8:8">
      <c r="H180356" s="12"/>
    </row>
    <row r="180357" spans="8:8">
      <c r="H180357" s="12"/>
    </row>
    <row r="180358" spans="8:8">
      <c r="H180358" s="12"/>
    </row>
    <row r="180359" spans="8:8">
      <c r="H180359" s="12"/>
    </row>
    <row r="180360" spans="8:8">
      <c r="H180360" s="12"/>
    </row>
    <row r="180361" spans="8:8">
      <c r="H180361" s="12"/>
    </row>
    <row r="180362" spans="8:8">
      <c r="H180362" s="12"/>
    </row>
    <row r="180363" spans="8:8">
      <c r="H180363" s="12"/>
    </row>
    <row r="180364" spans="8:8">
      <c r="H180364" s="12"/>
    </row>
    <row r="180365" spans="8:8">
      <c r="H180365" s="12"/>
    </row>
    <row r="180366" spans="8:8">
      <c r="H180366" s="12"/>
    </row>
    <row r="180367" spans="8:8">
      <c r="H180367" s="12"/>
    </row>
    <row r="180368" spans="8:8">
      <c r="H180368" s="12"/>
    </row>
    <row r="180369" spans="8:8">
      <c r="H180369" s="12"/>
    </row>
    <row r="180370" spans="8:8">
      <c r="H180370" s="12"/>
    </row>
    <row r="180371" spans="8:8">
      <c r="H180371" s="12"/>
    </row>
    <row r="180372" spans="8:8">
      <c r="H180372" s="12"/>
    </row>
    <row r="180373" spans="8:8">
      <c r="H180373" s="12"/>
    </row>
    <row r="180374" spans="8:8">
      <c r="H180374" s="12"/>
    </row>
    <row r="180375" spans="8:8">
      <c r="H180375" s="12"/>
    </row>
    <row r="180376" spans="8:8">
      <c r="H180376" s="12"/>
    </row>
    <row r="180377" spans="8:8">
      <c r="H180377" s="12"/>
    </row>
    <row r="180378" spans="8:8">
      <c r="H180378" s="12"/>
    </row>
    <row r="180379" spans="8:8">
      <c r="H180379" s="12"/>
    </row>
    <row r="180380" spans="8:8">
      <c r="H180380" s="12"/>
    </row>
    <row r="180381" spans="8:8">
      <c r="H180381" s="12"/>
    </row>
    <row r="180382" spans="8:8">
      <c r="H180382" s="12"/>
    </row>
    <row r="180383" spans="8:8">
      <c r="H180383" s="12"/>
    </row>
    <row r="180384" spans="8:8">
      <c r="H180384" s="12"/>
    </row>
    <row r="180385" spans="8:8">
      <c r="H180385" s="12"/>
    </row>
    <row r="180386" spans="8:8">
      <c r="H180386" s="12"/>
    </row>
    <row r="180387" spans="8:8">
      <c r="H180387" s="12"/>
    </row>
    <row r="180388" spans="8:8">
      <c r="H180388" s="12"/>
    </row>
    <row r="180389" spans="8:8">
      <c r="H180389" s="12"/>
    </row>
    <row r="180390" spans="8:8">
      <c r="H180390" s="12"/>
    </row>
    <row r="180391" spans="8:8">
      <c r="H180391" s="12"/>
    </row>
    <row r="180392" spans="8:8">
      <c r="H180392" s="12"/>
    </row>
    <row r="180393" spans="8:8">
      <c r="H180393" s="12"/>
    </row>
    <row r="180394" spans="8:8">
      <c r="H180394" s="12"/>
    </row>
    <row r="180395" spans="8:8">
      <c r="H180395" s="12"/>
    </row>
    <row r="180396" spans="8:8">
      <c r="H180396" s="12"/>
    </row>
    <row r="180397" spans="8:8">
      <c r="H180397" s="12"/>
    </row>
    <row r="180398" spans="8:8">
      <c r="H180398" s="12"/>
    </row>
    <row r="180399" spans="8:8">
      <c r="H180399" s="12"/>
    </row>
    <row r="180400" spans="8:8">
      <c r="H180400" s="12"/>
    </row>
    <row r="180401" spans="8:8">
      <c r="H180401" s="12"/>
    </row>
    <row r="180402" spans="8:8">
      <c r="H180402" s="12"/>
    </row>
    <row r="180403" spans="8:8">
      <c r="H180403" s="12"/>
    </row>
    <row r="180404" spans="8:8">
      <c r="H180404" s="12"/>
    </row>
    <row r="180405" spans="8:8">
      <c r="H180405" s="12"/>
    </row>
    <row r="180406" spans="8:8">
      <c r="H180406" s="12"/>
    </row>
    <row r="180407" spans="8:8">
      <c r="H180407" s="12"/>
    </row>
    <row r="180408" spans="8:8">
      <c r="H180408" s="12"/>
    </row>
    <row r="180409" spans="8:8">
      <c r="H180409" s="12"/>
    </row>
    <row r="180410" spans="8:8">
      <c r="H180410" s="12"/>
    </row>
    <row r="180411" spans="8:8">
      <c r="H180411" s="12"/>
    </row>
    <row r="180412" spans="8:8">
      <c r="H180412" s="12"/>
    </row>
    <row r="180413" spans="8:8">
      <c r="H180413" s="12"/>
    </row>
    <row r="180414" spans="8:8">
      <c r="H180414" s="12"/>
    </row>
    <row r="180415" spans="8:8">
      <c r="H180415" s="12"/>
    </row>
    <row r="180416" spans="8:8">
      <c r="H180416" s="12"/>
    </row>
    <row r="180417" spans="8:8">
      <c r="H180417" s="12"/>
    </row>
    <row r="180418" spans="8:8">
      <c r="H180418" s="12"/>
    </row>
    <row r="180419" spans="8:8">
      <c r="H180419" s="12"/>
    </row>
    <row r="180420" spans="8:8">
      <c r="H180420" s="12"/>
    </row>
    <row r="180421" spans="8:8">
      <c r="H180421" s="12"/>
    </row>
    <row r="180422" spans="8:8">
      <c r="H180422" s="12"/>
    </row>
    <row r="180423" spans="8:8">
      <c r="H180423" s="12"/>
    </row>
    <row r="180424" spans="8:8">
      <c r="H180424" s="12"/>
    </row>
    <row r="180425" spans="8:8">
      <c r="H180425" s="12"/>
    </row>
    <row r="180426" spans="8:8">
      <c r="H180426" s="12"/>
    </row>
    <row r="180427" spans="8:8">
      <c r="H180427" s="12"/>
    </row>
    <row r="180428" spans="8:8">
      <c r="H180428" s="12"/>
    </row>
    <row r="180429" spans="8:8">
      <c r="H180429" s="12"/>
    </row>
    <row r="180430" spans="8:8">
      <c r="H180430" s="12"/>
    </row>
    <row r="180431" spans="8:8">
      <c r="H180431" s="12"/>
    </row>
    <row r="180432" spans="8:8">
      <c r="H180432" s="12"/>
    </row>
    <row r="180433" spans="8:8">
      <c r="H180433" s="12"/>
    </row>
    <row r="180434" spans="8:8">
      <c r="H180434" s="12"/>
    </row>
    <row r="180435" spans="8:8">
      <c r="H180435" s="12"/>
    </row>
    <row r="180436" spans="8:8">
      <c r="H180436" s="12"/>
    </row>
    <row r="180437" spans="8:8">
      <c r="H180437" s="12"/>
    </row>
    <row r="180438" spans="8:8">
      <c r="H180438" s="12"/>
    </row>
    <row r="180439" spans="8:8">
      <c r="H180439" s="12"/>
    </row>
    <row r="180440" spans="8:8">
      <c r="H180440" s="12"/>
    </row>
    <row r="180441" spans="8:8">
      <c r="H180441" s="12"/>
    </row>
    <row r="180442" spans="8:8">
      <c r="H180442" s="12"/>
    </row>
    <row r="180443" spans="8:8">
      <c r="H180443" s="12"/>
    </row>
    <row r="180444" spans="8:8">
      <c r="H180444" s="12"/>
    </row>
    <row r="180445" spans="8:8">
      <c r="H180445" s="12"/>
    </row>
    <row r="180446" spans="8:8">
      <c r="H180446" s="12"/>
    </row>
    <row r="180447" spans="8:8">
      <c r="H180447" s="12"/>
    </row>
    <row r="180448" spans="8:8">
      <c r="H180448" s="12"/>
    </row>
    <row r="180449" spans="8:8">
      <c r="H180449" s="12"/>
    </row>
    <row r="180450" spans="8:8">
      <c r="H180450" s="12"/>
    </row>
    <row r="180451" spans="8:8">
      <c r="H180451" s="12"/>
    </row>
    <row r="180452" spans="8:8">
      <c r="H180452" s="12"/>
    </row>
    <row r="180453" spans="8:8">
      <c r="H180453" s="12"/>
    </row>
    <row r="180454" spans="8:8">
      <c r="H180454" s="12"/>
    </row>
    <row r="180455" spans="8:8">
      <c r="H180455" s="12"/>
    </row>
    <row r="180456" spans="8:8">
      <c r="H180456" s="12"/>
    </row>
    <row r="180457" spans="8:8">
      <c r="H180457" s="12"/>
    </row>
    <row r="180458" spans="8:8">
      <c r="H180458" s="12"/>
    </row>
    <row r="180459" spans="8:8">
      <c r="H180459" s="12"/>
    </row>
    <row r="180460" spans="8:8">
      <c r="H180460" s="12"/>
    </row>
    <row r="180461" spans="8:8">
      <c r="H180461" s="12"/>
    </row>
    <row r="180462" spans="8:8">
      <c r="H180462" s="12"/>
    </row>
    <row r="180463" spans="8:8">
      <c r="H180463" s="12"/>
    </row>
    <row r="180464" spans="8:8">
      <c r="H180464" s="12"/>
    </row>
    <row r="180465" spans="8:8">
      <c r="H180465" s="12"/>
    </row>
    <row r="180466" spans="8:8">
      <c r="H180466" s="12"/>
    </row>
    <row r="180467" spans="8:8">
      <c r="H180467" s="12"/>
    </row>
    <row r="180468" spans="8:8">
      <c r="H180468" s="12"/>
    </row>
    <row r="180469" spans="8:8">
      <c r="H180469" s="12"/>
    </row>
    <row r="180470" spans="8:8">
      <c r="H180470" s="12"/>
    </row>
    <row r="180471" spans="8:8">
      <c r="H180471" s="12"/>
    </row>
    <row r="180472" spans="8:8">
      <c r="H180472" s="12"/>
    </row>
    <row r="180473" spans="8:8">
      <c r="H180473" s="12"/>
    </row>
    <row r="180474" spans="8:8">
      <c r="H180474" s="12"/>
    </row>
    <row r="180475" spans="8:8">
      <c r="H180475" s="12"/>
    </row>
    <row r="180476" spans="8:8">
      <c r="H180476" s="12"/>
    </row>
    <row r="180477" spans="8:8">
      <c r="H180477" s="12"/>
    </row>
    <row r="180478" spans="8:8">
      <c r="H180478" s="12"/>
    </row>
    <row r="180479" spans="8:8">
      <c r="H180479" s="12"/>
    </row>
    <row r="180480" spans="8:8">
      <c r="H180480" s="12"/>
    </row>
    <row r="180481" spans="8:8">
      <c r="H180481" s="12"/>
    </row>
    <row r="180482" spans="8:8">
      <c r="H180482" s="12"/>
    </row>
    <row r="180483" spans="8:8">
      <c r="H180483" s="12"/>
    </row>
    <row r="180484" spans="8:8">
      <c r="H180484" s="12"/>
    </row>
    <row r="180485" spans="8:8">
      <c r="H180485" s="12"/>
    </row>
    <row r="180486" spans="8:8">
      <c r="H180486" s="12"/>
    </row>
    <row r="180487" spans="8:8">
      <c r="H180487" s="12"/>
    </row>
    <row r="180488" spans="8:8">
      <c r="H180488" s="12"/>
    </row>
    <row r="180489" spans="8:8">
      <c r="H180489" s="12"/>
    </row>
    <row r="180490" spans="8:8">
      <c r="H180490" s="12"/>
    </row>
    <row r="180491" spans="8:8">
      <c r="H180491" s="12"/>
    </row>
    <row r="180492" spans="8:8">
      <c r="H180492" s="12"/>
    </row>
    <row r="180493" spans="8:8">
      <c r="H180493" s="12"/>
    </row>
    <row r="180494" spans="8:8">
      <c r="H180494" s="12"/>
    </row>
    <row r="180495" spans="8:8">
      <c r="H180495" s="12"/>
    </row>
    <row r="180496" spans="8:8">
      <c r="H180496" s="12"/>
    </row>
    <row r="180497" spans="8:8">
      <c r="H180497" s="12"/>
    </row>
    <row r="180498" spans="8:8">
      <c r="H180498" s="12"/>
    </row>
    <row r="180499" spans="8:8">
      <c r="H180499" s="12"/>
    </row>
    <row r="180500" spans="8:8">
      <c r="H180500" s="12"/>
    </row>
    <row r="180501" spans="8:8">
      <c r="H180501" s="12"/>
    </row>
    <row r="180502" spans="8:8">
      <c r="H180502" s="12"/>
    </row>
    <row r="180503" spans="8:8">
      <c r="H180503" s="12"/>
    </row>
    <row r="180504" spans="8:8">
      <c r="H180504" s="12"/>
    </row>
    <row r="180505" spans="8:8">
      <c r="H180505" s="12"/>
    </row>
    <row r="180506" spans="8:8">
      <c r="H180506" s="12"/>
    </row>
    <row r="180507" spans="8:8">
      <c r="H180507" s="12"/>
    </row>
    <row r="180508" spans="8:8">
      <c r="H180508" s="12"/>
    </row>
    <row r="180509" spans="8:8">
      <c r="H180509" s="12"/>
    </row>
    <row r="180510" spans="8:8">
      <c r="H180510" s="12"/>
    </row>
    <row r="180511" spans="8:8">
      <c r="H180511" s="12"/>
    </row>
    <row r="180512" spans="8:8">
      <c r="H180512" s="12"/>
    </row>
    <row r="180513" spans="8:8">
      <c r="H180513" s="12"/>
    </row>
    <row r="180514" spans="8:8">
      <c r="H180514" s="12"/>
    </row>
    <row r="180515" spans="8:8">
      <c r="H180515" s="12"/>
    </row>
    <row r="180516" spans="8:8">
      <c r="H180516" s="12"/>
    </row>
    <row r="180517" spans="8:8">
      <c r="H180517" s="12"/>
    </row>
    <row r="180518" spans="8:8">
      <c r="H180518" s="12"/>
    </row>
    <row r="180519" spans="8:8">
      <c r="H180519" s="12"/>
    </row>
    <row r="180520" spans="8:8">
      <c r="H180520" s="12"/>
    </row>
    <row r="180521" spans="8:8">
      <c r="H180521" s="12"/>
    </row>
    <row r="180522" spans="8:8">
      <c r="H180522" s="12"/>
    </row>
    <row r="180523" spans="8:8">
      <c r="H180523" s="12"/>
    </row>
    <row r="180524" spans="8:8">
      <c r="H180524" s="12"/>
    </row>
    <row r="180525" spans="8:8">
      <c r="H180525" s="12"/>
    </row>
    <row r="180526" spans="8:8">
      <c r="H180526" s="12"/>
    </row>
    <row r="180527" spans="8:8">
      <c r="H180527" s="12"/>
    </row>
    <row r="180528" spans="8:8">
      <c r="H180528" s="12"/>
    </row>
    <row r="180529" spans="8:8">
      <c r="H180529" s="12"/>
    </row>
    <row r="180530" spans="8:8">
      <c r="H180530" s="12"/>
    </row>
    <row r="180531" spans="8:8">
      <c r="H180531" s="12"/>
    </row>
    <row r="180532" spans="8:8">
      <c r="H180532" s="12"/>
    </row>
    <row r="180533" spans="8:8">
      <c r="H180533" s="12"/>
    </row>
    <row r="180534" spans="8:8">
      <c r="H180534" s="12"/>
    </row>
    <row r="180535" spans="8:8">
      <c r="H180535" s="12"/>
    </row>
    <row r="180536" spans="8:8">
      <c r="H180536" s="12"/>
    </row>
    <row r="180537" spans="8:8">
      <c r="H180537" s="12"/>
    </row>
    <row r="180538" spans="8:8">
      <c r="H180538" s="12"/>
    </row>
    <row r="180539" spans="8:8">
      <c r="H180539" s="12"/>
    </row>
    <row r="180540" spans="8:8">
      <c r="H180540" s="12"/>
    </row>
    <row r="180541" spans="8:8">
      <c r="H180541" s="12"/>
    </row>
    <row r="180542" spans="8:8">
      <c r="H180542" s="12"/>
    </row>
    <row r="180543" spans="8:8">
      <c r="H180543" s="12"/>
    </row>
    <row r="180544" spans="8:8">
      <c r="H180544" s="12"/>
    </row>
    <row r="180545" spans="8:8">
      <c r="H180545" s="12"/>
    </row>
    <row r="180546" spans="8:8">
      <c r="H180546" s="12"/>
    </row>
    <row r="180547" spans="8:8">
      <c r="H180547" s="12"/>
    </row>
    <row r="180548" spans="8:8">
      <c r="H180548" s="12"/>
    </row>
    <row r="180549" spans="8:8">
      <c r="H180549" s="12"/>
    </row>
    <row r="180550" spans="8:8">
      <c r="H180550" s="12"/>
    </row>
    <row r="180551" spans="8:8">
      <c r="H180551" s="12"/>
    </row>
    <row r="180552" spans="8:8">
      <c r="H180552" s="12"/>
    </row>
    <row r="180553" spans="8:8">
      <c r="H180553" s="12"/>
    </row>
    <row r="180554" spans="8:8">
      <c r="H180554" s="12"/>
    </row>
    <row r="180555" spans="8:8">
      <c r="H180555" s="12"/>
    </row>
    <row r="180556" spans="8:8">
      <c r="H180556" s="12"/>
    </row>
    <row r="180557" spans="8:8">
      <c r="H180557" s="12"/>
    </row>
    <row r="180558" spans="8:8">
      <c r="H180558" s="12"/>
    </row>
    <row r="180559" spans="8:8">
      <c r="H180559" s="12"/>
    </row>
    <row r="180560" spans="8:8">
      <c r="H180560" s="12"/>
    </row>
    <row r="180561" spans="8:8">
      <c r="H180561" s="12"/>
    </row>
    <row r="180562" spans="8:8">
      <c r="H180562" s="12"/>
    </row>
    <row r="180563" spans="8:8">
      <c r="H180563" s="12"/>
    </row>
    <row r="180564" spans="8:8">
      <c r="H180564" s="12"/>
    </row>
    <row r="180565" spans="8:8">
      <c r="H180565" s="12"/>
    </row>
    <row r="180566" spans="8:8">
      <c r="H180566" s="12"/>
    </row>
    <row r="180567" spans="8:8">
      <c r="H180567" s="12"/>
    </row>
    <row r="180568" spans="8:8">
      <c r="H180568" s="12"/>
    </row>
    <row r="180569" spans="8:8">
      <c r="H180569" s="12"/>
    </row>
    <row r="180570" spans="8:8">
      <c r="H180570" s="12"/>
    </row>
    <row r="180571" spans="8:8">
      <c r="H180571" s="12"/>
    </row>
    <row r="180572" spans="8:8">
      <c r="H180572" s="12"/>
    </row>
    <row r="180573" spans="8:8">
      <c r="H180573" s="12"/>
    </row>
    <row r="180574" spans="8:8">
      <c r="H180574" s="12"/>
    </row>
    <row r="180575" spans="8:8">
      <c r="H180575" s="12"/>
    </row>
    <row r="180576" spans="8:8">
      <c r="H180576" s="12"/>
    </row>
    <row r="180577" spans="8:8">
      <c r="H180577" s="12"/>
    </row>
    <row r="180578" spans="8:8">
      <c r="H180578" s="12"/>
    </row>
    <row r="180579" spans="8:8">
      <c r="H180579" s="12"/>
    </row>
    <row r="180580" spans="8:8">
      <c r="H180580" s="12"/>
    </row>
    <row r="180581" spans="8:8">
      <c r="H180581" s="12"/>
    </row>
    <row r="180582" spans="8:8">
      <c r="H180582" s="12"/>
    </row>
    <row r="180583" spans="8:8">
      <c r="H180583" s="12"/>
    </row>
    <row r="180584" spans="8:8">
      <c r="H180584" s="12"/>
    </row>
    <row r="180585" spans="8:8">
      <c r="H180585" s="12"/>
    </row>
    <row r="180586" spans="8:8">
      <c r="H180586" s="12"/>
    </row>
    <row r="180587" spans="8:8">
      <c r="H180587" s="12"/>
    </row>
    <row r="180588" spans="8:8">
      <c r="H180588" s="12"/>
    </row>
    <row r="180589" spans="8:8">
      <c r="H180589" s="12"/>
    </row>
    <row r="180590" spans="8:8">
      <c r="H180590" s="12"/>
    </row>
    <row r="180591" spans="8:8">
      <c r="H180591" s="12"/>
    </row>
    <row r="180592" spans="8:8">
      <c r="H180592" s="12"/>
    </row>
    <row r="180593" spans="8:8">
      <c r="H180593" s="12"/>
    </row>
    <row r="180594" spans="8:8">
      <c r="H180594" s="12"/>
    </row>
    <row r="180595" spans="8:8">
      <c r="H180595" s="12"/>
    </row>
    <row r="180596" spans="8:8">
      <c r="H180596" s="12"/>
    </row>
    <row r="180597" spans="8:8">
      <c r="H180597" s="12"/>
    </row>
    <row r="180598" spans="8:8">
      <c r="H180598" s="12"/>
    </row>
    <row r="180599" spans="8:8">
      <c r="H180599" s="12"/>
    </row>
    <row r="180600" spans="8:8">
      <c r="H180600" s="12"/>
    </row>
    <row r="180601" spans="8:8">
      <c r="H180601" s="12"/>
    </row>
    <row r="180602" spans="8:8">
      <c r="H180602" s="12"/>
    </row>
    <row r="180603" spans="8:8">
      <c r="H180603" s="12"/>
    </row>
    <row r="180604" spans="8:8">
      <c r="H180604" s="12"/>
    </row>
    <row r="180605" spans="8:8">
      <c r="H180605" s="12"/>
    </row>
    <row r="180606" spans="8:8">
      <c r="H180606" s="12"/>
    </row>
    <row r="180607" spans="8:8">
      <c r="H180607" s="12"/>
    </row>
    <row r="180608" spans="8:8">
      <c r="H180608" s="12"/>
    </row>
    <row r="180609" spans="8:8">
      <c r="H180609" s="12"/>
    </row>
    <row r="180610" spans="8:8">
      <c r="H180610" s="12"/>
    </row>
    <row r="180611" spans="8:8">
      <c r="H180611" s="12"/>
    </row>
    <row r="180612" spans="8:8">
      <c r="H180612" s="12"/>
    </row>
    <row r="180613" spans="8:8">
      <c r="H180613" s="12"/>
    </row>
    <row r="180614" spans="8:8">
      <c r="H180614" s="12"/>
    </row>
    <row r="180615" spans="8:8">
      <c r="H180615" s="12"/>
    </row>
    <row r="180616" spans="8:8">
      <c r="H180616" s="12"/>
    </row>
    <row r="180617" spans="8:8">
      <c r="H180617" s="12"/>
    </row>
    <row r="180618" spans="8:8">
      <c r="H180618" s="12"/>
    </row>
    <row r="180619" spans="8:8">
      <c r="H180619" s="12"/>
    </row>
    <row r="180620" spans="8:8">
      <c r="H180620" s="12"/>
    </row>
    <row r="180621" spans="8:8">
      <c r="H180621" s="12"/>
    </row>
    <row r="180622" spans="8:8">
      <c r="H180622" s="12"/>
    </row>
    <row r="180623" spans="8:8">
      <c r="H180623" s="12"/>
    </row>
    <row r="180624" spans="8:8">
      <c r="H180624" s="12"/>
    </row>
    <row r="180625" spans="8:8">
      <c r="H180625" s="12"/>
    </row>
    <row r="180626" spans="8:8">
      <c r="H180626" s="12"/>
    </row>
    <row r="180627" spans="8:8">
      <c r="H180627" s="12"/>
    </row>
    <row r="180628" spans="8:8">
      <c r="H180628" s="12"/>
    </row>
    <row r="180629" spans="8:8">
      <c r="H180629" s="12"/>
    </row>
    <row r="180630" spans="8:8">
      <c r="H180630" s="12"/>
    </row>
    <row r="180631" spans="8:8">
      <c r="H180631" s="12"/>
    </row>
    <row r="180632" spans="8:8">
      <c r="H180632" s="12"/>
    </row>
    <row r="180633" spans="8:8">
      <c r="H180633" s="12"/>
    </row>
    <row r="180634" spans="8:8">
      <c r="H180634" s="12"/>
    </row>
    <row r="180635" spans="8:8">
      <c r="H180635" s="12"/>
    </row>
    <row r="180636" spans="8:8">
      <c r="H180636" s="12"/>
    </row>
    <row r="180637" spans="8:8">
      <c r="H180637" s="12"/>
    </row>
    <row r="180638" spans="8:8">
      <c r="H180638" s="12"/>
    </row>
    <row r="180639" spans="8:8">
      <c r="H180639" s="12"/>
    </row>
    <row r="180640" spans="8:8">
      <c r="H180640" s="12"/>
    </row>
    <row r="180641" spans="8:8">
      <c r="H180641" s="12"/>
    </row>
    <row r="180642" spans="8:8">
      <c r="H180642" s="12"/>
    </row>
    <row r="180643" spans="8:8">
      <c r="H180643" s="12"/>
    </row>
    <row r="180644" spans="8:8">
      <c r="H180644" s="12"/>
    </row>
    <row r="180645" spans="8:8">
      <c r="H180645" s="12"/>
    </row>
    <row r="180646" spans="8:8">
      <c r="H180646" s="12"/>
    </row>
    <row r="180647" spans="8:8">
      <c r="H180647" s="12"/>
    </row>
    <row r="180648" spans="8:8">
      <c r="H180648" s="12"/>
    </row>
    <row r="180649" spans="8:8">
      <c r="H180649" s="12"/>
    </row>
    <row r="180650" spans="8:8">
      <c r="H180650" s="12"/>
    </row>
    <row r="180651" spans="8:8">
      <c r="H180651" s="12"/>
    </row>
    <row r="180652" spans="8:8">
      <c r="H180652" s="12"/>
    </row>
    <row r="180653" spans="8:8">
      <c r="H180653" s="12"/>
    </row>
    <row r="180654" spans="8:8">
      <c r="H180654" s="12"/>
    </row>
    <row r="180655" spans="8:8">
      <c r="H180655" s="12"/>
    </row>
    <row r="180656" spans="8:8">
      <c r="H180656" s="12"/>
    </row>
    <row r="180657" spans="8:8">
      <c r="H180657" s="12"/>
    </row>
    <row r="180658" spans="8:8">
      <c r="H180658" s="12"/>
    </row>
    <row r="180659" spans="8:8">
      <c r="H180659" s="12"/>
    </row>
    <row r="180660" spans="8:8">
      <c r="H180660" s="12"/>
    </row>
    <row r="180661" spans="8:8">
      <c r="H180661" s="12"/>
    </row>
    <row r="180662" spans="8:8">
      <c r="H180662" s="12"/>
    </row>
    <row r="180663" spans="8:8">
      <c r="H180663" s="12"/>
    </row>
    <row r="180664" spans="8:8">
      <c r="H180664" s="12"/>
    </row>
    <row r="180665" spans="8:8">
      <c r="H180665" s="12"/>
    </row>
    <row r="180666" spans="8:8">
      <c r="H180666" s="12"/>
    </row>
    <row r="180667" spans="8:8">
      <c r="H180667" s="12"/>
    </row>
    <row r="180668" spans="8:8">
      <c r="H180668" s="12"/>
    </row>
    <row r="180669" spans="8:8">
      <c r="H180669" s="12"/>
    </row>
    <row r="180670" spans="8:8">
      <c r="H180670" s="12"/>
    </row>
    <row r="180671" spans="8:8">
      <c r="H180671" s="12"/>
    </row>
    <row r="180672" spans="8:8">
      <c r="H180672" s="12"/>
    </row>
    <row r="180673" spans="8:8">
      <c r="H180673" s="12"/>
    </row>
    <row r="180674" spans="8:8">
      <c r="H180674" s="12"/>
    </row>
    <row r="180675" spans="8:8">
      <c r="H180675" s="12"/>
    </row>
    <row r="180676" spans="8:8">
      <c r="H180676" s="12"/>
    </row>
    <row r="180677" spans="8:8">
      <c r="H180677" s="12"/>
    </row>
    <row r="180678" spans="8:8">
      <c r="H180678" s="12"/>
    </row>
    <row r="180679" spans="8:8">
      <c r="H180679" s="12"/>
    </row>
    <row r="180680" spans="8:8">
      <c r="H180680" s="12"/>
    </row>
    <row r="180681" spans="8:8">
      <c r="H180681" s="12"/>
    </row>
    <row r="180682" spans="8:8">
      <c r="H180682" s="12"/>
    </row>
    <row r="180683" spans="8:8">
      <c r="H180683" s="12"/>
    </row>
    <row r="180684" spans="8:8">
      <c r="H180684" s="12"/>
    </row>
    <row r="180685" spans="8:8">
      <c r="H180685" s="12"/>
    </row>
    <row r="180686" spans="8:8">
      <c r="H180686" s="12"/>
    </row>
    <row r="180687" spans="8:8">
      <c r="H180687" s="12"/>
    </row>
    <row r="180688" spans="8:8">
      <c r="H180688" s="12"/>
    </row>
    <row r="180689" spans="8:8">
      <c r="H180689" s="12"/>
    </row>
    <row r="180690" spans="8:8">
      <c r="H180690" s="12"/>
    </row>
    <row r="180691" spans="8:8">
      <c r="H180691" s="12"/>
    </row>
    <row r="180692" spans="8:8">
      <c r="H180692" s="12"/>
    </row>
    <row r="180693" spans="8:8">
      <c r="H180693" s="12"/>
    </row>
    <row r="180694" spans="8:8">
      <c r="H180694" s="12"/>
    </row>
    <row r="180695" spans="8:8">
      <c r="H180695" s="12"/>
    </row>
    <row r="180696" spans="8:8">
      <c r="H180696" s="12"/>
    </row>
    <row r="180697" spans="8:8">
      <c r="H180697" s="12"/>
    </row>
    <row r="180698" spans="8:8">
      <c r="H180698" s="12"/>
    </row>
    <row r="180699" spans="8:8">
      <c r="H180699" s="12"/>
    </row>
    <row r="180700" spans="8:8">
      <c r="H180700" s="12"/>
    </row>
    <row r="180701" spans="8:8">
      <c r="H180701" s="12"/>
    </row>
    <row r="180702" spans="8:8">
      <c r="H180702" s="12"/>
    </row>
    <row r="180703" spans="8:8">
      <c r="H180703" s="12"/>
    </row>
    <row r="180704" spans="8:8">
      <c r="H180704" s="12"/>
    </row>
    <row r="180705" spans="8:8">
      <c r="H180705" s="12"/>
    </row>
    <row r="180706" spans="8:8">
      <c r="H180706" s="12"/>
    </row>
    <row r="180707" spans="8:8">
      <c r="H180707" s="12"/>
    </row>
    <row r="180708" spans="8:8">
      <c r="H180708" s="12"/>
    </row>
    <row r="180709" spans="8:8">
      <c r="H180709" s="12"/>
    </row>
    <row r="180710" spans="8:8">
      <c r="H180710" s="12"/>
    </row>
    <row r="180711" spans="8:8">
      <c r="H180711" s="12"/>
    </row>
    <row r="180712" spans="8:8">
      <c r="H180712" s="12"/>
    </row>
    <row r="180713" spans="8:8">
      <c r="H180713" s="12"/>
    </row>
    <row r="180714" spans="8:8">
      <c r="H180714" s="12"/>
    </row>
    <row r="180715" spans="8:8">
      <c r="H180715" s="12"/>
    </row>
    <row r="180716" spans="8:8">
      <c r="H180716" s="12"/>
    </row>
    <row r="180717" spans="8:8">
      <c r="H180717" s="12"/>
    </row>
    <row r="180718" spans="8:8">
      <c r="H180718" s="12"/>
    </row>
    <row r="180719" spans="8:8">
      <c r="H180719" s="12"/>
    </row>
    <row r="180720" spans="8:8">
      <c r="H180720" s="12"/>
    </row>
    <row r="180721" spans="8:8">
      <c r="H180721" s="12"/>
    </row>
    <row r="180722" spans="8:8">
      <c r="H180722" s="12"/>
    </row>
    <row r="180723" spans="8:8">
      <c r="H180723" s="12"/>
    </row>
    <row r="180724" spans="8:8">
      <c r="H180724" s="12"/>
    </row>
    <row r="180725" spans="8:8">
      <c r="H180725" s="12"/>
    </row>
    <row r="180726" spans="8:8">
      <c r="H180726" s="12"/>
    </row>
    <row r="180727" spans="8:8">
      <c r="H180727" s="12"/>
    </row>
    <row r="180728" spans="8:8">
      <c r="H180728" s="12"/>
    </row>
    <row r="180729" spans="8:8">
      <c r="H180729" s="12"/>
    </row>
    <row r="180730" spans="8:8">
      <c r="H180730" s="12"/>
    </row>
    <row r="180731" spans="8:8">
      <c r="H180731" s="12"/>
    </row>
    <row r="180732" spans="8:8">
      <c r="H180732" s="12"/>
    </row>
    <row r="180733" spans="8:8">
      <c r="H180733" s="12"/>
    </row>
    <row r="180734" spans="8:8">
      <c r="H180734" s="12"/>
    </row>
    <row r="180735" spans="8:8">
      <c r="H180735" s="12"/>
    </row>
    <row r="180736" spans="8:8">
      <c r="H180736" s="12"/>
    </row>
    <row r="180737" spans="8:8">
      <c r="H180737" s="12"/>
    </row>
    <row r="180738" spans="8:8">
      <c r="H180738" s="12"/>
    </row>
    <row r="180739" spans="8:8">
      <c r="H180739" s="12"/>
    </row>
    <row r="180740" spans="8:8">
      <c r="H180740" s="12"/>
    </row>
    <row r="180741" spans="8:8">
      <c r="H180741" s="12"/>
    </row>
    <row r="180742" spans="8:8">
      <c r="H180742" s="12"/>
    </row>
    <row r="180743" spans="8:8">
      <c r="H180743" s="12"/>
    </row>
    <row r="180744" spans="8:8">
      <c r="H180744" s="12"/>
    </row>
    <row r="180745" spans="8:8">
      <c r="H180745" s="12"/>
    </row>
    <row r="180746" spans="8:8">
      <c r="H180746" s="12"/>
    </row>
    <row r="180747" spans="8:8">
      <c r="H180747" s="12"/>
    </row>
    <row r="180748" spans="8:8">
      <c r="H180748" s="12"/>
    </row>
    <row r="180749" spans="8:8">
      <c r="H180749" s="12"/>
    </row>
    <row r="180750" spans="8:8">
      <c r="H180750" s="12"/>
    </row>
    <row r="180751" spans="8:8">
      <c r="H180751" s="12"/>
    </row>
    <row r="180752" spans="8:8">
      <c r="H180752" s="12"/>
    </row>
    <row r="180753" spans="8:8">
      <c r="H180753" s="12"/>
    </row>
    <row r="180754" spans="8:8">
      <c r="H180754" s="12"/>
    </row>
    <row r="180755" spans="8:8">
      <c r="H180755" s="12"/>
    </row>
    <row r="180756" spans="8:8">
      <c r="H180756" s="12"/>
    </row>
    <row r="180757" spans="8:8">
      <c r="H180757" s="12"/>
    </row>
    <row r="180758" spans="8:8">
      <c r="H180758" s="12"/>
    </row>
    <row r="180759" spans="8:8">
      <c r="H180759" s="12"/>
    </row>
    <row r="180760" spans="8:8">
      <c r="H180760" s="12"/>
    </row>
    <row r="180761" spans="8:8">
      <c r="H180761" s="12"/>
    </row>
    <row r="180762" spans="8:8">
      <c r="H180762" s="12"/>
    </row>
    <row r="180763" spans="8:8">
      <c r="H180763" s="12"/>
    </row>
    <row r="180764" spans="8:8">
      <c r="H180764" s="12"/>
    </row>
    <row r="180765" spans="8:8">
      <c r="H180765" s="12"/>
    </row>
    <row r="180766" spans="8:8">
      <c r="H180766" s="12"/>
    </row>
    <row r="180767" spans="8:8">
      <c r="H180767" s="12"/>
    </row>
    <row r="180768" spans="8:8">
      <c r="H180768" s="12"/>
    </row>
    <row r="180769" spans="8:8">
      <c r="H180769" s="12"/>
    </row>
    <row r="180770" spans="8:8">
      <c r="H180770" s="12"/>
    </row>
    <row r="180771" spans="8:8">
      <c r="H180771" s="12"/>
    </row>
    <row r="180772" spans="8:8">
      <c r="H180772" s="12"/>
    </row>
    <row r="180773" spans="8:8">
      <c r="H180773" s="12"/>
    </row>
    <row r="180774" spans="8:8">
      <c r="H180774" s="12"/>
    </row>
    <row r="180775" spans="8:8">
      <c r="H180775" s="12"/>
    </row>
    <row r="180776" spans="8:8">
      <c r="H180776" s="12"/>
    </row>
    <row r="180777" spans="8:8">
      <c r="H180777" s="12"/>
    </row>
    <row r="180778" spans="8:8">
      <c r="H180778" s="12"/>
    </row>
    <row r="180779" spans="8:8">
      <c r="H180779" s="12"/>
    </row>
    <row r="180780" spans="8:8">
      <c r="H180780" s="12"/>
    </row>
    <row r="180781" spans="8:8">
      <c r="H180781" s="12"/>
    </row>
    <row r="180782" spans="8:8">
      <c r="H180782" s="12"/>
    </row>
    <row r="180783" spans="8:8">
      <c r="H180783" s="12"/>
    </row>
    <row r="180784" spans="8:8">
      <c r="H180784" s="12"/>
    </row>
    <row r="180785" spans="8:8">
      <c r="H180785" s="12"/>
    </row>
    <row r="180786" spans="8:8">
      <c r="H180786" s="12"/>
    </row>
    <row r="180787" spans="8:8">
      <c r="H180787" s="12"/>
    </row>
    <row r="180788" spans="8:8">
      <c r="H180788" s="12"/>
    </row>
    <row r="180789" spans="8:8">
      <c r="H180789" s="12"/>
    </row>
    <row r="180790" spans="8:8">
      <c r="H180790" s="12"/>
    </row>
    <row r="180791" spans="8:8">
      <c r="H180791" s="12"/>
    </row>
    <row r="180792" spans="8:8">
      <c r="H180792" s="12"/>
    </row>
    <row r="180793" spans="8:8">
      <c r="H180793" s="12"/>
    </row>
    <row r="180794" spans="8:8">
      <c r="H180794" s="12"/>
    </row>
    <row r="180795" spans="8:8">
      <c r="H180795" s="12"/>
    </row>
    <row r="180796" spans="8:8">
      <c r="H180796" s="12"/>
    </row>
    <row r="180797" spans="8:8">
      <c r="H180797" s="12"/>
    </row>
    <row r="180798" spans="8:8">
      <c r="H180798" s="12"/>
    </row>
    <row r="180799" spans="8:8">
      <c r="H180799" s="12"/>
    </row>
    <row r="180800" spans="8:8">
      <c r="H180800" s="12"/>
    </row>
    <row r="180801" spans="8:8">
      <c r="H180801" s="12"/>
    </row>
    <row r="180802" spans="8:8">
      <c r="H180802" s="12"/>
    </row>
    <row r="180803" spans="8:8">
      <c r="H180803" s="12"/>
    </row>
    <row r="180804" spans="8:8">
      <c r="H180804" s="12"/>
    </row>
    <row r="180805" spans="8:8">
      <c r="H180805" s="12"/>
    </row>
    <row r="180806" spans="8:8">
      <c r="H180806" s="12"/>
    </row>
    <row r="180807" spans="8:8">
      <c r="H180807" s="12"/>
    </row>
    <row r="180808" spans="8:8">
      <c r="H180808" s="12"/>
    </row>
    <row r="180809" spans="8:8">
      <c r="H180809" s="12"/>
    </row>
    <row r="180810" spans="8:8">
      <c r="H180810" s="12"/>
    </row>
    <row r="180811" spans="8:8">
      <c r="H180811" s="12"/>
    </row>
    <row r="180812" spans="8:8">
      <c r="H180812" s="12"/>
    </row>
    <row r="180813" spans="8:8">
      <c r="H180813" s="12"/>
    </row>
    <row r="180814" spans="8:8">
      <c r="H180814" s="12"/>
    </row>
    <row r="180815" spans="8:8">
      <c r="H180815" s="12"/>
    </row>
    <row r="180816" spans="8:8">
      <c r="H180816" s="12"/>
    </row>
    <row r="180817" spans="8:8">
      <c r="H180817" s="12"/>
    </row>
    <row r="180818" spans="8:8">
      <c r="H180818" s="12"/>
    </row>
    <row r="180819" spans="8:8">
      <c r="H180819" s="12"/>
    </row>
    <row r="180820" spans="8:8">
      <c r="H180820" s="12"/>
    </row>
    <row r="180821" spans="8:8">
      <c r="H180821" s="12"/>
    </row>
    <row r="180822" spans="8:8">
      <c r="H180822" s="12"/>
    </row>
    <row r="180823" spans="8:8">
      <c r="H180823" s="12"/>
    </row>
    <row r="180824" spans="8:8">
      <c r="H180824" s="12"/>
    </row>
    <row r="180825" spans="8:8">
      <c r="H180825" s="12"/>
    </row>
    <row r="180826" spans="8:8">
      <c r="H180826" s="12"/>
    </row>
    <row r="180827" spans="8:8">
      <c r="H180827" s="12"/>
    </row>
    <row r="180828" spans="8:8">
      <c r="H180828" s="12"/>
    </row>
    <row r="180829" spans="8:8">
      <c r="H180829" s="12"/>
    </row>
    <row r="180830" spans="8:8">
      <c r="H180830" s="12"/>
    </row>
    <row r="180831" spans="8:8">
      <c r="H180831" s="12"/>
    </row>
    <row r="180832" spans="8:8">
      <c r="H180832" s="12"/>
    </row>
    <row r="180833" spans="8:8">
      <c r="H180833" s="12"/>
    </row>
    <row r="180834" spans="8:8">
      <c r="H180834" s="12"/>
    </row>
    <row r="180835" spans="8:8">
      <c r="H180835" s="12"/>
    </row>
    <row r="180836" spans="8:8">
      <c r="H180836" s="12"/>
    </row>
    <row r="180837" spans="8:8">
      <c r="H180837" s="12"/>
    </row>
    <row r="180838" spans="8:8">
      <c r="H180838" s="12"/>
    </row>
    <row r="180839" spans="8:8">
      <c r="H180839" s="12"/>
    </row>
    <row r="180840" spans="8:8">
      <c r="H180840" s="12"/>
    </row>
    <row r="180841" spans="8:8">
      <c r="H180841" s="12"/>
    </row>
    <row r="180842" spans="8:8">
      <c r="H180842" s="12"/>
    </row>
    <row r="180843" spans="8:8">
      <c r="H180843" s="12"/>
    </row>
    <row r="180844" spans="8:8">
      <c r="H180844" s="12"/>
    </row>
    <row r="180845" spans="8:8">
      <c r="H180845" s="12"/>
    </row>
    <row r="180846" spans="8:8">
      <c r="H180846" s="12"/>
    </row>
    <row r="180847" spans="8:8">
      <c r="H180847" s="12"/>
    </row>
    <row r="180848" spans="8:8">
      <c r="H180848" s="12"/>
    </row>
    <row r="180849" spans="8:8">
      <c r="H180849" s="12"/>
    </row>
    <row r="180850" spans="8:8">
      <c r="H180850" s="12"/>
    </row>
    <row r="180851" spans="8:8">
      <c r="H180851" s="12"/>
    </row>
    <row r="180852" spans="8:8">
      <c r="H180852" s="12"/>
    </row>
    <row r="180853" spans="8:8">
      <c r="H180853" s="12"/>
    </row>
    <row r="180854" spans="8:8">
      <c r="H180854" s="12"/>
    </row>
    <row r="180855" spans="8:8">
      <c r="H180855" s="12"/>
    </row>
    <row r="180856" spans="8:8">
      <c r="H180856" s="12"/>
    </row>
    <row r="180857" spans="8:8">
      <c r="H180857" s="12"/>
    </row>
    <row r="180858" spans="8:8">
      <c r="H180858" s="12"/>
    </row>
    <row r="180859" spans="8:8">
      <c r="H180859" s="12"/>
    </row>
    <row r="180860" spans="8:8">
      <c r="H180860" s="12"/>
    </row>
    <row r="180861" spans="8:8">
      <c r="H180861" s="12"/>
    </row>
    <row r="180862" spans="8:8">
      <c r="H180862" s="12"/>
    </row>
    <row r="180863" spans="8:8">
      <c r="H180863" s="12"/>
    </row>
    <row r="180864" spans="8:8">
      <c r="H180864" s="12"/>
    </row>
    <row r="180865" spans="8:8">
      <c r="H180865" s="12"/>
    </row>
    <row r="180866" spans="8:8">
      <c r="H180866" s="12"/>
    </row>
    <row r="180867" spans="8:8">
      <c r="H180867" s="12"/>
    </row>
    <row r="180868" spans="8:8">
      <c r="H180868" s="12"/>
    </row>
    <row r="180869" spans="8:8">
      <c r="H180869" s="12"/>
    </row>
    <row r="180870" spans="8:8">
      <c r="H180870" s="12"/>
    </row>
    <row r="180871" spans="8:8">
      <c r="H180871" s="12"/>
    </row>
    <row r="180872" spans="8:8">
      <c r="H180872" s="12"/>
    </row>
    <row r="180873" spans="8:8">
      <c r="H180873" s="12"/>
    </row>
    <row r="180874" spans="8:8">
      <c r="H180874" s="12"/>
    </row>
    <row r="180875" spans="8:8">
      <c r="H180875" s="12"/>
    </row>
    <row r="180876" spans="8:8">
      <c r="H180876" s="12"/>
    </row>
    <row r="180877" spans="8:8">
      <c r="H180877" s="12"/>
    </row>
    <row r="180878" spans="8:8">
      <c r="H180878" s="12"/>
    </row>
    <row r="180879" spans="8:8">
      <c r="H180879" s="12"/>
    </row>
    <row r="180880" spans="8:8">
      <c r="H180880" s="12"/>
    </row>
    <row r="180881" spans="8:8">
      <c r="H180881" s="12"/>
    </row>
    <row r="180882" spans="8:8">
      <c r="H180882" s="12"/>
    </row>
    <row r="180883" spans="8:8">
      <c r="H180883" s="12"/>
    </row>
    <row r="180884" spans="8:8">
      <c r="H180884" s="12"/>
    </row>
    <row r="180885" spans="8:8">
      <c r="H180885" s="12"/>
    </row>
    <row r="180886" spans="8:8">
      <c r="H180886" s="12"/>
    </row>
    <row r="180887" spans="8:8">
      <c r="H180887" s="12"/>
    </row>
    <row r="180888" spans="8:8">
      <c r="H180888" s="12"/>
    </row>
    <row r="180889" spans="8:8">
      <c r="H180889" s="12"/>
    </row>
    <row r="180890" spans="8:8">
      <c r="H180890" s="12"/>
    </row>
    <row r="180891" spans="8:8">
      <c r="H180891" s="12"/>
    </row>
    <row r="180892" spans="8:8">
      <c r="H180892" s="12"/>
    </row>
    <row r="180893" spans="8:8">
      <c r="H180893" s="12"/>
    </row>
    <row r="180894" spans="8:8">
      <c r="H180894" s="12"/>
    </row>
    <row r="180895" spans="8:8">
      <c r="H180895" s="12"/>
    </row>
    <row r="180896" spans="8:8">
      <c r="H180896" s="12"/>
    </row>
    <row r="180897" spans="8:8">
      <c r="H180897" s="12"/>
    </row>
    <row r="180898" spans="8:8">
      <c r="H180898" s="12"/>
    </row>
    <row r="180899" spans="8:8">
      <c r="H180899" s="12"/>
    </row>
    <row r="180900" spans="8:8">
      <c r="H180900" s="12"/>
    </row>
    <row r="180901" spans="8:8">
      <c r="H180901" s="12"/>
    </row>
    <row r="180902" spans="8:8">
      <c r="H180902" s="12"/>
    </row>
    <row r="180903" spans="8:8">
      <c r="H180903" s="12"/>
    </row>
    <row r="180904" spans="8:8">
      <c r="H180904" s="12"/>
    </row>
    <row r="180905" spans="8:8">
      <c r="H180905" s="12"/>
    </row>
    <row r="180906" spans="8:8">
      <c r="H180906" s="12"/>
    </row>
    <row r="180907" spans="8:8">
      <c r="H180907" s="12"/>
    </row>
    <row r="180908" spans="8:8">
      <c r="H180908" s="12"/>
    </row>
    <row r="180909" spans="8:8">
      <c r="H180909" s="12"/>
    </row>
    <row r="180910" spans="8:8">
      <c r="H180910" s="12"/>
    </row>
    <row r="180911" spans="8:8">
      <c r="H180911" s="12"/>
    </row>
    <row r="180912" spans="8:8">
      <c r="H180912" s="12"/>
    </row>
    <row r="180913" spans="8:8">
      <c r="H180913" s="12"/>
    </row>
    <row r="180914" spans="8:8">
      <c r="H180914" s="12"/>
    </row>
    <row r="180915" spans="8:8">
      <c r="H180915" s="12"/>
    </row>
    <row r="180916" spans="8:8">
      <c r="H180916" s="12"/>
    </row>
    <row r="180917" spans="8:8">
      <c r="H180917" s="12"/>
    </row>
    <row r="180918" spans="8:8">
      <c r="H180918" s="12"/>
    </row>
    <row r="180919" spans="8:8">
      <c r="H180919" s="12"/>
    </row>
    <row r="180920" spans="8:8">
      <c r="H180920" s="12"/>
    </row>
    <row r="180921" spans="8:8">
      <c r="H180921" s="12"/>
    </row>
    <row r="180922" spans="8:8">
      <c r="H180922" s="12"/>
    </row>
    <row r="180923" spans="8:8">
      <c r="H180923" s="12"/>
    </row>
    <row r="180924" spans="8:8">
      <c r="H180924" s="12"/>
    </row>
    <row r="180925" spans="8:8">
      <c r="H180925" s="12"/>
    </row>
    <row r="180926" spans="8:8">
      <c r="H180926" s="12"/>
    </row>
    <row r="180927" spans="8:8">
      <c r="H180927" s="12"/>
    </row>
    <row r="180928" spans="8:8">
      <c r="H180928" s="12"/>
    </row>
    <row r="180929" spans="8:8">
      <c r="H180929" s="12"/>
    </row>
    <row r="180930" spans="8:8">
      <c r="H180930" s="12"/>
    </row>
    <row r="180931" spans="8:8">
      <c r="H180931" s="12"/>
    </row>
    <row r="180932" spans="8:8">
      <c r="H180932" s="12"/>
    </row>
    <row r="180933" spans="8:8">
      <c r="H180933" s="12"/>
    </row>
    <row r="180934" spans="8:8">
      <c r="H180934" s="12"/>
    </row>
    <row r="180935" spans="8:8">
      <c r="H180935" s="12"/>
    </row>
    <row r="180936" spans="8:8">
      <c r="H180936" s="12"/>
    </row>
    <row r="180937" spans="8:8">
      <c r="H180937" s="12"/>
    </row>
    <row r="180938" spans="8:8">
      <c r="H180938" s="12"/>
    </row>
    <row r="180939" spans="8:8">
      <c r="H180939" s="12"/>
    </row>
    <row r="180940" spans="8:8">
      <c r="H180940" s="12"/>
    </row>
    <row r="180941" spans="8:8">
      <c r="H180941" s="12"/>
    </row>
    <row r="180942" spans="8:8">
      <c r="H180942" s="12"/>
    </row>
    <row r="180943" spans="8:8">
      <c r="H180943" s="12"/>
    </row>
    <row r="180944" spans="8:8">
      <c r="H180944" s="12"/>
    </row>
    <row r="180945" spans="8:8">
      <c r="H180945" s="12"/>
    </row>
    <row r="180946" spans="8:8">
      <c r="H180946" s="12"/>
    </row>
    <row r="180947" spans="8:8">
      <c r="H180947" s="12"/>
    </row>
    <row r="180948" spans="8:8">
      <c r="H180948" s="12"/>
    </row>
    <row r="180949" spans="8:8">
      <c r="H180949" s="12"/>
    </row>
    <row r="180950" spans="8:8">
      <c r="H180950" s="12"/>
    </row>
    <row r="180951" spans="8:8">
      <c r="H180951" s="12"/>
    </row>
    <row r="180952" spans="8:8">
      <c r="H180952" s="12"/>
    </row>
    <row r="180953" spans="8:8">
      <c r="H180953" s="12"/>
    </row>
    <row r="180954" spans="8:8">
      <c r="H180954" s="12"/>
    </row>
    <row r="180955" spans="8:8">
      <c r="H180955" s="12"/>
    </row>
    <row r="180956" spans="8:8">
      <c r="H180956" s="12"/>
    </row>
    <row r="180957" spans="8:8">
      <c r="H180957" s="12"/>
    </row>
    <row r="180958" spans="8:8">
      <c r="H180958" s="12"/>
    </row>
    <row r="180959" spans="8:8">
      <c r="H180959" s="12"/>
    </row>
    <row r="180960" spans="8:8">
      <c r="H180960" s="12"/>
    </row>
    <row r="180961" spans="8:8">
      <c r="H180961" s="12"/>
    </row>
    <row r="180962" spans="8:8">
      <c r="H180962" s="12"/>
    </row>
    <row r="180963" spans="8:8">
      <c r="H180963" s="12"/>
    </row>
    <row r="180964" spans="8:8">
      <c r="H180964" s="12"/>
    </row>
    <row r="180965" spans="8:8">
      <c r="H180965" s="12"/>
    </row>
    <row r="180966" spans="8:8">
      <c r="H180966" s="12"/>
    </row>
    <row r="180967" spans="8:8">
      <c r="H180967" s="12"/>
    </row>
    <row r="180968" spans="8:8">
      <c r="H180968" s="12"/>
    </row>
    <row r="180969" spans="8:8">
      <c r="H180969" s="12"/>
    </row>
    <row r="180970" spans="8:8">
      <c r="H180970" s="12"/>
    </row>
    <row r="180971" spans="8:8">
      <c r="H180971" s="12"/>
    </row>
    <row r="180972" spans="8:8">
      <c r="H180972" s="12"/>
    </row>
    <row r="180973" spans="8:8">
      <c r="H180973" s="12"/>
    </row>
    <row r="180974" spans="8:8">
      <c r="H180974" s="12"/>
    </row>
    <row r="180975" spans="8:8">
      <c r="H180975" s="12"/>
    </row>
    <row r="180976" spans="8:8">
      <c r="H180976" s="12"/>
    </row>
    <row r="180977" spans="8:8">
      <c r="H180977" s="12"/>
    </row>
    <row r="180978" spans="8:8">
      <c r="H180978" s="12"/>
    </row>
    <row r="180979" spans="8:8">
      <c r="H180979" s="12"/>
    </row>
    <row r="180980" spans="8:8">
      <c r="H180980" s="12"/>
    </row>
    <row r="180981" spans="8:8">
      <c r="H180981" s="12"/>
    </row>
    <row r="180982" spans="8:8">
      <c r="H180982" s="12"/>
    </row>
    <row r="180983" spans="8:8">
      <c r="H180983" s="12"/>
    </row>
    <row r="180984" spans="8:8">
      <c r="H180984" s="12"/>
    </row>
    <row r="180985" spans="8:8">
      <c r="H180985" s="12"/>
    </row>
    <row r="180986" spans="8:8">
      <c r="H180986" s="12"/>
    </row>
    <row r="180987" spans="8:8">
      <c r="H180987" s="12"/>
    </row>
    <row r="180988" spans="8:8">
      <c r="H180988" s="12"/>
    </row>
    <row r="180989" spans="8:8">
      <c r="H180989" s="12"/>
    </row>
    <row r="180990" spans="8:8">
      <c r="H180990" s="12"/>
    </row>
    <row r="180991" spans="8:8">
      <c r="H180991" s="12"/>
    </row>
    <row r="180992" spans="8:8">
      <c r="H180992" s="12"/>
    </row>
    <row r="180993" spans="8:8">
      <c r="H180993" s="12"/>
    </row>
    <row r="180994" spans="8:8">
      <c r="H180994" s="12"/>
    </row>
    <row r="180995" spans="8:8">
      <c r="H180995" s="12"/>
    </row>
    <row r="180996" spans="8:8">
      <c r="H180996" s="12"/>
    </row>
    <row r="180997" spans="8:8">
      <c r="H180997" s="12"/>
    </row>
    <row r="180998" spans="8:8">
      <c r="H180998" s="12"/>
    </row>
    <row r="180999" spans="8:8">
      <c r="H180999" s="12"/>
    </row>
    <row r="181000" spans="8:8">
      <c r="H181000" s="12"/>
    </row>
    <row r="181001" spans="8:8">
      <c r="H181001" s="12"/>
    </row>
    <row r="181002" spans="8:8">
      <c r="H181002" s="12"/>
    </row>
    <row r="181003" spans="8:8">
      <c r="H181003" s="12"/>
    </row>
    <row r="181004" spans="8:8">
      <c r="H181004" s="12"/>
    </row>
    <row r="181005" spans="8:8">
      <c r="H181005" s="12"/>
    </row>
    <row r="181006" spans="8:8">
      <c r="H181006" s="12"/>
    </row>
    <row r="181007" spans="8:8">
      <c r="H181007" s="12"/>
    </row>
    <row r="181008" spans="8:8">
      <c r="H181008" s="12"/>
    </row>
    <row r="181009" spans="8:8">
      <c r="H181009" s="12"/>
    </row>
    <row r="181010" spans="8:8">
      <c r="H181010" s="12"/>
    </row>
    <row r="181011" spans="8:8">
      <c r="H181011" s="12"/>
    </row>
    <row r="181012" spans="8:8">
      <c r="H181012" s="12"/>
    </row>
    <row r="181013" spans="8:8">
      <c r="H181013" s="12"/>
    </row>
    <row r="181014" spans="8:8">
      <c r="H181014" s="12"/>
    </row>
    <row r="181015" spans="8:8">
      <c r="H181015" s="12"/>
    </row>
    <row r="181016" spans="8:8">
      <c r="H181016" s="12"/>
    </row>
    <row r="181017" spans="8:8">
      <c r="H181017" s="12"/>
    </row>
    <row r="181018" spans="8:8">
      <c r="H181018" s="12"/>
    </row>
    <row r="181019" spans="8:8">
      <c r="H181019" s="12"/>
    </row>
    <row r="181020" spans="8:8">
      <c r="H181020" s="12"/>
    </row>
    <row r="181021" spans="8:8">
      <c r="H181021" s="12"/>
    </row>
    <row r="181022" spans="8:8">
      <c r="H181022" s="12"/>
    </row>
    <row r="181023" spans="8:8">
      <c r="H181023" s="12"/>
    </row>
    <row r="181024" spans="8:8">
      <c r="H181024" s="12"/>
    </row>
    <row r="181025" spans="8:8">
      <c r="H181025" s="12"/>
    </row>
    <row r="181026" spans="8:8">
      <c r="H181026" s="12"/>
    </row>
    <row r="181027" spans="8:8">
      <c r="H181027" s="12"/>
    </row>
    <row r="181028" spans="8:8">
      <c r="H181028" s="12"/>
    </row>
    <row r="181029" spans="8:8">
      <c r="H181029" s="12"/>
    </row>
    <row r="181030" spans="8:8">
      <c r="H181030" s="12"/>
    </row>
    <row r="181031" spans="8:8">
      <c r="H181031" s="12"/>
    </row>
    <row r="181032" spans="8:8">
      <c r="H181032" s="12"/>
    </row>
    <row r="181033" spans="8:8">
      <c r="H181033" s="12"/>
    </row>
    <row r="181034" spans="8:8">
      <c r="H181034" s="12"/>
    </row>
    <row r="181035" spans="8:8">
      <c r="H181035" s="12"/>
    </row>
    <row r="181036" spans="8:8">
      <c r="H181036" s="12"/>
    </row>
    <row r="181037" spans="8:8">
      <c r="H181037" s="12"/>
    </row>
    <row r="181038" spans="8:8">
      <c r="H181038" s="12"/>
    </row>
    <row r="181039" spans="8:8">
      <c r="H181039" s="12"/>
    </row>
    <row r="181040" spans="8:8">
      <c r="H181040" s="12"/>
    </row>
    <row r="181041" spans="8:8">
      <c r="H181041" s="12"/>
    </row>
    <row r="181042" spans="8:8">
      <c r="H181042" s="12"/>
    </row>
    <row r="181043" spans="8:8">
      <c r="H181043" s="12"/>
    </row>
    <row r="181044" spans="8:8">
      <c r="H181044" s="12"/>
    </row>
    <row r="181045" spans="8:8">
      <c r="H181045" s="12"/>
    </row>
    <row r="181046" spans="8:8">
      <c r="H181046" s="12"/>
    </row>
    <row r="181047" spans="8:8">
      <c r="H181047" s="12"/>
    </row>
    <row r="181048" spans="8:8">
      <c r="H181048" s="12"/>
    </row>
    <row r="181049" spans="8:8">
      <c r="H181049" s="12"/>
    </row>
    <row r="181050" spans="8:8">
      <c r="H181050" s="12"/>
    </row>
    <row r="181051" spans="8:8">
      <c r="H181051" s="12"/>
    </row>
    <row r="181052" spans="8:8">
      <c r="H181052" s="12"/>
    </row>
    <row r="181053" spans="8:8">
      <c r="H181053" s="12"/>
    </row>
    <row r="181054" spans="8:8">
      <c r="H181054" s="12"/>
    </row>
    <row r="181055" spans="8:8">
      <c r="H181055" s="12"/>
    </row>
    <row r="181056" spans="8:8">
      <c r="H181056" s="12"/>
    </row>
    <row r="181057" spans="8:8">
      <c r="H181057" s="12"/>
    </row>
    <row r="181058" spans="8:8">
      <c r="H181058" s="12"/>
    </row>
    <row r="181059" spans="8:8">
      <c r="H181059" s="12"/>
    </row>
    <row r="181060" spans="8:8">
      <c r="H181060" s="12"/>
    </row>
    <row r="181061" spans="8:8">
      <c r="H181061" s="12"/>
    </row>
    <row r="181062" spans="8:8">
      <c r="H181062" s="12"/>
    </row>
    <row r="181063" spans="8:8">
      <c r="H181063" s="12"/>
    </row>
    <row r="181064" spans="8:8">
      <c r="H181064" s="12"/>
    </row>
    <row r="181065" spans="8:8">
      <c r="H181065" s="12"/>
    </row>
    <row r="181066" spans="8:8">
      <c r="H181066" s="12"/>
    </row>
    <row r="181067" spans="8:8">
      <c r="H181067" s="12"/>
    </row>
    <row r="181068" spans="8:8">
      <c r="H181068" s="12"/>
    </row>
    <row r="181069" spans="8:8">
      <c r="H181069" s="12"/>
    </row>
    <row r="181070" spans="8:8">
      <c r="H181070" s="12"/>
    </row>
    <row r="181071" spans="8:8">
      <c r="H181071" s="12"/>
    </row>
    <row r="181072" spans="8:8">
      <c r="H181072" s="12"/>
    </row>
    <row r="181073" spans="8:8">
      <c r="H181073" s="12"/>
    </row>
    <row r="181074" spans="8:8">
      <c r="H181074" s="12"/>
    </row>
    <row r="181075" spans="8:8">
      <c r="H181075" s="12"/>
    </row>
    <row r="181076" spans="8:8">
      <c r="H181076" s="12"/>
    </row>
    <row r="181077" spans="8:8">
      <c r="H181077" s="12"/>
    </row>
    <row r="181078" spans="8:8">
      <c r="H181078" s="12"/>
    </row>
    <row r="181079" spans="8:8">
      <c r="H181079" s="12"/>
    </row>
    <row r="181080" spans="8:8">
      <c r="H181080" s="12"/>
    </row>
    <row r="181081" spans="8:8">
      <c r="H181081" s="12"/>
    </row>
    <row r="181082" spans="8:8">
      <c r="H181082" s="12"/>
    </row>
    <row r="181083" spans="8:8">
      <c r="H181083" s="12"/>
    </row>
    <row r="181084" spans="8:8">
      <c r="H181084" s="12"/>
    </row>
    <row r="181085" spans="8:8">
      <c r="H181085" s="12"/>
    </row>
    <row r="181086" spans="8:8">
      <c r="H181086" s="12"/>
    </row>
    <row r="181087" spans="8:8">
      <c r="H181087" s="12"/>
    </row>
    <row r="181088" spans="8:8">
      <c r="H181088" s="12"/>
    </row>
    <row r="181089" spans="8:8">
      <c r="H181089" s="12"/>
    </row>
    <row r="181090" spans="8:8">
      <c r="H181090" s="12"/>
    </row>
    <row r="181091" spans="8:8">
      <c r="H181091" s="12"/>
    </row>
    <row r="181092" spans="8:8">
      <c r="H181092" s="12"/>
    </row>
    <row r="181093" spans="8:8">
      <c r="H181093" s="12"/>
    </row>
    <row r="181094" spans="8:8">
      <c r="H181094" s="12"/>
    </row>
    <row r="181095" spans="8:8">
      <c r="H181095" s="12"/>
    </row>
    <row r="181096" spans="8:8">
      <c r="H181096" s="12"/>
    </row>
    <row r="181097" spans="8:8">
      <c r="H181097" s="12"/>
    </row>
    <row r="181098" spans="8:8">
      <c r="H181098" s="12"/>
    </row>
    <row r="181099" spans="8:8">
      <c r="H181099" s="12"/>
    </row>
    <row r="181100" spans="8:8">
      <c r="H181100" s="12"/>
    </row>
    <row r="181101" spans="8:8">
      <c r="H181101" s="12"/>
    </row>
    <row r="181102" spans="8:8">
      <c r="H181102" s="12"/>
    </row>
    <row r="181103" spans="8:8">
      <c r="H181103" s="12"/>
    </row>
    <row r="181104" spans="8:8">
      <c r="H181104" s="12"/>
    </row>
    <row r="181105" spans="8:8">
      <c r="H181105" s="12"/>
    </row>
    <row r="181106" spans="8:8">
      <c r="H181106" s="12"/>
    </row>
    <row r="181107" spans="8:8">
      <c r="H181107" s="12"/>
    </row>
    <row r="181108" spans="8:8">
      <c r="H181108" s="12"/>
    </row>
    <row r="181109" spans="8:8">
      <c r="H181109" s="12"/>
    </row>
    <row r="181110" spans="8:8">
      <c r="H181110" s="12"/>
    </row>
    <row r="181111" spans="8:8">
      <c r="H181111" s="12"/>
    </row>
    <row r="181112" spans="8:8">
      <c r="H181112" s="12"/>
    </row>
    <row r="181113" spans="8:8">
      <c r="H181113" s="12"/>
    </row>
    <row r="181114" spans="8:8">
      <c r="H181114" s="12"/>
    </row>
    <row r="181115" spans="8:8">
      <c r="H181115" s="12"/>
    </row>
    <row r="181116" spans="8:8">
      <c r="H181116" s="12"/>
    </row>
    <row r="181117" spans="8:8">
      <c r="H181117" s="12"/>
    </row>
    <row r="181118" spans="8:8">
      <c r="H181118" s="12"/>
    </row>
    <row r="181119" spans="8:8">
      <c r="H181119" s="12"/>
    </row>
    <row r="181120" spans="8:8">
      <c r="H181120" s="12"/>
    </row>
    <row r="181121" spans="8:8">
      <c r="H181121" s="12"/>
    </row>
    <row r="181122" spans="8:8">
      <c r="H181122" s="12"/>
    </row>
    <row r="181123" spans="8:8">
      <c r="H181123" s="12"/>
    </row>
    <row r="181124" spans="8:8">
      <c r="H181124" s="12"/>
    </row>
    <row r="181125" spans="8:8">
      <c r="H181125" s="12"/>
    </row>
    <row r="181126" spans="8:8">
      <c r="H181126" s="12"/>
    </row>
    <row r="181127" spans="8:8">
      <c r="H181127" s="12"/>
    </row>
    <row r="181128" spans="8:8">
      <c r="H181128" s="12"/>
    </row>
    <row r="181129" spans="8:8">
      <c r="H181129" s="12"/>
    </row>
    <row r="181130" spans="8:8">
      <c r="H181130" s="12"/>
    </row>
    <row r="181131" spans="8:8">
      <c r="H181131" s="12"/>
    </row>
    <row r="181132" spans="8:8">
      <c r="H181132" s="12"/>
    </row>
    <row r="181133" spans="8:8">
      <c r="H181133" s="12"/>
    </row>
    <row r="181134" spans="8:8">
      <c r="H181134" s="12"/>
    </row>
    <row r="181135" spans="8:8">
      <c r="H181135" s="12"/>
    </row>
    <row r="181136" spans="8:8">
      <c r="H181136" s="12"/>
    </row>
    <row r="181137" spans="8:8">
      <c r="H181137" s="12"/>
    </row>
    <row r="181138" spans="8:8">
      <c r="H181138" s="12"/>
    </row>
    <row r="181139" spans="8:8">
      <c r="H181139" s="12"/>
    </row>
    <row r="181140" spans="8:8">
      <c r="H181140" s="12"/>
    </row>
    <row r="181141" spans="8:8">
      <c r="H181141" s="12"/>
    </row>
    <row r="181142" spans="8:8">
      <c r="H181142" s="12"/>
    </row>
    <row r="181143" spans="8:8">
      <c r="H181143" s="12"/>
    </row>
    <row r="181144" spans="8:8">
      <c r="H181144" s="12"/>
    </row>
    <row r="181145" spans="8:8">
      <c r="H181145" s="12"/>
    </row>
    <row r="181146" spans="8:8">
      <c r="H181146" s="12"/>
    </row>
    <row r="181147" spans="8:8">
      <c r="H181147" s="12"/>
    </row>
    <row r="181148" spans="8:8">
      <c r="H181148" s="12"/>
    </row>
    <row r="181149" spans="8:8">
      <c r="H181149" s="12"/>
    </row>
    <row r="181150" spans="8:8">
      <c r="H181150" s="12"/>
    </row>
    <row r="181151" spans="8:8">
      <c r="H181151" s="12"/>
    </row>
    <row r="181152" spans="8:8">
      <c r="H181152" s="12"/>
    </row>
    <row r="181153" spans="8:8">
      <c r="H181153" s="12"/>
    </row>
    <row r="181154" spans="8:8">
      <c r="H181154" s="12"/>
    </row>
    <row r="181155" spans="8:8">
      <c r="H181155" s="12"/>
    </row>
    <row r="181156" spans="8:8">
      <c r="H181156" s="12"/>
    </row>
    <row r="181157" spans="8:8">
      <c r="H181157" s="12"/>
    </row>
    <row r="181158" spans="8:8">
      <c r="H181158" s="12"/>
    </row>
    <row r="181159" spans="8:8">
      <c r="H181159" s="12"/>
    </row>
    <row r="181160" spans="8:8">
      <c r="H181160" s="12"/>
    </row>
    <row r="181161" spans="8:8">
      <c r="H181161" s="12"/>
    </row>
    <row r="181162" spans="8:8">
      <c r="H181162" s="12"/>
    </row>
    <row r="181163" spans="8:8">
      <c r="H181163" s="12"/>
    </row>
    <row r="181164" spans="8:8">
      <c r="H181164" s="12"/>
    </row>
    <row r="181165" spans="8:8">
      <c r="H181165" s="12"/>
    </row>
    <row r="181166" spans="8:8">
      <c r="H181166" s="12"/>
    </row>
    <row r="181167" spans="8:8">
      <c r="H181167" s="12"/>
    </row>
    <row r="181168" spans="8:8">
      <c r="H181168" s="12"/>
    </row>
    <row r="181169" spans="8:8">
      <c r="H181169" s="12"/>
    </row>
    <row r="181170" spans="8:8">
      <c r="H181170" s="12"/>
    </row>
    <row r="181171" spans="8:8">
      <c r="H181171" s="12"/>
    </row>
    <row r="181172" spans="8:8">
      <c r="H181172" s="12"/>
    </row>
    <row r="181173" spans="8:8">
      <c r="H181173" s="12"/>
    </row>
    <row r="181174" spans="8:8">
      <c r="H181174" s="12"/>
    </row>
    <row r="181175" spans="8:8">
      <c r="H181175" s="12"/>
    </row>
    <row r="181176" spans="8:8">
      <c r="H181176" s="12"/>
    </row>
    <row r="181177" spans="8:8">
      <c r="H181177" s="12"/>
    </row>
    <row r="181178" spans="8:8">
      <c r="H181178" s="12"/>
    </row>
    <row r="181179" spans="8:8">
      <c r="H181179" s="12"/>
    </row>
    <row r="181180" spans="8:8">
      <c r="H181180" s="12"/>
    </row>
    <row r="181181" spans="8:8">
      <c r="H181181" s="12"/>
    </row>
    <row r="181182" spans="8:8">
      <c r="H181182" s="12"/>
    </row>
    <row r="181183" spans="8:8">
      <c r="H181183" s="12"/>
    </row>
    <row r="181184" spans="8:8">
      <c r="H181184" s="12"/>
    </row>
    <row r="181185" spans="8:8">
      <c r="H181185" s="12"/>
    </row>
    <row r="181186" spans="8:8">
      <c r="H181186" s="12"/>
    </row>
    <row r="181187" spans="8:8">
      <c r="H181187" s="12"/>
    </row>
    <row r="181188" spans="8:8">
      <c r="H181188" s="12"/>
    </row>
    <row r="181189" spans="8:8">
      <c r="H181189" s="12"/>
    </row>
    <row r="181190" spans="8:8">
      <c r="H181190" s="12"/>
    </row>
    <row r="181191" spans="8:8">
      <c r="H181191" s="12"/>
    </row>
    <row r="181192" spans="8:8">
      <c r="H181192" s="12"/>
    </row>
    <row r="181193" spans="8:8">
      <c r="H181193" s="12"/>
    </row>
    <row r="181194" spans="8:8">
      <c r="H181194" s="12"/>
    </row>
    <row r="181195" spans="8:8">
      <c r="H181195" s="12"/>
    </row>
    <row r="181196" spans="8:8">
      <c r="H181196" s="12"/>
    </row>
    <row r="181197" spans="8:8">
      <c r="H181197" s="12"/>
    </row>
    <row r="181198" spans="8:8">
      <c r="H181198" s="12"/>
    </row>
    <row r="181199" spans="8:8">
      <c r="H181199" s="12"/>
    </row>
    <row r="181200" spans="8:8">
      <c r="H181200" s="12"/>
    </row>
    <row r="181201" spans="8:8">
      <c r="H181201" s="12"/>
    </row>
    <row r="181202" spans="8:8">
      <c r="H181202" s="12"/>
    </row>
    <row r="181203" spans="8:8">
      <c r="H181203" s="12"/>
    </row>
    <row r="181204" spans="8:8">
      <c r="H181204" s="12"/>
    </row>
    <row r="181205" spans="8:8">
      <c r="H181205" s="12"/>
    </row>
    <row r="181206" spans="8:8">
      <c r="H181206" s="12"/>
    </row>
    <row r="181207" spans="8:8">
      <c r="H181207" s="12"/>
    </row>
    <row r="181208" spans="8:8">
      <c r="H181208" s="12"/>
    </row>
    <row r="181209" spans="8:8">
      <c r="H181209" s="12"/>
    </row>
    <row r="181210" spans="8:8">
      <c r="H181210" s="12"/>
    </row>
    <row r="181211" spans="8:8">
      <c r="H181211" s="12"/>
    </row>
    <row r="181212" spans="8:8">
      <c r="H181212" s="12"/>
    </row>
    <row r="181213" spans="8:8">
      <c r="H181213" s="12"/>
    </row>
    <row r="181214" spans="8:8">
      <c r="H181214" s="12"/>
    </row>
    <row r="181215" spans="8:8">
      <c r="H181215" s="12"/>
    </row>
    <row r="181216" spans="8:8">
      <c r="H181216" s="12"/>
    </row>
    <row r="181217" spans="8:8">
      <c r="H181217" s="12"/>
    </row>
    <row r="181218" spans="8:8">
      <c r="H181218" s="12"/>
    </row>
    <row r="181219" spans="8:8">
      <c r="H181219" s="12"/>
    </row>
    <row r="181220" spans="8:8">
      <c r="H181220" s="12"/>
    </row>
    <row r="181221" spans="8:8">
      <c r="H181221" s="12"/>
    </row>
    <row r="181222" spans="8:8">
      <c r="H181222" s="12"/>
    </row>
    <row r="181223" spans="8:8">
      <c r="H181223" s="12"/>
    </row>
    <row r="181224" spans="8:8">
      <c r="H181224" s="12"/>
    </row>
    <row r="181225" spans="8:8">
      <c r="H181225" s="12"/>
    </row>
    <row r="181226" spans="8:8">
      <c r="H181226" s="12"/>
    </row>
    <row r="181227" spans="8:8">
      <c r="H181227" s="12"/>
    </row>
    <row r="181228" spans="8:8">
      <c r="H181228" s="12"/>
    </row>
    <row r="181229" spans="8:8">
      <c r="H181229" s="12"/>
    </row>
    <row r="181230" spans="8:8">
      <c r="H181230" s="12"/>
    </row>
    <row r="181231" spans="8:8">
      <c r="H181231" s="12"/>
    </row>
    <row r="181232" spans="8:8">
      <c r="H181232" s="12"/>
    </row>
    <row r="181233" spans="8:8">
      <c r="H181233" s="12"/>
    </row>
    <row r="181234" spans="8:8">
      <c r="H181234" s="12"/>
    </row>
    <row r="181235" spans="8:8">
      <c r="H181235" s="12"/>
    </row>
    <row r="181236" spans="8:8">
      <c r="H181236" s="12"/>
    </row>
    <row r="181237" spans="8:8">
      <c r="H181237" s="12"/>
    </row>
    <row r="181238" spans="8:8">
      <c r="H181238" s="12"/>
    </row>
    <row r="181239" spans="8:8">
      <c r="H181239" s="12"/>
    </row>
    <row r="181240" spans="8:8">
      <c r="H181240" s="12"/>
    </row>
    <row r="181241" spans="8:8">
      <c r="H181241" s="12"/>
    </row>
    <row r="181242" spans="8:8">
      <c r="H181242" s="12"/>
    </row>
    <row r="181243" spans="8:8">
      <c r="H181243" s="12"/>
    </row>
    <row r="181244" spans="8:8">
      <c r="H181244" s="12"/>
    </row>
    <row r="181245" spans="8:8">
      <c r="H181245" s="12"/>
    </row>
    <row r="181246" spans="8:8">
      <c r="H181246" s="12"/>
    </row>
    <row r="181247" spans="8:8">
      <c r="H181247" s="12"/>
    </row>
    <row r="181248" spans="8:8">
      <c r="H181248" s="12"/>
    </row>
    <row r="181249" spans="8:8">
      <c r="H181249" s="12"/>
    </row>
    <row r="181250" spans="8:8">
      <c r="H181250" s="12"/>
    </row>
    <row r="181251" spans="8:8">
      <c r="H181251" s="12"/>
    </row>
    <row r="181252" spans="8:8">
      <c r="H181252" s="12"/>
    </row>
    <row r="181253" spans="8:8">
      <c r="H181253" s="12"/>
    </row>
    <row r="181254" spans="8:8">
      <c r="H181254" s="12"/>
    </row>
    <row r="181255" spans="8:8">
      <c r="H181255" s="12"/>
    </row>
    <row r="181256" spans="8:8">
      <c r="H181256" s="12"/>
    </row>
    <row r="181257" spans="8:8">
      <c r="H181257" s="12"/>
    </row>
    <row r="181258" spans="8:8">
      <c r="H181258" s="12"/>
    </row>
    <row r="181259" spans="8:8">
      <c r="H181259" s="12"/>
    </row>
    <row r="181260" spans="8:8">
      <c r="H181260" s="12"/>
    </row>
    <row r="181261" spans="8:8">
      <c r="H181261" s="12"/>
    </row>
    <row r="181262" spans="8:8">
      <c r="H181262" s="12"/>
    </row>
    <row r="181263" spans="8:8">
      <c r="H181263" s="12"/>
    </row>
    <row r="181264" spans="8:8">
      <c r="H181264" s="12"/>
    </row>
    <row r="181265" spans="8:8">
      <c r="H181265" s="12"/>
    </row>
    <row r="181266" spans="8:8">
      <c r="H181266" s="12"/>
    </row>
    <row r="181267" spans="8:8">
      <c r="H181267" s="12"/>
    </row>
    <row r="181268" spans="8:8">
      <c r="H181268" s="12"/>
    </row>
    <row r="181269" spans="8:8">
      <c r="H181269" s="12"/>
    </row>
    <row r="181270" spans="8:8">
      <c r="H181270" s="12"/>
    </row>
    <row r="181271" spans="8:8">
      <c r="H181271" s="12"/>
    </row>
    <row r="181272" spans="8:8">
      <c r="H181272" s="12"/>
    </row>
    <row r="181273" spans="8:8">
      <c r="H181273" s="12"/>
    </row>
    <row r="181274" spans="8:8">
      <c r="H181274" s="12"/>
    </row>
    <row r="181275" spans="8:8">
      <c r="H181275" s="12"/>
    </row>
    <row r="181276" spans="8:8">
      <c r="H181276" s="12"/>
    </row>
    <row r="181277" spans="8:8">
      <c r="H181277" s="12"/>
    </row>
    <row r="181278" spans="8:8">
      <c r="H181278" s="12"/>
    </row>
    <row r="181279" spans="8:8">
      <c r="H181279" s="12"/>
    </row>
    <row r="181280" spans="8:8">
      <c r="H181280" s="12"/>
    </row>
    <row r="181281" spans="8:8">
      <c r="H181281" s="12"/>
    </row>
    <row r="181282" spans="8:8">
      <c r="H181282" s="12"/>
    </row>
    <row r="181283" spans="8:8">
      <c r="H181283" s="12"/>
    </row>
    <row r="181284" spans="8:8">
      <c r="H181284" s="12"/>
    </row>
    <row r="181285" spans="8:8">
      <c r="H181285" s="12"/>
    </row>
    <row r="181286" spans="8:8">
      <c r="H181286" s="12"/>
    </row>
    <row r="181287" spans="8:8">
      <c r="H181287" s="12"/>
    </row>
    <row r="181288" spans="8:8">
      <c r="H181288" s="12"/>
    </row>
    <row r="181289" spans="8:8">
      <c r="H181289" s="12"/>
    </row>
    <row r="181290" spans="8:8">
      <c r="H181290" s="12"/>
    </row>
    <row r="181291" spans="8:8">
      <c r="H181291" s="12"/>
    </row>
    <row r="181292" spans="8:8">
      <c r="H181292" s="12"/>
    </row>
    <row r="181293" spans="8:8">
      <c r="H181293" s="12"/>
    </row>
    <row r="181294" spans="8:8">
      <c r="H181294" s="12"/>
    </row>
    <row r="181295" spans="8:8">
      <c r="H181295" s="12"/>
    </row>
    <row r="181296" spans="8:8">
      <c r="H181296" s="12"/>
    </row>
    <row r="181297" spans="8:8">
      <c r="H181297" s="12"/>
    </row>
    <row r="181298" spans="8:8">
      <c r="H181298" s="12"/>
    </row>
    <row r="181299" spans="8:8">
      <c r="H181299" s="12"/>
    </row>
    <row r="181300" spans="8:8">
      <c r="H181300" s="12"/>
    </row>
    <row r="181301" spans="8:8">
      <c r="H181301" s="12"/>
    </row>
    <row r="181302" spans="8:8">
      <c r="H181302" s="12"/>
    </row>
    <row r="181303" spans="8:8">
      <c r="H181303" s="12"/>
    </row>
    <row r="181304" spans="8:8">
      <c r="H181304" s="12"/>
    </row>
    <row r="181305" spans="8:8">
      <c r="H181305" s="12"/>
    </row>
    <row r="181306" spans="8:8">
      <c r="H181306" s="12"/>
    </row>
    <row r="181307" spans="8:8">
      <c r="H181307" s="12"/>
    </row>
    <row r="181308" spans="8:8">
      <c r="H181308" s="12"/>
    </row>
    <row r="181309" spans="8:8">
      <c r="H181309" s="12"/>
    </row>
    <row r="181310" spans="8:8">
      <c r="H181310" s="12"/>
    </row>
    <row r="181311" spans="8:8">
      <c r="H181311" s="12"/>
    </row>
    <row r="181312" spans="8:8">
      <c r="H181312" s="12"/>
    </row>
    <row r="181313" spans="8:8">
      <c r="H181313" s="12"/>
    </row>
    <row r="181314" spans="8:8">
      <c r="H181314" s="12"/>
    </row>
    <row r="181315" spans="8:8">
      <c r="H181315" s="12"/>
    </row>
    <row r="181316" spans="8:8">
      <c r="H181316" s="12"/>
    </row>
    <row r="181317" spans="8:8">
      <c r="H181317" s="12"/>
    </row>
    <row r="181318" spans="8:8">
      <c r="H181318" s="12"/>
    </row>
    <row r="181319" spans="8:8">
      <c r="H181319" s="12"/>
    </row>
    <row r="181320" spans="8:8">
      <c r="H181320" s="12"/>
    </row>
    <row r="181321" spans="8:8">
      <c r="H181321" s="12"/>
    </row>
    <row r="181322" spans="8:8">
      <c r="H181322" s="12"/>
    </row>
    <row r="181323" spans="8:8">
      <c r="H181323" s="12"/>
    </row>
    <row r="181324" spans="8:8">
      <c r="H181324" s="12"/>
    </row>
    <row r="181325" spans="8:8">
      <c r="H181325" s="12"/>
    </row>
    <row r="181326" spans="8:8">
      <c r="H181326" s="12"/>
    </row>
    <row r="181327" spans="8:8">
      <c r="H181327" s="12"/>
    </row>
    <row r="181328" spans="8:8">
      <c r="H181328" s="12"/>
    </row>
    <row r="181329" spans="8:8">
      <c r="H181329" s="12"/>
    </row>
    <row r="181330" spans="8:8">
      <c r="H181330" s="12"/>
    </row>
    <row r="181331" spans="8:8">
      <c r="H181331" s="12"/>
    </row>
    <row r="181332" spans="8:8">
      <c r="H181332" s="12"/>
    </row>
    <row r="181333" spans="8:8">
      <c r="H181333" s="12"/>
    </row>
    <row r="181334" spans="8:8">
      <c r="H181334" s="12"/>
    </row>
    <row r="181335" spans="8:8">
      <c r="H181335" s="12"/>
    </row>
    <row r="181336" spans="8:8">
      <c r="H181336" s="12"/>
    </row>
    <row r="181337" spans="8:8">
      <c r="H181337" s="12"/>
    </row>
    <row r="181338" spans="8:8">
      <c r="H181338" s="12"/>
    </row>
    <row r="181339" spans="8:8">
      <c r="H181339" s="12"/>
    </row>
    <row r="181340" spans="8:8">
      <c r="H181340" s="12"/>
    </row>
    <row r="181341" spans="8:8">
      <c r="H181341" s="12"/>
    </row>
    <row r="181342" spans="8:8">
      <c r="H181342" s="12"/>
    </row>
    <row r="181343" spans="8:8">
      <c r="H181343" s="12"/>
    </row>
    <row r="181344" spans="8:8">
      <c r="H181344" s="12"/>
    </row>
    <row r="181345" spans="8:8">
      <c r="H181345" s="12"/>
    </row>
    <row r="181346" spans="8:8">
      <c r="H181346" s="12"/>
    </row>
    <row r="181347" spans="8:8">
      <c r="H181347" s="12"/>
    </row>
    <row r="181348" spans="8:8">
      <c r="H181348" s="12"/>
    </row>
    <row r="181349" spans="8:8">
      <c r="H181349" s="12"/>
    </row>
    <row r="181350" spans="8:8">
      <c r="H181350" s="12"/>
    </row>
    <row r="181351" spans="8:8">
      <c r="H181351" s="12"/>
    </row>
    <row r="181352" spans="8:8">
      <c r="H181352" s="12"/>
    </row>
    <row r="181353" spans="8:8">
      <c r="H181353" s="12"/>
    </row>
    <row r="181354" spans="8:8">
      <c r="H181354" s="12"/>
    </row>
    <row r="181355" spans="8:8">
      <c r="H181355" s="12"/>
    </row>
    <row r="181356" spans="8:8">
      <c r="H181356" s="12"/>
    </row>
    <row r="181357" spans="8:8">
      <c r="H181357" s="12"/>
    </row>
    <row r="181358" spans="8:8">
      <c r="H181358" s="12"/>
    </row>
    <row r="181359" spans="8:8">
      <c r="H181359" s="12"/>
    </row>
    <row r="181360" spans="8:8">
      <c r="H181360" s="12"/>
    </row>
    <row r="181361" spans="8:8">
      <c r="H181361" s="12"/>
    </row>
    <row r="181362" spans="8:8">
      <c r="H181362" s="12"/>
    </row>
    <row r="181363" spans="8:8">
      <c r="H181363" s="12"/>
    </row>
    <row r="181364" spans="8:8">
      <c r="H181364" s="12"/>
    </row>
    <row r="181365" spans="8:8">
      <c r="H181365" s="12"/>
    </row>
    <row r="181366" spans="8:8">
      <c r="H181366" s="12"/>
    </row>
    <row r="181367" spans="8:8">
      <c r="H181367" s="12"/>
    </row>
    <row r="181368" spans="8:8">
      <c r="H181368" s="12"/>
    </row>
    <row r="181369" spans="8:8">
      <c r="H181369" s="12"/>
    </row>
    <row r="181370" spans="8:8">
      <c r="H181370" s="12"/>
    </row>
    <row r="181371" spans="8:8">
      <c r="H181371" s="12"/>
    </row>
    <row r="181372" spans="8:8">
      <c r="H181372" s="12"/>
    </row>
    <row r="181373" spans="8:8">
      <c r="H181373" s="12"/>
    </row>
    <row r="181374" spans="8:8">
      <c r="H181374" s="12"/>
    </row>
    <row r="181375" spans="8:8">
      <c r="H181375" s="12"/>
    </row>
    <row r="181376" spans="8:8">
      <c r="H181376" s="12"/>
    </row>
    <row r="181377" spans="8:8">
      <c r="H181377" s="12"/>
    </row>
    <row r="181378" spans="8:8">
      <c r="H181378" s="12"/>
    </row>
    <row r="181379" spans="8:8">
      <c r="H181379" s="12"/>
    </row>
    <row r="181380" spans="8:8">
      <c r="H181380" s="12"/>
    </row>
    <row r="181381" spans="8:8">
      <c r="H181381" s="12"/>
    </row>
    <row r="181382" spans="8:8">
      <c r="H181382" s="12"/>
    </row>
    <row r="181383" spans="8:8">
      <c r="H181383" s="12"/>
    </row>
    <row r="181384" spans="8:8">
      <c r="H181384" s="12"/>
    </row>
    <row r="181385" spans="8:8">
      <c r="H181385" s="12"/>
    </row>
    <row r="181386" spans="8:8">
      <c r="H181386" s="12"/>
    </row>
    <row r="181387" spans="8:8">
      <c r="H181387" s="12"/>
    </row>
    <row r="181388" spans="8:8">
      <c r="H181388" s="12"/>
    </row>
    <row r="181389" spans="8:8">
      <c r="H181389" s="12"/>
    </row>
    <row r="181390" spans="8:8">
      <c r="H181390" s="12"/>
    </row>
    <row r="181391" spans="8:8">
      <c r="H181391" s="12"/>
    </row>
    <row r="181392" spans="8:8">
      <c r="H181392" s="12"/>
    </row>
    <row r="181393" spans="8:8">
      <c r="H181393" s="12"/>
    </row>
    <row r="181394" spans="8:8">
      <c r="H181394" s="12"/>
    </row>
    <row r="181395" spans="8:8">
      <c r="H181395" s="12"/>
    </row>
    <row r="181396" spans="8:8">
      <c r="H181396" s="12"/>
    </row>
    <row r="181397" spans="8:8">
      <c r="H181397" s="12"/>
    </row>
    <row r="181398" spans="8:8">
      <c r="H181398" s="12"/>
    </row>
    <row r="181399" spans="8:8">
      <c r="H181399" s="12"/>
    </row>
    <row r="181400" spans="8:8">
      <c r="H181400" s="12"/>
    </row>
    <row r="181401" spans="8:8">
      <c r="H181401" s="12"/>
    </row>
    <row r="181402" spans="8:8">
      <c r="H181402" s="12"/>
    </row>
    <row r="181403" spans="8:8">
      <c r="H181403" s="12"/>
    </row>
    <row r="181404" spans="8:8">
      <c r="H181404" s="12"/>
    </row>
    <row r="181405" spans="8:8">
      <c r="H181405" s="12"/>
    </row>
    <row r="181406" spans="8:8">
      <c r="H181406" s="12"/>
    </row>
    <row r="181407" spans="8:8">
      <c r="H181407" s="12"/>
    </row>
    <row r="181408" spans="8:8">
      <c r="H181408" s="12"/>
    </row>
    <row r="181409" spans="8:8">
      <c r="H181409" s="12"/>
    </row>
    <row r="181410" spans="8:8">
      <c r="H181410" s="12"/>
    </row>
    <row r="181411" spans="8:8">
      <c r="H181411" s="12"/>
    </row>
    <row r="181412" spans="8:8">
      <c r="H181412" s="12"/>
    </row>
    <row r="181413" spans="8:8">
      <c r="H181413" s="12"/>
    </row>
    <row r="181414" spans="8:8">
      <c r="H181414" s="12"/>
    </row>
    <row r="181415" spans="8:8">
      <c r="H181415" s="12"/>
    </row>
    <row r="181416" spans="8:8">
      <c r="H181416" s="12"/>
    </row>
    <row r="181417" spans="8:8">
      <c r="H181417" s="12"/>
    </row>
    <row r="181418" spans="8:8">
      <c r="H181418" s="12"/>
    </row>
    <row r="181419" spans="8:8">
      <c r="H181419" s="12"/>
    </row>
    <row r="181420" spans="8:8">
      <c r="H181420" s="12"/>
    </row>
    <row r="181421" spans="8:8">
      <c r="H181421" s="12"/>
    </row>
    <row r="181422" spans="8:8">
      <c r="H181422" s="12"/>
    </row>
    <row r="181423" spans="8:8">
      <c r="H181423" s="12"/>
    </row>
    <row r="181424" spans="8:8">
      <c r="H181424" s="12"/>
    </row>
    <row r="181425" spans="8:8">
      <c r="H181425" s="12"/>
    </row>
    <row r="181426" spans="8:8">
      <c r="H181426" s="12"/>
    </row>
    <row r="181427" spans="8:8">
      <c r="H181427" s="12"/>
    </row>
    <row r="181428" spans="8:8">
      <c r="H181428" s="12"/>
    </row>
    <row r="181429" spans="8:8">
      <c r="H181429" s="12"/>
    </row>
    <row r="181430" spans="8:8">
      <c r="H181430" s="12"/>
    </row>
    <row r="181431" spans="8:8">
      <c r="H181431" s="12"/>
    </row>
    <row r="181432" spans="8:8">
      <c r="H181432" s="12"/>
    </row>
    <row r="181433" spans="8:8">
      <c r="H181433" s="12"/>
    </row>
    <row r="181434" spans="8:8">
      <c r="H181434" s="12"/>
    </row>
    <row r="181435" spans="8:8">
      <c r="H181435" s="12"/>
    </row>
    <row r="181436" spans="8:8">
      <c r="H181436" s="12"/>
    </row>
    <row r="181437" spans="8:8">
      <c r="H181437" s="12"/>
    </row>
    <row r="181438" spans="8:8">
      <c r="H181438" s="12"/>
    </row>
    <row r="181439" spans="8:8">
      <c r="H181439" s="12"/>
    </row>
    <row r="181440" spans="8:8">
      <c r="H181440" s="12"/>
    </row>
    <row r="181441" spans="8:8">
      <c r="H181441" s="12"/>
    </row>
    <row r="181442" spans="8:8">
      <c r="H181442" s="12"/>
    </row>
    <row r="181443" spans="8:8">
      <c r="H181443" s="12"/>
    </row>
    <row r="181444" spans="8:8">
      <c r="H181444" s="12"/>
    </row>
    <row r="181445" spans="8:8">
      <c r="H181445" s="12"/>
    </row>
    <row r="181446" spans="8:8">
      <c r="H181446" s="12"/>
    </row>
    <row r="181447" spans="8:8">
      <c r="H181447" s="12"/>
    </row>
    <row r="181448" spans="8:8">
      <c r="H181448" s="12"/>
    </row>
    <row r="181449" spans="8:8">
      <c r="H181449" s="12"/>
    </row>
    <row r="181450" spans="8:8">
      <c r="H181450" s="12"/>
    </row>
    <row r="181451" spans="8:8">
      <c r="H181451" s="12"/>
    </row>
    <row r="181452" spans="8:8">
      <c r="H181452" s="12"/>
    </row>
    <row r="181453" spans="8:8">
      <c r="H181453" s="12"/>
    </row>
    <row r="181454" spans="8:8">
      <c r="H181454" s="12"/>
    </row>
    <row r="181455" spans="8:8">
      <c r="H181455" s="12"/>
    </row>
    <row r="181456" spans="8:8">
      <c r="H181456" s="12"/>
    </row>
    <row r="181457" spans="8:8">
      <c r="H181457" s="12"/>
    </row>
    <row r="181458" spans="8:8">
      <c r="H181458" s="12"/>
    </row>
    <row r="181459" spans="8:8">
      <c r="H181459" s="12"/>
    </row>
    <row r="181460" spans="8:8">
      <c r="H181460" s="12"/>
    </row>
    <row r="181461" spans="8:8">
      <c r="H181461" s="12"/>
    </row>
    <row r="181462" spans="8:8">
      <c r="H181462" s="12"/>
    </row>
    <row r="181463" spans="8:8">
      <c r="H181463" s="12"/>
    </row>
    <row r="181464" spans="8:8">
      <c r="H181464" s="12"/>
    </row>
    <row r="181465" spans="8:8">
      <c r="H181465" s="12"/>
    </row>
    <row r="181466" spans="8:8">
      <c r="H181466" s="12"/>
    </row>
    <row r="181467" spans="8:8">
      <c r="H181467" s="12"/>
    </row>
    <row r="181468" spans="8:8">
      <c r="H181468" s="12"/>
    </row>
    <row r="181469" spans="8:8">
      <c r="H181469" s="12"/>
    </row>
    <row r="181470" spans="8:8">
      <c r="H181470" s="12"/>
    </row>
    <row r="181471" spans="8:8">
      <c r="H181471" s="12"/>
    </row>
    <row r="181472" spans="8:8">
      <c r="H181472" s="12"/>
    </row>
    <row r="181473" spans="8:8">
      <c r="H181473" s="12"/>
    </row>
    <row r="181474" spans="8:8">
      <c r="H181474" s="12"/>
    </row>
    <row r="181475" spans="8:8">
      <c r="H181475" s="12"/>
    </row>
    <row r="181476" spans="8:8">
      <c r="H181476" s="12"/>
    </row>
    <row r="181477" spans="8:8">
      <c r="H181477" s="12"/>
    </row>
    <row r="181478" spans="8:8">
      <c r="H181478" s="12"/>
    </row>
    <row r="181479" spans="8:8">
      <c r="H181479" s="12"/>
    </row>
    <row r="181480" spans="8:8">
      <c r="H181480" s="12"/>
    </row>
    <row r="181481" spans="8:8">
      <c r="H181481" s="12"/>
    </row>
    <row r="181482" spans="8:8">
      <c r="H181482" s="12"/>
    </row>
    <row r="181483" spans="8:8">
      <c r="H181483" s="12"/>
    </row>
    <row r="181484" spans="8:8">
      <c r="H181484" s="12"/>
    </row>
    <row r="181485" spans="8:8">
      <c r="H181485" s="12"/>
    </row>
    <row r="181486" spans="8:8">
      <c r="H181486" s="12"/>
    </row>
    <row r="181487" spans="8:8">
      <c r="H181487" s="12"/>
    </row>
    <row r="181488" spans="8:8">
      <c r="H181488" s="12"/>
    </row>
    <row r="181489" spans="8:8">
      <c r="H181489" s="12"/>
    </row>
    <row r="181490" spans="8:8">
      <c r="H181490" s="12"/>
    </row>
    <row r="181491" spans="8:8">
      <c r="H181491" s="12"/>
    </row>
    <row r="181492" spans="8:8">
      <c r="H181492" s="12"/>
    </row>
    <row r="181493" spans="8:8">
      <c r="H181493" s="12"/>
    </row>
    <row r="181494" spans="8:8">
      <c r="H181494" s="12"/>
    </row>
    <row r="181495" spans="8:8">
      <c r="H181495" s="12"/>
    </row>
    <row r="181496" spans="8:8">
      <c r="H181496" s="12"/>
    </row>
    <row r="181497" spans="8:8">
      <c r="H181497" s="12"/>
    </row>
    <row r="181498" spans="8:8">
      <c r="H181498" s="12"/>
    </row>
    <row r="181499" spans="8:8">
      <c r="H181499" s="12"/>
    </row>
    <row r="181500" spans="8:8">
      <c r="H181500" s="12"/>
    </row>
    <row r="181501" spans="8:8">
      <c r="H181501" s="12"/>
    </row>
    <row r="181502" spans="8:8">
      <c r="H181502" s="12"/>
    </row>
    <row r="181503" spans="8:8">
      <c r="H181503" s="12"/>
    </row>
    <row r="181504" spans="8:8">
      <c r="H181504" s="12"/>
    </row>
    <row r="181505" spans="8:8">
      <c r="H181505" s="12"/>
    </row>
    <row r="181506" spans="8:8">
      <c r="H181506" s="12"/>
    </row>
    <row r="181507" spans="8:8">
      <c r="H181507" s="12"/>
    </row>
    <row r="181508" spans="8:8">
      <c r="H181508" s="12"/>
    </row>
    <row r="181509" spans="8:8">
      <c r="H181509" s="12"/>
    </row>
    <row r="181510" spans="8:8">
      <c r="H181510" s="12"/>
    </row>
    <row r="181511" spans="8:8">
      <c r="H181511" s="12"/>
    </row>
    <row r="181512" spans="8:8">
      <c r="H181512" s="12"/>
    </row>
    <row r="181513" spans="8:8">
      <c r="H181513" s="12"/>
    </row>
    <row r="181514" spans="8:8">
      <c r="H181514" s="12"/>
    </row>
    <row r="181515" spans="8:8">
      <c r="H181515" s="12"/>
    </row>
    <row r="181516" spans="8:8">
      <c r="H181516" s="12"/>
    </row>
    <row r="181517" spans="8:8">
      <c r="H181517" s="12"/>
    </row>
    <row r="181518" spans="8:8">
      <c r="H181518" s="12"/>
    </row>
    <row r="181519" spans="8:8">
      <c r="H181519" s="12"/>
    </row>
    <row r="181520" spans="8:8">
      <c r="H181520" s="12"/>
    </row>
    <row r="181521" spans="8:8">
      <c r="H181521" s="12"/>
    </row>
    <row r="181522" spans="8:8">
      <c r="H181522" s="12"/>
    </row>
    <row r="181523" spans="8:8">
      <c r="H181523" s="12"/>
    </row>
    <row r="181524" spans="8:8">
      <c r="H181524" s="12"/>
    </row>
    <row r="181525" spans="8:8">
      <c r="H181525" s="12"/>
    </row>
    <row r="181526" spans="8:8">
      <c r="H181526" s="12"/>
    </row>
    <row r="181527" spans="8:8">
      <c r="H181527" s="12"/>
    </row>
    <row r="181528" spans="8:8">
      <c r="H181528" s="12"/>
    </row>
    <row r="181529" spans="8:8">
      <c r="H181529" s="12"/>
    </row>
    <row r="181530" spans="8:8">
      <c r="H181530" s="12"/>
    </row>
    <row r="181531" spans="8:8">
      <c r="H181531" s="12"/>
    </row>
    <row r="181532" spans="8:8">
      <c r="H181532" s="12"/>
    </row>
    <row r="181533" spans="8:8">
      <c r="H181533" s="12"/>
    </row>
    <row r="181534" spans="8:8">
      <c r="H181534" s="12"/>
    </row>
    <row r="181535" spans="8:8">
      <c r="H181535" s="12"/>
    </row>
    <row r="181536" spans="8:8">
      <c r="H181536" s="12"/>
    </row>
    <row r="181537" spans="8:8">
      <c r="H181537" s="12"/>
    </row>
    <row r="181538" spans="8:8">
      <c r="H181538" s="12"/>
    </row>
    <row r="181539" spans="8:8">
      <c r="H181539" s="12"/>
    </row>
    <row r="181540" spans="8:8">
      <c r="H181540" s="12"/>
    </row>
    <row r="181541" spans="8:8">
      <c r="H181541" s="12"/>
    </row>
    <row r="181542" spans="8:8">
      <c r="H181542" s="12"/>
    </row>
    <row r="181543" spans="8:8">
      <c r="H181543" s="12"/>
    </row>
    <row r="181544" spans="8:8">
      <c r="H181544" s="12"/>
    </row>
    <row r="181545" spans="8:8">
      <c r="H181545" s="12"/>
    </row>
    <row r="181546" spans="8:8">
      <c r="H181546" s="12"/>
    </row>
    <row r="181547" spans="8:8">
      <c r="H181547" s="12"/>
    </row>
    <row r="181548" spans="8:8">
      <c r="H181548" s="12"/>
    </row>
    <row r="181549" spans="8:8">
      <c r="H181549" s="12"/>
    </row>
    <row r="181550" spans="8:8">
      <c r="H181550" s="12"/>
    </row>
    <row r="181551" spans="8:8">
      <c r="H181551" s="12"/>
    </row>
    <row r="181552" spans="8:8">
      <c r="H181552" s="12"/>
    </row>
    <row r="181553" spans="8:8">
      <c r="H181553" s="12"/>
    </row>
    <row r="181554" spans="8:8">
      <c r="H181554" s="12"/>
    </row>
    <row r="181555" spans="8:8">
      <c r="H181555" s="12"/>
    </row>
    <row r="181556" spans="8:8">
      <c r="H181556" s="12"/>
    </row>
    <row r="181557" spans="8:8">
      <c r="H181557" s="12"/>
    </row>
    <row r="181558" spans="8:8">
      <c r="H181558" s="12"/>
    </row>
    <row r="181559" spans="8:8">
      <c r="H181559" s="12"/>
    </row>
    <row r="181560" spans="8:8">
      <c r="H181560" s="12"/>
    </row>
    <row r="181561" spans="8:8">
      <c r="H181561" s="12"/>
    </row>
    <row r="181562" spans="8:8">
      <c r="H181562" s="12"/>
    </row>
    <row r="181563" spans="8:8">
      <c r="H181563" s="12"/>
    </row>
    <row r="181564" spans="8:8">
      <c r="H181564" s="12"/>
    </row>
    <row r="181565" spans="8:8">
      <c r="H181565" s="12"/>
    </row>
    <row r="181566" spans="8:8">
      <c r="H181566" s="12"/>
    </row>
    <row r="181567" spans="8:8">
      <c r="H181567" s="12"/>
    </row>
    <row r="181568" spans="8:8">
      <c r="H181568" s="12"/>
    </row>
    <row r="181569" spans="8:8">
      <c r="H181569" s="12"/>
    </row>
    <row r="181570" spans="8:8">
      <c r="H181570" s="12"/>
    </row>
    <row r="181571" spans="8:8">
      <c r="H181571" s="12"/>
    </row>
    <row r="181572" spans="8:8">
      <c r="H181572" s="12"/>
    </row>
    <row r="181573" spans="8:8">
      <c r="H181573" s="12"/>
    </row>
    <row r="181574" spans="8:8">
      <c r="H181574" s="12"/>
    </row>
    <row r="181575" spans="8:8">
      <c r="H181575" s="12"/>
    </row>
    <row r="181576" spans="8:8">
      <c r="H181576" s="12"/>
    </row>
    <row r="181577" spans="8:8">
      <c r="H181577" s="12"/>
    </row>
    <row r="181578" spans="8:8">
      <c r="H181578" s="12"/>
    </row>
    <row r="181579" spans="8:8">
      <c r="H181579" s="12"/>
    </row>
    <row r="181580" spans="8:8">
      <c r="H181580" s="12"/>
    </row>
    <row r="181581" spans="8:8">
      <c r="H181581" s="12"/>
    </row>
    <row r="181582" spans="8:8">
      <c r="H181582" s="12"/>
    </row>
    <row r="181583" spans="8:8">
      <c r="H181583" s="12"/>
    </row>
    <row r="181584" spans="8:8">
      <c r="H181584" s="12"/>
    </row>
    <row r="181585" spans="8:8">
      <c r="H181585" s="12"/>
    </row>
    <row r="181586" spans="8:8">
      <c r="H181586" s="12"/>
    </row>
    <row r="181587" spans="8:8">
      <c r="H181587" s="12"/>
    </row>
    <row r="181588" spans="8:8">
      <c r="H181588" s="12"/>
    </row>
    <row r="181589" spans="8:8">
      <c r="H181589" s="12"/>
    </row>
    <row r="181590" spans="8:8">
      <c r="H181590" s="12"/>
    </row>
    <row r="181591" spans="8:8">
      <c r="H181591" s="12"/>
    </row>
    <row r="181592" spans="8:8">
      <c r="H181592" s="12"/>
    </row>
    <row r="181593" spans="8:8">
      <c r="H181593" s="12"/>
    </row>
    <row r="181594" spans="8:8">
      <c r="H181594" s="12"/>
    </row>
    <row r="181595" spans="8:8">
      <c r="H181595" s="12"/>
    </row>
    <row r="181596" spans="8:8">
      <c r="H181596" s="12"/>
    </row>
    <row r="181597" spans="8:8">
      <c r="H181597" s="12"/>
    </row>
    <row r="181598" spans="8:8">
      <c r="H181598" s="12"/>
    </row>
    <row r="181599" spans="8:8">
      <c r="H181599" s="12"/>
    </row>
    <row r="181600" spans="8:8">
      <c r="H181600" s="12"/>
    </row>
    <row r="181601" spans="8:8">
      <c r="H181601" s="12"/>
    </row>
    <row r="181602" spans="8:8">
      <c r="H181602" s="12"/>
    </row>
    <row r="181603" spans="8:8">
      <c r="H181603" s="12"/>
    </row>
    <row r="181604" spans="8:8">
      <c r="H181604" s="12"/>
    </row>
    <row r="181605" spans="8:8">
      <c r="H181605" s="12"/>
    </row>
    <row r="181606" spans="8:8">
      <c r="H181606" s="12"/>
    </row>
    <row r="181607" spans="8:8">
      <c r="H181607" s="12"/>
    </row>
    <row r="181608" spans="8:8">
      <c r="H181608" s="12"/>
    </row>
    <row r="181609" spans="8:8">
      <c r="H181609" s="12"/>
    </row>
    <row r="181610" spans="8:8">
      <c r="H181610" s="12"/>
    </row>
    <row r="181611" spans="8:8">
      <c r="H181611" s="12"/>
    </row>
    <row r="181612" spans="8:8">
      <c r="H181612" s="12"/>
    </row>
    <row r="181613" spans="8:8">
      <c r="H181613" s="12"/>
    </row>
    <row r="181614" spans="8:8">
      <c r="H181614" s="12"/>
    </row>
    <row r="181615" spans="8:8">
      <c r="H181615" s="12"/>
    </row>
    <row r="181616" spans="8:8">
      <c r="H181616" s="12"/>
    </row>
    <row r="181617" spans="8:8">
      <c r="H181617" s="12"/>
    </row>
    <row r="181618" spans="8:8">
      <c r="H181618" s="12"/>
    </row>
    <row r="181619" spans="8:8">
      <c r="H181619" s="12"/>
    </row>
    <row r="181620" spans="8:8">
      <c r="H181620" s="12"/>
    </row>
    <row r="181621" spans="8:8">
      <c r="H181621" s="12"/>
    </row>
    <row r="181622" spans="8:8">
      <c r="H181622" s="12"/>
    </row>
    <row r="181623" spans="8:8">
      <c r="H181623" s="12"/>
    </row>
    <row r="181624" spans="8:8">
      <c r="H181624" s="12"/>
    </row>
    <row r="181625" spans="8:8">
      <c r="H181625" s="12"/>
    </row>
    <row r="181626" spans="8:8">
      <c r="H181626" s="12"/>
    </row>
    <row r="181627" spans="8:8">
      <c r="H181627" s="12"/>
    </row>
    <row r="181628" spans="8:8">
      <c r="H181628" s="12"/>
    </row>
    <row r="181629" spans="8:8">
      <c r="H181629" s="12"/>
    </row>
    <row r="181630" spans="8:8">
      <c r="H181630" s="12"/>
    </row>
    <row r="181631" spans="8:8">
      <c r="H181631" s="12"/>
    </row>
    <row r="181632" spans="8:8">
      <c r="H181632" s="12"/>
    </row>
    <row r="181633" spans="8:8">
      <c r="H181633" s="12"/>
    </row>
    <row r="181634" spans="8:8">
      <c r="H181634" s="12"/>
    </row>
    <row r="181635" spans="8:8">
      <c r="H181635" s="12"/>
    </row>
    <row r="181636" spans="8:8">
      <c r="H181636" s="12"/>
    </row>
    <row r="181637" spans="8:8">
      <c r="H181637" s="12"/>
    </row>
    <row r="181638" spans="8:8">
      <c r="H181638" s="12"/>
    </row>
    <row r="181639" spans="8:8">
      <c r="H181639" s="12"/>
    </row>
    <row r="181640" spans="8:8">
      <c r="H181640" s="12"/>
    </row>
    <row r="181641" spans="8:8">
      <c r="H181641" s="12"/>
    </row>
    <row r="181642" spans="8:8">
      <c r="H181642" s="12"/>
    </row>
    <row r="181643" spans="8:8">
      <c r="H181643" s="12"/>
    </row>
    <row r="181644" spans="8:8">
      <c r="H181644" s="12"/>
    </row>
    <row r="181645" spans="8:8">
      <c r="H181645" s="12"/>
    </row>
    <row r="181646" spans="8:8">
      <c r="H181646" s="12"/>
    </row>
    <row r="181647" spans="8:8">
      <c r="H181647" s="12"/>
    </row>
    <row r="181648" spans="8:8">
      <c r="H181648" s="12"/>
    </row>
    <row r="181649" spans="8:8">
      <c r="H181649" s="12"/>
    </row>
    <row r="181650" spans="8:8">
      <c r="H181650" s="12"/>
    </row>
    <row r="181651" spans="8:8">
      <c r="H181651" s="12"/>
    </row>
    <row r="181652" spans="8:8">
      <c r="H181652" s="12"/>
    </row>
    <row r="181653" spans="8:8">
      <c r="H181653" s="12"/>
    </row>
    <row r="181654" spans="8:8">
      <c r="H181654" s="12"/>
    </row>
    <row r="181655" spans="8:8">
      <c r="H181655" s="12"/>
    </row>
    <row r="181656" spans="8:8">
      <c r="H181656" s="12"/>
    </row>
    <row r="181657" spans="8:8">
      <c r="H181657" s="12"/>
    </row>
    <row r="181658" spans="8:8">
      <c r="H181658" s="12"/>
    </row>
    <row r="181659" spans="8:8">
      <c r="H181659" s="12"/>
    </row>
    <row r="181660" spans="8:8">
      <c r="H181660" s="12"/>
    </row>
    <row r="181661" spans="8:8">
      <c r="H181661" s="12"/>
    </row>
    <row r="181662" spans="8:8">
      <c r="H181662" s="12"/>
    </row>
    <row r="181663" spans="8:8">
      <c r="H181663" s="12"/>
    </row>
    <row r="181664" spans="8:8">
      <c r="H181664" s="12"/>
    </row>
    <row r="181665" spans="8:8">
      <c r="H181665" s="12"/>
    </row>
    <row r="181666" spans="8:8">
      <c r="H181666" s="12"/>
    </row>
    <row r="181667" spans="8:8">
      <c r="H181667" s="12"/>
    </row>
    <row r="181668" spans="8:8">
      <c r="H181668" s="12"/>
    </row>
    <row r="181669" spans="8:8">
      <c r="H181669" s="12"/>
    </row>
    <row r="181670" spans="8:8">
      <c r="H181670" s="12"/>
    </row>
    <row r="181671" spans="8:8">
      <c r="H181671" s="12"/>
    </row>
    <row r="181672" spans="8:8">
      <c r="H181672" s="12"/>
    </row>
    <row r="181673" spans="8:8">
      <c r="H181673" s="12"/>
    </row>
    <row r="181674" spans="8:8">
      <c r="H181674" s="12"/>
    </row>
    <row r="181675" spans="8:8">
      <c r="H181675" s="12"/>
    </row>
    <row r="181676" spans="8:8">
      <c r="H181676" s="12"/>
    </row>
    <row r="181677" spans="8:8">
      <c r="H181677" s="12"/>
    </row>
    <row r="181678" spans="8:8">
      <c r="H181678" s="12"/>
    </row>
    <row r="181679" spans="8:8">
      <c r="H181679" s="12"/>
    </row>
    <row r="181680" spans="8:8">
      <c r="H181680" s="12"/>
    </row>
    <row r="181681" spans="8:8">
      <c r="H181681" s="12"/>
    </row>
    <row r="181682" spans="8:8">
      <c r="H181682" s="12"/>
    </row>
    <row r="181683" spans="8:8">
      <c r="H181683" s="12"/>
    </row>
    <row r="181684" spans="8:8">
      <c r="H181684" s="12"/>
    </row>
    <row r="181685" spans="8:8">
      <c r="H181685" s="12"/>
    </row>
    <row r="181686" spans="8:8">
      <c r="H181686" s="12"/>
    </row>
    <row r="181687" spans="8:8">
      <c r="H181687" s="12"/>
    </row>
    <row r="181688" spans="8:8">
      <c r="H181688" s="12"/>
    </row>
    <row r="181689" spans="8:8">
      <c r="H181689" s="12"/>
    </row>
    <row r="181690" spans="8:8">
      <c r="H181690" s="12"/>
    </row>
    <row r="181691" spans="8:8">
      <c r="H181691" s="12"/>
    </row>
    <row r="181692" spans="8:8">
      <c r="H181692" s="12"/>
    </row>
    <row r="181693" spans="8:8">
      <c r="H181693" s="12"/>
    </row>
    <row r="181694" spans="8:8">
      <c r="H181694" s="12"/>
    </row>
    <row r="181695" spans="8:8">
      <c r="H181695" s="12"/>
    </row>
    <row r="181696" spans="8:8">
      <c r="H181696" s="12"/>
    </row>
    <row r="181697" spans="8:8">
      <c r="H181697" s="12"/>
    </row>
    <row r="181698" spans="8:8">
      <c r="H181698" s="12"/>
    </row>
    <row r="181699" spans="8:8">
      <c r="H181699" s="12"/>
    </row>
    <row r="181700" spans="8:8">
      <c r="H181700" s="12"/>
    </row>
    <row r="181701" spans="8:8">
      <c r="H181701" s="12"/>
    </row>
    <row r="181702" spans="8:8">
      <c r="H181702" s="12"/>
    </row>
    <row r="181703" spans="8:8">
      <c r="H181703" s="12"/>
    </row>
    <row r="181704" spans="8:8">
      <c r="H181704" s="12"/>
    </row>
    <row r="181705" spans="8:8">
      <c r="H181705" s="12"/>
    </row>
    <row r="181706" spans="8:8">
      <c r="H181706" s="12"/>
    </row>
    <row r="181707" spans="8:8">
      <c r="H181707" s="12"/>
    </row>
    <row r="181708" spans="8:8">
      <c r="H181708" s="12"/>
    </row>
    <row r="181709" spans="8:8">
      <c r="H181709" s="12"/>
    </row>
    <row r="181710" spans="8:8">
      <c r="H181710" s="12"/>
    </row>
    <row r="181711" spans="8:8">
      <c r="H181711" s="12"/>
    </row>
    <row r="181712" spans="8:8">
      <c r="H181712" s="12"/>
    </row>
    <row r="181713" spans="8:8">
      <c r="H181713" s="12"/>
    </row>
    <row r="181714" spans="8:8">
      <c r="H181714" s="12"/>
    </row>
    <row r="181715" spans="8:8">
      <c r="H181715" s="12"/>
    </row>
    <row r="181716" spans="8:8">
      <c r="H181716" s="12"/>
    </row>
    <row r="181717" spans="8:8">
      <c r="H181717" s="12"/>
    </row>
    <row r="181718" spans="8:8">
      <c r="H181718" s="12"/>
    </row>
    <row r="181719" spans="8:8">
      <c r="H181719" s="12"/>
    </row>
    <row r="181720" spans="8:8">
      <c r="H181720" s="12"/>
    </row>
    <row r="181721" spans="8:8">
      <c r="H181721" s="12"/>
    </row>
    <row r="181722" spans="8:8">
      <c r="H181722" s="12"/>
    </row>
    <row r="181723" spans="8:8">
      <c r="H181723" s="12"/>
    </row>
    <row r="181724" spans="8:8">
      <c r="H181724" s="12"/>
    </row>
    <row r="181725" spans="8:8">
      <c r="H181725" s="12"/>
    </row>
    <row r="181726" spans="8:8">
      <c r="H181726" s="12"/>
    </row>
    <row r="181727" spans="8:8">
      <c r="H181727" s="12"/>
    </row>
    <row r="181728" spans="8:8">
      <c r="H181728" s="12"/>
    </row>
    <row r="181729" spans="8:8">
      <c r="H181729" s="12"/>
    </row>
    <row r="181730" spans="8:8">
      <c r="H181730" s="12"/>
    </row>
    <row r="181731" spans="8:8">
      <c r="H181731" s="12"/>
    </row>
    <row r="181732" spans="8:8">
      <c r="H181732" s="12"/>
    </row>
    <row r="181733" spans="8:8">
      <c r="H181733" s="12"/>
    </row>
    <row r="181734" spans="8:8">
      <c r="H181734" s="12"/>
    </row>
    <row r="181735" spans="8:8">
      <c r="H181735" s="12"/>
    </row>
    <row r="181736" spans="8:8">
      <c r="H181736" s="12"/>
    </row>
    <row r="181737" spans="8:8">
      <c r="H181737" s="12"/>
    </row>
    <row r="181738" spans="8:8">
      <c r="H181738" s="12"/>
    </row>
    <row r="181739" spans="8:8">
      <c r="H181739" s="12"/>
    </row>
    <row r="181740" spans="8:8">
      <c r="H181740" s="12"/>
    </row>
    <row r="181741" spans="8:8">
      <c r="H181741" s="12"/>
    </row>
    <row r="181742" spans="8:8">
      <c r="H181742" s="12"/>
    </row>
    <row r="181743" spans="8:8">
      <c r="H181743" s="12"/>
    </row>
    <row r="181744" spans="8:8">
      <c r="H181744" s="12"/>
    </row>
    <row r="181745" spans="8:8">
      <c r="H181745" s="12"/>
    </row>
    <row r="181746" spans="8:8">
      <c r="H181746" s="12"/>
    </row>
    <row r="181747" spans="8:8">
      <c r="H181747" s="12"/>
    </row>
    <row r="181748" spans="8:8">
      <c r="H181748" s="12"/>
    </row>
    <row r="181749" spans="8:8">
      <c r="H181749" s="12"/>
    </row>
    <row r="181750" spans="8:8">
      <c r="H181750" s="12"/>
    </row>
    <row r="181751" spans="8:8">
      <c r="H181751" s="12"/>
    </row>
    <row r="181752" spans="8:8">
      <c r="H181752" s="12"/>
    </row>
    <row r="181753" spans="8:8">
      <c r="H181753" s="12"/>
    </row>
    <row r="181754" spans="8:8">
      <c r="H181754" s="12"/>
    </row>
    <row r="181755" spans="8:8">
      <c r="H181755" s="12"/>
    </row>
    <row r="181756" spans="8:8">
      <c r="H181756" s="12"/>
    </row>
    <row r="181757" spans="8:8">
      <c r="H181757" s="12"/>
    </row>
    <row r="181758" spans="8:8">
      <c r="H181758" s="12"/>
    </row>
    <row r="181759" spans="8:8">
      <c r="H181759" s="12"/>
    </row>
    <row r="181760" spans="8:8">
      <c r="H181760" s="12"/>
    </row>
    <row r="181761" spans="8:8">
      <c r="H181761" s="12"/>
    </row>
    <row r="181762" spans="8:8">
      <c r="H181762" s="12"/>
    </row>
    <row r="181763" spans="8:8">
      <c r="H181763" s="12"/>
    </row>
    <row r="181764" spans="8:8">
      <c r="H181764" s="12"/>
    </row>
    <row r="181765" spans="8:8">
      <c r="H181765" s="12"/>
    </row>
    <row r="181766" spans="8:8">
      <c r="H181766" s="12"/>
    </row>
    <row r="181767" spans="8:8">
      <c r="H181767" s="12"/>
    </row>
    <row r="181768" spans="8:8">
      <c r="H181768" s="12"/>
    </row>
    <row r="181769" spans="8:8">
      <c r="H181769" s="12"/>
    </row>
    <row r="181770" spans="8:8">
      <c r="H181770" s="12"/>
    </row>
    <row r="181771" spans="8:8">
      <c r="H181771" s="12"/>
    </row>
    <row r="181772" spans="8:8">
      <c r="H181772" s="12"/>
    </row>
    <row r="181773" spans="8:8">
      <c r="H181773" s="12"/>
    </row>
    <row r="181774" spans="8:8">
      <c r="H181774" s="12"/>
    </row>
    <row r="181775" spans="8:8">
      <c r="H181775" s="12"/>
    </row>
    <row r="181776" spans="8:8">
      <c r="H181776" s="12"/>
    </row>
    <row r="181777" spans="8:8">
      <c r="H181777" s="12"/>
    </row>
    <row r="181778" spans="8:8">
      <c r="H181778" s="12"/>
    </row>
    <row r="181779" spans="8:8">
      <c r="H181779" s="12"/>
    </row>
    <row r="181780" spans="8:8">
      <c r="H181780" s="12"/>
    </row>
    <row r="181781" spans="8:8">
      <c r="H181781" s="12"/>
    </row>
    <row r="181782" spans="8:8">
      <c r="H181782" s="12"/>
    </row>
    <row r="181783" spans="8:8">
      <c r="H181783" s="12"/>
    </row>
    <row r="181784" spans="8:8">
      <c r="H181784" s="12"/>
    </row>
    <row r="181785" spans="8:8">
      <c r="H181785" s="12"/>
    </row>
    <row r="181786" spans="8:8">
      <c r="H181786" s="12"/>
    </row>
    <row r="181787" spans="8:8">
      <c r="H181787" s="12"/>
    </row>
    <row r="181788" spans="8:8">
      <c r="H181788" s="12"/>
    </row>
    <row r="181789" spans="8:8">
      <c r="H181789" s="12"/>
    </row>
    <row r="181790" spans="8:8">
      <c r="H181790" s="12"/>
    </row>
    <row r="181791" spans="8:8">
      <c r="H181791" s="12"/>
    </row>
    <row r="181792" spans="8:8">
      <c r="H181792" s="12"/>
    </row>
    <row r="181793" spans="8:8">
      <c r="H181793" s="12"/>
    </row>
    <row r="181794" spans="8:8">
      <c r="H181794" s="12"/>
    </row>
    <row r="181795" spans="8:8">
      <c r="H181795" s="12"/>
    </row>
    <row r="181796" spans="8:8">
      <c r="H181796" s="12"/>
    </row>
    <row r="181797" spans="8:8">
      <c r="H181797" s="12"/>
    </row>
    <row r="181798" spans="8:8">
      <c r="H181798" s="12"/>
    </row>
    <row r="181799" spans="8:8">
      <c r="H181799" s="12"/>
    </row>
    <row r="181800" spans="8:8">
      <c r="H181800" s="12"/>
    </row>
    <row r="181801" spans="8:8">
      <c r="H181801" s="12"/>
    </row>
    <row r="181802" spans="8:8">
      <c r="H181802" s="12"/>
    </row>
    <row r="181803" spans="8:8">
      <c r="H181803" s="12"/>
    </row>
    <row r="181804" spans="8:8">
      <c r="H181804" s="12"/>
    </row>
    <row r="181805" spans="8:8">
      <c r="H181805" s="12"/>
    </row>
    <row r="181806" spans="8:8">
      <c r="H181806" s="12"/>
    </row>
    <row r="181807" spans="8:8">
      <c r="H181807" s="12"/>
    </row>
    <row r="181808" spans="8:8">
      <c r="H181808" s="12"/>
    </row>
    <row r="181809" spans="8:8">
      <c r="H181809" s="12"/>
    </row>
    <row r="181810" spans="8:8">
      <c r="H181810" s="12"/>
    </row>
    <row r="181811" spans="8:8">
      <c r="H181811" s="12"/>
    </row>
    <row r="181812" spans="8:8">
      <c r="H181812" s="12"/>
    </row>
    <row r="181813" spans="8:8">
      <c r="H181813" s="12"/>
    </row>
    <row r="181814" spans="8:8">
      <c r="H181814" s="12"/>
    </row>
    <row r="181815" spans="8:8">
      <c r="H181815" s="12"/>
    </row>
    <row r="181816" spans="8:8">
      <c r="H181816" s="12"/>
    </row>
    <row r="181817" spans="8:8">
      <c r="H181817" s="12"/>
    </row>
    <row r="181818" spans="8:8">
      <c r="H181818" s="12"/>
    </row>
    <row r="181819" spans="8:8">
      <c r="H181819" s="12"/>
    </row>
    <row r="181820" spans="8:8">
      <c r="H181820" s="12"/>
    </row>
    <row r="181821" spans="8:8">
      <c r="H181821" s="12"/>
    </row>
    <row r="181822" spans="8:8">
      <c r="H181822" s="12"/>
    </row>
    <row r="181823" spans="8:8">
      <c r="H181823" s="12"/>
    </row>
    <row r="181824" spans="8:8">
      <c r="H181824" s="12"/>
    </row>
    <row r="181825" spans="8:8">
      <c r="H181825" s="12"/>
    </row>
    <row r="181826" spans="8:8">
      <c r="H181826" s="12"/>
    </row>
    <row r="181827" spans="8:8">
      <c r="H181827" s="12"/>
    </row>
    <row r="181828" spans="8:8">
      <c r="H181828" s="12"/>
    </row>
    <row r="181829" spans="8:8">
      <c r="H181829" s="12"/>
    </row>
    <row r="181830" spans="8:8">
      <c r="H181830" s="12"/>
    </row>
    <row r="181831" spans="8:8">
      <c r="H181831" s="12"/>
    </row>
    <row r="181832" spans="8:8">
      <c r="H181832" s="12"/>
    </row>
    <row r="181833" spans="8:8">
      <c r="H181833" s="12"/>
    </row>
    <row r="181834" spans="8:8">
      <c r="H181834" s="12"/>
    </row>
    <row r="181835" spans="8:8">
      <c r="H181835" s="12"/>
    </row>
    <row r="181836" spans="8:8">
      <c r="H181836" s="12"/>
    </row>
    <row r="181837" spans="8:8">
      <c r="H181837" s="12"/>
    </row>
    <row r="181838" spans="8:8">
      <c r="H181838" s="12"/>
    </row>
    <row r="181839" spans="8:8">
      <c r="H181839" s="12"/>
    </row>
    <row r="181840" spans="8:8">
      <c r="H181840" s="12"/>
    </row>
    <row r="181841" spans="8:8">
      <c r="H181841" s="12"/>
    </row>
    <row r="181842" spans="8:8">
      <c r="H181842" s="12"/>
    </row>
    <row r="181843" spans="8:8">
      <c r="H181843" s="12"/>
    </row>
    <row r="181844" spans="8:8">
      <c r="H181844" s="12"/>
    </row>
    <row r="181845" spans="8:8">
      <c r="H181845" s="12"/>
    </row>
    <row r="181846" spans="8:8">
      <c r="H181846" s="12"/>
    </row>
    <row r="181847" spans="8:8">
      <c r="H181847" s="12"/>
    </row>
    <row r="181848" spans="8:8">
      <c r="H181848" s="12"/>
    </row>
    <row r="181849" spans="8:8">
      <c r="H181849" s="12"/>
    </row>
    <row r="181850" spans="8:8">
      <c r="H181850" s="12"/>
    </row>
    <row r="181851" spans="8:8">
      <c r="H181851" s="12"/>
    </row>
    <row r="181852" spans="8:8">
      <c r="H181852" s="12"/>
    </row>
    <row r="181853" spans="8:8">
      <c r="H181853" s="12"/>
    </row>
    <row r="181854" spans="8:8">
      <c r="H181854" s="12"/>
    </row>
    <row r="181855" spans="8:8">
      <c r="H181855" s="12"/>
    </row>
    <row r="181856" spans="8:8">
      <c r="H181856" s="12"/>
    </row>
    <row r="181857" spans="8:8">
      <c r="H181857" s="12"/>
    </row>
    <row r="181858" spans="8:8">
      <c r="H181858" s="12"/>
    </row>
    <row r="181859" spans="8:8">
      <c r="H181859" s="12"/>
    </row>
    <row r="181860" spans="8:8">
      <c r="H181860" s="12"/>
    </row>
    <row r="181861" spans="8:8">
      <c r="H181861" s="12"/>
    </row>
    <row r="181862" spans="8:8">
      <c r="H181862" s="12"/>
    </row>
    <row r="181863" spans="8:8">
      <c r="H181863" s="12"/>
    </row>
    <row r="181864" spans="8:8">
      <c r="H181864" s="12"/>
    </row>
    <row r="181865" spans="8:8">
      <c r="H181865" s="12"/>
    </row>
    <row r="181866" spans="8:8">
      <c r="H181866" s="12"/>
    </row>
    <row r="181867" spans="8:8">
      <c r="H181867" s="12"/>
    </row>
    <row r="181868" spans="8:8">
      <c r="H181868" s="12"/>
    </row>
    <row r="181869" spans="8:8">
      <c r="H181869" s="12"/>
    </row>
    <row r="181870" spans="8:8">
      <c r="H181870" s="12"/>
    </row>
    <row r="181871" spans="8:8">
      <c r="H181871" s="12"/>
    </row>
    <row r="181872" spans="8:8">
      <c r="H181872" s="12"/>
    </row>
    <row r="181873" spans="8:8">
      <c r="H181873" s="12"/>
    </row>
    <row r="181874" spans="8:8">
      <c r="H181874" s="12"/>
    </row>
    <row r="181875" spans="8:8">
      <c r="H181875" s="12"/>
    </row>
    <row r="181876" spans="8:8">
      <c r="H181876" s="12"/>
    </row>
    <row r="181877" spans="8:8">
      <c r="H181877" s="12"/>
    </row>
    <row r="181878" spans="8:8">
      <c r="H181878" s="12"/>
    </row>
    <row r="181879" spans="8:8">
      <c r="H181879" s="12"/>
    </row>
    <row r="181880" spans="8:8">
      <c r="H181880" s="12"/>
    </row>
    <row r="181881" spans="8:8">
      <c r="H181881" s="12"/>
    </row>
    <row r="181882" spans="8:8">
      <c r="H181882" s="12"/>
    </row>
    <row r="181883" spans="8:8">
      <c r="H181883" s="12"/>
    </row>
    <row r="181884" spans="8:8">
      <c r="H181884" s="12"/>
    </row>
    <row r="181885" spans="8:8">
      <c r="H181885" s="12"/>
    </row>
    <row r="181886" spans="8:8">
      <c r="H181886" s="12"/>
    </row>
    <row r="181887" spans="8:8">
      <c r="H181887" s="12"/>
    </row>
    <row r="181888" spans="8:8">
      <c r="H181888" s="12"/>
    </row>
    <row r="181889" spans="8:8">
      <c r="H181889" s="12"/>
    </row>
    <row r="181890" spans="8:8">
      <c r="H181890" s="12"/>
    </row>
    <row r="181891" spans="8:8">
      <c r="H181891" s="12"/>
    </row>
    <row r="181892" spans="8:8">
      <c r="H181892" s="12"/>
    </row>
    <row r="181893" spans="8:8">
      <c r="H181893" s="12"/>
    </row>
    <row r="181894" spans="8:8">
      <c r="H181894" s="12"/>
    </row>
    <row r="181895" spans="8:8">
      <c r="H181895" s="12"/>
    </row>
    <row r="181896" spans="8:8">
      <c r="H181896" s="12"/>
    </row>
    <row r="181897" spans="8:8">
      <c r="H181897" s="12"/>
    </row>
    <row r="181898" spans="8:8">
      <c r="H181898" s="12"/>
    </row>
    <row r="181899" spans="8:8">
      <c r="H181899" s="12"/>
    </row>
    <row r="181900" spans="8:8">
      <c r="H181900" s="12"/>
    </row>
    <row r="181901" spans="8:8">
      <c r="H181901" s="12"/>
    </row>
    <row r="181902" spans="8:8">
      <c r="H181902" s="12"/>
    </row>
    <row r="181903" spans="8:8">
      <c r="H181903" s="12"/>
    </row>
    <row r="181904" spans="8:8">
      <c r="H181904" s="12"/>
    </row>
    <row r="181905" spans="8:8">
      <c r="H181905" s="12"/>
    </row>
    <row r="181906" spans="8:8">
      <c r="H181906" s="12"/>
    </row>
    <row r="181907" spans="8:8">
      <c r="H181907" s="12"/>
    </row>
    <row r="181908" spans="8:8">
      <c r="H181908" s="12"/>
    </row>
    <row r="181909" spans="8:8">
      <c r="H181909" s="12"/>
    </row>
    <row r="181910" spans="8:8">
      <c r="H181910" s="12"/>
    </row>
    <row r="181911" spans="8:8">
      <c r="H181911" s="12"/>
    </row>
    <row r="181912" spans="8:8">
      <c r="H181912" s="12"/>
    </row>
    <row r="181913" spans="8:8">
      <c r="H181913" s="12"/>
    </row>
    <row r="181914" spans="8:8">
      <c r="H181914" s="12"/>
    </row>
    <row r="181915" spans="8:8">
      <c r="H181915" s="12"/>
    </row>
    <row r="181916" spans="8:8">
      <c r="H181916" s="12"/>
    </row>
    <row r="181917" spans="8:8">
      <c r="H181917" s="12"/>
    </row>
    <row r="181918" spans="8:8">
      <c r="H181918" s="12"/>
    </row>
    <row r="181919" spans="8:8">
      <c r="H181919" s="12"/>
    </row>
    <row r="181920" spans="8:8">
      <c r="H181920" s="12"/>
    </row>
    <row r="181921" spans="8:8">
      <c r="H181921" s="12"/>
    </row>
    <row r="181922" spans="8:8">
      <c r="H181922" s="12"/>
    </row>
    <row r="181923" spans="8:8">
      <c r="H181923" s="12"/>
    </row>
    <row r="181924" spans="8:8">
      <c r="H181924" s="12"/>
    </row>
    <row r="181925" spans="8:8">
      <c r="H181925" s="12"/>
    </row>
    <row r="181926" spans="8:8">
      <c r="H181926" s="12"/>
    </row>
    <row r="181927" spans="8:8">
      <c r="H181927" s="12"/>
    </row>
    <row r="181928" spans="8:8">
      <c r="H181928" s="12"/>
    </row>
    <row r="181929" spans="8:8">
      <c r="H181929" s="12"/>
    </row>
    <row r="181930" spans="8:8">
      <c r="H181930" s="12"/>
    </row>
    <row r="181931" spans="8:8">
      <c r="H181931" s="12"/>
    </row>
    <row r="181932" spans="8:8">
      <c r="H181932" s="12"/>
    </row>
    <row r="181933" spans="8:8">
      <c r="H181933" s="12"/>
    </row>
    <row r="181934" spans="8:8">
      <c r="H181934" s="12"/>
    </row>
    <row r="181935" spans="8:8">
      <c r="H181935" s="12"/>
    </row>
    <row r="181936" spans="8:8">
      <c r="H181936" s="12"/>
    </row>
    <row r="181937" spans="8:8">
      <c r="H181937" s="12"/>
    </row>
    <row r="181938" spans="8:8">
      <c r="H181938" s="12"/>
    </row>
    <row r="181939" spans="8:8">
      <c r="H181939" s="12"/>
    </row>
    <row r="181940" spans="8:8">
      <c r="H181940" s="12"/>
    </row>
    <row r="181941" spans="8:8">
      <c r="H181941" s="12"/>
    </row>
    <row r="181942" spans="8:8">
      <c r="H181942" s="12"/>
    </row>
    <row r="181943" spans="8:8">
      <c r="H181943" s="12"/>
    </row>
    <row r="181944" spans="8:8">
      <c r="H181944" s="12"/>
    </row>
    <row r="181945" spans="8:8">
      <c r="H181945" s="12"/>
    </row>
    <row r="181946" spans="8:8">
      <c r="H181946" s="12"/>
    </row>
    <row r="181947" spans="8:8">
      <c r="H181947" s="12"/>
    </row>
    <row r="181948" spans="8:8">
      <c r="H181948" s="12"/>
    </row>
    <row r="181949" spans="8:8">
      <c r="H181949" s="12"/>
    </row>
    <row r="181950" spans="8:8">
      <c r="H181950" s="12"/>
    </row>
    <row r="181951" spans="8:8">
      <c r="H181951" s="12"/>
    </row>
    <row r="181952" spans="8:8">
      <c r="H181952" s="12"/>
    </row>
    <row r="181953" spans="8:8">
      <c r="H181953" s="12"/>
    </row>
    <row r="181954" spans="8:8">
      <c r="H181954" s="12"/>
    </row>
    <row r="181955" spans="8:8">
      <c r="H181955" s="12"/>
    </row>
    <row r="181956" spans="8:8">
      <c r="H181956" s="12"/>
    </row>
    <row r="181957" spans="8:8">
      <c r="H181957" s="12"/>
    </row>
    <row r="181958" spans="8:8">
      <c r="H181958" s="12"/>
    </row>
    <row r="181959" spans="8:8">
      <c r="H181959" s="12"/>
    </row>
    <row r="181960" spans="8:8">
      <c r="H181960" s="12"/>
    </row>
    <row r="181961" spans="8:8">
      <c r="H181961" s="12"/>
    </row>
    <row r="181962" spans="8:8">
      <c r="H181962" s="12"/>
    </row>
    <row r="181963" spans="8:8">
      <c r="H181963" s="12"/>
    </row>
    <row r="181964" spans="8:8">
      <c r="H181964" s="12"/>
    </row>
    <row r="181965" spans="8:8">
      <c r="H181965" s="12"/>
    </row>
    <row r="181966" spans="8:8">
      <c r="H181966" s="12"/>
    </row>
    <row r="181967" spans="8:8">
      <c r="H181967" s="12"/>
    </row>
    <row r="181968" spans="8:8">
      <c r="H181968" s="12"/>
    </row>
    <row r="181969" spans="8:8">
      <c r="H181969" s="12"/>
    </row>
    <row r="181970" spans="8:8">
      <c r="H181970" s="12"/>
    </row>
    <row r="181971" spans="8:8">
      <c r="H181971" s="12"/>
    </row>
    <row r="181972" spans="8:8">
      <c r="H181972" s="12"/>
    </row>
    <row r="181973" spans="8:8">
      <c r="H181973" s="12"/>
    </row>
    <row r="181974" spans="8:8">
      <c r="H181974" s="12"/>
    </row>
    <row r="181975" spans="8:8">
      <c r="H181975" s="12"/>
    </row>
    <row r="181976" spans="8:8">
      <c r="H181976" s="12"/>
    </row>
    <row r="181977" spans="8:8">
      <c r="H181977" s="12"/>
    </row>
    <row r="181978" spans="8:8">
      <c r="H181978" s="12"/>
    </row>
    <row r="181979" spans="8:8">
      <c r="H181979" s="12"/>
    </row>
    <row r="181980" spans="8:8">
      <c r="H181980" s="12"/>
    </row>
    <row r="181981" spans="8:8">
      <c r="H181981" s="12"/>
    </row>
    <row r="181982" spans="8:8">
      <c r="H181982" s="12"/>
    </row>
    <row r="181983" spans="8:8">
      <c r="H181983" s="12"/>
    </row>
    <row r="181984" spans="8:8">
      <c r="H181984" s="12"/>
    </row>
    <row r="181985" spans="8:8">
      <c r="H181985" s="12"/>
    </row>
    <row r="181986" spans="8:8">
      <c r="H181986" s="12"/>
    </row>
    <row r="181987" spans="8:8">
      <c r="H181987" s="12"/>
    </row>
    <row r="181988" spans="8:8">
      <c r="H181988" s="12"/>
    </row>
    <row r="181989" spans="8:8">
      <c r="H181989" s="12"/>
    </row>
    <row r="181990" spans="8:8">
      <c r="H181990" s="12"/>
    </row>
    <row r="181991" spans="8:8">
      <c r="H181991" s="12"/>
    </row>
    <row r="181992" spans="8:8">
      <c r="H181992" s="12"/>
    </row>
    <row r="181993" spans="8:8">
      <c r="H181993" s="12"/>
    </row>
    <row r="181994" spans="8:8">
      <c r="H181994" s="12"/>
    </row>
    <row r="181995" spans="8:8">
      <c r="H181995" s="12"/>
    </row>
    <row r="181996" spans="8:8">
      <c r="H181996" s="12"/>
    </row>
    <row r="181997" spans="8:8">
      <c r="H181997" s="12"/>
    </row>
    <row r="181998" spans="8:8">
      <c r="H181998" s="12"/>
    </row>
    <row r="181999" spans="8:8">
      <c r="H181999" s="12"/>
    </row>
    <row r="182000" spans="8:8">
      <c r="H182000" s="12"/>
    </row>
    <row r="182001" spans="8:8">
      <c r="H182001" s="12"/>
    </row>
    <row r="182002" spans="8:8">
      <c r="H182002" s="12"/>
    </row>
    <row r="182003" spans="8:8">
      <c r="H182003" s="12"/>
    </row>
    <row r="182004" spans="8:8">
      <c r="H182004" s="12"/>
    </row>
    <row r="182005" spans="8:8">
      <c r="H182005" s="12"/>
    </row>
    <row r="182006" spans="8:8">
      <c r="H182006" s="12"/>
    </row>
    <row r="182007" spans="8:8">
      <c r="H182007" s="12"/>
    </row>
    <row r="182008" spans="8:8">
      <c r="H182008" s="12"/>
    </row>
    <row r="182009" spans="8:8">
      <c r="H182009" s="12"/>
    </row>
    <row r="182010" spans="8:8">
      <c r="H182010" s="12"/>
    </row>
    <row r="182011" spans="8:8">
      <c r="H182011" s="12"/>
    </row>
    <row r="182012" spans="8:8">
      <c r="H182012" s="12"/>
    </row>
    <row r="182013" spans="8:8">
      <c r="H182013" s="12"/>
    </row>
    <row r="182014" spans="8:8">
      <c r="H182014" s="12"/>
    </row>
    <row r="182015" spans="8:8">
      <c r="H182015" s="12"/>
    </row>
    <row r="182016" spans="8:8">
      <c r="H182016" s="12"/>
    </row>
    <row r="182017" spans="8:8">
      <c r="H182017" s="12"/>
    </row>
    <row r="182018" spans="8:8">
      <c r="H182018" s="12"/>
    </row>
    <row r="182019" spans="8:8">
      <c r="H182019" s="12"/>
    </row>
    <row r="182020" spans="8:8">
      <c r="H182020" s="12"/>
    </row>
    <row r="182021" spans="8:8">
      <c r="H182021" s="12"/>
    </row>
    <row r="182022" spans="8:8">
      <c r="H182022" s="12"/>
    </row>
    <row r="182023" spans="8:8">
      <c r="H182023" s="12"/>
    </row>
    <row r="182024" spans="8:8">
      <c r="H182024" s="12"/>
    </row>
    <row r="182025" spans="8:8">
      <c r="H182025" s="12"/>
    </row>
    <row r="182026" spans="8:8">
      <c r="H182026" s="12"/>
    </row>
    <row r="182027" spans="8:8">
      <c r="H182027" s="12"/>
    </row>
    <row r="182028" spans="8:8">
      <c r="H182028" s="12"/>
    </row>
    <row r="182029" spans="8:8">
      <c r="H182029" s="12"/>
    </row>
    <row r="182030" spans="8:8">
      <c r="H182030" s="12"/>
    </row>
    <row r="182031" spans="8:8">
      <c r="H182031" s="12"/>
    </row>
    <row r="182032" spans="8:8">
      <c r="H182032" s="12"/>
    </row>
    <row r="182033" spans="8:8">
      <c r="H182033" s="12"/>
    </row>
    <row r="182034" spans="8:8">
      <c r="H182034" s="12"/>
    </row>
    <row r="182035" spans="8:8">
      <c r="H182035" s="12"/>
    </row>
    <row r="182036" spans="8:8">
      <c r="H182036" s="12"/>
    </row>
    <row r="182037" spans="8:8">
      <c r="H182037" s="12"/>
    </row>
    <row r="182038" spans="8:8">
      <c r="H182038" s="12"/>
    </row>
    <row r="182039" spans="8:8">
      <c r="H182039" s="12"/>
    </row>
    <row r="182040" spans="8:8">
      <c r="H182040" s="12"/>
    </row>
    <row r="182041" spans="8:8">
      <c r="H182041" s="12"/>
    </row>
    <row r="182042" spans="8:8">
      <c r="H182042" s="12"/>
    </row>
    <row r="182043" spans="8:8">
      <c r="H182043" s="12"/>
    </row>
    <row r="182044" spans="8:8">
      <c r="H182044" s="12"/>
    </row>
    <row r="182045" spans="8:8">
      <c r="H182045" s="12"/>
    </row>
    <row r="182046" spans="8:8">
      <c r="H182046" s="12"/>
    </row>
    <row r="182047" spans="8:8">
      <c r="H182047" s="12"/>
    </row>
    <row r="182048" spans="8:8">
      <c r="H182048" s="12"/>
    </row>
    <row r="182049" spans="8:8">
      <c r="H182049" s="12"/>
    </row>
    <row r="182050" spans="8:8">
      <c r="H182050" s="12"/>
    </row>
    <row r="182051" spans="8:8">
      <c r="H182051" s="12"/>
    </row>
    <row r="182052" spans="8:8">
      <c r="H182052" s="12"/>
    </row>
    <row r="182053" spans="8:8">
      <c r="H182053" s="12"/>
    </row>
    <row r="182054" spans="8:8">
      <c r="H182054" s="12"/>
    </row>
    <row r="182055" spans="8:8">
      <c r="H182055" s="12"/>
    </row>
    <row r="182056" spans="8:8">
      <c r="H182056" s="12"/>
    </row>
    <row r="182057" spans="8:8">
      <c r="H182057" s="12"/>
    </row>
    <row r="182058" spans="8:8">
      <c r="H182058" s="12"/>
    </row>
    <row r="182059" spans="8:8">
      <c r="H182059" s="12"/>
    </row>
    <row r="182060" spans="8:8">
      <c r="H182060" s="12"/>
    </row>
    <row r="182061" spans="8:8">
      <c r="H182061" s="12"/>
    </row>
    <row r="182062" spans="8:8">
      <c r="H182062" s="12"/>
    </row>
    <row r="182063" spans="8:8">
      <c r="H182063" s="12"/>
    </row>
    <row r="182064" spans="8:8">
      <c r="H182064" s="12"/>
    </row>
    <row r="182065" spans="8:8">
      <c r="H182065" s="12"/>
    </row>
    <row r="182066" spans="8:8">
      <c r="H182066" s="12"/>
    </row>
    <row r="182067" spans="8:8">
      <c r="H182067" s="12"/>
    </row>
    <row r="182068" spans="8:8">
      <c r="H182068" s="12"/>
    </row>
    <row r="182069" spans="8:8">
      <c r="H182069" s="12"/>
    </row>
    <row r="182070" spans="8:8">
      <c r="H182070" s="12"/>
    </row>
    <row r="182071" spans="8:8">
      <c r="H182071" s="12"/>
    </row>
    <row r="182072" spans="8:8">
      <c r="H182072" s="12"/>
    </row>
    <row r="182073" spans="8:8">
      <c r="H182073" s="12"/>
    </row>
    <row r="182074" spans="8:8">
      <c r="H182074" s="12"/>
    </row>
    <row r="182075" spans="8:8">
      <c r="H182075" s="12"/>
    </row>
    <row r="182076" spans="8:8">
      <c r="H182076" s="12"/>
    </row>
    <row r="182077" spans="8:8">
      <c r="H182077" s="12"/>
    </row>
    <row r="182078" spans="8:8">
      <c r="H182078" s="12"/>
    </row>
    <row r="182079" spans="8:8">
      <c r="H182079" s="12"/>
    </row>
    <row r="182080" spans="8:8">
      <c r="H182080" s="12"/>
    </row>
    <row r="182081" spans="8:8">
      <c r="H182081" s="12"/>
    </row>
    <row r="182082" spans="8:8">
      <c r="H182082" s="12"/>
    </row>
    <row r="182083" spans="8:8">
      <c r="H182083" s="12"/>
    </row>
    <row r="182084" spans="8:8">
      <c r="H182084" s="12"/>
    </row>
    <row r="182085" spans="8:8">
      <c r="H182085" s="12"/>
    </row>
    <row r="182086" spans="8:8">
      <c r="H182086" s="12"/>
    </row>
    <row r="182087" spans="8:8">
      <c r="H182087" s="12"/>
    </row>
    <row r="182088" spans="8:8">
      <c r="H182088" s="12"/>
    </row>
    <row r="182089" spans="8:8">
      <c r="H182089" s="12"/>
    </row>
    <row r="182090" spans="8:8">
      <c r="H182090" s="12"/>
    </row>
    <row r="182091" spans="8:8">
      <c r="H182091" s="12"/>
    </row>
    <row r="182092" spans="8:8">
      <c r="H182092" s="12"/>
    </row>
    <row r="182093" spans="8:8">
      <c r="H182093" s="12"/>
    </row>
    <row r="182094" spans="8:8">
      <c r="H182094" s="12"/>
    </row>
    <row r="182095" spans="8:8">
      <c r="H182095" s="12"/>
    </row>
    <row r="182096" spans="8:8">
      <c r="H182096" s="12"/>
    </row>
    <row r="182097" spans="8:8">
      <c r="H182097" s="12"/>
    </row>
    <row r="182098" spans="8:8">
      <c r="H182098" s="12"/>
    </row>
    <row r="182099" spans="8:8">
      <c r="H182099" s="12"/>
    </row>
    <row r="182100" spans="8:8">
      <c r="H182100" s="12"/>
    </row>
    <row r="182101" spans="8:8">
      <c r="H182101" s="12"/>
    </row>
    <row r="182102" spans="8:8">
      <c r="H182102" s="12"/>
    </row>
    <row r="182103" spans="8:8">
      <c r="H182103" s="12"/>
    </row>
    <row r="182104" spans="8:8">
      <c r="H182104" s="12"/>
    </row>
    <row r="182105" spans="8:8">
      <c r="H182105" s="12"/>
    </row>
    <row r="182106" spans="8:8">
      <c r="H182106" s="12"/>
    </row>
    <row r="182107" spans="8:8">
      <c r="H182107" s="12"/>
    </row>
    <row r="182108" spans="8:8">
      <c r="H182108" s="12"/>
    </row>
    <row r="182109" spans="8:8">
      <c r="H182109" s="12"/>
    </row>
    <row r="182110" spans="8:8">
      <c r="H182110" s="12"/>
    </row>
    <row r="182111" spans="8:8">
      <c r="H182111" s="12"/>
    </row>
    <row r="182112" spans="8:8">
      <c r="H182112" s="12"/>
    </row>
    <row r="182113" spans="8:8">
      <c r="H182113" s="12"/>
    </row>
    <row r="182114" spans="8:8">
      <c r="H182114" s="12"/>
    </row>
    <row r="182115" spans="8:8">
      <c r="H182115" s="12"/>
    </row>
    <row r="182116" spans="8:8">
      <c r="H182116" s="12"/>
    </row>
    <row r="182117" spans="8:8">
      <c r="H182117" s="12"/>
    </row>
    <row r="182118" spans="8:8">
      <c r="H182118" s="12"/>
    </row>
    <row r="182119" spans="8:8">
      <c r="H182119" s="12"/>
    </row>
    <row r="182120" spans="8:8">
      <c r="H182120" s="12"/>
    </row>
    <row r="182121" spans="8:8">
      <c r="H182121" s="12"/>
    </row>
    <row r="182122" spans="8:8">
      <c r="H182122" s="12"/>
    </row>
    <row r="182123" spans="8:8">
      <c r="H182123" s="12"/>
    </row>
    <row r="182124" spans="8:8">
      <c r="H182124" s="12"/>
    </row>
    <row r="182125" spans="8:8">
      <c r="H182125" s="12"/>
    </row>
    <row r="182126" spans="8:8">
      <c r="H182126" s="12"/>
    </row>
    <row r="182127" spans="8:8">
      <c r="H182127" s="12"/>
    </row>
    <row r="182128" spans="8:8">
      <c r="H182128" s="12"/>
    </row>
    <row r="182129" spans="8:8">
      <c r="H182129" s="12"/>
    </row>
    <row r="182130" spans="8:8">
      <c r="H182130" s="12"/>
    </row>
    <row r="182131" spans="8:8">
      <c r="H182131" s="12"/>
    </row>
    <row r="182132" spans="8:8">
      <c r="H182132" s="12"/>
    </row>
    <row r="182133" spans="8:8">
      <c r="H182133" s="12"/>
    </row>
    <row r="182134" spans="8:8">
      <c r="H182134" s="12"/>
    </row>
    <row r="182135" spans="8:8">
      <c r="H182135" s="12"/>
    </row>
    <row r="182136" spans="8:8">
      <c r="H182136" s="12"/>
    </row>
    <row r="182137" spans="8:8">
      <c r="H182137" s="12"/>
    </row>
    <row r="182138" spans="8:8">
      <c r="H182138" s="12"/>
    </row>
    <row r="182139" spans="8:8">
      <c r="H182139" s="12"/>
    </row>
    <row r="182140" spans="8:8">
      <c r="H182140" s="12"/>
    </row>
    <row r="182141" spans="8:8">
      <c r="H182141" s="12"/>
    </row>
    <row r="182142" spans="8:8">
      <c r="H182142" s="12"/>
    </row>
    <row r="182143" spans="8:8">
      <c r="H182143" s="12"/>
    </row>
    <row r="182144" spans="8:8">
      <c r="H182144" s="12"/>
    </row>
    <row r="182145" spans="8:8">
      <c r="H182145" s="12"/>
    </row>
    <row r="182146" spans="8:8">
      <c r="H182146" s="12"/>
    </row>
    <row r="182147" spans="8:8">
      <c r="H182147" s="12"/>
    </row>
    <row r="182148" spans="8:8">
      <c r="H182148" s="12"/>
    </row>
    <row r="182149" spans="8:8">
      <c r="H182149" s="12"/>
    </row>
    <row r="182150" spans="8:8">
      <c r="H182150" s="12"/>
    </row>
    <row r="182151" spans="8:8">
      <c r="H182151" s="12"/>
    </row>
    <row r="182152" spans="8:8">
      <c r="H182152" s="12"/>
    </row>
    <row r="182153" spans="8:8">
      <c r="H182153" s="12"/>
    </row>
    <row r="182154" spans="8:8">
      <c r="H182154" s="12"/>
    </row>
    <row r="182155" spans="8:8">
      <c r="H182155" s="12"/>
    </row>
    <row r="182156" spans="8:8">
      <c r="H182156" s="12"/>
    </row>
    <row r="182157" spans="8:8">
      <c r="H182157" s="12"/>
    </row>
    <row r="182158" spans="8:8">
      <c r="H182158" s="12"/>
    </row>
    <row r="182159" spans="8:8">
      <c r="H182159" s="12"/>
    </row>
    <row r="182160" spans="8:8">
      <c r="H182160" s="12"/>
    </row>
    <row r="182161" spans="8:8">
      <c r="H182161" s="12"/>
    </row>
    <row r="182162" spans="8:8">
      <c r="H182162" s="12"/>
    </row>
    <row r="182163" spans="8:8">
      <c r="H182163" s="12"/>
    </row>
    <row r="182164" spans="8:8">
      <c r="H182164" s="12"/>
    </row>
    <row r="182165" spans="8:8">
      <c r="H182165" s="12"/>
    </row>
    <row r="182166" spans="8:8">
      <c r="H182166" s="12"/>
    </row>
    <row r="182167" spans="8:8">
      <c r="H182167" s="12"/>
    </row>
    <row r="182168" spans="8:8">
      <c r="H182168" s="12"/>
    </row>
    <row r="182169" spans="8:8">
      <c r="H182169" s="12"/>
    </row>
    <row r="182170" spans="8:8">
      <c r="H182170" s="12"/>
    </row>
    <row r="182171" spans="8:8">
      <c r="H182171" s="12"/>
    </row>
    <row r="182172" spans="8:8">
      <c r="H182172" s="12"/>
    </row>
    <row r="182173" spans="8:8">
      <c r="H182173" s="12"/>
    </row>
    <row r="182174" spans="8:8">
      <c r="H182174" s="12"/>
    </row>
    <row r="182175" spans="8:8">
      <c r="H182175" s="12"/>
    </row>
    <row r="182176" spans="8:8">
      <c r="H182176" s="12"/>
    </row>
    <row r="182177" spans="8:8">
      <c r="H182177" s="12"/>
    </row>
    <row r="182178" spans="8:8">
      <c r="H182178" s="12"/>
    </row>
    <row r="182179" spans="8:8">
      <c r="H182179" s="12"/>
    </row>
    <row r="182180" spans="8:8">
      <c r="H182180" s="12"/>
    </row>
    <row r="182181" spans="8:8">
      <c r="H182181" s="12"/>
    </row>
    <row r="182182" spans="8:8">
      <c r="H182182" s="12"/>
    </row>
    <row r="182183" spans="8:8">
      <c r="H182183" s="12"/>
    </row>
    <row r="182184" spans="8:8">
      <c r="H182184" s="12"/>
    </row>
    <row r="182185" spans="8:8">
      <c r="H182185" s="12"/>
    </row>
    <row r="182186" spans="8:8">
      <c r="H182186" s="12"/>
    </row>
    <row r="182187" spans="8:8">
      <c r="H182187" s="12"/>
    </row>
    <row r="182188" spans="8:8">
      <c r="H182188" s="12"/>
    </row>
    <row r="182189" spans="8:8">
      <c r="H182189" s="12"/>
    </row>
    <row r="182190" spans="8:8">
      <c r="H182190" s="12"/>
    </row>
    <row r="182191" spans="8:8">
      <c r="H182191" s="12"/>
    </row>
    <row r="182192" spans="8:8">
      <c r="H182192" s="12"/>
    </row>
    <row r="182193" spans="8:8">
      <c r="H182193" s="12"/>
    </row>
    <row r="182194" spans="8:8">
      <c r="H182194" s="12"/>
    </row>
    <row r="182195" spans="8:8">
      <c r="H182195" s="12"/>
    </row>
    <row r="182196" spans="8:8">
      <c r="H182196" s="12"/>
    </row>
    <row r="182197" spans="8:8">
      <c r="H182197" s="12"/>
    </row>
    <row r="182198" spans="8:8">
      <c r="H182198" s="12"/>
    </row>
    <row r="182199" spans="8:8">
      <c r="H182199" s="12"/>
    </row>
    <row r="182200" spans="8:8">
      <c r="H182200" s="12"/>
    </row>
    <row r="182201" spans="8:8">
      <c r="H182201" s="12"/>
    </row>
    <row r="182202" spans="8:8">
      <c r="H182202" s="12"/>
    </row>
    <row r="182203" spans="8:8">
      <c r="H182203" s="12"/>
    </row>
    <row r="182204" spans="8:8">
      <c r="H182204" s="12"/>
    </row>
    <row r="182205" spans="8:8">
      <c r="H182205" s="12"/>
    </row>
    <row r="182206" spans="8:8">
      <c r="H182206" s="12"/>
    </row>
    <row r="182207" spans="8:8">
      <c r="H182207" s="12"/>
    </row>
    <row r="182208" spans="8:8">
      <c r="H182208" s="12"/>
    </row>
    <row r="182209" spans="8:8">
      <c r="H182209" s="12"/>
    </row>
    <row r="182210" spans="8:8">
      <c r="H182210" s="12"/>
    </row>
    <row r="182211" spans="8:8">
      <c r="H182211" s="12"/>
    </row>
    <row r="182212" spans="8:8">
      <c r="H182212" s="12"/>
    </row>
    <row r="182213" spans="8:8">
      <c r="H182213" s="12"/>
    </row>
    <row r="182214" spans="8:8">
      <c r="H182214" s="12"/>
    </row>
    <row r="182215" spans="8:8">
      <c r="H182215" s="12"/>
    </row>
    <row r="182216" spans="8:8">
      <c r="H182216" s="12"/>
    </row>
    <row r="182217" spans="8:8">
      <c r="H182217" s="12"/>
    </row>
    <row r="182218" spans="8:8">
      <c r="H182218" s="12"/>
    </row>
    <row r="182219" spans="8:8">
      <c r="H182219" s="12"/>
    </row>
    <row r="182220" spans="8:8">
      <c r="H182220" s="12"/>
    </row>
    <row r="182221" spans="8:8">
      <c r="H182221" s="12"/>
    </row>
    <row r="182222" spans="8:8">
      <c r="H182222" s="12"/>
    </row>
    <row r="182223" spans="8:8">
      <c r="H182223" s="12"/>
    </row>
    <row r="182224" spans="8:8">
      <c r="H182224" s="12"/>
    </row>
    <row r="182225" spans="8:8">
      <c r="H182225" s="12"/>
    </row>
    <row r="182226" spans="8:8">
      <c r="H182226" s="12"/>
    </row>
    <row r="182227" spans="8:8">
      <c r="H182227" s="12"/>
    </row>
    <row r="182228" spans="8:8">
      <c r="H182228" s="12"/>
    </row>
    <row r="182229" spans="8:8">
      <c r="H182229" s="12"/>
    </row>
    <row r="182230" spans="8:8">
      <c r="H182230" s="12"/>
    </row>
    <row r="182231" spans="8:8">
      <c r="H182231" s="12"/>
    </row>
    <row r="182232" spans="8:8">
      <c r="H182232" s="12"/>
    </row>
    <row r="182233" spans="8:8">
      <c r="H182233" s="12"/>
    </row>
    <row r="182234" spans="8:8">
      <c r="H182234" s="12"/>
    </row>
    <row r="182235" spans="8:8">
      <c r="H182235" s="12"/>
    </row>
    <row r="182236" spans="8:8">
      <c r="H182236" s="12"/>
    </row>
    <row r="182237" spans="8:8">
      <c r="H182237" s="12"/>
    </row>
    <row r="182238" spans="8:8">
      <c r="H182238" s="12"/>
    </row>
    <row r="182239" spans="8:8">
      <c r="H182239" s="12"/>
    </row>
    <row r="182240" spans="8:8">
      <c r="H182240" s="12"/>
    </row>
    <row r="182241" spans="8:8">
      <c r="H182241" s="12"/>
    </row>
    <row r="182242" spans="8:8">
      <c r="H182242" s="12"/>
    </row>
    <row r="182243" spans="8:8">
      <c r="H182243" s="12"/>
    </row>
    <row r="182244" spans="8:8">
      <c r="H182244" s="12"/>
    </row>
    <row r="182245" spans="8:8">
      <c r="H182245" s="12"/>
    </row>
    <row r="182246" spans="8:8">
      <c r="H182246" s="12"/>
    </row>
    <row r="182247" spans="8:8">
      <c r="H182247" s="12"/>
    </row>
    <row r="182248" spans="8:8">
      <c r="H182248" s="12"/>
    </row>
    <row r="182249" spans="8:8">
      <c r="H182249" s="12"/>
    </row>
    <row r="182250" spans="8:8">
      <c r="H182250" s="12"/>
    </row>
    <row r="182251" spans="8:8">
      <c r="H182251" s="12"/>
    </row>
    <row r="182252" spans="8:8">
      <c r="H182252" s="12"/>
    </row>
    <row r="182253" spans="8:8">
      <c r="H182253" s="12"/>
    </row>
    <row r="182254" spans="8:8">
      <c r="H182254" s="12"/>
    </row>
    <row r="182255" spans="8:8">
      <c r="H182255" s="12"/>
    </row>
    <row r="182256" spans="8:8">
      <c r="H182256" s="12"/>
    </row>
    <row r="182257" spans="8:8">
      <c r="H182257" s="12"/>
    </row>
    <row r="182258" spans="8:8">
      <c r="H182258" s="12"/>
    </row>
    <row r="182259" spans="8:8">
      <c r="H182259" s="12"/>
    </row>
    <row r="182260" spans="8:8">
      <c r="H182260" s="12"/>
    </row>
    <row r="182261" spans="8:8">
      <c r="H182261" s="12"/>
    </row>
    <row r="182262" spans="8:8">
      <c r="H182262" s="12"/>
    </row>
    <row r="182263" spans="8:8">
      <c r="H182263" s="12"/>
    </row>
    <row r="182264" spans="8:8">
      <c r="H182264" s="12"/>
    </row>
    <row r="182265" spans="8:8">
      <c r="H182265" s="12"/>
    </row>
    <row r="182266" spans="8:8">
      <c r="H182266" s="12"/>
    </row>
    <row r="182267" spans="8:8">
      <c r="H182267" s="12"/>
    </row>
    <row r="182268" spans="8:8">
      <c r="H182268" s="12"/>
    </row>
    <row r="182269" spans="8:8">
      <c r="H182269" s="12"/>
    </row>
    <row r="182270" spans="8:8">
      <c r="H182270" s="12"/>
    </row>
    <row r="182271" spans="8:8">
      <c r="H182271" s="12"/>
    </row>
    <row r="182272" spans="8:8">
      <c r="H182272" s="12"/>
    </row>
    <row r="182273" spans="8:8">
      <c r="H182273" s="12"/>
    </row>
    <row r="182274" spans="8:8">
      <c r="H182274" s="12"/>
    </row>
    <row r="182275" spans="8:8">
      <c r="H182275" s="12"/>
    </row>
    <row r="182276" spans="8:8">
      <c r="H182276" s="12"/>
    </row>
    <row r="182277" spans="8:8">
      <c r="H182277" s="12"/>
    </row>
    <row r="182278" spans="8:8">
      <c r="H182278" s="12"/>
    </row>
    <row r="182279" spans="8:8">
      <c r="H182279" s="12"/>
    </row>
    <row r="182280" spans="8:8">
      <c r="H182280" s="12"/>
    </row>
    <row r="182281" spans="8:8">
      <c r="H182281" s="12"/>
    </row>
    <row r="182282" spans="8:8">
      <c r="H182282" s="12"/>
    </row>
    <row r="182283" spans="8:8">
      <c r="H182283" s="12"/>
    </row>
    <row r="182284" spans="8:8">
      <c r="H182284" s="12"/>
    </row>
    <row r="182285" spans="8:8">
      <c r="H182285" s="12"/>
    </row>
    <row r="182286" spans="8:8">
      <c r="H182286" s="12"/>
    </row>
    <row r="182287" spans="8:8">
      <c r="H182287" s="12"/>
    </row>
    <row r="182288" spans="8:8">
      <c r="H182288" s="12"/>
    </row>
    <row r="182289" spans="8:8">
      <c r="H182289" s="12"/>
    </row>
    <row r="182290" spans="8:8">
      <c r="H182290" s="12"/>
    </row>
    <row r="182291" spans="8:8">
      <c r="H182291" s="12"/>
    </row>
    <row r="182292" spans="8:8">
      <c r="H182292" s="12"/>
    </row>
    <row r="182293" spans="8:8">
      <c r="H182293" s="12"/>
    </row>
    <row r="182294" spans="8:8">
      <c r="H182294" s="12"/>
    </row>
    <row r="182295" spans="8:8">
      <c r="H182295" s="12"/>
    </row>
    <row r="182296" spans="8:8">
      <c r="H182296" s="12"/>
    </row>
    <row r="182297" spans="8:8">
      <c r="H182297" s="12"/>
    </row>
    <row r="182298" spans="8:8">
      <c r="H182298" s="12"/>
    </row>
    <row r="182299" spans="8:8">
      <c r="H182299" s="12"/>
    </row>
    <row r="182300" spans="8:8">
      <c r="H182300" s="12"/>
    </row>
    <row r="182301" spans="8:8">
      <c r="H182301" s="12"/>
    </row>
    <row r="182302" spans="8:8">
      <c r="H182302" s="12"/>
    </row>
    <row r="182303" spans="8:8">
      <c r="H182303" s="12"/>
    </row>
    <row r="182304" spans="8:8">
      <c r="H182304" s="12"/>
    </row>
    <row r="182305" spans="8:8">
      <c r="H182305" s="12"/>
    </row>
    <row r="182306" spans="8:8">
      <c r="H182306" s="12"/>
    </row>
    <row r="182307" spans="8:8">
      <c r="H182307" s="12"/>
    </row>
    <row r="182308" spans="8:8">
      <c r="H182308" s="12"/>
    </row>
    <row r="182309" spans="8:8">
      <c r="H182309" s="12"/>
    </row>
    <row r="182310" spans="8:8">
      <c r="H182310" s="12"/>
    </row>
    <row r="182311" spans="8:8">
      <c r="H182311" s="12"/>
    </row>
    <row r="182312" spans="8:8">
      <c r="H182312" s="12"/>
    </row>
    <row r="182313" spans="8:8">
      <c r="H182313" s="12"/>
    </row>
    <row r="182314" spans="8:8">
      <c r="H182314" s="12"/>
    </row>
    <row r="182315" spans="8:8">
      <c r="H182315" s="12"/>
    </row>
    <row r="182316" spans="8:8">
      <c r="H182316" s="12"/>
    </row>
    <row r="182317" spans="8:8">
      <c r="H182317" s="12"/>
    </row>
    <row r="182318" spans="8:8">
      <c r="H182318" s="12"/>
    </row>
    <row r="182319" spans="8:8">
      <c r="H182319" s="12"/>
    </row>
    <row r="182320" spans="8:8">
      <c r="H182320" s="12"/>
    </row>
    <row r="182321" spans="8:8">
      <c r="H182321" s="12"/>
    </row>
    <row r="182322" spans="8:8">
      <c r="H182322" s="12"/>
    </row>
    <row r="182323" spans="8:8">
      <c r="H182323" s="12"/>
    </row>
    <row r="182324" spans="8:8">
      <c r="H182324" s="12"/>
    </row>
    <row r="182325" spans="8:8">
      <c r="H182325" s="12"/>
    </row>
    <row r="182326" spans="8:8">
      <c r="H182326" s="12"/>
    </row>
    <row r="182327" spans="8:8">
      <c r="H182327" s="12"/>
    </row>
    <row r="182328" spans="8:8">
      <c r="H182328" s="12"/>
    </row>
    <row r="182329" spans="8:8">
      <c r="H182329" s="12"/>
    </row>
    <row r="182330" spans="8:8">
      <c r="H182330" s="12"/>
    </row>
    <row r="182331" spans="8:8">
      <c r="H182331" s="12"/>
    </row>
    <row r="182332" spans="8:8">
      <c r="H182332" s="12"/>
    </row>
    <row r="182333" spans="8:8">
      <c r="H182333" s="12"/>
    </row>
    <row r="182334" spans="8:8">
      <c r="H182334" s="12"/>
    </row>
    <row r="182335" spans="8:8">
      <c r="H182335" s="12"/>
    </row>
    <row r="182336" spans="8:8">
      <c r="H182336" s="12"/>
    </row>
    <row r="182337" spans="8:8">
      <c r="H182337" s="12"/>
    </row>
    <row r="182338" spans="8:8">
      <c r="H182338" s="12"/>
    </row>
    <row r="182339" spans="8:8">
      <c r="H182339" s="12"/>
    </row>
    <row r="182340" spans="8:8">
      <c r="H182340" s="12"/>
    </row>
    <row r="182341" spans="8:8">
      <c r="H182341" s="12"/>
    </row>
    <row r="182342" spans="8:8">
      <c r="H182342" s="12"/>
    </row>
    <row r="182343" spans="8:8">
      <c r="H182343" s="12"/>
    </row>
    <row r="182344" spans="8:8">
      <c r="H182344" s="12"/>
    </row>
    <row r="182345" spans="8:8">
      <c r="H182345" s="12"/>
    </row>
    <row r="182346" spans="8:8">
      <c r="H182346" s="12"/>
    </row>
    <row r="182347" spans="8:8">
      <c r="H182347" s="12"/>
    </row>
    <row r="182348" spans="8:8">
      <c r="H182348" s="12"/>
    </row>
    <row r="182349" spans="8:8">
      <c r="H182349" s="12"/>
    </row>
    <row r="182350" spans="8:8">
      <c r="H182350" s="12"/>
    </row>
    <row r="182351" spans="8:8">
      <c r="H182351" s="12"/>
    </row>
    <row r="182352" spans="8:8">
      <c r="H182352" s="12"/>
    </row>
    <row r="182353" spans="8:8">
      <c r="H182353" s="12"/>
    </row>
    <row r="182354" spans="8:8">
      <c r="H182354" s="12"/>
    </row>
    <row r="182355" spans="8:8">
      <c r="H182355" s="12"/>
    </row>
    <row r="182356" spans="8:8">
      <c r="H182356" s="12"/>
    </row>
    <row r="182357" spans="8:8">
      <c r="H182357" s="12"/>
    </row>
    <row r="182358" spans="8:8">
      <c r="H182358" s="12"/>
    </row>
    <row r="182359" spans="8:8">
      <c r="H182359" s="12"/>
    </row>
    <row r="182360" spans="8:8">
      <c r="H182360" s="12"/>
    </row>
    <row r="182361" spans="8:8">
      <c r="H182361" s="12"/>
    </row>
    <row r="182362" spans="8:8">
      <c r="H182362" s="12"/>
    </row>
    <row r="182363" spans="8:8">
      <c r="H182363" s="12"/>
    </row>
    <row r="182364" spans="8:8">
      <c r="H182364" s="12"/>
    </row>
    <row r="182365" spans="8:8">
      <c r="H182365" s="12"/>
    </row>
    <row r="182366" spans="8:8">
      <c r="H182366" s="12"/>
    </row>
    <row r="182367" spans="8:8">
      <c r="H182367" s="12"/>
    </row>
    <row r="182368" spans="8:8">
      <c r="H182368" s="12"/>
    </row>
    <row r="182369" spans="8:8">
      <c r="H182369" s="12"/>
    </row>
    <row r="182370" spans="8:8">
      <c r="H182370" s="12"/>
    </row>
    <row r="182371" spans="8:8">
      <c r="H182371" s="12"/>
    </row>
    <row r="182372" spans="8:8">
      <c r="H182372" s="12"/>
    </row>
    <row r="182373" spans="8:8">
      <c r="H182373" s="12"/>
    </row>
    <row r="182374" spans="8:8">
      <c r="H182374" s="12"/>
    </row>
    <row r="182375" spans="8:8">
      <c r="H182375" s="12"/>
    </row>
    <row r="182376" spans="8:8">
      <c r="H182376" s="12"/>
    </row>
    <row r="182377" spans="8:8">
      <c r="H182377" s="12"/>
    </row>
    <row r="182378" spans="8:8">
      <c r="H182378" s="12"/>
    </row>
    <row r="182379" spans="8:8">
      <c r="H182379" s="12"/>
    </row>
    <row r="182380" spans="8:8">
      <c r="H182380" s="12"/>
    </row>
    <row r="182381" spans="8:8">
      <c r="H182381" s="12"/>
    </row>
    <row r="182382" spans="8:8">
      <c r="H182382" s="12"/>
    </row>
    <row r="182383" spans="8:8">
      <c r="H182383" s="12"/>
    </row>
    <row r="182384" spans="8:8">
      <c r="H182384" s="12"/>
    </row>
    <row r="182385" spans="8:8">
      <c r="H182385" s="12"/>
    </row>
    <row r="182386" spans="8:8">
      <c r="H182386" s="12"/>
    </row>
    <row r="182387" spans="8:8">
      <c r="H182387" s="12"/>
    </row>
    <row r="182388" spans="8:8">
      <c r="H182388" s="12"/>
    </row>
    <row r="182389" spans="8:8">
      <c r="H182389" s="12"/>
    </row>
    <row r="182390" spans="8:8">
      <c r="H182390" s="12"/>
    </row>
    <row r="182391" spans="8:8">
      <c r="H182391" s="12"/>
    </row>
    <row r="182392" spans="8:8">
      <c r="H182392" s="12"/>
    </row>
    <row r="182393" spans="8:8">
      <c r="H182393" s="12"/>
    </row>
    <row r="182394" spans="8:8">
      <c r="H182394" s="12"/>
    </row>
    <row r="182395" spans="8:8">
      <c r="H182395" s="12"/>
    </row>
    <row r="182396" spans="8:8">
      <c r="H182396" s="12"/>
    </row>
    <row r="182397" spans="8:8">
      <c r="H182397" s="12"/>
    </row>
    <row r="182398" spans="8:8">
      <c r="H182398" s="12"/>
    </row>
    <row r="182399" spans="8:8">
      <c r="H182399" s="12"/>
    </row>
    <row r="182400" spans="8:8">
      <c r="H182400" s="12"/>
    </row>
    <row r="182401" spans="8:8">
      <c r="H182401" s="12"/>
    </row>
    <row r="182402" spans="8:8">
      <c r="H182402" s="12"/>
    </row>
    <row r="182403" spans="8:8">
      <c r="H182403" s="12"/>
    </row>
    <row r="182404" spans="8:8">
      <c r="H182404" s="12"/>
    </row>
    <row r="182405" spans="8:8">
      <c r="H182405" s="12"/>
    </row>
    <row r="182406" spans="8:8">
      <c r="H182406" s="12"/>
    </row>
    <row r="182407" spans="8:8">
      <c r="H182407" s="12"/>
    </row>
    <row r="182408" spans="8:8">
      <c r="H182408" s="12"/>
    </row>
    <row r="182409" spans="8:8">
      <c r="H182409" s="12"/>
    </row>
    <row r="182410" spans="8:8">
      <c r="H182410" s="12"/>
    </row>
    <row r="182411" spans="8:8">
      <c r="H182411" s="12"/>
    </row>
    <row r="182412" spans="8:8">
      <c r="H182412" s="12"/>
    </row>
    <row r="182413" spans="8:8">
      <c r="H182413" s="12"/>
    </row>
    <row r="182414" spans="8:8">
      <c r="H182414" s="12"/>
    </row>
    <row r="182415" spans="8:8">
      <c r="H182415" s="12"/>
    </row>
    <row r="182416" spans="8:8">
      <c r="H182416" s="12"/>
    </row>
    <row r="182417" spans="8:8">
      <c r="H182417" s="12"/>
    </row>
    <row r="182418" spans="8:8">
      <c r="H182418" s="12"/>
    </row>
    <row r="182419" spans="8:8">
      <c r="H182419" s="12"/>
    </row>
    <row r="182420" spans="8:8">
      <c r="H182420" s="12"/>
    </row>
    <row r="182421" spans="8:8">
      <c r="H182421" s="12"/>
    </row>
    <row r="182422" spans="8:8">
      <c r="H182422" s="12"/>
    </row>
    <row r="182423" spans="8:8">
      <c r="H182423" s="12"/>
    </row>
    <row r="182424" spans="8:8">
      <c r="H182424" s="12"/>
    </row>
    <row r="182425" spans="8:8">
      <c r="H182425" s="12"/>
    </row>
    <row r="182426" spans="8:8">
      <c r="H182426" s="12"/>
    </row>
    <row r="182427" spans="8:8">
      <c r="H182427" s="12"/>
    </row>
    <row r="182428" spans="8:8">
      <c r="H182428" s="12"/>
    </row>
    <row r="182429" spans="8:8">
      <c r="H182429" s="12"/>
    </row>
    <row r="182430" spans="8:8">
      <c r="H182430" s="12"/>
    </row>
    <row r="182431" spans="8:8">
      <c r="H182431" s="12"/>
    </row>
    <row r="182432" spans="8:8">
      <c r="H182432" s="12"/>
    </row>
    <row r="182433" spans="8:8">
      <c r="H182433" s="12"/>
    </row>
    <row r="182434" spans="8:8">
      <c r="H182434" s="12"/>
    </row>
    <row r="182435" spans="8:8">
      <c r="H182435" s="12"/>
    </row>
    <row r="182436" spans="8:8">
      <c r="H182436" s="12"/>
    </row>
    <row r="182437" spans="8:8">
      <c r="H182437" s="12"/>
    </row>
    <row r="182438" spans="8:8">
      <c r="H182438" s="12"/>
    </row>
    <row r="182439" spans="8:8">
      <c r="H182439" s="12"/>
    </row>
    <row r="182440" spans="8:8">
      <c r="H182440" s="12"/>
    </row>
    <row r="182441" spans="8:8">
      <c r="H182441" s="12"/>
    </row>
    <row r="182442" spans="8:8">
      <c r="H182442" s="12"/>
    </row>
    <row r="182443" spans="8:8">
      <c r="H182443" s="12"/>
    </row>
    <row r="182444" spans="8:8">
      <c r="H182444" s="12"/>
    </row>
    <row r="182445" spans="8:8">
      <c r="H182445" s="12"/>
    </row>
    <row r="182446" spans="8:8">
      <c r="H182446" s="12"/>
    </row>
    <row r="182447" spans="8:8">
      <c r="H182447" s="12"/>
    </row>
    <row r="182448" spans="8:8">
      <c r="H182448" s="12"/>
    </row>
    <row r="182449" spans="8:8">
      <c r="H182449" s="12"/>
    </row>
    <row r="182450" spans="8:8">
      <c r="H182450" s="12"/>
    </row>
    <row r="182451" spans="8:8">
      <c r="H182451" s="12"/>
    </row>
    <row r="182452" spans="8:8">
      <c r="H182452" s="12"/>
    </row>
    <row r="182453" spans="8:8">
      <c r="H182453" s="12"/>
    </row>
    <row r="182454" spans="8:8">
      <c r="H182454" s="12"/>
    </row>
    <row r="182455" spans="8:8">
      <c r="H182455" s="12"/>
    </row>
    <row r="182456" spans="8:8">
      <c r="H182456" s="12"/>
    </row>
    <row r="182457" spans="8:8">
      <c r="H182457" s="12"/>
    </row>
    <row r="182458" spans="8:8">
      <c r="H182458" s="12"/>
    </row>
    <row r="182459" spans="8:8">
      <c r="H182459" s="12"/>
    </row>
    <row r="182460" spans="8:8">
      <c r="H182460" s="12"/>
    </row>
    <row r="182461" spans="8:8">
      <c r="H182461" s="12"/>
    </row>
    <row r="182462" spans="8:8">
      <c r="H182462" s="12"/>
    </row>
    <row r="182463" spans="8:8">
      <c r="H182463" s="12"/>
    </row>
    <row r="182464" spans="8:8">
      <c r="H182464" s="12"/>
    </row>
    <row r="182465" spans="8:8">
      <c r="H182465" s="12"/>
    </row>
    <row r="182466" spans="8:8">
      <c r="H182466" s="12"/>
    </row>
    <row r="182467" spans="8:8">
      <c r="H182467" s="12"/>
    </row>
    <row r="182468" spans="8:8">
      <c r="H182468" s="12"/>
    </row>
    <row r="182469" spans="8:8">
      <c r="H182469" s="12"/>
    </row>
    <row r="182470" spans="8:8">
      <c r="H182470" s="12"/>
    </row>
    <row r="182471" spans="8:8">
      <c r="H182471" s="12"/>
    </row>
    <row r="182472" spans="8:8">
      <c r="H182472" s="12"/>
    </row>
    <row r="182473" spans="8:8">
      <c r="H182473" s="12"/>
    </row>
    <row r="182474" spans="8:8">
      <c r="H182474" s="12"/>
    </row>
    <row r="182475" spans="8:8">
      <c r="H182475" s="12"/>
    </row>
    <row r="182476" spans="8:8">
      <c r="H182476" s="12"/>
    </row>
    <row r="182477" spans="8:8">
      <c r="H182477" s="12"/>
    </row>
    <row r="182478" spans="8:8">
      <c r="H182478" s="12"/>
    </row>
    <row r="182479" spans="8:8">
      <c r="H182479" s="12"/>
    </row>
    <row r="182480" spans="8:8">
      <c r="H182480" s="12"/>
    </row>
    <row r="182481" spans="8:8">
      <c r="H182481" s="12"/>
    </row>
    <row r="182482" spans="8:8">
      <c r="H182482" s="12"/>
    </row>
    <row r="182483" spans="8:8">
      <c r="H182483" s="12"/>
    </row>
    <row r="182484" spans="8:8">
      <c r="H182484" s="12"/>
    </row>
    <row r="182485" spans="8:8">
      <c r="H182485" s="12"/>
    </row>
    <row r="182486" spans="8:8">
      <c r="H182486" s="12"/>
    </row>
    <row r="182487" spans="8:8">
      <c r="H182487" s="12"/>
    </row>
    <row r="182488" spans="8:8">
      <c r="H182488" s="12"/>
    </row>
    <row r="182489" spans="8:8">
      <c r="H182489" s="12"/>
    </row>
    <row r="182490" spans="8:8">
      <c r="H182490" s="12"/>
    </row>
    <row r="182491" spans="8:8">
      <c r="H182491" s="12"/>
    </row>
    <row r="182492" spans="8:8">
      <c r="H182492" s="12"/>
    </row>
    <row r="182493" spans="8:8">
      <c r="H182493" s="12"/>
    </row>
    <row r="182494" spans="8:8">
      <c r="H182494" s="12"/>
    </row>
    <row r="182495" spans="8:8">
      <c r="H182495" s="12"/>
    </row>
    <row r="182496" spans="8:8">
      <c r="H182496" s="12"/>
    </row>
    <row r="182497" spans="8:8">
      <c r="H182497" s="12"/>
    </row>
    <row r="182498" spans="8:8">
      <c r="H182498" s="12"/>
    </row>
    <row r="182499" spans="8:8">
      <c r="H182499" s="12"/>
    </row>
    <row r="182500" spans="8:8">
      <c r="H182500" s="12"/>
    </row>
    <row r="182501" spans="8:8">
      <c r="H182501" s="12"/>
    </row>
    <row r="182502" spans="8:8">
      <c r="H182502" s="12"/>
    </row>
    <row r="182503" spans="8:8">
      <c r="H182503" s="12"/>
    </row>
    <row r="182504" spans="8:8">
      <c r="H182504" s="12"/>
    </row>
    <row r="182505" spans="8:8">
      <c r="H182505" s="12"/>
    </row>
    <row r="182506" spans="8:8">
      <c r="H182506" s="12"/>
    </row>
    <row r="182507" spans="8:8">
      <c r="H182507" s="12"/>
    </row>
    <row r="182508" spans="8:8">
      <c r="H182508" s="12"/>
    </row>
    <row r="182509" spans="8:8">
      <c r="H182509" s="12"/>
    </row>
    <row r="182510" spans="8:8">
      <c r="H182510" s="12"/>
    </row>
    <row r="182511" spans="8:8">
      <c r="H182511" s="12"/>
    </row>
    <row r="182512" spans="8:8">
      <c r="H182512" s="12"/>
    </row>
    <row r="182513" spans="8:8">
      <c r="H182513" s="12"/>
    </row>
    <row r="182514" spans="8:8">
      <c r="H182514" s="12"/>
    </row>
    <row r="182515" spans="8:8">
      <c r="H182515" s="12"/>
    </row>
    <row r="182516" spans="8:8">
      <c r="H182516" s="12"/>
    </row>
    <row r="182517" spans="8:8">
      <c r="H182517" s="12"/>
    </row>
    <row r="182518" spans="8:8">
      <c r="H182518" s="12"/>
    </row>
    <row r="182519" spans="8:8">
      <c r="H182519" s="12"/>
    </row>
    <row r="182520" spans="8:8">
      <c r="H182520" s="12"/>
    </row>
    <row r="182521" spans="8:8">
      <c r="H182521" s="12"/>
    </row>
    <row r="182522" spans="8:8">
      <c r="H182522" s="12"/>
    </row>
    <row r="182523" spans="8:8">
      <c r="H182523" s="12"/>
    </row>
    <row r="182524" spans="8:8">
      <c r="H182524" s="12"/>
    </row>
    <row r="182525" spans="8:8">
      <c r="H182525" s="12"/>
    </row>
    <row r="182526" spans="8:8">
      <c r="H182526" s="12"/>
    </row>
    <row r="182527" spans="8:8">
      <c r="H182527" s="12"/>
    </row>
    <row r="182528" spans="8:8">
      <c r="H182528" s="12"/>
    </row>
    <row r="182529" spans="8:8">
      <c r="H182529" s="12"/>
    </row>
    <row r="182530" spans="8:8">
      <c r="H182530" s="12"/>
    </row>
    <row r="182531" spans="8:8">
      <c r="H182531" s="12"/>
    </row>
    <row r="182532" spans="8:8">
      <c r="H182532" s="12"/>
    </row>
    <row r="182533" spans="8:8">
      <c r="H182533" s="12"/>
    </row>
    <row r="182534" spans="8:8">
      <c r="H182534" s="12"/>
    </row>
    <row r="182535" spans="8:8">
      <c r="H182535" s="12"/>
    </row>
    <row r="182536" spans="8:8">
      <c r="H182536" s="12"/>
    </row>
    <row r="182537" spans="8:8">
      <c r="H182537" s="12"/>
    </row>
    <row r="182538" spans="8:8">
      <c r="H182538" s="12"/>
    </row>
    <row r="182539" spans="8:8">
      <c r="H182539" s="12"/>
    </row>
    <row r="182540" spans="8:8">
      <c r="H182540" s="12"/>
    </row>
    <row r="182541" spans="8:8">
      <c r="H182541" s="12"/>
    </row>
    <row r="182542" spans="8:8">
      <c r="H182542" s="12"/>
    </row>
    <row r="182543" spans="8:8">
      <c r="H182543" s="12"/>
    </row>
    <row r="182544" spans="8:8">
      <c r="H182544" s="12"/>
    </row>
    <row r="182545" spans="8:8">
      <c r="H182545" s="12"/>
    </row>
    <row r="182546" spans="8:8">
      <c r="H182546" s="12"/>
    </row>
    <row r="182547" spans="8:8">
      <c r="H182547" s="12"/>
    </row>
    <row r="182548" spans="8:8">
      <c r="H182548" s="12"/>
    </row>
    <row r="182549" spans="8:8">
      <c r="H182549" s="12"/>
    </row>
    <row r="182550" spans="8:8">
      <c r="H182550" s="12"/>
    </row>
    <row r="182551" spans="8:8">
      <c r="H182551" s="12"/>
    </row>
    <row r="182552" spans="8:8">
      <c r="H182552" s="12"/>
    </row>
    <row r="182553" spans="8:8">
      <c r="H182553" s="12"/>
    </row>
    <row r="182554" spans="8:8">
      <c r="H182554" s="12"/>
    </row>
    <row r="182555" spans="8:8">
      <c r="H182555" s="12"/>
    </row>
    <row r="182556" spans="8:8">
      <c r="H182556" s="12"/>
    </row>
    <row r="182557" spans="8:8">
      <c r="H182557" s="12"/>
    </row>
    <row r="182558" spans="8:8">
      <c r="H182558" s="12"/>
    </row>
    <row r="182559" spans="8:8">
      <c r="H182559" s="12"/>
    </row>
    <row r="182560" spans="8:8">
      <c r="H182560" s="12"/>
    </row>
    <row r="182561" spans="8:8">
      <c r="H182561" s="12"/>
    </row>
    <row r="182562" spans="8:8">
      <c r="H182562" s="12"/>
    </row>
    <row r="182563" spans="8:8">
      <c r="H182563" s="12"/>
    </row>
    <row r="182564" spans="8:8">
      <c r="H182564" s="12"/>
    </row>
    <row r="182565" spans="8:8">
      <c r="H182565" s="12"/>
    </row>
    <row r="182566" spans="8:8">
      <c r="H182566" s="12"/>
    </row>
    <row r="182567" spans="8:8">
      <c r="H182567" s="12"/>
    </row>
    <row r="182568" spans="8:8">
      <c r="H182568" s="12"/>
    </row>
    <row r="182569" spans="8:8">
      <c r="H182569" s="12"/>
    </row>
    <row r="182570" spans="8:8">
      <c r="H182570" s="12"/>
    </row>
    <row r="182571" spans="8:8">
      <c r="H182571" s="12"/>
    </row>
    <row r="182572" spans="8:8">
      <c r="H182572" s="12"/>
    </row>
    <row r="182573" spans="8:8">
      <c r="H182573" s="12"/>
    </row>
    <row r="182574" spans="8:8">
      <c r="H182574" s="12"/>
    </row>
    <row r="182575" spans="8:8">
      <c r="H182575" s="12"/>
    </row>
    <row r="182576" spans="8:8">
      <c r="H182576" s="12"/>
    </row>
    <row r="182577" spans="8:8">
      <c r="H182577" s="12"/>
    </row>
    <row r="182578" spans="8:8">
      <c r="H182578" s="12"/>
    </row>
    <row r="182579" spans="8:8">
      <c r="H182579" s="12"/>
    </row>
    <row r="182580" spans="8:8">
      <c r="H182580" s="12"/>
    </row>
    <row r="182581" spans="8:8">
      <c r="H182581" s="12"/>
    </row>
    <row r="182582" spans="8:8">
      <c r="H182582" s="12"/>
    </row>
    <row r="182583" spans="8:8">
      <c r="H182583" s="12"/>
    </row>
    <row r="182584" spans="8:8">
      <c r="H182584" s="12"/>
    </row>
    <row r="182585" spans="8:8">
      <c r="H182585" s="12"/>
    </row>
    <row r="182586" spans="8:8">
      <c r="H182586" s="12"/>
    </row>
    <row r="182587" spans="8:8">
      <c r="H182587" s="12"/>
    </row>
    <row r="182588" spans="8:8">
      <c r="H182588" s="12"/>
    </row>
    <row r="182589" spans="8:8">
      <c r="H182589" s="12"/>
    </row>
    <row r="182590" spans="8:8">
      <c r="H182590" s="12"/>
    </row>
    <row r="182591" spans="8:8">
      <c r="H182591" s="12"/>
    </row>
    <row r="182592" spans="8:8">
      <c r="H182592" s="12"/>
    </row>
    <row r="182593" spans="8:8">
      <c r="H182593" s="12"/>
    </row>
    <row r="182594" spans="8:8">
      <c r="H182594" s="12"/>
    </row>
    <row r="182595" spans="8:8">
      <c r="H182595" s="12"/>
    </row>
    <row r="182596" spans="8:8">
      <c r="H182596" s="12"/>
    </row>
    <row r="182597" spans="8:8">
      <c r="H182597" s="12"/>
    </row>
    <row r="182598" spans="8:8">
      <c r="H182598" s="12"/>
    </row>
    <row r="182599" spans="8:8">
      <c r="H182599" s="12"/>
    </row>
    <row r="182600" spans="8:8">
      <c r="H182600" s="12"/>
    </row>
    <row r="182601" spans="8:8">
      <c r="H182601" s="12"/>
    </row>
    <row r="182602" spans="8:8">
      <c r="H182602" s="12"/>
    </row>
    <row r="182603" spans="8:8">
      <c r="H182603" s="12"/>
    </row>
    <row r="182604" spans="8:8">
      <c r="H182604" s="12"/>
    </row>
    <row r="182605" spans="8:8">
      <c r="H182605" s="12"/>
    </row>
    <row r="182606" spans="8:8">
      <c r="H182606" s="12"/>
    </row>
    <row r="182607" spans="8:8">
      <c r="H182607" s="12"/>
    </row>
    <row r="182608" spans="8:8">
      <c r="H182608" s="12"/>
    </row>
    <row r="182609" spans="8:8">
      <c r="H182609" s="12"/>
    </row>
    <row r="182610" spans="8:8">
      <c r="H182610" s="12"/>
    </row>
    <row r="182611" spans="8:8">
      <c r="H182611" s="12"/>
    </row>
    <row r="182612" spans="8:8">
      <c r="H182612" s="12"/>
    </row>
    <row r="182613" spans="8:8">
      <c r="H182613" s="12"/>
    </row>
    <row r="182614" spans="8:8">
      <c r="H182614" s="12"/>
    </row>
    <row r="182615" spans="8:8">
      <c r="H182615" s="12"/>
    </row>
    <row r="182616" spans="8:8">
      <c r="H182616" s="12"/>
    </row>
    <row r="182617" spans="8:8">
      <c r="H182617" s="12"/>
    </row>
    <row r="182618" spans="8:8">
      <c r="H182618" s="12"/>
    </row>
    <row r="182619" spans="8:8">
      <c r="H182619" s="12"/>
    </row>
    <row r="182620" spans="8:8">
      <c r="H182620" s="12"/>
    </row>
    <row r="182621" spans="8:8">
      <c r="H182621" s="12"/>
    </row>
    <row r="182622" spans="8:8">
      <c r="H182622" s="12"/>
    </row>
    <row r="182623" spans="8:8">
      <c r="H182623" s="12"/>
    </row>
    <row r="182624" spans="8:8">
      <c r="H182624" s="12"/>
    </row>
    <row r="182625" spans="8:8">
      <c r="H182625" s="12"/>
    </row>
    <row r="182626" spans="8:8">
      <c r="H182626" s="12"/>
    </row>
    <row r="182627" spans="8:8">
      <c r="H182627" s="12"/>
    </row>
    <row r="182628" spans="8:8">
      <c r="H182628" s="12"/>
    </row>
    <row r="182629" spans="8:8">
      <c r="H182629" s="12"/>
    </row>
    <row r="182630" spans="8:8">
      <c r="H182630" s="12"/>
    </row>
    <row r="182631" spans="8:8">
      <c r="H182631" s="12"/>
    </row>
    <row r="182632" spans="8:8">
      <c r="H182632" s="12"/>
    </row>
    <row r="182633" spans="8:8">
      <c r="H182633" s="12"/>
    </row>
    <row r="182634" spans="8:8">
      <c r="H182634" s="12"/>
    </row>
    <row r="182635" spans="8:8">
      <c r="H182635" s="12"/>
    </row>
    <row r="182636" spans="8:8">
      <c r="H182636" s="12"/>
    </row>
    <row r="182637" spans="8:8">
      <c r="H182637" s="12"/>
    </row>
    <row r="182638" spans="8:8">
      <c r="H182638" s="12"/>
    </row>
    <row r="182639" spans="8:8">
      <c r="H182639" s="12"/>
    </row>
    <row r="182640" spans="8:8">
      <c r="H182640" s="12"/>
    </row>
    <row r="182641" spans="8:8">
      <c r="H182641" s="12"/>
    </row>
    <row r="182642" spans="8:8">
      <c r="H182642" s="12"/>
    </row>
    <row r="182643" spans="8:8">
      <c r="H182643" s="12"/>
    </row>
    <row r="182644" spans="8:8">
      <c r="H182644" s="12"/>
    </row>
    <row r="182645" spans="8:8">
      <c r="H182645" s="12"/>
    </row>
    <row r="182646" spans="8:8">
      <c r="H182646" s="12"/>
    </row>
    <row r="182647" spans="8:8">
      <c r="H182647" s="12"/>
    </row>
    <row r="182648" spans="8:8">
      <c r="H182648" s="12"/>
    </row>
    <row r="182649" spans="8:8">
      <c r="H182649" s="12"/>
    </row>
    <row r="182650" spans="8:8">
      <c r="H182650" s="12"/>
    </row>
    <row r="182651" spans="8:8">
      <c r="H182651" s="12"/>
    </row>
    <row r="182652" spans="8:8">
      <c r="H182652" s="12"/>
    </row>
    <row r="182653" spans="8:8">
      <c r="H182653" s="12"/>
    </row>
    <row r="182654" spans="8:8">
      <c r="H182654" s="12"/>
    </row>
    <row r="182655" spans="8:8">
      <c r="H182655" s="12"/>
    </row>
    <row r="182656" spans="8:8">
      <c r="H182656" s="12"/>
    </row>
    <row r="182657" spans="8:8">
      <c r="H182657" s="12"/>
    </row>
    <row r="182658" spans="8:8">
      <c r="H182658" s="12"/>
    </row>
    <row r="182659" spans="8:8">
      <c r="H182659" s="12"/>
    </row>
    <row r="182660" spans="8:8">
      <c r="H182660" s="12"/>
    </row>
    <row r="182661" spans="8:8">
      <c r="H182661" s="12"/>
    </row>
    <row r="182662" spans="8:8">
      <c r="H182662" s="12"/>
    </row>
    <row r="182663" spans="8:8">
      <c r="H182663" s="12"/>
    </row>
    <row r="182664" spans="8:8">
      <c r="H182664" s="12"/>
    </row>
    <row r="182665" spans="8:8">
      <c r="H182665" s="12"/>
    </row>
    <row r="182666" spans="8:8">
      <c r="H182666" s="12"/>
    </row>
    <row r="182667" spans="8:8">
      <c r="H182667" s="12"/>
    </row>
    <row r="182668" spans="8:8">
      <c r="H182668" s="12"/>
    </row>
    <row r="182669" spans="8:8">
      <c r="H182669" s="12"/>
    </row>
    <row r="182670" spans="8:8">
      <c r="H182670" s="12"/>
    </row>
    <row r="182671" spans="8:8">
      <c r="H182671" s="12"/>
    </row>
    <row r="182672" spans="8:8">
      <c r="H182672" s="12"/>
    </row>
    <row r="182673" spans="8:8">
      <c r="H182673" s="12"/>
    </row>
    <row r="182674" spans="8:8">
      <c r="H182674" s="12"/>
    </row>
    <row r="182675" spans="8:8">
      <c r="H182675" s="12"/>
    </row>
    <row r="182676" spans="8:8">
      <c r="H182676" s="12"/>
    </row>
    <row r="182677" spans="8:8">
      <c r="H182677" s="12"/>
    </row>
    <row r="182678" spans="8:8">
      <c r="H182678" s="12"/>
    </row>
    <row r="182679" spans="8:8">
      <c r="H182679" s="12"/>
    </row>
    <row r="182680" spans="8:8">
      <c r="H182680" s="12"/>
    </row>
    <row r="182681" spans="8:8">
      <c r="H182681" s="12"/>
    </row>
    <row r="182682" spans="8:8">
      <c r="H182682" s="12"/>
    </row>
    <row r="182683" spans="8:8">
      <c r="H182683" s="12"/>
    </row>
    <row r="182684" spans="8:8">
      <c r="H182684" s="12"/>
    </row>
    <row r="182685" spans="8:8">
      <c r="H182685" s="12"/>
    </row>
    <row r="182686" spans="8:8">
      <c r="H182686" s="12"/>
    </row>
    <row r="182687" spans="8:8">
      <c r="H182687" s="12"/>
    </row>
    <row r="182688" spans="8:8">
      <c r="H182688" s="12"/>
    </row>
    <row r="182689" spans="8:8">
      <c r="H182689" s="12"/>
    </row>
    <row r="182690" spans="8:8">
      <c r="H182690" s="12"/>
    </row>
    <row r="182691" spans="8:8">
      <c r="H182691" s="12"/>
    </row>
    <row r="182692" spans="8:8">
      <c r="H182692" s="12"/>
    </row>
    <row r="182693" spans="8:8">
      <c r="H182693" s="12"/>
    </row>
    <row r="182694" spans="8:8">
      <c r="H182694" s="12"/>
    </row>
    <row r="182695" spans="8:8">
      <c r="H182695" s="12"/>
    </row>
    <row r="182696" spans="8:8">
      <c r="H182696" s="12"/>
    </row>
    <row r="182697" spans="8:8">
      <c r="H182697" s="12"/>
    </row>
    <row r="182698" spans="8:8">
      <c r="H182698" s="12"/>
    </row>
    <row r="182699" spans="8:8">
      <c r="H182699" s="12"/>
    </row>
    <row r="182700" spans="8:8">
      <c r="H182700" s="12"/>
    </row>
    <row r="182701" spans="8:8">
      <c r="H182701" s="12"/>
    </row>
    <row r="182702" spans="8:8">
      <c r="H182702" s="12"/>
    </row>
    <row r="182703" spans="8:8">
      <c r="H182703" s="12"/>
    </row>
    <row r="182704" spans="8:8">
      <c r="H182704" s="12"/>
    </row>
    <row r="182705" spans="8:8">
      <c r="H182705" s="12"/>
    </row>
    <row r="182706" spans="8:8">
      <c r="H182706" s="12"/>
    </row>
    <row r="182707" spans="8:8">
      <c r="H182707" s="12"/>
    </row>
    <row r="182708" spans="8:8">
      <c r="H182708" s="12"/>
    </row>
    <row r="182709" spans="8:8">
      <c r="H182709" s="12"/>
    </row>
    <row r="182710" spans="8:8">
      <c r="H182710" s="12"/>
    </row>
    <row r="182711" spans="8:8">
      <c r="H182711" s="12"/>
    </row>
    <row r="182712" spans="8:8">
      <c r="H182712" s="12"/>
    </row>
    <row r="182713" spans="8:8">
      <c r="H182713" s="12"/>
    </row>
    <row r="182714" spans="8:8">
      <c r="H182714" s="12"/>
    </row>
    <row r="182715" spans="8:8">
      <c r="H182715" s="12"/>
    </row>
    <row r="182716" spans="8:8">
      <c r="H182716" s="12"/>
    </row>
    <row r="182717" spans="8:8">
      <c r="H182717" s="12"/>
    </row>
    <row r="182718" spans="8:8">
      <c r="H182718" s="12"/>
    </row>
    <row r="182719" spans="8:8">
      <c r="H182719" s="12"/>
    </row>
    <row r="182720" spans="8:8">
      <c r="H182720" s="12"/>
    </row>
    <row r="182721" spans="8:8">
      <c r="H182721" s="12"/>
    </row>
    <row r="182722" spans="8:8">
      <c r="H182722" s="12"/>
    </row>
    <row r="182723" spans="8:8">
      <c r="H182723" s="12"/>
    </row>
    <row r="182724" spans="8:8">
      <c r="H182724" s="12"/>
    </row>
    <row r="182725" spans="8:8">
      <c r="H182725" s="12"/>
    </row>
    <row r="182726" spans="8:8">
      <c r="H182726" s="12"/>
    </row>
    <row r="182727" spans="8:8">
      <c r="H182727" s="12"/>
    </row>
    <row r="182728" spans="8:8">
      <c r="H182728" s="12"/>
    </row>
    <row r="182729" spans="8:8">
      <c r="H182729" s="12"/>
    </row>
    <row r="182730" spans="8:8">
      <c r="H182730" s="12"/>
    </row>
    <row r="182731" spans="8:8">
      <c r="H182731" s="12"/>
    </row>
    <row r="182732" spans="8:8">
      <c r="H182732" s="12"/>
    </row>
    <row r="182733" spans="8:8">
      <c r="H182733" s="12"/>
    </row>
    <row r="182734" spans="8:8">
      <c r="H182734" s="12"/>
    </row>
    <row r="182735" spans="8:8">
      <c r="H182735" s="12"/>
    </row>
    <row r="182736" spans="8:8">
      <c r="H182736" s="12"/>
    </row>
    <row r="182737" spans="8:8">
      <c r="H182737" s="12"/>
    </row>
    <row r="182738" spans="8:8">
      <c r="H182738" s="12"/>
    </row>
    <row r="182739" spans="8:8">
      <c r="H182739" s="12"/>
    </row>
    <row r="182740" spans="8:8">
      <c r="H182740" s="12"/>
    </row>
    <row r="182741" spans="8:8">
      <c r="H182741" s="12"/>
    </row>
    <row r="182742" spans="8:8">
      <c r="H182742" s="12"/>
    </row>
    <row r="182743" spans="8:8">
      <c r="H182743" s="12"/>
    </row>
    <row r="182744" spans="8:8">
      <c r="H182744" s="12"/>
    </row>
    <row r="182745" spans="8:8">
      <c r="H182745" s="12"/>
    </row>
    <row r="182746" spans="8:8">
      <c r="H182746" s="12"/>
    </row>
    <row r="182747" spans="8:8">
      <c r="H182747" s="12"/>
    </row>
    <row r="182748" spans="8:8">
      <c r="H182748" s="12"/>
    </row>
    <row r="182749" spans="8:8">
      <c r="H182749" s="12"/>
    </row>
    <row r="182750" spans="8:8">
      <c r="H182750" s="12"/>
    </row>
    <row r="182751" spans="8:8">
      <c r="H182751" s="12"/>
    </row>
    <row r="182752" spans="8:8">
      <c r="H182752" s="12"/>
    </row>
    <row r="182753" spans="8:8">
      <c r="H182753" s="12"/>
    </row>
    <row r="182754" spans="8:8">
      <c r="H182754" s="12"/>
    </row>
    <row r="182755" spans="8:8">
      <c r="H182755" s="12"/>
    </row>
    <row r="182756" spans="8:8">
      <c r="H182756" s="12"/>
    </row>
    <row r="182757" spans="8:8">
      <c r="H182757" s="12"/>
    </row>
    <row r="182758" spans="8:8">
      <c r="H182758" s="12"/>
    </row>
    <row r="182759" spans="8:8">
      <c r="H182759" s="12"/>
    </row>
    <row r="182760" spans="8:8">
      <c r="H182760" s="12"/>
    </row>
    <row r="182761" spans="8:8">
      <c r="H182761" s="12"/>
    </row>
    <row r="182762" spans="8:8">
      <c r="H182762" s="12"/>
    </row>
    <row r="182763" spans="8:8">
      <c r="H182763" s="12"/>
    </row>
    <row r="182764" spans="8:8">
      <c r="H182764" s="12"/>
    </row>
    <row r="182765" spans="8:8">
      <c r="H182765" s="12"/>
    </row>
    <row r="182766" spans="8:8">
      <c r="H182766" s="12"/>
    </row>
    <row r="182767" spans="8:8">
      <c r="H182767" s="12"/>
    </row>
    <row r="182768" spans="8:8">
      <c r="H182768" s="12"/>
    </row>
    <row r="182769" spans="8:8">
      <c r="H182769" s="12"/>
    </row>
    <row r="182770" spans="8:8">
      <c r="H182770" s="12"/>
    </row>
    <row r="182771" spans="8:8">
      <c r="H182771" s="12"/>
    </row>
    <row r="182772" spans="8:8">
      <c r="H182772" s="12"/>
    </row>
    <row r="182773" spans="8:8">
      <c r="H182773" s="12"/>
    </row>
    <row r="182774" spans="8:8">
      <c r="H182774" s="12"/>
    </row>
    <row r="182775" spans="8:8">
      <c r="H182775" s="12"/>
    </row>
    <row r="182776" spans="8:8">
      <c r="H182776" s="12"/>
    </row>
    <row r="182777" spans="8:8">
      <c r="H182777" s="12"/>
    </row>
    <row r="182778" spans="8:8">
      <c r="H182778" s="12"/>
    </row>
    <row r="182779" spans="8:8">
      <c r="H182779" s="12"/>
    </row>
    <row r="182780" spans="8:8">
      <c r="H182780" s="12"/>
    </row>
    <row r="182781" spans="8:8">
      <c r="H182781" s="12"/>
    </row>
    <row r="182782" spans="8:8">
      <c r="H182782" s="12"/>
    </row>
    <row r="182783" spans="8:8">
      <c r="H182783" s="12"/>
    </row>
    <row r="182784" spans="8:8">
      <c r="H182784" s="12"/>
    </row>
    <row r="182785" spans="8:8">
      <c r="H182785" s="12"/>
    </row>
    <row r="182786" spans="8:8">
      <c r="H182786" s="12"/>
    </row>
    <row r="182787" spans="8:8">
      <c r="H182787" s="12"/>
    </row>
    <row r="182788" spans="8:8">
      <c r="H182788" s="12"/>
    </row>
    <row r="182789" spans="8:8">
      <c r="H182789" s="12"/>
    </row>
    <row r="182790" spans="8:8">
      <c r="H182790" s="12"/>
    </row>
    <row r="182791" spans="8:8">
      <c r="H182791" s="12"/>
    </row>
    <row r="182792" spans="8:8">
      <c r="H182792" s="12"/>
    </row>
    <row r="182793" spans="8:8">
      <c r="H182793" s="12"/>
    </row>
    <row r="182794" spans="8:8">
      <c r="H182794" s="12"/>
    </row>
    <row r="182795" spans="8:8">
      <c r="H182795" s="12"/>
    </row>
    <row r="182796" spans="8:8">
      <c r="H182796" s="12"/>
    </row>
    <row r="182797" spans="8:8">
      <c r="H182797" s="12"/>
    </row>
    <row r="182798" spans="8:8">
      <c r="H182798" s="12"/>
    </row>
    <row r="182799" spans="8:8">
      <c r="H182799" s="12"/>
    </row>
    <row r="182800" spans="8:8">
      <c r="H182800" s="12"/>
    </row>
    <row r="182801" spans="8:8">
      <c r="H182801" s="12"/>
    </row>
    <row r="182802" spans="8:8">
      <c r="H182802" s="12"/>
    </row>
    <row r="182803" spans="8:8">
      <c r="H182803" s="12"/>
    </row>
    <row r="182804" spans="8:8">
      <c r="H182804" s="12"/>
    </row>
    <row r="182805" spans="8:8">
      <c r="H182805" s="12"/>
    </row>
    <row r="182806" spans="8:8">
      <c r="H182806" s="12"/>
    </row>
    <row r="182807" spans="8:8">
      <c r="H182807" s="12"/>
    </row>
    <row r="182808" spans="8:8">
      <c r="H182808" s="12"/>
    </row>
    <row r="182809" spans="8:8">
      <c r="H182809" s="12"/>
    </row>
    <row r="182810" spans="8:8">
      <c r="H182810" s="12"/>
    </row>
    <row r="182811" spans="8:8">
      <c r="H182811" s="12"/>
    </row>
    <row r="182812" spans="8:8">
      <c r="H182812" s="12"/>
    </row>
    <row r="182813" spans="8:8">
      <c r="H182813" s="12"/>
    </row>
    <row r="182814" spans="8:8">
      <c r="H182814" s="12"/>
    </row>
    <row r="182815" spans="8:8">
      <c r="H182815" s="12"/>
    </row>
    <row r="182816" spans="8:8">
      <c r="H182816" s="12"/>
    </row>
    <row r="182817" spans="8:8">
      <c r="H182817" s="12"/>
    </row>
    <row r="182818" spans="8:8">
      <c r="H182818" s="12"/>
    </row>
    <row r="182819" spans="8:8">
      <c r="H182819" s="12"/>
    </row>
    <row r="182820" spans="8:8">
      <c r="H182820" s="12"/>
    </row>
    <row r="182821" spans="8:8">
      <c r="H182821" s="12"/>
    </row>
    <row r="182822" spans="8:8">
      <c r="H182822" s="12"/>
    </row>
    <row r="182823" spans="8:8">
      <c r="H182823" s="12"/>
    </row>
    <row r="182824" spans="8:8">
      <c r="H182824" s="12"/>
    </row>
    <row r="182825" spans="8:8">
      <c r="H182825" s="12"/>
    </row>
    <row r="182826" spans="8:8">
      <c r="H182826" s="12"/>
    </row>
    <row r="182827" spans="8:8">
      <c r="H182827" s="12"/>
    </row>
    <row r="182828" spans="8:8">
      <c r="H182828" s="12"/>
    </row>
    <row r="182829" spans="8:8">
      <c r="H182829" s="12"/>
    </row>
    <row r="182830" spans="8:8">
      <c r="H182830" s="12"/>
    </row>
    <row r="182831" spans="8:8">
      <c r="H182831" s="12"/>
    </row>
    <row r="182832" spans="8:8">
      <c r="H182832" s="12"/>
    </row>
    <row r="182833" spans="8:8">
      <c r="H182833" s="12"/>
    </row>
    <row r="182834" spans="8:8">
      <c r="H182834" s="12"/>
    </row>
    <row r="182835" spans="8:8">
      <c r="H182835" s="12"/>
    </row>
    <row r="182836" spans="8:8">
      <c r="H182836" s="12"/>
    </row>
    <row r="182837" spans="8:8">
      <c r="H182837" s="12"/>
    </row>
    <row r="182838" spans="8:8">
      <c r="H182838" s="12"/>
    </row>
    <row r="182839" spans="8:8">
      <c r="H182839" s="12"/>
    </row>
    <row r="182840" spans="8:8">
      <c r="H182840" s="12"/>
    </row>
    <row r="182841" spans="8:8">
      <c r="H182841" s="12"/>
    </row>
    <row r="182842" spans="8:8">
      <c r="H182842" s="12"/>
    </row>
    <row r="182843" spans="8:8">
      <c r="H182843" s="12"/>
    </row>
    <row r="182844" spans="8:8">
      <c r="H182844" s="12"/>
    </row>
    <row r="182845" spans="8:8">
      <c r="H182845" s="12"/>
    </row>
    <row r="182846" spans="8:8">
      <c r="H182846" s="12"/>
    </row>
    <row r="182847" spans="8:8">
      <c r="H182847" s="12"/>
    </row>
    <row r="182848" spans="8:8">
      <c r="H182848" s="12"/>
    </row>
    <row r="182849" spans="8:8">
      <c r="H182849" s="12"/>
    </row>
    <row r="182850" spans="8:8">
      <c r="H182850" s="12"/>
    </row>
    <row r="182851" spans="8:8">
      <c r="H182851" s="12"/>
    </row>
    <row r="182852" spans="8:8">
      <c r="H182852" s="12"/>
    </row>
    <row r="182853" spans="8:8">
      <c r="H182853" s="12"/>
    </row>
    <row r="182854" spans="8:8">
      <c r="H182854" s="12"/>
    </row>
    <row r="182855" spans="8:8">
      <c r="H182855" s="12"/>
    </row>
    <row r="182856" spans="8:8">
      <c r="H182856" s="12"/>
    </row>
    <row r="182857" spans="8:8">
      <c r="H182857" s="12"/>
    </row>
    <row r="182858" spans="8:8">
      <c r="H182858" s="12"/>
    </row>
    <row r="182859" spans="8:8">
      <c r="H182859" s="12"/>
    </row>
    <row r="182860" spans="8:8">
      <c r="H182860" s="12"/>
    </row>
    <row r="182861" spans="8:8">
      <c r="H182861" s="12"/>
    </row>
    <row r="182862" spans="8:8">
      <c r="H182862" s="12"/>
    </row>
    <row r="182863" spans="8:8">
      <c r="H182863" s="12"/>
    </row>
    <row r="182864" spans="8:8">
      <c r="H182864" s="12"/>
    </row>
    <row r="182865" spans="8:8">
      <c r="H182865" s="12"/>
    </row>
    <row r="182866" spans="8:8">
      <c r="H182866" s="12"/>
    </row>
    <row r="182867" spans="8:8">
      <c r="H182867" s="12"/>
    </row>
    <row r="182868" spans="8:8">
      <c r="H182868" s="12"/>
    </row>
    <row r="182869" spans="8:8">
      <c r="H182869" s="12"/>
    </row>
    <row r="182870" spans="8:8">
      <c r="H182870" s="12"/>
    </row>
    <row r="182871" spans="8:8">
      <c r="H182871" s="12"/>
    </row>
    <row r="182872" spans="8:8">
      <c r="H182872" s="12"/>
    </row>
    <row r="182873" spans="8:8">
      <c r="H182873" s="12"/>
    </row>
    <row r="182874" spans="8:8">
      <c r="H182874" s="12"/>
    </row>
    <row r="182875" spans="8:8">
      <c r="H182875" s="12"/>
    </row>
    <row r="182876" spans="8:8">
      <c r="H182876" s="12"/>
    </row>
    <row r="182877" spans="8:8">
      <c r="H182877" s="12"/>
    </row>
    <row r="182878" spans="8:8">
      <c r="H182878" s="12"/>
    </row>
    <row r="182879" spans="8:8">
      <c r="H182879" s="12"/>
    </row>
    <row r="182880" spans="8:8">
      <c r="H182880" s="12"/>
    </row>
    <row r="182881" spans="8:8">
      <c r="H182881" s="12"/>
    </row>
    <row r="182882" spans="8:8">
      <c r="H182882" s="12"/>
    </row>
    <row r="182883" spans="8:8">
      <c r="H182883" s="12"/>
    </row>
    <row r="182884" spans="8:8">
      <c r="H182884" s="12"/>
    </row>
    <row r="182885" spans="8:8">
      <c r="H182885" s="12"/>
    </row>
    <row r="182886" spans="8:8">
      <c r="H182886" s="12"/>
    </row>
    <row r="182887" spans="8:8">
      <c r="H182887" s="12"/>
    </row>
    <row r="182888" spans="8:8">
      <c r="H182888" s="12"/>
    </row>
    <row r="182889" spans="8:8">
      <c r="H182889" s="12"/>
    </row>
    <row r="182890" spans="8:8">
      <c r="H182890" s="12"/>
    </row>
    <row r="182891" spans="8:8">
      <c r="H182891" s="12"/>
    </row>
    <row r="182892" spans="8:8">
      <c r="H182892" s="12"/>
    </row>
    <row r="182893" spans="8:8">
      <c r="H182893" s="12"/>
    </row>
    <row r="182894" spans="8:8">
      <c r="H182894" s="12"/>
    </row>
    <row r="182895" spans="8:8">
      <c r="H182895" s="12"/>
    </row>
    <row r="182896" spans="8:8">
      <c r="H182896" s="12"/>
    </row>
    <row r="182897" spans="8:8">
      <c r="H182897" s="12"/>
    </row>
    <row r="182898" spans="8:8">
      <c r="H182898" s="12"/>
    </row>
    <row r="182899" spans="8:8">
      <c r="H182899" s="12"/>
    </row>
    <row r="182900" spans="8:8">
      <c r="H182900" s="12"/>
    </row>
    <row r="182901" spans="8:8">
      <c r="H182901" s="12"/>
    </row>
    <row r="182902" spans="8:8">
      <c r="H182902" s="12"/>
    </row>
    <row r="182903" spans="8:8">
      <c r="H182903" s="12"/>
    </row>
    <row r="182904" spans="8:8">
      <c r="H182904" s="12"/>
    </row>
    <row r="182905" spans="8:8">
      <c r="H182905" s="12"/>
    </row>
    <row r="182906" spans="8:8">
      <c r="H182906" s="12"/>
    </row>
    <row r="182907" spans="8:8">
      <c r="H182907" s="12"/>
    </row>
    <row r="182908" spans="8:8">
      <c r="H182908" s="12"/>
    </row>
    <row r="182909" spans="8:8">
      <c r="H182909" s="12"/>
    </row>
    <row r="182910" spans="8:8">
      <c r="H182910" s="12"/>
    </row>
    <row r="182911" spans="8:8">
      <c r="H182911" s="12"/>
    </row>
    <row r="182912" spans="8:8">
      <c r="H182912" s="12"/>
    </row>
    <row r="182913" spans="8:8">
      <c r="H182913" s="12"/>
    </row>
    <row r="182914" spans="8:8">
      <c r="H182914" s="12"/>
    </row>
    <row r="182915" spans="8:8">
      <c r="H182915" s="12"/>
    </row>
    <row r="182916" spans="8:8">
      <c r="H182916" s="12"/>
    </row>
    <row r="182917" spans="8:8">
      <c r="H182917" s="12"/>
    </row>
    <row r="182918" spans="8:8">
      <c r="H182918" s="12"/>
    </row>
    <row r="182919" spans="8:8">
      <c r="H182919" s="12"/>
    </row>
    <row r="182920" spans="8:8">
      <c r="H182920" s="12"/>
    </row>
    <row r="182921" spans="8:8">
      <c r="H182921" s="12"/>
    </row>
    <row r="182922" spans="8:8">
      <c r="H182922" s="12"/>
    </row>
    <row r="182923" spans="8:8">
      <c r="H182923" s="12"/>
    </row>
    <row r="182924" spans="8:8">
      <c r="H182924" s="12"/>
    </row>
    <row r="182925" spans="8:8">
      <c r="H182925" s="12"/>
    </row>
    <row r="182926" spans="8:8">
      <c r="H182926" s="12"/>
    </row>
    <row r="182927" spans="8:8">
      <c r="H182927" s="12"/>
    </row>
    <row r="182928" spans="8:8">
      <c r="H182928" s="12"/>
    </row>
    <row r="182929" spans="8:8">
      <c r="H182929" s="12"/>
    </row>
    <row r="182930" spans="8:8">
      <c r="H182930" s="12"/>
    </row>
    <row r="182931" spans="8:8">
      <c r="H182931" s="12"/>
    </row>
    <row r="182932" spans="8:8">
      <c r="H182932" s="12"/>
    </row>
    <row r="182933" spans="8:8">
      <c r="H182933" s="12"/>
    </row>
    <row r="182934" spans="8:8">
      <c r="H182934" s="12"/>
    </row>
    <row r="182935" spans="8:8">
      <c r="H182935" s="12"/>
    </row>
    <row r="182936" spans="8:8">
      <c r="H182936" s="12"/>
    </row>
    <row r="182937" spans="8:8">
      <c r="H182937" s="12"/>
    </row>
    <row r="182938" spans="8:8">
      <c r="H182938" s="12"/>
    </row>
    <row r="182939" spans="8:8">
      <c r="H182939" s="12"/>
    </row>
    <row r="182940" spans="8:8">
      <c r="H182940" s="12"/>
    </row>
    <row r="182941" spans="8:8">
      <c r="H182941" s="12"/>
    </row>
    <row r="182942" spans="8:8">
      <c r="H182942" s="12"/>
    </row>
    <row r="182943" spans="8:8">
      <c r="H182943" s="12"/>
    </row>
    <row r="182944" spans="8:8">
      <c r="H182944" s="12"/>
    </row>
    <row r="182945" spans="8:8">
      <c r="H182945" s="12"/>
    </row>
    <row r="182946" spans="8:8">
      <c r="H182946" s="12"/>
    </row>
    <row r="182947" spans="8:8">
      <c r="H182947" s="12"/>
    </row>
    <row r="182948" spans="8:8">
      <c r="H182948" s="12"/>
    </row>
    <row r="182949" spans="8:8">
      <c r="H182949" s="12"/>
    </row>
    <row r="182950" spans="8:8">
      <c r="H182950" s="12"/>
    </row>
    <row r="182951" spans="8:8">
      <c r="H182951" s="12"/>
    </row>
    <row r="182952" spans="8:8">
      <c r="H182952" s="12"/>
    </row>
    <row r="182953" spans="8:8">
      <c r="H182953" s="12"/>
    </row>
    <row r="182954" spans="8:8">
      <c r="H182954" s="12"/>
    </row>
    <row r="182955" spans="8:8">
      <c r="H182955" s="12"/>
    </row>
    <row r="182956" spans="8:8">
      <c r="H182956" s="12"/>
    </row>
    <row r="182957" spans="8:8">
      <c r="H182957" s="12"/>
    </row>
    <row r="182958" spans="8:8">
      <c r="H182958" s="12"/>
    </row>
    <row r="182959" spans="8:8">
      <c r="H182959" s="12"/>
    </row>
    <row r="182960" spans="8:8">
      <c r="H182960" s="12"/>
    </row>
    <row r="182961" spans="8:8">
      <c r="H182961" s="12"/>
    </row>
    <row r="182962" spans="8:8">
      <c r="H182962" s="12"/>
    </row>
    <row r="182963" spans="8:8">
      <c r="H182963" s="12"/>
    </row>
    <row r="182964" spans="8:8">
      <c r="H182964" s="12"/>
    </row>
    <row r="182965" spans="8:8">
      <c r="H182965" s="12"/>
    </row>
    <row r="182966" spans="8:8">
      <c r="H182966" s="12"/>
    </row>
    <row r="182967" spans="8:8">
      <c r="H182967" s="12"/>
    </row>
    <row r="182968" spans="8:8">
      <c r="H182968" s="12"/>
    </row>
    <row r="182969" spans="8:8">
      <c r="H182969" s="12"/>
    </row>
    <row r="182970" spans="8:8">
      <c r="H182970" s="12"/>
    </row>
    <row r="182971" spans="8:8">
      <c r="H182971" s="12"/>
    </row>
    <row r="182972" spans="8:8">
      <c r="H182972" s="12"/>
    </row>
    <row r="182973" spans="8:8">
      <c r="H182973" s="12"/>
    </row>
    <row r="182974" spans="8:8">
      <c r="H182974" s="12"/>
    </row>
    <row r="182975" spans="8:8">
      <c r="H182975" s="12"/>
    </row>
    <row r="182976" spans="8:8">
      <c r="H182976" s="12"/>
    </row>
    <row r="182977" spans="8:8">
      <c r="H182977" s="12"/>
    </row>
    <row r="182978" spans="8:8">
      <c r="H182978" s="12"/>
    </row>
    <row r="182979" spans="8:8">
      <c r="H182979" s="12"/>
    </row>
    <row r="182980" spans="8:8">
      <c r="H182980" s="12"/>
    </row>
    <row r="182981" spans="8:8">
      <c r="H182981" s="12"/>
    </row>
    <row r="182982" spans="8:8">
      <c r="H182982" s="12"/>
    </row>
    <row r="182983" spans="8:8">
      <c r="H182983" s="12"/>
    </row>
    <row r="182984" spans="8:8">
      <c r="H182984" s="12"/>
    </row>
    <row r="182985" spans="8:8">
      <c r="H182985" s="12"/>
    </row>
    <row r="182986" spans="8:8">
      <c r="H182986" s="12"/>
    </row>
    <row r="182987" spans="8:8">
      <c r="H182987" s="12"/>
    </row>
    <row r="182988" spans="8:8">
      <c r="H182988" s="12"/>
    </row>
    <row r="182989" spans="8:8">
      <c r="H182989" s="12"/>
    </row>
    <row r="182990" spans="8:8">
      <c r="H182990" s="12"/>
    </row>
    <row r="182991" spans="8:8">
      <c r="H182991" s="12"/>
    </row>
    <row r="182992" spans="8:8">
      <c r="H182992" s="12"/>
    </row>
    <row r="182993" spans="8:8">
      <c r="H182993" s="12"/>
    </row>
    <row r="182994" spans="8:8">
      <c r="H182994" s="12"/>
    </row>
    <row r="182995" spans="8:8">
      <c r="H182995" s="12"/>
    </row>
    <row r="182996" spans="8:8">
      <c r="H182996" s="12"/>
    </row>
    <row r="182997" spans="8:8">
      <c r="H182997" s="12"/>
    </row>
    <row r="182998" spans="8:8">
      <c r="H182998" s="12"/>
    </row>
    <row r="182999" spans="8:8">
      <c r="H182999" s="12"/>
    </row>
    <row r="183000" spans="8:8">
      <c r="H183000" s="12"/>
    </row>
    <row r="183001" spans="8:8">
      <c r="H183001" s="12"/>
    </row>
    <row r="183002" spans="8:8">
      <c r="H183002" s="12"/>
    </row>
    <row r="183003" spans="8:8">
      <c r="H183003" s="12"/>
    </row>
    <row r="183004" spans="8:8">
      <c r="H183004" s="12"/>
    </row>
    <row r="183005" spans="8:8">
      <c r="H183005" s="12"/>
    </row>
    <row r="183006" spans="8:8">
      <c r="H183006" s="12"/>
    </row>
    <row r="183007" spans="8:8">
      <c r="H183007" s="12"/>
    </row>
    <row r="183008" spans="8:8">
      <c r="H183008" s="12"/>
    </row>
    <row r="183009" spans="8:8">
      <c r="H183009" s="12"/>
    </row>
    <row r="183010" spans="8:8">
      <c r="H183010" s="12"/>
    </row>
    <row r="183011" spans="8:8">
      <c r="H183011" s="12"/>
    </row>
    <row r="183012" spans="8:8">
      <c r="H183012" s="12"/>
    </row>
    <row r="183013" spans="8:8">
      <c r="H183013" s="12"/>
    </row>
    <row r="183014" spans="8:8">
      <c r="H183014" s="12"/>
    </row>
    <row r="183015" spans="8:8">
      <c r="H183015" s="12"/>
    </row>
    <row r="183016" spans="8:8">
      <c r="H183016" s="12"/>
    </row>
    <row r="183017" spans="8:8">
      <c r="H183017" s="12"/>
    </row>
    <row r="183018" spans="8:8">
      <c r="H183018" s="12"/>
    </row>
    <row r="183019" spans="8:8">
      <c r="H183019" s="12"/>
    </row>
    <row r="183020" spans="8:8">
      <c r="H183020" s="12"/>
    </row>
    <row r="183021" spans="8:8">
      <c r="H183021" s="12"/>
    </row>
    <row r="183022" spans="8:8">
      <c r="H183022" s="12"/>
    </row>
    <row r="183023" spans="8:8">
      <c r="H183023" s="12"/>
    </row>
    <row r="183024" spans="8:8">
      <c r="H183024" s="12"/>
    </row>
    <row r="183025" spans="8:8">
      <c r="H183025" s="12"/>
    </row>
    <row r="183026" spans="8:8">
      <c r="H183026" s="12"/>
    </row>
    <row r="183027" spans="8:8">
      <c r="H183027" s="12"/>
    </row>
    <row r="183028" spans="8:8">
      <c r="H183028" s="12"/>
    </row>
    <row r="183029" spans="8:8">
      <c r="H183029" s="12"/>
    </row>
    <row r="183030" spans="8:8">
      <c r="H183030" s="12"/>
    </row>
    <row r="183031" spans="8:8">
      <c r="H183031" s="12"/>
    </row>
    <row r="183032" spans="8:8">
      <c r="H183032" s="12"/>
    </row>
    <row r="183033" spans="8:8">
      <c r="H183033" s="12"/>
    </row>
    <row r="183034" spans="8:8">
      <c r="H183034" s="12"/>
    </row>
    <row r="183035" spans="8:8">
      <c r="H183035" s="12"/>
    </row>
    <row r="183036" spans="8:8">
      <c r="H183036" s="12"/>
    </row>
    <row r="183037" spans="8:8">
      <c r="H183037" s="12"/>
    </row>
    <row r="183038" spans="8:8">
      <c r="H183038" s="12"/>
    </row>
    <row r="183039" spans="8:8">
      <c r="H183039" s="12"/>
    </row>
    <row r="183040" spans="8:8">
      <c r="H183040" s="12"/>
    </row>
    <row r="183041" spans="8:8">
      <c r="H183041" s="12"/>
    </row>
    <row r="183042" spans="8:8">
      <c r="H183042" s="12"/>
    </row>
    <row r="183043" spans="8:8">
      <c r="H183043" s="12"/>
    </row>
    <row r="183044" spans="8:8">
      <c r="H183044" s="12"/>
    </row>
    <row r="183045" spans="8:8">
      <c r="H183045" s="12"/>
    </row>
    <row r="183046" spans="8:8">
      <c r="H183046" s="12"/>
    </row>
    <row r="183047" spans="8:8">
      <c r="H183047" s="12"/>
    </row>
    <row r="183048" spans="8:8">
      <c r="H183048" s="12"/>
    </row>
    <row r="183049" spans="8:8">
      <c r="H183049" s="12"/>
    </row>
    <row r="183050" spans="8:8">
      <c r="H183050" s="12"/>
    </row>
    <row r="183051" spans="8:8">
      <c r="H183051" s="12"/>
    </row>
    <row r="183052" spans="8:8">
      <c r="H183052" s="12"/>
    </row>
    <row r="183053" spans="8:8">
      <c r="H183053" s="12"/>
    </row>
    <row r="183054" spans="8:8">
      <c r="H183054" s="12"/>
    </row>
    <row r="183055" spans="8:8">
      <c r="H183055" s="12"/>
    </row>
    <row r="183056" spans="8:8">
      <c r="H183056" s="12"/>
    </row>
    <row r="183057" spans="8:8">
      <c r="H183057" s="12"/>
    </row>
    <row r="183058" spans="8:8">
      <c r="H183058" s="12"/>
    </row>
    <row r="183059" spans="8:8">
      <c r="H183059" s="12"/>
    </row>
    <row r="183060" spans="8:8">
      <c r="H183060" s="12"/>
    </row>
    <row r="183061" spans="8:8">
      <c r="H183061" s="12"/>
    </row>
    <row r="183062" spans="8:8">
      <c r="H183062" s="12"/>
    </row>
    <row r="183063" spans="8:8">
      <c r="H183063" s="12"/>
    </row>
    <row r="183064" spans="8:8">
      <c r="H183064" s="12"/>
    </row>
    <row r="183065" spans="8:8">
      <c r="H183065" s="12"/>
    </row>
    <row r="183066" spans="8:8">
      <c r="H183066" s="12"/>
    </row>
    <row r="183067" spans="8:8">
      <c r="H183067" s="12"/>
    </row>
    <row r="183068" spans="8:8">
      <c r="H183068" s="12"/>
    </row>
    <row r="183069" spans="8:8">
      <c r="H183069" s="12"/>
    </row>
    <row r="183070" spans="8:8">
      <c r="H183070" s="12"/>
    </row>
    <row r="183071" spans="8:8">
      <c r="H183071" s="12"/>
    </row>
    <row r="183072" spans="8:8">
      <c r="H183072" s="12"/>
    </row>
    <row r="183073" spans="8:8">
      <c r="H183073" s="12"/>
    </row>
    <row r="183074" spans="8:8">
      <c r="H183074" s="12"/>
    </row>
    <row r="183075" spans="8:8">
      <c r="H183075" s="12"/>
    </row>
    <row r="183076" spans="8:8">
      <c r="H183076" s="12"/>
    </row>
    <row r="183077" spans="8:8">
      <c r="H183077" s="12"/>
    </row>
    <row r="183078" spans="8:8">
      <c r="H183078" s="12"/>
    </row>
    <row r="183079" spans="8:8">
      <c r="H183079" s="12"/>
    </row>
    <row r="183080" spans="8:8">
      <c r="H183080" s="12"/>
    </row>
    <row r="183081" spans="8:8">
      <c r="H183081" s="12"/>
    </row>
    <row r="183082" spans="8:8">
      <c r="H183082" s="12"/>
    </row>
    <row r="183083" spans="8:8">
      <c r="H183083" s="12"/>
    </row>
    <row r="183084" spans="8:8">
      <c r="H183084" s="12"/>
    </row>
    <row r="183085" spans="8:8">
      <c r="H183085" s="12"/>
    </row>
    <row r="183086" spans="8:8">
      <c r="H183086" s="12"/>
    </row>
    <row r="183087" spans="8:8">
      <c r="H183087" s="12"/>
    </row>
    <row r="183088" spans="8:8">
      <c r="H183088" s="12"/>
    </row>
    <row r="183089" spans="8:8">
      <c r="H183089" s="12"/>
    </row>
    <row r="183090" spans="8:8">
      <c r="H183090" s="12"/>
    </row>
    <row r="183091" spans="8:8">
      <c r="H183091" s="12"/>
    </row>
    <row r="183092" spans="8:8">
      <c r="H183092" s="12"/>
    </row>
    <row r="183093" spans="8:8">
      <c r="H183093" s="12"/>
    </row>
    <row r="183094" spans="8:8">
      <c r="H183094" s="12"/>
    </row>
    <row r="183095" spans="8:8">
      <c r="H183095" s="12"/>
    </row>
    <row r="183096" spans="8:8">
      <c r="H183096" s="12"/>
    </row>
    <row r="183097" spans="8:8">
      <c r="H183097" s="12"/>
    </row>
    <row r="183098" spans="8:8">
      <c r="H183098" s="12"/>
    </row>
    <row r="183099" spans="8:8">
      <c r="H183099" s="12"/>
    </row>
    <row r="183100" spans="8:8">
      <c r="H183100" s="12"/>
    </row>
    <row r="183101" spans="8:8">
      <c r="H183101" s="12"/>
    </row>
    <row r="183102" spans="8:8">
      <c r="H183102" s="12"/>
    </row>
    <row r="183103" spans="8:8">
      <c r="H183103" s="12"/>
    </row>
    <row r="183104" spans="8:8">
      <c r="H183104" s="12"/>
    </row>
    <row r="183105" spans="8:8">
      <c r="H183105" s="12"/>
    </row>
    <row r="183106" spans="8:8">
      <c r="H183106" s="12"/>
    </row>
    <row r="183107" spans="8:8">
      <c r="H183107" s="12"/>
    </row>
    <row r="183108" spans="8:8">
      <c r="H183108" s="12"/>
    </row>
    <row r="183109" spans="8:8">
      <c r="H183109" s="12"/>
    </row>
    <row r="183110" spans="8:8">
      <c r="H183110" s="12"/>
    </row>
    <row r="183111" spans="8:8">
      <c r="H183111" s="12"/>
    </row>
    <row r="183112" spans="8:8">
      <c r="H183112" s="12"/>
    </row>
    <row r="183113" spans="8:8">
      <c r="H183113" s="12"/>
    </row>
    <row r="183114" spans="8:8">
      <c r="H183114" s="12"/>
    </row>
    <row r="183115" spans="8:8">
      <c r="H183115" s="12"/>
    </row>
    <row r="183116" spans="8:8">
      <c r="H183116" s="12"/>
    </row>
    <row r="183117" spans="8:8">
      <c r="H183117" s="12"/>
    </row>
    <row r="183118" spans="8:8">
      <c r="H183118" s="12"/>
    </row>
    <row r="183119" spans="8:8">
      <c r="H183119" s="12"/>
    </row>
    <row r="183120" spans="8:8">
      <c r="H183120" s="12"/>
    </row>
    <row r="183121" spans="8:8">
      <c r="H183121" s="12"/>
    </row>
    <row r="183122" spans="8:8">
      <c r="H183122" s="12"/>
    </row>
    <row r="183123" spans="8:8">
      <c r="H183123" s="12"/>
    </row>
    <row r="183124" spans="8:8">
      <c r="H183124" s="12"/>
    </row>
    <row r="183125" spans="8:8">
      <c r="H183125" s="12"/>
    </row>
    <row r="183126" spans="8:8">
      <c r="H183126" s="12"/>
    </row>
    <row r="183127" spans="8:8">
      <c r="H183127" s="12"/>
    </row>
    <row r="183128" spans="8:8">
      <c r="H183128" s="12"/>
    </row>
    <row r="183129" spans="8:8">
      <c r="H183129" s="12"/>
    </row>
    <row r="183130" spans="8:8">
      <c r="H183130" s="12"/>
    </row>
    <row r="183131" spans="8:8">
      <c r="H183131" s="12"/>
    </row>
    <row r="183132" spans="8:8">
      <c r="H183132" s="12"/>
    </row>
    <row r="183133" spans="8:8">
      <c r="H183133" s="12"/>
    </row>
    <row r="183134" spans="8:8">
      <c r="H183134" s="12"/>
    </row>
    <row r="183135" spans="8:8">
      <c r="H183135" s="12"/>
    </row>
    <row r="183136" spans="8:8">
      <c r="H183136" s="12"/>
    </row>
    <row r="183137" spans="8:8">
      <c r="H183137" s="12"/>
    </row>
    <row r="183138" spans="8:8">
      <c r="H183138" s="12"/>
    </row>
    <row r="183139" spans="8:8">
      <c r="H183139" s="12"/>
    </row>
    <row r="183140" spans="8:8">
      <c r="H183140" s="12"/>
    </row>
    <row r="183141" spans="8:8">
      <c r="H183141" s="12"/>
    </row>
    <row r="183142" spans="8:8">
      <c r="H183142" s="12"/>
    </row>
    <row r="183143" spans="8:8">
      <c r="H183143" s="12"/>
    </row>
    <row r="183144" spans="8:8">
      <c r="H183144" s="12"/>
    </row>
    <row r="183145" spans="8:8">
      <c r="H183145" s="12"/>
    </row>
    <row r="183146" spans="8:8">
      <c r="H183146" s="12"/>
    </row>
    <row r="183147" spans="8:8">
      <c r="H183147" s="12"/>
    </row>
    <row r="183148" spans="8:8">
      <c r="H183148" s="12"/>
    </row>
    <row r="183149" spans="8:8">
      <c r="H183149" s="12"/>
    </row>
    <row r="183150" spans="8:8">
      <c r="H183150" s="12"/>
    </row>
    <row r="183151" spans="8:8">
      <c r="H183151" s="12"/>
    </row>
    <row r="183152" spans="8:8">
      <c r="H183152" s="12"/>
    </row>
    <row r="183153" spans="8:8">
      <c r="H183153" s="12"/>
    </row>
    <row r="183154" spans="8:8">
      <c r="H183154" s="12"/>
    </row>
    <row r="183155" spans="8:8">
      <c r="H183155" s="12"/>
    </row>
    <row r="183156" spans="8:8">
      <c r="H183156" s="12"/>
    </row>
    <row r="183157" spans="8:8">
      <c r="H183157" s="12"/>
    </row>
    <row r="183158" spans="8:8">
      <c r="H183158" s="12"/>
    </row>
    <row r="183159" spans="8:8">
      <c r="H183159" s="12"/>
    </row>
    <row r="183160" spans="8:8">
      <c r="H183160" s="12"/>
    </row>
    <row r="183161" spans="8:8">
      <c r="H183161" s="12"/>
    </row>
    <row r="183162" spans="8:8">
      <c r="H183162" s="12"/>
    </row>
    <row r="183163" spans="8:8">
      <c r="H183163" s="12"/>
    </row>
    <row r="183164" spans="8:8">
      <c r="H183164" s="12"/>
    </row>
    <row r="183165" spans="8:8">
      <c r="H183165" s="12"/>
    </row>
    <row r="183166" spans="8:8">
      <c r="H183166" s="12"/>
    </row>
    <row r="183167" spans="8:8">
      <c r="H183167" s="12"/>
    </row>
    <row r="183168" spans="8:8">
      <c r="H183168" s="12"/>
    </row>
    <row r="183169" spans="8:8">
      <c r="H183169" s="12"/>
    </row>
    <row r="183170" spans="8:8">
      <c r="H183170" s="12"/>
    </row>
    <row r="183171" spans="8:8">
      <c r="H183171" s="12"/>
    </row>
    <row r="183172" spans="8:8">
      <c r="H183172" s="12"/>
    </row>
    <row r="183173" spans="8:8">
      <c r="H183173" s="12"/>
    </row>
    <row r="183174" spans="8:8">
      <c r="H183174" s="12"/>
    </row>
    <row r="183175" spans="8:8">
      <c r="H183175" s="12"/>
    </row>
    <row r="183176" spans="8:8">
      <c r="H183176" s="12"/>
    </row>
    <row r="183177" spans="8:8">
      <c r="H183177" s="12"/>
    </row>
    <row r="183178" spans="8:8">
      <c r="H183178" s="12"/>
    </row>
    <row r="183179" spans="8:8">
      <c r="H183179" s="12"/>
    </row>
    <row r="183180" spans="8:8">
      <c r="H183180" s="12"/>
    </row>
    <row r="183181" spans="8:8">
      <c r="H183181" s="12"/>
    </row>
    <row r="183182" spans="8:8">
      <c r="H183182" s="12"/>
    </row>
    <row r="183183" spans="8:8">
      <c r="H183183" s="12"/>
    </row>
    <row r="183184" spans="8:8">
      <c r="H183184" s="12"/>
    </row>
    <row r="183185" spans="8:8">
      <c r="H183185" s="12"/>
    </row>
    <row r="183186" spans="8:8">
      <c r="H183186" s="12"/>
    </row>
    <row r="183187" spans="8:8">
      <c r="H183187" s="12"/>
    </row>
    <row r="183188" spans="8:8">
      <c r="H183188" s="12"/>
    </row>
    <row r="183189" spans="8:8">
      <c r="H183189" s="12"/>
    </row>
    <row r="183190" spans="8:8">
      <c r="H183190" s="12"/>
    </row>
    <row r="183191" spans="8:8">
      <c r="H183191" s="12"/>
    </row>
    <row r="183192" spans="8:8">
      <c r="H183192" s="12"/>
    </row>
    <row r="183193" spans="8:8">
      <c r="H183193" s="12"/>
    </row>
    <row r="183194" spans="8:8">
      <c r="H183194" s="12"/>
    </row>
    <row r="183195" spans="8:8">
      <c r="H183195" s="12"/>
    </row>
    <row r="183196" spans="8:8">
      <c r="H183196" s="12"/>
    </row>
    <row r="183197" spans="8:8">
      <c r="H183197" s="12"/>
    </row>
    <row r="183198" spans="8:8">
      <c r="H183198" s="12"/>
    </row>
    <row r="183199" spans="8:8">
      <c r="H183199" s="12"/>
    </row>
    <row r="183200" spans="8:8">
      <c r="H183200" s="12"/>
    </row>
    <row r="183201" spans="8:8">
      <c r="H183201" s="12"/>
    </row>
    <row r="183202" spans="8:8">
      <c r="H183202" s="12"/>
    </row>
    <row r="183203" spans="8:8">
      <c r="H183203" s="12"/>
    </row>
    <row r="183204" spans="8:8">
      <c r="H183204" s="12"/>
    </row>
    <row r="183205" spans="8:8">
      <c r="H183205" s="12"/>
    </row>
    <row r="183206" spans="8:8">
      <c r="H183206" s="12"/>
    </row>
    <row r="183207" spans="8:8">
      <c r="H183207" s="12"/>
    </row>
    <row r="183208" spans="8:8">
      <c r="H183208" s="12"/>
    </row>
    <row r="183209" spans="8:8">
      <c r="H183209" s="12"/>
    </row>
    <row r="183210" spans="8:8">
      <c r="H183210" s="12"/>
    </row>
    <row r="183211" spans="8:8">
      <c r="H183211" s="12"/>
    </row>
    <row r="183212" spans="8:8">
      <c r="H183212" s="12"/>
    </row>
    <row r="183213" spans="8:8">
      <c r="H183213" s="12"/>
    </row>
    <row r="183214" spans="8:8">
      <c r="H183214" s="12"/>
    </row>
    <row r="183215" spans="8:8">
      <c r="H183215" s="12"/>
    </row>
    <row r="183216" spans="8:8">
      <c r="H183216" s="12"/>
    </row>
    <row r="183217" spans="8:8">
      <c r="H183217" s="12"/>
    </row>
    <row r="183218" spans="8:8">
      <c r="H183218" s="12"/>
    </row>
    <row r="183219" spans="8:8">
      <c r="H183219" s="12"/>
    </row>
    <row r="183220" spans="8:8">
      <c r="H183220" s="12"/>
    </row>
    <row r="183221" spans="8:8">
      <c r="H183221" s="12"/>
    </row>
    <row r="183222" spans="8:8">
      <c r="H183222" s="12"/>
    </row>
    <row r="183223" spans="8:8">
      <c r="H183223" s="12"/>
    </row>
    <row r="183224" spans="8:8">
      <c r="H183224" s="12"/>
    </row>
    <row r="183225" spans="8:8">
      <c r="H183225" s="12"/>
    </row>
    <row r="183226" spans="8:8">
      <c r="H183226" s="12"/>
    </row>
    <row r="183227" spans="8:8">
      <c r="H183227" s="12"/>
    </row>
    <row r="183228" spans="8:8">
      <c r="H183228" s="12"/>
    </row>
    <row r="183229" spans="8:8">
      <c r="H183229" s="12"/>
    </row>
    <row r="183230" spans="8:8">
      <c r="H183230" s="12"/>
    </row>
    <row r="183231" spans="8:8">
      <c r="H183231" s="12"/>
    </row>
    <row r="183232" spans="8:8">
      <c r="H183232" s="12"/>
    </row>
    <row r="183233" spans="8:8">
      <c r="H183233" s="12"/>
    </row>
    <row r="183234" spans="8:8">
      <c r="H183234" s="12"/>
    </row>
    <row r="183235" spans="8:8">
      <c r="H183235" s="12"/>
    </row>
    <row r="183236" spans="8:8">
      <c r="H183236" s="12"/>
    </row>
    <row r="183237" spans="8:8">
      <c r="H183237" s="12"/>
    </row>
    <row r="183238" spans="8:8">
      <c r="H183238" s="12"/>
    </row>
    <row r="183239" spans="8:8">
      <c r="H183239" s="12"/>
    </row>
    <row r="183240" spans="8:8">
      <c r="H183240" s="12"/>
    </row>
    <row r="183241" spans="8:8">
      <c r="H183241" s="12"/>
    </row>
    <row r="183242" spans="8:8">
      <c r="H183242" s="12"/>
    </row>
    <row r="183243" spans="8:8">
      <c r="H183243" s="12"/>
    </row>
    <row r="183244" spans="8:8">
      <c r="H183244" s="12"/>
    </row>
    <row r="183245" spans="8:8">
      <c r="H183245" s="12"/>
    </row>
    <row r="183246" spans="8:8">
      <c r="H183246" s="12"/>
    </row>
    <row r="183247" spans="8:8">
      <c r="H183247" s="12"/>
    </row>
    <row r="183248" spans="8:8">
      <c r="H183248" s="12"/>
    </row>
    <row r="183249" spans="8:8">
      <c r="H183249" s="12"/>
    </row>
    <row r="183250" spans="8:8">
      <c r="H183250" s="12"/>
    </row>
    <row r="183251" spans="8:8">
      <c r="H183251" s="12"/>
    </row>
    <row r="183252" spans="8:8">
      <c r="H183252" s="12"/>
    </row>
    <row r="183253" spans="8:8">
      <c r="H183253" s="12"/>
    </row>
    <row r="183254" spans="8:8">
      <c r="H183254" s="12"/>
    </row>
    <row r="183255" spans="8:8">
      <c r="H183255" s="12"/>
    </row>
    <row r="183256" spans="8:8">
      <c r="H183256" s="12"/>
    </row>
    <row r="183257" spans="8:8">
      <c r="H183257" s="12"/>
    </row>
    <row r="183258" spans="8:8">
      <c r="H183258" s="12"/>
    </row>
    <row r="183259" spans="8:8">
      <c r="H183259" s="12"/>
    </row>
    <row r="183260" spans="8:8">
      <c r="H183260" s="12"/>
    </row>
    <row r="183261" spans="8:8">
      <c r="H183261" s="12"/>
    </row>
    <row r="183262" spans="8:8">
      <c r="H183262" s="12"/>
    </row>
    <row r="183263" spans="8:8">
      <c r="H183263" s="12"/>
    </row>
    <row r="183264" spans="8:8">
      <c r="H183264" s="12"/>
    </row>
    <row r="183265" spans="8:8">
      <c r="H183265" s="12"/>
    </row>
    <row r="183266" spans="8:8">
      <c r="H183266" s="12"/>
    </row>
    <row r="183267" spans="8:8">
      <c r="H183267" s="12"/>
    </row>
    <row r="183268" spans="8:8">
      <c r="H183268" s="12"/>
    </row>
    <row r="183269" spans="8:8">
      <c r="H183269" s="12"/>
    </row>
    <row r="183270" spans="8:8">
      <c r="H183270" s="12"/>
    </row>
    <row r="183271" spans="8:8">
      <c r="H183271" s="12"/>
    </row>
    <row r="183272" spans="8:8">
      <c r="H183272" s="12"/>
    </row>
    <row r="183273" spans="8:8">
      <c r="H183273" s="12"/>
    </row>
    <row r="183274" spans="8:8">
      <c r="H183274" s="12"/>
    </row>
    <row r="183275" spans="8:8">
      <c r="H183275" s="12"/>
    </row>
    <row r="183276" spans="8:8">
      <c r="H183276" s="12"/>
    </row>
    <row r="183277" spans="8:8">
      <c r="H183277" s="12"/>
    </row>
    <row r="183278" spans="8:8">
      <c r="H183278" s="12"/>
    </row>
    <row r="183279" spans="8:8">
      <c r="H183279" s="12"/>
    </row>
    <row r="183280" spans="8:8">
      <c r="H183280" s="12"/>
    </row>
    <row r="183281" spans="8:8">
      <c r="H183281" s="12"/>
    </row>
    <row r="183282" spans="8:8">
      <c r="H183282" s="12"/>
    </row>
    <row r="183283" spans="8:8">
      <c r="H183283" s="12"/>
    </row>
    <row r="183284" spans="8:8">
      <c r="H183284" s="12"/>
    </row>
    <row r="183285" spans="8:8">
      <c r="H183285" s="12"/>
    </row>
    <row r="183286" spans="8:8">
      <c r="H183286" s="12"/>
    </row>
    <row r="183287" spans="8:8">
      <c r="H183287" s="12"/>
    </row>
    <row r="183288" spans="8:8">
      <c r="H183288" s="12"/>
    </row>
    <row r="183289" spans="8:8">
      <c r="H183289" s="12"/>
    </row>
    <row r="183290" spans="8:8">
      <c r="H183290" s="12"/>
    </row>
    <row r="183291" spans="8:8">
      <c r="H183291" s="12"/>
    </row>
    <row r="183292" spans="8:8">
      <c r="H183292" s="12"/>
    </row>
    <row r="183293" spans="8:8">
      <c r="H183293" s="12"/>
    </row>
    <row r="183294" spans="8:8">
      <c r="H183294" s="12"/>
    </row>
    <row r="183295" spans="8:8">
      <c r="H183295" s="12"/>
    </row>
    <row r="183296" spans="8:8">
      <c r="H183296" s="12"/>
    </row>
    <row r="183297" spans="8:8">
      <c r="H183297" s="12"/>
    </row>
    <row r="183298" spans="8:8">
      <c r="H183298" s="12"/>
    </row>
    <row r="183299" spans="8:8">
      <c r="H183299" s="12"/>
    </row>
    <row r="183300" spans="8:8">
      <c r="H183300" s="12"/>
    </row>
    <row r="183301" spans="8:8">
      <c r="H183301" s="12"/>
    </row>
    <row r="183302" spans="8:8">
      <c r="H183302" s="12"/>
    </row>
    <row r="183303" spans="8:8">
      <c r="H183303" s="12"/>
    </row>
    <row r="183304" spans="8:8">
      <c r="H183304" s="12"/>
    </row>
    <row r="183305" spans="8:8">
      <c r="H183305" s="12"/>
    </row>
    <row r="183306" spans="8:8">
      <c r="H183306" s="12"/>
    </row>
    <row r="183307" spans="8:8">
      <c r="H183307" s="12"/>
    </row>
    <row r="183308" spans="8:8">
      <c r="H183308" s="12"/>
    </row>
    <row r="183309" spans="8:8">
      <c r="H183309" s="12"/>
    </row>
    <row r="183310" spans="8:8">
      <c r="H183310" s="12"/>
    </row>
    <row r="183311" spans="8:8">
      <c r="H183311" s="12"/>
    </row>
    <row r="183312" spans="8:8">
      <c r="H183312" s="12"/>
    </row>
    <row r="183313" spans="8:8">
      <c r="H183313" s="12"/>
    </row>
    <row r="183314" spans="8:8">
      <c r="H183314" s="12"/>
    </row>
    <row r="183315" spans="8:8">
      <c r="H183315" s="12"/>
    </row>
    <row r="183316" spans="8:8">
      <c r="H183316" s="12"/>
    </row>
    <row r="183317" spans="8:8">
      <c r="H183317" s="12"/>
    </row>
    <row r="183318" spans="8:8">
      <c r="H183318" s="12"/>
    </row>
    <row r="183319" spans="8:8">
      <c r="H183319" s="12"/>
    </row>
    <row r="183320" spans="8:8">
      <c r="H183320" s="12"/>
    </row>
    <row r="183321" spans="8:8">
      <c r="H183321" s="12"/>
    </row>
    <row r="183322" spans="8:8">
      <c r="H183322" s="12"/>
    </row>
    <row r="183323" spans="8:8">
      <c r="H183323" s="12"/>
    </row>
    <row r="183324" spans="8:8">
      <c r="H183324" s="12"/>
    </row>
    <row r="183325" spans="8:8">
      <c r="H183325" s="12"/>
    </row>
    <row r="183326" spans="8:8">
      <c r="H183326" s="12"/>
    </row>
    <row r="183327" spans="8:8">
      <c r="H183327" s="12"/>
    </row>
    <row r="183328" spans="8:8">
      <c r="H183328" s="12"/>
    </row>
    <row r="183329" spans="8:8">
      <c r="H183329" s="12"/>
    </row>
    <row r="183330" spans="8:8">
      <c r="H183330" s="12"/>
    </row>
    <row r="183331" spans="8:8">
      <c r="H183331" s="12"/>
    </row>
    <row r="183332" spans="8:8">
      <c r="H183332" s="12"/>
    </row>
    <row r="183333" spans="8:8">
      <c r="H183333" s="12"/>
    </row>
    <row r="183334" spans="8:8">
      <c r="H183334" s="12"/>
    </row>
    <row r="183335" spans="8:8">
      <c r="H183335" s="12"/>
    </row>
    <row r="183336" spans="8:8">
      <c r="H183336" s="12"/>
    </row>
    <row r="183337" spans="8:8">
      <c r="H183337" s="12"/>
    </row>
    <row r="183338" spans="8:8">
      <c r="H183338" s="12"/>
    </row>
    <row r="183339" spans="8:8">
      <c r="H183339" s="12"/>
    </row>
    <row r="183340" spans="8:8">
      <c r="H183340" s="12"/>
    </row>
    <row r="183341" spans="8:8">
      <c r="H183341" s="12"/>
    </row>
    <row r="183342" spans="8:8">
      <c r="H183342" s="12"/>
    </row>
    <row r="183343" spans="8:8">
      <c r="H183343" s="12"/>
    </row>
    <row r="183344" spans="8:8">
      <c r="H183344" s="12"/>
    </row>
    <row r="183345" spans="8:8">
      <c r="H183345" s="12"/>
    </row>
    <row r="183346" spans="8:8">
      <c r="H183346" s="12"/>
    </row>
    <row r="183347" spans="8:8">
      <c r="H183347" s="12"/>
    </row>
    <row r="183348" spans="8:8">
      <c r="H183348" s="12"/>
    </row>
    <row r="183349" spans="8:8">
      <c r="H183349" s="12"/>
    </row>
    <row r="183350" spans="8:8">
      <c r="H183350" s="12"/>
    </row>
    <row r="183351" spans="8:8">
      <c r="H183351" s="12"/>
    </row>
    <row r="183352" spans="8:8">
      <c r="H183352" s="12"/>
    </row>
    <row r="183353" spans="8:8">
      <c r="H183353" s="12"/>
    </row>
    <row r="183354" spans="8:8">
      <c r="H183354" s="12"/>
    </row>
    <row r="183355" spans="8:8">
      <c r="H183355" s="12"/>
    </row>
    <row r="183356" spans="8:8">
      <c r="H183356" s="12"/>
    </row>
    <row r="183357" spans="8:8">
      <c r="H183357" s="12"/>
    </row>
    <row r="183358" spans="8:8">
      <c r="H183358" s="12"/>
    </row>
    <row r="183359" spans="8:8">
      <c r="H183359" s="12"/>
    </row>
    <row r="183360" spans="8:8">
      <c r="H183360" s="12"/>
    </row>
    <row r="183361" spans="8:8">
      <c r="H183361" s="12"/>
    </row>
    <row r="183362" spans="8:8">
      <c r="H183362" s="12"/>
    </row>
    <row r="183363" spans="8:8">
      <c r="H183363" s="12"/>
    </row>
    <row r="183364" spans="8:8">
      <c r="H183364" s="12"/>
    </row>
    <row r="183365" spans="8:8">
      <c r="H183365" s="12"/>
    </row>
    <row r="183366" spans="8:8">
      <c r="H183366" s="12"/>
    </row>
    <row r="183367" spans="8:8">
      <c r="H183367" s="12"/>
    </row>
    <row r="183368" spans="8:8">
      <c r="H183368" s="12"/>
    </row>
    <row r="183369" spans="8:8">
      <c r="H183369" s="12"/>
    </row>
    <row r="183370" spans="8:8">
      <c r="H183370" s="12"/>
    </row>
    <row r="183371" spans="8:8">
      <c r="H183371" s="12"/>
    </row>
    <row r="183372" spans="8:8">
      <c r="H183372" s="12"/>
    </row>
    <row r="183373" spans="8:8">
      <c r="H183373" s="12"/>
    </row>
    <row r="183374" spans="8:8">
      <c r="H183374" s="12"/>
    </row>
    <row r="183375" spans="8:8">
      <c r="H183375" s="12"/>
    </row>
    <row r="183376" spans="8:8">
      <c r="H183376" s="12"/>
    </row>
    <row r="183377" spans="8:8">
      <c r="H183377" s="12"/>
    </row>
    <row r="183378" spans="8:8">
      <c r="H183378" s="12"/>
    </row>
    <row r="183379" spans="8:8">
      <c r="H183379" s="12"/>
    </row>
    <row r="183380" spans="8:8">
      <c r="H183380" s="12"/>
    </row>
    <row r="183381" spans="8:8">
      <c r="H183381" s="12"/>
    </row>
    <row r="183382" spans="8:8">
      <c r="H183382" s="12"/>
    </row>
    <row r="183383" spans="8:8">
      <c r="H183383" s="12"/>
    </row>
    <row r="183384" spans="8:8">
      <c r="H183384" s="12"/>
    </row>
    <row r="183385" spans="8:8">
      <c r="H183385" s="12"/>
    </row>
    <row r="183386" spans="8:8">
      <c r="H183386" s="12"/>
    </row>
    <row r="183387" spans="8:8">
      <c r="H183387" s="12"/>
    </row>
    <row r="183388" spans="8:8">
      <c r="H183388" s="12"/>
    </row>
    <row r="183389" spans="8:8">
      <c r="H183389" s="12"/>
    </row>
    <row r="183390" spans="8:8">
      <c r="H183390" s="12"/>
    </row>
    <row r="183391" spans="8:8">
      <c r="H183391" s="12"/>
    </row>
    <row r="183392" spans="8:8">
      <c r="H183392" s="12"/>
    </row>
    <row r="183393" spans="8:8">
      <c r="H183393" s="12"/>
    </row>
    <row r="183394" spans="8:8">
      <c r="H183394" s="12"/>
    </row>
    <row r="183395" spans="8:8">
      <c r="H183395" s="12"/>
    </row>
    <row r="183396" spans="8:8">
      <c r="H183396" s="12"/>
    </row>
    <row r="183397" spans="8:8">
      <c r="H183397" s="12"/>
    </row>
    <row r="183398" spans="8:8">
      <c r="H183398" s="12"/>
    </row>
    <row r="183399" spans="8:8">
      <c r="H183399" s="12"/>
    </row>
    <row r="183400" spans="8:8">
      <c r="H183400" s="12"/>
    </row>
    <row r="183401" spans="8:8">
      <c r="H183401" s="12"/>
    </row>
    <row r="183402" spans="8:8">
      <c r="H183402" s="12"/>
    </row>
    <row r="183403" spans="8:8">
      <c r="H183403" s="12"/>
    </row>
    <row r="183404" spans="8:8">
      <c r="H183404" s="12"/>
    </row>
    <row r="183405" spans="8:8">
      <c r="H183405" s="12"/>
    </row>
    <row r="183406" spans="8:8">
      <c r="H183406" s="12"/>
    </row>
    <row r="183407" spans="8:8">
      <c r="H183407" s="12"/>
    </row>
    <row r="183408" spans="8:8">
      <c r="H183408" s="12"/>
    </row>
    <row r="183409" spans="8:8">
      <c r="H183409" s="12"/>
    </row>
    <row r="183410" spans="8:8">
      <c r="H183410" s="12"/>
    </row>
    <row r="183411" spans="8:8">
      <c r="H183411" s="12"/>
    </row>
    <row r="183412" spans="8:8">
      <c r="H183412" s="12"/>
    </row>
    <row r="183413" spans="8:8">
      <c r="H183413" s="12"/>
    </row>
    <row r="183414" spans="8:8">
      <c r="H183414" s="12"/>
    </row>
    <row r="183415" spans="8:8">
      <c r="H183415" s="12"/>
    </row>
    <row r="183416" spans="8:8">
      <c r="H183416" s="12"/>
    </row>
    <row r="183417" spans="8:8">
      <c r="H183417" s="12"/>
    </row>
    <row r="183418" spans="8:8">
      <c r="H183418" s="12"/>
    </row>
    <row r="183419" spans="8:8">
      <c r="H183419" s="12"/>
    </row>
    <row r="183420" spans="8:8">
      <c r="H183420" s="12"/>
    </row>
    <row r="183421" spans="8:8">
      <c r="H183421" s="12"/>
    </row>
    <row r="183422" spans="8:8">
      <c r="H183422" s="12"/>
    </row>
    <row r="183423" spans="8:8">
      <c r="H183423" s="12"/>
    </row>
    <row r="183424" spans="8:8">
      <c r="H183424" s="12"/>
    </row>
    <row r="183425" spans="8:8">
      <c r="H183425" s="12"/>
    </row>
    <row r="183426" spans="8:8">
      <c r="H183426" s="12"/>
    </row>
    <row r="183427" spans="8:8">
      <c r="H183427" s="12"/>
    </row>
    <row r="183428" spans="8:8">
      <c r="H183428" s="12"/>
    </row>
    <row r="183429" spans="8:8">
      <c r="H183429" s="12"/>
    </row>
    <row r="183430" spans="8:8">
      <c r="H183430" s="12"/>
    </row>
    <row r="183431" spans="8:8">
      <c r="H183431" s="12"/>
    </row>
    <row r="183432" spans="8:8">
      <c r="H183432" s="12"/>
    </row>
    <row r="183433" spans="8:8">
      <c r="H183433" s="12"/>
    </row>
    <row r="183434" spans="8:8">
      <c r="H183434" s="12"/>
    </row>
    <row r="183435" spans="8:8">
      <c r="H183435" s="12"/>
    </row>
    <row r="183436" spans="8:8">
      <c r="H183436" s="12"/>
    </row>
    <row r="183437" spans="8:8">
      <c r="H183437" s="12"/>
    </row>
    <row r="183438" spans="8:8">
      <c r="H183438" s="12"/>
    </row>
    <row r="183439" spans="8:8">
      <c r="H183439" s="12"/>
    </row>
    <row r="183440" spans="8:8">
      <c r="H183440" s="12"/>
    </row>
    <row r="183441" spans="8:8">
      <c r="H183441" s="12"/>
    </row>
    <row r="183442" spans="8:8">
      <c r="H183442" s="12"/>
    </row>
    <row r="183443" spans="8:8">
      <c r="H183443" s="12"/>
    </row>
    <row r="183444" spans="8:8">
      <c r="H183444" s="12"/>
    </row>
    <row r="183445" spans="8:8">
      <c r="H183445" s="12"/>
    </row>
    <row r="183446" spans="8:8">
      <c r="H183446" s="12"/>
    </row>
    <row r="183447" spans="8:8">
      <c r="H183447" s="12"/>
    </row>
    <row r="183448" spans="8:8">
      <c r="H183448" s="12"/>
    </row>
    <row r="183449" spans="8:8">
      <c r="H183449" s="12"/>
    </row>
    <row r="183450" spans="8:8">
      <c r="H183450" s="12"/>
    </row>
    <row r="183451" spans="8:8">
      <c r="H183451" s="12"/>
    </row>
    <row r="183452" spans="8:8">
      <c r="H183452" s="12"/>
    </row>
    <row r="183453" spans="8:8">
      <c r="H183453" s="12"/>
    </row>
    <row r="183454" spans="8:8">
      <c r="H183454" s="12"/>
    </row>
    <row r="183455" spans="8:8">
      <c r="H183455" s="12"/>
    </row>
    <row r="183456" spans="8:8">
      <c r="H183456" s="12"/>
    </row>
    <row r="183457" spans="8:8">
      <c r="H183457" s="12"/>
    </row>
    <row r="183458" spans="8:8">
      <c r="H183458" s="12"/>
    </row>
    <row r="183459" spans="8:8">
      <c r="H183459" s="12"/>
    </row>
    <row r="183460" spans="8:8">
      <c r="H183460" s="12"/>
    </row>
    <row r="183461" spans="8:8">
      <c r="H183461" s="12"/>
    </row>
    <row r="183462" spans="8:8">
      <c r="H183462" s="12"/>
    </row>
    <row r="183463" spans="8:8">
      <c r="H183463" s="12"/>
    </row>
    <row r="183464" spans="8:8">
      <c r="H183464" s="12"/>
    </row>
    <row r="183465" spans="8:8">
      <c r="H183465" s="12"/>
    </row>
    <row r="183466" spans="8:8">
      <c r="H183466" s="12"/>
    </row>
    <row r="183467" spans="8:8">
      <c r="H183467" s="12"/>
    </row>
    <row r="183468" spans="8:8">
      <c r="H183468" s="12"/>
    </row>
    <row r="183469" spans="8:8">
      <c r="H183469" s="12"/>
    </row>
    <row r="183470" spans="8:8">
      <c r="H183470" s="12"/>
    </row>
    <row r="183471" spans="8:8">
      <c r="H183471" s="12"/>
    </row>
    <row r="183472" spans="8:8">
      <c r="H183472" s="12"/>
    </row>
    <row r="183473" spans="8:8">
      <c r="H183473" s="12"/>
    </row>
    <row r="183474" spans="8:8">
      <c r="H183474" s="12"/>
    </row>
    <row r="183475" spans="8:8">
      <c r="H183475" s="12"/>
    </row>
    <row r="183476" spans="8:8">
      <c r="H183476" s="12"/>
    </row>
    <row r="183477" spans="8:8">
      <c r="H183477" s="12"/>
    </row>
    <row r="183478" spans="8:8">
      <c r="H183478" s="12"/>
    </row>
    <row r="183479" spans="8:8">
      <c r="H183479" s="12"/>
    </row>
    <row r="183480" spans="8:8">
      <c r="H183480" s="12"/>
    </row>
    <row r="183481" spans="8:8">
      <c r="H183481" s="12"/>
    </row>
    <row r="183482" spans="8:8">
      <c r="H183482" s="12"/>
    </row>
    <row r="183483" spans="8:8">
      <c r="H183483" s="12"/>
    </row>
    <row r="183484" spans="8:8">
      <c r="H183484" s="12"/>
    </row>
    <row r="183485" spans="8:8">
      <c r="H183485" s="12"/>
    </row>
    <row r="183486" spans="8:8">
      <c r="H183486" s="12"/>
    </row>
    <row r="183487" spans="8:8">
      <c r="H183487" s="12"/>
    </row>
    <row r="183488" spans="8:8">
      <c r="H183488" s="12"/>
    </row>
    <row r="183489" spans="8:8">
      <c r="H183489" s="12"/>
    </row>
    <row r="183490" spans="8:8">
      <c r="H183490" s="12"/>
    </row>
    <row r="183491" spans="8:8">
      <c r="H183491" s="12"/>
    </row>
    <row r="183492" spans="8:8">
      <c r="H183492" s="12"/>
    </row>
    <row r="183493" spans="8:8">
      <c r="H183493" s="12"/>
    </row>
    <row r="183494" spans="8:8">
      <c r="H183494" s="12"/>
    </row>
    <row r="183495" spans="8:8">
      <c r="H183495" s="12"/>
    </row>
    <row r="183496" spans="8:8">
      <c r="H183496" s="12"/>
    </row>
    <row r="183497" spans="8:8">
      <c r="H183497" s="12"/>
    </row>
    <row r="183498" spans="8:8">
      <c r="H183498" s="12"/>
    </row>
    <row r="183499" spans="8:8">
      <c r="H183499" s="12"/>
    </row>
    <row r="183500" spans="8:8">
      <c r="H183500" s="12"/>
    </row>
    <row r="183501" spans="8:8">
      <c r="H183501" s="12"/>
    </row>
    <row r="183502" spans="8:8">
      <c r="H183502" s="12"/>
    </row>
    <row r="183503" spans="8:8">
      <c r="H183503" s="12"/>
    </row>
    <row r="183504" spans="8:8">
      <c r="H183504" s="12"/>
    </row>
    <row r="183505" spans="8:8">
      <c r="H183505" s="12"/>
    </row>
    <row r="183506" spans="8:8">
      <c r="H183506" s="12"/>
    </row>
    <row r="183507" spans="8:8">
      <c r="H183507" s="12"/>
    </row>
    <row r="183508" spans="8:8">
      <c r="H183508" s="12"/>
    </row>
    <row r="183509" spans="8:8">
      <c r="H183509" s="12"/>
    </row>
    <row r="183510" spans="8:8">
      <c r="H183510" s="12"/>
    </row>
    <row r="183511" spans="8:8">
      <c r="H183511" s="12"/>
    </row>
    <row r="183512" spans="8:8">
      <c r="H183512" s="12"/>
    </row>
    <row r="183513" spans="8:8">
      <c r="H183513" s="12"/>
    </row>
    <row r="183514" spans="8:8">
      <c r="H183514" s="12"/>
    </row>
    <row r="183515" spans="8:8">
      <c r="H183515" s="12"/>
    </row>
    <row r="183516" spans="8:8">
      <c r="H183516" s="12"/>
    </row>
    <row r="183517" spans="8:8">
      <c r="H183517" s="12"/>
    </row>
    <row r="183518" spans="8:8">
      <c r="H183518" s="12"/>
    </row>
    <row r="183519" spans="8:8">
      <c r="H183519" s="12"/>
    </row>
    <row r="183520" spans="8:8">
      <c r="H183520" s="12"/>
    </row>
    <row r="183521" spans="8:8">
      <c r="H183521" s="12"/>
    </row>
    <row r="183522" spans="8:8">
      <c r="H183522" s="12"/>
    </row>
    <row r="183523" spans="8:8">
      <c r="H183523" s="12"/>
    </row>
    <row r="183524" spans="8:8">
      <c r="H183524" s="12"/>
    </row>
    <row r="183525" spans="8:8">
      <c r="H183525" s="12"/>
    </row>
    <row r="183526" spans="8:8">
      <c r="H183526" s="12"/>
    </row>
    <row r="183527" spans="8:8">
      <c r="H183527" s="12"/>
    </row>
    <row r="183528" spans="8:8">
      <c r="H183528" s="12"/>
    </row>
    <row r="183529" spans="8:8">
      <c r="H183529" s="12"/>
    </row>
    <row r="183530" spans="8:8">
      <c r="H183530" s="12"/>
    </row>
    <row r="183531" spans="8:8">
      <c r="H183531" s="12"/>
    </row>
    <row r="183532" spans="8:8">
      <c r="H183532" s="12"/>
    </row>
    <row r="183533" spans="8:8">
      <c r="H183533" s="12"/>
    </row>
    <row r="183534" spans="8:8">
      <c r="H183534" s="12"/>
    </row>
    <row r="183535" spans="8:8">
      <c r="H183535" s="12"/>
    </row>
    <row r="183536" spans="8:8">
      <c r="H183536" s="12"/>
    </row>
    <row r="183537" spans="8:8">
      <c r="H183537" s="12"/>
    </row>
    <row r="183538" spans="8:8">
      <c r="H183538" s="12"/>
    </row>
    <row r="183539" spans="8:8">
      <c r="H183539" s="12"/>
    </row>
    <row r="183540" spans="8:8">
      <c r="H183540" s="12"/>
    </row>
    <row r="183541" spans="8:8">
      <c r="H183541" s="12"/>
    </row>
    <row r="183542" spans="8:8">
      <c r="H183542" s="12"/>
    </row>
    <row r="183543" spans="8:8">
      <c r="H183543" s="12"/>
    </row>
    <row r="183544" spans="8:8">
      <c r="H183544" s="12"/>
    </row>
    <row r="183545" spans="8:8">
      <c r="H183545" s="12"/>
    </row>
    <row r="183546" spans="8:8">
      <c r="H183546" s="12"/>
    </row>
    <row r="183547" spans="8:8">
      <c r="H183547" s="12"/>
    </row>
    <row r="183548" spans="8:8">
      <c r="H183548" s="12"/>
    </row>
    <row r="183549" spans="8:8">
      <c r="H183549" s="12"/>
    </row>
    <row r="183550" spans="8:8">
      <c r="H183550" s="12"/>
    </row>
    <row r="183551" spans="8:8">
      <c r="H183551" s="12"/>
    </row>
    <row r="183552" spans="8:8">
      <c r="H183552" s="12"/>
    </row>
    <row r="183553" spans="8:8">
      <c r="H183553" s="12"/>
    </row>
    <row r="183554" spans="8:8">
      <c r="H183554" s="12"/>
    </row>
    <row r="183555" spans="8:8">
      <c r="H183555" s="12"/>
    </row>
    <row r="183556" spans="8:8">
      <c r="H183556" s="12"/>
    </row>
    <row r="183557" spans="8:8">
      <c r="H183557" s="12"/>
    </row>
    <row r="183558" spans="8:8">
      <c r="H183558" s="12"/>
    </row>
    <row r="183559" spans="8:8">
      <c r="H183559" s="12"/>
    </row>
    <row r="183560" spans="8:8">
      <c r="H183560" s="12"/>
    </row>
    <row r="183561" spans="8:8">
      <c r="H183561" s="12"/>
    </row>
    <row r="183562" spans="8:8">
      <c r="H183562" s="12"/>
    </row>
    <row r="183563" spans="8:8">
      <c r="H183563" s="12"/>
    </row>
    <row r="183564" spans="8:8">
      <c r="H183564" s="12"/>
    </row>
    <row r="183565" spans="8:8">
      <c r="H183565" s="12"/>
    </row>
    <row r="183566" spans="8:8">
      <c r="H183566" s="12"/>
    </row>
    <row r="183567" spans="8:8">
      <c r="H183567" s="12"/>
    </row>
    <row r="183568" spans="8:8">
      <c r="H183568" s="12"/>
    </row>
    <row r="183569" spans="8:8">
      <c r="H183569" s="12"/>
    </row>
    <row r="183570" spans="8:8">
      <c r="H183570" s="12"/>
    </row>
    <row r="183571" spans="8:8">
      <c r="H183571" s="12"/>
    </row>
    <row r="183572" spans="8:8">
      <c r="H183572" s="12"/>
    </row>
    <row r="183573" spans="8:8">
      <c r="H183573" s="12"/>
    </row>
    <row r="183574" spans="8:8">
      <c r="H183574" s="12"/>
    </row>
    <row r="183575" spans="8:8">
      <c r="H183575" s="12"/>
    </row>
    <row r="183576" spans="8:8">
      <c r="H183576" s="12"/>
    </row>
    <row r="183577" spans="8:8">
      <c r="H183577" s="12"/>
    </row>
    <row r="183578" spans="8:8">
      <c r="H183578" s="12"/>
    </row>
    <row r="183579" spans="8:8">
      <c r="H183579" s="12"/>
    </row>
    <row r="183580" spans="8:8">
      <c r="H183580" s="12"/>
    </row>
    <row r="183581" spans="8:8">
      <c r="H183581" s="12"/>
    </row>
    <row r="183582" spans="8:8">
      <c r="H183582" s="12"/>
    </row>
    <row r="183583" spans="8:8">
      <c r="H183583" s="12"/>
    </row>
    <row r="183584" spans="8:8">
      <c r="H183584" s="12"/>
    </row>
    <row r="183585" spans="8:8">
      <c r="H183585" s="12"/>
    </row>
    <row r="183586" spans="8:8">
      <c r="H183586" s="12"/>
    </row>
    <row r="183587" spans="8:8">
      <c r="H183587" s="12"/>
    </row>
    <row r="183588" spans="8:8">
      <c r="H183588" s="12"/>
    </row>
    <row r="183589" spans="8:8">
      <c r="H183589" s="12"/>
    </row>
    <row r="183590" spans="8:8">
      <c r="H183590" s="12"/>
    </row>
    <row r="183591" spans="8:8">
      <c r="H183591" s="12"/>
    </row>
    <row r="183592" spans="8:8">
      <c r="H183592" s="12"/>
    </row>
    <row r="183593" spans="8:8">
      <c r="H183593" s="12"/>
    </row>
    <row r="183594" spans="8:8">
      <c r="H183594" s="12"/>
    </row>
    <row r="183595" spans="8:8">
      <c r="H183595" s="12"/>
    </row>
    <row r="183596" spans="8:8">
      <c r="H183596" s="12"/>
    </row>
    <row r="183597" spans="8:8">
      <c r="H183597" s="12"/>
    </row>
    <row r="183598" spans="8:8">
      <c r="H183598" s="12"/>
    </row>
    <row r="183599" spans="8:8">
      <c r="H183599" s="12"/>
    </row>
    <row r="183600" spans="8:8">
      <c r="H183600" s="12"/>
    </row>
    <row r="183601" spans="8:8">
      <c r="H183601" s="12"/>
    </row>
    <row r="183602" spans="8:8">
      <c r="H183602" s="12"/>
    </row>
    <row r="183603" spans="8:8">
      <c r="H183603" s="12"/>
    </row>
    <row r="183604" spans="8:8">
      <c r="H183604" s="12"/>
    </row>
    <row r="183605" spans="8:8">
      <c r="H183605" s="12"/>
    </row>
    <row r="183606" spans="8:8">
      <c r="H183606" s="12"/>
    </row>
    <row r="183607" spans="8:8">
      <c r="H183607" s="12"/>
    </row>
    <row r="183608" spans="8:8">
      <c r="H183608" s="12"/>
    </row>
    <row r="183609" spans="8:8">
      <c r="H183609" s="12"/>
    </row>
    <row r="183610" spans="8:8">
      <c r="H183610" s="12"/>
    </row>
    <row r="183611" spans="8:8">
      <c r="H183611" s="12"/>
    </row>
    <row r="183612" spans="8:8">
      <c r="H183612" s="12"/>
    </row>
    <row r="183613" spans="8:8">
      <c r="H183613" s="12"/>
    </row>
    <row r="183614" spans="8:8">
      <c r="H183614" s="12"/>
    </row>
    <row r="183615" spans="8:8">
      <c r="H183615" s="12"/>
    </row>
    <row r="183616" spans="8:8">
      <c r="H183616" s="12"/>
    </row>
    <row r="183617" spans="8:8">
      <c r="H183617" s="12"/>
    </row>
    <row r="183618" spans="8:8">
      <c r="H183618" s="12"/>
    </row>
    <row r="183619" spans="8:8">
      <c r="H183619" s="12"/>
    </row>
    <row r="183620" spans="8:8">
      <c r="H183620" s="12"/>
    </row>
    <row r="183621" spans="8:8">
      <c r="H183621" s="12"/>
    </row>
    <row r="183622" spans="8:8">
      <c r="H183622" s="12"/>
    </row>
    <row r="183623" spans="8:8">
      <c r="H183623" s="12"/>
    </row>
    <row r="183624" spans="8:8">
      <c r="H183624" s="12"/>
    </row>
    <row r="183625" spans="8:8">
      <c r="H183625" s="12"/>
    </row>
    <row r="183626" spans="8:8">
      <c r="H183626" s="12"/>
    </row>
    <row r="183627" spans="8:8">
      <c r="H183627" s="12"/>
    </row>
    <row r="183628" spans="8:8">
      <c r="H183628" s="12"/>
    </row>
    <row r="183629" spans="8:8">
      <c r="H183629" s="12"/>
    </row>
    <row r="183630" spans="8:8">
      <c r="H183630" s="12"/>
    </row>
    <row r="183631" spans="8:8">
      <c r="H183631" s="12"/>
    </row>
    <row r="183632" spans="8:8">
      <c r="H183632" s="12"/>
    </row>
    <row r="183633" spans="8:8">
      <c r="H183633" s="12"/>
    </row>
    <row r="183634" spans="8:8">
      <c r="H183634" s="12"/>
    </row>
    <row r="183635" spans="8:8">
      <c r="H183635" s="12"/>
    </row>
    <row r="183636" spans="8:8">
      <c r="H183636" s="12"/>
    </row>
    <row r="183637" spans="8:8">
      <c r="H183637" s="12"/>
    </row>
    <row r="183638" spans="8:8">
      <c r="H183638" s="12"/>
    </row>
    <row r="183639" spans="8:8">
      <c r="H183639" s="12"/>
    </row>
    <row r="183640" spans="8:8">
      <c r="H183640" s="12"/>
    </row>
    <row r="183641" spans="8:8">
      <c r="H183641" s="12"/>
    </row>
    <row r="183642" spans="8:8">
      <c r="H183642" s="12"/>
    </row>
    <row r="183643" spans="8:8">
      <c r="H183643" s="12"/>
    </row>
    <row r="183644" spans="8:8">
      <c r="H183644" s="12"/>
    </row>
    <row r="183645" spans="8:8">
      <c r="H183645" s="12"/>
    </row>
    <row r="183646" spans="8:8">
      <c r="H183646" s="12"/>
    </row>
    <row r="183647" spans="8:8">
      <c r="H183647" s="12"/>
    </row>
    <row r="183648" spans="8:8">
      <c r="H183648" s="12"/>
    </row>
    <row r="183649" spans="8:8">
      <c r="H183649" s="12"/>
    </row>
    <row r="183650" spans="8:8">
      <c r="H183650" s="12"/>
    </row>
    <row r="183651" spans="8:8">
      <c r="H183651" s="12"/>
    </row>
    <row r="183652" spans="8:8">
      <c r="H183652" s="12"/>
    </row>
    <row r="183653" spans="8:8">
      <c r="H183653" s="12"/>
    </row>
    <row r="183654" spans="8:8">
      <c r="H183654" s="12"/>
    </row>
    <row r="183655" spans="8:8">
      <c r="H183655" s="12"/>
    </row>
    <row r="183656" spans="8:8">
      <c r="H183656" s="12"/>
    </row>
    <row r="183657" spans="8:8">
      <c r="H183657" s="12"/>
    </row>
    <row r="183658" spans="8:8">
      <c r="H183658" s="12"/>
    </row>
    <row r="183659" spans="8:8">
      <c r="H183659" s="12"/>
    </row>
    <row r="183660" spans="8:8">
      <c r="H183660" s="12"/>
    </row>
    <row r="183661" spans="8:8">
      <c r="H183661" s="12"/>
    </row>
    <row r="183662" spans="8:8">
      <c r="H183662" s="12"/>
    </row>
    <row r="183663" spans="8:8">
      <c r="H183663" s="12"/>
    </row>
    <row r="183664" spans="8:8">
      <c r="H183664" s="12"/>
    </row>
    <row r="183665" spans="8:8">
      <c r="H183665" s="12"/>
    </row>
    <row r="183666" spans="8:8">
      <c r="H183666" s="12"/>
    </row>
    <row r="183667" spans="8:8">
      <c r="H183667" s="12"/>
    </row>
    <row r="183668" spans="8:8">
      <c r="H183668" s="12"/>
    </row>
    <row r="183669" spans="8:8">
      <c r="H183669" s="12"/>
    </row>
    <row r="183670" spans="8:8">
      <c r="H183670" s="12"/>
    </row>
    <row r="183671" spans="8:8">
      <c r="H183671" s="12"/>
    </row>
    <row r="183672" spans="8:8">
      <c r="H183672" s="12"/>
    </row>
    <row r="183673" spans="8:8">
      <c r="H183673" s="12"/>
    </row>
    <row r="183674" spans="8:8">
      <c r="H183674" s="12"/>
    </row>
    <row r="183675" spans="8:8">
      <c r="H183675" s="12"/>
    </row>
    <row r="183676" spans="8:8">
      <c r="H183676" s="12"/>
    </row>
    <row r="183677" spans="8:8">
      <c r="H183677" s="12"/>
    </row>
    <row r="183678" spans="8:8">
      <c r="H183678" s="12"/>
    </row>
    <row r="183679" spans="8:8">
      <c r="H183679" s="12"/>
    </row>
    <row r="183680" spans="8:8">
      <c r="H183680" s="12"/>
    </row>
    <row r="183681" spans="8:8">
      <c r="H183681" s="12"/>
    </row>
    <row r="183682" spans="8:8">
      <c r="H183682" s="12"/>
    </row>
    <row r="183683" spans="8:8">
      <c r="H183683" s="12"/>
    </row>
    <row r="183684" spans="8:8">
      <c r="H183684" s="12"/>
    </row>
    <row r="183685" spans="8:8">
      <c r="H183685" s="12"/>
    </row>
    <row r="183686" spans="8:8">
      <c r="H183686" s="12"/>
    </row>
    <row r="183687" spans="8:8">
      <c r="H183687" s="12"/>
    </row>
    <row r="183688" spans="8:8">
      <c r="H183688" s="12"/>
    </row>
    <row r="183689" spans="8:8">
      <c r="H183689" s="12"/>
    </row>
    <row r="183690" spans="8:8">
      <c r="H183690" s="12"/>
    </row>
    <row r="183691" spans="8:8">
      <c r="H183691" s="12"/>
    </row>
    <row r="183692" spans="8:8">
      <c r="H183692" s="12"/>
    </row>
    <row r="183693" spans="8:8">
      <c r="H183693" s="12"/>
    </row>
    <row r="183694" spans="8:8">
      <c r="H183694" s="12"/>
    </row>
    <row r="183695" spans="8:8">
      <c r="H183695" s="12"/>
    </row>
    <row r="183696" spans="8:8">
      <c r="H183696" s="12"/>
    </row>
    <row r="183697" spans="8:8">
      <c r="H183697" s="12"/>
    </row>
    <row r="183698" spans="8:8">
      <c r="H183698" s="12"/>
    </row>
    <row r="183699" spans="8:8">
      <c r="H183699" s="12"/>
    </row>
    <row r="183700" spans="8:8">
      <c r="H183700" s="12"/>
    </row>
    <row r="183701" spans="8:8">
      <c r="H183701" s="12"/>
    </row>
    <row r="183702" spans="8:8">
      <c r="H183702" s="12"/>
    </row>
    <row r="183703" spans="8:8">
      <c r="H183703" s="12"/>
    </row>
    <row r="183704" spans="8:8">
      <c r="H183704" s="12"/>
    </row>
    <row r="183705" spans="8:8">
      <c r="H183705" s="12"/>
    </row>
    <row r="183706" spans="8:8">
      <c r="H183706" s="12"/>
    </row>
    <row r="183707" spans="8:8">
      <c r="H183707" s="12"/>
    </row>
    <row r="183708" spans="8:8">
      <c r="H183708" s="12"/>
    </row>
    <row r="183709" spans="8:8">
      <c r="H183709" s="12"/>
    </row>
    <row r="183710" spans="8:8">
      <c r="H183710" s="12"/>
    </row>
    <row r="183711" spans="8:8">
      <c r="H183711" s="12"/>
    </row>
    <row r="183712" spans="8:8">
      <c r="H183712" s="12"/>
    </row>
    <row r="183713" spans="8:8">
      <c r="H183713" s="12"/>
    </row>
    <row r="183714" spans="8:8">
      <c r="H183714" s="12"/>
    </row>
    <row r="183715" spans="8:8">
      <c r="H183715" s="12"/>
    </row>
    <row r="183716" spans="8:8">
      <c r="H183716" s="12"/>
    </row>
    <row r="183717" spans="8:8">
      <c r="H183717" s="12"/>
    </row>
    <row r="183718" spans="8:8">
      <c r="H183718" s="12"/>
    </row>
    <row r="183719" spans="8:8">
      <c r="H183719" s="12"/>
    </row>
    <row r="183720" spans="8:8">
      <c r="H183720" s="12"/>
    </row>
    <row r="183721" spans="8:8">
      <c r="H183721" s="12"/>
    </row>
    <row r="183722" spans="8:8">
      <c r="H183722" s="12"/>
    </row>
    <row r="183723" spans="8:8">
      <c r="H183723" s="12"/>
    </row>
    <row r="183724" spans="8:8">
      <c r="H183724" s="12"/>
    </row>
    <row r="183725" spans="8:8">
      <c r="H183725" s="12"/>
    </row>
    <row r="183726" spans="8:8">
      <c r="H183726" s="12"/>
    </row>
    <row r="183727" spans="8:8">
      <c r="H183727" s="12"/>
    </row>
    <row r="183728" spans="8:8">
      <c r="H183728" s="12"/>
    </row>
    <row r="183729" spans="8:8">
      <c r="H183729" s="12"/>
    </row>
    <row r="183730" spans="8:8">
      <c r="H183730" s="12"/>
    </row>
    <row r="183731" spans="8:8">
      <c r="H183731" s="12"/>
    </row>
    <row r="183732" spans="8:8">
      <c r="H183732" s="12"/>
    </row>
    <row r="183733" spans="8:8">
      <c r="H183733" s="12"/>
    </row>
    <row r="183734" spans="8:8">
      <c r="H183734" s="12"/>
    </row>
    <row r="183735" spans="8:8">
      <c r="H183735" s="12"/>
    </row>
    <row r="183736" spans="8:8">
      <c r="H183736" s="12"/>
    </row>
    <row r="183737" spans="8:8">
      <c r="H183737" s="12"/>
    </row>
    <row r="183738" spans="8:8">
      <c r="H183738" s="12"/>
    </row>
    <row r="183739" spans="8:8">
      <c r="H183739" s="12"/>
    </row>
    <row r="183740" spans="8:8">
      <c r="H183740" s="12"/>
    </row>
    <row r="183741" spans="8:8">
      <c r="H183741" s="12"/>
    </row>
    <row r="183742" spans="8:8">
      <c r="H183742" s="12"/>
    </row>
    <row r="183743" spans="8:8">
      <c r="H183743" s="12"/>
    </row>
    <row r="183744" spans="8:8">
      <c r="H183744" s="12"/>
    </row>
    <row r="183745" spans="8:8">
      <c r="H183745" s="12"/>
    </row>
    <row r="183746" spans="8:8">
      <c r="H183746" s="12"/>
    </row>
    <row r="183747" spans="8:8">
      <c r="H183747" s="12"/>
    </row>
    <row r="183748" spans="8:8">
      <c r="H183748" s="12"/>
    </row>
    <row r="183749" spans="8:8">
      <c r="H183749" s="12"/>
    </row>
    <row r="183750" spans="8:8">
      <c r="H183750" s="12"/>
    </row>
    <row r="183751" spans="8:8">
      <c r="H183751" s="12"/>
    </row>
    <row r="183752" spans="8:8">
      <c r="H183752" s="12"/>
    </row>
    <row r="183753" spans="8:8">
      <c r="H183753" s="12"/>
    </row>
    <row r="183754" spans="8:8">
      <c r="H183754" s="12"/>
    </row>
    <row r="183755" spans="8:8">
      <c r="H183755" s="12"/>
    </row>
    <row r="183756" spans="8:8">
      <c r="H183756" s="12"/>
    </row>
    <row r="183757" spans="8:8">
      <c r="H183757" s="12"/>
    </row>
    <row r="183758" spans="8:8">
      <c r="H183758" s="12"/>
    </row>
    <row r="183759" spans="8:8">
      <c r="H183759" s="12"/>
    </row>
    <row r="183760" spans="8:8">
      <c r="H183760" s="12"/>
    </row>
    <row r="183761" spans="8:8">
      <c r="H183761" s="12"/>
    </row>
    <row r="183762" spans="8:8">
      <c r="H183762" s="12"/>
    </row>
    <row r="183763" spans="8:8">
      <c r="H183763" s="12"/>
    </row>
    <row r="183764" spans="8:8">
      <c r="H183764" s="12"/>
    </row>
    <row r="183765" spans="8:8">
      <c r="H183765" s="12"/>
    </row>
    <row r="183766" spans="8:8">
      <c r="H183766" s="12"/>
    </row>
    <row r="183767" spans="8:8">
      <c r="H183767" s="12"/>
    </row>
    <row r="183768" spans="8:8">
      <c r="H183768" s="12"/>
    </row>
    <row r="183769" spans="8:8">
      <c r="H183769" s="12"/>
    </row>
    <row r="183770" spans="8:8">
      <c r="H183770" s="12"/>
    </row>
    <row r="183771" spans="8:8">
      <c r="H183771" s="12"/>
    </row>
    <row r="183772" spans="8:8">
      <c r="H183772" s="12"/>
    </row>
    <row r="183773" spans="8:8">
      <c r="H183773" s="12"/>
    </row>
    <row r="183774" spans="8:8">
      <c r="H183774" s="12"/>
    </row>
    <row r="183775" spans="8:8">
      <c r="H183775" s="12"/>
    </row>
    <row r="183776" spans="8:8">
      <c r="H183776" s="12"/>
    </row>
    <row r="183777" spans="8:8">
      <c r="H183777" s="12"/>
    </row>
    <row r="183778" spans="8:8">
      <c r="H183778" s="12"/>
    </row>
    <row r="183779" spans="8:8">
      <c r="H183779" s="12"/>
    </row>
    <row r="183780" spans="8:8">
      <c r="H183780" s="12"/>
    </row>
    <row r="183781" spans="8:8">
      <c r="H183781" s="12"/>
    </row>
    <row r="183782" spans="8:8">
      <c r="H183782" s="12"/>
    </row>
    <row r="183783" spans="8:8">
      <c r="H183783" s="12"/>
    </row>
    <row r="183784" spans="8:8">
      <c r="H183784" s="12"/>
    </row>
    <row r="183785" spans="8:8">
      <c r="H183785" s="12"/>
    </row>
    <row r="183786" spans="8:8">
      <c r="H183786" s="12"/>
    </row>
    <row r="183787" spans="8:8">
      <c r="H183787" s="12"/>
    </row>
    <row r="183788" spans="8:8">
      <c r="H183788" s="12"/>
    </row>
    <row r="183789" spans="8:8">
      <c r="H183789" s="12"/>
    </row>
    <row r="183790" spans="8:8">
      <c r="H183790" s="12"/>
    </row>
    <row r="183791" spans="8:8">
      <c r="H183791" s="12"/>
    </row>
    <row r="183792" spans="8:8">
      <c r="H183792" s="12"/>
    </row>
    <row r="183793" spans="8:8">
      <c r="H183793" s="12"/>
    </row>
    <row r="183794" spans="8:8">
      <c r="H183794" s="12"/>
    </row>
    <row r="183795" spans="8:8">
      <c r="H183795" s="12"/>
    </row>
    <row r="183796" spans="8:8">
      <c r="H183796" s="12"/>
    </row>
    <row r="183797" spans="8:8">
      <c r="H183797" s="12"/>
    </row>
    <row r="183798" spans="8:8">
      <c r="H183798" s="12"/>
    </row>
    <row r="183799" spans="8:8">
      <c r="H183799" s="12"/>
    </row>
    <row r="183800" spans="8:8">
      <c r="H183800" s="12"/>
    </row>
    <row r="183801" spans="8:8">
      <c r="H183801" s="12"/>
    </row>
    <row r="183802" spans="8:8">
      <c r="H183802" s="12"/>
    </row>
    <row r="183803" spans="8:8">
      <c r="H183803" s="12"/>
    </row>
    <row r="183804" spans="8:8">
      <c r="H183804" s="12"/>
    </row>
    <row r="183805" spans="8:8">
      <c r="H183805" s="12"/>
    </row>
    <row r="183806" spans="8:8">
      <c r="H183806" s="12"/>
    </row>
    <row r="183807" spans="8:8">
      <c r="H183807" s="12"/>
    </row>
    <row r="183808" spans="8:8">
      <c r="H183808" s="12"/>
    </row>
    <row r="183809" spans="8:8">
      <c r="H183809" s="12"/>
    </row>
    <row r="183810" spans="8:8">
      <c r="H183810" s="12"/>
    </row>
    <row r="183811" spans="8:8">
      <c r="H183811" s="12"/>
    </row>
    <row r="183812" spans="8:8">
      <c r="H183812" s="12"/>
    </row>
    <row r="183813" spans="8:8">
      <c r="H183813" s="12"/>
    </row>
    <row r="183814" spans="8:8">
      <c r="H183814" s="12"/>
    </row>
    <row r="183815" spans="8:8">
      <c r="H183815" s="12"/>
    </row>
    <row r="183816" spans="8:8">
      <c r="H183816" s="12"/>
    </row>
    <row r="183817" spans="8:8">
      <c r="H183817" s="12"/>
    </row>
    <row r="183818" spans="8:8">
      <c r="H183818" s="12"/>
    </row>
    <row r="183819" spans="8:8">
      <c r="H183819" s="12"/>
    </row>
    <row r="183820" spans="8:8">
      <c r="H183820" s="12"/>
    </row>
    <row r="183821" spans="8:8">
      <c r="H183821" s="12"/>
    </row>
    <row r="183822" spans="8:8">
      <c r="H183822" s="12"/>
    </row>
    <row r="183823" spans="8:8">
      <c r="H183823" s="12"/>
    </row>
    <row r="183824" spans="8:8">
      <c r="H183824" s="12"/>
    </row>
    <row r="183825" spans="8:8">
      <c r="H183825" s="12"/>
    </row>
    <row r="183826" spans="8:8">
      <c r="H183826" s="12"/>
    </row>
    <row r="183827" spans="8:8">
      <c r="H183827" s="12"/>
    </row>
    <row r="183828" spans="8:8">
      <c r="H183828" s="12"/>
    </row>
    <row r="183829" spans="8:8">
      <c r="H183829" s="12"/>
    </row>
    <row r="183830" spans="8:8">
      <c r="H183830" s="12"/>
    </row>
    <row r="183831" spans="8:8">
      <c r="H183831" s="12"/>
    </row>
    <row r="183832" spans="8:8">
      <c r="H183832" s="12"/>
    </row>
    <row r="183833" spans="8:8">
      <c r="H183833" s="12"/>
    </row>
    <row r="183834" spans="8:8">
      <c r="H183834" s="12"/>
    </row>
    <row r="183835" spans="8:8">
      <c r="H183835" s="12"/>
    </row>
    <row r="183836" spans="8:8">
      <c r="H183836" s="12"/>
    </row>
    <row r="183837" spans="8:8">
      <c r="H183837" s="12"/>
    </row>
    <row r="183838" spans="8:8">
      <c r="H183838" s="12"/>
    </row>
    <row r="183839" spans="8:8">
      <c r="H183839" s="12"/>
    </row>
    <row r="183840" spans="8:8">
      <c r="H183840" s="12"/>
    </row>
    <row r="183841" spans="8:8">
      <c r="H183841" s="12"/>
    </row>
    <row r="183842" spans="8:8">
      <c r="H183842" s="12"/>
    </row>
    <row r="183843" spans="8:8">
      <c r="H183843" s="12"/>
    </row>
    <row r="183844" spans="8:8">
      <c r="H183844" s="12"/>
    </row>
    <row r="183845" spans="8:8">
      <c r="H183845" s="12"/>
    </row>
    <row r="183846" spans="8:8">
      <c r="H183846" s="12"/>
    </row>
    <row r="183847" spans="8:8">
      <c r="H183847" s="12"/>
    </row>
    <row r="183848" spans="8:8">
      <c r="H183848" s="12"/>
    </row>
    <row r="183849" spans="8:8">
      <c r="H183849" s="12"/>
    </row>
    <row r="183850" spans="8:8">
      <c r="H183850" s="12"/>
    </row>
    <row r="183851" spans="8:8">
      <c r="H183851" s="12"/>
    </row>
    <row r="183852" spans="8:8">
      <c r="H183852" s="12"/>
    </row>
    <row r="183853" spans="8:8">
      <c r="H183853" s="12"/>
    </row>
    <row r="183854" spans="8:8">
      <c r="H183854" s="12"/>
    </row>
    <row r="183855" spans="8:8">
      <c r="H183855" s="12"/>
    </row>
    <row r="183856" spans="8:8">
      <c r="H183856" s="12"/>
    </row>
    <row r="183857" spans="8:8">
      <c r="H183857" s="12"/>
    </row>
    <row r="183858" spans="8:8">
      <c r="H183858" s="12"/>
    </row>
    <row r="183859" spans="8:8">
      <c r="H183859" s="12"/>
    </row>
    <row r="183860" spans="8:8">
      <c r="H183860" s="12"/>
    </row>
    <row r="183861" spans="8:8">
      <c r="H183861" s="12"/>
    </row>
    <row r="183862" spans="8:8">
      <c r="H183862" s="12"/>
    </row>
    <row r="183863" spans="8:8">
      <c r="H183863" s="12"/>
    </row>
    <row r="183864" spans="8:8">
      <c r="H183864" s="12"/>
    </row>
    <row r="183865" spans="8:8">
      <c r="H183865" s="12"/>
    </row>
    <row r="183866" spans="8:8">
      <c r="H183866" s="12"/>
    </row>
    <row r="183867" spans="8:8">
      <c r="H183867" s="12"/>
    </row>
    <row r="183868" spans="8:8">
      <c r="H183868" s="12"/>
    </row>
    <row r="183869" spans="8:8">
      <c r="H183869" s="12"/>
    </row>
    <row r="183870" spans="8:8">
      <c r="H183870" s="12"/>
    </row>
    <row r="183871" spans="8:8">
      <c r="H183871" s="12"/>
    </row>
    <row r="183872" spans="8:8">
      <c r="H183872" s="12"/>
    </row>
    <row r="183873" spans="8:8">
      <c r="H183873" s="12"/>
    </row>
    <row r="183874" spans="8:8">
      <c r="H183874" s="12"/>
    </row>
    <row r="183875" spans="8:8">
      <c r="H183875" s="12"/>
    </row>
    <row r="183876" spans="8:8">
      <c r="H183876" s="12"/>
    </row>
    <row r="183877" spans="8:8">
      <c r="H183877" s="12"/>
    </row>
    <row r="183878" spans="8:8">
      <c r="H183878" s="12"/>
    </row>
    <row r="183879" spans="8:8">
      <c r="H183879" s="12"/>
    </row>
    <row r="183880" spans="8:8">
      <c r="H183880" s="12"/>
    </row>
    <row r="183881" spans="8:8">
      <c r="H183881" s="12"/>
    </row>
    <row r="183882" spans="8:8">
      <c r="H183882" s="12"/>
    </row>
    <row r="183883" spans="8:8">
      <c r="H183883" s="12"/>
    </row>
    <row r="183884" spans="8:8">
      <c r="H183884" s="12"/>
    </row>
    <row r="183885" spans="8:8">
      <c r="H183885" s="12"/>
    </row>
    <row r="183886" spans="8:8">
      <c r="H183886" s="12"/>
    </row>
    <row r="183887" spans="8:8">
      <c r="H183887" s="12"/>
    </row>
    <row r="183888" spans="8:8">
      <c r="H183888" s="12"/>
    </row>
    <row r="183889" spans="8:8">
      <c r="H183889" s="12"/>
    </row>
    <row r="183890" spans="8:8">
      <c r="H183890" s="12"/>
    </row>
    <row r="183891" spans="8:8">
      <c r="H183891" s="12"/>
    </row>
    <row r="183892" spans="8:8">
      <c r="H183892" s="12"/>
    </row>
    <row r="183893" spans="8:8">
      <c r="H183893" s="12"/>
    </row>
    <row r="183894" spans="8:8">
      <c r="H183894" s="12"/>
    </row>
    <row r="183895" spans="8:8">
      <c r="H183895" s="12"/>
    </row>
    <row r="183896" spans="8:8">
      <c r="H183896" s="12"/>
    </row>
    <row r="183897" spans="8:8">
      <c r="H183897" s="12"/>
    </row>
    <row r="183898" spans="8:8">
      <c r="H183898" s="12"/>
    </row>
    <row r="183899" spans="8:8">
      <c r="H183899" s="12"/>
    </row>
    <row r="183900" spans="8:8">
      <c r="H183900" s="12"/>
    </row>
    <row r="183901" spans="8:8">
      <c r="H183901" s="12"/>
    </row>
    <row r="183902" spans="8:8">
      <c r="H183902" s="12"/>
    </row>
    <row r="183903" spans="8:8">
      <c r="H183903" s="12"/>
    </row>
    <row r="183904" spans="8:8">
      <c r="H183904" s="12"/>
    </row>
    <row r="183905" spans="8:8">
      <c r="H183905" s="12"/>
    </row>
    <row r="183906" spans="8:8">
      <c r="H183906" s="12"/>
    </row>
    <row r="183907" spans="8:8">
      <c r="H183907" s="12"/>
    </row>
    <row r="183908" spans="8:8">
      <c r="H183908" s="12"/>
    </row>
    <row r="183909" spans="8:8">
      <c r="H183909" s="12"/>
    </row>
    <row r="183910" spans="8:8">
      <c r="H183910" s="12"/>
    </row>
    <row r="183911" spans="8:8">
      <c r="H183911" s="12"/>
    </row>
    <row r="183912" spans="8:8">
      <c r="H183912" s="12"/>
    </row>
    <row r="183913" spans="8:8">
      <c r="H183913" s="12"/>
    </row>
    <row r="183914" spans="8:8">
      <c r="H183914" s="12"/>
    </row>
    <row r="183915" spans="8:8">
      <c r="H183915" s="12"/>
    </row>
    <row r="183916" spans="8:8">
      <c r="H183916" s="12"/>
    </row>
    <row r="183917" spans="8:8">
      <c r="H183917" s="12"/>
    </row>
    <row r="183918" spans="8:8">
      <c r="H183918" s="12"/>
    </row>
    <row r="183919" spans="8:8">
      <c r="H183919" s="12"/>
    </row>
    <row r="183920" spans="8:8">
      <c r="H183920" s="12"/>
    </row>
    <row r="183921" spans="8:8">
      <c r="H183921" s="12"/>
    </row>
    <row r="183922" spans="8:8">
      <c r="H183922" s="12"/>
    </row>
    <row r="183923" spans="8:8">
      <c r="H183923" s="12"/>
    </row>
    <row r="183924" spans="8:8">
      <c r="H183924" s="12"/>
    </row>
    <row r="183925" spans="8:8">
      <c r="H183925" s="12"/>
    </row>
    <row r="183926" spans="8:8">
      <c r="H183926" s="12"/>
    </row>
    <row r="183927" spans="8:8">
      <c r="H183927" s="12"/>
    </row>
    <row r="183928" spans="8:8">
      <c r="H183928" s="12"/>
    </row>
    <row r="183929" spans="8:8">
      <c r="H183929" s="12"/>
    </row>
    <row r="183930" spans="8:8">
      <c r="H183930" s="12"/>
    </row>
    <row r="183931" spans="8:8">
      <c r="H183931" s="12"/>
    </row>
    <row r="183932" spans="8:8">
      <c r="H183932" s="12"/>
    </row>
    <row r="183933" spans="8:8">
      <c r="H183933" s="12"/>
    </row>
    <row r="183934" spans="8:8">
      <c r="H183934" s="12"/>
    </row>
    <row r="183935" spans="8:8">
      <c r="H183935" s="12"/>
    </row>
    <row r="183936" spans="8:8">
      <c r="H183936" s="12"/>
    </row>
    <row r="183937" spans="8:8">
      <c r="H183937" s="12"/>
    </row>
    <row r="183938" spans="8:8">
      <c r="H183938" s="12"/>
    </row>
    <row r="183939" spans="8:8">
      <c r="H183939" s="12"/>
    </row>
    <row r="183940" spans="8:8">
      <c r="H183940" s="12"/>
    </row>
    <row r="183941" spans="8:8">
      <c r="H183941" s="12"/>
    </row>
    <row r="183942" spans="8:8">
      <c r="H183942" s="12"/>
    </row>
    <row r="183943" spans="8:8">
      <c r="H183943" s="12"/>
    </row>
    <row r="183944" spans="8:8">
      <c r="H183944" s="12"/>
    </row>
    <row r="183945" spans="8:8">
      <c r="H183945" s="12"/>
    </row>
    <row r="183946" spans="8:8">
      <c r="H183946" s="12"/>
    </row>
    <row r="183947" spans="8:8">
      <c r="H183947" s="12"/>
    </row>
    <row r="183948" spans="8:8">
      <c r="H183948" s="12"/>
    </row>
    <row r="183949" spans="8:8">
      <c r="H183949" s="12"/>
    </row>
    <row r="183950" spans="8:8">
      <c r="H183950" s="12"/>
    </row>
    <row r="183951" spans="8:8">
      <c r="H183951" s="12"/>
    </row>
    <row r="183952" spans="8:8">
      <c r="H183952" s="12"/>
    </row>
    <row r="183953" spans="8:8">
      <c r="H183953" s="12"/>
    </row>
    <row r="183954" spans="8:8">
      <c r="H183954" s="12"/>
    </row>
    <row r="183955" spans="8:8">
      <c r="H183955" s="12"/>
    </row>
    <row r="183956" spans="8:8">
      <c r="H183956" s="12"/>
    </row>
    <row r="183957" spans="8:8">
      <c r="H183957" s="12"/>
    </row>
    <row r="183958" spans="8:8">
      <c r="H183958" s="12"/>
    </row>
    <row r="183959" spans="8:8">
      <c r="H183959" s="12"/>
    </row>
    <row r="183960" spans="8:8">
      <c r="H183960" s="12"/>
    </row>
    <row r="183961" spans="8:8">
      <c r="H183961" s="12"/>
    </row>
    <row r="183962" spans="8:8">
      <c r="H183962" s="12"/>
    </row>
    <row r="183963" spans="8:8">
      <c r="H183963" s="12"/>
    </row>
    <row r="183964" spans="8:8">
      <c r="H183964" s="12"/>
    </row>
    <row r="183965" spans="8:8">
      <c r="H183965" s="12"/>
    </row>
    <row r="183966" spans="8:8">
      <c r="H183966" s="12"/>
    </row>
    <row r="183967" spans="8:8">
      <c r="H183967" s="12"/>
    </row>
    <row r="183968" spans="8:8">
      <c r="H183968" s="12"/>
    </row>
    <row r="183969" spans="8:8">
      <c r="H183969" s="12"/>
    </row>
    <row r="183970" spans="8:8">
      <c r="H183970" s="12"/>
    </row>
    <row r="183971" spans="8:8">
      <c r="H183971" s="12"/>
    </row>
    <row r="183972" spans="8:8">
      <c r="H183972" s="12"/>
    </row>
    <row r="183973" spans="8:8">
      <c r="H183973" s="12"/>
    </row>
    <row r="183974" spans="8:8">
      <c r="H183974" s="12"/>
    </row>
    <row r="183975" spans="8:8">
      <c r="H183975" s="12"/>
    </row>
    <row r="183976" spans="8:8">
      <c r="H183976" s="12"/>
    </row>
    <row r="183977" spans="8:8">
      <c r="H183977" s="12"/>
    </row>
    <row r="183978" spans="8:8">
      <c r="H183978" s="12"/>
    </row>
    <row r="183979" spans="8:8">
      <c r="H183979" s="12"/>
    </row>
    <row r="183980" spans="8:8">
      <c r="H183980" s="12"/>
    </row>
    <row r="183981" spans="8:8">
      <c r="H183981" s="12"/>
    </row>
    <row r="183982" spans="8:8">
      <c r="H183982" s="12"/>
    </row>
    <row r="183983" spans="8:8">
      <c r="H183983" s="12"/>
    </row>
    <row r="183984" spans="8:8">
      <c r="H183984" s="12"/>
    </row>
    <row r="183985" spans="8:8">
      <c r="H183985" s="12"/>
    </row>
    <row r="183986" spans="8:8">
      <c r="H183986" s="12"/>
    </row>
    <row r="183987" spans="8:8">
      <c r="H183987" s="12"/>
    </row>
    <row r="183988" spans="8:8">
      <c r="H183988" s="12"/>
    </row>
    <row r="183989" spans="8:8">
      <c r="H183989" s="12"/>
    </row>
    <row r="183990" spans="8:8">
      <c r="H183990" s="12"/>
    </row>
    <row r="183991" spans="8:8">
      <c r="H183991" s="12"/>
    </row>
    <row r="183992" spans="8:8">
      <c r="H183992" s="12"/>
    </row>
    <row r="183993" spans="8:8">
      <c r="H183993" s="12"/>
    </row>
    <row r="183994" spans="8:8">
      <c r="H183994" s="12"/>
    </row>
    <row r="183995" spans="8:8">
      <c r="H183995" s="12"/>
    </row>
    <row r="183996" spans="8:8">
      <c r="H183996" s="12"/>
    </row>
    <row r="183997" spans="8:8">
      <c r="H183997" s="12"/>
    </row>
    <row r="183998" spans="8:8">
      <c r="H183998" s="12"/>
    </row>
    <row r="183999" spans="8:8">
      <c r="H183999" s="12"/>
    </row>
    <row r="184000" spans="8:8">
      <c r="H184000" s="12"/>
    </row>
    <row r="184001" spans="8:8">
      <c r="H184001" s="12"/>
    </row>
    <row r="184002" spans="8:8">
      <c r="H184002" s="12"/>
    </row>
    <row r="184003" spans="8:8">
      <c r="H184003" s="12"/>
    </row>
    <row r="184004" spans="8:8">
      <c r="H184004" s="12"/>
    </row>
    <row r="184005" spans="8:8">
      <c r="H184005" s="12"/>
    </row>
    <row r="184006" spans="8:8">
      <c r="H184006" s="12"/>
    </row>
    <row r="184007" spans="8:8">
      <c r="H184007" s="12"/>
    </row>
    <row r="184008" spans="8:8">
      <c r="H184008" s="12"/>
    </row>
    <row r="184009" spans="8:8">
      <c r="H184009" s="12"/>
    </row>
    <row r="184010" spans="8:8">
      <c r="H184010" s="12"/>
    </row>
    <row r="184011" spans="8:8">
      <c r="H184011" s="12"/>
    </row>
    <row r="184012" spans="8:8">
      <c r="H184012" s="12"/>
    </row>
    <row r="184013" spans="8:8">
      <c r="H184013" s="12"/>
    </row>
    <row r="184014" spans="8:8">
      <c r="H184014" s="12"/>
    </row>
    <row r="184015" spans="8:8">
      <c r="H184015" s="12"/>
    </row>
    <row r="184016" spans="8:8">
      <c r="H184016" s="12"/>
    </row>
    <row r="184017" spans="8:8">
      <c r="H184017" s="12"/>
    </row>
    <row r="184018" spans="8:8">
      <c r="H184018" s="12"/>
    </row>
    <row r="184019" spans="8:8">
      <c r="H184019" s="12"/>
    </row>
    <row r="184020" spans="8:8">
      <c r="H184020" s="12"/>
    </row>
    <row r="184021" spans="8:8">
      <c r="H184021" s="12"/>
    </row>
    <row r="184022" spans="8:8">
      <c r="H184022" s="12"/>
    </row>
    <row r="184023" spans="8:8">
      <c r="H184023" s="12"/>
    </row>
    <row r="184024" spans="8:8">
      <c r="H184024" s="12"/>
    </row>
    <row r="184025" spans="8:8">
      <c r="H184025" s="12"/>
    </row>
    <row r="184026" spans="8:8">
      <c r="H184026" s="12"/>
    </row>
    <row r="184027" spans="8:8">
      <c r="H184027" s="12"/>
    </row>
    <row r="184028" spans="8:8">
      <c r="H184028" s="12"/>
    </row>
    <row r="184029" spans="8:8">
      <c r="H184029" s="12"/>
    </row>
    <row r="184030" spans="8:8">
      <c r="H184030" s="12"/>
    </row>
    <row r="184031" spans="8:8">
      <c r="H184031" s="12"/>
    </row>
    <row r="184032" spans="8:8">
      <c r="H184032" s="12"/>
    </row>
    <row r="184033" spans="8:8">
      <c r="H184033" s="12"/>
    </row>
    <row r="184034" spans="8:8">
      <c r="H184034" s="12"/>
    </row>
    <row r="184035" spans="8:8">
      <c r="H184035" s="12"/>
    </row>
    <row r="184036" spans="8:8">
      <c r="H184036" s="12"/>
    </row>
    <row r="184037" spans="8:8">
      <c r="H184037" s="12"/>
    </row>
    <row r="184038" spans="8:8">
      <c r="H184038" s="12"/>
    </row>
    <row r="184039" spans="8:8">
      <c r="H184039" s="12"/>
    </row>
    <row r="184040" spans="8:8">
      <c r="H184040" s="12"/>
    </row>
    <row r="184041" spans="8:8">
      <c r="H184041" s="12"/>
    </row>
    <row r="184042" spans="8:8">
      <c r="H184042" s="12"/>
    </row>
    <row r="184043" spans="8:8">
      <c r="H184043" s="12"/>
    </row>
    <row r="184044" spans="8:8">
      <c r="H184044" s="12"/>
    </row>
    <row r="184045" spans="8:8">
      <c r="H184045" s="12"/>
    </row>
    <row r="184046" spans="8:8">
      <c r="H184046" s="12"/>
    </row>
    <row r="184047" spans="8:8">
      <c r="H184047" s="12"/>
    </row>
    <row r="184048" spans="8:8">
      <c r="H184048" s="12"/>
    </row>
    <row r="184049" spans="8:8">
      <c r="H184049" s="12"/>
    </row>
    <row r="184050" spans="8:8">
      <c r="H184050" s="12"/>
    </row>
    <row r="184051" spans="8:8">
      <c r="H184051" s="12"/>
    </row>
    <row r="184052" spans="8:8">
      <c r="H184052" s="12"/>
    </row>
    <row r="184053" spans="8:8">
      <c r="H184053" s="12"/>
    </row>
    <row r="184054" spans="8:8">
      <c r="H184054" s="12"/>
    </row>
    <row r="184055" spans="8:8">
      <c r="H184055" s="12"/>
    </row>
    <row r="184056" spans="8:8">
      <c r="H184056" s="12"/>
    </row>
    <row r="184057" spans="8:8">
      <c r="H184057" s="12"/>
    </row>
    <row r="184058" spans="8:8">
      <c r="H184058" s="12"/>
    </row>
    <row r="184059" spans="8:8">
      <c r="H184059" s="12"/>
    </row>
    <row r="184060" spans="8:8">
      <c r="H184060" s="12"/>
    </row>
    <row r="184061" spans="8:8">
      <c r="H184061" s="12"/>
    </row>
    <row r="184062" spans="8:8">
      <c r="H184062" s="12"/>
    </row>
    <row r="184063" spans="8:8">
      <c r="H184063" s="12"/>
    </row>
    <row r="184064" spans="8:8">
      <c r="H184064" s="12"/>
    </row>
    <row r="184065" spans="8:8">
      <c r="H184065" s="12"/>
    </row>
    <row r="184066" spans="8:8">
      <c r="H184066" s="12"/>
    </row>
    <row r="184067" spans="8:8">
      <c r="H184067" s="12"/>
    </row>
    <row r="184068" spans="8:8">
      <c r="H184068" s="12"/>
    </row>
    <row r="184069" spans="8:8">
      <c r="H184069" s="12"/>
    </row>
    <row r="184070" spans="8:8">
      <c r="H184070" s="12"/>
    </row>
    <row r="184071" spans="8:8">
      <c r="H184071" s="12"/>
    </row>
    <row r="184072" spans="8:8">
      <c r="H184072" s="12"/>
    </row>
    <row r="184073" spans="8:8">
      <c r="H184073" s="12"/>
    </row>
    <row r="184074" spans="8:8">
      <c r="H184074" s="12"/>
    </row>
    <row r="184075" spans="8:8">
      <c r="H184075" s="12"/>
    </row>
    <row r="184076" spans="8:8">
      <c r="H184076" s="12"/>
    </row>
    <row r="184077" spans="8:8">
      <c r="H184077" s="12"/>
    </row>
    <row r="184078" spans="8:8">
      <c r="H184078" s="12"/>
    </row>
    <row r="184079" spans="8:8">
      <c r="H184079" s="12"/>
    </row>
    <row r="184080" spans="8:8">
      <c r="H184080" s="12"/>
    </row>
    <row r="184081" spans="8:8">
      <c r="H184081" s="12"/>
    </row>
    <row r="184082" spans="8:8">
      <c r="H184082" s="12"/>
    </row>
    <row r="184083" spans="8:8">
      <c r="H184083" s="12"/>
    </row>
    <row r="184084" spans="8:8">
      <c r="H184084" s="12"/>
    </row>
    <row r="184085" spans="8:8">
      <c r="H184085" s="12"/>
    </row>
    <row r="184086" spans="8:8">
      <c r="H184086" s="12"/>
    </row>
    <row r="184087" spans="8:8">
      <c r="H184087" s="12"/>
    </row>
    <row r="184088" spans="8:8">
      <c r="H184088" s="12"/>
    </row>
    <row r="184089" spans="8:8">
      <c r="H184089" s="12"/>
    </row>
    <row r="184090" spans="8:8">
      <c r="H184090" s="12"/>
    </row>
    <row r="184091" spans="8:8">
      <c r="H184091" s="12"/>
    </row>
    <row r="184092" spans="8:8">
      <c r="H184092" s="12"/>
    </row>
    <row r="184093" spans="8:8">
      <c r="H184093" s="12"/>
    </row>
    <row r="184094" spans="8:8">
      <c r="H184094" s="12"/>
    </row>
    <row r="184095" spans="8:8">
      <c r="H184095" s="12"/>
    </row>
    <row r="184096" spans="8:8">
      <c r="H184096" s="12"/>
    </row>
    <row r="184097" spans="8:8">
      <c r="H184097" s="12"/>
    </row>
    <row r="184098" spans="8:8">
      <c r="H184098" s="12"/>
    </row>
    <row r="184099" spans="8:8">
      <c r="H184099" s="12"/>
    </row>
    <row r="184100" spans="8:8">
      <c r="H184100" s="12"/>
    </row>
    <row r="184101" spans="8:8">
      <c r="H184101" s="12"/>
    </row>
    <row r="184102" spans="8:8">
      <c r="H184102" s="12"/>
    </row>
    <row r="184103" spans="8:8">
      <c r="H184103" s="12"/>
    </row>
    <row r="184104" spans="8:8">
      <c r="H184104" s="12"/>
    </row>
    <row r="184105" spans="8:8">
      <c r="H184105" s="12"/>
    </row>
    <row r="184106" spans="8:8">
      <c r="H184106" s="12"/>
    </row>
    <row r="184107" spans="8:8">
      <c r="H184107" s="12"/>
    </row>
    <row r="184108" spans="8:8">
      <c r="H184108" s="12"/>
    </row>
    <row r="184109" spans="8:8">
      <c r="H184109" s="12"/>
    </row>
    <row r="184110" spans="8:8">
      <c r="H184110" s="12"/>
    </row>
    <row r="184111" spans="8:8">
      <c r="H184111" s="12"/>
    </row>
    <row r="184112" spans="8:8">
      <c r="H184112" s="12"/>
    </row>
    <row r="184113" spans="8:8">
      <c r="H184113" s="12"/>
    </row>
    <row r="184114" spans="8:8">
      <c r="H184114" s="12"/>
    </row>
    <row r="184115" spans="8:8">
      <c r="H184115" s="12"/>
    </row>
    <row r="184116" spans="8:8">
      <c r="H184116" s="12"/>
    </row>
    <row r="184117" spans="8:8">
      <c r="H184117" s="12"/>
    </row>
    <row r="184118" spans="8:8">
      <c r="H184118" s="12"/>
    </row>
    <row r="184119" spans="8:8">
      <c r="H184119" s="12"/>
    </row>
    <row r="184120" spans="8:8">
      <c r="H184120" s="12"/>
    </row>
    <row r="184121" spans="8:8">
      <c r="H184121" s="12"/>
    </row>
    <row r="184122" spans="8:8">
      <c r="H184122" s="12"/>
    </row>
    <row r="184123" spans="8:8">
      <c r="H184123" s="12"/>
    </row>
    <row r="184124" spans="8:8">
      <c r="H184124" s="12"/>
    </row>
    <row r="184125" spans="8:8">
      <c r="H184125" s="12"/>
    </row>
    <row r="184126" spans="8:8">
      <c r="H184126" s="12"/>
    </row>
    <row r="184127" spans="8:8">
      <c r="H184127" s="12"/>
    </row>
    <row r="184128" spans="8:8">
      <c r="H184128" s="12"/>
    </row>
    <row r="184129" spans="8:8">
      <c r="H184129" s="12"/>
    </row>
    <row r="184130" spans="8:8">
      <c r="H184130" s="12"/>
    </row>
    <row r="184131" spans="8:8">
      <c r="H184131" s="12"/>
    </row>
    <row r="184132" spans="8:8">
      <c r="H184132" s="12"/>
    </row>
    <row r="184133" spans="8:8">
      <c r="H184133" s="12"/>
    </row>
    <row r="184134" spans="8:8">
      <c r="H184134" s="12"/>
    </row>
    <row r="184135" spans="8:8">
      <c r="H184135" s="12"/>
    </row>
    <row r="184136" spans="8:8">
      <c r="H184136" s="12"/>
    </row>
    <row r="184137" spans="8:8">
      <c r="H184137" s="12"/>
    </row>
    <row r="184138" spans="8:8">
      <c r="H184138" s="12"/>
    </row>
    <row r="184139" spans="8:8">
      <c r="H184139" s="12"/>
    </row>
    <row r="184140" spans="8:8">
      <c r="H184140" s="12"/>
    </row>
    <row r="184141" spans="8:8">
      <c r="H184141" s="12"/>
    </row>
    <row r="184142" spans="8:8">
      <c r="H184142" s="12"/>
    </row>
    <row r="184143" spans="8:8">
      <c r="H184143" s="12"/>
    </row>
    <row r="184144" spans="8:8">
      <c r="H184144" s="12"/>
    </row>
    <row r="184145" spans="8:8">
      <c r="H184145" s="12"/>
    </row>
    <row r="184146" spans="8:8">
      <c r="H184146" s="12"/>
    </row>
    <row r="184147" spans="8:8">
      <c r="H184147" s="12"/>
    </row>
    <row r="184148" spans="8:8">
      <c r="H184148" s="12"/>
    </row>
    <row r="184149" spans="8:8">
      <c r="H184149" s="12"/>
    </row>
    <row r="184150" spans="8:8">
      <c r="H184150" s="12"/>
    </row>
    <row r="184151" spans="8:8">
      <c r="H184151" s="12"/>
    </row>
    <row r="184152" spans="8:8">
      <c r="H184152" s="12"/>
    </row>
    <row r="184153" spans="8:8">
      <c r="H184153" s="12"/>
    </row>
    <row r="184154" spans="8:8">
      <c r="H184154" s="12"/>
    </row>
    <row r="184155" spans="8:8">
      <c r="H184155" s="12"/>
    </row>
    <row r="184156" spans="8:8">
      <c r="H184156" s="12"/>
    </row>
    <row r="184157" spans="8:8">
      <c r="H184157" s="12"/>
    </row>
    <row r="184158" spans="8:8">
      <c r="H184158" s="12"/>
    </row>
    <row r="184159" spans="8:8">
      <c r="H184159" s="12"/>
    </row>
    <row r="184160" spans="8:8">
      <c r="H184160" s="12"/>
    </row>
    <row r="184161" spans="8:8">
      <c r="H184161" s="12"/>
    </row>
    <row r="184162" spans="8:8">
      <c r="H184162" s="12"/>
    </row>
    <row r="184163" spans="8:8">
      <c r="H184163" s="12"/>
    </row>
    <row r="184164" spans="8:8">
      <c r="H184164" s="12"/>
    </row>
    <row r="184165" spans="8:8">
      <c r="H184165" s="12"/>
    </row>
    <row r="184166" spans="8:8">
      <c r="H184166" s="12"/>
    </row>
    <row r="184167" spans="8:8">
      <c r="H184167" s="12"/>
    </row>
    <row r="184168" spans="8:8">
      <c r="H184168" s="12"/>
    </row>
    <row r="184169" spans="8:8">
      <c r="H184169" s="12"/>
    </row>
    <row r="184170" spans="8:8">
      <c r="H184170" s="12"/>
    </row>
    <row r="184171" spans="8:8">
      <c r="H184171" s="12"/>
    </row>
    <row r="184172" spans="8:8">
      <c r="H184172" s="12"/>
    </row>
    <row r="184173" spans="8:8">
      <c r="H184173" s="12"/>
    </row>
    <row r="184174" spans="8:8">
      <c r="H184174" s="12"/>
    </row>
    <row r="184175" spans="8:8">
      <c r="H184175" s="12"/>
    </row>
    <row r="184176" spans="8:8">
      <c r="H184176" s="12"/>
    </row>
    <row r="184177" spans="8:8">
      <c r="H184177" s="12"/>
    </row>
    <row r="184178" spans="8:8">
      <c r="H184178" s="12"/>
    </row>
    <row r="184179" spans="8:8">
      <c r="H184179" s="12"/>
    </row>
    <row r="184180" spans="8:8">
      <c r="H184180" s="12"/>
    </row>
    <row r="184181" spans="8:8">
      <c r="H184181" s="12"/>
    </row>
    <row r="184182" spans="8:8">
      <c r="H184182" s="12"/>
    </row>
    <row r="184183" spans="8:8">
      <c r="H184183" s="12"/>
    </row>
    <row r="184184" spans="8:8">
      <c r="H184184" s="12"/>
    </row>
    <row r="184185" spans="8:8">
      <c r="H184185" s="12"/>
    </row>
    <row r="184186" spans="8:8">
      <c r="H184186" s="12"/>
    </row>
    <row r="184187" spans="8:8">
      <c r="H184187" s="12"/>
    </row>
    <row r="184188" spans="8:8">
      <c r="H184188" s="12"/>
    </row>
    <row r="184189" spans="8:8">
      <c r="H184189" s="12"/>
    </row>
    <row r="184190" spans="8:8">
      <c r="H184190" s="12"/>
    </row>
    <row r="184191" spans="8:8">
      <c r="H184191" s="12"/>
    </row>
    <row r="184192" spans="8:8">
      <c r="H184192" s="12"/>
    </row>
    <row r="184193" spans="8:8">
      <c r="H184193" s="12"/>
    </row>
    <row r="184194" spans="8:8">
      <c r="H184194" s="12"/>
    </row>
    <row r="184195" spans="8:8">
      <c r="H184195" s="12"/>
    </row>
    <row r="184196" spans="8:8">
      <c r="H184196" s="12"/>
    </row>
    <row r="184197" spans="8:8">
      <c r="H184197" s="12"/>
    </row>
    <row r="184198" spans="8:8">
      <c r="H184198" s="12"/>
    </row>
    <row r="184199" spans="8:8">
      <c r="H184199" s="12"/>
    </row>
    <row r="184200" spans="8:8">
      <c r="H184200" s="12"/>
    </row>
    <row r="184201" spans="8:8">
      <c r="H184201" s="12"/>
    </row>
    <row r="184202" spans="8:8">
      <c r="H184202" s="12"/>
    </row>
    <row r="184203" spans="8:8">
      <c r="H184203" s="12"/>
    </row>
    <row r="184204" spans="8:8">
      <c r="H184204" s="12"/>
    </row>
    <row r="184205" spans="8:8">
      <c r="H184205" s="12"/>
    </row>
    <row r="184206" spans="8:8">
      <c r="H184206" s="12"/>
    </row>
    <row r="184207" spans="8:8">
      <c r="H184207" s="12"/>
    </row>
    <row r="184208" spans="8:8">
      <c r="H184208" s="12"/>
    </row>
    <row r="184209" spans="8:8">
      <c r="H184209" s="12"/>
    </row>
    <row r="184210" spans="8:8">
      <c r="H184210" s="12"/>
    </row>
    <row r="184211" spans="8:8">
      <c r="H184211" s="12"/>
    </row>
    <row r="184212" spans="8:8">
      <c r="H184212" s="12"/>
    </row>
    <row r="184213" spans="8:8">
      <c r="H184213" s="12"/>
    </row>
    <row r="184214" spans="8:8">
      <c r="H184214" s="12"/>
    </row>
    <row r="184215" spans="8:8">
      <c r="H184215" s="12"/>
    </row>
    <row r="184216" spans="8:8">
      <c r="H184216" s="12"/>
    </row>
    <row r="184217" spans="8:8">
      <c r="H184217" s="12"/>
    </row>
    <row r="184218" spans="8:8">
      <c r="H184218" s="12"/>
    </row>
    <row r="184219" spans="8:8">
      <c r="H184219" s="12"/>
    </row>
    <row r="184220" spans="8:8">
      <c r="H184220" s="12"/>
    </row>
    <row r="184221" spans="8:8">
      <c r="H184221" s="12"/>
    </row>
    <row r="184222" spans="8:8">
      <c r="H184222" s="12"/>
    </row>
    <row r="184223" spans="8:8">
      <c r="H184223" s="12"/>
    </row>
    <row r="184224" spans="8:8">
      <c r="H184224" s="12"/>
    </row>
    <row r="184225" spans="8:8">
      <c r="H184225" s="12"/>
    </row>
    <row r="184226" spans="8:8">
      <c r="H184226" s="12"/>
    </row>
    <row r="184227" spans="8:8">
      <c r="H184227" s="12"/>
    </row>
    <row r="184228" spans="8:8">
      <c r="H184228" s="12"/>
    </row>
    <row r="184229" spans="8:8">
      <c r="H184229" s="12"/>
    </row>
    <row r="184230" spans="8:8">
      <c r="H184230" s="12"/>
    </row>
    <row r="184231" spans="8:8">
      <c r="H184231" s="12"/>
    </row>
    <row r="184232" spans="8:8">
      <c r="H184232" s="12"/>
    </row>
    <row r="184233" spans="8:8">
      <c r="H184233" s="12"/>
    </row>
    <row r="184234" spans="8:8">
      <c r="H184234" s="12"/>
    </row>
    <row r="184235" spans="8:8">
      <c r="H184235" s="12"/>
    </row>
    <row r="184236" spans="8:8">
      <c r="H184236" s="12"/>
    </row>
    <row r="184237" spans="8:8">
      <c r="H184237" s="12"/>
    </row>
    <row r="184238" spans="8:8">
      <c r="H184238" s="12"/>
    </row>
    <row r="184239" spans="8:8">
      <c r="H184239" s="12"/>
    </row>
    <row r="184240" spans="8:8">
      <c r="H184240" s="12"/>
    </row>
    <row r="184241" spans="8:8">
      <c r="H184241" s="12"/>
    </row>
    <row r="184242" spans="8:8">
      <c r="H184242" s="12"/>
    </row>
    <row r="184243" spans="8:8">
      <c r="H184243" s="12"/>
    </row>
    <row r="184244" spans="8:8">
      <c r="H184244" s="12"/>
    </row>
    <row r="184245" spans="8:8">
      <c r="H184245" s="12"/>
    </row>
    <row r="184246" spans="8:8">
      <c r="H184246" s="12"/>
    </row>
    <row r="184247" spans="8:8">
      <c r="H184247" s="12"/>
    </row>
    <row r="184248" spans="8:8">
      <c r="H184248" s="12"/>
    </row>
    <row r="184249" spans="8:8">
      <c r="H184249" s="12"/>
    </row>
    <row r="184250" spans="8:8">
      <c r="H184250" s="12"/>
    </row>
    <row r="184251" spans="8:8">
      <c r="H184251" s="12"/>
    </row>
    <row r="184252" spans="8:8">
      <c r="H184252" s="12"/>
    </row>
    <row r="184253" spans="8:8">
      <c r="H184253" s="12"/>
    </row>
    <row r="184254" spans="8:8">
      <c r="H184254" s="12"/>
    </row>
    <row r="184255" spans="8:8">
      <c r="H184255" s="12"/>
    </row>
    <row r="184256" spans="8:8">
      <c r="H184256" s="12"/>
    </row>
    <row r="184257" spans="8:8">
      <c r="H184257" s="12"/>
    </row>
    <row r="184258" spans="8:8">
      <c r="H184258" s="12"/>
    </row>
    <row r="184259" spans="8:8">
      <c r="H184259" s="12"/>
    </row>
    <row r="184260" spans="8:8">
      <c r="H184260" s="12"/>
    </row>
    <row r="184261" spans="8:8">
      <c r="H184261" s="12"/>
    </row>
    <row r="184262" spans="8:8">
      <c r="H184262" s="12"/>
    </row>
    <row r="184263" spans="8:8">
      <c r="H184263" s="12"/>
    </row>
    <row r="184264" spans="8:8">
      <c r="H184264" s="12"/>
    </row>
    <row r="184265" spans="8:8">
      <c r="H184265" s="12"/>
    </row>
    <row r="184266" spans="8:8">
      <c r="H184266" s="12"/>
    </row>
    <row r="184267" spans="8:8">
      <c r="H184267" s="12"/>
    </row>
    <row r="184268" spans="8:8">
      <c r="H184268" s="12"/>
    </row>
    <row r="184269" spans="8:8">
      <c r="H184269" s="12"/>
    </row>
    <row r="184270" spans="8:8">
      <c r="H184270" s="12"/>
    </row>
    <row r="184271" spans="8:8">
      <c r="H184271" s="12"/>
    </row>
    <row r="184272" spans="8:8">
      <c r="H184272" s="12"/>
    </row>
    <row r="184273" spans="8:8">
      <c r="H184273" s="12"/>
    </row>
    <row r="184274" spans="8:8">
      <c r="H184274" s="12"/>
    </row>
    <row r="184275" spans="8:8">
      <c r="H184275" s="12"/>
    </row>
    <row r="184276" spans="8:8">
      <c r="H184276" s="12"/>
    </row>
    <row r="184277" spans="8:8">
      <c r="H184277" s="12"/>
    </row>
    <row r="184278" spans="8:8">
      <c r="H184278" s="12"/>
    </row>
    <row r="184279" spans="8:8">
      <c r="H184279" s="12"/>
    </row>
    <row r="184280" spans="8:8">
      <c r="H184280" s="12"/>
    </row>
    <row r="184281" spans="8:8">
      <c r="H184281" s="12"/>
    </row>
    <row r="184282" spans="8:8">
      <c r="H184282" s="12"/>
    </row>
    <row r="184283" spans="8:8">
      <c r="H184283" s="12"/>
    </row>
    <row r="184284" spans="8:8">
      <c r="H184284" s="12"/>
    </row>
    <row r="184285" spans="8:8">
      <c r="H184285" s="12"/>
    </row>
    <row r="184286" spans="8:8">
      <c r="H184286" s="12"/>
    </row>
    <row r="184287" spans="8:8">
      <c r="H184287" s="12"/>
    </row>
    <row r="184288" spans="8:8">
      <c r="H184288" s="12"/>
    </row>
    <row r="184289" spans="8:8">
      <c r="H184289" s="12"/>
    </row>
    <row r="184290" spans="8:8">
      <c r="H184290" s="12"/>
    </row>
    <row r="184291" spans="8:8">
      <c r="H184291" s="12"/>
    </row>
    <row r="184292" spans="8:8">
      <c r="H184292" s="12"/>
    </row>
    <row r="184293" spans="8:8">
      <c r="H184293" s="12"/>
    </row>
    <row r="184294" spans="8:8">
      <c r="H184294" s="12"/>
    </row>
    <row r="184295" spans="8:8">
      <c r="H184295" s="12"/>
    </row>
    <row r="184296" spans="8:8">
      <c r="H184296" s="12"/>
    </row>
    <row r="184297" spans="8:8">
      <c r="H184297" s="12"/>
    </row>
    <row r="184298" spans="8:8">
      <c r="H184298" s="12"/>
    </row>
    <row r="184299" spans="8:8">
      <c r="H184299" s="12"/>
    </row>
    <row r="184300" spans="8:8">
      <c r="H184300" s="12"/>
    </row>
    <row r="184301" spans="8:8">
      <c r="H184301" s="12"/>
    </row>
    <row r="184302" spans="8:8">
      <c r="H184302" s="12"/>
    </row>
    <row r="184303" spans="8:8">
      <c r="H184303" s="12"/>
    </row>
    <row r="184304" spans="8:8">
      <c r="H184304" s="12"/>
    </row>
    <row r="184305" spans="8:8">
      <c r="H184305" s="12"/>
    </row>
    <row r="184306" spans="8:8">
      <c r="H184306" s="12"/>
    </row>
    <row r="184307" spans="8:8">
      <c r="H184307" s="12"/>
    </row>
    <row r="184308" spans="8:8">
      <c r="H184308" s="12"/>
    </row>
    <row r="184309" spans="8:8">
      <c r="H184309" s="12"/>
    </row>
    <row r="184310" spans="8:8">
      <c r="H184310" s="12"/>
    </row>
    <row r="184311" spans="8:8">
      <c r="H184311" s="12"/>
    </row>
    <row r="184312" spans="8:8">
      <c r="H184312" s="12"/>
    </row>
    <row r="184313" spans="8:8">
      <c r="H184313" s="12"/>
    </row>
    <row r="184314" spans="8:8">
      <c r="H184314" s="12"/>
    </row>
    <row r="184315" spans="8:8">
      <c r="H184315" s="12"/>
    </row>
    <row r="184316" spans="8:8">
      <c r="H184316" s="12"/>
    </row>
    <row r="184317" spans="8:8">
      <c r="H184317" s="12"/>
    </row>
    <row r="184318" spans="8:8">
      <c r="H184318" s="12"/>
    </row>
    <row r="184319" spans="8:8">
      <c r="H184319" s="12"/>
    </row>
    <row r="184320" spans="8:8">
      <c r="H184320" s="12"/>
    </row>
    <row r="184321" spans="8:8">
      <c r="H184321" s="12"/>
    </row>
    <row r="184322" spans="8:8">
      <c r="H184322" s="12"/>
    </row>
    <row r="184323" spans="8:8">
      <c r="H184323" s="12"/>
    </row>
    <row r="184324" spans="8:8">
      <c r="H184324" s="12"/>
    </row>
    <row r="184325" spans="8:8">
      <c r="H184325" s="12"/>
    </row>
    <row r="184326" spans="8:8">
      <c r="H184326" s="12"/>
    </row>
    <row r="184327" spans="8:8">
      <c r="H184327" s="12"/>
    </row>
    <row r="184328" spans="8:8">
      <c r="H184328" s="12"/>
    </row>
    <row r="184329" spans="8:8">
      <c r="H184329" s="12"/>
    </row>
    <row r="184330" spans="8:8">
      <c r="H184330" s="12"/>
    </row>
    <row r="184331" spans="8:8">
      <c r="H184331" s="12"/>
    </row>
    <row r="184332" spans="8:8">
      <c r="H184332" s="12"/>
    </row>
    <row r="184333" spans="8:8">
      <c r="H184333" s="12"/>
    </row>
    <row r="184334" spans="8:8">
      <c r="H184334" s="12"/>
    </row>
    <row r="184335" spans="8:8">
      <c r="H184335" s="12"/>
    </row>
    <row r="184336" spans="8:8">
      <c r="H184336" s="12"/>
    </row>
    <row r="184337" spans="8:8">
      <c r="H184337" s="12"/>
    </row>
    <row r="184338" spans="8:8">
      <c r="H184338" s="12"/>
    </row>
    <row r="184339" spans="8:8">
      <c r="H184339" s="12"/>
    </row>
    <row r="184340" spans="8:8">
      <c r="H184340" s="12"/>
    </row>
    <row r="184341" spans="8:8">
      <c r="H184341" s="12"/>
    </row>
    <row r="184342" spans="8:8">
      <c r="H184342" s="12"/>
    </row>
    <row r="184343" spans="8:8">
      <c r="H184343" s="12"/>
    </row>
    <row r="184344" spans="8:8">
      <c r="H184344" s="12"/>
    </row>
    <row r="184345" spans="8:8">
      <c r="H184345" s="12"/>
    </row>
    <row r="184346" spans="8:8">
      <c r="H184346" s="12"/>
    </row>
    <row r="184347" spans="8:8">
      <c r="H184347" s="12"/>
    </row>
    <row r="184348" spans="8:8">
      <c r="H184348" s="12"/>
    </row>
    <row r="184349" spans="8:8">
      <c r="H184349" s="12"/>
    </row>
    <row r="184350" spans="8:8">
      <c r="H184350" s="12"/>
    </row>
    <row r="184351" spans="8:8">
      <c r="H184351" s="12"/>
    </row>
    <row r="184352" spans="8:8">
      <c r="H184352" s="12"/>
    </row>
    <row r="184353" spans="8:8">
      <c r="H184353" s="12"/>
    </row>
    <row r="184354" spans="8:8">
      <c r="H184354" s="12"/>
    </row>
    <row r="184355" spans="8:8">
      <c r="H184355" s="12"/>
    </row>
    <row r="184356" spans="8:8">
      <c r="H184356" s="12"/>
    </row>
    <row r="184357" spans="8:8">
      <c r="H184357" s="12"/>
    </row>
    <row r="184358" spans="8:8">
      <c r="H184358" s="12"/>
    </row>
    <row r="184359" spans="8:8">
      <c r="H184359" s="12"/>
    </row>
    <row r="184360" spans="8:8">
      <c r="H184360" s="12"/>
    </row>
    <row r="184361" spans="8:8">
      <c r="H184361" s="12"/>
    </row>
    <row r="184362" spans="8:8">
      <c r="H184362" s="12"/>
    </row>
    <row r="184363" spans="8:8">
      <c r="H184363" s="12"/>
    </row>
    <row r="184364" spans="8:8">
      <c r="H184364" s="12"/>
    </row>
    <row r="184365" spans="8:8">
      <c r="H184365" s="12"/>
    </row>
    <row r="184366" spans="8:8">
      <c r="H184366" s="12"/>
    </row>
    <row r="184367" spans="8:8">
      <c r="H184367" s="12"/>
    </row>
    <row r="184368" spans="8:8">
      <c r="H184368" s="12"/>
    </row>
    <row r="184369" spans="8:8">
      <c r="H184369" s="12"/>
    </row>
    <row r="184370" spans="8:8">
      <c r="H184370" s="12"/>
    </row>
    <row r="184371" spans="8:8">
      <c r="H184371" s="12"/>
    </row>
    <row r="184372" spans="8:8">
      <c r="H184372" s="12"/>
    </row>
    <row r="184373" spans="8:8">
      <c r="H184373" s="12"/>
    </row>
    <row r="184374" spans="8:8">
      <c r="H184374" s="12"/>
    </row>
    <row r="184375" spans="8:8">
      <c r="H184375" s="12"/>
    </row>
    <row r="184376" spans="8:8">
      <c r="H184376" s="12"/>
    </row>
    <row r="184377" spans="8:8">
      <c r="H184377" s="12"/>
    </row>
    <row r="184378" spans="8:8">
      <c r="H184378" s="12"/>
    </row>
    <row r="184379" spans="8:8">
      <c r="H184379" s="12"/>
    </row>
    <row r="184380" spans="8:8">
      <c r="H184380" s="12"/>
    </row>
    <row r="184381" spans="8:8">
      <c r="H184381" s="12"/>
    </row>
    <row r="184382" spans="8:8">
      <c r="H184382" s="12"/>
    </row>
    <row r="184383" spans="8:8">
      <c r="H184383" s="12"/>
    </row>
    <row r="184384" spans="8:8">
      <c r="H184384" s="12"/>
    </row>
    <row r="184385" spans="8:8">
      <c r="H184385" s="12"/>
    </row>
    <row r="184386" spans="8:8">
      <c r="H184386" s="12"/>
    </row>
    <row r="184387" spans="8:8">
      <c r="H184387" s="12"/>
    </row>
    <row r="184388" spans="8:8">
      <c r="H184388" s="12"/>
    </row>
    <row r="184389" spans="8:8">
      <c r="H184389" s="12"/>
    </row>
    <row r="184390" spans="8:8">
      <c r="H184390" s="12"/>
    </row>
    <row r="184391" spans="8:8">
      <c r="H184391" s="12"/>
    </row>
    <row r="184392" spans="8:8">
      <c r="H184392" s="12"/>
    </row>
    <row r="184393" spans="8:8">
      <c r="H184393" s="12"/>
    </row>
    <row r="184394" spans="8:8">
      <c r="H184394" s="12"/>
    </row>
    <row r="184395" spans="8:8">
      <c r="H184395" s="12"/>
    </row>
    <row r="184396" spans="8:8">
      <c r="H184396" s="12"/>
    </row>
    <row r="184397" spans="8:8">
      <c r="H184397" s="12"/>
    </row>
    <row r="184398" spans="8:8">
      <c r="H184398" s="12"/>
    </row>
    <row r="184399" spans="8:8">
      <c r="H184399" s="12"/>
    </row>
    <row r="184400" spans="8:8">
      <c r="H184400" s="12"/>
    </row>
    <row r="184401" spans="8:8">
      <c r="H184401" s="12"/>
    </row>
    <row r="184402" spans="8:8">
      <c r="H184402" s="12"/>
    </row>
    <row r="184403" spans="8:8">
      <c r="H184403" s="12"/>
    </row>
    <row r="184404" spans="8:8">
      <c r="H184404" s="12"/>
    </row>
    <row r="184405" spans="8:8">
      <c r="H184405" s="12"/>
    </row>
    <row r="184406" spans="8:8">
      <c r="H184406" s="12"/>
    </row>
    <row r="184407" spans="8:8">
      <c r="H184407" s="12"/>
    </row>
    <row r="184408" spans="8:8">
      <c r="H184408" s="12"/>
    </row>
    <row r="184409" spans="8:8">
      <c r="H184409" s="12"/>
    </row>
    <row r="184410" spans="8:8">
      <c r="H184410" s="12"/>
    </row>
    <row r="184411" spans="8:8">
      <c r="H184411" s="12"/>
    </row>
    <row r="184412" spans="8:8">
      <c r="H184412" s="12"/>
    </row>
    <row r="184413" spans="8:8">
      <c r="H184413" s="12"/>
    </row>
    <row r="184414" spans="8:8">
      <c r="H184414" s="12"/>
    </row>
    <row r="184415" spans="8:8">
      <c r="H184415" s="12"/>
    </row>
    <row r="184416" spans="8:8">
      <c r="H184416" s="12"/>
    </row>
    <row r="184417" spans="8:8">
      <c r="H184417" s="12"/>
    </row>
    <row r="184418" spans="8:8">
      <c r="H184418" s="12"/>
    </row>
    <row r="184419" spans="8:8">
      <c r="H184419" s="12"/>
    </row>
    <row r="184420" spans="8:8">
      <c r="H184420" s="12"/>
    </row>
    <row r="184421" spans="8:8">
      <c r="H184421" s="12"/>
    </row>
    <row r="184422" spans="8:8">
      <c r="H184422" s="12"/>
    </row>
    <row r="184423" spans="8:8">
      <c r="H184423" s="12"/>
    </row>
    <row r="184424" spans="8:8">
      <c r="H184424" s="12"/>
    </row>
    <row r="184425" spans="8:8">
      <c r="H184425" s="12"/>
    </row>
    <row r="184426" spans="8:8">
      <c r="H184426" s="12"/>
    </row>
    <row r="184427" spans="8:8">
      <c r="H184427" s="12"/>
    </row>
    <row r="184428" spans="8:8">
      <c r="H184428" s="12"/>
    </row>
    <row r="184429" spans="8:8">
      <c r="H184429" s="12"/>
    </row>
    <row r="184430" spans="8:8">
      <c r="H184430" s="12"/>
    </row>
    <row r="184431" spans="8:8">
      <c r="H184431" s="12"/>
    </row>
    <row r="184432" spans="8:8">
      <c r="H184432" s="12"/>
    </row>
    <row r="184433" spans="8:8">
      <c r="H184433" s="12"/>
    </row>
    <row r="184434" spans="8:8">
      <c r="H184434" s="12"/>
    </row>
    <row r="184435" spans="8:8">
      <c r="H184435" s="12"/>
    </row>
    <row r="184436" spans="8:8">
      <c r="H184436" s="12"/>
    </row>
    <row r="184437" spans="8:8">
      <c r="H184437" s="12"/>
    </row>
    <row r="184438" spans="8:8">
      <c r="H184438" s="12"/>
    </row>
    <row r="184439" spans="8:8">
      <c r="H184439" s="12"/>
    </row>
    <row r="184440" spans="8:8">
      <c r="H184440" s="12"/>
    </row>
    <row r="184441" spans="8:8">
      <c r="H184441" s="12"/>
    </row>
    <row r="184442" spans="8:8">
      <c r="H184442" s="12"/>
    </row>
    <row r="184443" spans="8:8">
      <c r="H184443" s="12"/>
    </row>
    <row r="184444" spans="8:8">
      <c r="H184444" s="12"/>
    </row>
    <row r="184445" spans="8:8">
      <c r="H184445" s="12"/>
    </row>
    <row r="184446" spans="8:8">
      <c r="H184446" s="12"/>
    </row>
    <row r="184447" spans="8:8">
      <c r="H184447" s="12"/>
    </row>
    <row r="184448" spans="8:8">
      <c r="H184448" s="12"/>
    </row>
    <row r="184449" spans="8:8">
      <c r="H184449" s="12"/>
    </row>
    <row r="184450" spans="8:8">
      <c r="H184450" s="12"/>
    </row>
    <row r="184451" spans="8:8">
      <c r="H184451" s="12"/>
    </row>
    <row r="184452" spans="8:8">
      <c r="H184452" s="12"/>
    </row>
    <row r="184453" spans="8:8">
      <c r="H184453" s="12"/>
    </row>
    <row r="184454" spans="8:8">
      <c r="H184454" s="12"/>
    </row>
    <row r="184455" spans="8:8">
      <c r="H184455" s="12"/>
    </row>
    <row r="184456" spans="8:8">
      <c r="H184456" s="12"/>
    </row>
    <row r="184457" spans="8:8">
      <c r="H184457" s="12"/>
    </row>
    <row r="184458" spans="8:8">
      <c r="H184458" s="12"/>
    </row>
    <row r="184459" spans="8:8">
      <c r="H184459" s="12"/>
    </row>
    <row r="184460" spans="8:8">
      <c r="H184460" s="12"/>
    </row>
    <row r="184461" spans="8:8">
      <c r="H184461" s="12"/>
    </row>
    <row r="184462" spans="8:8">
      <c r="H184462" s="12"/>
    </row>
    <row r="184463" spans="8:8">
      <c r="H184463" s="12"/>
    </row>
    <row r="184464" spans="8:8">
      <c r="H184464" s="12"/>
    </row>
    <row r="184465" spans="8:8">
      <c r="H184465" s="12"/>
    </row>
    <row r="184466" spans="8:8">
      <c r="H184466" s="12"/>
    </row>
    <row r="184467" spans="8:8">
      <c r="H184467" s="12"/>
    </row>
    <row r="184468" spans="8:8">
      <c r="H184468" s="12"/>
    </row>
    <row r="184469" spans="8:8">
      <c r="H184469" s="12"/>
    </row>
    <row r="184470" spans="8:8">
      <c r="H184470" s="12"/>
    </row>
    <row r="184471" spans="8:8">
      <c r="H184471" s="12"/>
    </row>
    <row r="184472" spans="8:8">
      <c r="H184472" s="12"/>
    </row>
    <row r="184473" spans="8:8">
      <c r="H184473" s="12"/>
    </row>
    <row r="184474" spans="8:8">
      <c r="H184474" s="12"/>
    </row>
    <row r="184475" spans="8:8">
      <c r="H184475" s="12"/>
    </row>
    <row r="184476" spans="8:8">
      <c r="H184476" s="12"/>
    </row>
    <row r="184477" spans="8:8">
      <c r="H184477" s="12"/>
    </row>
    <row r="184478" spans="8:8">
      <c r="H184478" s="12"/>
    </row>
    <row r="184479" spans="8:8">
      <c r="H184479" s="12"/>
    </row>
    <row r="184480" spans="8:8">
      <c r="H184480" s="12"/>
    </row>
    <row r="184481" spans="8:8">
      <c r="H184481" s="12"/>
    </row>
    <row r="184482" spans="8:8">
      <c r="H184482" s="12"/>
    </row>
    <row r="184483" spans="8:8">
      <c r="H184483" s="12"/>
    </row>
    <row r="184484" spans="8:8">
      <c r="H184484" s="12"/>
    </row>
    <row r="184485" spans="8:8">
      <c r="H184485" s="12"/>
    </row>
    <row r="184486" spans="8:8">
      <c r="H184486" s="12"/>
    </row>
    <row r="184487" spans="8:8">
      <c r="H184487" s="12"/>
    </row>
    <row r="184488" spans="8:8">
      <c r="H184488" s="12"/>
    </row>
    <row r="184489" spans="8:8">
      <c r="H184489" s="12"/>
    </row>
    <row r="184490" spans="8:8">
      <c r="H184490" s="12"/>
    </row>
    <row r="184491" spans="8:8">
      <c r="H184491" s="12"/>
    </row>
    <row r="184492" spans="8:8">
      <c r="H184492" s="12"/>
    </row>
    <row r="184493" spans="8:8">
      <c r="H184493" s="12"/>
    </row>
    <row r="184494" spans="8:8">
      <c r="H184494" s="12"/>
    </row>
    <row r="184495" spans="8:8">
      <c r="H184495" s="12"/>
    </row>
    <row r="184496" spans="8:8">
      <c r="H184496" s="12"/>
    </row>
    <row r="184497" spans="8:8">
      <c r="H184497" s="12"/>
    </row>
    <row r="184498" spans="8:8">
      <c r="H184498" s="12"/>
    </row>
    <row r="184499" spans="8:8">
      <c r="H184499" s="12"/>
    </row>
    <row r="184500" spans="8:8">
      <c r="H184500" s="12"/>
    </row>
    <row r="184501" spans="8:8">
      <c r="H184501" s="12"/>
    </row>
    <row r="184502" spans="8:8">
      <c r="H184502" s="12"/>
    </row>
    <row r="184503" spans="8:8">
      <c r="H184503" s="12"/>
    </row>
    <row r="184504" spans="8:8">
      <c r="H184504" s="12"/>
    </row>
    <row r="184505" spans="8:8">
      <c r="H184505" s="12"/>
    </row>
    <row r="184506" spans="8:8">
      <c r="H184506" s="12"/>
    </row>
    <row r="184507" spans="8:8">
      <c r="H184507" s="12"/>
    </row>
    <row r="184508" spans="8:8">
      <c r="H184508" s="12"/>
    </row>
    <row r="184509" spans="8:8">
      <c r="H184509" s="12"/>
    </row>
    <row r="184510" spans="8:8">
      <c r="H184510" s="12"/>
    </row>
    <row r="184511" spans="8:8">
      <c r="H184511" s="12"/>
    </row>
    <row r="184512" spans="8:8">
      <c r="H184512" s="12"/>
    </row>
    <row r="184513" spans="8:8">
      <c r="H184513" s="12"/>
    </row>
    <row r="184514" spans="8:8">
      <c r="H184514" s="12"/>
    </row>
    <row r="184515" spans="8:8">
      <c r="H184515" s="12"/>
    </row>
    <row r="184516" spans="8:8">
      <c r="H184516" s="12"/>
    </row>
    <row r="184517" spans="8:8">
      <c r="H184517" s="12"/>
    </row>
    <row r="184518" spans="8:8">
      <c r="H184518" s="12"/>
    </row>
    <row r="184519" spans="8:8">
      <c r="H184519" s="12"/>
    </row>
    <row r="184520" spans="8:8">
      <c r="H184520" s="12"/>
    </row>
    <row r="184521" spans="8:8">
      <c r="H184521" s="12"/>
    </row>
    <row r="184522" spans="8:8">
      <c r="H184522" s="12"/>
    </row>
    <row r="184523" spans="8:8">
      <c r="H184523" s="12"/>
    </row>
    <row r="184524" spans="8:8">
      <c r="H184524" s="12"/>
    </row>
    <row r="184525" spans="8:8">
      <c r="H184525" s="12"/>
    </row>
    <row r="184526" spans="8:8">
      <c r="H184526" s="12"/>
    </row>
    <row r="184527" spans="8:8">
      <c r="H184527" s="12"/>
    </row>
    <row r="184528" spans="8:8">
      <c r="H184528" s="12"/>
    </row>
    <row r="184529" spans="8:8">
      <c r="H184529" s="12"/>
    </row>
    <row r="184530" spans="8:8">
      <c r="H184530" s="12"/>
    </row>
    <row r="184531" spans="8:8">
      <c r="H184531" s="12"/>
    </row>
    <row r="184532" spans="8:8">
      <c r="H184532" s="12"/>
    </row>
    <row r="184533" spans="8:8">
      <c r="H184533" s="12"/>
    </row>
    <row r="184534" spans="8:8">
      <c r="H184534" s="12"/>
    </row>
    <row r="184535" spans="8:8">
      <c r="H184535" s="12"/>
    </row>
    <row r="184536" spans="8:8">
      <c r="H184536" s="12"/>
    </row>
    <row r="184537" spans="8:8">
      <c r="H184537" s="12"/>
    </row>
    <row r="184538" spans="8:8">
      <c r="H184538" s="12"/>
    </row>
    <row r="184539" spans="8:8">
      <c r="H184539" s="12"/>
    </row>
    <row r="184540" spans="8:8">
      <c r="H184540" s="12"/>
    </row>
    <row r="184541" spans="8:8">
      <c r="H184541" s="12"/>
    </row>
    <row r="184542" spans="8:8">
      <c r="H184542" s="12"/>
    </row>
    <row r="184543" spans="8:8">
      <c r="H184543" s="12"/>
    </row>
    <row r="184544" spans="8:8">
      <c r="H184544" s="12"/>
    </row>
    <row r="184545" spans="8:8">
      <c r="H184545" s="12"/>
    </row>
    <row r="184546" spans="8:8">
      <c r="H184546" s="12"/>
    </row>
    <row r="184547" spans="8:8">
      <c r="H184547" s="12"/>
    </row>
    <row r="184548" spans="8:8">
      <c r="H184548" s="12"/>
    </row>
    <row r="184549" spans="8:8">
      <c r="H184549" s="12"/>
    </row>
    <row r="184550" spans="8:8">
      <c r="H184550" s="12"/>
    </row>
    <row r="184551" spans="8:8">
      <c r="H184551" s="12"/>
    </row>
    <row r="184552" spans="8:8">
      <c r="H184552" s="12"/>
    </row>
    <row r="184553" spans="8:8">
      <c r="H184553" s="12"/>
    </row>
    <row r="184554" spans="8:8">
      <c r="H184554" s="12"/>
    </row>
    <row r="184555" spans="8:8">
      <c r="H184555" s="12"/>
    </row>
    <row r="184556" spans="8:8">
      <c r="H184556" s="12"/>
    </row>
    <row r="184557" spans="8:8">
      <c r="H184557" s="12"/>
    </row>
    <row r="184558" spans="8:8">
      <c r="H184558" s="12"/>
    </row>
    <row r="184559" spans="8:8">
      <c r="H184559" s="12"/>
    </row>
    <row r="184560" spans="8:8">
      <c r="H184560" s="12"/>
    </row>
    <row r="184561" spans="8:8">
      <c r="H184561" s="12"/>
    </row>
    <row r="184562" spans="8:8">
      <c r="H184562" s="12"/>
    </row>
    <row r="184563" spans="8:8">
      <c r="H184563" s="12"/>
    </row>
    <row r="184564" spans="8:8">
      <c r="H184564" s="12"/>
    </row>
    <row r="184565" spans="8:8">
      <c r="H184565" s="12"/>
    </row>
    <row r="184566" spans="8:8">
      <c r="H184566" s="12"/>
    </row>
    <row r="184567" spans="8:8">
      <c r="H184567" s="12"/>
    </row>
    <row r="184568" spans="8:8">
      <c r="H184568" s="12"/>
    </row>
    <row r="184569" spans="8:8">
      <c r="H184569" s="12"/>
    </row>
    <row r="184570" spans="8:8">
      <c r="H184570" s="12"/>
    </row>
    <row r="184571" spans="8:8">
      <c r="H184571" s="12"/>
    </row>
    <row r="184572" spans="8:8">
      <c r="H184572" s="12"/>
    </row>
    <row r="184573" spans="8:8">
      <c r="H184573" s="12"/>
    </row>
    <row r="184574" spans="8:8">
      <c r="H184574" s="12"/>
    </row>
    <row r="184575" spans="8:8">
      <c r="H184575" s="12"/>
    </row>
    <row r="184576" spans="8:8">
      <c r="H184576" s="12"/>
    </row>
    <row r="184577" spans="8:8">
      <c r="H184577" s="12"/>
    </row>
    <row r="184578" spans="8:8">
      <c r="H184578" s="12"/>
    </row>
    <row r="184579" spans="8:8">
      <c r="H184579" s="12"/>
    </row>
    <row r="184580" spans="8:8">
      <c r="H184580" s="12"/>
    </row>
    <row r="184581" spans="8:8">
      <c r="H184581" s="12"/>
    </row>
    <row r="184582" spans="8:8">
      <c r="H184582" s="12"/>
    </row>
    <row r="184583" spans="8:8">
      <c r="H184583" s="12"/>
    </row>
    <row r="184584" spans="8:8">
      <c r="H184584" s="12"/>
    </row>
    <row r="184585" spans="8:8">
      <c r="H184585" s="12"/>
    </row>
    <row r="184586" spans="8:8">
      <c r="H184586" s="12"/>
    </row>
    <row r="184587" spans="8:8">
      <c r="H184587" s="12"/>
    </row>
    <row r="184588" spans="8:8">
      <c r="H184588" s="12"/>
    </row>
    <row r="184589" spans="8:8">
      <c r="H184589" s="12"/>
    </row>
    <row r="184590" spans="8:8">
      <c r="H184590" s="12"/>
    </row>
    <row r="184591" spans="8:8">
      <c r="H184591" s="12"/>
    </row>
    <row r="184592" spans="8:8">
      <c r="H184592" s="12"/>
    </row>
    <row r="184593" spans="8:8">
      <c r="H184593" s="12"/>
    </row>
    <row r="184594" spans="8:8">
      <c r="H184594" s="12"/>
    </row>
    <row r="184595" spans="8:8">
      <c r="H184595" s="12"/>
    </row>
    <row r="184596" spans="8:8">
      <c r="H184596" s="12"/>
    </row>
    <row r="184597" spans="8:8">
      <c r="H184597" s="12"/>
    </row>
    <row r="184598" spans="8:8">
      <c r="H184598" s="12"/>
    </row>
    <row r="184599" spans="8:8">
      <c r="H184599" s="12"/>
    </row>
    <row r="184600" spans="8:8">
      <c r="H184600" s="12"/>
    </row>
    <row r="184601" spans="8:8">
      <c r="H184601" s="12"/>
    </row>
    <row r="184602" spans="8:8">
      <c r="H184602" s="12"/>
    </row>
    <row r="184603" spans="8:8">
      <c r="H184603" s="12"/>
    </row>
    <row r="184604" spans="8:8">
      <c r="H184604" s="12"/>
    </row>
    <row r="184605" spans="8:8">
      <c r="H184605" s="12"/>
    </row>
    <row r="184606" spans="8:8">
      <c r="H184606" s="12"/>
    </row>
    <row r="184607" spans="8:8">
      <c r="H184607" s="12"/>
    </row>
    <row r="184608" spans="8:8">
      <c r="H184608" s="12"/>
    </row>
    <row r="184609" spans="8:8">
      <c r="H184609" s="12"/>
    </row>
    <row r="184610" spans="8:8">
      <c r="H184610" s="12"/>
    </row>
    <row r="184611" spans="8:8">
      <c r="H184611" s="12"/>
    </row>
    <row r="184612" spans="8:8">
      <c r="H184612" s="12"/>
    </row>
    <row r="184613" spans="8:8">
      <c r="H184613" s="12"/>
    </row>
    <row r="184614" spans="8:8">
      <c r="H184614" s="12"/>
    </row>
    <row r="184615" spans="8:8">
      <c r="H184615" s="12"/>
    </row>
    <row r="184616" spans="8:8">
      <c r="H184616" s="12"/>
    </row>
    <row r="184617" spans="8:8">
      <c r="H184617" s="12"/>
    </row>
    <row r="184618" spans="8:8">
      <c r="H184618" s="12"/>
    </row>
    <row r="184619" spans="8:8">
      <c r="H184619" s="12"/>
    </row>
    <row r="184620" spans="8:8">
      <c r="H184620" s="12"/>
    </row>
    <row r="184621" spans="8:8">
      <c r="H184621" s="12"/>
    </row>
    <row r="184622" spans="8:8">
      <c r="H184622" s="12"/>
    </row>
    <row r="184623" spans="8:8">
      <c r="H184623" s="12"/>
    </row>
    <row r="184624" spans="8:8">
      <c r="H184624" s="12"/>
    </row>
    <row r="184625" spans="8:8">
      <c r="H184625" s="12"/>
    </row>
    <row r="184626" spans="8:8">
      <c r="H184626" s="12"/>
    </row>
    <row r="184627" spans="8:8">
      <c r="H184627" s="12"/>
    </row>
    <row r="184628" spans="8:8">
      <c r="H184628" s="12"/>
    </row>
    <row r="184629" spans="8:8">
      <c r="H184629" s="12"/>
    </row>
    <row r="184630" spans="8:8">
      <c r="H184630" s="12"/>
    </row>
    <row r="184631" spans="8:8">
      <c r="H184631" s="12"/>
    </row>
    <row r="184632" spans="8:8">
      <c r="H184632" s="12"/>
    </row>
    <row r="184633" spans="8:8">
      <c r="H184633" s="12"/>
    </row>
    <row r="184634" spans="8:8">
      <c r="H184634" s="12"/>
    </row>
    <row r="184635" spans="8:8">
      <c r="H184635" s="12"/>
    </row>
    <row r="184636" spans="8:8">
      <c r="H184636" s="12"/>
    </row>
    <row r="184637" spans="8:8">
      <c r="H184637" s="12"/>
    </row>
    <row r="184638" spans="8:8">
      <c r="H184638" s="12"/>
    </row>
    <row r="184639" spans="8:8">
      <c r="H184639" s="12"/>
    </row>
    <row r="184640" spans="8:8">
      <c r="H184640" s="12"/>
    </row>
    <row r="184641" spans="8:8">
      <c r="H184641" s="12"/>
    </row>
    <row r="184642" spans="8:8">
      <c r="H184642" s="12"/>
    </row>
    <row r="184643" spans="8:8">
      <c r="H184643" s="12"/>
    </row>
    <row r="184644" spans="8:8">
      <c r="H184644" s="12"/>
    </row>
    <row r="184645" spans="8:8">
      <c r="H184645" s="12"/>
    </row>
    <row r="184646" spans="8:8">
      <c r="H184646" s="12"/>
    </row>
    <row r="184647" spans="8:8">
      <c r="H184647" s="12"/>
    </row>
    <row r="184648" spans="8:8">
      <c r="H184648" s="12"/>
    </row>
    <row r="184649" spans="8:8">
      <c r="H184649" s="12"/>
    </row>
    <row r="184650" spans="8:8">
      <c r="H184650" s="12"/>
    </row>
    <row r="184651" spans="8:8">
      <c r="H184651" s="12"/>
    </row>
    <row r="184652" spans="8:8">
      <c r="H184652" s="12"/>
    </row>
    <row r="184653" spans="8:8">
      <c r="H184653" s="12"/>
    </row>
    <row r="184654" spans="8:8">
      <c r="H184654" s="12"/>
    </row>
    <row r="184655" spans="8:8">
      <c r="H184655" s="12"/>
    </row>
    <row r="184656" spans="8:8">
      <c r="H184656" s="12"/>
    </row>
    <row r="184657" spans="8:8">
      <c r="H184657" s="12"/>
    </row>
    <row r="184658" spans="8:8">
      <c r="H184658" s="12"/>
    </row>
    <row r="184659" spans="8:8">
      <c r="H184659" s="12"/>
    </row>
    <row r="184660" spans="8:8">
      <c r="H184660" s="12"/>
    </row>
    <row r="184661" spans="8:8">
      <c r="H184661" s="12"/>
    </row>
    <row r="184662" spans="8:8">
      <c r="H184662" s="12"/>
    </row>
    <row r="184663" spans="8:8">
      <c r="H184663" s="12"/>
    </row>
    <row r="184664" spans="8:8">
      <c r="H184664" s="12"/>
    </row>
    <row r="184665" spans="8:8">
      <c r="H184665" s="12"/>
    </row>
    <row r="184666" spans="8:8">
      <c r="H184666" s="12"/>
    </row>
    <row r="184667" spans="8:8">
      <c r="H184667" s="12"/>
    </row>
    <row r="184668" spans="8:8">
      <c r="H184668" s="12"/>
    </row>
    <row r="184669" spans="8:8">
      <c r="H184669" s="12"/>
    </row>
    <row r="184670" spans="8:8">
      <c r="H184670" s="12"/>
    </row>
    <row r="184671" spans="8:8">
      <c r="H184671" s="12"/>
    </row>
    <row r="184672" spans="8:8">
      <c r="H184672" s="12"/>
    </row>
    <row r="184673" spans="8:8">
      <c r="H184673" s="12"/>
    </row>
    <row r="184674" spans="8:8">
      <c r="H184674" s="12"/>
    </row>
    <row r="184675" spans="8:8">
      <c r="H184675" s="12"/>
    </row>
    <row r="184676" spans="8:8">
      <c r="H184676" s="12"/>
    </row>
    <row r="184677" spans="8:8">
      <c r="H184677" s="12"/>
    </row>
    <row r="184678" spans="8:8">
      <c r="H184678" s="12"/>
    </row>
    <row r="184679" spans="8:8">
      <c r="H184679" s="12"/>
    </row>
    <row r="184680" spans="8:8">
      <c r="H184680" s="12"/>
    </row>
    <row r="184681" spans="8:8">
      <c r="H184681" s="12"/>
    </row>
    <row r="184682" spans="8:8">
      <c r="H184682" s="12"/>
    </row>
    <row r="184683" spans="8:8">
      <c r="H184683" s="12"/>
    </row>
    <row r="184684" spans="8:8">
      <c r="H184684" s="12"/>
    </row>
    <row r="184685" spans="8:8">
      <c r="H184685" s="12"/>
    </row>
    <row r="184686" spans="8:8">
      <c r="H184686" s="12"/>
    </row>
    <row r="184687" spans="8:8">
      <c r="H184687" s="12"/>
    </row>
    <row r="184688" spans="8:8">
      <c r="H184688" s="12"/>
    </row>
    <row r="184689" spans="8:8">
      <c r="H184689" s="12"/>
    </row>
    <row r="184690" spans="8:8">
      <c r="H184690" s="12"/>
    </row>
    <row r="184691" spans="8:8">
      <c r="H184691" s="12"/>
    </row>
    <row r="184692" spans="8:8">
      <c r="H184692" s="12"/>
    </row>
    <row r="184693" spans="8:8">
      <c r="H184693" s="12"/>
    </row>
    <row r="184694" spans="8:8">
      <c r="H184694" s="12"/>
    </row>
    <row r="184695" spans="8:8">
      <c r="H184695" s="12"/>
    </row>
    <row r="184696" spans="8:8">
      <c r="H184696" s="12"/>
    </row>
    <row r="184697" spans="8:8">
      <c r="H184697" s="12"/>
    </row>
    <row r="184698" spans="8:8">
      <c r="H184698" s="12"/>
    </row>
    <row r="184699" spans="8:8">
      <c r="H184699" s="12"/>
    </row>
    <row r="184700" spans="8:8">
      <c r="H184700" s="12"/>
    </row>
    <row r="184701" spans="8:8">
      <c r="H184701" s="12"/>
    </row>
    <row r="184702" spans="8:8">
      <c r="H184702" s="12"/>
    </row>
    <row r="184703" spans="8:8">
      <c r="H184703" s="12"/>
    </row>
    <row r="184704" spans="8:8">
      <c r="H184704" s="12"/>
    </row>
    <row r="184705" spans="8:8">
      <c r="H184705" s="12"/>
    </row>
    <row r="184706" spans="8:8">
      <c r="H184706" s="12"/>
    </row>
    <row r="184707" spans="8:8">
      <c r="H184707" s="12"/>
    </row>
    <row r="184708" spans="8:8">
      <c r="H184708" s="12"/>
    </row>
    <row r="184709" spans="8:8">
      <c r="H184709" s="12"/>
    </row>
    <row r="184710" spans="8:8">
      <c r="H184710" s="12"/>
    </row>
    <row r="184711" spans="8:8">
      <c r="H184711" s="12"/>
    </row>
    <row r="184712" spans="8:8">
      <c r="H184712" s="12"/>
    </row>
    <row r="184713" spans="8:8">
      <c r="H184713" s="12"/>
    </row>
    <row r="184714" spans="8:8">
      <c r="H184714" s="12"/>
    </row>
    <row r="184715" spans="8:8">
      <c r="H184715" s="12"/>
    </row>
    <row r="184716" spans="8:8">
      <c r="H184716" s="12"/>
    </row>
    <row r="184717" spans="8:8">
      <c r="H184717" s="12"/>
    </row>
    <row r="184718" spans="8:8">
      <c r="H184718" s="12"/>
    </row>
    <row r="184719" spans="8:8">
      <c r="H184719" s="12"/>
    </row>
    <row r="184720" spans="8:8">
      <c r="H184720" s="12"/>
    </row>
    <row r="184721" spans="8:8">
      <c r="H184721" s="12"/>
    </row>
    <row r="184722" spans="8:8">
      <c r="H184722" s="12"/>
    </row>
    <row r="184723" spans="8:8">
      <c r="H184723" s="12"/>
    </row>
    <row r="184724" spans="8:8">
      <c r="H184724" s="12"/>
    </row>
    <row r="184725" spans="8:8">
      <c r="H184725" s="12"/>
    </row>
    <row r="184726" spans="8:8">
      <c r="H184726" s="12"/>
    </row>
    <row r="184727" spans="8:8">
      <c r="H184727" s="12"/>
    </row>
    <row r="184728" spans="8:8">
      <c r="H184728" s="12"/>
    </row>
    <row r="184729" spans="8:8">
      <c r="H184729" s="12"/>
    </row>
    <row r="184730" spans="8:8">
      <c r="H184730" s="12"/>
    </row>
    <row r="184731" spans="8:8">
      <c r="H184731" s="12"/>
    </row>
    <row r="184732" spans="8:8">
      <c r="H184732" s="12"/>
    </row>
    <row r="184733" spans="8:8">
      <c r="H184733" s="12"/>
    </row>
    <row r="184734" spans="8:8">
      <c r="H184734" s="12"/>
    </row>
    <row r="184735" spans="8:8">
      <c r="H184735" s="12"/>
    </row>
    <row r="184736" spans="8:8">
      <c r="H184736" s="12"/>
    </row>
    <row r="184737" spans="8:8">
      <c r="H184737" s="12"/>
    </row>
    <row r="184738" spans="8:8">
      <c r="H184738" s="12"/>
    </row>
    <row r="184739" spans="8:8">
      <c r="H184739" s="12"/>
    </row>
    <row r="184740" spans="8:8">
      <c r="H184740" s="12"/>
    </row>
    <row r="184741" spans="8:8">
      <c r="H184741" s="12"/>
    </row>
    <row r="184742" spans="8:8">
      <c r="H184742" s="12"/>
    </row>
    <row r="184743" spans="8:8">
      <c r="H184743" s="12"/>
    </row>
    <row r="184744" spans="8:8">
      <c r="H184744" s="12"/>
    </row>
    <row r="184745" spans="8:8">
      <c r="H184745" s="12"/>
    </row>
    <row r="184746" spans="8:8">
      <c r="H184746" s="12"/>
    </row>
    <row r="184747" spans="8:8">
      <c r="H184747" s="12"/>
    </row>
    <row r="184748" spans="8:8">
      <c r="H184748" s="12"/>
    </row>
    <row r="184749" spans="8:8">
      <c r="H184749" s="12"/>
    </row>
    <row r="184750" spans="8:8">
      <c r="H184750" s="12"/>
    </row>
    <row r="184751" spans="8:8">
      <c r="H184751" s="12"/>
    </row>
    <row r="184752" spans="8:8">
      <c r="H184752" s="12"/>
    </row>
    <row r="184753" spans="8:8">
      <c r="H184753" s="12"/>
    </row>
    <row r="184754" spans="8:8">
      <c r="H184754" s="12"/>
    </row>
    <row r="184755" spans="8:8">
      <c r="H184755" s="12"/>
    </row>
    <row r="184756" spans="8:8">
      <c r="H184756" s="12"/>
    </row>
    <row r="184757" spans="8:8">
      <c r="H184757" s="12"/>
    </row>
    <row r="184758" spans="8:8">
      <c r="H184758" s="12"/>
    </row>
    <row r="184759" spans="8:8">
      <c r="H184759" s="12"/>
    </row>
    <row r="184760" spans="8:8">
      <c r="H184760" s="12"/>
    </row>
    <row r="184761" spans="8:8">
      <c r="H184761" s="12"/>
    </row>
    <row r="184762" spans="8:8">
      <c r="H184762" s="12"/>
    </row>
    <row r="184763" spans="8:8">
      <c r="H184763" s="12"/>
    </row>
    <row r="184764" spans="8:8">
      <c r="H184764" s="12"/>
    </row>
    <row r="184765" spans="8:8">
      <c r="H184765" s="12"/>
    </row>
    <row r="184766" spans="8:8">
      <c r="H184766" s="12"/>
    </row>
    <row r="184767" spans="8:8">
      <c r="H184767" s="12"/>
    </row>
    <row r="184768" spans="8:8">
      <c r="H184768" s="12"/>
    </row>
    <row r="184769" spans="8:8">
      <c r="H184769" s="12"/>
    </row>
    <row r="184770" spans="8:8">
      <c r="H184770" s="12"/>
    </row>
    <row r="184771" spans="8:8">
      <c r="H184771" s="12"/>
    </row>
    <row r="184772" spans="8:8">
      <c r="H184772" s="12"/>
    </row>
    <row r="184773" spans="8:8">
      <c r="H184773" s="12"/>
    </row>
    <row r="184774" spans="8:8">
      <c r="H184774" s="12"/>
    </row>
    <row r="184775" spans="8:8">
      <c r="H184775" s="12"/>
    </row>
    <row r="184776" spans="8:8">
      <c r="H184776" s="12"/>
    </row>
    <row r="184777" spans="8:8">
      <c r="H184777" s="12"/>
    </row>
    <row r="184778" spans="8:8">
      <c r="H184778" s="12"/>
    </row>
    <row r="184779" spans="8:8">
      <c r="H184779" s="12"/>
    </row>
    <row r="184780" spans="8:8">
      <c r="H184780" s="12"/>
    </row>
    <row r="184781" spans="8:8">
      <c r="H184781" s="12"/>
    </row>
    <row r="184782" spans="8:8">
      <c r="H184782" s="12"/>
    </row>
    <row r="184783" spans="8:8">
      <c r="H184783" s="12"/>
    </row>
    <row r="184784" spans="8:8">
      <c r="H184784" s="12"/>
    </row>
    <row r="184785" spans="8:8">
      <c r="H184785" s="12"/>
    </row>
    <row r="184786" spans="8:8">
      <c r="H184786" s="12"/>
    </row>
    <row r="184787" spans="8:8">
      <c r="H184787" s="12"/>
    </row>
    <row r="184788" spans="8:8">
      <c r="H184788" s="12"/>
    </row>
    <row r="184789" spans="8:8">
      <c r="H184789" s="12"/>
    </row>
    <row r="184790" spans="8:8">
      <c r="H184790" s="12"/>
    </row>
    <row r="184791" spans="8:8">
      <c r="H184791" s="12"/>
    </row>
    <row r="184792" spans="8:8">
      <c r="H184792" s="12"/>
    </row>
    <row r="184793" spans="8:8">
      <c r="H184793" s="12"/>
    </row>
    <row r="184794" spans="8:8">
      <c r="H184794" s="12"/>
    </row>
    <row r="184795" spans="8:8">
      <c r="H184795" s="12"/>
    </row>
    <row r="184796" spans="8:8">
      <c r="H184796" s="12"/>
    </row>
    <row r="184797" spans="8:8">
      <c r="H184797" s="12"/>
    </row>
    <row r="184798" spans="8:8">
      <c r="H184798" s="12"/>
    </row>
    <row r="184799" spans="8:8">
      <c r="H184799" s="12"/>
    </row>
    <row r="184800" spans="8:8">
      <c r="H184800" s="12"/>
    </row>
    <row r="184801" spans="8:8">
      <c r="H184801" s="12"/>
    </row>
    <row r="184802" spans="8:8">
      <c r="H184802" s="12"/>
    </row>
    <row r="184803" spans="8:8">
      <c r="H184803" s="12"/>
    </row>
    <row r="184804" spans="8:8">
      <c r="H184804" s="12"/>
    </row>
    <row r="184805" spans="8:8">
      <c r="H184805" s="12"/>
    </row>
    <row r="184806" spans="8:8">
      <c r="H184806" s="12"/>
    </row>
    <row r="184807" spans="8:8">
      <c r="H184807" s="12"/>
    </row>
    <row r="184808" spans="8:8">
      <c r="H184808" s="12"/>
    </row>
    <row r="184809" spans="8:8">
      <c r="H184809" s="12"/>
    </row>
    <row r="184810" spans="8:8">
      <c r="H184810" s="12"/>
    </row>
    <row r="184811" spans="8:8">
      <c r="H184811" s="12"/>
    </row>
    <row r="184812" spans="8:8">
      <c r="H184812" s="12"/>
    </row>
    <row r="184813" spans="8:8">
      <c r="H184813" s="12"/>
    </row>
    <row r="184814" spans="8:8">
      <c r="H184814" s="12"/>
    </row>
    <row r="184815" spans="8:8">
      <c r="H184815" s="12"/>
    </row>
    <row r="184816" spans="8:8">
      <c r="H184816" s="12"/>
    </row>
    <row r="184817" spans="8:8">
      <c r="H184817" s="12"/>
    </row>
    <row r="184818" spans="8:8">
      <c r="H184818" s="12"/>
    </row>
    <row r="184819" spans="8:8">
      <c r="H184819" s="12"/>
    </row>
    <row r="184820" spans="8:8">
      <c r="H184820" s="12"/>
    </row>
    <row r="184821" spans="8:8">
      <c r="H184821" s="12"/>
    </row>
    <row r="184822" spans="8:8">
      <c r="H184822" s="12"/>
    </row>
    <row r="184823" spans="8:8">
      <c r="H184823" s="12"/>
    </row>
    <row r="184824" spans="8:8">
      <c r="H184824" s="12"/>
    </row>
    <row r="184825" spans="8:8">
      <c r="H184825" s="12"/>
    </row>
    <row r="184826" spans="8:8">
      <c r="H184826" s="12"/>
    </row>
    <row r="184827" spans="8:8">
      <c r="H184827" s="12"/>
    </row>
    <row r="184828" spans="8:8">
      <c r="H184828" s="12"/>
    </row>
    <row r="184829" spans="8:8">
      <c r="H184829" s="12"/>
    </row>
    <row r="184830" spans="8:8">
      <c r="H184830" s="12"/>
    </row>
    <row r="184831" spans="8:8">
      <c r="H184831" s="12"/>
    </row>
    <row r="184832" spans="8:8">
      <c r="H184832" s="12"/>
    </row>
    <row r="184833" spans="8:8">
      <c r="H184833" s="12"/>
    </row>
    <row r="184834" spans="8:8">
      <c r="H184834" s="12"/>
    </row>
    <row r="184835" spans="8:8">
      <c r="H184835" s="12"/>
    </row>
    <row r="184836" spans="8:8">
      <c r="H184836" s="12"/>
    </row>
    <row r="184837" spans="8:8">
      <c r="H184837" s="12"/>
    </row>
    <row r="184838" spans="8:8">
      <c r="H184838" s="12"/>
    </row>
    <row r="184839" spans="8:8">
      <c r="H184839" s="12"/>
    </row>
    <row r="184840" spans="8:8">
      <c r="H184840" s="12"/>
    </row>
    <row r="184841" spans="8:8">
      <c r="H184841" s="12"/>
    </row>
    <row r="184842" spans="8:8">
      <c r="H184842" s="12"/>
    </row>
    <row r="184843" spans="8:8">
      <c r="H184843" s="12"/>
    </row>
    <row r="184844" spans="8:8">
      <c r="H184844" s="12"/>
    </row>
    <row r="184845" spans="8:8">
      <c r="H184845" s="12"/>
    </row>
    <row r="184846" spans="8:8">
      <c r="H184846" s="12"/>
    </row>
    <row r="184847" spans="8:8">
      <c r="H184847" s="12"/>
    </row>
    <row r="184848" spans="8:8">
      <c r="H184848" s="12"/>
    </row>
    <row r="184849" spans="8:8">
      <c r="H184849" s="12"/>
    </row>
    <row r="184850" spans="8:8">
      <c r="H184850" s="12"/>
    </row>
    <row r="184851" spans="8:8">
      <c r="H184851" s="12"/>
    </row>
    <row r="184852" spans="8:8">
      <c r="H184852" s="12"/>
    </row>
    <row r="184853" spans="8:8">
      <c r="H184853" s="12"/>
    </row>
    <row r="184854" spans="8:8">
      <c r="H184854" s="12"/>
    </row>
    <row r="184855" spans="8:8">
      <c r="H184855" s="12"/>
    </row>
    <row r="184856" spans="8:8">
      <c r="H184856" s="12"/>
    </row>
    <row r="184857" spans="8:8">
      <c r="H184857" s="12"/>
    </row>
    <row r="184858" spans="8:8">
      <c r="H184858" s="12"/>
    </row>
    <row r="184859" spans="8:8">
      <c r="H184859" s="12"/>
    </row>
    <row r="184860" spans="8:8">
      <c r="H184860" s="12"/>
    </row>
    <row r="184861" spans="8:8">
      <c r="H184861" s="12"/>
    </row>
    <row r="184862" spans="8:8">
      <c r="H184862" s="12"/>
    </row>
    <row r="184863" spans="8:8">
      <c r="H184863" s="12"/>
    </row>
    <row r="184864" spans="8:8">
      <c r="H184864" s="12"/>
    </row>
    <row r="184865" spans="8:8">
      <c r="H184865" s="12"/>
    </row>
    <row r="184866" spans="8:8">
      <c r="H184866" s="12"/>
    </row>
    <row r="184867" spans="8:8">
      <c r="H184867" s="12"/>
    </row>
    <row r="184868" spans="8:8">
      <c r="H184868" s="12"/>
    </row>
    <row r="184869" spans="8:8">
      <c r="H184869" s="12"/>
    </row>
    <row r="184870" spans="8:8">
      <c r="H184870" s="12"/>
    </row>
    <row r="184871" spans="8:8">
      <c r="H184871" s="12"/>
    </row>
    <row r="184872" spans="8:8">
      <c r="H184872" s="12"/>
    </row>
    <row r="184873" spans="8:8">
      <c r="H184873" s="12"/>
    </row>
    <row r="184874" spans="8:8">
      <c r="H184874" s="12"/>
    </row>
    <row r="184875" spans="8:8">
      <c r="H184875" s="12"/>
    </row>
    <row r="184876" spans="8:8">
      <c r="H184876" s="12"/>
    </row>
    <row r="184877" spans="8:8">
      <c r="H184877" s="12"/>
    </row>
    <row r="184878" spans="8:8">
      <c r="H184878" s="12"/>
    </row>
    <row r="184879" spans="8:8">
      <c r="H184879" s="12"/>
    </row>
    <row r="184880" spans="8:8">
      <c r="H184880" s="12"/>
    </row>
    <row r="184881" spans="8:8">
      <c r="H184881" s="12"/>
    </row>
    <row r="184882" spans="8:8">
      <c r="H184882" s="12"/>
    </row>
    <row r="184883" spans="8:8">
      <c r="H184883" s="12"/>
    </row>
    <row r="184884" spans="8:8">
      <c r="H184884" s="12"/>
    </row>
    <row r="184885" spans="8:8">
      <c r="H184885" s="12"/>
    </row>
    <row r="184886" spans="8:8">
      <c r="H184886" s="12"/>
    </row>
    <row r="184887" spans="8:8">
      <c r="H184887" s="12"/>
    </row>
    <row r="184888" spans="8:8">
      <c r="H184888" s="12"/>
    </row>
    <row r="184889" spans="8:8">
      <c r="H184889" s="12"/>
    </row>
    <row r="184890" spans="8:8">
      <c r="H184890" s="12"/>
    </row>
    <row r="184891" spans="8:8">
      <c r="H184891" s="12"/>
    </row>
    <row r="184892" spans="8:8">
      <c r="H184892" s="12"/>
    </row>
    <row r="184893" spans="8:8">
      <c r="H184893" s="12"/>
    </row>
    <row r="184894" spans="8:8">
      <c r="H184894" s="12"/>
    </row>
    <row r="184895" spans="8:8">
      <c r="H184895" s="12"/>
    </row>
    <row r="184896" spans="8:8">
      <c r="H184896" s="12"/>
    </row>
    <row r="184897" spans="8:8">
      <c r="H184897" s="12"/>
    </row>
    <row r="184898" spans="8:8">
      <c r="H184898" s="12"/>
    </row>
    <row r="184899" spans="8:8">
      <c r="H184899" s="12"/>
    </row>
    <row r="184900" spans="8:8">
      <c r="H184900" s="12"/>
    </row>
    <row r="184901" spans="8:8">
      <c r="H184901" s="12"/>
    </row>
    <row r="184902" spans="8:8">
      <c r="H184902" s="12"/>
    </row>
    <row r="184903" spans="8:8">
      <c r="H184903" s="12"/>
    </row>
    <row r="184904" spans="8:8">
      <c r="H184904" s="12"/>
    </row>
    <row r="184905" spans="8:8">
      <c r="H184905" s="12"/>
    </row>
    <row r="184906" spans="8:8">
      <c r="H184906" s="12"/>
    </row>
    <row r="184907" spans="8:8">
      <c r="H184907" s="12"/>
    </row>
    <row r="184908" spans="8:8">
      <c r="H184908" s="12"/>
    </row>
    <row r="184909" spans="8:8">
      <c r="H184909" s="12"/>
    </row>
    <row r="184910" spans="8:8">
      <c r="H184910" s="12"/>
    </row>
    <row r="184911" spans="8:8">
      <c r="H184911" s="12"/>
    </row>
    <row r="184912" spans="8:8">
      <c r="H184912" s="12"/>
    </row>
    <row r="184913" spans="8:8">
      <c r="H184913" s="12"/>
    </row>
    <row r="184914" spans="8:8">
      <c r="H184914" s="12"/>
    </row>
    <row r="184915" spans="8:8">
      <c r="H184915" s="12"/>
    </row>
    <row r="184916" spans="8:8">
      <c r="H184916" s="12"/>
    </row>
    <row r="184917" spans="8:8">
      <c r="H184917" s="12"/>
    </row>
    <row r="184918" spans="8:8">
      <c r="H184918" s="12"/>
    </row>
    <row r="184919" spans="8:8">
      <c r="H184919" s="12"/>
    </row>
    <row r="184920" spans="8:8">
      <c r="H184920" s="12"/>
    </row>
    <row r="184921" spans="8:8">
      <c r="H184921" s="12"/>
    </row>
    <row r="184922" spans="8:8">
      <c r="H184922" s="12"/>
    </row>
    <row r="184923" spans="8:8">
      <c r="H184923" s="12"/>
    </row>
    <row r="184924" spans="8:8">
      <c r="H184924" s="12"/>
    </row>
    <row r="184925" spans="8:8">
      <c r="H184925" s="12"/>
    </row>
    <row r="184926" spans="8:8">
      <c r="H184926" s="12"/>
    </row>
    <row r="184927" spans="8:8">
      <c r="H184927" s="12"/>
    </row>
    <row r="184928" spans="8:8">
      <c r="H184928" s="12"/>
    </row>
    <row r="184929" spans="8:8">
      <c r="H184929" s="12"/>
    </row>
    <row r="184930" spans="8:8">
      <c r="H184930" s="12"/>
    </row>
    <row r="184931" spans="8:8">
      <c r="H184931" s="12"/>
    </row>
    <row r="184932" spans="8:8">
      <c r="H184932" s="12"/>
    </row>
    <row r="184933" spans="8:8">
      <c r="H184933" s="12"/>
    </row>
    <row r="184934" spans="8:8">
      <c r="H184934" s="12"/>
    </row>
    <row r="184935" spans="8:8">
      <c r="H184935" s="12"/>
    </row>
    <row r="184936" spans="8:8">
      <c r="H184936" s="12"/>
    </row>
    <row r="184937" spans="8:8">
      <c r="H184937" s="12"/>
    </row>
    <row r="184938" spans="8:8">
      <c r="H184938" s="12"/>
    </row>
    <row r="184939" spans="8:8">
      <c r="H184939" s="12"/>
    </row>
    <row r="184940" spans="8:8">
      <c r="H184940" s="12"/>
    </row>
    <row r="184941" spans="8:8">
      <c r="H184941" s="12"/>
    </row>
    <row r="184942" spans="8:8">
      <c r="H184942" s="12"/>
    </row>
    <row r="184943" spans="8:8">
      <c r="H184943" s="12"/>
    </row>
    <row r="184944" spans="8:8">
      <c r="H184944" s="12"/>
    </row>
    <row r="184945" spans="8:8">
      <c r="H184945" s="12"/>
    </row>
    <row r="184946" spans="8:8">
      <c r="H184946" s="12"/>
    </row>
    <row r="184947" spans="8:8">
      <c r="H184947" s="12"/>
    </row>
    <row r="184948" spans="8:8">
      <c r="H184948" s="12"/>
    </row>
    <row r="184949" spans="8:8">
      <c r="H184949" s="12"/>
    </row>
    <row r="184950" spans="8:8">
      <c r="H184950" s="12"/>
    </row>
    <row r="184951" spans="8:8">
      <c r="H184951" s="12"/>
    </row>
    <row r="184952" spans="8:8">
      <c r="H184952" s="12"/>
    </row>
    <row r="184953" spans="8:8">
      <c r="H184953" s="12"/>
    </row>
    <row r="184954" spans="8:8">
      <c r="H184954" s="12"/>
    </row>
    <row r="184955" spans="8:8">
      <c r="H184955" s="12"/>
    </row>
    <row r="184956" spans="8:8">
      <c r="H184956" s="12"/>
    </row>
    <row r="184957" spans="8:8">
      <c r="H184957" s="12"/>
    </row>
    <row r="184958" spans="8:8">
      <c r="H184958" s="12"/>
    </row>
    <row r="184959" spans="8:8">
      <c r="H184959" s="12"/>
    </row>
    <row r="184960" spans="8:8">
      <c r="H184960" s="12"/>
    </row>
    <row r="184961" spans="8:8">
      <c r="H184961" s="12"/>
    </row>
    <row r="184962" spans="8:8">
      <c r="H184962" s="12"/>
    </row>
    <row r="184963" spans="8:8">
      <c r="H184963" s="12"/>
    </row>
    <row r="184964" spans="8:8">
      <c r="H184964" s="12"/>
    </row>
    <row r="184965" spans="8:8">
      <c r="H184965" s="12"/>
    </row>
    <row r="184966" spans="8:8">
      <c r="H184966" s="12"/>
    </row>
    <row r="184967" spans="8:8">
      <c r="H184967" s="12"/>
    </row>
    <row r="184968" spans="8:8">
      <c r="H184968" s="12"/>
    </row>
    <row r="184969" spans="8:8">
      <c r="H184969" s="12"/>
    </row>
    <row r="184970" spans="8:8">
      <c r="H184970" s="12"/>
    </row>
    <row r="184971" spans="8:8">
      <c r="H184971" s="12"/>
    </row>
    <row r="184972" spans="8:8">
      <c r="H184972" s="12"/>
    </row>
    <row r="184973" spans="8:8">
      <c r="H184973" s="12"/>
    </row>
    <row r="184974" spans="8:8">
      <c r="H184974" s="12"/>
    </row>
    <row r="184975" spans="8:8">
      <c r="H184975" s="12"/>
    </row>
    <row r="184976" spans="8:8">
      <c r="H184976" s="12"/>
    </row>
    <row r="184977" spans="8:8">
      <c r="H184977" s="12"/>
    </row>
    <row r="184978" spans="8:8">
      <c r="H184978" s="12"/>
    </row>
    <row r="184979" spans="8:8">
      <c r="H184979" s="12"/>
    </row>
    <row r="184980" spans="8:8">
      <c r="H184980" s="12"/>
    </row>
    <row r="184981" spans="8:8">
      <c r="H184981" s="12"/>
    </row>
    <row r="184982" spans="8:8">
      <c r="H184982" s="12"/>
    </row>
    <row r="184983" spans="8:8">
      <c r="H184983" s="12"/>
    </row>
    <row r="184984" spans="8:8">
      <c r="H184984" s="12"/>
    </row>
    <row r="184985" spans="8:8">
      <c r="H184985" s="12"/>
    </row>
    <row r="184986" spans="8:8">
      <c r="H184986" s="12"/>
    </row>
    <row r="184987" spans="8:8">
      <c r="H184987" s="12"/>
    </row>
    <row r="184988" spans="8:8">
      <c r="H184988" s="12"/>
    </row>
    <row r="184989" spans="8:8">
      <c r="H184989" s="12"/>
    </row>
    <row r="184990" spans="8:8">
      <c r="H184990" s="12"/>
    </row>
    <row r="184991" spans="8:8">
      <c r="H184991" s="12"/>
    </row>
    <row r="184992" spans="8:8">
      <c r="H184992" s="12"/>
    </row>
    <row r="184993" spans="8:8">
      <c r="H184993" s="12"/>
    </row>
    <row r="184994" spans="8:8">
      <c r="H184994" s="12"/>
    </row>
    <row r="184995" spans="8:8">
      <c r="H184995" s="12"/>
    </row>
    <row r="184996" spans="8:8">
      <c r="H184996" s="12"/>
    </row>
    <row r="184997" spans="8:8">
      <c r="H184997" s="12"/>
    </row>
    <row r="184998" spans="8:8">
      <c r="H184998" s="12"/>
    </row>
    <row r="184999" spans="8:8">
      <c r="H184999" s="12"/>
    </row>
    <row r="185000" spans="8:8">
      <c r="H185000" s="12"/>
    </row>
    <row r="185001" spans="8:8">
      <c r="H185001" s="12"/>
    </row>
    <row r="185002" spans="8:8">
      <c r="H185002" s="12"/>
    </row>
    <row r="185003" spans="8:8">
      <c r="H185003" s="12"/>
    </row>
    <row r="185004" spans="8:8">
      <c r="H185004" s="12"/>
    </row>
    <row r="185005" spans="8:8">
      <c r="H185005" s="12"/>
    </row>
    <row r="185006" spans="8:8">
      <c r="H185006" s="12"/>
    </row>
    <row r="185007" spans="8:8">
      <c r="H185007" s="12"/>
    </row>
    <row r="185008" spans="8:8">
      <c r="H185008" s="12"/>
    </row>
    <row r="185009" spans="8:8">
      <c r="H185009" s="12"/>
    </row>
    <row r="185010" spans="8:8">
      <c r="H185010" s="12"/>
    </row>
    <row r="185011" spans="8:8">
      <c r="H185011" s="12"/>
    </row>
    <row r="185012" spans="8:8">
      <c r="H185012" s="12"/>
    </row>
    <row r="185013" spans="8:8">
      <c r="H185013" s="12"/>
    </row>
    <row r="185014" spans="8:8">
      <c r="H185014" s="12"/>
    </row>
    <row r="185015" spans="8:8">
      <c r="H185015" s="12"/>
    </row>
    <row r="185016" spans="8:8">
      <c r="H185016" s="12"/>
    </row>
    <row r="185017" spans="8:8">
      <c r="H185017" s="12"/>
    </row>
    <row r="185018" spans="8:8">
      <c r="H185018" s="12"/>
    </row>
    <row r="185019" spans="8:8">
      <c r="H185019" s="12"/>
    </row>
    <row r="185020" spans="8:8">
      <c r="H185020" s="12"/>
    </row>
    <row r="185021" spans="8:8">
      <c r="H185021" s="12"/>
    </row>
    <row r="185022" spans="8:8">
      <c r="H185022" s="12"/>
    </row>
    <row r="185023" spans="8:8">
      <c r="H185023" s="12"/>
    </row>
    <row r="185024" spans="8:8">
      <c r="H185024" s="12"/>
    </row>
    <row r="185025" spans="8:8">
      <c r="H185025" s="12"/>
    </row>
    <row r="185026" spans="8:8">
      <c r="H185026" s="12"/>
    </row>
    <row r="185027" spans="8:8">
      <c r="H185027" s="12"/>
    </row>
    <row r="185028" spans="8:8">
      <c r="H185028" s="12"/>
    </row>
    <row r="185029" spans="8:8">
      <c r="H185029" s="12"/>
    </row>
    <row r="185030" spans="8:8">
      <c r="H185030" s="12"/>
    </row>
    <row r="185031" spans="8:8">
      <c r="H185031" s="12"/>
    </row>
    <row r="185032" spans="8:8">
      <c r="H185032" s="12"/>
    </row>
    <row r="185033" spans="8:8">
      <c r="H185033" s="12"/>
    </row>
    <row r="185034" spans="8:8">
      <c r="H185034" s="12"/>
    </row>
    <row r="185035" spans="8:8">
      <c r="H185035" s="12"/>
    </row>
    <row r="185036" spans="8:8">
      <c r="H185036" s="12"/>
    </row>
    <row r="185037" spans="8:8">
      <c r="H185037" s="12"/>
    </row>
    <row r="185038" spans="8:8">
      <c r="H185038" s="12"/>
    </row>
    <row r="185039" spans="8:8">
      <c r="H185039" s="12"/>
    </row>
    <row r="185040" spans="8:8">
      <c r="H185040" s="12"/>
    </row>
    <row r="185041" spans="8:8">
      <c r="H185041" s="12"/>
    </row>
    <row r="185042" spans="8:8">
      <c r="H185042" s="12"/>
    </row>
    <row r="185043" spans="8:8">
      <c r="H185043" s="12"/>
    </row>
    <row r="185044" spans="8:8">
      <c r="H185044" s="12"/>
    </row>
    <row r="185045" spans="8:8">
      <c r="H185045" s="12"/>
    </row>
    <row r="185046" spans="8:8">
      <c r="H185046" s="12"/>
    </row>
    <row r="185047" spans="8:8">
      <c r="H185047" s="12"/>
    </row>
    <row r="185048" spans="8:8">
      <c r="H185048" s="12"/>
    </row>
    <row r="185049" spans="8:8">
      <c r="H185049" s="12"/>
    </row>
    <row r="185050" spans="8:8">
      <c r="H185050" s="12"/>
    </row>
    <row r="185051" spans="8:8">
      <c r="H185051" s="12"/>
    </row>
    <row r="185052" spans="8:8">
      <c r="H185052" s="12"/>
    </row>
    <row r="185053" spans="8:8">
      <c r="H185053" s="12"/>
    </row>
    <row r="185054" spans="8:8">
      <c r="H185054" s="12"/>
    </row>
    <row r="185055" spans="8:8">
      <c r="H185055" s="12"/>
    </row>
    <row r="185056" spans="8:8">
      <c r="H185056" s="12"/>
    </row>
    <row r="185057" spans="8:8">
      <c r="H185057" s="12"/>
    </row>
    <row r="185058" spans="8:8">
      <c r="H185058" s="12"/>
    </row>
    <row r="185059" spans="8:8">
      <c r="H185059" s="12"/>
    </row>
    <row r="185060" spans="8:8">
      <c r="H185060" s="12"/>
    </row>
    <row r="185061" spans="8:8">
      <c r="H185061" s="12"/>
    </row>
    <row r="185062" spans="8:8">
      <c r="H185062" s="12"/>
    </row>
    <row r="185063" spans="8:8">
      <c r="H185063" s="12"/>
    </row>
    <row r="185064" spans="8:8">
      <c r="H185064" s="12"/>
    </row>
    <row r="185065" spans="8:8">
      <c r="H185065" s="12"/>
    </row>
    <row r="185066" spans="8:8">
      <c r="H185066" s="12"/>
    </row>
    <row r="185067" spans="8:8">
      <c r="H185067" s="12"/>
    </row>
    <row r="185068" spans="8:8">
      <c r="H185068" s="12"/>
    </row>
    <row r="185069" spans="8:8">
      <c r="H185069" s="12"/>
    </row>
    <row r="185070" spans="8:8">
      <c r="H185070" s="12"/>
    </row>
    <row r="185071" spans="8:8">
      <c r="H185071" s="12"/>
    </row>
    <row r="185072" spans="8:8">
      <c r="H185072" s="12"/>
    </row>
    <row r="185073" spans="8:8">
      <c r="H185073" s="12"/>
    </row>
    <row r="185074" spans="8:8">
      <c r="H185074" s="12"/>
    </row>
    <row r="185075" spans="8:8">
      <c r="H185075" s="12"/>
    </row>
    <row r="185076" spans="8:8">
      <c r="H185076" s="12"/>
    </row>
    <row r="185077" spans="8:8">
      <c r="H185077" s="12"/>
    </row>
    <row r="185078" spans="8:8">
      <c r="H185078" s="12"/>
    </row>
    <row r="185079" spans="8:8">
      <c r="H185079" s="12"/>
    </row>
    <row r="185080" spans="8:8">
      <c r="H185080" s="12"/>
    </row>
    <row r="185081" spans="8:8">
      <c r="H185081" s="12"/>
    </row>
    <row r="185082" spans="8:8">
      <c r="H185082" s="12"/>
    </row>
    <row r="185083" spans="8:8">
      <c r="H185083" s="12"/>
    </row>
    <row r="185084" spans="8:8">
      <c r="H185084" s="12"/>
    </row>
    <row r="185085" spans="8:8">
      <c r="H185085" s="12"/>
    </row>
    <row r="185086" spans="8:8">
      <c r="H185086" s="12"/>
    </row>
    <row r="185087" spans="8:8">
      <c r="H185087" s="12"/>
    </row>
    <row r="185088" spans="8:8">
      <c r="H185088" s="12"/>
    </row>
    <row r="185089" spans="8:8">
      <c r="H185089" s="12"/>
    </row>
    <row r="185090" spans="8:8">
      <c r="H185090" s="12"/>
    </row>
    <row r="185091" spans="8:8">
      <c r="H185091" s="12"/>
    </row>
    <row r="185092" spans="8:8">
      <c r="H185092" s="12"/>
    </row>
    <row r="185093" spans="8:8">
      <c r="H185093" s="12"/>
    </row>
    <row r="185094" spans="8:8">
      <c r="H185094" s="12"/>
    </row>
    <row r="185095" spans="8:8">
      <c r="H185095" s="12"/>
    </row>
    <row r="185096" spans="8:8">
      <c r="H185096" s="12"/>
    </row>
    <row r="185097" spans="8:8">
      <c r="H185097" s="12"/>
    </row>
    <row r="185098" spans="8:8">
      <c r="H185098" s="12"/>
    </row>
    <row r="185099" spans="8:8">
      <c r="H185099" s="12"/>
    </row>
    <row r="185100" spans="8:8">
      <c r="H185100" s="12"/>
    </row>
    <row r="185101" spans="8:8">
      <c r="H185101" s="12"/>
    </row>
    <row r="185102" spans="8:8">
      <c r="H185102" s="12"/>
    </row>
    <row r="185103" spans="8:8">
      <c r="H185103" s="12"/>
    </row>
    <row r="185104" spans="8:8">
      <c r="H185104" s="12"/>
    </row>
    <row r="185105" spans="8:8">
      <c r="H185105" s="12"/>
    </row>
    <row r="185106" spans="8:8">
      <c r="H185106" s="12"/>
    </row>
    <row r="185107" spans="8:8">
      <c r="H185107" s="12"/>
    </row>
    <row r="185108" spans="8:8">
      <c r="H185108" s="12"/>
    </row>
    <row r="185109" spans="8:8">
      <c r="H185109" s="12"/>
    </row>
    <row r="185110" spans="8:8">
      <c r="H185110" s="12"/>
    </row>
    <row r="185111" spans="8:8">
      <c r="H185111" s="12"/>
    </row>
    <row r="185112" spans="8:8">
      <c r="H185112" s="12"/>
    </row>
    <row r="185113" spans="8:8">
      <c r="H185113" s="12"/>
    </row>
    <row r="185114" spans="8:8">
      <c r="H185114" s="12"/>
    </row>
    <row r="185115" spans="8:8">
      <c r="H185115" s="12"/>
    </row>
    <row r="185116" spans="8:8">
      <c r="H185116" s="12"/>
    </row>
    <row r="185117" spans="8:8">
      <c r="H185117" s="12"/>
    </row>
    <row r="185118" spans="8:8">
      <c r="H185118" s="12"/>
    </row>
    <row r="185119" spans="8:8">
      <c r="H185119" s="12"/>
    </row>
    <row r="185120" spans="8:8">
      <c r="H185120" s="12"/>
    </row>
    <row r="185121" spans="8:8">
      <c r="H185121" s="12"/>
    </row>
    <row r="185122" spans="8:8">
      <c r="H185122" s="12"/>
    </row>
    <row r="185123" spans="8:8">
      <c r="H185123" s="12"/>
    </row>
    <row r="185124" spans="8:8">
      <c r="H185124" s="12"/>
    </row>
    <row r="185125" spans="8:8">
      <c r="H185125" s="12"/>
    </row>
    <row r="185126" spans="8:8">
      <c r="H185126" s="12"/>
    </row>
    <row r="185127" spans="8:8">
      <c r="H185127" s="12"/>
    </row>
    <row r="185128" spans="8:8">
      <c r="H185128" s="12"/>
    </row>
    <row r="185129" spans="8:8">
      <c r="H185129" s="12"/>
    </row>
    <row r="185130" spans="8:8">
      <c r="H185130" s="12"/>
    </row>
    <row r="185131" spans="8:8">
      <c r="H185131" s="12"/>
    </row>
    <row r="185132" spans="8:8">
      <c r="H185132" s="12"/>
    </row>
    <row r="185133" spans="8:8">
      <c r="H185133" s="12"/>
    </row>
    <row r="185134" spans="8:8">
      <c r="H185134" s="12"/>
    </row>
    <row r="185135" spans="8:8">
      <c r="H185135" s="12"/>
    </row>
    <row r="185136" spans="8:8">
      <c r="H185136" s="12"/>
    </row>
    <row r="185137" spans="8:8">
      <c r="H185137" s="12"/>
    </row>
    <row r="185138" spans="8:8">
      <c r="H185138" s="12"/>
    </row>
    <row r="185139" spans="8:8">
      <c r="H185139" s="12"/>
    </row>
    <row r="185140" spans="8:8">
      <c r="H185140" s="12"/>
    </row>
    <row r="185141" spans="8:8">
      <c r="H185141" s="12"/>
    </row>
    <row r="185142" spans="8:8">
      <c r="H185142" s="12"/>
    </row>
    <row r="185143" spans="8:8">
      <c r="H185143" s="12"/>
    </row>
    <row r="185144" spans="8:8">
      <c r="H185144" s="12"/>
    </row>
    <row r="185145" spans="8:8">
      <c r="H185145" s="12"/>
    </row>
    <row r="185146" spans="8:8">
      <c r="H185146" s="12"/>
    </row>
    <row r="185147" spans="8:8">
      <c r="H185147" s="12"/>
    </row>
    <row r="185148" spans="8:8">
      <c r="H185148" s="12"/>
    </row>
    <row r="185149" spans="8:8">
      <c r="H185149" s="12"/>
    </row>
    <row r="185150" spans="8:8">
      <c r="H185150" s="12"/>
    </row>
    <row r="185151" spans="8:8">
      <c r="H185151" s="12"/>
    </row>
    <row r="185152" spans="8:8">
      <c r="H185152" s="12"/>
    </row>
    <row r="185153" spans="8:8">
      <c r="H185153" s="12"/>
    </row>
    <row r="185154" spans="8:8">
      <c r="H185154" s="12"/>
    </row>
    <row r="185155" spans="8:8">
      <c r="H185155" s="12"/>
    </row>
    <row r="185156" spans="8:8">
      <c r="H185156" s="12"/>
    </row>
    <row r="185157" spans="8:8">
      <c r="H185157" s="12"/>
    </row>
    <row r="185158" spans="8:8">
      <c r="H185158" s="12"/>
    </row>
    <row r="185159" spans="8:8">
      <c r="H185159" s="12"/>
    </row>
    <row r="185160" spans="8:8">
      <c r="H185160" s="12"/>
    </row>
    <row r="185161" spans="8:8">
      <c r="H185161" s="12"/>
    </row>
    <row r="185162" spans="8:8">
      <c r="H185162" s="12"/>
    </row>
    <row r="185163" spans="8:8">
      <c r="H185163" s="12"/>
    </row>
    <row r="185164" spans="8:8">
      <c r="H185164" s="12"/>
    </row>
    <row r="185165" spans="8:8">
      <c r="H185165" s="12"/>
    </row>
    <row r="185166" spans="8:8">
      <c r="H185166" s="12"/>
    </row>
    <row r="185167" spans="8:8">
      <c r="H185167" s="12"/>
    </row>
    <row r="185168" spans="8:8">
      <c r="H185168" s="12"/>
    </row>
    <row r="185169" spans="8:8">
      <c r="H185169" s="12"/>
    </row>
    <row r="185170" spans="8:8">
      <c r="H185170" s="12"/>
    </row>
    <row r="185171" spans="8:8">
      <c r="H185171" s="12"/>
    </row>
    <row r="185172" spans="8:8">
      <c r="H185172" s="12"/>
    </row>
    <row r="185173" spans="8:8">
      <c r="H185173" s="12"/>
    </row>
    <row r="185174" spans="8:8">
      <c r="H185174" s="12"/>
    </row>
    <row r="185175" spans="8:8">
      <c r="H185175" s="12"/>
    </row>
    <row r="185176" spans="8:8">
      <c r="H185176" s="12"/>
    </row>
    <row r="185177" spans="8:8">
      <c r="H185177" s="12"/>
    </row>
    <row r="185178" spans="8:8">
      <c r="H185178" s="12"/>
    </row>
    <row r="185179" spans="8:8">
      <c r="H185179" s="12"/>
    </row>
    <row r="185180" spans="8:8">
      <c r="H185180" s="12"/>
    </row>
    <row r="185181" spans="8:8">
      <c r="H185181" s="12"/>
    </row>
    <row r="185182" spans="8:8">
      <c r="H185182" s="12"/>
    </row>
    <row r="185183" spans="8:8">
      <c r="H185183" s="12"/>
    </row>
    <row r="185184" spans="8:8">
      <c r="H185184" s="12"/>
    </row>
    <row r="185185" spans="8:8">
      <c r="H185185" s="12"/>
    </row>
    <row r="185186" spans="8:8">
      <c r="H185186" s="12"/>
    </row>
    <row r="185187" spans="8:8">
      <c r="H185187" s="12"/>
    </row>
    <row r="185188" spans="8:8">
      <c r="H185188" s="12"/>
    </row>
    <row r="185189" spans="8:8">
      <c r="H185189" s="12"/>
    </row>
    <row r="185190" spans="8:8">
      <c r="H185190" s="12"/>
    </row>
    <row r="185191" spans="8:8">
      <c r="H185191" s="12"/>
    </row>
    <row r="185192" spans="8:8">
      <c r="H185192" s="12"/>
    </row>
    <row r="185193" spans="8:8">
      <c r="H185193" s="12"/>
    </row>
    <row r="185194" spans="8:8">
      <c r="H185194" s="12"/>
    </row>
    <row r="185195" spans="8:8">
      <c r="H185195" s="12"/>
    </row>
    <row r="185196" spans="8:8">
      <c r="H185196" s="12"/>
    </row>
    <row r="185197" spans="8:8">
      <c r="H185197" s="12"/>
    </row>
    <row r="185198" spans="8:8">
      <c r="H185198" s="12"/>
    </row>
    <row r="185199" spans="8:8">
      <c r="H185199" s="12"/>
    </row>
    <row r="185200" spans="8:8">
      <c r="H185200" s="12"/>
    </row>
    <row r="185201" spans="8:8">
      <c r="H185201" s="12"/>
    </row>
    <row r="185202" spans="8:8">
      <c r="H185202" s="12"/>
    </row>
    <row r="185203" spans="8:8">
      <c r="H185203" s="12"/>
    </row>
    <row r="185204" spans="8:8">
      <c r="H185204" s="12"/>
    </row>
    <row r="185205" spans="8:8">
      <c r="H185205" s="12"/>
    </row>
    <row r="185206" spans="8:8">
      <c r="H185206" s="12"/>
    </row>
    <row r="185207" spans="8:8">
      <c r="H185207" s="12"/>
    </row>
    <row r="185208" spans="8:8">
      <c r="H185208" s="12"/>
    </row>
    <row r="185209" spans="8:8">
      <c r="H185209" s="12"/>
    </row>
    <row r="185210" spans="8:8">
      <c r="H185210" s="12"/>
    </row>
    <row r="185211" spans="8:8">
      <c r="H185211" s="12"/>
    </row>
    <row r="185212" spans="8:8">
      <c r="H185212" s="12"/>
    </row>
    <row r="185213" spans="8:8">
      <c r="H185213" s="12"/>
    </row>
    <row r="185214" spans="8:8">
      <c r="H185214" s="12"/>
    </row>
    <row r="185215" spans="8:8">
      <c r="H185215" s="12"/>
    </row>
    <row r="185216" spans="8:8">
      <c r="H185216" s="12"/>
    </row>
    <row r="185217" spans="8:8">
      <c r="H185217" s="12"/>
    </row>
    <row r="185218" spans="8:8">
      <c r="H185218" s="12"/>
    </row>
    <row r="185219" spans="8:8">
      <c r="H185219" s="12"/>
    </row>
    <row r="185220" spans="8:8">
      <c r="H185220" s="12"/>
    </row>
    <row r="185221" spans="8:8">
      <c r="H185221" s="12"/>
    </row>
    <row r="185222" spans="8:8">
      <c r="H185222" s="12"/>
    </row>
    <row r="185223" spans="8:8">
      <c r="H185223" s="12"/>
    </row>
    <row r="185224" spans="8:8">
      <c r="H185224" s="12"/>
    </row>
    <row r="185225" spans="8:8">
      <c r="H185225" s="12"/>
    </row>
    <row r="185226" spans="8:8">
      <c r="H185226" s="12"/>
    </row>
    <row r="185227" spans="8:8">
      <c r="H185227" s="12"/>
    </row>
    <row r="185228" spans="8:8">
      <c r="H185228" s="12"/>
    </row>
    <row r="185229" spans="8:8">
      <c r="H185229" s="12"/>
    </row>
    <row r="185230" spans="8:8">
      <c r="H185230" s="12"/>
    </row>
    <row r="185231" spans="8:8">
      <c r="H185231" s="12"/>
    </row>
    <row r="185232" spans="8:8">
      <c r="H185232" s="12"/>
    </row>
    <row r="185233" spans="8:8">
      <c r="H185233" s="12"/>
    </row>
    <row r="185234" spans="8:8">
      <c r="H185234" s="12"/>
    </row>
    <row r="185235" spans="8:8">
      <c r="H185235" s="12"/>
    </row>
    <row r="185236" spans="8:8">
      <c r="H185236" s="12"/>
    </row>
    <row r="185237" spans="8:8">
      <c r="H185237" s="12"/>
    </row>
    <row r="185238" spans="8:8">
      <c r="H185238" s="12"/>
    </row>
    <row r="185239" spans="8:8">
      <c r="H185239" s="12"/>
    </row>
    <row r="185240" spans="8:8">
      <c r="H185240" s="12"/>
    </row>
    <row r="185241" spans="8:8">
      <c r="H185241" s="12"/>
    </row>
    <row r="185242" spans="8:8">
      <c r="H185242" s="12"/>
    </row>
    <row r="185243" spans="8:8">
      <c r="H185243" s="12"/>
    </row>
    <row r="185244" spans="8:8">
      <c r="H185244" s="12"/>
    </row>
    <row r="185245" spans="8:8">
      <c r="H185245" s="12"/>
    </row>
    <row r="185246" spans="8:8">
      <c r="H185246" s="12"/>
    </row>
    <row r="185247" spans="8:8">
      <c r="H185247" s="12"/>
    </row>
    <row r="185248" spans="8:8">
      <c r="H185248" s="12"/>
    </row>
    <row r="185249" spans="8:8">
      <c r="H185249" s="12"/>
    </row>
    <row r="185250" spans="8:8">
      <c r="H185250" s="12"/>
    </row>
    <row r="185251" spans="8:8">
      <c r="H185251" s="12"/>
    </row>
    <row r="185252" spans="8:8">
      <c r="H185252" s="12"/>
    </row>
    <row r="185253" spans="8:8">
      <c r="H185253" s="12"/>
    </row>
    <row r="185254" spans="8:8">
      <c r="H185254" s="12"/>
    </row>
    <row r="185255" spans="8:8">
      <c r="H185255" s="12"/>
    </row>
    <row r="185256" spans="8:8">
      <c r="H185256" s="12"/>
    </row>
    <row r="185257" spans="8:8">
      <c r="H185257" s="12"/>
    </row>
    <row r="185258" spans="8:8">
      <c r="H185258" s="12"/>
    </row>
    <row r="185259" spans="8:8">
      <c r="H185259" s="12"/>
    </row>
    <row r="185260" spans="8:8">
      <c r="H185260" s="12"/>
    </row>
    <row r="185261" spans="8:8">
      <c r="H185261" s="12"/>
    </row>
    <row r="185262" spans="8:8">
      <c r="H185262" s="12"/>
    </row>
    <row r="185263" spans="8:8">
      <c r="H185263" s="12"/>
    </row>
    <row r="185264" spans="8:8">
      <c r="H185264" s="12"/>
    </row>
    <row r="185265" spans="8:8">
      <c r="H185265" s="12"/>
    </row>
    <row r="185266" spans="8:8">
      <c r="H185266" s="12"/>
    </row>
    <row r="185267" spans="8:8">
      <c r="H185267" s="12"/>
    </row>
    <row r="185268" spans="8:8">
      <c r="H185268" s="12"/>
    </row>
    <row r="185269" spans="8:8">
      <c r="H185269" s="12"/>
    </row>
    <row r="185270" spans="8:8">
      <c r="H185270" s="12"/>
    </row>
    <row r="185271" spans="8:8">
      <c r="H185271" s="12"/>
    </row>
    <row r="185272" spans="8:8">
      <c r="H185272" s="12"/>
    </row>
    <row r="185273" spans="8:8">
      <c r="H185273" s="12"/>
    </row>
    <row r="185274" spans="8:8">
      <c r="H185274" s="12"/>
    </row>
    <row r="185275" spans="8:8">
      <c r="H185275" s="12"/>
    </row>
    <row r="185276" spans="8:8">
      <c r="H185276" s="12"/>
    </row>
    <row r="185277" spans="8:8">
      <c r="H185277" s="12"/>
    </row>
    <row r="185278" spans="8:8">
      <c r="H185278" s="12"/>
    </row>
    <row r="185279" spans="8:8">
      <c r="H185279" s="12"/>
    </row>
    <row r="185280" spans="8:8">
      <c r="H185280" s="12"/>
    </row>
    <row r="185281" spans="8:8">
      <c r="H185281" s="12"/>
    </row>
    <row r="185282" spans="8:8">
      <c r="H185282" s="12"/>
    </row>
    <row r="185283" spans="8:8">
      <c r="H185283" s="12"/>
    </row>
    <row r="185284" spans="8:8">
      <c r="H185284" s="12"/>
    </row>
    <row r="185285" spans="8:8">
      <c r="H185285" s="12"/>
    </row>
    <row r="185286" spans="8:8">
      <c r="H185286" s="12"/>
    </row>
    <row r="185287" spans="8:8">
      <c r="H185287" s="12"/>
    </row>
    <row r="185288" spans="8:8">
      <c r="H185288" s="12"/>
    </row>
    <row r="185289" spans="8:8">
      <c r="H185289" s="12"/>
    </row>
    <row r="185290" spans="8:8">
      <c r="H185290" s="12"/>
    </row>
    <row r="185291" spans="8:8">
      <c r="H185291" s="12"/>
    </row>
    <row r="185292" spans="8:8">
      <c r="H185292" s="12"/>
    </row>
    <row r="185293" spans="8:8">
      <c r="H185293" s="12"/>
    </row>
    <row r="185294" spans="8:8">
      <c r="H185294" s="12"/>
    </row>
    <row r="185295" spans="8:8">
      <c r="H185295" s="12"/>
    </row>
    <row r="185296" spans="8:8">
      <c r="H185296" s="12"/>
    </row>
    <row r="185297" spans="8:8">
      <c r="H185297" s="12"/>
    </row>
    <row r="185298" spans="8:8">
      <c r="H185298" s="12"/>
    </row>
    <row r="185299" spans="8:8">
      <c r="H185299" s="12"/>
    </row>
    <row r="185300" spans="8:8">
      <c r="H185300" s="12"/>
    </row>
    <row r="185301" spans="8:8">
      <c r="H185301" s="12"/>
    </row>
    <row r="185302" spans="8:8">
      <c r="H185302" s="12"/>
    </row>
    <row r="185303" spans="8:8">
      <c r="H185303" s="12"/>
    </row>
    <row r="185304" spans="8:8">
      <c r="H185304" s="12"/>
    </row>
    <row r="185305" spans="8:8">
      <c r="H185305" s="12"/>
    </row>
    <row r="185306" spans="8:8">
      <c r="H185306" s="12"/>
    </row>
    <row r="185307" spans="8:8">
      <c r="H185307" s="12"/>
    </row>
    <row r="185308" spans="8:8">
      <c r="H185308" s="12"/>
    </row>
    <row r="185309" spans="8:8">
      <c r="H185309" s="12"/>
    </row>
    <row r="185310" spans="8:8">
      <c r="H185310" s="12"/>
    </row>
    <row r="185311" spans="8:8">
      <c r="H185311" s="12"/>
    </row>
    <row r="185312" spans="8:8">
      <c r="H185312" s="12"/>
    </row>
    <row r="185313" spans="8:8">
      <c r="H185313" s="12"/>
    </row>
    <row r="185314" spans="8:8">
      <c r="H185314" s="12"/>
    </row>
    <row r="185315" spans="8:8">
      <c r="H185315" s="12"/>
    </row>
    <row r="185316" spans="8:8">
      <c r="H185316" s="12"/>
    </row>
    <row r="185317" spans="8:8">
      <c r="H185317" s="12"/>
    </row>
    <row r="185318" spans="8:8">
      <c r="H185318" s="12"/>
    </row>
    <row r="185319" spans="8:8">
      <c r="H185319" s="12"/>
    </row>
    <row r="185320" spans="8:8">
      <c r="H185320" s="12"/>
    </row>
    <row r="185321" spans="8:8">
      <c r="H185321" s="12"/>
    </row>
    <row r="185322" spans="8:8">
      <c r="H185322" s="12"/>
    </row>
    <row r="185323" spans="8:8">
      <c r="H185323" s="12"/>
    </row>
    <row r="185324" spans="8:8">
      <c r="H185324" s="12"/>
    </row>
    <row r="185325" spans="8:8">
      <c r="H185325" s="12"/>
    </row>
    <row r="185326" spans="8:8">
      <c r="H185326" s="12"/>
    </row>
    <row r="185327" spans="8:8">
      <c r="H185327" s="12"/>
    </row>
    <row r="185328" spans="8:8">
      <c r="H185328" s="12"/>
    </row>
    <row r="185329" spans="8:8">
      <c r="H185329" s="12"/>
    </row>
    <row r="185330" spans="8:8">
      <c r="H185330" s="12"/>
    </row>
    <row r="185331" spans="8:8">
      <c r="H185331" s="12"/>
    </row>
    <row r="185332" spans="8:8">
      <c r="H185332" s="12"/>
    </row>
    <row r="185333" spans="8:8">
      <c r="H185333" s="12"/>
    </row>
    <row r="185334" spans="8:8">
      <c r="H185334" s="12"/>
    </row>
    <row r="185335" spans="8:8">
      <c r="H185335" s="12"/>
    </row>
    <row r="185336" spans="8:8">
      <c r="H185336" s="12"/>
    </row>
    <row r="185337" spans="8:8">
      <c r="H185337" s="12"/>
    </row>
    <row r="185338" spans="8:8">
      <c r="H185338" s="12"/>
    </row>
    <row r="185339" spans="8:8">
      <c r="H185339" s="12"/>
    </row>
    <row r="185340" spans="8:8">
      <c r="H185340" s="12"/>
    </row>
    <row r="185341" spans="8:8">
      <c r="H185341" s="12"/>
    </row>
    <row r="185342" spans="8:8">
      <c r="H185342" s="12"/>
    </row>
    <row r="185343" spans="8:8">
      <c r="H185343" s="12"/>
    </row>
    <row r="185344" spans="8:8">
      <c r="H185344" s="12"/>
    </row>
    <row r="185345" spans="8:8">
      <c r="H185345" s="12"/>
    </row>
    <row r="185346" spans="8:8">
      <c r="H185346" s="12"/>
    </row>
    <row r="185347" spans="8:8">
      <c r="H185347" s="12"/>
    </row>
    <row r="185348" spans="8:8">
      <c r="H185348" s="12"/>
    </row>
    <row r="185349" spans="8:8">
      <c r="H185349" s="12"/>
    </row>
    <row r="185350" spans="8:8">
      <c r="H185350" s="12"/>
    </row>
    <row r="185351" spans="8:8">
      <c r="H185351" s="12"/>
    </row>
    <row r="185352" spans="8:8">
      <c r="H185352" s="12"/>
    </row>
    <row r="185353" spans="8:8">
      <c r="H185353" s="12"/>
    </row>
    <row r="185354" spans="8:8">
      <c r="H185354" s="12"/>
    </row>
    <row r="185355" spans="8:8">
      <c r="H185355" s="12"/>
    </row>
    <row r="185356" spans="8:8">
      <c r="H185356" s="12"/>
    </row>
    <row r="185357" spans="8:8">
      <c r="H185357" s="12"/>
    </row>
    <row r="185358" spans="8:8">
      <c r="H185358" s="12"/>
    </row>
    <row r="185359" spans="8:8">
      <c r="H185359" s="12"/>
    </row>
    <row r="185360" spans="8:8">
      <c r="H185360" s="12"/>
    </row>
    <row r="185361" spans="8:8">
      <c r="H185361" s="12"/>
    </row>
    <row r="185362" spans="8:8">
      <c r="H185362" s="12"/>
    </row>
    <row r="185363" spans="8:8">
      <c r="H185363" s="12"/>
    </row>
    <row r="185364" spans="8:8">
      <c r="H185364" s="12"/>
    </row>
    <row r="185365" spans="8:8">
      <c r="H185365" s="12"/>
    </row>
    <row r="185366" spans="8:8">
      <c r="H185366" s="12"/>
    </row>
    <row r="185367" spans="8:8">
      <c r="H185367" s="12"/>
    </row>
    <row r="185368" spans="8:8">
      <c r="H185368" s="12"/>
    </row>
    <row r="185369" spans="8:8">
      <c r="H185369" s="12"/>
    </row>
    <row r="185370" spans="8:8">
      <c r="H185370" s="12"/>
    </row>
    <row r="185371" spans="8:8">
      <c r="H185371" s="12"/>
    </row>
    <row r="185372" spans="8:8">
      <c r="H185372" s="12"/>
    </row>
    <row r="185373" spans="8:8">
      <c r="H185373" s="12"/>
    </row>
    <row r="185374" spans="8:8">
      <c r="H185374" s="12"/>
    </row>
    <row r="185375" spans="8:8">
      <c r="H185375" s="12"/>
    </row>
    <row r="185376" spans="8:8">
      <c r="H185376" s="12"/>
    </row>
    <row r="185377" spans="8:8">
      <c r="H185377" s="12"/>
    </row>
    <row r="185378" spans="8:8">
      <c r="H185378" s="12"/>
    </row>
    <row r="185379" spans="8:8">
      <c r="H185379" s="12"/>
    </row>
    <row r="185380" spans="8:8">
      <c r="H185380" s="12"/>
    </row>
    <row r="185381" spans="8:8">
      <c r="H185381" s="12"/>
    </row>
    <row r="185382" spans="8:8">
      <c r="H185382" s="12"/>
    </row>
    <row r="185383" spans="8:8">
      <c r="H185383" s="12"/>
    </row>
    <row r="185384" spans="8:8">
      <c r="H185384" s="12"/>
    </row>
    <row r="185385" spans="8:8">
      <c r="H185385" s="12"/>
    </row>
    <row r="185386" spans="8:8">
      <c r="H185386" s="12"/>
    </row>
    <row r="185387" spans="8:8">
      <c r="H185387" s="12"/>
    </row>
    <row r="185388" spans="8:8">
      <c r="H185388" s="12"/>
    </row>
    <row r="185389" spans="8:8">
      <c r="H185389" s="12"/>
    </row>
    <row r="185390" spans="8:8">
      <c r="H185390" s="12"/>
    </row>
    <row r="185391" spans="8:8">
      <c r="H185391" s="12"/>
    </row>
    <row r="185392" spans="8:8">
      <c r="H185392" s="12"/>
    </row>
    <row r="185393" spans="8:8">
      <c r="H185393" s="12"/>
    </row>
    <row r="185394" spans="8:8">
      <c r="H185394" s="12"/>
    </row>
    <row r="185395" spans="8:8">
      <c r="H185395" s="12"/>
    </row>
    <row r="185396" spans="8:8">
      <c r="H185396" s="12"/>
    </row>
    <row r="185397" spans="8:8">
      <c r="H185397" s="12"/>
    </row>
    <row r="185398" spans="8:8">
      <c r="H185398" s="12"/>
    </row>
    <row r="185399" spans="8:8">
      <c r="H185399" s="12"/>
    </row>
    <row r="185400" spans="8:8">
      <c r="H185400" s="12"/>
    </row>
    <row r="185401" spans="8:8">
      <c r="H185401" s="12"/>
    </row>
    <row r="185402" spans="8:8">
      <c r="H185402" s="12"/>
    </row>
    <row r="185403" spans="8:8">
      <c r="H185403" s="12"/>
    </row>
    <row r="185404" spans="8:8">
      <c r="H185404" s="12"/>
    </row>
    <row r="185405" spans="8:8">
      <c r="H185405" s="12"/>
    </row>
    <row r="185406" spans="8:8">
      <c r="H185406" s="12"/>
    </row>
    <row r="185407" spans="8:8">
      <c r="H185407" s="12"/>
    </row>
    <row r="185408" spans="8:8">
      <c r="H185408" s="12"/>
    </row>
    <row r="185409" spans="8:8">
      <c r="H185409" s="12"/>
    </row>
    <row r="185410" spans="8:8">
      <c r="H185410" s="12"/>
    </row>
    <row r="185411" spans="8:8">
      <c r="H185411" s="12"/>
    </row>
    <row r="185412" spans="8:8">
      <c r="H185412" s="12"/>
    </row>
    <row r="185413" spans="8:8">
      <c r="H185413" s="12"/>
    </row>
    <row r="185414" spans="8:8">
      <c r="H185414" s="12"/>
    </row>
    <row r="185415" spans="8:8">
      <c r="H185415" s="12"/>
    </row>
    <row r="185416" spans="8:8">
      <c r="H185416" s="12"/>
    </row>
    <row r="185417" spans="8:8">
      <c r="H185417" s="12"/>
    </row>
    <row r="185418" spans="8:8">
      <c r="H185418" s="12"/>
    </row>
    <row r="185419" spans="8:8">
      <c r="H185419" s="12"/>
    </row>
    <row r="185420" spans="8:8">
      <c r="H185420" s="12"/>
    </row>
    <row r="185421" spans="8:8">
      <c r="H185421" s="12"/>
    </row>
    <row r="185422" spans="8:8">
      <c r="H185422" s="12"/>
    </row>
    <row r="185423" spans="8:8">
      <c r="H185423" s="12"/>
    </row>
    <row r="185424" spans="8:8">
      <c r="H185424" s="12"/>
    </row>
    <row r="185425" spans="8:8">
      <c r="H185425" s="12"/>
    </row>
    <row r="185426" spans="8:8">
      <c r="H185426" s="12"/>
    </row>
    <row r="185427" spans="8:8">
      <c r="H185427" s="12"/>
    </row>
    <row r="185428" spans="8:8">
      <c r="H185428" s="12"/>
    </row>
    <row r="185429" spans="8:8">
      <c r="H185429" s="12"/>
    </row>
    <row r="185430" spans="8:8">
      <c r="H185430" s="12"/>
    </row>
    <row r="185431" spans="8:8">
      <c r="H185431" s="12"/>
    </row>
    <row r="185432" spans="8:8">
      <c r="H185432" s="12"/>
    </row>
    <row r="185433" spans="8:8">
      <c r="H185433" s="12"/>
    </row>
    <row r="185434" spans="8:8">
      <c r="H185434" s="12"/>
    </row>
    <row r="185435" spans="8:8">
      <c r="H185435" s="12"/>
    </row>
    <row r="185436" spans="8:8">
      <c r="H185436" s="12"/>
    </row>
    <row r="185437" spans="8:8">
      <c r="H185437" s="12"/>
    </row>
    <row r="185438" spans="8:8">
      <c r="H185438" s="12"/>
    </row>
    <row r="185439" spans="8:8">
      <c r="H185439" s="12"/>
    </row>
    <row r="185440" spans="8:8">
      <c r="H185440" s="12"/>
    </row>
    <row r="185441" spans="8:8">
      <c r="H185441" s="12"/>
    </row>
    <row r="185442" spans="8:8">
      <c r="H185442" s="12"/>
    </row>
    <row r="185443" spans="8:8">
      <c r="H185443" s="12"/>
    </row>
    <row r="185444" spans="8:8">
      <c r="H185444" s="12"/>
    </row>
    <row r="185445" spans="8:8">
      <c r="H185445" s="12"/>
    </row>
    <row r="185446" spans="8:8">
      <c r="H185446" s="12"/>
    </row>
    <row r="185447" spans="8:8">
      <c r="H185447" s="12"/>
    </row>
    <row r="185448" spans="8:8">
      <c r="H185448" s="12"/>
    </row>
    <row r="185449" spans="8:8">
      <c r="H185449" s="12"/>
    </row>
    <row r="185450" spans="8:8">
      <c r="H185450" s="12"/>
    </row>
    <row r="185451" spans="8:8">
      <c r="H185451" s="12"/>
    </row>
    <row r="185452" spans="8:8">
      <c r="H185452" s="12"/>
    </row>
    <row r="185453" spans="8:8">
      <c r="H185453" s="12"/>
    </row>
    <row r="185454" spans="8:8">
      <c r="H185454" s="12"/>
    </row>
    <row r="185455" spans="8:8">
      <c r="H185455" s="12"/>
    </row>
    <row r="185456" spans="8:8">
      <c r="H185456" s="12"/>
    </row>
    <row r="185457" spans="8:8">
      <c r="H185457" s="12"/>
    </row>
    <row r="185458" spans="8:8">
      <c r="H185458" s="12"/>
    </row>
    <row r="185459" spans="8:8">
      <c r="H185459" s="12"/>
    </row>
    <row r="185460" spans="8:8">
      <c r="H185460" s="12"/>
    </row>
    <row r="185461" spans="8:8">
      <c r="H185461" s="12"/>
    </row>
    <row r="185462" spans="8:8">
      <c r="H185462" s="12"/>
    </row>
    <row r="185463" spans="8:8">
      <c r="H185463" s="12"/>
    </row>
    <row r="185464" spans="8:8">
      <c r="H185464" s="12"/>
    </row>
    <row r="185465" spans="8:8">
      <c r="H185465" s="12"/>
    </row>
    <row r="185466" spans="8:8">
      <c r="H185466" s="12"/>
    </row>
    <row r="185467" spans="8:8">
      <c r="H185467" s="12"/>
    </row>
    <row r="185468" spans="8:8">
      <c r="H185468" s="12"/>
    </row>
    <row r="185469" spans="8:8">
      <c r="H185469" s="12"/>
    </row>
    <row r="185470" spans="8:8">
      <c r="H185470" s="12"/>
    </row>
    <row r="185471" spans="8:8">
      <c r="H185471" s="12"/>
    </row>
    <row r="185472" spans="8:8">
      <c r="H185472" s="12"/>
    </row>
    <row r="185473" spans="8:8">
      <c r="H185473" s="12"/>
    </row>
    <row r="185474" spans="8:8">
      <c r="H185474" s="12"/>
    </row>
    <row r="185475" spans="8:8">
      <c r="H185475" s="12"/>
    </row>
    <row r="185476" spans="8:8">
      <c r="H185476" s="12"/>
    </row>
    <row r="185477" spans="8:8">
      <c r="H185477" s="12"/>
    </row>
    <row r="185478" spans="8:8">
      <c r="H185478" s="12"/>
    </row>
    <row r="185479" spans="8:8">
      <c r="H185479" s="12"/>
    </row>
    <row r="185480" spans="8:8">
      <c r="H185480" s="12"/>
    </row>
    <row r="185481" spans="8:8">
      <c r="H185481" s="12"/>
    </row>
    <row r="185482" spans="8:8">
      <c r="H185482" s="12"/>
    </row>
    <row r="185483" spans="8:8">
      <c r="H185483" s="12"/>
    </row>
    <row r="185484" spans="8:8">
      <c r="H185484" s="12"/>
    </row>
    <row r="185485" spans="8:8">
      <c r="H185485" s="12"/>
    </row>
    <row r="185486" spans="8:8">
      <c r="H185486" s="12"/>
    </row>
    <row r="185487" spans="8:8">
      <c r="H185487" s="12"/>
    </row>
    <row r="185488" spans="8:8">
      <c r="H185488" s="12"/>
    </row>
    <row r="185489" spans="8:8">
      <c r="H185489" s="12"/>
    </row>
    <row r="185490" spans="8:8">
      <c r="H185490" s="12"/>
    </row>
    <row r="185491" spans="8:8">
      <c r="H185491" s="12"/>
    </row>
    <row r="185492" spans="8:8">
      <c r="H185492" s="12"/>
    </row>
    <row r="185493" spans="8:8">
      <c r="H185493" s="12"/>
    </row>
    <row r="185494" spans="8:8">
      <c r="H185494" s="12"/>
    </row>
    <row r="185495" spans="8:8">
      <c r="H185495" s="12"/>
    </row>
    <row r="185496" spans="8:8">
      <c r="H185496" s="12"/>
    </row>
    <row r="185497" spans="8:8">
      <c r="H185497" s="12"/>
    </row>
    <row r="185498" spans="8:8">
      <c r="H185498" s="12"/>
    </row>
    <row r="185499" spans="8:8">
      <c r="H185499" s="12"/>
    </row>
    <row r="185500" spans="8:8">
      <c r="H185500" s="12"/>
    </row>
    <row r="185501" spans="8:8">
      <c r="H185501" s="12"/>
    </row>
    <row r="185502" spans="8:8">
      <c r="H185502" s="12"/>
    </row>
    <row r="185503" spans="8:8">
      <c r="H185503" s="12"/>
    </row>
    <row r="185504" spans="8:8">
      <c r="H185504" s="12"/>
    </row>
    <row r="185505" spans="8:8">
      <c r="H185505" s="12"/>
    </row>
    <row r="185506" spans="8:8">
      <c r="H185506" s="12"/>
    </row>
    <row r="185507" spans="8:8">
      <c r="H185507" s="12"/>
    </row>
    <row r="185508" spans="8:8">
      <c r="H185508" s="12"/>
    </row>
    <row r="185509" spans="8:8">
      <c r="H185509" s="12"/>
    </row>
    <row r="185510" spans="8:8">
      <c r="H185510" s="12"/>
    </row>
    <row r="185511" spans="8:8">
      <c r="H185511" s="12"/>
    </row>
    <row r="185512" spans="8:8">
      <c r="H185512" s="12"/>
    </row>
    <row r="185513" spans="8:8">
      <c r="H185513" s="12"/>
    </row>
    <row r="185514" spans="8:8">
      <c r="H185514" s="12"/>
    </row>
    <row r="185515" spans="8:8">
      <c r="H185515" s="12"/>
    </row>
    <row r="185516" spans="8:8">
      <c r="H185516" s="12"/>
    </row>
    <row r="185517" spans="8:8">
      <c r="H185517" s="12"/>
    </row>
    <row r="185518" spans="8:8">
      <c r="H185518" s="12"/>
    </row>
    <row r="185519" spans="8:8">
      <c r="H185519" s="12"/>
    </row>
    <row r="185520" spans="8:8">
      <c r="H185520" s="12"/>
    </row>
    <row r="185521" spans="8:8">
      <c r="H185521" s="12"/>
    </row>
    <row r="185522" spans="8:8">
      <c r="H185522" s="12"/>
    </row>
    <row r="185523" spans="8:8">
      <c r="H185523" s="12"/>
    </row>
    <row r="185524" spans="8:8">
      <c r="H185524" s="12"/>
    </row>
    <row r="185525" spans="8:8">
      <c r="H185525" s="12"/>
    </row>
    <row r="185526" spans="8:8">
      <c r="H185526" s="12"/>
    </row>
    <row r="185527" spans="8:8">
      <c r="H185527" s="12"/>
    </row>
    <row r="185528" spans="8:8">
      <c r="H185528" s="12"/>
    </row>
    <row r="185529" spans="8:8">
      <c r="H185529" s="12"/>
    </row>
    <row r="185530" spans="8:8">
      <c r="H185530" s="12"/>
    </row>
    <row r="185531" spans="8:8">
      <c r="H185531" s="12"/>
    </row>
    <row r="185532" spans="8:8">
      <c r="H185532" s="12"/>
    </row>
    <row r="185533" spans="8:8">
      <c r="H185533" s="12"/>
    </row>
    <row r="185534" spans="8:8">
      <c r="H185534" s="12"/>
    </row>
    <row r="185535" spans="8:8">
      <c r="H185535" s="12"/>
    </row>
    <row r="185536" spans="8:8">
      <c r="H185536" s="12"/>
    </row>
    <row r="185537" spans="8:8">
      <c r="H185537" s="12"/>
    </row>
    <row r="185538" spans="8:8">
      <c r="H185538" s="12"/>
    </row>
    <row r="185539" spans="8:8">
      <c r="H185539" s="12"/>
    </row>
    <row r="185540" spans="8:8">
      <c r="H185540" s="12"/>
    </row>
    <row r="185541" spans="8:8">
      <c r="H185541" s="12"/>
    </row>
    <row r="185542" spans="8:8">
      <c r="H185542" s="12"/>
    </row>
    <row r="185543" spans="8:8">
      <c r="H185543" s="12"/>
    </row>
    <row r="185544" spans="8:8">
      <c r="H185544" s="12"/>
    </row>
    <row r="185545" spans="8:8">
      <c r="H185545" s="12"/>
    </row>
    <row r="185546" spans="8:8">
      <c r="H185546" s="12"/>
    </row>
    <row r="185547" spans="8:8">
      <c r="H185547" s="12"/>
    </row>
    <row r="185548" spans="8:8">
      <c r="H185548" s="12"/>
    </row>
    <row r="185549" spans="8:8">
      <c r="H185549" s="12"/>
    </row>
    <row r="185550" spans="8:8">
      <c r="H185550" s="12"/>
    </row>
    <row r="185551" spans="8:8">
      <c r="H185551" s="12"/>
    </row>
    <row r="185552" spans="8:8">
      <c r="H185552" s="12"/>
    </row>
    <row r="185553" spans="8:8">
      <c r="H185553" s="12"/>
    </row>
    <row r="185554" spans="8:8">
      <c r="H185554" s="12"/>
    </row>
    <row r="185555" spans="8:8">
      <c r="H185555" s="12"/>
    </row>
    <row r="185556" spans="8:8">
      <c r="H185556" s="12"/>
    </row>
    <row r="185557" spans="8:8">
      <c r="H185557" s="12"/>
    </row>
    <row r="185558" spans="8:8">
      <c r="H185558" s="12"/>
    </row>
    <row r="185559" spans="8:8">
      <c r="H185559" s="12"/>
    </row>
    <row r="185560" spans="8:8">
      <c r="H185560" s="12"/>
    </row>
    <row r="185561" spans="8:8">
      <c r="H185561" s="12"/>
    </row>
    <row r="185562" spans="8:8">
      <c r="H185562" s="12"/>
    </row>
    <row r="185563" spans="8:8">
      <c r="H185563" s="12"/>
    </row>
    <row r="185564" spans="8:8">
      <c r="H185564" s="12"/>
    </row>
    <row r="185565" spans="8:8">
      <c r="H185565" s="12"/>
    </row>
    <row r="185566" spans="8:8">
      <c r="H185566" s="12"/>
    </row>
    <row r="185567" spans="8:8">
      <c r="H185567" s="12"/>
    </row>
    <row r="185568" spans="8:8">
      <c r="H185568" s="12"/>
    </row>
    <row r="185569" spans="8:8">
      <c r="H185569" s="12"/>
    </row>
    <row r="185570" spans="8:8">
      <c r="H185570" s="12"/>
    </row>
    <row r="185571" spans="8:8">
      <c r="H185571" s="12"/>
    </row>
    <row r="185572" spans="8:8">
      <c r="H185572" s="12"/>
    </row>
    <row r="185573" spans="8:8">
      <c r="H185573" s="12"/>
    </row>
    <row r="185574" spans="8:8">
      <c r="H185574" s="12"/>
    </row>
    <row r="185575" spans="8:8">
      <c r="H185575" s="12"/>
    </row>
    <row r="185576" spans="8:8">
      <c r="H185576" s="12"/>
    </row>
    <row r="185577" spans="8:8">
      <c r="H185577" s="12"/>
    </row>
    <row r="185578" spans="8:8">
      <c r="H185578" s="12"/>
    </row>
    <row r="185579" spans="8:8">
      <c r="H185579" s="12"/>
    </row>
    <row r="185580" spans="8:8">
      <c r="H185580" s="12"/>
    </row>
    <row r="185581" spans="8:8">
      <c r="H185581" s="12"/>
    </row>
    <row r="185582" spans="8:8">
      <c r="H185582" s="12"/>
    </row>
    <row r="185583" spans="8:8">
      <c r="H185583" s="12"/>
    </row>
    <row r="185584" spans="8:8">
      <c r="H185584" s="12"/>
    </row>
    <row r="185585" spans="8:8">
      <c r="H185585" s="12"/>
    </row>
    <row r="185586" spans="8:8">
      <c r="H185586" s="12"/>
    </row>
    <row r="185587" spans="8:8">
      <c r="H185587" s="12"/>
    </row>
    <row r="185588" spans="8:8">
      <c r="H185588" s="12"/>
    </row>
    <row r="185589" spans="8:8">
      <c r="H185589" s="12"/>
    </row>
    <row r="185590" spans="8:8">
      <c r="H185590" s="12"/>
    </row>
    <row r="185591" spans="8:8">
      <c r="H185591" s="12"/>
    </row>
    <row r="185592" spans="8:8">
      <c r="H185592" s="12"/>
    </row>
    <row r="185593" spans="8:8">
      <c r="H185593" s="12"/>
    </row>
    <row r="185594" spans="8:8">
      <c r="H185594" s="12"/>
    </row>
    <row r="185595" spans="8:8">
      <c r="H185595" s="12"/>
    </row>
    <row r="185596" spans="8:8">
      <c r="H185596" s="12"/>
    </row>
    <row r="185597" spans="8:8">
      <c r="H185597" s="12"/>
    </row>
    <row r="185598" spans="8:8">
      <c r="H185598" s="12"/>
    </row>
    <row r="185599" spans="8:8">
      <c r="H185599" s="12"/>
    </row>
    <row r="185600" spans="8:8">
      <c r="H185600" s="12"/>
    </row>
    <row r="185601" spans="8:8">
      <c r="H185601" s="12"/>
    </row>
    <row r="185602" spans="8:8">
      <c r="H185602" s="12"/>
    </row>
    <row r="185603" spans="8:8">
      <c r="H185603" s="12"/>
    </row>
    <row r="185604" spans="8:8">
      <c r="H185604" s="12"/>
    </row>
    <row r="185605" spans="8:8">
      <c r="H185605" s="12"/>
    </row>
    <row r="185606" spans="8:8">
      <c r="H185606" s="12"/>
    </row>
    <row r="185607" spans="8:8">
      <c r="H185607" s="12"/>
    </row>
    <row r="185608" spans="8:8">
      <c r="H185608" s="12"/>
    </row>
    <row r="185609" spans="8:8">
      <c r="H185609" s="12"/>
    </row>
    <row r="185610" spans="8:8">
      <c r="H185610" s="12"/>
    </row>
    <row r="185611" spans="8:8">
      <c r="H185611" s="12"/>
    </row>
    <row r="185612" spans="8:8">
      <c r="H185612" s="12"/>
    </row>
    <row r="185613" spans="8:8">
      <c r="H185613" s="12"/>
    </row>
    <row r="185614" spans="8:8">
      <c r="H185614" s="12"/>
    </row>
    <row r="185615" spans="8:8">
      <c r="H185615" s="12"/>
    </row>
    <row r="185616" spans="8:8">
      <c r="H185616" s="12"/>
    </row>
    <row r="185617" spans="8:8">
      <c r="H185617" s="12"/>
    </row>
    <row r="185618" spans="8:8">
      <c r="H185618" s="12"/>
    </row>
    <row r="185619" spans="8:8">
      <c r="H185619" s="12"/>
    </row>
    <row r="185620" spans="8:8">
      <c r="H185620" s="12"/>
    </row>
    <row r="185621" spans="8:8">
      <c r="H185621" s="12"/>
    </row>
    <row r="185622" spans="8:8">
      <c r="H185622" s="12"/>
    </row>
    <row r="185623" spans="8:8">
      <c r="H185623" s="12"/>
    </row>
    <row r="185624" spans="8:8">
      <c r="H185624" s="12"/>
    </row>
    <row r="185625" spans="8:8">
      <c r="H185625" s="12"/>
    </row>
    <row r="185626" spans="8:8">
      <c r="H185626" s="12"/>
    </row>
    <row r="185627" spans="8:8">
      <c r="H185627" s="12"/>
    </row>
    <row r="185628" spans="8:8">
      <c r="H185628" s="12"/>
    </row>
    <row r="185629" spans="8:8">
      <c r="H185629" s="12"/>
    </row>
    <row r="185630" spans="8:8">
      <c r="H185630" s="12"/>
    </row>
    <row r="185631" spans="8:8">
      <c r="H185631" s="12"/>
    </row>
    <row r="185632" spans="8:8">
      <c r="H185632" s="12"/>
    </row>
    <row r="185633" spans="8:8">
      <c r="H185633" s="12"/>
    </row>
    <row r="185634" spans="8:8">
      <c r="H185634" s="12"/>
    </row>
    <row r="185635" spans="8:8">
      <c r="H185635" s="12"/>
    </row>
    <row r="185636" spans="8:8">
      <c r="H185636" s="12"/>
    </row>
    <row r="185637" spans="8:8">
      <c r="H185637" s="12"/>
    </row>
    <row r="185638" spans="8:8">
      <c r="H185638" s="12"/>
    </row>
    <row r="185639" spans="8:8">
      <c r="H185639" s="12"/>
    </row>
    <row r="185640" spans="8:8">
      <c r="H185640" s="12"/>
    </row>
    <row r="185641" spans="8:8">
      <c r="H185641" s="12"/>
    </row>
    <row r="185642" spans="8:8">
      <c r="H185642" s="12"/>
    </row>
    <row r="185643" spans="8:8">
      <c r="H185643" s="12"/>
    </row>
    <row r="185644" spans="8:8">
      <c r="H185644" s="12"/>
    </row>
    <row r="185645" spans="8:8">
      <c r="H185645" s="12"/>
    </row>
    <row r="185646" spans="8:8">
      <c r="H185646" s="12"/>
    </row>
    <row r="185647" spans="8:8">
      <c r="H185647" s="12"/>
    </row>
    <row r="185648" spans="8:8">
      <c r="H185648" s="12"/>
    </row>
    <row r="185649" spans="8:8">
      <c r="H185649" s="12"/>
    </row>
    <row r="185650" spans="8:8">
      <c r="H185650" s="12"/>
    </row>
    <row r="185651" spans="8:8">
      <c r="H185651" s="12"/>
    </row>
    <row r="185652" spans="8:8">
      <c r="H185652" s="12"/>
    </row>
    <row r="185653" spans="8:8">
      <c r="H185653" s="12"/>
    </row>
    <row r="185654" spans="8:8">
      <c r="H185654" s="12"/>
    </row>
    <row r="185655" spans="8:8">
      <c r="H185655" s="12"/>
    </row>
    <row r="185656" spans="8:8">
      <c r="H185656" s="12"/>
    </row>
    <row r="185657" spans="8:8">
      <c r="H185657" s="12"/>
    </row>
    <row r="185658" spans="8:8">
      <c r="H185658" s="12"/>
    </row>
    <row r="185659" spans="8:8">
      <c r="H185659" s="12"/>
    </row>
    <row r="185660" spans="8:8">
      <c r="H185660" s="12"/>
    </row>
    <row r="185661" spans="8:8">
      <c r="H185661" s="12"/>
    </row>
    <row r="185662" spans="8:8">
      <c r="H185662" s="12"/>
    </row>
    <row r="185663" spans="8:8">
      <c r="H185663" s="12"/>
    </row>
    <row r="185664" spans="8:8">
      <c r="H185664" s="12"/>
    </row>
    <row r="185665" spans="8:8">
      <c r="H185665" s="12"/>
    </row>
    <row r="185666" spans="8:8">
      <c r="H185666" s="12"/>
    </row>
    <row r="185667" spans="8:8">
      <c r="H185667" s="12"/>
    </row>
    <row r="185668" spans="8:8">
      <c r="H185668" s="12"/>
    </row>
    <row r="185669" spans="8:8">
      <c r="H185669" s="12"/>
    </row>
    <row r="185670" spans="8:8">
      <c r="H185670" s="12"/>
    </row>
    <row r="185671" spans="8:8">
      <c r="H185671" s="12"/>
    </row>
    <row r="185672" spans="8:8">
      <c r="H185672" s="12"/>
    </row>
    <row r="185673" spans="8:8">
      <c r="H185673" s="12"/>
    </row>
    <row r="185674" spans="8:8">
      <c r="H185674" s="12"/>
    </row>
    <row r="185675" spans="8:8">
      <c r="H185675" s="12"/>
    </row>
    <row r="185676" spans="8:8">
      <c r="H185676" s="12"/>
    </row>
    <row r="185677" spans="8:8">
      <c r="H185677" s="12"/>
    </row>
    <row r="185678" spans="8:8">
      <c r="H185678" s="12"/>
    </row>
    <row r="185679" spans="8:8">
      <c r="H185679" s="12"/>
    </row>
    <row r="185680" spans="8:8">
      <c r="H185680" s="12"/>
    </row>
    <row r="185681" spans="8:8">
      <c r="H185681" s="12"/>
    </row>
    <row r="185682" spans="8:8">
      <c r="H185682" s="12"/>
    </row>
    <row r="185683" spans="8:8">
      <c r="H185683" s="12"/>
    </row>
    <row r="185684" spans="8:8">
      <c r="H185684" s="12"/>
    </row>
    <row r="185685" spans="8:8">
      <c r="H185685" s="12"/>
    </row>
    <row r="185686" spans="8:8">
      <c r="H185686" s="12"/>
    </row>
    <row r="185687" spans="8:8">
      <c r="H185687" s="12"/>
    </row>
    <row r="185688" spans="8:8">
      <c r="H185688" s="12"/>
    </row>
    <row r="185689" spans="8:8">
      <c r="H185689" s="12"/>
    </row>
    <row r="185690" spans="8:8">
      <c r="H185690" s="12"/>
    </row>
    <row r="185691" spans="8:8">
      <c r="H185691" s="12"/>
    </row>
    <row r="185692" spans="8:8">
      <c r="H185692" s="12"/>
    </row>
    <row r="185693" spans="8:8">
      <c r="H185693" s="12"/>
    </row>
    <row r="185694" spans="8:8">
      <c r="H185694" s="12"/>
    </row>
    <row r="185695" spans="8:8">
      <c r="H185695" s="12"/>
    </row>
    <row r="185696" spans="8:8">
      <c r="H185696" s="12"/>
    </row>
    <row r="185697" spans="8:8">
      <c r="H185697" s="12"/>
    </row>
    <row r="185698" spans="8:8">
      <c r="H185698" s="12"/>
    </row>
    <row r="185699" spans="8:8">
      <c r="H185699" s="12"/>
    </row>
    <row r="185700" spans="8:8">
      <c r="H185700" s="12"/>
    </row>
    <row r="185701" spans="8:8">
      <c r="H185701" s="12"/>
    </row>
    <row r="185702" spans="8:8">
      <c r="H185702" s="12"/>
    </row>
    <row r="185703" spans="8:8">
      <c r="H185703" s="12"/>
    </row>
    <row r="185704" spans="8:8">
      <c r="H185704" s="12"/>
    </row>
    <row r="185705" spans="8:8">
      <c r="H185705" s="12"/>
    </row>
    <row r="185706" spans="8:8">
      <c r="H185706" s="12"/>
    </row>
    <row r="185707" spans="8:8">
      <c r="H185707" s="12"/>
    </row>
    <row r="185708" spans="8:8">
      <c r="H185708" s="12"/>
    </row>
    <row r="185709" spans="8:8">
      <c r="H185709" s="12"/>
    </row>
    <row r="185710" spans="8:8">
      <c r="H185710" s="12"/>
    </row>
    <row r="185711" spans="8:8">
      <c r="H185711" s="12"/>
    </row>
    <row r="185712" spans="8:8">
      <c r="H185712" s="12"/>
    </row>
    <row r="185713" spans="8:8">
      <c r="H185713" s="12"/>
    </row>
    <row r="185714" spans="8:8">
      <c r="H185714" s="12"/>
    </row>
    <row r="185715" spans="8:8">
      <c r="H185715" s="12"/>
    </row>
    <row r="185716" spans="8:8">
      <c r="H185716" s="12"/>
    </row>
    <row r="185717" spans="8:8">
      <c r="H185717" s="12"/>
    </row>
    <row r="185718" spans="8:8">
      <c r="H185718" s="12"/>
    </row>
    <row r="185719" spans="8:8">
      <c r="H185719" s="12"/>
    </row>
    <row r="185720" spans="8:8">
      <c r="H185720" s="12"/>
    </row>
    <row r="185721" spans="8:8">
      <c r="H185721" s="12"/>
    </row>
    <row r="185722" spans="8:8">
      <c r="H185722" s="12"/>
    </row>
    <row r="185723" spans="8:8">
      <c r="H185723" s="12"/>
    </row>
    <row r="185724" spans="8:8">
      <c r="H185724" s="12"/>
    </row>
    <row r="185725" spans="8:8">
      <c r="H185725" s="12"/>
    </row>
    <row r="185726" spans="8:8">
      <c r="H185726" s="12"/>
    </row>
    <row r="185727" spans="8:8">
      <c r="H185727" s="12"/>
    </row>
    <row r="185728" spans="8:8">
      <c r="H185728" s="12"/>
    </row>
    <row r="185729" spans="8:8">
      <c r="H185729" s="12"/>
    </row>
    <row r="185730" spans="8:8">
      <c r="H185730" s="12"/>
    </row>
    <row r="185731" spans="8:8">
      <c r="H185731" s="12"/>
    </row>
    <row r="185732" spans="8:8">
      <c r="H185732" s="12"/>
    </row>
    <row r="185733" spans="8:8">
      <c r="H185733" s="12"/>
    </row>
    <row r="185734" spans="8:8">
      <c r="H185734" s="12"/>
    </row>
    <row r="185735" spans="8:8">
      <c r="H185735" s="12"/>
    </row>
    <row r="185736" spans="8:8">
      <c r="H185736" s="12"/>
    </row>
    <row r="185737" spans="8:8">
      <c r="H185737" s="12"/>
    </row>
    <row r="185738" spans="8:8">
      <c r="H185738" s="12"/>
    </row>
    <row r="185739" spans="8:8">
      <c r="H185739" s="12"/>
    </row>
    <row r="185740" spans="8:8">
      <c r="H185740" s="12"/>
    </row>
    <row r="185741" spans="8:8">
      <c r="H185741" s="12"/>
    </row>
    <row r="185742" spans="8:8">
      <c r="H185742" s="12"/>
    </row>
    <row r="185743" spans="8:8">
      <c r="H185743" s="12"/>
    </row>
    <row r="185744" spans="8:8">
      <c r="H185744" s="12"/>
    </row>
    <row r="185745" spans="8:8">
      <c r="H185745" s="12"/>
    </row>
    <row r="185746" spans="8:8">
      <c r="H185746" s="12"/>
    </row>
    <row r="185747" spans="8:8">
      <c r="H185747" s="12"/>
    </row>
    <row r="185748" spans="8:8">
      <c r="H185748" s="12"/>
    </row>
    <row r="185749" spans="8:8">
      <c r="H185749" s="12"/>
    </row>
    <row r="185750" spans="8:8">
      <c r="H185750" s="12"/>
    </row>
    <row r="185751" spans="8:8">
      <c r="H185751" s="12"/>
    </row>
    <row r="185752" spans="8:8">
      <c r="H185752" s="12"/>
    </row>
    <row r="185753" spans="8:8">
      <c r="H185753" s="12"/>
    </row>
    <row r="185754" spans="8:8">
      <c r="H185754" s="12"/>
    </row>
    <row r="185755" spans="8:8">
      <c r="H185755" s="12"/>
    </row>
    <row r="185756" spans="8:8">
      <c r="H185756" s="12"/>
    </row>
    <row r="185757" spans="8:8">
      <c r="H185757" s="12"/>
    </row>
    <row r="185758" spans="8:8">
      <c r="H185758" s="12"/>
    </row>
    <row r="185759" spans="8:8">
      <c r="H185759" s="12"/>
    </row>
    <row r="185760" spans="8:8">
      <c r="H185760" s="12"/>
    </row>
    <row r="185761" spans="8:8">
      <c r="H185761" s="12"/>
    </row>
    <row r="185762" spans="8:8">
      <c r="H185762" s="12"/>
    </row>
    <row r="185763" spans="8:8">
      <c r="H185763" s="12"/>
    </row>
    <row r="185764" spans="8:8">
      <c r="H185764" s="12"/>
    </row>
    <row r="185765" spans="8:8">
      <c r="H185765" s="12"/>
    </row>
    <row r="185766" spans="8:8">
      <c r="H185766" s="12"/>
    </row>
    <row r="185767" spans="8:8">
      <c r="H185767" s="12"/>
    </row>
    <row r="185768" spans="8:8">
      <c r="H185768" s="12"/>
    </row>
    <row r="185769" spans="8:8">
      <c r="H185769" s="12"/>
    </row>
    <row r="185770" spans="8:8">
      <c r="H185770" s="12"/>
    </row>
    <row r="185771" spans="8:8">
      <c r="H185771" s="12"/>
    </row>
    <row r="185772" spans="8:8">
      <c r="H185772" s="12"/>
    </row>
    <row r="185773" spans="8:8">
      <c r="H185773" s="12"/>
    </row>
    <row r="185774" spans="8:8">
      <c r="H185774" s="12"/>
    </row>
    <row r="185775" spans="8:8">
      <c r="H185775" s="12"/>
    </row>
    <row r="185776" spans="8:8">
      <c r="H185776" s="12"/>
    </row>
    <row r="185777" spans="8:8">
      <c r="H185777" s="12"/>
    </row>
    <row r="185778" spans="8:8">
      <c r="H185778" s="12"/>
    </row>
    <row r="185779" spans="8:8">
      <c r="H185779" s="12"/>
    </row>
    <row r="185780" spans="8:8">
      <c r="H185780" s="12"/>
    </row>
    <row r="185781" spans="8:8">
      <c r="H185781" s="12"/>
    </row>
    <row r="185782" spans="8:8">
      <c r="H185782" s="12"/>
    </row>
    <row r="185783" spans="8:8">
      <c r="H185783" s="12"/>
    </row>
    <row r="185784" spans="8:8">
      <c r="H185784" s="12"/>
    </row>
    <row r="185785" spans="8:8">
      <c r="H185785" s="12"/>
    </row>
    <row r="185786" spans="8:8">
      <c r="H185786" s="12"/>
    </row>
    <row r="185787" spans="8:8">
      <c r="H185787" s="12"/>
    </row>
    <row r="185788" spans="8:8">
      <c r="H185788" s="12"/>
    </row>
    <row r="185789" spans="8:8">
      <c r="H185789" s="12"/>
    </row>
    <row r="185790" spans="8:8">
      <c r="H185790" s="12"/>
    </row>
    <row r="185791" spans="8:8">
      <c r="H185791" s="12"/>
    </row>
    <row r="185792" spans="8:8">
      <c r="H185792" s="12"/>
    </row>
    <row r="185793" spans="8:8">
      <c r="H185793" s="12"/>
    </row>
    <row r="185794" spans="8:8">
      <c r="H185794" s="12"/>
    </row>
    <row r="185795" spans="8:8">
      <c r="H185795" s="12"/>
    </row>
    <row r="185796" spans="8:8">
      <c r="H185796" s="12"/>
    </row>
    <row r="185797" spans="8:8">
      <c r="H185797" s="12"/>
    </row>
    <row r="185798" spans="8:8">
      <c r="H185798" s="12"/>
    </row>
    <row r="185799" spans="8:8">
      <c r="H185799" s="12"/>
    </row>
    <row r="185800" spans="8:8">
      <c r="H185800" s="12"/>
    </row>
    <row r="185801" spans="8:8">
      <c r="H185801" s="12"/>
    </row>
    <row r="185802" spans="8:8">
      <c r="H185802" s="12"/>
    </row>
    <row r="185803" spans="8:8">
      <c r="H185803" s="12"/>
    </row>
    <row r="185804" spans="8:8">
      <c r="H185804" s="12"/>
    </row>
    <row r="185805" spans="8:8">
      <c r="H185805" s="12"/>
    </row>
    <row r="185806" spans="8:8">
      <c r="H185806" s="12"/>
    </row>
    <row r="185807" spans="8:8">
      <c r="H185807" s="12"/>
    </row>
    <row r="185808" spans="8:8">
      <c r="H185808" s="12"/>
    </row>
    <row r="185809" spans="8:8">
      <c r="H185809" s="12"/>
    </row>
    <row r="185810" spans="8:8">
      <c r="H185810" s="12"/>
    </row>
    <row r="185811" spans="8:8">
      <c r="H185811" s="12"/>
    </row>
    <row r="185812" spans="8:8">
      <c r="H185812" s="12"/>
    </row>
    <row r="185813" spans="8:8">
      <c r="H185813" s="12"/>
    </row>
    <row r="185814" spans="8:8">
      <c r="H185814" s="12"/>
    </row>
    <row r="185815" spans="8:8">
      <c r="H185815" s="12"/>
    </row>
    <row r="185816" spans="8:8">
      <c r="H185816" s="12"/>
    </row>
    <row r="185817" spans="8:8">
      <c r="H185817" s="12"/>
    </row>
    <row r="185818" spans="8:8">
      <c r="H185818" s="12"/>
    </row>
    <row r="185819" spans="8:8">
      <c r="H185819" s="12"/>
    </row>
    <row r="185820" spans="8:8">
      <c r="H185820" s="12"/>
    </row>
    <row r="185821" spans="8:8">
      <c r="H185821" s="12"/>
    </row>
    <row r="185822" spans="8:8">
      <c r="H185822" s="12"/>
    </row>
    <row r="185823" spans="8:8">
      <c r="H185823" s="12"/>
    </row>
    <row r="185824" spans="8:8">
      <c r="H185824" s="12"/>
    </row>
    <row r="185825" spans="8:8">
      <c r="H185825" s="12"/>
    </row>
    <row r="185826" spans="8:8">
      <c r="H185826" s="12"/>
    </row>
    <row r="185827" spans="8:8">
      <c r="H185827" s="12"/>
    </row>
    <row r="185828" spans="8:8">
      <c r="H185828" s="12"/>
    </row>
    <row r="185829" spans="8:8">
      <c r="H185829" s="12"/>
    </row>
    <row r="185830" spans="8:8">
      <c r="H185830" s="12"/>
    </row>
    <row r="185831" spans="8:8">
      <c r="H185831" s="12"/>
    </row>
    <row r="185832" spans="8:8">
      <c r="H185832" s="12"/>
    </row>
    <row r="185833" spans="8:8">
      <c r="H185833" s="12"/>
    </row>
    <row r="185834" spans="8:8">
      <c r="H185834" s="12"/>
    </row>
    <row r="185835" spans="8:8">
      <c r="H185835" s="12"/>
    </row>
    <row r="185836" spans="8:8">
      <c r="H185836" s="12"/>
    </row>
    <row r="185837" spans="8:8">
      <c r="H185837" s="12"/>
    </row>
    <row r="185838" spans="8:8">
      <c r="H185838" s="12"/>
    </row>
    <row r="185839" spans="8:8">
      <c r="H185839" s="12"/>
    </row>
    <row r="185840" spans="8:8">
      <c r="H185840" s="12"/>
    </row>
    <row r="185841" spans="8:8">
      <c r="H185841" s="12"/>
    </row>
    <row r="185842" spans="8:8">
      <c r="H185842" s="12"/>
    </row>
    <row r="185843" spans="8:8">
      <c r="H185843" s="12"/>
    </row>
    <row r="185844" spans="8:8">
      <c r="H185844" s="12"/>
    </row>
    <row r="185845" spans="8:8">
      <c r="H185845" s="12"/>
    </row>
    <row r="185846" spans="8:8">
      <c r="H185846" s="12"/>
    </row>
    <row r="185847" spans="8:8">
      <c r="H185847" s="12"/>
    </row>
    <row r="185848" spans="8:8">
      <c r="H185848" s="12"/>
    </row>
    <row r="185849" spans="8:8">
      <c r="H185849" s="12"/>
    </row>
    <row r="185850" spans="8:8">
      <c r="H185850" s="12"/>
    </row>
    <row r="185851" spans="8:8">
      <c r="H185851" s="12"/>
    </row>
    <row r="185852" spans="8:8">
      <c r="H185852" s="12"/>
    </row>
    <row r="185853" spans="8:8">
      <c r="H185853" s="12"/>
    </row>
    <row r="185854" spans="8:8">
      <c r="H185854" s="12"/>
    </row>
    <row r="185855" spans="8:8">
      <c r="H185855" s="12"/>
    </row>
    <row r="185856" spans="8:8">
      <c r="H185856" s="12"/>
    </row>
    <row r="185857" spans="8:8">
      <c r="H185857" s="12"/>
    </row>
    <row r="185858" spans="8:8">
      <c r="H185858" s="12"/>
    </row>
    <row r="185859" spans="8:8">
      <c r="H185859" s="12"/>
    </row>
    <row r="185860" spans="8:8">
      <c r="H185860" s="12"/>
    </row>
    <row r="185861" spans="8:8">
      <c r="H185861" s="12"/>
    </row>
    <row r="185862" spans="8:8">
      <c r="H185862" s="12"/>
    </row>
    <row r="185863" spans="8:8">
      <c r="H185863" s="12"/>
    </row>
    <row r="185864" spans="8:8">
      <c r="H185864" s="12"/>
    </row>
    <row r="185865" spans="8:8">
      <c r="H185865" s="12"/>
    </row>
    <row r="185866" spans="8:8">
      <c r="H185866" s="12"/>
    </row>
    <row r="185867" spans="8:8">
      <c r="H185867" s="12"/>
    </row>
    <row r="185868" spans="8:8">
      <c r="H185868" s="12"/>
    </row>
    <row r="185869" spans="8:8">
      <c r="H185869" s="12"/>
    </row>
    <row r="185870" spans="8:8">
      <c r="H185870" s="12"/>
    </row>
    <row r="185871" spans="8:8">
      <c r="H185871" s="12"/>
    </row>
    <row r="185872" spans="8:8">
      <c r="H185872" s="12"/>
    </row>
    <row r="185873" spans="8:8">
      <c r="H185873" s="12"/>
    </row>
    <row r="185874" spans="8:8">
      <c r="H185874" s="12"/>
    </row>
    <row r="185875" spans="8:8">
      <c r="H185875" s="12"/>
    </row>
    <row r="185876" spans="8:8">
      <c r="H185876" s="12"/>
    </row>
    <row r="185877" spans="8:8">
      <c r="H185877" s="12"/>
    </row>
    <row r="185878" spans="8:8">
      <c r="H185878" s="12"/>
    </row>
    <row r="185879" spans="8:8">
      <c r="H185879" s="12"/>
    </row>
    <row r="185880" spans="8:8">
      <c r="H185880" s="12"/>
    </row>
    <row r="185881" spans="8:8">
      <c r="H185881" s="12"/>
    </row>
    <row r="185882" spans="8:8">
      <c r="H185882" s="12"/>
    </row>
    <row r="185883" spans="8:8">
      <c r="H185883" s="12"/>
    </row>
    <row r="185884" spans="8:8">
      <c r="H185884" s="12"/>
    </row>
    <row r="185885" spans="8:8">
      <c r="H185885" s="12"/>
    </row>
    <row r="185886" spans="8:8">
      <c r="H185886" s="12"/>
    </row>
    <row r="185887" spans="8:8">
      <c r="H185887" s="12"/>
    </row>
    <row r="185888" spans="8:8">
      <c r="H185888" s="12"/>
    </row>
    <row r="185889" spans="8:8">
      <c r="H185889" s="12"/>
    </row>
    <row r="185890" spans="8:8">
      <c r="H185890" s="12"/>
    </row>
    <row r="185891" spans="8:8">
      <c r="H185891" s="12"/>
    </row>
    <row r="185892" spans="8:8">
      <c r="H185892" s="12"/>
    </row>
    <row r="185893" spans="8:8">
      <c r="H185893" s="12"/>
    </row>
    <row r="185894" spans="8:8">
      <c r="H185894" s="12"/>
    </row>
    <row r="185895" spans="8:8">
      <c r="H185895" s="12"/>
    </row>
    <row r="185896" spans="8:8">
      <c r="H185896" s="12"/>
    </row>
    <row r="185897" spans="8:8">
      <c r="H185897" s="12"/>
    </row>
    <row r="185898" spans="8:8">
      <c r="H185898" s="12"/>
    </row>
    <row r="185899" spans="8:8">
      <c r="H185899" s="12"/>
    </row>
    <row r="185900" spans="8:8">
      <c r="H185900" s="12"/>
    </row>
    <row r="185901" spans="8:8">
      <c r="H185901" s="12"/>
    </row>
    <row r="185902" spans="8:8">
      <c r="H185902" s="12"/>
    </row>
    <row r="185903" spans="8:8">
      <c r="H185903" s="12"/>
    </row>
    <row r="185904" spans="8:8">
      <c r="H185904" s="12"/>
    </row>
    <row r="185905" spans="8:8">
      <c r="H185905" s="12"/>
    </row>
    <row r="185906" spans="8:8">
      <c r="H185906" s="12"/>
    </row>
    <row r="185907" spans="8:8">
      <c r="H185907" s="12"/>
    </row>
    <row r="185908" spans="8:8">
      <c r="H185908" s="12"/>
    </row>
    <row r="185909" spans="8:8">
      <c r="H185909" s="12"/>
    </row>
    <row r="185910" spans="8:8">
      <c r="H185910" s="12"/>
    </row>
    <row r="185911" spans="8:8">
      <c r="H185911" s="12"/>
    </row>
    <row r="185912" spans="8:8">
      <c r="H185912" s="12"/>
    </row>
    <row r="185913" spans="8:8">
      <c r="H185913" s="12"/>
    </row>
    <row r="185914" spans="8:8">
      <c r="H185914" s="12"/>
    </row>
    <row r="185915" spans="8:8">
      <c r="H185915" s="12"/>
    </row>
    <row r="185916" spans="8:8">
      <c r="H185916" s="12"/>
    </row>
    <row r="185917" spans="8:8">
      <c r="H185917" s="12"/>
    </row>
    <row r="185918" spans="8:8">
      <c r="H185918" s="12"/>
    </row>
    <row r="185919" spans="8:8">
      <c r="H185919" s="12"/>
    </row>
    <row r="185920" spans="8:8">
      <c r="H185920" s="12"/>
    </row>
    <row r="185921" spans="8:8">
      <c r="H185921" s="12"/>
    </row>
    <row r="185922" spans="8:8">
      <c r="H185922" s="12"/>
    </row>
    <row r="185923" spans="8:8">
      <c r="H185923" s="12"/>
    </row>
    <row r="185924" spans="8:8">
      <c r="H185924" s="12"/>
    </row>
    <row r="185925" spans="8:8">
      <c r="H185925" s="12"/>
    </row>
    <row r="185926" spans="8:8">
      <c r="H185926" s="12"/>
    </row>
    <row r="185927" spans="8:8">
      <c r="H185927" s="12"/>
    </row>
    <row r="185928" spans="8:8">
      <c r="H185928" s="12"/>
    </row>
    <row r="185929" spans="8:8">
      <c r="H185929" s="12"/>
    </row>
    <row r="185930" spans="8:8">
      <c r="H185930" s="12"/>
    </row>
    <row r="185931" spans="8:8">
      <c r="H185931" s="12"/>
    </row>
    <row r="185932" spans="8:8">
      <c r="H185932" s="12"/>
    </row>
    <row r="185933" spans="8:8">
      <c r="H185933" s="12"/>
    </row>
    <row r="185934" spans="8:8">
      <c r="H185934" s="12"/>
    </row>
    <row r="185935" spans="8:8">
      <c r="H185935" s="12"/>
    </row>
    <row r="185936" spans="8:8">
      <c r="H185936" s="12"/>
    </row>
    <row r="185937" spans="8:8">
      <c r="H185937" s="12"/>
    </row>
    <row r="185938" spans="8:8">
      <c r="H185938" s="12"/>
    </row>
    <row r="185939" spans="8:8">
      <c r="H185939" s="12"/>
    </row>
    <row r="185940" spans="8:8">
      <c r="H185940" s="12"/>
    </row>
    <row r="185941" spans="8:8">
      <c r="H185941" s="12"/>
    </row>
    <row r="185942" spans="8:8">
      <c r="H185942" s="12"/>
    </row>
    <row r="185943" spans="8:8">
      <c r="H185943" s="12"/>
    </row>
    <row r="185944" spans="8:8">
      <c r="H185944" s="12"/>
    </row>
    <row r="185945" spans="8:8">
      <c r="H185945" s="12"/>
    </row>
    <row r="185946" spans="8:8">
      <c r="H185946" s="12"/>
    </row>
    <row r="185947" spans="8:8">
      <c r="H185947" s="12"/>
    </row>
    <row r="185948" spans="8:8">
      <c r="H185948" s="12"/>
    </row>
    <row r="185949" spans="8:8">
      <c r="H185949" s="12"/>
    </row>
    <row r="185950" spans="8:8">
      <c r="H185950" s="12"/>
    </row>
    <row r="185951" spans="8:8">
      <c r="H185951" s="12"/>
    </row>
    <row r="185952" spans="8:8">
      <c r="H185952" s="12"/>
    </row>
    <row r="185953" spans="8:8">
      <c r="H185953" s="12"/>
    </row>
    <row r="185954" spans="8:8">
      <c r="H185954" s="12"/>
    </row>
    <row r="185955" spans="8:8">
      <c r="H185955" s="12"/>
    </row>
    <row r="185956" spans="8:8">
      <c r="H185956" s="12"/>
    </row>
    <row r="185957" spans="8:8">
      <c r="H185957" s="12"/>
    </row>
    <row r="185958" spans="8:8">
      <c r="H185958" s="12"/>
    </row>
    <row r="185959" spans="8:8">
      <c r="H185959" s="12"/>
    </row>
    <row r="185960" spans="8:8">
      <c r="H185960" s="12"/>
    </row>
    <row r="185961" spans="8:8">
      <c r="H185961" s="12"/>
    </row>
    <row r="185962" spans="8:8">
      <c r="H185962" s="12"/>
    </row>
    <row r="185963" spans="8:8">
      <c r="H185963" s="12"/>
    </row>
    <row r="185964" spans="8:8">
      <c r="H185964" s="12"/>
    </row>
    <row r="185965" spans="8:8">
      <c r="H185965" s="12"/>
    </row>
    <row r="185966" spans="8:8">
      <c r="H185966" s="12"/>
    </row>
    <row r="185967" spans="8:8">
      <c r="H185967" s="12"/>
    </row>
    <row r="185968" spans="8:8">
      <c r="H185968" s="12"/>
    </row>
    <row r="185969" spans="8:8">
      <c r="H185969" s="12"/>
    </row>
    <row r="185970" spans="8:8">
      <c r="H185970" s="12"/>
    </row>
    <row r="185971" spans="8:8">
      <c r="H185971" s="12"/>
    </row>
    <row r="185972" spans="8:8">
      <c r="H185972" s="12"/>
    </row>
    <row r="185973" spans="8:8">
      <c r="H185973" s="12"/>
    </row>
    <row r="185974" spans="8:8">
      <c r="H185974" s="12"/>
    </row>
    <row r="185975" spans="8:8">
      <c r="H185975" s="12"/>
    </row>
    <row r="185976" spans="8:8">
      <c r="H185976" s="12"/>
    </row>
    <row r="185977" spans="8:8">
      <c r="H185977" s="12"/>
    </row>
    <row r="185978" spans="8:8">
      <c r="H185978" s="12"/>
    </row>
    <row r="185979" spans="8:8">
      <c r="H185979" s="12"/>
    </row>
    <row r="185980" spans="8:8">
      <c r="H185980" s="12"/>
    </row>
    <row r="185981" spans="8:8">
      <c r="H185981" s="12"/>
    </row>
    <row r="185982" spans="8:8">
      <c r="H185982" s="12"/>
    </row>
    <row r="185983" spans="8:8">
      <c r="H185983" s="12"/>
    </row>
    <row r="185984" spans="8:8">
      <c r="H185984" s="12"/>
    </row>
    <row r="185985" spans="8:8">
      <c r="H185985" s="12"/>
    </row>
    <row r="185986" spans="8:8">
      <c r="H185986" s="12"/>
    </row>
    <row r="185987" spans="8:8">
      <c r="H185987" s="12"/>
    </row>
    <row r="185988" spans="8:8">
      <c r="H185988" s="12"/>
    </row>
    <row r="185989" spans="8:8">
      <c r="H185989" s="12"/>
    </row>
    <row r="185990" spans="8:8">
      <c r="H185990" s="12"/>
    </row>
    <row r="185991" spans="8:8">
      <c r="H185991" s="12"/>
    </row>
    <row r="185992" spans="8:8">
      <c r="H185992" s="12"/>
    </row>
    <row r="185993" spans="8:8">
      <c r="H185993" s="12"/>
    </row>
    <row r="185994" spans="8:8">
      <c r="H185994" s="12"/>
    </row>
    <row r="185995" spans="8:8">
      <c r="H185995" s="12"/>
    </row>
    <row r="185996" spans="8:8">
      <c r="H185996" s="12"/>
    </row>
    <row r="185997" spans="8:8">
      <c r="H185997" s="12"/>
    </row>
    <row r="185998" spans="8:8">
      <c r="H185998" s="12"/>
    </row>
    <row r="185999" spans="8:8">
      <c r="H185999" s="12"/>
    </row>
    <row r="186000" spans="8:8">
      <c r="H186000" s="12"/>
    </row>
    <row r="186001" spans="8:8">
      <c r="H186001" s="12"/>
    </row>
    <row r="186002" spans="8:8">
      <c r="H186002" s="12"/>
    </row>
    <row r="186003" spans="8:8">
      <c r="H186003" s="12"/>
    </row>
    <row r="186004" spans="8:8">
      <c r="H186004" s="12"/>
    </row>
    <row r="186005" spans="8:8">
      <c r="H186005" s="12"/>
    </row>
    <row r="186006" spans="8:8">
      <c r="H186006" s="12"/>
    </row>
    <row r="186007" spans="8:8">
      <c r="H186007" s="12"/>
    </row>
    <row r="186008" spans="8:8">
      <c r="H186008" s="12"/>
    </row>
    <row r="186009" spans="8:8">
      <c r="H186009" s="12"/>
    </row>
    <row r="186010" spans="8:8">
      <c r="H186010" s="12"/>
    </row>
    <row r="186011" spans="8:8">
      <c r="H186011" s="12"/>
    </row>
    <row r="186012" spans="8:8">
      <c r="H186012" s="12"/>
    </row>
    <row r="186013" spans="8:8">
      <c r="H186013" s="12"/>
    </row>
    <row r="186014" spans="8:8">
      <c r="H186014" s="12"/>
    </row>
    <row r="186015" spans="8:8">
      <c r="H186015" s="12"/>
    </row>
    <row r="186016" spans="8:8">
      <c r="H186016" s="12"/>
    </row>
    <row r="186017" spans="8:8">
      <c r="H186017" s="12"/>
    </row>
    <row r="186018" spans="8:8">
      <c r="H186018" s="12"/>
    </row>
    <row r="186019" spans="8:8">
      <c r="H186019" s="12"/>
    </row>
    <row r="186020" spans="8:8">
      <c r="H186020" s="12"/>
    </row>
    <row r="186021" spans="8:8">
      <c r="H186021" s="12"/>
    </row>
    <row r="186022" spans="8:8">
      <c r="H186022" s="12"/>
    </row>
    <row r="186023" spans="8:8">
      <c r="H186023" s="12"/>
    </row>
    <row r="186024" spans="8:8">
      <c r="H186024" s="12"/>
    </row>
    <row r="186025" spans="8:8">
      <c r="H186025" s="12"/>
    </row>
    <row r="186026" spans="8:8">
      <c r="H186026" s="12"/>
    </row>
    <row r="186027" spans="8:8">
      <c r="H186027" s="12"/>
    </row>
    <row r="186028" spans="8:8">
      <c r="H186028" s="12"/>
    </row>
    <row r="186029" spans="8:8">
      <c r="H186029" s="12"/>
    </row>
    <row r="186030" spans="8:8">
      <c r="H186030" s="12"/>
    </row>
    <row r="186031" spans="8:8">
      <c r="H186031" s="12"/>
    </row>
    <row r="186032" spans="8:8">
      <c r="H186032" s="12"/>
    </row>
    <row r="186033" spans="8:8">
      <c r="H186033" s="12"/>
    </row>
    <row r="186034" spans="8:8">
      <c r="H186034" s="12"/>
    </row>
    <row r="186035" spans="8:8">
      <c r="H186035" s="12"/>
    </row>
    <row r="186036" spans="8:8">
      <c r="H186036" s="12"/>
    </row>
    <row r="186037" spans="8:8">
      <c r="H186037" s="12"/>
    </row>
    <row r="186038" spans="8:8">
      <c r="H186038" s="12"/>
    </row>
    <row r="186039" spans="8:8">
      <c r="H186039" s="12"/>
    </row>
    <row r="186040" spans="8:8">
      <c r="H186040" s="12"/>
    </row>
    <row r="186041" spans="8:8">
      <c r="H186041" s="12"/>
    </row>
    <row r="186042" spans="8:8">
      <c r="H186042" s="12"/>
    </row>
    <row r="186043" spans="8:8">
      <c r="H186043" s="12"/>
    </row>
    <row r="186044" spans="8:8">
      <c r="H186044" s="12"/>
    </row>
    <row r="186045" spans="8:8">
      <c r="H186045" s="12"/>
    </row>
    <row r="186046" spans="8:8">
      <c r="H186046" s="12"/>
    </row>
    <row r="186047" spans="8:8">
      <c r="H186047" s="12"/>
    </row>
    <row r="186048" spans="8:8">
      <c r="H186048" s="12"/>
    </row>
    <row r="186049" spans="8:8">
      <c r="H186049" s="12"/>
    </row>
    <row r="186050" spans="8:8">
      <c r="H186050" s="12"/>
    </row>
    <row r="186051" spans="8:8">
      <c r="H186051" s="12"/>
    </row>
    <row r="186052" spans="8:8">
      <c r="H186052" s="12"/>
    </row>
    <row r="186053" spans="8:8">
      <c r="H186053" s="12"/>
    </row>
    <row r="186054" spans="8:8">
      <c r="H186054" s="12"/>
    </row>
    <row r="186055" spans="8:8">
      <c r="H186055" s="12"/>
    </row>
    <row r="186056" spans="8:8">
      <c r="H186056" s="12"/>
    </row>
    <row r="186057" spans="8:8">
      <c r="H186057" s="12"/>
    </row>
    <row r="186058" spans="8:8">
      <c r="H186058" s="12"/>
    </row>
    <row r="186059" spans="8:8">
      <c r="H186059" s="12"/>
    </row>
    <row r="186060" spans="8:8">
      <c r="H186060" s="12"/>
    </row>
    <row r="186061" spans="8:8">
      <c r="H186061" s="12"/>
    </row>
    <row r="186062" spans="8:8">
      <c r="H186062" s="12"/>
    </row>
    <row r="186063" spans="8:8">
      <c r="H186063" s="12"/>
    </row>
    <row r="186064" spans="8:8">
      <c r="H186064" s="12"/>
    </row>
    <row r="186065" spans="8:8">
      <c r="H186065" s="12"/>
    </row>
    <row r="186066" spans="8:8">
      <c r="H186066" s="12"/>
    </row>
    <row r="186067" spans="8:8">
      <c r="H186067" s="12"/>
    </row>
    <row r="186068" spans="8:8">
      <c r="H186068" s="12"/>
    </row>
    <row r="186069" spans="8:8">
      <c r="H186069" s="12"/>
    </row>
    <row r="186070" spans="8:8">
      <c r="H186070" s="12"/>
    </row>
    <row r="186071" spans="8:8">
      <c r="H186071" s="12"/>
    </row>
    <row r="186072" spans="8:8">
      <c r="H186072" s="12"/>
    </row>
    <row r="186073" spans="8:8">
      <c r="H186073" s="12"/>
    </row>
    <row r="186074" spans="8:8">
      <c r="H186074" s="12"/>
    </row>
    <row r="186075" spans="8:8">
      <c r="H186075" s="12"/>
    </row>
    <row r="186076" spans="8:8">
      <c r="H186076" s="12"/>
    </row>
    <row r="186077" spans="8:8">
      <c r="H186077" s="12"/>
    </row>
    <row r="186078" spans="8:8">
      <c r="H186078" s="12"/>
    </row>
    <row r="186079" spans="8:8">
      <c r="H186079" s="12"/>
    </row>
    <row r="186080" spans="8:8">
      <c r="H186080" s="12"/>
    </row>
    <row r="186081" spans="8:8">
      <c r="H186081" s="12"/>
    </row>
    <row r="186082" spans="8:8">
      <c r="H186082" s="12"/>
    </row>
    <row r="186083" spans="8:8">
      <c r="H186083" s="12"/>
    </row>
    <row r="186084" spans="8:8">
      <c r="H186084" s="12"/>
    </row>
    <row r="186085" spans="8:8">
      <c r="H186085" s="12"/>
    </row>
    <row r="186086" spans="8:8">
      <c r="H186086" s="12"/>
    </row>
    <row r="186087" spans="8:8">
      <c r="H186087" s="12"/>
    </row>
    <row r="186088" spans="8:8">
      <c r="H186088" s="12"/>
    </row>
    <row r="186089" spans="8:8">
      <c r="H186089" s="12"/>
    </row>
    <row r="186090" spans="8:8">
      <c r="H186090" s="12"/>
    </row>
    <row r="186091" spans="8:8">
      <c r="H186091" s="12"/>
    </row>
    <row r="186092" spans="8:8">
      <c r="H186092" s="12"/>
    </row>
    <row r="186093" spans="8:8">
      <c r="H186093" s="12"/>
    </row>
    <row r="186094" spans="8:8">
      <c r="H186094" s="12"/>
    </row>
    <row r="186095" spans="8:8">
      <c r="H186095" s="12"/>
    </row>
    <row r="186096" spans="8:8">
      <c r="H186096" s="12"/>
    </row>
    <row r="186097" spans="8:8">
      <c r="H186097" s="12"/>
    </row>
    <row r="186098" spans="8:8">
      <c r="H186098" s="12"/>
    </row>
    <row r="186099" spans="8:8">
      <c r="H186099" s="12"/>
    </row>
    <row r="186100" spans="8:8">
      <c r="H186100" s="12"/>
    </row>
    <row r="186101" spans="8:8">
      <c r="H186101" s="12"/>
    </row>
    <row r="186102" spans="8:8">
      <c r="H186102" s="12"/>
    </row>
    <row r="186103" spans="8:8">
      <c r="H186103" s="12"/>
    </row>
    <row r="186104" spans="8:8">
      <c r="H186104" s="12"/>
    </row>
    <row r="186105" spans="8:8">
      <c r="H186105" s="12"/>
    </row>
    <row r="186106" spans="8:8">
      <c r="H186106" s="12"/>
    </row>
    <row r="186107" spans="8:8">
      <c r="H186107" s="12"/>
    </row>
    <row r="186108" spans="8:8">
      <c r="H186108" s="12"/>
    </row>
    <row r="186109" spans="8:8">
      <c r="H186109" s="12"/>
    </row>
    <row r="186110" spans="8:8">
      <c r="H186110" s="12"/>
    </row>
    <row r="186111" spans="8:8">
      <c r="H186111" s="12"/>
    </row>
    <row r="186112" spans="8:8">
      <c r="H186112" s="12"/>
    </row>
    <row r="186113" spans="8:8">
      <c r="H186113" s="12"/>
    </row>
    <row r="186114" spans="8:8">
      <c r="H186114" s="12"/>
    </row>
    <row r="186115" spans="8:8">
      <c r="H186115" s="12"/>
    </row>
    <row r="186116" spans="8:8">
      <c r="H186116" s="12"/>
    </row>
    <row r="186117" spans="8:8">
      <c r="H186117" s="12"/>
    </row>
    <row r="186118" spans="8:8">
      <c r="H186118" s="12"/>
    </row>
    <row r="186119" spans="8:8">
      <c r="H186119" s="12"/>
    </row>
    <row r="186120" spans="8:8">
      <c r="H186120" s="12"/>
    </row>
    <row r="186121" spans="8:8">
      <c r="H186121" s="12"/>
    </row>
    <row r="186122" spans="8:8">
      <c r="H186122" s="12"/>
    </row>
    <row r="186123" spans="8:8">
      <c r="H186123" s="12"/>
    </row>
    <row r="186124" spans="8:8">
      <c r="H186124" s="12"/>
    </row>
    <row r="186125" spans="8:8">
      <c r="H186125" s="12"/>
    </row>
    <row r="186126" spans="8:8">
      <c r="H186126" s="12"/>
    </row>
    <row r="186127" spans="8:8">
      <c r="H186127" s="12"/>
    </row>
    <row r="186128" spans="8:8">
      <c r="H186128" s="12"/>
    </row>
    <row r="186129" spans="8:8">
      <c r="H186129" s="12"/>
    </row>
    <row r="186130" spans="8:8">
      <c r="H186130" s="12"/>
    </row>
    <row r="186131" spans="8:8">
      <c r="H186131" s="12"/>
    </row>
    <row r="186132" spans="8:8">
      <c r="H186132" s="12"/>
    </row>
    <row r="186133" spans="8:8">
      <c r="H186133" s="12"/>
    </row>
    <row r="186134" spans="8:8">
      <c r="H186134" s="12"/>
    </row>
    <row r="186135" spans="8:8">
      <c r="H186135" s="12"/>
    </row>
    <row r="186136" spans="8:8">
      <c r="H186136" s="12"/>
    </row>
    <row r="186137" spans="8:8">
      <c r="H186137" s="12"/>
    </row>
    <row r="186138" spans="8:8">
      <c r="H186138" s="12"/>
    </row>
    <row r="186139" spans="8:8">
      <c r="H186139" s="12"/>
    </row>
    <row r="186140" spans="8:8">
      <c r="H186140" s="12"/>
    </row>
    <row r="186141" spans="8:8">
      <c r="H186141" s="12"/>
    </row>
    <row r="186142" spans="8:8">
      <c r="H186142" s="12"/>
    </row>
    <row r="186143" spans="8:8">
      <c r="H186143" s="12"/>
    </row>
    <row r="186144" spans="8:8">
      <c r="H186144" s="12"/>
    </row>
    <row r="186145" spans="8:8">
      <c r="H186145" s="12"/>
    </row>
    <row r="186146" spans="8:8">
      <c r="H186146" s="12"/>
    </row>
    <row r="186147" spans="8:8">
      <c r="H186147" s="12"/>
    </row>
    <row r="186148" spans="8:8">
      <c r="H186148" s="12"/>
    </row>
    <row r="186149" spans="8:8">
      <c r="H186149" s="12"/>
    </row>
    <row r="186150" spans="8:8">
      <c r="H186150" s="12"/>
    </row>
    <row r="186151" spans="8:8">
      <c r="H186151" s="12"/>
    </row>
    <row r="186152" spans="8:8">
      <c r="H186152" s="12"/>
    </row>
    <row r="186153" spans="8:8">
      <c r="H186153" s="12"/>
    </row>
    <row r="186154" spans="8:8">
      <c r="H186154" s="12"/>
    </row>
    <row r="186155" spans="8:8">
      <c r="H186155" s="12"/>
    </row>
    <row r="186156" spans="8:8">
      <c r="H186156" s="12"/>
    </row>
    <row r="186157" spans="8:8">
      <c r="H186157" s="12"/>
    </row>
    <row r="186158" spans="8:8">
      <c r="H186158" s="12"/>
    </row>
    <row r="186159" spans="8:8">
      <c r="H186159" s="12"/>
    </row>
    <row r="186160" spans="8:8">
      <c r="H186160" s="12"/>
    </row>
    <row r="186161" spans="8:8">
      <c r="H186161" s="12"/>
    </row>
    <row r="186162" spans="8:8">
      <c r="H186162" s="12"/>
    </row>
    <row r="186163" spans="8:8">
      <c r="H186163" s="12"/>
    </row>
    <row r="186164" spans="8:8">
      <c r="H186164" s="12"/>
    </row>
    <row r="186165" spans="8:8">
      <c r="H186165" s="12"/>
    </row>
    <row r="186166" spans="8:8">
      <c r="H186166" s="12"/>
    </row>
    <row r="186167" spans="8:8">
      <c r="H186167" s="12"/>
    </row>
    <row r="186168" spans="8:8">
      <c r="H186168" s="12"/>
    </row>
    <row r="186169" spans="8:8">
      <c r="H186169" s="12"/>
    </row>
    <row r="186170" spans="8:8">
      <c r="H186170" s="12"/>
    </row>
    <row r="186171" spans="8:8">
      <c r="H186171" s="12"/>
    </row>
    <row r="186172" spans="8:8">
      <c r="H186172" s="12"/>
    </row>
    <row r="186173" spans="8:8">
      <c r="H186173" s="12"/>
    </row>
    <row r="186174" spans="8:8">
      <c r="H186174" s="12"/>
    </row>
    <row r="186175" spans="8:8">
      <c r="H186175" s="12"/>
    </row>
    <row r="186176" spans="8:8">
      <c r="H186176" s="12"/>
    </row>
    <row r="186177" spans="8:8">
      <c r="H186177" s="12"/>
    </row>
    <row r="186178" spans="8:8">
      <c r="H186178" s="12"/>
    </row>
    <row r="186179" spans="8:8">
      <c r="H186179" s="12"/>
    </row>
    <row r="186180" spans="8:8">
      <c r="H186180" s="12"/>
    </row>
    <row r="186181" spans="8:8">
      <c r="H186181" s="12"/>
    </row>
    <row r="186182" spans="8:8">
      <c r="H186182" s="12"/>
    </row>
    <row r="186183" spans="8:8">
      <c r="H186183" s="12"/>
    </row>
    <row r="186184" spans="8:8">
      <c r="H186184" s="12"/>
    </row>
    <row r="186185" spans="8:8">
      <c r="H186185" s="12"/>
    </row>
    <row r="186186" spans="8:8">
      <c r="H186186" s="12"/>
    </row>
    <row r="186187" spans="8:8">
      <c r="H186187" s="12"/>
    </row>
    <row r="186188" spans="8:8">
      <c r="H186188" s="12"/>
    </row>
    <row r="186189" spans="8:8">
      <c r="H186189" s="12"/>
    </row>
    <row r="186190" spans="8:8">
      <c r="H186190" s="12"/>
    </row>
    <row r="186191" spans="8:8">
      <c r="H186191" s="12"/>
    </row>
    <row r="186192" spans="8:8">
      <c r="H186192" s="12"/>
    </row>
    <row r="186193" spans="8:8">
      <c r="H186193" s="12"/>
    </row>
    <row r="186194" spans="8:8">
      <c r="H186194" s="12"/>
    </row>
    <row r="186195" spans="8:8">
      <c r="H186195" s="12"/>
    </row>
    <row r="186196" spans="8:8">
      <c r="H186196" s="12"/>
    </row>
    <row r="186197" spans="8:8">
      <c r="H186197" s="12"/>
    </row>
    <row r="186198" spans="8:8">
      <c r="H186198" s="12"/>
    </row>
    <row r="186199" spans="8:8">
      <c r="H186199" s="12"/>
    </row>
    <row r="186200" spans="8:8">
      <c r="H186200" s="12"/>
    </row>
    <row r="186201" spans="8:8">
      <c r="H186201" s="12"/>
    </row>
    <row r="186202" spans="8:8">
      <c r="H186202" s="12"/>
    </row>
    <row r="186203" spans="8:8">
      <c r="H186203" s="12"/>
    </row>
    <row r="186204" spans="8:8">
      <c r="H186204" s="12"/>
    </row>
    <row r="186205" spans="8:8">
      <c r="H186205" s="12"/>
    </row>
    <row r="186206" spans="8:8">
      <c r="H186206" s="12"/>
    </row>
    <row r="186207" spans="8:8">
      <c r="H186207" s="12"/>
    </row>
    <row r="186208" spans="8:8">
      <c r="H186208" s="12"/>
    </row>
    <row r="186209" spans="8:8">
      <c r="H186209" s="12"/>
    </row>
    <row r="186210" spans="8:8">
      <c r="H186210" s="12"/>
    </row>
    <row r="186211" spans="8:8">
      <c r="H186211" s="12"/>
    </row>
    <row r="186212" spans="8:8">
      <c r="H186212" s="12"/>
    </row>
    <row r="186213" spans="8:8">
      <c r="H186213" s="12"/>
    </row>
    <row r="186214" spans="8:8">
      <c r="H186214" s="12"/>
    </row>
    <row r="186215" spans="8:8">
      <c r="H186215" s="12"/>
    </row>
    <row r="186216" spans="8:8">
      <c r="H186216" s="12"/>
    </row>
    <row r="186217" spans="8:8">
      <c r="H186217" s="12"/>
    </row>
    <row r="186218" spans="8:8">
      <c r="H186218" s="12"/>
    </row>
    <row r="186219" spans="8:8">
      <c r="H186219" s="12"/>
    </row>
    <row r="186220" spans="8:8">
      <c r="H186220" s="12"/>
    </row>
    <row r="186221" spans="8:8">
      <c r="H186221" s="12"/>
    </row>
    <row r="186222" spans="8:8">
      <c r="H186222" s="12"/>
    </row>
    <row r="186223" spans="8:8">
      <c r="H186223" s="12"/>
    </row>
    <row r="186224" spans="8:8">
      <c r="H186224" s="12"/>
    </row>
    <row r="186225" spans="8:8">
      <c r="H186225" s="12"/>
    </row>
    <row r="186226" spans="8:8">
      <c r="H186226" s="12"/>
    </row>
    <row r="186227" spans="8:8">
      <c r="H186227" s="12"/>
    </row>
    <row r="186228" spans="8:8">
      <c r="H186228" s="12"/>
    </row>
    <row r="186229" spans="8:8">
      <c r="H186229" s="12"/>
    </row>
    <row r="186230" spans="8:8">
      <c r="H186230" s="12"/>
    </row>
    <row r="186231" spans="8:8">
      <c r="H186231" s="12"/>
    </row>
    <row r="186232" spans="8:8">
      <c r="H186232" s="12"/>
    </row>
    <row r="186233" spans="8:8">
      <c r="H186233" s="12"/>
    </row>
    <row r="186234" spans="8:8">
      <c r="H186234" s="12"/>
    </row>
    <row r="186235" spans="8:8">
      <c r="H186235" s="12"/>
    </row>
    <row r="186236" spans="8:8">
      <c r="H186236" s="12"/>
    </row>
    <row r="186237" spans="8:8">
      <c r="H186237" s="12"/>
    </row>
    <row r="186238" spans="8:8">
      <c r="H186238" s="12"/>
    </row>
    <row r="186239" spans="8:8">
      <c r="H186239" s="12"/>
    </row>
    <row r="186240" spans="8:8">
      <c r="H186240" s="12"/>
    </row>
    <row r="186241" spans="8:8">
      <c r="H186241" s="12"/>
    </row>
    <row r="186242" spans="8:8">
      <c r="H186242" s="12"/>
    </row>
    <row r="186243" spans="8:8">
      <c r="H186243" s="12"/>
    </row>
    <row r="186244" spans="8:8">
      <c r="H186244" s="12"/>
    </row>
    <row r="186245" spans="8:8">
      <c r="H186245" s="12"/>
    </row>
    <row r="186246" spans="8:8">
      <c r="H186246" s="12"/>
    </row>
    <row r="186247" spans="8:8">
      <c r="H186247" s="12"/>
    </row>
    <row r="186248" spans="8:8">
      <c r="H186248" s="12"/>
    </row>
    <row r="186249" spans="8:8">
      <c r="H186249" s="12"/>
    </row>
    <row r="186250" spans="8:8">
      <c r="H186250" s="12"/>
    </row>
    <row r="186251" spans="8:8">
      <c r="H186251" s="12"/>
    </row>
    <row r="186252" spans="8:8">
      <c r="H186252" s="12"/>
    </row>
    <row r="186253" spans="8:8">
      <c r="H186253" s="12"/>
    </row>
    <row r="186254" spans="8:8">
      <c r="H186254" s="12"/>
    </row>
    <row r="186255" spans="8:8">
      <c r="H186255" s="12"/>
    </row>
    <row r="186256" spans="8:8">
      <c r="H186256" s="12"/>
    </row>
    <row r="186257" spans="8:8">
      <c r="H186257" s="12"/>
    </row>
    <row r="186258" spans="8:8">
      <c r="H186258" s="12"/>
    </row>
    <row r="186259" spans="8:8">
      <c r="H186259" s="12"/>
    </row>
    <row r="186260" spans="8:8">
      <c r="H186260" s="12"/>
    </row>
    <row r="186261" spans="8:8">
      <c r="H186261" s="12"/>
    </row>
    <row r="186262" spans="8:8">
      <c r="H186262" s="12"/>
    </row>
    <row r="186263" spans="8:8">
      <c r="H186263" s="12"/>
    </row>
    <row r="186264" spans="8:8">
      <c r="H186264" s="12"/>
    </row>
    <row r="186265" spans="8:8">
      <c r="H186265" s="12"/>
    </row>
    <row r="186266" spans="8:8">
      <c r="H186266" s="12"/>
    </row>
    <row r="186267" spans="8:8">
      <c r="H186267" s="12"/>
    </row>
    <row r="186268" spans="8:8">
      <c r="H186268" s="12"/>
    </row>
    <row r="186269" spans="8:8">
      <c r="H186269" s="12"/>
    </row>
    <row r="186270" spans="8:8">
      <c r="H186270" s="12"/>
    </row>
    <row r="186271" spans="8:8">
      <c r="H186271" s="12"/>
    </row>
    <row r="186272" spans="8:8">
      <c r="H186272" s="12"/>
    </row>
    <row r="186273" spans="8:8">
      <c r="H186273" s="12"/>
    </row>
    <row r="186274" spans="8:8">
      <c r="H186274" s="12"/>
    </row>
    <row r="186275" spans="8:8">
      <c r="H186275" s="12"/>
    </row>
    <row r="186276" spans="8:8">
      <c r="H186276" s="12"/>
    </row>
    <row r="186277" spans="8:8">
      <c r="H186277" s="12"/>
    </row>
    <row r="186278" spans="8:8">
      <c r="H186278" s="12"/>
    </row>
    <row r="186279" spans="8:8">
      <c r="H186279" s="12"/>
    </row>
    <row r="186280" spans="8:8">
      <c r="H186280" s="12"/>
    </row>
    <row r="186281" spans="8:8">
      <c r="H186281" s="12"/>
    </row>
    <row r="186282" spans="8:8">
      <c r="H186282" s="12"/>
    </row>
    <row r="186283" spans="8:8">
      <c r="H186283" s="12"/>
    </row>
    <row r="186284" spans="8:8">
      <c r="H186284" s="12"/>
    </row>
    <row r="186285" spans="8:8">
      <c r="H186285" s="12"/>
    </row>
    <row r="186286" spans="8:8">
      <c r="H186286" s="12"/>
    </row>
    <row r="186287" spans="8:8">
      <c r="H186287" s="12"/>
    </row>
    <row r="186288" spans="8:8">
      <c r="H186288" s="12"/>
    </row>
    <row r="186289" spans="8:8">
      <c r="H186289" s="12"/>
    </row>
    <row r="186290" spans="8:8">
      <c r="H186290" s="12"/>
    </row>
    <row r="186291" spans="8:8">
      <c r="H186291" s="12"/>
    </row>
    <row r="186292" spans="8:8">
      <c r="H186292" s="12"/>
    </row>
    <row r="186293" spans="8:8">
      <c r="H186293" s="12"/>
    </row>
    <row r="186294" spans="8:8">
      <c r="H186294" s="12"/>
    </row>
    <row r="186295" spans="8:8">
      <c r="H186295" s="12"/>
    </row>
    <row r="186296" spans="8:8">
      <c r="H186296" s="12"/>
    </row>
    <row r="186297" spans="8:8">
      <c r="H186297" s="12"/>
    </row>
    <row r="186298" spans="8:8">
      <c r="H186298" s="12"/>
    </row>
    <row r="186299" spans="8:8">
      <c r="H186299" s="12"/>
    </row>
    <row r="186300" spans="8:8">
      <c r="H186300" s="12"/>
    </row>
    <row r="186301" spans="8:8">
      <c r="H186301" s="12"/>
    </row>
    <row r="186302" spans="8:8">
      <c r="H186302" s="12"/>
    </row>
    <row r="186303" spans="8:8">
      <c r="H186303" s="12"/>
    </row>
    <row r="186304" spans="8:8">
      <c r="H186304" s="12"/>
    </row>
    <row r="186305" spans="8:8">
      <c r="H186305" s="12"/>
    </row>
    <row r="186306" spans="8:8">
      <c r="H186306" s="12"/>
    </row>
    <row r="186307" spans="8:8">
      <c r="H186307" s="12"/>
    </row>
    <row r="186308" spans="8:8">
      <c r="H186308" s="12"/>
    </row>
    <row r="186309" spans="8:8">
      <c r="H186309" s="12"/>
    </row>
    <row r="186310" spans="8:8">
      <c r="H186310" s="12"/>
    </row>
    <row r="186311" spans="8:8">
      <c r="H186311" s="12"/>
    </row>
    <row r="186312" spans="8:8">
      <c r="H186312" s="12"/>
    </row>
    <row r="186313" spans="8:8">
      <c r="H186313" s="12"/>
    </row>
    <row r="186314" spans="8:8">
      <c r="H186314" s="12"/>
    </row>
    <row r="186315" spans="8:8">
      <c r="H186315" s="12"/>
    </row>
    <row r="186316" spans="8:8">
      <c r="H186316" s="12"/>
    </row>
    <row r="186317" spans="8:8">
      <c r="H186317" s="12"/>
    </row>
    <row r="186318" spans="8:8">
      <c r="H186318" s="12"/>
    </row>
    <row r="186319" spans="8:8">
      <c r="H186319" s="12"/>
    </row>
    <row r="186320" spans="8:8">
      <c r="H186320" s="12"/>
    </row>
    <row r="186321" spans="8:8">
      <c r="H186321" s="12"/>
    </row>
    <row r="186322" spans="8:8">
      <c r="H186322" s="12"/>
    </row>
    <row r="186323" spans="8:8">
      <c r="H186323" s="12"/>
    </row>
    <row r="186324" spans="8:8">
      <c r="H186324" s="12"/>
    </row>
    <row r="186325" spans="8:8">
      <c r="H186325" s="12"/>
    </row>
    <row r="186326" spans="8:8">
      <c r="H186326" s="12"/>
    </row>
    <row r="186327" spans="8:8">
      <c r="H186327" s="12"/>
    </row>
    <row r="186328" spans="8:8">
      <c r="H186328" s="12"/>
    </row>
    <row r="186329" spans="8:8">
      <c r="H186329" s="12"/>
    </row>
    <row r="186330" spans="8:8">
      <c r="H186330" s="12"/>
    </row>
    <row r="186331" spans="8:8">
      <c r="H186331" s="12"/>
    </row>
    <row r="186332" spans="8:8">
      <c r="H186332" s="12"/>
    </row>
    <row r="186333" spans="8:8">
      <c r="H186333" s="12"/>
    </row>
    <row r="186334" spans="8:8">
      <c r="H186334" s="12"/>
    </row>
    <row r="186335" spans="8:8">
      <c r="H186335" s="12"/>
    </row>
    <row r="186336" spans="8:8">
      <c r="H186336" s="12"/>
    </row>
    <row r="186337" spans="8:8">
      <c r="H186337" s="12"/>
    </row>
    <row r="186338" spans="8:8">
      <c r="H186338" s="12"/>
    </row>
    <row r="186339" spans="8:8">
      <c r="H186339" s="12"/>
    </row>
    <row r="186340" spans="8:8">
      <c r="H186340" s="12"/>
    </row>
    <row r="186341" spans="8:8">
      <c r="H186341" s="12"/>
    </row>
    <row r="186342" spans="8:8">
      <c r="H186342" s="12"/>
    </row>
    <row r="186343" spans="8:8">
      <c r="H186343" s="12"/>
    </row>
    <row r="186344" spans="8:8">
      <c r="H186344" s="12"/>
    </row>
    <row r="186345" spans="8:8">
      <c r="H186345" s="12"/>
    </row>
    <row r="186346" spans="8:8">
      <c r="H186346" s="12"/>
    </row>
    <row r="186347" spans="8:8">
      <c r="H186347" s="12"/>
    </row>
    <row r="186348" spans="8:8">
      <c r="H186348" s="12"/>
    </row>
    <row r="186349" spans="8:8">
      <c r="H186349" s="12"/>
    </row>
    <row r="186350" spans="8:8">
      <c r="H186350" s="12"/>
    </row>
    <row r="186351" spans="8:8">
      <c r="H186351" s="12"/>
    </row>
    <row r="186352" spans="8:8">
      <c r="H186352" s="12"/>
    </row>
    <row r="186353" spans="8:8">
      <c r="H186353" s="12"/>
    </row>
    <row r="186354" spans="8:8">
      <c r="H186354" s="12"/>
    </row>
    <row r="186355" spans="8:8">
      <c r="H186355" s="12"/>
    </row>
    <row r="186356" spans="8:8">
      <c r="H186356" s="12"/>
    </row>
    <row r="186357" spans="8:8">
      <c r="H186357" s="12"/>
    </row>
    <row r="186358" spans="8:8">
      <c r="H186358" s="12"/>
    </row>
    <row r="186359" spans="8:8">
      <c r="H186359" s="12"/>
    </row>
    <row r="186360" spans="8:8">
      <c r="H186360" s="12"/>
    </row>
    <row r="186361" spans="8:8">
      <c r="H186361" s="12"/>
    </row>
    <row r="186362" spans="8:8">
      <c r="H186362" s="12"/>
    </row>
    <row r="186363" spans="8:8">
      <c r="H186363" s="12"/>
    </row>
    <row r="186364" spans="8:8">
      <c r="H186364" s="12"/>
    </row>
    <row r="186365" spans="8:8">
      <c r="H186365" s="12"/>
    </row>
    <row r="186366" spans="8:8">
      <c r="H186366" s="12"/>
    </row>
    <row r="186367" spans="8:8">
      <c r="H186367" s="12"/>
    </row>
    <row r="186368" spans="8:8">
      <c r="H186368" s="12"/>
    </row>
    <row r="186369" spans="8:8">
      <c r="H186369" s="12"/>
    </row>
    <row r="186370" spans="8:8">
      <c r="H186370" s="12"/>
    </row>
    <row r="186371" spans="8:8">
      <c r="H186371" s="12"/>
    </row>
    <row r="186372" spans="8:8">
      <c r="H186372" s="12"/>
    </row>
    <row r="186373" spans="8:8">
      <c r="H186373" s="12"/>
    </row>
    <row r="186374" spans="8:8">
      <c r="H186374" s="12"/>
    </row>
    <row r="186375" spans="8:8">
      <c r="H186375" s="12"/>
    </row>
    <row r="186376" spans="8:8">
      <c r="H186376" s="12"/>
    </row>
    <row r="186377" spans="8:8">
      <c r="H186377" s="12"/>
    </row>
    <row r="186378" spans="8:8">
      <c r="H186378" s="12"/>
    </row>
    <row r="186379" spans="8:8">
      <c r="H186379" s="12"/>
    </row>
    <row r="186380" spans="8:8">
      <c r="H186380" s="12"/>
    </row>
    <row r="186381" spans="8:8">
      <c r="H186381" s="12"/>
    </row>
    <row r="186382" spans="8:8">
      <c r="H186382" s="12"/>
    </row>
    <row r="186383" spans="8:8">
      <c r="H186383" s="12"/>
    </row>
    <row r="186384" spans="8:8">
      <c r="H186384" s="12"/>
    </row>
    <row r="186385" spans="8:8">
      <c r="H186385" s="12"/>
    </row>
    <row r="186386" spans="8:8">
      <c r="H186386" s="12"/>
    </row>
    <row r="186387" spans="8:8">
      <c r="H186387" s="12"/>
    </row>
    <row r="186388" spans="8:8">
      <c r="H186388" s="12"/>
    </row>
    <row r="186389" spans="8:8">
      <c r="H186389" s="12"/>
    </row>
    <row r="186390" spans="8:8">
      <c r="H186390" s="12"/>
    </row>
    <row r="186391" spans="8:8">
      <c r="H186391" s="12"/>
    </row>
    <row r="186392" spans="8:8">
      <c r="H186392" s="12"/>
    </row>
    <row r="186393" spans="8:8">
      <c r="H186393" s="12"/>
    </row>
    <row r="186394" spans="8:8">
      <c r="H186394" s="12"/>
    </row>
    <row r="186395" spans="8:8">
      <c r="H186395" s="12"/>
    </row>
    <row r="186396" spans="8:8">
      <c r="H186396" s="12"/>
    </row>
    <row r="186397" spans="8:8">
      <c r="H186397" s="12"/>
    </row>
    <row r="186398" spans="8:8">
      <c r="H186398" s="12"/>
    </row>
    <row r="186399" spans="8:8">
      <c r="H186399" s="12"/>
    </row>
    <row r="186400" spans="8:8">
      <c r="H186400" s="12"/>
    </row>
    <row r="186401" spans="8:8">
      <c r="H186401" s="12"/>
    </row>
    <row r="186402" spans="8:8">
      <c r="H186402" s="12"/>
    </row>
    <row r="186403" spans="8:8">
      <c r="H186403" s="12"/>
    </row>
    <row r="186404" spans="8:8">
      <c r="H186404" s="12"/>
    </row>
    <row r="186405" spans="8:8">
      <c r="H186405" s="12"/>
    </row>
    <row r="186406" spans="8:8">
      <c r="H186406" s="12"/>
    </row>
    <row r="186407" spans="8:8">
      <c r="H186407" s="12"/>
    </row>
    <row r="186408" spans="8:8">
      <c r="H186408" s="12"/>
    </row>
    <row r="186409" spans="8:8">
      <c r="H186409" s="12"/>
    </row>
    <row r="186410" spans="8:8">
      <c r="H186410" s="12"/>
    </row>
    <row r="186411" spans="8:8">
      <c r="H186411" s="12"/>
    </row>
    <row r="186412" spans="8:8">
      <c r="H186412" s="12"/>
    </row>
    <row r="186413" spans="8:8">
      <c r="H186413" s="12"/>
    </row>
    <row r="186414" spans="8:8">
      <c r="H186414" s="12"/>
    </row>
    <row r="186415" spans="8:8">
      <c r="H186415" s="12"/>
    </row>
    <row r="186416" spans="8:8">
      <c r="H186416" s="12"/>
    </row>
    <row r="186417" spans="8:8">
      <c r="H186417" s="12"/>
    </row>
    <row r="186418" spans="8:8">
      <c r="H186418" s="12"/>
    </row>
    <row r="186419" spans="8:8">
      <c r="H186419" s="12"/>
    </row>
    <row r="186420" spans="8:8">
      <c r="H186420" s="12"/>
    </row>
    <row r="186421" spans="8:8">
      <c r="H186421" s="12"/>
    </row>
    <row r="186422" spans="8:8">
      <c r="H186422" s="12"/>
    </row>
    <row r="186423" spans="8:8">
      <c r="H186423" s="12"/>
    </row>
    <row r="186424" spans="8:8">
      <c r="H186424" s="12"/>
    </row>
    <row r="186425" spans="8:8">
      <c r="H186425" s="12"/>
    </row>
    <row r="186426" spans="8:8">
      <c r="H186426" s="12"/>
    </row>
    <row r="186427" spans="8:8">
      <c r="H186427" s="12"/>
    </row>
    <row r="186428" spans="8:8">
      <c r="H186428" s="12"/>
    </row>
    <row r="186429" spans="8:8">
      <c r="H186429" s="12"/>
    </row>
    <row r="186430" spans="8:8">
      <c r="H186430" s="12"/>
    </row>
    <row r="186431" spans="8:8">
      <c r="H186431" s="12"/>
    </row>
    <row r="186432" spans="8:8">
      <c r="H186432" s="12"/>
    </row>
    <row r="186433" spans="8:8">
      <c r="H186433" s="12"/>
    </row>
    <row r="186434" spans="8:8">
      <c r="H186434" s="12"/>
    </row>
    <row r="186435" spans="8:8">
      <c r="H186435" s="12"/>
    </row>
    <row r="186436" spans="8:8">
      <c r="H186436" s="12"/>
    </row>
    <row r="186437" spans="8:8">
      <c r="H186437" s="12"/>
    </row>
    <row r="186438" spans="8:8">
      <c r="H186438" s="12"/>
    </row>
    <row r="186439" spans="8:8">
      <c r="H186439" s="12"/>
    </row>
    <row r="186440" spans="8:8">
      <c r="H186440" s="12"/>
    </row>
    <row r="186441" spans="8:8">
      <c r="H186441" s="12"/>
    </row>
    <row r="186442" spans="8:8">
      <c r="H186442" s="12"/>
    </row>
    <row r="186443" spans="8:8">
      <c r="H186443" s="12"/>
    </row>
    <row r="186444" spans="8:8">
      <c r="H186444" s="12"/>
    </row>
    <row r="186445" spans="8:8">
      <c r="H186445" s="12"/>
    </row>
    <row r="186446" spans="8:8">
      <c r="H186446" s="12"/>
    </row>
    <row r="186447" spans="8:8">
      <c r="H186447" s="12"/>
    </row>
    <row r="186448" spans="8:8">
      <c r="H186448" s="12"/>
    </row>
    <row r="186449" spans="8:8">
      <c r="H186449" s="12"/>
    </row>
    <row r="186450" spans="8:8">
      <c r="H186450" s="12"/>
    </row>
    <row r="186451" spans="8:8">
      <c r="H186451" s="12"/>
    </row>
    <row r="186452" spans="8:8">
      <c r="H186452" s="12"/>
    </row>
    <row r="186453" spans="8:8">
      <c r="H186453" s="12"/>
    </row>
    <row r="186454" spans="8:8">
      <c r="H186454" s="12"/>
    </row>
    <row r="186455" spans="8:8">
      <c r="H186455" s="12"/>
    </row>
    <row r="186456" spans="8:8">
      <c r="H186456" s="12"/>
    </row>
    <row r="186457" spans="8:8">
      <c r="H186457" s="12"/>
    </row>
    <row r="186458" spans="8:8">
      <c r="H186458" s="12"/>
    </row>
    <row r="186459" spans="8:8">
      <c r="H186459" s="12"/>
    </row>
    <row r="186460" spans="8:8">
      <c r="H186460" s="12"/>
    </row>
    <row r="186461" spans="8:8">
      <c r="H186461" s="12"/>
    </row>
    <row r="186462" spans="8:8">
      <c r="H186462" s="12"/>
    </row>
    <row r="186463" spans="8:8">
      <c r="H186463" s="12"/>
    </row>
    <row r="186464" spans="8:8">
      <c r="H186464" s="12"/>
    </row>
    <row r="186465" spans="8:8">
      <c r="H186465" s="12"/>
    </row>
    <row r="186466" spans="8:8">
      <c r="H186466" s="12"/>
    </row>
    <row r="186467" spans="8:8">
      <c r="H186467" s="12"/>
    </row>
    <row r="186468" spans="8:8">
      <c r="H186468" s="12"/>
    </row>
    <row r="186469" spans="8:8">
      <c r="H186469" s="12"/>
    </row>
    <row r="186470" spans="8:8">
      <c r="H186470" s="12"/>
    </row>
    <row r="186471" spans="8:8">
      <c r="H186471" s="12"/>
    </row>
    <row r="186472" spans="8:8">
      <c r="H186472" s="12"/>
    </row>
    <row r="186473" spans="8:8">
      <c r="H186473" s="12"/>
    </row>
    <row r="186474" spans="8:8">
      <c r="H186474" s="12"/>
    </row>
    <row r="186475" spans="8:8">
      <c r="H186475" s="12"/>
    </row>
    <row r="186476" spans="8:8">
      <c r="H186476" s="12"/>
    </row>
    <row r="186477" spans="8:8">
      <c r="H186477" s="12"/>
    </row>
    <row r="186478" spans="8:8">
      <c r="H186478" s="12"/>
    </row>
    <row r="186479" spans="8:8">
      <c r="H186479" s="12"/>
    </row>
    <row r="186480" spans="8:8">
      <c r="H186480" s="12"/>
    </row>
    <row r="186481" spans="8:8">
      <c r="H186481" s="12"/>
    </row>
    <row r="186482" spans="8:8">
      <c r="H186482" s="12"/>
    </row>
    <row r="186483" spans="8:8">
      <c r="H186483" s="12"/>
    </row>
    <row r="186484" spans="8:8">
      <c r="H186484" s="12"/>
    </row>
    <row r="186485" spans="8:8">
      <c r="H186485" s="12"/>
    </row>
    <row r="186486" spans="8:8">
      <c r="H186486" s="12"/>
    </row>
    <row r="186487" spans="8:8">
      <c r="H186487" s="12"/>
    </row>
    <row r="186488" spans="8:8">
      <c r="H186488" s="12"/>
    </row>
    <row r="186489" spans="8:8">
      <c r="H186489" s="12"/>
    </row>
    <row r="186490" spans="8:8">
      <c r="H186490" s="12"/>
    </row>
    <row r="186491" spans="8:8">
      <c r="H186491" s="12"/>
    </row>
    <row r="186492" spans="8:8">
      <c r="H186492" s="12"/>
    </row>
    <row r="186493" spans="8:8">
      <c r="H186493" s="12"/>
    </row>
    <row r="186494" spans="8:8">
      <c r="H186494" s="12"/>
    </row>
    <row r="186495" spans="8:8">
      <c r="H186495" s="12"/>
    </row>
    <row r="186496" spans="8:8">
      <c r="H186496" s="12"/>
    </row>
    <row r="186497" spans="8:8">
      <c r="H186497" s="12"/>
    </row>
    <row r="186498" spans="8:8">
      <c r="H186498" s="12"/>
    </row>
    <row r="186499" spans="8:8">
      <c r="H186499" s="12"/>
    </row>
    <row r="186500" spans="8:8">
      <c r="H186500" s="12"/>
    </row>
    <row r="186501" spans="8:8">
      <c r="H186501" s="12"/>
    </row>
    <row r="186502" spans="8:8">
      <c r="H186502" s="12"/>
    </row>
    <row r="186503" spans="8:8">
      <c r="H186503" s="12"/>
    </row>
    <row r="186504" spans="8:8">
      <c r="H186504" s="12"/>
    </row>
    <row r="186505" spans="8:8">
      <c r="H186505" s="12"/>
    </row>
    <row r="186506" spans="8:8">
      <c r="H186506" s="12"/>
    </row>
    <row r="186507" spans="8:8">
      <c r="H186507" s="12"/>
    </row>
    <row r="186508" spans="8:8">
      <c r="H186508" s="12"/>
    </row>
    <row r="186509" spans="8:8">
      <c r="H186509" s="12"/>
    </row>
    <row r="186510" spans="8:8">
      <c r="H186510" s="12"/>
    </row>
    <row r="186511" spans="8:8">
      <c r="H186511" s="12"/>
    </row>
    <row r="186512" spans="8:8">
      <c r="H186512" s="12"/>
    </row>
    <row r="186513" spans="8:8">
      <c r="H186513" s="12"/>
    </row>
    <row r="186514" spans="8:8">
      <c r="H186514" s="12"/>
    </row>
    <row r="186515" spans="8:8">
      <c r="H186515" s="12"/>
    </row>
    <row r="186516" spans="8:8">
      <c r="H186516" s="12"/>
    </row>
    <row r="186517" spans="8:8">
      <c r="H186517" s="12"/>
    </row>
    <row r="186518" spans="8:8">
      <c r="H186518" s="12"/>
    </row>
    <row r="186519" spans="8:8">
      <c r="H186519" s="12"/>
    </row>
    <row r="186520" spans="8:8">
      <c r="H186520" s="12"/>
    </row>
    <row r="186521" spans="8:8">
      <c r="H186521" s="12"/>
    </row>
    <row r="186522" spans="8:8">
      <c r="H186522" s="12"/>
    </row>
    <row r="186523" spans="8:8">
      <c r="H186523" s="12"/>
    </row>
    <row r="186524" spans="8:8">
      <c r="H186524" s="12"/>
    </row>
    <row r="186525" spans="8:8">
      <c r="H186525" s="12"/>
    </row>
    <row r="186526" spans="8:8">
      <c r="H186526" s="12"/>
    </row>
    <row r="186527" spans="8:8">
      <c r="H186527" s="12"/>
    </row>
    <row r="186528" spans="8:8">
      <c r="H186528" s="12"/>
    </row>
    <row r="186529" spans="8:8">
      <c r="H186529" s="12"/>
    </row>
    <row r="186530" spans="8:8">
      <c r="H186530" s="12"/>
    </row>
    <row r="186531" spans="8:8">
      <c r="H186531" s="12"/>
    </row>
    <row r="186532" spans="8:8">
      <c r="H186532" s="12"/>
    </row>
    <row r="186533" spans="8:8">
      <c r="H186533" s="12"/>
    </row>
    <row r="186534" spans="8:8">
      <c r="H186534" s="12"/>
    </row>
    <row r="186535" spans="8:8">
      <c r="H186535" s="12"/>
    </row>
    <row r="186536" spans="8:8">
      <c r="H186536" s="12"/>
    </row>
    <row r="186537" spans="8:8">
      <c r="H186537" s="12"/>
    </row>
    <row r="186538" spans="8:8">
      <c r="H186538" s="12"/>
    </row>
    <row r="186539" spans="8:8">
      <c r="H186539" s="12"/>
    </row>
    <row r="186540" spans="8:8">
      <c r="H186540" s="12"/>
    </row>
    <row r="186541" spans="8:8">
      <c r="H186541" s="12"/>
    </row>
    <row r="186542" spans="8:8">
      <c r="H186542" s="12"/>
    </row>
    <row r="186543" spans="8:8">
      <c r="H186543" s="12"/>
    </row>
    <row r="186544" spans="8:8">
      <c r="H186544" s="12"/>
    </row>
    <row r="186545" spans="8:8">
      <c r="H186545" s="12"/>
    </row>
    <row r="186546" spans="8:8">
      <c r="H186546" s="12"/>
    </row>
    <row r="186547" spans="8:8">
      <c r="H186547" s="12"/>
    </row>
    <row r="186548" spans="8:8">
      <c r="H186548" s="12"/>
    </row>
    <row r="186549" spans="8:8">
      <c r="H186549" s="12"/>
    </row>
    <row r="186550" spans="8:8">
      <c r="H186550" s="12"/>
    </row>
    <row r="186551" spans="8:8">
      <c r="H186551" s="12"/>
    </row>
    <row r="186552" spans="8:8">
      <c r="H186552" s="12"/>
    </row>
    <row r="186553" spans="8:8">
      <c r="H186553" s="12"/>
    </row>
    <row r="186554" spans="8:8">
      <c r="H186554" s="12"/>
    </row>
    <row r="186555" spans="8:8">
      <c r="H186555" s="12"/>
    </row>
    <row r="186556" spans="8:8">
      <c r="H186556" s="12"/>
    </row>
    <row r="186557" spans="8:8">
      <c r="H186557" s="12"/>
    </row>
    <row r="186558" spans="8:8">
      <c r="H186558" s="12"/>
    </row>
    <row r="186559" spans="8:8">
      <c r="H186559" s="12"/>
    </row>
    <row r="186560" spans="8:8">
      <c r="H186560" s="12"/>
    </row>
    <row r="186561" spans="8:8">
      <c r="H186561" s="12"/>
    </row>
    <row r="186562" spans="8:8">
      <c r="H186562" s="12"/>
    </row>
    <row r="186563" spans="8:8">
      <c r="H186563" s="12"/>
    </row>
    <row r="186564" spans="8:8">
      <c r="H186564" s="12"/>
    </row>
    <row r="186565" spans="8:8">
      <c r="H186565" s="12"/>
    </row>
    <row r="186566" spans="8:8">
      <c r="H186566" s="12"/>
    </row>
    <row r="186567" spans="8:8">
      <c r="H186567" s="12"/>
    </row>
    <row r="186568" spans="8:8">
      <c r="H186568" s="12"/>
    </row>
    <row r="186569" spans="8:8">
      <c r="H186569" s="12"/>
    </row>
    <row r="186570" spans="8:8">
      <c r="H186570" s="12"/>
    </row>
    <row r="186571" spans="8:8">
      <c r="H186571" s="12"/>
    </row>
    <row r="186572" spans="8:8">
      <c r="H186572" s="12"/>
    </row>
    <row r="186573" spans="8:8">
      <c r="H186573" s="12"/>
    </row>
    <row r="186574" spans="8:8">
      <c r="H186574" s="12"/>
    </row>
    <row r="186575" spans="8:8">
      <c r="H186575" s="12"/>
    </row>
    <row r="186576" spans="8:8">
      <c r="H186576" s="12"/>
    </row>
    <row r="186577" spans="8:8">
      <c r="H186577" s="12"/>
    </row>
    <row r="186578" spans="8:8">
      <c r="H186578" s="12"/>
    </row>
    <row r="186579" spans="8:8">
      <c r="H186579" s="12"/>
    </row>
    <row r="186580" spans="8:8">
      <c r="H186580" s="12"/>
    </row>
    <row r="186581" spans="8:8">
      <c r="H186581" s="12"/>
    </row>
    <row r="186582" spans="8:8">
      <c r="H186582" s="12"/>
    </row>
    <row r="186583" spans="8:8">
      <c r="H186583" s="12"/>
    </row>
    <row r="186584" spans="8:8">
      <c r="H186584" s="12"/>
    </row>
    <row r="186585" spans="8:8">
      <c r="H186585" s="12"/>
    </row>
    <row r="186586" spans="8:8">
      <c r="H186586" s="12"/>
    </row>
    <row r="186587" spans="8:8">
      <c r="H186587" s="12"/>
    </row>
    <row r="186588" spans="8:8">
      <c r="H186588" s="12"/>
    </row>
    <row r="186589" spans="8:8">
      <c r="H186589" s="12"/>
    </row>
    <row r="186590" spans="8:8">
      <c r="H186590" s="12"/>
    </row>
    <row r="186591" spans="8:8">
      <c r="H186591" s="12"/>
    </row>
    <row r="186592" spans="8:8">
      <c r="H186592" s="12"/>
    </row>
    <row r="186593" spans="8:8">
      <c r="H186593" s="12"/>
    </row>
    <row r="186594" spans="8:8">
      <c r="H186594" s="12"/>
    </row>
    <row r="186595" spans="8:8">
      <c r="H186595" s="12"/>
    </row>
    <row r="186596" spans="8:8">
      <c r="H186596" s="12"/>
    </row>
    <row r="186597" spans="8:8">
      <c r="H186597" s="12"/>
    </row>
    <row r="186598" spans="8:8">
      <c r="H186598" s="12"/>
    </row>
    <row r="186599" spans="8:8">
      <c r="H186599" s="12"/>
    </row>
    <row r="186600" spans="8:8">
      <c r="H186600" s="12"/>
    </row>
    <row r="186601" spans="8:8">
      <c r="H186601" s="12"/>
    </row>
    <row r="186602" spans="8:8">
      <c r="H186602" s="12"/>
    </row>
    <row r="186603" spans="8:8">
      <c r="H186603" s="12"/>
    </row>
    <row r="186604" spans="8:8">
      <c r="H186604" s="12"/>
    </row>
    <row r="186605" spans="8:8">
      <c r="H186605" s="12"/>
    </row>
    <row r="186606" spans="8:8">
      <c r="H186606" s="12"/>
    </row>
    <row r="186607" spans="8:8">
      <c r="H186607" s="12"/>
    </row>
    <row r="186608" spans="8:8">
      <c r="H186608" s="12"/>
    </row>
    <row r="186609" spans="8:8">
      <c r="H186609" s="12"/>
    </row>
    <row r="186610" spans="8:8">
      <c r="H186610" s="12"/>
    </row>
    <row r="186611" spans="8:8">
      <c r="H186611" s="12"/>
    </row>
    <row r="186612" spans="8:8">
      <c r="H186612" s="12"/>
    </row>
    <row r="186613" spans="8:8">
      <c r="H186613" s="12"/>
    </row>
    <row r="186614" spans="8:8">
      <c r="H186614" s="12"/>
    </row>
    <row r="186615" spans="8:8">
      <c r="H186615" s="12"/>
    </row>
    <row r="186616" spans="8:8">
      <c r="H186616" s="12"/>
    </row>
    <row r="186617" spans="8:8">
      <c r="H186617" s="12"/>
    </row>
    <row r="186618" spans="8:8">
      <c r="H186618" s="12"/>
    </row>
    <row r="186619" spans="8:8">
      <c r="H186619" s="12"/>
    </row>
    <row r="186620" spans="8:8">
      <c r="H186620" s="12"/>
    </row>
    <row r="186621" spans="8:8">
      <c r="H186621" s="12"/>
    </row>
    <row r="186622" spans="8:8">
      <c r="H186622" s="12"/>
    </row>
    <row r="186623" spans="8:8">
      <c r="H186623" s="12"/>
    </row>
    <row r="186624" spans="8:8">
      <c r="H186624" s="12"/>
    </row>
    <row r="186625" spans="8:8">
      <c r="H186625" s="12"/>
    </row>
    <row r="186626" spans="8:8">
      <c r="H186626" s="12"/>
    </row>
    <row r="186627" spans="8:8">
      <c r="H186627" s="12"/>
    </row>
    <row r="186628" spans="8:8">
      <c r="H186628" s="12"/>
    </row>
    <row r="186629" spans="8:8">
      <c r="H186629" s="12"/>
    </row>
    <row r="186630" spans="8:8">
      <c r="H186630" s="12"/>
    </row>
    <row r="186631" spans="8:8">
      <c r="H186631" s="12"/>
    </row>
    <row r="186632" spans="8:8">
      <c r="H186632" s="12"/>
    </row>
    <row r="186633" spans="8:8">
      <c r="H186633" s="12"/>
    </row>
    <row r="186634" spans="8:8">
      <c r="H186634" s="12"/>
    </row>
    <row r="186635" spans="8:8">
      <c r="H186635" s="12"/>
    </row>
    <row r="186636" spans="8:8">
      <c r="H186636" s="12"/>
    </row>
    <row r="186637" spans="8:8">
      <c r="H186637" s="12"/>
    </row>
    <row r="186638" spans="8:8">
      <c r="H186638" s="12"/>
    </row>
    <row r="186639" spans="8:8">
      <c r="H186639" s="12"/>
    </row>
    <row r="186640" spans="8:8">
      <c r="H186640" s="12"/>
    </row>
    <row r="186641" spans="8:8">
      <c r="H186641" s="12"/>
    </row>
    <row r="186642" spans="8:8">
      <c r="H186642" s="12"/>
    </row>
    <row r="186643" spans="8:8">
      <c r="H186643" s="12"/>
    </row>
    <row r="186644" spans="8:8">
      <c r="H186644" s="12"/>
    </row>
    <row r="186645" spans="8:8">
      <c r="H186645" s="12"/>
    </row>
    <row r="186646" spans="8:8">
      <c r="H186646" s="12"/>
    </row>
    <row r="186647" spans="8:8">
      <c r="H186647" s="12"/>
    </row>
    <row r="186648" spans="8:8">
      <c r="H186648" s="12"/>
    </row>
    <row r="186649" spans="8:8">
      <c r="H186649" s="12"/>
    </row>
    <row r="186650" spans="8:8">
      <c r="H186650" s="12"/>
    </row>
    <row r="186651" spans="8:8">
      <c r="H186651" s="12"/>
    </row>
    <row r="186652" spans="8:8">
      <c r="H186652" s="12"/>
    </row>
    <row r="186653" spans="8:8">
      <c r="H186653" s="12"/>
    </row>
    <row r="186654" spans="8:8">
      <c r="H186654" s="12"/>
    </row>
    <row r="186655" spans="8:8">
      <c r="H186655" s="12"/>
    </row>
    <row r="186656" spans="8:8">
      <c r="H186656" s="12"/>
    </row>
    <row r="186657" spans="8:8">
      <c r="H186657" s="12"/>
    </row>
    <row r="186658" spans="8:8">
      <c r="H186658" s="12"/>
    </row>
    <row r="186659" spans="8:8">
      <c r="H186659" s="12"/>
    </row>
    <row r="186660" spans="8:8">
      <c r="H186660" s="12"/>
    </row>
    <row r="186661" spans="8:8">
      <c r="H186661" s="12"/>
    </row>
    <row r="186662" spans="8:8">
      <c r="H186662" s="12"/>
    </row>
    <row r="186663" spans="8:8">
      <c r="H186663" s="12"/>
    </row>
    <row r="186664" spans="8:8">
      <c r="H186664" s="12"/>
    </row>
    <row r="186665" spans="8:8">
      <c r="H186665" s="12"/>
    </row>
    <row r="186666" spans="8:8">
      <c r="H186666" s="12"/>
    </row>
    <row r="186667" spans="8:8">
      <c r="H186667" s="12"/>
    </row>
    <row r="186668" spans="8:8">
      <c r="H186668" s="12"/>
    </row>
    <row r="186669" spans="8:8">
      <c r="H186669" s="12"/>
    </row>
    <row r="186670" spans="8:8">
      <c r="H186670" s="12"/>
    </row>
    <row r="186671" spans="8:8">
      <c r="H186671" s="12"/>
    </row>
    <row r="186672" spans="8:8">
      <c r="H186672" s="12"/>
    </row>
    <row r="186673" spans="8:8">
      <c r="H186673" s="12"/>
    </row>
    <row r="186674" spans="8:8">
      <c r="H186674" s="12"/>
    </row>
    <row r="186675" spans="8:8">
      <c r="H186675" s="12"/>
    </row>
    <row r="186676" spans="8:8">
      <c r="H186676" s="12"/>
    </row>
    <row r="186677" spans="8:8">
      <c r="H186677" s="12"/>
    </row>
    <row r="186678" spans="8:8">
      <c r="H186678" s="12"/>
    </row>
    <row r="186679" spans="8:8">
      <c r="H186679" s="12"/>
    </row>
    <row r="186680" spans="8:8">
      <c r="H186680" s="12"/>
    </row>
    <row r="186681" spans="8:8">
      <c r="H186681" s="12"/>
    </row>
    <row r="186682" spans="8:8">
      <c r="H186682" s="12"/>
    </row>
    <row r="186683" spans="8:8">
      <c r="H186683" s="12"/>
    </row>
    <row r="186684" spans="8:8">
      <c r="H186684" s="12"/>
    </row>
    <row r="186685" spans="8:8">
      <c r="H186685" s="12"/>
    </row>
    <row r="186686" spans="8:8">
      <c r="H186686" s="12"/>
    </row>
    <row r="186687" spans="8:8">
      <c r="H186687" s="12"/>
    </row>
    <row r="186688" spans="8:8">
      <c r="H186688" s="12"/>
    </row>
    <row r="186689" spans="8:8">
      <c r="H186689" s="12"/>
    </row>
    <row r="186690" spans="8:8">
      <c r="H186690" s="12"/>
    </row>
    <row r="186691" spans="8:8">
      <c r="H186691" s="12"/>
    </row>
    <row r="186692" spans="8:8">
      <c r="H186692" s="12"/>
    </row>
    <row r="186693" spans="8:8">
      <c r="H186693" s="12"/>
    </row>
    <row r="186694" spans="8:8">
      <c r="H186694" s="12"/>
    </row>
    <row r="186695" spans="8:8">
      <c r="H186695" s="12"/>
    </row>
    <row r="186696" spans="8:8">
      <c r="H186696" s="12"/>
    </row>
    <row r="186697" spans="8:8">
      <c r="H186697" s="12"/>
    </row>
    <row r="186698" spans="8:8">
      <c r="H186698" s="12"/>
    </row>
    <row r="186699" spans="8:8">
      <c r="H186699" s="12"/>
    </row>
    <row r="186700" spans="8:8">
      <c r="H186700" s="12"/>
    </row>
    <row r="186701" spans="8:8">
      <c r="H186701" s="12"/>
    </row>
    <row r="186702" spans="8:8">
      <c r="H186702" s="12"/>
    </row>
    <row r="186703" spans="8:8">
      <c r="H186703" s="12"/>
    </row>
    <row r="186704" spans="8:8">
      <c r="H186704" s="12"/>
    </row>
    <row r="186705" spans="8:8">
      <c r="H186705" s="12"/>
    </row>
    <row r="186706" spans="8:8">
      <c r="H186706" s="12"/>
    </row>
    <row r="186707" spans="8:8">
      <c r="H186707" s="12"/>
    </row>
    <row r="186708" spans="8:8">
      <c r="H186708" s="12"/>
    </row>
    <row r="186709" spans="8:8">
      <c r="H186709" s="12"/>
    </row>
    <row r="186710" spans="8:8">
      <c r="H186710" s="12"/>
    </row>
    <row r="186711" spans="8:8">
      <c r="H186711" s="12"/>
    </row>
    <row r="186712" spans="8:8">
      <c r="H186712" s="12"/>
    </row>
    <row r="186713" spans="8:8">
      <c r="H186713" s="12"/>
    </row>
    <row r="186714" spans="8:8">
      <c r="H186714" s="12"/>
    </row>
    <row r="186715" spans="8:8">
      <c r="H186715" s="12"/>
    </row>
    <row r="186716" spans="8:8">
      <c r="H186716" s="12"/>
    </row>
    <row r="186717" spans="8:8">
      <c r="H186717" s="12"/>
    </row>
    <row r="186718" spans="8:8">
      <c r="H186718" s="12"/>
    </row>
    <row r="186719" spans="8:8">
      <c r="H186719" s="12"/>
    </row>
    <row r="186720" spans="8:8">
      <c r="H186720" s="12"/>
    </row>
    <row r="186721" spans="8:8">
      <c r="H186721" s="12"/>
    </row>
    <row r="186722" spans="8:8">
      <c r="H186722" s="12"/>
    </row>
    <row r="186723" spans="8:8">
      <c r="H186723" s="12"/>
    </row>
    <row r="186724" spans="8:8">
      <c r="H186724" s="12"/>
    </row>
    <row r="186725" spans="8:8">
      <c r="H186725" s="12"/>
    </row>
    <row r="186726" spans="8:8">
      <c r="H186726" s="12"/>
    </row>
    <row r="186727" spans="8:8">
      <c r="H186727" s="12"/>
    </row>
    <row r="186728" spans="8:8">
      <c r="H186728" s="12"/>
    </row>
    <row r="186729" spans="8:8">
      <c r="H186729" s="12"/>
    </row>
    <row r="186730" spans="8:8">
      <c r="H186730" s="12"/>
    </row>
    <row r="186731" spans="8:8">
      <c r="H186731" s="12"/>
    </row>
    <row r="186732" spans="8:8">
      <c r="H186732" s="12"/>
    </row>
    <row r="186733" spans="8:8">
      <c r="H186733" s="12"/>
    </row>
    <row r="186734" spans="8:8">
      <c r="H186734" s="12"/>
    </row>
    <row r="186735" spans="8:8">
      <c r="H186735" s="12"/>
    </row>
    <row r="186736" spans="8:8">
      <c r="H186736" s="12"/>
    </row>
    <row r="186737" spans="8:8">
      <c r="H186737" s="12"/>
    </row>
    <row r="186738" spans="8:8">
      <c r="H186738" s="12"/>
    </row>
    <row r="186739" spans="8:8">
      <c r="H186739" s="12"/>
    </row>
    <row r="186740" spans="8:8">
      <c r="H186740" s="12"/>
    </row>
    <row r="186741" spans="8:8">
      <c r="H186741" s="12"/>
    </row>
    <row r="186742" spans="8:8">
      <c r="H186742" s="12"/>
    </row>
    <row r="186743" spans="8:8">
      <c r="H186743" s="12"/>
    </row>
    <row r="186744" spans="8:8">
      <c r="H186744" s="12"/>
    </row>
    <row r="186745" spans="8:8">
      <c r="H186745" s="12"/>
    </row>
    <row r="186746" spans="8:8">
      <c r="H186746" s="12"/>
    </row>
    <row r="186747" spans="8:8">
      <c r="H186747" s="12"/>
    </row>
    <row r="186748" spans="8:8">
      <c r="H186748" s="12"/>
    </row>
    <row r="186749" spans="8:8">
      <c r="H186749" s="12"/>
    </row>
    <row r="186750" spans="8:8">
      <c r="H186750" s="12"/>
    </row>
    <row r="186751" spans="8:8">
      <c r="H186751" s="12"/>
    </row>
    <row r="186752" spans="8:8">
      <c r="H186752" s="12"/>
    </row>
    <row r="186753" spans="8:8">
      <c r="H186753" s="12"/>
    </row>
    <row r="186754" spans="8:8">
      <c r="H186754" s="12"/>
    </row>
    <row r="186755" spans="8:8">
      <c r="H186755" s="12"/>
    </row>
    <row r="186756" spans="8:8">
      <c r="H186756" s="12"/>
    </row>
    <row r="186757" spans="8:8">
      <c r="H186757" s="12"/>
    </row>
    <row r="186758" spans="8:8">
      <c r="H186758" s="12"/>
    </row>
    <row r="186759" spans="8:8">
      <c r="H186759" s="12"/>
    </row>
    <row r="186760" spans="8:8">
      <c r="H186760" s="12"/>
    </row>
    <row r="186761" spans="8:8">
      <c r="H186761" s="12"/>
    </row>
    <row r="186762" spans="8:8">
      <c r="H186762" s="12"/>
    </row>
    <row r="186763" spans="8:8">
      <c r="H186763" s="12"/>
    </row>
    <row r="186764" spans="8:8">
      <c r="H186764" s="12"/>
    </row>
    <row r="186765" spans="8:8">
      <c r="H186765" s="12"/>
    </row>
    <row r="186766" spans="8:8">
      <c r="H186766" s="12"/>
    </row>
    <row r="186767" spans="8:8">
      <c r="H186767" s="12"/>
    </row>
    <row r="186768" spans="8:8">
      <c r="H186768" s="12"/>
    </row>
    <row r="186769" spans="8:8">
      <c r="H186769" s="12"/>
    </row>
    <row r="186770" spans="8:8">
      <c r="H186770" s="12"/>
    </row>
    <row r="186771" spans="8:8">
      <c r="H186771" s="12"/>
    </row>
    <row r="186772" spans="8:8">
      <c r="H186772" s="12"/>
    </row>
    <row r="186773" spans="8:8">
      <c r="H186773" s="12"/>
    </row>
    <row r="186774" spans="8:8">
      <c r="H186774" s="12"/>
    </row>
    <row r="186775" spans="8:8">
      <c r="H186775" s="12"/>
    </row>
    <row r="186776" spans="8:8">
      <c r="H186776" s="12"/>
    </row>
    <row r="186777" spans="8:8">
      <c r="H186777" s="12"/>
    </row>
    <row r="186778" spans="8:8">
      <c r="H186778" s="12"/>
    </row>
    <row r="186779" spans="8:8">
      <c r="H186779" s="12"/>
    </row>
    <row r="186780" spans="8:8">
      <c r="H186780" s="12"/>
    </row>
    <row r="186781" spans="8:8">
      <c r="H186781" s="12"/>
    </row>
    <row r="186782" spans="8:8">
      <c r="H186782" s="12"/>
    </row>
    <row r="186783" spans="8:8">
      <c r="H186783" s="12"/>
    </row>
    <row r="186784" spans="8:8">
      <c r="H186784" s="12"/>
    </row>
    <row r="186785" spans="8:8">
      <c r="H186785" s="12"/>
    </row>
    <row r="186786" spans="8:8">
      <c r="H186786" s="12"/>
    </row>
    <row r="186787" spans="8:8">
      <c r="H186787" s="12"/>
    </row>
    <row r="186788" spans="8:8">
      <c r="H186788" s="12"/>
    </row>
    <row r="186789" spans="8:8">
      <c r="H186789" s="12"/>
    </row>
    <row r="186790" spans="8:8">
      <c r="H186790" s="12"/>
    </row>
    <row r="186791" spans="8:8">
      <c r="H186791" s="12"/>
    </row>
    <row r="186792" spans="8:8">
      <c r="H186792" s="12"/>
    </row>
    <row r="186793" spans="8:8">
      <c r="H186793" s="12"/>
    </row>
    <row r="186794" spans="8:8">
      <c r="H186794" s="12"/>
    </row>
    <row r="186795" spans="8:8">
      <c r="H186795" s="12"/>
    </row>
    <row r="186796" spans="8:8">
      <c r="H186796" s="12"/>
    </row>
    <row r="186797" spans="8:8">
      <c r="H186797" s="12"/>
    </row>
    <row r="186798" spans="8:8">
      <c r="H186798" s="12"/>
    </row>
    <row r="186799" spans="8:8">
      <c r="H186799" s="12"/>
    </row>
    <row r="186800" spans="8:8">
      <c r="H186800" s="12"/>
    </row>
    <row r="186801" spans="8:8">
      <c r="H186801" s="12"/>
    </row>
    <row r="186802" spans="8:8">
      <c r="H186802" s="12"/>
    </row>
    <row r="186803" spans="8:8">
      <c r="H186803" s="12"/>
    </row>
    <row r="186804" spans="8:8">
      <c r="H186804" s="12"/>
    </row>
    <row r="186805" spans="8:8">
      <c r="H186805" s="12"/>
    </row>
    <row r="186806" spans="8:8">
      <c r="H186806" s="12"/>
    </row>
    <row r="186807" spans="8:8">
      <c r="H186807" s="12"/>
    </row>
    <row r="186808" spans="8:8">
      <c r="H186808" s="12"/>
    </row>
    <row r="186809" spans="8:8">
      <c r="H186809" s="12"/>
    </row>
    <row r="186810" spans="8:8">
      <c r="H186810" s="12"/>
    </row>
    <row r="186811" spans="8:8">
      <c r="H186811" s="12"/>
    </row>
    <row r="186812" spans="8:8">
      <c r="H186812" s="12"/>
    </row>
    <row r="186813" spans="8:8">
      <c r="H186813" s="12"/>
    </row>
    <row r="186814" spans="8:8">
      <c r="H186814" s="12"/>
    </row>
    <row r="186815" spans="8:8">
      <c r="H186815" s="12"/>
    </row>
    <row r="186816" spans="8:8">
      <c r="H186816" s="12"/>
    </row>
    <row r="186817" spans="8:8">
      <c r="H186817" s="12"/>
    </row>
    <row r="186818" spans="8:8">
      <c r="H186818" s="12"/>
    </row>
    <row r="186819" spans="8:8">
      <c r="H186819" s="12"/>
    </row>
    <row r="186820" spans="8:8">
      <c r="H186820" s="12"/>
    </row>
    <row r="186821" spans="8:8">
      <c r="H186821" s="12"/>
    </row>
    <row r="186822" spans="8:8">
      <c r="H186822" s="12"/>
    </row>
    <row r="186823" spans="8:8">
      <c r="H186823" s="12"/>
    </row>
    <row r="186824" spans="8:8">
      <c r="H186824" s="12"/>
    </row>
    <row r="186825" spans="8:8">
      <c r="H186825" s="12"/>
    </row>
    <row r="186826" spans="8:8">
      <c r="H186826" s="12"/>
    </row>
    <row r="186827" spans="8:8">
      <c r="H186827" s="12"/>
    </row>
    <row r="186828" spans="8:8">
      <c r="H186828" s="12"/>
    </row>
    <row r="186829" spans="8:8">
      <c r="H186829" s="12"/>
    </row>
    <row r="186830" spans="8:8">
      <c r="H186830" s="12"/>
    </row>
    <row r="186831" spans="8:8">
      <c r="H186831" s="12"/>
    </row>
    <row r="186832" spans="8:8">
      <c r="H186832" s="12"/>
    </row>
    <row r="186833" spans="8:8">
      <c r="H186833" s="12"/>
    </row>
    <row r="186834" spans="8:8">
      <c r="H186834" s="12"/>
    </row>
    <row r="186835" spans="8:8">
      <c r="H186835" s="12"/>
    </row>
    <row r="186836" spans="8:8">
      <c r="H186836" s="12"/>
    </row>
    <row r="186837" spans="8:8">
      <c r="H186837" s="12"/>
    </row>
    <row r="186838" spans="8:8">
      <c r="H186838" s="12"/>
    </row>
    <row r="186839" spans="8:8">
      <c r="H186839" s="12"/>
    </row>
    <row r="186840" spans="8:8">
      <c r="H186840" s="12"/>
    </row>
    <row r="186841" spans="8:8">
      <c r="H186841" s="12"/>
    </row>
    <row r="186842" spans="8:8">
      <c r="H186842" s="12"/>
    </row>
    <row r="186843" spans="8:8">
      <c r="H186843" s="12"/>
    </row>
    <row r="186844" spans="8:8">
      <c r="H186844" s="12"/>
    </row>
    <row r="186845" spans="8:8">
      <c r="H186845" s="12"/>
    </row>
    <row r="186846" spans="8:8">
      <c r="H186846" s="12"/>
    </row>
    <row r="186847" spans="8:8">
      <c r="H186847" s="12"/>
    </row>
    <row r="186848" spans="8:8">
      <c r="H186848" s="12"/>
    </row>
    <row r="186849" spans="8:8">
      <c r="H186849" s="12"/>
    </row>
    <row r="186850" spans="8:8">
      <c r="H186850" s="12"/>
    </row>
    <row r="186851" spans="8:8">
      <c r="H186851" s="12"/>
    </row>
    <row r="186852" spans="8:8">
      <c r="H186852" s="12"/>
    </row>
    <row r="186853" spans="8:8">
      <c r="H186853" s="12"/>
    </row>
    <row r="186854" spans="8:8">
      <c r="H186854" s="12"/>
    </row>
    <row r="186855" spans="8:8">
      <c r="H186855" s="12"/>
    </row>
    <row r="186856" spans="8:8">
      <c r="H186856" s="12"/>
    </row>
    <row r="186857" spans="8:8">
      <c r="H186857" s="12"/>
    </row>
    <row r="186858" spans="8:8">
      <c r="H186858" s="12"/>
    </row>
    <row r="186859" spans="8:8">
      <c r="H186859" s="12"/>
    </row>
    <row r="186860" spans="8:8">
      <c r="H186860" s="12"/>
    </row>
    <row r="186861" spans="8:8">
      <c r="H186861" s="12"/>
    </row>
    <row r="186862" spans="8:8">
      <c r="H186862" s="12"/>
    </row>
    <row r="186863" spans="8:8">
      <c r="H186863" s="12"/>
    </row>
    <row r="186864" spans="8:8">
      <c r="H186864" s="12"/>
    </row>
    <row r="186865" spans="8:8">
      <c r="H186865" s="12"/>
    </row>
    <row r="186866" spans="8:8">
      <c r="H186866" s="12"/>
    </row>
    <row r="186867" spans="8:8">
      <c r="H186867" s="12"/>
    </row>
    <row r="186868" spans="8:8">
      <c r="H186868" s="12"/>
    </row>
    <row r="186869" spans="8:8">
      <c r="H186869" s="12"/>
    </row>
    <row r="186870" spans="8:8">
      <c r="H186870" s="12"/>
    </row>
    <row r="186871" spans="8:8">
      <c r="H186871" s="12"/>
    </row>
    <row r="186872" spans="8:8">
      <c r="H186872" s="12"/>
    </row>
    <row r="186873" spans="8:8">
      <c r="H186873" s="12"/>
    </row>
    <row r="186874" spans="8:8">
      <c r="H186874" s="12"/>
    </row>
    <row r="186875" spans="8:8">
      <c r="H186875" s="12"/>
    </row>
    <row r="186876" spans="8:8">
      <c r="H186876" s="12"/>
    </row>
    <row r="186877" spans="8:8">
      <c r="H186877" s="12"/>
    </row>
    <row r="186878" spans="8:8">
      <c r="H186878" s="12"/>
    </row>
    <row r="186879" spans="8:8">
      <c r="H186879" s="12"/>
    </row>
    <row r="186880" spans="8:8">
      <c r="H186880" s="12"/>
    </row>
    <row r="186881" spans="8:8">
      <c r="H186881" s="12"/>
    </row>
    <row r="186882" spans="8:8">
      <c r="H186882" s="12"/>
    </row>
    <row r="186883" spans="8:8">
      <c r="H186883" s="12"/>
    </row>
    <row r="186884" spans="8:8">
      <c r="H186884" s="12"/>
    </row>
    <row r="186885" spans="8:8">
      <c r="H186885" s="12"/>
    </row>
    <row r="186886" spans="8:8">
      <c r="H186886" s="12"/>
    </row>
    <row r="186887" spans="8:8">
      <c r="H186887" s="12"/>
    </row>
    <row r="186888" spans="8:8">
      <c r="H186888" s="12"/>
    </row>
    <row r="186889" spans="8:8">
      <c r="H186889" s="12"/>
    </row>
    <row r="186890" spans="8:8">
      <c r="H186890" s="12"/>
    </row>
    <row r="186891" spans="8:8">
      <c r="H186891" s="12"/>
    </row>
    <row r="186892" spans="8:8">
      <c r="H186892" s="12"/>
    </row>
    <row r="186893" spans="8:8">
      <c r="H186893" s="12"/>
    </row>
    <row r="186894" spans="8:8">
      <c r="H186894" s="12"/>
    </row>
    <row r="186895" spans="8:8">
      <c r="H186895" s="12"/>
    </row>
    <row r="186896" spans="8:8">
      <c r="H186896" s="12"/>
    </row>
    <row r="186897" spans="8:8">
      <c r="H186897" s="12"/>
    </row>
    <row r="186898" spans="8:8">
      <c r="H186898" s="12"/>
    </row>
    <row r="186899" spans="8:8">
      <c r="H186899" s="12"/>
    </row>
    <row r="186900" spans="8:8">
      <c r="H186900" s="12"/>
    </row>
    <row r="186901" spans="8:8">
      <c r="H186901" s="12"/>
    </row>
    <row r="186902" spans="8:8">
      <c r="H186902" s="12"/>
    </row>
    <row r="186903" spans="8:8">
      <c r="H186903" s="12"/>
    </row>
    <row r="186904" spans="8:8">
      <c r="H186904" s="12"/>
    </row>
    <row r="186905" spans="8:8">
      <c r="H186905" s="12"/>
    </row>
    <row r="186906" spans="8:8">
      <c r="H186906" s="12"/>
    </row>
    <row r="186907" spans="8:8">
      <c r="H186907" s="12"/>
    </row>
    <row r="186908" spans="8:8">
      <c r="H186908" s="12"/>
    </row>
    <row r="186909" spans="8:8">
      <c r="H186909" s="12"/>
    </row>
    <row r="186910" spans="8:8">
      <c r="H186910" s="12"/>
    </row>
    <row r="186911" spans="8:8">
      <c r="H186911" s="12"/>
    </row>
    <row r="186912" spans="8:8">
      <c r="H186912" s="12"/>
    </row>
    <row r="186913" spans="8:8">
      <c r="H186913" s="12"/>
    </row>
    <row r="186914" spans="8:8">
      <c r="H186914" s="12"/>
    </row>
    <row r="186915" spans="8:8">
      <c r="H186915" s="12"/>
    </row>
    <row r="186916" spans="8:8">
      <c r="H186916" s="12"/>
    </row>
    <row r="186917" spans="8:8">
      <c r="H186917" s="12"/>
    </row>
    <row r="186918" spans="8:8">
      <c r="H186918" s="12"/>
    </row>
    <row r="186919" spans="8:8">
      <c r="H186919" s="12"/>
    </row>
    <row r="186920" spans="8:8">
      <c r="H186920" s="12"/>
    </row>
    <row r="186921" spans="8:8">
      <c r="H186921" s="12"/>
    </row>
    <row r="186922" spans="8:8">
      <c r="H186922" s="12"/>
    </row>
    <row r="186923" spans="8:8">
      <c r="H186923" s="12"/>
    </row>
    <row r="186924" spans="8:8">
      <c r="H186924" s="12"/>
    </row>
    <row r="186925" spans="8:8">
      <c r="H186925" s="12"/>
    </row>
    <row r="186926" spans="8:8">
      <c r="H186926" s="12"/>
    </row>
    <row r="186927" spans="8:8">
      <c r="H186927" s="12"/>
    </row>
    <row r="186928" spans="8:8">
      <c r="H186928" s="12"/>
    </row>
    <row r="186929" spans="8:8">
      <c r="H186929" s="12"/>
    </row>
    <row r="186930" spans="8:8">
      <c r="H186930" s="12"/>
    </row>
    <row r="186931" spans="8:8">
      <c r="H186931" s="12"/>
    </row>
    <row r="186932" spans="8:8">
      <c r="H186932" s="12"/>
    </row>
    <row r="186933" spans="8:8">
      <c r="H186933" s="12"/>
    </row>
    <row r="186934" spans="8:8">
      <c r="H186934" s="12"/>
    </row>
    <row r="186935" spans="8:8">
      <c r="H186935" s="12"/>
    </row>
    <row r="186936" spans="8:8">
      <c r="H186936" s="12"/>
    </row>
    <row r="186937" spans="8:8">
      <c r="H186937" s="12"/>
    </row>
    <row r="186938" spans="8:8">
      <c r="H186938" s="12"/>
    </row>
    <row r="186939" spans="8:8">
      <c r="H186939" s="12"/>
    </row>
    <row r="186940" spans="8:8">
      <c r="H186940" s="12"/>
    </row>
    <row r="186941" spans="8:8">
      <c r="H186941" s="12"/>
    </row>
    <row r="186942" spans="8:8">
      <c r="H186942" s="12"/>
    </row>
    <row r="186943" spans="8:8">
      <c r="H186943" s="12"/>
    </row>
    <row r="186944" spans="8:8">
      <c r="H186944" s="12"/>
    </row>
    <row r="186945" spans="8:8">
      <c r="H186945" s="12"/>
    </row>
    <row r="186946" spans="8:8">
      <c r="H186946" s="12"/>
    </row>
    <row r="186947" spans="8:8">
      <c r="H186947" s="12"/>
    </row>
    <row r="186948" spans="8:8">
      <c r="H186948" s="12"/>
    </row>
    <row r="186949" spans="8:8">
      <c r="H186949" s="12"/>
    </row>
    <row r="186950" spans="8:8">
      <c r="H186950" s="12"/>
    </row>
    <row r="186951" spans="8:8">
      <c r="H186951" s="12"/>
    </row>
    <row r="186952" spans="8:8">
      <c r="H186952" s="12"/>
    </row>
    <row r="186953" spans="8:8">
      <c r="H186953" s="12"/>
    </row>
    <row r="186954" spans="8:8">
      <c r="H186954" s="12"/>
    </row>
    <row r="186955" spans="8:8">
      <c r="H186955" s="12"/>
    </row>
    <row r="186956" spans="8:8">
      <c r="H186956" s="12"/>
    </row>
    <row r="186957" spans="8:8">
      <c r="H186957" s="12"/>
    </row>
    <row r="186958" spans="8:8">
      <c r="H186958" s="12"/>
    </row>
    <row r="186959" spans="8:8">
      <c r="H186959" s="12"/>
    </row>
    <row r="186960" spans="8:8">
      <c r="H186960" s="12"/>
    </row>
    <row r="186961" spans="8:8">
      <c r="H186961" s="12"/>
    </row>
    <row r="186962" spans="8:8">
      <c r="H186962" s="12"/>
    </row>
    <row r="186963" spans="8:8">
      <c r="H186963" s="12"/>
    </row>
    <row r="186964" spans="8:8">
      <c r="H186964" s="12"/>
    </row>
    <row r="186965" spans="8:8">
      <c r="H186965" s="12"/>
    </row>
    <row r="186966" spans="8:8">
      <c r="H186966" s="12"/>
    </row>
    <row r="186967" spans="8:8">
      <c r="H186967" s="12"/>
    </row>
    <row r="186968" spans="8:8">
      <c r="H186968" s="12"/>
    </row>
    <row r="186969" spans="8:8">
      <c r="H186969" s="12"/>
    </row>
    <row r="186970" spans="8:8">
      <c r="H186970" s="12"/>
    </row>
    <row r="186971" spans="8:8">
      <c r="H186971" s="12"/>
    </row>
    <row r="186972" spans="8:8">
      <c r="H186972" s="12"/>
    </row>
    <row r="186973" spans="8:8">
      <c r="H186973" s="12"/>
    </row>
    <row r="186974" spans="8:8">
      <c r="H186974" s="12"/>
    </row>
    <row r="186975" spans="8:8">
      <c r="H186975" s="12"/>
    </row>
    <row r="186976" spans="8:8">
      <c r="H186976" s="12"/>
    </row>
    <row r="186977" spans="8:8">
      <c r="H186977" s="12"/>
    </row>
    <row r="186978" spans="8:8">
      <c r="H186978" s="12"/>
    </row>
    <row r="186979" spans="8:8">
      <c r="H186979" s="12"/>
    </row>
    <row r="186980" spans="8:8">
      <c r="H186980" s="12"/>
    </row>
    <row r="186981" spans="8:8">
      <c r="H186981" s="12"/>
    </row>
    <row r="186982" spans="8:8">
      <c r="H186982" s="12"/>
    </row>
    <row r="186983" spans="8:8">
      <c r="H186983" s="12"/>
    </row>
    <row r="186984" spans="8:8">
      <c r="H186984" s="12"/>
    </row>
    <row r="186985" spans="8:8">
      <c r="H186985" s="12"/>
    </row>
    <row r="186986" spans="8:8">
      <c r="H186986" s="12"/>
    </row>
    <row r="186987" spans="8:8">
      <c r="H186987" s="12"/>
    </row>
    <row r="186988" spans="8:8">
      <c r="H186988" s="12"/>
    </row>
    <row r="186989" spans="8:8">
      <c r="H186989" s="12"/>
    </row>
    <row r="186990" spans="8:8">
      <c r="H186990" s="12"/>
    </row>
    <row r="186991" spans="8:8">
      <c r="H186991" s="12"/>
    </row>
    <row r="186992" spans="8:8">
      <c r="H186992" s="12"/>
    </row>
    <row r="186993" spans="8:8">
      <c r="H186993" s="12"/>
    </row>
    <row r="186994" spans="8:8">
      <c r="H186994" s="12"/>
    </row>
    <row r="186995" spans="8:8">
      <c r="H186995" s="12"/>
    </row>
    <row r="186996" spans="8:8">
      <c r="H186996" s="12"/>
    </row>
    <row r="186997" spans="8:8">
      <c r="H186997" s="12"/>
    </row>
    <row r="186998" spans="8:8">
      <c r="H186998" s="12"/>
    </row>
    <row r="186999" spans="8:8">
      <c r="H186999" s="12"/>
    </row>
    <row r="187000" spans="8:8">
      <c r="H187000" s="12"/>
    </row>
    <row r="187001" spans="8:8">
      <c r="H187001" s="12"/>
    </row>
    <row r="187002" spans="8:8">
      <c r="H187002" s="12"/>
    </row>
    <row r="187003" spans="8:8">
      <c r="H187003" s="12"/>
    </row>
    <row r="187004" spans="8:8">
      <c r="H187004" s="12"/>
    </row>
    <row r="187005" spans="8:8">
      <c r="H187005" s="12"/>
    </row>
    <row r="187006" spans="8:8">
      <c r="H187006" s="12"/>
    </row>
    <row r="187007" spans="8:8">
      <c r="H187007" s="12"/>
    </row>
    <row r="187008" spans="8:8">
      <c r="H187008" s="12"/>
    </row>
    <row r="187009" spans="8:8">
      <c r="H187009" s="12"/>
    </row>
    <row r="187010" spans="8:8">
      <c r="H187010" s="12"/>
    </row>
    <row r="187011" spans="8:8">
      <c r="H187011" s="12"/>
    </row>
    <row r="187012" spans="8:8">
      <c r="H187012" s="12"/>
    </row>
    <row r="187013" spans="8:8">
      <c r="H187013" s="12"/>
    </row>
    <row r="187014" spans="8:8">
      <c r="H187014" s="12"/>
    </row>
    <row r="187015" spans="8:8">
      <c r="H187015" s="12"/>
    </row>
    <row r="187016" spans="8:8">
      <c r="H187016" s="12"/>
    </row>
    <row r="187017" spans="8:8">
      <c r="H187017" s="12"/>
    </row>
    <row r="187018" spans="8:8">
      <c r="H187018" s="12"/>
    </row>
    <row r="187019" spans="8:8">
      <c r="H187019" s="12"/>
    </row>
    <row r="187020" spans="8:8">
      <c r="H187020" s="12"/>
    </row>
    <row r="187021" spans="8:8">
      <c r="H187021" s="12"/>
    </row>
    <row r="187022" spans="8:8">
      <c r="H187022" s="12"/>
    </row>
    <row r="187023" spans="8:8">
      <c r="H187023" s="12"/>
    </row>
    <row r="187024" spans="8:8">
      <c r="H187024" s="12"/>
    </row>
    <row r="187025" spans="8:8">
      <c r="H187025" s="12"/>
    </row>
    <row r="187026" spans="8:8">
      <c r="H187026" s="12"/>
    </row>
    <row r="187027" spans="8:8">
      <c r="H187027" s="12"/>
    </row>
    <row r="187028" spans="8:8">
      <c r="H187028" s="12"/>
    </row>
    <row r="187029" spans="8:8">
      <c r="H187029" s="12"/>
    </row>
    <row r="187030" spans="8:8">
      <c r="H187030" s="12"/>
    </row>
    <row r="187031" spans="8:8">
      <c r="H187031" s="12"/>
    </row>
    <row r="187032" spans="8:8">
      <c r="H187032" s="12"/>
    </row>
    <row r="187033" spans="8:8">
      <c r="H187033" s="12"/>
    </row>
    <row r="187034" spans="8:8">
      <c r="H187034" s="12"/>
    </row>
    <row r="187035" spans="8:8">
      <c r="H187035" s="12"/>
    </row>
    <row r="187036" spans="8:8">
      <c r="H187036" s="12"/>
    </row>
    <row r="187037" spans="8:8">
      <c r="H187037" s="12"/>
    </row>
    <row r="187038" spans="8:8">
      <c r="H187038" s="12"/>
    </row>
    <row r="187039" spans="8:8">
      <c r="H187039" s="12"/>
    </row>
    <row r="187040" spans="8:8">
      <c r="H187040" s="12"/>
    </row>
    <row r="187041" spans="8:8">
      <c r="H187041" s="12"/>
    </row>
    <row r="187042" spans="8:8">
      <c r="H187042" s="12"/>
    </row>
    <row r="187043" spans="8:8">
      <c r="H187043" s="12"/>
    </row>
    <row r="187044" spans="8:8">
      <c r="H187044" s="12"/>
    </row>
    <row r="187045" spans="8:8">
      <c r="H187045" s="12"/>
    </row>
    <row r="187046" spans="8:8">
      <c r="H187046" s="12"/>
    </row>
    <row r="187047" spans="8:8">
      <c r="H187047" s="12"/>
    </row>
    <row r="187048" spans="8:8">
      <c r="H187048" s="12"/>
    </row>
    <row r="187049" spans="8:8">
      <c r="H187049" s="12"/>
    </row>
    <row r="187050" spans="8:8">
      <c r="H187050" s="12"/>
    </row>
    <row r="187051" spans="8:8">
      <c r="H187051" s="12"/>
    </row>
    <row r="187052" spans="8:8">
      <c r="H187052" s="12"/>
    </row>
    <row r="187053" spans="8:8">
      <c r="H187053" s="12"/>
    </row>
    <row r="187054" spans="8:8">
      <c r="H187054" s="12"/>
    </row>
    <row r="187055" spans="8:8">
      <c r="H187055" s="12"/>
    </row>
    <row r="187056" spans="8:8">
      <c r="H187056" s="12"/>
    </row>
    <row r="187057" spans="8:8">
      <c r="H187057" s="12"/>
    </row>
    <row r="187058" spans="8:8">
      <c r="H187058" s="12"/>
    </row>
    <row r="187059" spans="8:8">
      <c r="H187059" s="12"/>
    </row>
    <row r="187060" spans="8:8">
      <c r="H187060" s="12"/>
    </row>
    <row r="187061" spans="8:8">
      <c r="H187061" s="12"/>
    </row>
    <row r="187062" spans="8:8">
      <c r="H187062" s="12"/>
    </row>
    <row r="187063" spans="8:8">
      <c r="H187063" s="12"/>
    </row>
    <row r="187064" spans="8:8">
      <c r="H187064" s="12"/>
    </row>
    <row r="187065" spans="8:8">
      <c r="H187065" s="12"/>
    </row>
    <row r="187066" spans="8:8">
      <c r="H187066" s="12"/>
    </row>
    <row r="187067" spans="8:8">
      <c r="H187067" s="12"/>
    </row>
    <row r="187068" spans="8:8">
      <c r="H187068" s="12"/>
    </row>
    <row r="187069" spans="8:8">
      <c r="H187069" s="12"/>
    </row>
    <row r="187070" spans="8:8">
      <c r="H187070" s="12"/>
    </row>
    <row r="187071" spans="8:8">
      <c r="H187071" s="12"/>
    </row>
    <row r="187072" spans="8:8">
      <c r="H187072" s="12"/>
    </row>
    <row r="187073" spans="8:8">
      <c r="H187073" s="12"/>
    </row>
    <row r="187074" spans="8:8">
      <c r="H187074" s="12"/>
    </row>
    <row r="187075" spans="8:8">
      <c r="H187075" s="12"/>
    </row>
    <row r="187076" spans="8:8">
      <c r="H187076" s="12"/>
    </row>
    <row r="187077" spans="8:8">
      <c r="H187077" s="12"/>
    </row>
    <row r="187078" spans="8:8">
      <c r="H187078" s="12"/>
    </row>
    <row r="187079" spans="8:8">
      <c r="H187079" s="12"/>
    </row>
    <row r="187080" spans="8:8">
      <c r="H187080" s="12"/>
    </row>
    <row r="187081" spans="8:8">
      <c r="H187081" s="12"/>
    </row>
    <row r="187082" spans="8:8">
      <c r="H187082" s="12"/>
    </row>
    <row r="187083" spans="8:8">
      <c r="H187083" s="12"/>
    </row>
    <row r="187084" spans="8:8">
      <c r="H187084" s="12"/>
    </row>
    <row r="187085" spans="8:8">
      <c r="H187085" s="12"/>
    </row>
    <row r="187086" spans="8:8">
      <c r="H187086" s="12"/>
    </row>
    <row r="187087" spans="8:8">
      <c r="H187087" s="12"/>
    </row>
    <row r="187088" spans="8:8">
      <c r="H187088" s="12"/>
    </row>
    <row r="187089" spans="8:8">
      <c r="H187089" s="12"/>
    </row>
    <row r="187090" spans="8:8">
      <c r="H187090" s="12"/>
    </row>
    <row r="187091" spans="8:8">
      <c r="H187091" s="12"/>
    </row>
    <row r="187092" spans="8:8">
      <c r="H187092" s="12"/>
    </row>
    <row r="187093" spans="8:8">
      <c r="H187093" s="12"/>
    </row>
    <row r="187094" spans="8:8">
      <c r="H187094" s="12"/>
    </row>
    <row r="187095" spans="8:8">
      <c r="H187095" s="12"/>
    </row>
    <row r="187096" spans="8:8">
      <c r="H187096" s="12"/>
    </row>
    <row r="187097" spans="8:8">
      <c r="H187097" s="12"/>
    </row>
    <row r="187098" spans="8:8">
      <c r="H187098" s="12"/>
    </row>
    <row r="187099" spans="8:8">
      <c r="H187099" s="12"/>
    </row>
    <row r="187100" spans="8:8">
      <c r="H187100" s="12"/>
    </row>
    <row r="187101" spans="8:8">
      <c r="H187101" s="12"/>
    </row>
    <row r="187102" spans="8:8">
      <c r="H187102" s="12"/>
    </row>
    <row r="187103" spans="8:8">
      <c r="H187103" s="12"/>
    </row>
    <row r="187104" spans="8:8">
      <c r="H187104" s="12"/>
    </row>
    <row r="187105" spans="8:8">
      <c r="H187105" s="12"/>
    </row>
    <row r="187106" spans="8:8">
      <c r="H187106" s="12"/>
    </row>
    <row r="187107" spans="8:8">
      <c r="H187107" s="12"/>
    </row>
    <row r="187108" spans="8:8">
      <c r="H187108" s="12"/>
    </row>
    <row r="187109" spans="8:8">
      <c r="H187109" s="12"/>
    </row>
    <row r="187110" spans="8:8">
      <c r="H187110" s="12"/>
    </row>
    <row r="187111" spans="8:8">
      <c r="H187111" s="12"/>
    </row>
    <row r="187112" spans="8:8">
      <c r="H187112" s="12"/>
    </row>
    <row r="187113" spans="8:8">
      <c r="H187113" s="12"/>
    </row>
    <row r="187114" spans="8:8">
      <c r="H187114" s="12"/>
    </row>
    <row r="187115" spans="8:8">
      <c r="H187115" s="12"/>
    </row>
    <row r="187116" spans="8:8">
      <c r="H187116" s="12"/>
    </row>
    <row r="187117" spans="8:8">
      <c r="H187117" s="12"/>
    </row>
    <row r="187118" spans="8:8">
      <c r="H187118" s="12"/>
    </row>
    <row r="187119" spans="8:8">
      <c r="H187119" s="12"/>
    </row>
    <row r="187120" spans="8:8">
      <c r="H187120" s="12"/>
    </row>
    <row r="187121" spans="8:8">
      <c r="H187121" s="12"/>
    </row>
    <row r="187122" spans="8:8">
      <c r="H187122" s="12"/>
    </row>
    <row r="187123" spans="8:8">
      <c r="H187123" s="12"/>
    </row>
    <row r="187124" spans="8:8">
      <c r="H187124" s="12"/>
    </row>
    <row r="187125" spans="8:8">
      <c r="H187125" s="12"/>
    </row>
    <row r="187126" spans="8:8">
      <c r="H187126" s="12"/>
    </row>
    <row r="187127" spans="8:8">
      <c r="H187127" s="12"/>
    </row>
    <row r="187128" spans="8:8">
      <c r="H187128" s="12"/>
    </row>
    <row r="187129" spans="8:8">
      <c r="H187129" s="12"/>
    </row>
    <row r="187130" spans="8:8">
      <c r="H187130" s="12"/>
    </row>
    <row r="187131" spans="8:8">
      <c r="H187131" s="12"/>
    </row>
    <row r="187132" spans="8:8">
      <c r="H187132" s="12"/>
    </row>
    <row r="187133" spans="8:8">
      <c r="H187133" s="12"/>
    </row>
    <row r="187134" spans="8:8">
      <c r="H187134" s="12"/>
    </row>
    <row r="187135" spans="8:8">
      <c r="H187135" s="12"/>
    </row>
    <row r="187136" spans="8:8">
      <c r="H187136" s="12"/>
    </row>
    <row r="187137" spans="8:8">
      <c r="H187137" s="12"/>
    </row>
    <row r="187138" spans="8:8">
      <c r="H187138" s="12"/>
    </row>
    <row r="187139" spans="8:8">
      <c r="H187139" s="12"/>
    </row>
    <row r="187140" spans="8:8">
      <c r="H187140" s="12"/>
    </row>
    <row r="187141" spans="8:8">
      <c r="H187141" s="12"/>
    </row>
    <row r="187142" spans="8:8">
      <c r="H187142" s="12"/>
    </row>
    <row r="187143" spans="8:8">
      <c r="H187143" s="12"/>
    </row>
    <row r="187144" spans="8:8">
      <c r="H187144" s="12"/>
    </row>
    <row r="187145" spans="8:8">
      <c r="H187145" s="12"/>
    </row>
    <row r="187146" spans="8:8">
      <c r="H187146" s="12"/>
    </row>
    <row r="187147" spans="8:8">
      <c r="H187147" s="12"/>
    </row>
    <row r="187148" spans="8:8">
      <c r="H187148" s="12"/>
    </row>
    <row r="187149" spans="8:8">
      <c r="H187149" s="12"/>
    </row>
    <row r="187150" spans="8:8">
      <c r="H187150" s="12"/>
    </row>
    <row r="187151" spans="8:8">
      <c r="H187151" s="12"/>
    </row>
    <row r="187152" spans="8:8">
      <c r="H187152" s="12"/>
    </row>
    <row r="187153" spans="8:8">
      <c r="H187153" s="12"/>
    </row>
    <row r="187154" spans="8:8">
      <c r="H187154" s="12"/>
    </row>
    <row r="187155" spans="8:8">
      <c r="H187155" s="12"/>
    </row>
    <row r="187156" spans="8:8">
      <c r="H187156" s="12"/>
    </row>
    <row r="187157" spans="8:8">
      <c r="H187157" s="12"/>
    </row>
    <row r="187158" spans="8:8">
      <c r="H187158" s="12"/>
    </row>
    <row r="187159" spans="8:8">
      <c r="H187159" s="12"/>
    </row>
    <row r="187160" spans="8:8">
      <c r="H187160" s="12"/>
    </row>
    <row r="187161" spans="8:8">
      <c r="H187161" s="12"/>
    </row>
    <row r="187162" spans="8:8">
      <c r="H187162" s="12"/>
    </row>
    <row r="187163" spans="8:8">
      <c r="H187163" s="12"/>
    </row>
    <row r="187164" spans="8:8">
      <c r="H187164" s="12"/>
    </row>
    <row r="187165" spans="8:8">
      <c r="H187165" s="12"/>
    </row>
    <row r="187166" spans="8:8">
      <c r="H187166" s="12"/>
    </row>
    <row r="187167" spans="8:8">
      <c r="H187167" s="12"/>
    </row>
    <row r="187168" spans="8:8">
      <c r="H187168" s="12"/>
    </row>
    <row r="187169" spans="8:8">
      <c r="H187169" s="12"/>
    </row>
    <row r="187170" spans="8:8">
      <c r="H187170" s="12"/>
    </row>
    <row r="187171" spans="8:8">
      <c r="H187171" s="12"/>
    </row>
    <row r="187172" spans="8:8">
      <c r="H187172" s="12"/>
    </row>
    <row r="187173" spans="8:8">
      <c r="H187173" s="12"/>
    </row>
    <row r="187174" spans="8:8">
      <c r="H187174" s="12"/>
    </row>
    <row r="187175" spans="8:8">
      <c r="H187175" s="12"/>
    </row>
    <row r="187176" spans="8:8">
      <c r="H187176" s="12"/>
    </row>
    <row r="187177" spans="8:8">
      <c r="H187177" s="12"/>
    </row>
    <row r="187178" spans="8:8">
      <c r="H187178" s="12"/>
    </row>
    <row r="187179" spans="8:8">
      <c r="H187179" s="12"/>
    </row>
    <row r="187180" spans="8:8">
      <c r="H187180" s="12"/>
    </row>
    <row r="187181" spans="8:8">
      <c r="H187181" s="12"/>
    </row>
    <row r="187182" spans="8:8">
      <c r="H187182" s="12"/>
    </row>
    <row r="187183" spans="8:8">
      <c r="H187183" s="12"/>
    </row>
    <row r="187184" spans="8:8">
      <c r="H187184" s="12"/>
    </row>
    <row r="187185" spans="8:8">
      <c r="H187185" s="12"/>
    </row>
    <row r="187186" spans="8:8">
      <c r="H187186" s="12"/>
    </row>
    <row r="187187" spans="8:8">
      <c r="H187187" s="12"/>
    </row>
    <row r="187188" spans="8:8">
      <c r="H187188" s="12"/>
    </row>
    <row r="187189" spans="8:8">
      <c r="H187189" s="12"/>
    </row>
    <row r="187190" spans="8:8">
      <c r="H187190" s="12"/>
    </row>
    <row r="187191" spans="8:8">
      <c r="H187191" s="12"/>
    </row>
    <row r="187192" spans="8:8">
      <c r="H187192" s="12"/>
    </row>
    <row r="187193" spans="8:8">
      <c r="H187193" s="12"/>
    </row>
    <row r="187194" spans="8:8">
      <c r="H187194" s="12"/>
    </row>
    <row r="187195" spans="8:8">
      <c r="H187195" s="12"/>
    </row>
    <row r="187196" spans="8:8">
      <c r="H187196" s="12"/>
    </row>
    <row r="187197" spans="8:8">
      <c r="H187197" s="12"/>
    </row>
    <row r="187198" spans="8:8">
      <c r="H187198" s="12"/>
    </row>
    <row r="187199" spans="8:8">
      <c r="H187199" s="12"/>
    </row>
    <row r="187200" spans="8:8">
      <c r="H187200" s="12"/>
    </row>
    <row r="187201" spans="8:8">
      <c r="H187201" s="12"/>
    </row>
    <row r="187202" spans="8:8">
      <c r="H187202" s="12"/>
    </row>
    <row r="187203" spans="8:8">
      <c r="H187203" s="12"/>
    </row>
    <row r="187204" spans="8:8">
      <c r="H187204" s="12"/>
    </row>
    <row r="187205" spans="8:8">
      <c r="H187205" s="12"/>
    </row>
    <row r="187206" spans="8:8">
      <c r="H187206" s="12"/>
    </row>
    <row r="187207" spans="8:8">
      <c r="H187207" s="12"/>
    </row>
    <row r="187208" spans="8:8">
      <c r="H187208" s="12"/>
    </row>
    <row r="187209" spans="8:8">
      <c r="H187209" s="12"/>
    </row>
    <row r="187210" spans="8:8">
      <c r="H187210" s="12"/>
    </row>
    <row r="187211" spans="8:8">
      <c r="H187211" s="12"/>
    </row>
    <row r="187212" spans="8:8">
      <c r="H187212" s="12"/>
    </row>
    <row r="187213" spans="8:8">
      <c r="H187213" s="12"/>
    </row>
    <row r="187214" spans="8:8">
      <c r="H187214" s="12"/>
    </row>
    <row r="187215" spans="8:8">
      <c r="H187215" s="12"/>
    </row>
    <row r="187216" spans="8:8">
      <c r="H187216" s="12"/>
    </row>
    <row r="187217" spans="8:8">
      <c r="H187217" s="12"/>
    </row>
    <row r="187218" spans="8:8">
      <c r="H187218" s="12"/>
    </row>
    <row r="187219" spans="8:8">
      <c r="H187219" s="12"/>
    </row>
    <row r="187220" spans="8:8">
      <c r="H187220" s="12"/>
    </row>
    <row r="187221" spans="8:8">
      <c r="H187221" s="12"/>
    </row>
    <row r="187222" spans="8:8">
      <c r="H187222" s="12"/>
    </row>
    <row r="187223" spans="8:8">
      <c r="H187223" s="12"/>
    </row>
    <row r="187224" spans="8:8">
      <c r="H187224" s="12"/>
    </row>
    <row r="187225" spans="8:8">
      <c r="H187225" s="12"/>
    </row>
    <row r="187226" spans="8:8">
      <c r="H187226" s="12"/>
    </row>
    <row r="187227" spans="8:8">
      <c r="H187227" s="12"/>
    </row>
    <row r="187228" spans="8:8">
      <c r="H187228" s="12"/>
    </row>
    <row r="187229" spans="8:8">
      <c r="H187229" s="12"/>
    </row>
    <row r="187230" spans="8:8">
      <c r="H187230" s="12"/>
    </row>
    <row r="187231" spans="8:8">
      <c r="H187231" s="12"/>
    </row>
    <row r="187232" spans="8:8">
      <c r="H187232" s="12"/>
    </row>
    <row r="187233" spans="8:8">
      <c r="H187233" s="12"/>
    </row>
    <row r="187234" spans="8:8">
      <c r="H187234" s="12"/>
    </row>
    <row r="187235" spans="8:8">
      <c r="H187235" s="12"/>
    </row>
    <row r="187236" spans="8:8">
      <c r="H187236" s="12"/>
    </row>
    <row r="187237" spans="8:8">
      <c r="H187237" s="12"/>
    </row>
    <row r="187238" spans="8:8">
      <c r="H187238" s="12"/>
    </row>
    <row r="187239" spans="8:8">
      <c r="H187239" s="12"/>
    </row>
    <row r="187240" spans="8:8">
      <c r="H187240" s="12"/>
    </row>
    <row r="187241" spans="8:8">
      <c r="H187241" s="12"/>
    </row>
    <row r="187242" spans="8:8">
      <c r="H187242" s="12"/>
    </row>
    <row r="187243" spans="8:8">
      <c r="H187243" s="12"/>
    </row>
    <row r="187244" spans="8:8">
      <c r="H187244" s="12"/>
    </row>
    <row r="187245" spans="8:8">
      <c r="H187245" s="12"/>
    </row>
    <row r="187246" spans="8:8">
      <c r="H187246" s="12"/>
    </row>
    <row r="187247" spans="8:8">
      <c r="H187247" s="12"/>
    </row>
    <row r="187248" spans="8:8">
      <c r="H187248" s="12"/>
    </row>
    <row r="187249" spans="8:8">
      <c r="H187249" s="12"/>
    </row>
    <row r="187250" spans="8:8">
      <c r="H187250" s="12"/>
    </row>
    <row r="187251" spans="8:8">
      <c r="H187251" s="12"/>
    </row>
    <row r="187252" spans="8:8">
      <c r="H187252" s="12"/>
    </row>
    <row r="187253" spans="8:8">
      <c r="H187253" s="12"/>
    </row>
    <row r="187254" spans="8:8">
      <c r="H187254" s="12"/>
    </row>
    <row r="187255" spans="8:8">
      <c r="H187255" s="12"/>
    </row>
    <row r="187256" spans="8:8">
      <c r="H187256" s="12"/>
    </row>
    <row r="187257" spans="8:8">
      <c r="H187257" s="12"/>
    </row>
    <row r="187258" spans="8:8">
      <c r="H187258" s="12"/>
    </row>
    <row r="187259" spans="8:8">
      <c r="H187259" s="12"/>
    </row>
    <row r="187260" spans="8:8">
      <c r="H187260" s="12"/>
    </row>
    <row r="187261" spans="8:8">
      <c r="H187261" s="12"/>
    </row>
    <row r="187262" spans="8:8">
      <c r="H187262" s="12"/>
    </row>
    <row r="187263" spans="8:8">
      <c r="H187263" s="12"/>
    </row>
    <row r="187264" spans="8:8">
      <c r="H187264" s="12"/>
    </row>
    <row r="187265" spans="8:8">
      <c r="H187265" s="12"/>
    </row>
    <row r="187266" spans="8:8">
      <c r="H187266" s="12"/>
    </row>
    <row r="187267" spans="8:8">
      <c r="H187267" s="12"/>
    </row>
    <row r="187268" spans="8:8">
      <c r="H187268" s="12"/>
    </row>
    <row r="187269" spans="8:8">
      <c r="H187269" s="12"/>
    </row>
    <row r="187270" spans="8:8">
      <c r="H187270" s="12"/>
    </row>
    <row r="187271" spans="8:8">
      <c r="H187271" s="12"/>
    </row>
    <row r="187272" spans="8:8">
      <c r="H187272" s="12"/>
    </row>
    <row r="187273" spans="8:8">
      <c r="H187273" s="12"/>
    </row>
    <row r="187274" spans="8:8">
      <c r="H187274" s="12"/>
    </row>
    <row r="187275" spans="8:8">
      <c r="H187275" s="12"/>
    </row>
    <row r="187276" spans="8:8">
      <c r="H187276" s="12"/>
    </row>
    <row r="187277" spans="8:8">
      <c r="H187277" s="12"/>
    </row>
    <row r="187278" spans="8:8">
      <c r="H187278" s="12"/>
    </row>
    <row r="187279" spans="8:8">
      <c r="H187279" s="12"/>
    </row>
    <row r="187280" spans="8:8">
      <c r="H187280" s="12"/>
    </row>
    <row r="187281" spans="8:8">
      <c r="H187281" s="12"/>
    </row>
    <row r="187282" spans="8:8">
      <c r="H187282" s="12"/>
    </row>
    <row r="187283" spans="8:8">
      <c r="H187283" s="12"/>
    </row>
    <row r="187284" spans="8:8">
      <c r="H187284" s="12"/>
    </row>
    <row r="187285" spans="8:8">
      <c r="H187285" s="12"/>
    </row>
    <row r="187286" spans="8:8">
      <c r="H187286" s="12"/>
    </row>
    <row r="187287" spans="8:8">
      <c r="H187287" s="12"/>
    </row>
    <row r="187288" spans="8:8">
      <c r="H187288" s="12"/>
    </row>
    <row r="187289" spans="8:8">
      <c r="H187289" s="12"/>
    </row>
    <row r="187290" spans="8:8">
      <c r="H187290" s="12"/>
    </row>
    <row r="187291" spans="8:8">
      <c r="H187291" s="12"/>
    </row>
    <row r="187292" spans="8:8">
      <c r="H187292" s="12"/>
    </row>
    <row r="187293" spans="8:8">
      <c r="H187293" s="12"/>
    </row>
    <row r="187294" spans="8:8">
      <c r="H187294" s="12"/>
    </row>
    <row r="187295" spans="8:8">
      <c r="H187295" s="12"/>
    </row>
    <row r="187296" spans="8:8">
      <c r="H187296" s="12"/>
    </row>
    <row r="187297" spans="8:8">
      <c r="H187297" s="12"/>
    </row>
    <row r="187298" spans="8:8">
      <c r="H187298" s="12"/>
    </row>
    <row r="187299" spans="8:8">
      <c r="H187299" s="12"/>
    </row>
    <row r="187300" spans="8:8">
      <c r="H187300" s="12"/>
    </row>
    <row r="187301" spans="8:8">
      <c r="H187301" s="12"/>
    </row>
    <row r="187302" spans="8:8">
      <c r="H187302" s="12"/>
    </row>
    <row r="187303" spans="8:8">
      <c r="H187303" s="12"/>
    </row>
    <row r="187304" spans="8:8">
      <c r="H187304" s="12"/>
    </row>
    <row r="187305" spans="8:8">
      <c r="H187305" s="12"/>
    </row>
    <row r="187306" spans="8:8">
      <c r="H187306" s="12"/>
    </row>
    <row r="187307" spans="8:8">
      <c r="H187307" s="12"/>
    </row>
    <row r="187308" spans="8:8">
      <c r="H187308" s="12"/>
    </row>
    <row r="187309" spans="8:8">
      <c r="H187309" s="12"/>
    </row>
    <row r="187310" spans="8:8">
      <c r="H187310" s="12"/>
    </row>
    <row r="187311" spans="8:8">
      <c r="H187311" s="12"/>
    </row>
    <row r="187312" spans="8:8">
      <c r="H187312" s="12"/>
    </row>
    <row r="187313" spans="8:8">
      <c r="H187313" s="12"/>
    </row>
    <row r="187314" spans="8:8">
      <c r="H187314" s="12"/>
    </row>
    <row r="187315" spans="8:8">
      <c r="H187315" s="12"/>
    </row>
    <row r="187316" spans="8:8">
      <c r="H187316" s="12"/>
    </row>
    <row r="187317" spans="8:8">
      <c r="H187317" s="12"/>
    </row>
    <row r="187318" spans="8:8">
      <c r="H187318" s="12"/>
    </row>
    <row r="187319" spans="8:8">
      <c r="H187319" s="12"/>
    </row>
    <row r="187320" spans="8:8">
      <c r="H187320" s="12"/>
    </row>
    <row r="187321" spans="8:8">
      <c r="H187321" s="12"/>
    </row>
    <row r="187322" spans="8:8">
      <c r="H187322" s="12"/>
    </row>
    <row r="187323" spans="8:8">
      <c r="H187323" s="12"/>
    </row>
    <row r="187324" spans="8:8">
      <c r="H187324" s="12"/>
    </row>
    <row r="187325" spans="8:8">
      <c r="H187325" s="12"/>
    </row>
    <row r="187326" spans="8:8">
      <c r="H187326" s="12"/>
    </row>
    <row r="187327" spans="8:8">
      <c r="H187327" s="12"/>
    </row>
    <row r="187328" spans="8:8">
      <c r="H187328" s="12"/>
    </row>
    <row r="187329" spans="8:8">
      <c r="H187329" s="12"/>
    </row>
    <row r="187330" spans="8:8">
      <c r="H187330" s="12"/>
    </row>
    <row r="187331" spans="8:8">
      <c r="H187331" s="12"/>
    </row>
    <row r="187332" spans="8:8">
      <c r="H187332" s="12"/>
    </row>
    <row r="187333" spans="8:8">
      <c r="H187333" s="12"/>
    </row>
    <row r="187334" spans="8:8">
      <c r="H187334" s="12"/>
    </row>
    <row r="187335" spans="8:8">
      <c r="H187335" s="12"/>
    </row>
    <row r="187336" spans="8:8">
      <c r="H187336" s="12"/>
    </row>
    <row r="187337" spans="8:8">
      <c r="H187337" s="12"/>
    </row>
    <row r="187338" spans="8:8">
      <c r="H187338" s="12"/>
    </row>
    <row r="187339" spans="8:8">
      <c r="H187339" s="12"/>
    </row>
    <row r="187340" spans="8:8">
      <c r="H187340" s="12"/>
    </row>
    <row r="187341" spans="8:8">
      <c r="H187341" s="12"/>
    </row>
    <row r="187342" spans="8:8">
      <c r="H187342" s="12"/>
    </row>
    <row r="187343" spans="8:8">
      <c r="H187343" s="12"/>
    </row>
    <row r="187344" spans="8:8">
      <c r="H187344" s="12"/>
    </row>
    <row r="187345" spans="8:8">
      <c r="H187345" s="12"/>
    </row>
    <row r="187346" spans="8:8">
      <c r="H187346" s="12"/>
    </row>
    <row r="187347" spans="8:8">
      <c r="H187347" s="12"/>
    </row>
    <row r="187348" spans="8:8">
      <c r="H187348" s="12"/>
    </row>
    <row r="187349" spans="8:8">
      <c r="H187349" s="12"/>
    </row>
    <row r="187350" spans="8:8">
      <c r="H187350" s="12"/>
    </row>
    <row r="187351" spans="8:8">
      <c r="H187351" s="12"/>
    </row>
    <row r="187352" spans="8:8">
      <c r="H187352" s="12"/>
    </row>
    <row r="187353" spans="8:8">
      <c r="H187353" s="12"/>
    </row>
    <row r="187354" spans="8:8">
      <c r="H187354" s="12"/>
    </row>
    <row r="187355" spans="8:8">
      <c r="H187355" s="12"/>
    </row>
    <row r="187356" spans="8:8">
      <c r="H187356" s="12"/>
    </row>
    <row r="187357" spans="8:8">
      <c r="H187357" s="12"/>
    </row>
    <row r="187358" spans="8:8">
      <c r="H187358" s="12"/>
    </row>
    <row r="187359" spans="8:8">
      <c r="H187359" s="12"/>
    </row>
    <row r="187360" spans="8:8">
      <c r="H187360" s="12"/>
    </row>
    <row r="187361" spans="8:8">
      <c r="H187361" s="12"/>
    </row>
    <row r="187362" spans="8:8">
      <c r="H187362" s="12"/>
    </row>
    <row r="187363" spans="8:8">
      <c r="H187363" s="12"/>
    </row>
    <row r="187364" spans="8:8">
      <c r="H187364" s="12"/>
    </row>
    <row r="187365" spans="8:8">
      <c r="H187365" s="12"/>
    </row>
    <row r="187366" spans="8:8">
      <c r="H187366" s="12"/>
    </row>
    <row r="187367" spans="8:8">
      <c r="H187367" s="12"/>
    </row>
    <row r="187368" spans="8:8">
      <c r="H187368" s="12"/>
    </row>
    <row r="187369" spans="8:8">
      <c r="H187369" s="12"/>
    </row>
    <row r="187370" spans="8:8">
      <c r="H187370" s="12"/>
    </row>
    <row r="187371" spans="8:8">
      <c r="H187371" s="12"/>
    </row>
    <row r="187372" spans="8:8">
      <c r="H187372" s="12"/>
    </row>
    <row r="187373" spans="8:8">
      <c r="H187373" s="12"/>
    </row>
    <row r="187374" spans="8:8">
      <c r="H187374" s="12"/>
    </row>
    <row r="187375" spans="8:8">
      <c r="H187375" s="12"/>
    </row>
    <row r="187376" spans="8:8">
      <c r="H187376" s="12"/>
    </row>
    <row r="187377" spans="8:8">
      <c r="H187377" s="12"/>
    </row>
    <row r="187378" spans="8:8">
      <c r="H187378" s="12"/>
    </row>
    <row r="187379" spans="8:8">
      <c r="H187379" s="12"/>
    </row>
    <row r="187380" spans="8:8">
      <c r="H187380" s="12"/>
    </row>
    <row r="187381" spans="8:8">
      <c r="H187381" s="12"/>
    </row>
    <row r="187382" spans="8:8">
      <c r="H187382" s="12"/>
    </row>
    <row r="187383" spans="8:8">
      <c r="H187383" s="12"/>
    </row>
    <row r="187384" spans="8:8">
      <c r="H187384" s="12"/>
    </row>
    <row r="187385" spans="8:8">
      <c r="H187385" s="12"/>
    </row>
    <row r="187386" spans="8:8">
      <c r="H187386" s="12"/>
    </row>
    <row r="187387" spans="8:8">
      <c r="H187387" s="12"/>
    </row>
    <row r="187388" spans="8:8">
      <c r="H187388" s="12"/>
    </row>
    <row r="187389" spans="8:8">
      <c r="H187389" s="12"/>
    </row>
    <row r="187390" spans="8:8">
      <c r="H187390" s="12"/>
    </row>
    <row r="187391" spans="8:8">
      <c r="H187391" s="12"/>
    </row>
    <row r="187392" spans="8:8">
      <c r="H187392" s="12"/>
    </row>
    <row r="187393" spans="8:8">
      <c r="H187393" s="12"/>
    </row>
    <row r="187394" spans="8:8">
      <c r="H187394" s="12"/>
    </row>
    <row r="187395" spans="8:8">
      <c r="H187395" s="12"/>
    </row>
    <row r="187396" spans="8:8">
      <c r="H187396" s="12"/>
    </row>
    <row r="187397" spans="8:8">
      <c r="H187397" s="12"/>
    </row>
    <row r="187398" spans="8:8">
      <c r="H187398" s="12"/>
    </row>
    <row r="187399" spans="8:8">
      <c r="H187399" s="12"/>
    </row>
    <row r="187400" spans="8:8">
      <c r="H187400" s="12"/>
    </row>
    <row r="187401" spans="8:8">
      <c r="H187401" s="12"/>
    </row>
    <row r="187402" spans="8:8">
      <c r="H187402" s="12"/>
    </row>
    <row r="187403" spans="8:8">
      <c r="H187403" s="12"/>
    </row>
    <row r="187404" spans="8:8">
      <c r="H187404" s="12"/>
    </row>
    <row r="187405" spans="8:8">
      <c r="H187405" s="12"/>
    </row>
    <row r="187406" spans="8:8">
      <c r="H187406" s="12"/>
    </row>
    <row r="187407" spans="8:8">
      <c r="H187407" s="12"/>
    </row>
    <row r="187408" spans="8:8">
      <c r="H187408" s="12"/>
    </row>
    <row r="187409" spans="8:8">
      <c r="H187409" s="12"/>
    </row>
    <row r="187410" spans="8:8">
      <c r="H187410" s="12"/>
    </row>
    <row r="187411" spans="8:8">
      <c r="H187411" s="12"/>
    </row>
    <row r="187412" spans="8:8">
      <c r="H187412" s="12"/>
    </row>
    <row r="187413" spans="8:8">
      <c r="H187413" s="12"/>
    </row>
    <row r="187414" spans="8:8">
      <c r="H187414" s="12"/>
    </row>
    <row r="187415" spans="8:8">
      <c r="H187415" s="12"/>
    </row>
    <row r="187416" spans="8:8">
      <c r="H187416" s="12"/>
    </row>
    <row r="187417" spans="8:8">
      <c r="H187417" s="12"/>
    </row>
    <row r="187418" spans="8:8">
      <c r="H187418" s="12"/>
    </row>
    <row r="187419" spans="8:8">
      <c r="H187419" s="12"/>
    </row>
    <row r="187420" spans="8:8">
      <c r="H187420" s="12"/>
    </row>
    <row r="187421" spans="8:8">
      <c r="H187421" s="12"/>
    </row>
    <row r="187422" spans="8:8">
      <c r="H187422" s="12"/>
    </row>
    <row r="187423" spans="8:8">
      <c r="H187423" s="12"/>
    </row>
    <row r="187424" spans="8:8">
      <c r="H187424" s="12"/>
    </row>
    <row r="187425" spans="8:8">
      <c r="H187425" s="12"/>
    </row>
    <row r="187426" spans="8:8">
      <c r="H187426" s="12"/>
    </row>
    <row r="187427" spans="8:8">
      <c r="H187427" s="12"/>
    </row>
    <row r="187428" spans="8:8">
      <c r="H187428" s="12"/>
    </row>
    <row r="187429" spans="8:8">
      <c r="H187429" s="12"/>
    </row>
    <row r="187430" spans="8:8">
      <c r="H187430" s="12"/>
    </row>
    <row r="187431" spans="8:8">
      <c r="H187431" s="12"/>
    </row>
    <row r="187432" spans="8:8">
      <c r="H187432" s="12"/>
    </row>
    <row r="187433" spans="8:8">
      <c r="H187433" s="12"/>
    </row>
    <row r="187434" spans="8:8">
      <c r="H187434" s="12"/>
    </row>
    <row r="187435" spans="8:8">
      <c r="H187435" s="12"/>
    </row>
    <row r="187436" spans="8:8">
      <c r="H187436" s="12"/>
    </row>
    <row r="187437" spans="8:8">
      <c r="H187437" s="12"/>
    </row>
    <row r="187438" spans="8:8">
      <c r="H187438" s="12"/>
    </row>
    <row r="187439" spans="8:8">
      <c r="H187439" s="12"/>
    </row>
    <row r="187440" spans="8:8">
      <c r="H187440" s="12"/>
    </row>
    <row r="187441" spans="8:8">
      <c r="H187441" s="12"/>
    </row>
    <row r="187442" spans="8:8">
      <c r="H187442" s="12"/>
    </row>
    <row r="187443" spans="8:8">
      <c r="H187443" s="12"/>
    </row>
    <row r="187444" spans="8:8">
      <c r="H187444" s="12"/>
    </row>
    <row r="187445" spans="8:8">
      <c r="H187445" s="12"/>
    </row>
    <row r="187446" spans="8:8">
      <c r="H187446" s="12"/>
    </row>
    <row r="187447" spans="8:8">
      <c r="H187447" s="12"/>
    </row>
    <row r="187448" spans="8:8">
      <c r="H187448" s="12"/>
    </row>
    <row r="187449" spans="8:8">
      <c r="H187449" s="12"/>
    </row>
    <row r="187450" spans="8:8">
      <c r="H187450" s="12"/>
    </row>
    <row r="187451" spans="8:8">
      <c r="H187451" s="12"/>
    </row>
    <row r="187452" spans="8:8">
      <c r="H187452" s="12"/>
    </row>
    <row r="187453" spans="8:8">
      <c r="H187453" s="12"/>
    </row>
    <row r="187454" spans="8:8">
      <c r="H187454" s="12"/>
    </row>
    <row r="187455" spans="8:8">
      <c r="H187455" s="12"/>
    </row>
    <row r="187456" spans="8:8">
      <c r="H187456" s="12"/>
    </row>
    <row r="187457" spans="8:8">
      <c r="H187457" s="12"/>
    </row>
    <row r="187458" spans="8:8">
      <c r="H187458" s="12"/>
    </row>
    <row r="187459" spans="8:8">
      <c r="H187459" s="12"/>
    </row>
    <row r="187460" spans="8:8">
      <c r="H187460" s="12"/>
    </row>
    <row r="187461" spans="8:8">
      <c r="H187461" s="12"/>
    </row>
    <row r="187462" spans="8:8">
      <c r="H187462" s="12"/>
    </row>
    <row r="187463" spans="8:8">
      <c r="H187463" s="12"/>
    </row>
    <row r="187464" spans="8:8">
      <c r="H187464" s="12"/>
    </row>
    <row r="187465" spans="8:8">
      <c r="H187465" s="12"/>
    </row>
    <row r="187466" spans="8:8">
      <c r="H187466" s="12"/>
    </row>
    <row r="187467" spans="8:8">
      <c r="H187467" s="12"/>
    </row>
    <row r="187468" spans="8:8">
      <c r="H187468" s="12"/>
    </row>
    <row r="187469" spans="8:8">
      <c r="H187469" s="12"/>
    </row>
    <row r="187470" spans="8:8">
      <c r="H187470" s="12"/>
    </row>
    <row r="187471" spans="8:8">
      <c r="H187471" s="12"/>
    </row>
    <row r="187472" spans="8:8">
      <c r="H187472" s="12"/>
    </row>
    <row r="187473" spans="8:8">
      <c r="H187473" s="12"/>
    </row>
    <row r="187474" spans="8:8">
      <c r="H187474" s="12"/>
    </row>
    <row r="187475" spans="8:8">
      <c r="H187475" s="12"/>
    </row>
    <row r="187476" spans="8:8">
      <c r="H187476" s="12"/>
    </row>
    <row r="187477" spans="8:8">
      <c r="H187477" s="12"/>
    </row>
    <row r="187478" spans="8:8">
      <c r="H187478" s="12"/>
    </row>
    <row r="187479" spans="8:8">
      <c r="H187479" s="12"/>
    </row>
    <row r="187480" spans="8:8">
      <c r="H187480" s="12"/>
    </row>
    <row r="187481" spans="8:8">
      <c r="H187481" s="12"/>
    </row>
    <row r="187482" spans="8:8">
      <c r="H187482" s="12"/>
    </row>
    <row r="187483" spans="8:8">
      <c r="H187483" s="12"/>
    </row>
    <row r="187484" spans="8:8">
      <c r="H187484" s="12"/>
    </row>
    <row r="187485" spans="8:8">
      <c r="H187485" s="12"/>
    </row>
    <row r="187486" spans="8:8">
      <c r="H187486" s="12"/>
    </row>
    <row r="187487" spans="8:8">
      <c r="H187487" s="12"/>
    </row>
    <row r="187488" spans="8:8">
      <c r="H187488" s="12"/>
    </row>
    <row r="187489" spans="8:8">
      <c r="H187489" s="12"/>
    </row>
    <row r="187490" spans="8:8">
      <c r="H187490" s="12"/>
    </row>
    <row r="187491" spans="8:8">
      <c r="H187491" s="12"/>
    </row>
    <row r="187492" spans="8:8">
      <c r="H187492" s="12"/>
    </row>
    <row r="187493" spans="8:8">
      <c r="H187493" s="12"/>
    </row>
    <row r="187494" spans="8:8">
      <c r="H187494" s="12"/>
    </row>
    <row r="187495" spans="8:8">
      <c r="H187495" s="12"/>
    </row>
    <row r="187496" spans="8:8">
      <c r="H187496" s="12"/>
    </row>
    <row r="187497" spans="8:8">
      <c r="H187497" s="12"/>
    </row>
    <row r="187498" spans="8:8">
      <c r="H187498" s="12"/>
    </row>
    <row r="187499" spans="8:8">
      <c r="H187499" s="12"/>
    </row>
    <row r="187500" spans="8:8">
      <c r="H187500" s="12"/>
    </row>
    <row r="187501" spans="8:8">
      <c r="H187501" s="12"/>
    </row>
    <row r="187502" spans="8:8">
      <c r="H187502" s="12"/>
    </row>
    <row r="187503" spans="8:8">
      <c r="H187503" s="12"/>
    </row>
    <row r="187504" spans="8:8">
      <c r="H187504" s="12"/>
    </row>
    <row r="187505" spans="8:8">
      <c r="H187505" s="12"/>
    </row>
    <row r="187506" spans="8:8">
      <c r="H187506" s="12"/>
    </row>
    <row r="187507" spans="8:8">
      <c r="H187507" s="12"/>
    </row>
    <row r="187508" spans="8:8">
      <c r="H187508" s="12"/>
    </row>
    <row r="187509" spans="8:8">
      <c r="H187509" s="12"/>
    </row>
    <row r="187510" spans="8:8">
      <c r="H187510" s="12"/>
    </row>
    <row r="187511" spans="8:8">
      <c r="H187511" s="12"/>
    </row>
    <row r="187512" spans="8:8">
      <c r="H187512" s="12"/>
    </row>
    <row r="187513" spans="8:8">
      <c r="H187513" s="12"/>
    </row>
    <row r="187514" spans="8:8">
      <c r="H187514" s="12"/>
    </row>
    <row r="187515" spans="8:8">
      <c r="H187515" s="12"/>
    </row>
    <row r="187516" spans="8:8">
      <c r="H187516" s="12"/>
    </row>
    <row r="187517" spans="8:8">
      <c r="H187517" s="12"/>
    </row>
    <row r="187518" spans="8:8">
      <c r="H187518" s="12"/>
    </row>
    <row r="187519" spans="8:8">
      <c r="H187519" s="12"/>
    </row>
    <row r="187520" spans="8:8">
      <c r="H187520" s="12"/>
    </row>
    <row r="187521" spans="8:8">
      <c r="H187521" s="12"/>
    </row>
    <row r="187522" spans="8:8">
      <c r="H187522" s="12"/>
    </row>
    <row r="187523" spans="8:8">
      <c r="H187523" s="12"/>
    </row>
    <row r="187524" spans="8:8">
      <c r="H187524" s="12"/>
    </row>
    <row r="187525" spans="8:8">
      <c r="H187525" s="12"/>
    </row>
    <row r="187526" spans="8:8">
      <c r="H187526" s="12"/>
    </row>
    <row r="187527" spans="8:8">
      <c r="H187527" s="12"/>
    </row>
    <row r="187528" spans="8:8">
      <c r="H187528" s="12"/>
    </row>
    <row r="187529" spans="8:8">
      <c r="H187529" s="12"/>
    </row>
    <row r="187530" spans="8:8">
      <c r="H187530" s="12"/>
    </row>
    <row r="187531" spans="8:8">
      <c r="H187531" s="12"/>
    </row>
    <row r="187532" spans="8:8">
      <c r="H187532" s="12"/>
    </row>
    <row r="187533" spans="8:8">
      <c r="H187533" s="12"/>
    </row>
    <row r="187534" spans="8:8">
      <c r="H187534" s="12"/>
    </row>
    <row r="187535" spans="8:8">
      <c r="H187535" s="12"/>
    </row>
    <row r="187536" spans="8:8">
      <c r="H187536" s="12"/>
    </row>
    <row r="187537" spans="8:8">
      <c r="H187537" s="12"/>
    </row>
    <row r="187538" spans="8:8">
      <c r="H187538" s="12"/>
    </row>
    <row r="187539" spans="8:8">
      <c r="H187539" s="12"/>
    </row>
    <row r="187540" spans="8:8">
      <c r="H187540" s="12"/>
    </row>
    <row r="187541" spans="8:8">
      <c r="H187541" s="12"/>
    </row>
    <row r="187542" spans="8:8">
      <c r="H187542" s="12"/>
    </row>
    <row r="187543" spans="8:8">
      <c r="H187543" s="12"/>
    </row>
    <row r="187544" spans="8:8">
      <c r="H187544" s="12"/>
    </row>
    <row r="187545" spans="8:8">
      <c r="H187545" s="12"/>
    </row>
    <row r="187546" spans="8:8">
      <c r="H187546" s="12"/>
    </row>
    <row r="187547" spans="8:8">
      <c r="H187547" s="12"/>
    </row>
    <row r="187548" spans="8:8">
      <c r="H187548" s="12"/>
    </row>
    <row r="187549" spans="8:8">
      <c r="H187549" s="12"/>
    </row>
    <row r="187550" spans="8:8">
      <c r="H187550" s="12"/>
    </row>
    <row r="187551" spans="8:8">
      <c r="H187551" s="12"/>
    </row>
    <row r="187552" spans="8:8">
      <c r="H187552" s="12"/>
    </row>
    <row r="187553" spans="8:8">
      <c r="H187553" s="12"/>
    </row>
    <row r="187554" spans="8:8">
      <c r="H187554" s="12"/>
    </row>
    <row r="187555" spans="8:8">
      <c r="H187555" s="12"/>
    </row>
    <row r="187556" spans="8:8">
      <c r="H187556" s="12"/>
    </row>
    <row r="187557" spans="8:8">
      <c r="H187557" s="12"/>
    </row>
    <row r="187558" spans="8:8">
      <c r="H187558" s="12"/>
    </row>
    <row r="187559" spans="8:8">
      <c r="H187559" s="12"/>
    </row>
    <row r="187560" spans="8:8">
      <c r="H187560" s="12"/>
    </row>
    <row r="187561" spans="8:8">
      <c r="H187561" s="12"/>
    </row>
    <row r="187562" spans="8:8">
      <c r="H187562" s="12"/>
    </row>
    <row r="187563" spans="8:8">
      <c r="H187563" s="12"/>
    </row>
    <row r="187564" spans="8:8">
      <c r="H187564" s="12"/>
    </row>
    <row r="187565" spans="8:8">
      <c r="H187565" s="12"/>
    </row>
    <row r="187566" spans="8:8">
      <c r="H187566" s="12"/>
    </row>
    <row r="187567" spans="8:8">
      <c r="H187567" s="12"/>
    </row>
    <row r="187568" spans="8:8">
      <c r="H187568" s="12"/>
    </row>
    <row r="187569" spans="8:8">
      <c r="H187569" s="12"/>
    </row>
    <row r="187570" spans="8:8">
      <c r="H187570" s="12"/>
    </row>
    <row r="187571" spans="8:8">
      <c r="H187571" s="12"/>
    </row>
    <row r="187572" spans="8:8">
      <c r="H187572" s="12"/>
    </row>
    <row r="187573" spans="8:8">
      <c r="H187573" s="12"/>
    </row>
    <row r="187574" spans="8:8">
      <c r="H187574" s="12"/>
    </row>
    <row r="187575" spans="8:8">
      <c r="H187575" s="12"/>
    </row>
    <row r="187576" spans="8:8">
      <c r="H187576" s="12"/>
    </row>
    <row r="187577" spans="8:8">
      <c r="H187577" s="12"/>
    </row>
    <row r="187578" spans="8:8">
      <c r="H187578" s="12"/>
    </row>
    <row r="187579" spans="8:8">
      <c r="H187579" s="12"/>
    </row>
    <row r="187580" spans="8:8">
      <c r="H187580" s="12"/>
    </row>
    <row r="187581" spans="8:8">
      <c r="H187581" s="12"/>
    </row>
    <row r="187582" spans="8:8">
      <c r="H187582" s="12"/>
    </row>
    <row r="187583" spans="8:8">
      <c r="H187583" s="12"/>
    </row>
    <row r="187584" spans="8:8">
      <c r="H187584" s="12"/>
    </row>
    <row r="187585" spans="8:8">
      <c r="H187585" s="12"/>
    </row>
    <row r="187586" spans="8:8">
      <c r="H187586" s="12"/>
    </row>
    <row r="187587" spans="8:8">
      <c r="H187587" s="12"/>
    </row>
    <row r="187588" spans="8:8">
      <c r="H187588" s="12"/>
    </row>
    <row r="187589" spans="8:8">
      <c r="H187589" s="12"/>
    </row>
    <row r="187590" spans="8:8">
      <c r="H187590" s="12"/>
    </row>
    <row r="187591" spans="8:8">
      <c r="H187591" s="12"/>
    </row>
    <row r="187592" spans="8:8">
      <c r="H187592" s="12"/>
    </row>
    <row r="187593" spans="8:8">
      <c r="H187593" s="12"/>
    </row>
    <row r="187594" spans="8:8">
      <c r="H187594" s="12"/>
    </row>
    <row r="187595" spans="8:8">
      <c r="H187595" s="12"/>
    </row>
    <row r="187596" spans="8:8">
      <c r="H187596" s="12"/>
    </row>
    <row r="187597" spans="8:8">
      <c r="H187597" s="12"/>
    </row>
    <row r="187598" spans="8:8">
      <c r="H187598" s="12"/>
    </row>
    <row r="187599" spans="8:8">
      <c r="H187599" s="12"/>
    </row>
    <row r="187600" spans="8:8">
      <c r="H187600" s="12"/>
    </row>
    <row r="187601" spans="8:8">
      <c r="H187601" s="12"/>
    </row>
    <row r="187602" spans="8:8">
      <c r="H187602" s="12"/>
    </row>
    <row r="187603" spans="8:8">
      <c r="H187603" s="12"/>
    </row>
    <row r="187604" spans="8:8">
      <c r="H187604" s="12"/>
    </row>
    <row r="187605" spans="8:8">
      <c r="H187605" s="12"/>
    </row>
    <row r="187606" spans="8:8">
      <c r="H187606" s="12"/>
    </row>
    <row r="187607" spans="8:8">
      <c r="H187607" s="12"/>
    </row>
    <row r="187608" spans="8:8">
      <c r="H187608" s="12"/>
    </row>
    <row r="187609" spans="8:8">
      <c r="H187609" s="12"/>
    </row>
    <row r="187610" spans="8:8">
      <c r="H187610" s="12"/>
    </row>
    <row r="187611" spans="8:8">
      <c r="H187611" s="12"/>
    </row>
    <row r="187612" spans="8:8">
      <c r="H187612" s="12"/>
    </row>
    <row r="187613" spans="8:8">
      <c r="H187613" s="12"/>
    </row>
    <row r="187614" spans="8:8">
      <c r="H187614" s="12"/>
    </row>
    <row r="187615" spans="8:8">
      <c r="H187615" s="12"/>
    </row>
    <row r="187616" spans="8:8">
      <c r="H187616" s="12"/>
    </row>
    <row r="187617" spans="8:8">
      <c r="H187617" s="12"/>
    </row>
    <row r="187618" spans="8:8">
      <c r="H187618" s="12"/>
    </row>
    <row r="187619" spans="8:8">
      <c r="H187619" s="12"/>
    </row>
    <row r="187620" spans="8:8">
      <c r="H187620" s="12"/>
    </row>
    <row r="187621" spans="8:8">
      <c r="H187621" s="12"/>
    </row>
    <row r="187622" spans="8:8">
      <c r="H187622" s="12"/>
    </row>
    <row r="187623" spans="8:8">
      <c r="H187623" s="12"/>
    </row>
    <row r="187624" spans="8:8">
      <c r="H187624" s="12"/>
    </row>
    <row r="187625" spans="8:8">
      <c r="H187625" s="12"/>
    </row>
    <row r="187626" spans="8:8">
      <c r="H187626" s="12"/>
    </row>
    <row r="187627" spans="8:8">
      <c r="H187627" s="12"/>
    </row>
    <row r="187628" spans="8:8">
      <c r="H187628" s="12"/>
    </row>
    <row r="187629" spans="8:8">
      <c r="H187629" s="12"/>
    </row>
    <row r="187630" spans="8:8">
      <c r="H187630" s="12"/>
    </row>
    <row r="187631" spans="8:8">
      <c r="H187631" s="12"/>
    </row>
    <row r="187632" spans="8:8">
      <c r="H187632" s="12"/>
    </row>
    <row r="187633" spans="8:8">
      <c r="H187633" s="12"/>
    </row>
    <row r="187634" spans="8:8">
      <c r="H187634" s="12"/>
    </row>
    <row r="187635" spans="8:8">
      <c r="H187635" s="12"/>
    </row>
    <row r="187636" spans="8:8">
      <c r="H187636" s="12"/>
    </row>
    <row r="187637" spans="8:8">
      <c r="H187637" s="12"/>
    </row>
    <row r="187638" spans="8:8">
      <c r="H187638" s="12"/>
    </row>
    <row r="187639" spans="8:8">
      <c r="H187639" s="12"/>
    </row>
    <row r="187640" spans="8:8">
      <c r="H187640" s="12"/>
    </row>
    <row r="187641" spans="8:8">
      <c r="H187641" s="12"/>
    </row>
    <row r="187642" spans="8:8">
      <c r="H187642" s="12"/>
    </row>
    <row r="187643" spans="8:8">
      <c r="H187643" s="12"/>
    </row>
    <row r="187644" spans="8:8">
      <c r="H187644" s="12"/>
    </row>
    <row r="187645" spans="8:8">
      <c r="H187645" s="12"/>
    </row>
    <row r="187646" spans="8:8">
      <c r="H187646" s="12"/>
    </row>
    <row r="187647" spans="8:8">
      <c r="H187647" s="12"/>
    </row>
    <row r="187648" spans="8:8">
      <c r="H187648" s="12"/>
    </row>
    <row r="187649" spans="8:8">
      <c r="H187649" s="12"/>
    </row>
    <row r="187650" spans="8:8">
      <c r="H187650" s="12"/>
    </row>
    <row r="187651" spans="8:8">
      <c r="H187651" s="12"/>
    </row>
    <row r="187652" spans="8:8">
      <c r="H187652" s="12"/>
    </row>
    <row r="187653" spans="8:8">
      <c r="H187653" s="12"/>
    </row>
    <row r="187654" spans="8:8">
      <c r="H187654" s="12"/>
    </row>
    <row r="187655" spans="8:8">
      <c r="H187655" s="12"/>
    </row>
    <row r="187656" spans="8:8">
      <c r="H187656" s="12"/>
    </row>
    <row r="187657" spans="8:8">
      <c r="H187657" s="12"/>
    </row>
    <row r="187658" spans="8:8">
      <c r="H187658" s="12"/>
    </row>
    <row r="187659" spans="8:8">
      <c r="H187659" s="12"/>
    </row>
    <row r="187660" spans="8:8">
      <c r="H187660" s="12"/>
    </row>
    <row r="187661" spans="8:8">
      <c r="H187661" s="12"/>
    </row>
    <row r="187662" spans="8:8">
      <c r="H187662" s="12"/>
    </row>
    <row r="187663" spans="8:8">
      <c r="H187663" s="12"/>
    </row>
    <row r="187664" spans="8:8">
      <c r="H187664" s="12"/>
    </row>
    <row r="187665" spans="8:8">
      <c r="H187665" s="12"/>
    </row>
    <row r="187666" spans="8:8">
      <c r="H187666" s="12"/>
    </row>
    <row r="187667" spans="8:8">
      <c r="H187667" s="12"/>
    </row>
    <row r="187668" spans="8:8">
      <c r="H187668" s="12"/>
    </row>
    <row r="187669" spans="8:8">
      <c r="H187669" s="12"/>
    </row>
    <row r="187670" spans="8:8">
      <c r="H187670" s="12"/>
    </row>
    <row r="187671" spans="8:8">
      <c r="H187671" s="12"/>
    </row>
    <row r="187672" spans="8:8">
      <c r="H187672" s="12"/>
    </row>
    <row r="187673" spans="8:8">
      <c r="H187673" s="12"/>
    </row>
    <row r="187674" spans="8:8">
      <c r="H187674" s="12"/>
    </row>
    <row r="187675" spans="8:8">
      <c r="H187675" s="12"/>
    </row>
    <row r="187676" spans="8:8">
      <c r="H187676" s="12"/>
    </row>
    <row r="187677" spans="8:8">
      <c r="H187677" s="12"/>
    </row>
    <row r="187678" spans="8:8">
      <c r="H187678" s="12"/>
    </row>
    <row r="187679" spans="8:8">
      <c r="H187679" s="12"/>
    </row>
    <row r="187680" spans="8:8">
      <c r="H187680" s="12"/>
    </row>
    <row r="187681" spans="8:8">
      <c r="H187681" s="12"/>
    </row>
    <row r="187682" spans="8:8">
      <c r="H187682" s="12"/>
    </row>
    <row r="187683" spans="8:8">
      <c r="H187683" s="12"/>
    </row>
    <row r="187684" spans="8:8">
      <c r="H187684" s="12"/>
    </row>
    <row r="187685" spans="8:8">
      <c r="H187685" s="12"/>
    </row>
    <row r="187686" spans="8:8">
      <c r="H187686" s="12"/>
    </row>
    <row r="187687" spans="8:8">
      <c r="H187687" s="12"/>
    </row>
    <row r="187688" spans="8:8">
      <c r="H187688" s="12"/>
    </row>
    <row r="187689" spans="8:8">
      <c r="H187689" s="12"/>
    </row>
    <row r="187690" spans="8:8">
      <c r="H187690" s="12"/>
    </row>
    <row r="187691" spans="8:8">
      <c r="H187691" s="12"/>
    </row>
    <row r="187692" spans="8:8">
      <c r="H187692" s="12"/>
    </row>
    <row r="187693" spans="8:8">
      <c r="H187693" s="12"/>
    </row>
    <row r="187694" spans="8:8">
      <c r="H187694" s="12"/>
    </row>
    <row r="187695" spans="8:8">
      <c r="H187695" s="12"/>
    </row>
    <row r="187696" spans="8:8">
      <c r="H187696" s="12"/>
    </row>
    <row r="187697" spans="8:8">
      <c r="H187697" s="12"/>
    </row>
    <row r="187698" spans="8:8">
      <c r="H187698" s="12"/>
    </row>
    <row r="187699" spans="8:8">
      <c r="H187699" s="12"/>
    </row>
    <row r="187700" spans="8:8">
      <c r="H187700" s="12"/>
    </row>
    <row r="187701" spans="8:8">
      <c r="H187701" s="12"/>
    </row>
    <row r="187702" spans="8:8">
      <c r="H187702" s="12"/>
    </row>
    <row r="187703" spans="8:8">
      <c r="H187703" s="12"/>
    </row>
    <row r="187704" spans="8:8">
      <c r="H187704" s="12"/>
    </row>
    <row r="187705" spans="8:8">
      <c r="H187705" s="12"/>
    </row>
    <row r="187706" spans="8:8">
      <c r="H187706" s="12"/>
    </row>
    <row r="187707" spans="8:8">
      <c r="H187707" s="12"/>
    </row>
    <row r="187708" spans="8:8">
      <c r="H187708" s="12"/>
    </row>
    <row r="187709" spans="8:8">
      <c r="H187709" s="12"/>
    </row>
    <row r="187710" spans="8:8">
      <c r="H187710" s="12"/>
    </row>
    <row r="187711" spans="8:8">
      <c r="H187711" s="12"/>
    </row>
    <row r="187712" spans="8:8">
      <c r="H187712" s="12"/>
    </row>
    <row r="187713" spans="8:8">
      <c r="H187713" s="12"/>
    </row>
    <row r="187714" spans="8:8">
      <c r="H187714" s="12"/>
    </row>
    <row r="187715" spans="8:8">
      <c r="H187715" s="12"/>
    </row>
    <row r="187716" spans="8:8">
      <c r="H187716" s="12"/>
    </row>
    <row r="187717" spans="8:8">
      <c r="H187717" s="12"/>
    </row>
    <row r="187718" spans="8:8">
      <c r="H187718" s="12"/>
    </row>
    <row r="187719" spans="8:8">
      <c r="H187719" s="12"/>
    </row>
    <row r="187720" spans="8:8">
      <c r="H187720" s="12"/>
    </row>
    <row r="187721" spans="8:8">
      <c r="H187721" s="12"/>
    </row>
    <row r="187722" spans="8:8">
      <c r="H187722" s="12"/>
    </row>
    <row r="187723" spans="8:8">
      <c r="H187723" s="12"/>
    </row>
    <row r="187724" spans="8:8">
      <c r="H187724" s="12"/>
    </row>
    <row r="187725" spans="8:8">
      <c r="H187725" s="12"/>
    </row>
    <row r="187726" spans="8:8">
      <c r="H187726" s="12"/>
    </row>
    <row r="187727" spans="8:8">
      <c r="H187727" s="12"/>
    </row>
    <row r="187728" spans="8:8">
      <c r="H187728" s="12"/>
    </row>
    <row r="187729" spans="8:8">
      <c r="H187729" s="12"/>
    </row>
    <row r="187730" spans="8:8">
      <c r="H187730" s="12"/>
    </row>
    <row r="187731" spans="8:8">
      <c r="H187731" s="12"/>
    </row>
    <row r="187732" spans="8:8">
      <c r="H187732" s="12"/>
    </row>
    <row r="187733" spans="8:8">
      <c r="H187733" s="12"/>
    </row>
    <row r="187734" spans="8:8">
      <c r="H187734" s="12"/>
    </row>
    <row r="187735" spans="8:8">
      <c r="H187735" s="12"/>
    </row>
    <row r="187736" spans="8:8">
      <c r="H187736" s="12"/>
    </row>
    <row r="187737" spans="8:8">
      <c r="H187737" s="12"/>
    </row>
    <row r="187738" spans="8:8">
      <c r="H187738" s="12"/>
    </row>
    <row r="187739" spans="8:8">
      <c r="H187739" s="12"/>
    </row>
    <row r="187740" spans="8:8">
      <c r="H187740" s="12"/>
    </row>
    <row r="187741" spans="8:8">
      <c r="H187741" s="12"/>
    </row>
    <row r="187742" spans="8:8">
      <c r="H187742" s="12"/>
    </row>
    <row r="187743" spans="8:8">
      <c r="H187743" s="12"/>
    </row>
    <row r="187744" spans="8:8">
      <c r="H187744" s="12"/>
    </row>
    <row r="187745" spans="8:8">
      <c r="H187745" s="12"/>
    </row>
    <row r="187746" spans="8:8">
      <c r="H187746" s="12"/>
    </row>
    <row r="187747" spans="8:8">
      <c r="H187747" s="12"/>
    </row>
    <row r="187748" spans="8:8">
      <c r="H187748" s="12"/>
    </row>
    <row r="187749" spans="8:8">
      <c r="H187749" s="12"/>
    </row>
    <row r="187750" spans="8:8">
      <c r="H187750" s="12"/>
    </row>
    <row r="187751" spans="8:8">
      <c r="H187751" s="12"/>
    </row>
    <row r="187752" spans="8:8">
      <c r="H187752" s="12"/>
    </row>
    <row r="187753" spans="8:8">
      <c r="H187753" s="12"/>
    </row>
    <row r="187754" spans="8:8">
      <c r="H187754" s="12"/>
    </row>
    <row r="187755" spans="8:8">
      <c r="H187755" s="12"/>
    </row>
    <row r="187756" spans="8:8">
      <c r="H187756" s="12"/>
    </row>
    <row r="187757" spans="8:8">
      <c r="H187757" s="12"/>
    </row>
    <row r="187758" spans="8:8">
      <c r="H187758" s="12"/>
    </row>
    <row r="187759" spans="8:8">
      <c r="H187759" s="12"/>
    </row>
    <row r="187760" spans="8:8">
      <c r="H187760" s="12"/>
    </row>
    <row r="187761" spans="8:8">
      <c r="H187761" s="12"/>
    </row>
    <row r="187762" spans="8:8">
      <c r="H187762" s="12"/>
    </row>
    <row r="187763" spans="8:8">
      <c r="H187763" s="12"/>
    </row>
    <row r="187764" spans="8:8">
      <c r="H187764" s="12"/>
    </row>
    <row r="187765" spans="8:8">
      <c r="H187765" s="12"/>
    </row>
    <row r="187766" spans="8:8">
      <c r="H187766" s="12"/>
    </row>
    <row r="187767" spans="8:8">
      <c r="H187767" s="12"/>
    </row>
    <row r="187768" spans="8:8">
      <c r="H187768" s="12"/>
    </row>
    <row r="187769" spans="8:8">
      <c r="H187769" s="12"/>
    </row>
    <row r="187770" spans="8:8">
      <c r="H187770" s="12"/>
    </row>
    <row r="187771" spans="8:8">
      <c r="H187771" s="12"/>
    </row>
    <row r="187772" spans="8:8">
      <c r="H187772" s="12"/>
    </row>
    <row r="187773" spans="8:8">
      <c r="H187773" s="12"/>
    </row>
    <row r="187774" spans="8:8">
      <c r="H187774" s="12"/>
    </row>
    <row r="187775" spans="8:8">
      <c r="H187775" s="12"/>
    </row>
    <row r="187776" spans="8:8">
      <c r="H187776" s="12"/>
    </row>
    <row r="187777" spans="8:8">
      <c r="H187777" s="12"/>
    </row>
    <row r="187778" spans="8:8">
      <c r="H187778" s="12"/>
    </row>
    <row r="187779" spans="8:8">
      <c r="H187779" s="12"/>
    </row>
    <row r="187780" spans="8:8">
      <c r="H187780" s="12"/>
    </row>
    <row r="187781" spans="8:8">
      <c r="H187781" s="12"/>
    </row>
    <row r="187782" spans="8:8">
      <c r="H187782" s="12"/>
    </row>
    <row r="187783" spans="8:8">
      <c r="H187783" s="12"/>
    </row>
    <row r="187784" spans="8:8">
      <c r="H187784" s="12"/>
    </row>
    <row r="187785" spans="8:8">
      <c r="H187785" s="12"/>
    </row>
    <row r="187786" spans="8:8">
      <c r="H187786" s="12"/>
    </row>
    <row r="187787" spans="8:8">
      <c r="H187787" s="12"/>
    </row>
    <row r="187788" spans="8:8">
      <c r="H187788" s="12"/>
    </row>
    <row r="187789" spans="8:8">
      <c r="H187789" s="12"/>
    </row>
    <row r="187790" spans="8:8">
      <c r="H187790" s="12"/>
    </row>
    <row r="187791" spans="8:8">
      <c r="H187791" s="12"/>
    </row>
    <row r="187792" spans="8:8">
      <c r="H187792" s="12"/>
    </row>
    <row r="187793" spans="8:8">
      <c r="H187793" s="12"/>
    </row>
    <row r="187794" spans="8:8">
      <c r="H187794" s="12"/>
    </row>
    <row r="187795" spans="8:8">
      <c r="H187795" s="12"/>
    </row>
    <row r="187796" spans="8:8">
      <c r="H187796" s="12"/>
    </row>
    <row r="187797" spans="8:8">
      <c r="H187797" s="12"/>
    </row>
    <row r="187798" spans="8:8">
      <c r="H187798" s="12"/>
    </row>
    <row r="187799" spans="8:8">
      <c r="H187799" s="12"/>
    </row>
    <row r="187800" spans="8:8">
      <c r="H187800" s="12"/>
    </row>
    <row r="187801" spans="8:8">
      <c r="H187801" s="12"/>
    </row>
    <row r="187802" spans="8:8">
      <c r="H187802" s="12"/>
    </row>
    <row r="187803" spans="8:8">
      <c r="H187803" s="12"/>
    </row>
    <row r="187804" spans="8:8">
      <c r="H187804" s="12"/>
    </row>
    <row r="187805" spans="8:8">
      <c r="H187805" s="12"/>
    </row>
    <row r="187806" spans="8:8">
      <c r="H187806" s="12"/>
    </row>
    <row r="187807" spans="8:8">
      <c r="H187807" s="12"/>
    </row>
    <row r="187808" spans="8:8">
      <c r="H187808" s="12"/>
    </row>
    <row r="187809" spans="8:8">
      <c r="H187809" s="12"/>
    </row>
    <row r="187810" spans="8:8">
      <c r="H187810" s="12"/>
    </row>
    <row r="187811" spans="8:8">
      <c r="H187811" s="12"/>
    </row>
    <row r="187812" spans="8:8">
      <c r="H187812" s="12"/>
    </row>
    <row r="187813" spans="8:8">
      <c r="H187813" s="12"/>
    </row>
    <row r="187814" spans="8:8">
      <c r="H187814" s="12"/>
    </row>
    <row r="187815" spans="8:8">
      <c r="H187815" s="12"/>
    </row>
    <row r="187816" spans="8:8">
      <c r="H187816" s="12"/>
    </row>
    <row r="187817" spans="8:8">
      <c r="H187817" s="12"/>
    </row>
    <row r="187818" spans="8:8">
      <c r="H187818" s="12"/>
    </row>
    <row r="187819" spans="8:8">
      <c r="H187819" s="12"/>
    </row>
    <row r="187820" spans="8:8">
      <c r="H187820" s="12"/>
    </row>
    <row r="187821" spans="8:8">
      <c r="H187821" s="12"/>
    </row>
    <row r="187822" spans="8:8">
      <c r="H187822" s="12"/>
    </row>
    <row r="187823" spans="8:8">
      <c r="H187823" s="12"/>
    </row>
    <row r="187824" spans="8:8">
      <c r="H187824" s="12"/>
    </row>
    <row r="187825" spans="8:8">
      <c r="H187825" s="12"/>
    </row>
    <row r="187826" spans="8:8">
      <c r="H187826" s="12"/>
    </row>
    <row r="187827" spans="8:8">
      <c r="H187827" s="12"/>
    </row>
    <row r="187828" spans="8:8">
      <c r="H187828" s="12"/>
    </row>
    <row r="187829" spans="8:8">
      <c r="H187829" s="12"/>
    </row>
    <row r="187830" spans="8:8">
      <c r="H187830" s="12"/>
    </row>
    <row r="187831" spans="8:8">
      <c r="H187831" s="12"/>
    </row>
    <row r="187832" spans="8:8">
      <c r="H187832" s="12"/>
    </row>
    <row r="187833" spans="8:8">
      <c r="H187833" s="12"/>
    </row>
    <row r="187834" spans="8:8">
      <c r="H187834" s="12"/>
    </row>
    <row r="187835" spans="8:8">
      <c r="H187835" s="12"/>
    </row>
    <row r="187836" spans="8:8">
      <c r="H187836" s="12"/>
    </row>
    <row r="187837" spans="8:8">
      <c r="H187837" s="12"/>
    </row>
    <row r="187838" spans="8:8">
      <c r="H187838" s="12"/>
    </row>
    <row r="187839" spans="8:8">
      <c r="H187839" s="12"/>
    </row>
    <row r="187840" spans="8:8">
      <c r="H187840" s="12"/>
    </row>
    <row r="187841" spans="8:8">
      <c r="H187841" s="12"/>
    </row>
    <row r="187842" spans="8:8">
      <c r="H187842" s="12"/>
    </row>
    <row r="187843" spans="8:8">
      <c r="H187843" s="12"/>
    </row>
    <row r="187844" spans="8:8">
      <c r="H187844" s="12"/>
    </row>
    <row r="187845" spans="8:8">
      <c r="H187845" s="12"/>
    </row>
    <row r="187846" spans="8:8">
      <c r="H187846" s="12"/>
    </row>
    <row r="187847" spans="8:8">
      <c r="H187847" s="12"/>
    </row>
    <row r="187848" spans="8:8">
      <c r="H187848" s="12"/>
    </row>
    <row r="187849" spans="8:8">
      <c r="H187849" s="12"/>
    </row>
    <row r="187850" spans="8:8">
      <c r="H187850" s="12"/>
    </row>
    <row r="187851" spans="8:8">
      <c r="H187851" s="12"/>
    </row>
    <row r="187852" spans="8:8">
      <c r="H187852" s="12"/>
    </row>
    <row r="187853" spans="8:8">
      <c r="H187853" s="12"/>
    </row>
    <row r="187854" spans="8:8">
      <c r="H187854" s="12"/>
    </row>
    <row r="187855" spans="8:8">
      <c r="H187855" s="12"/>
    </row>
    <row r="187856" spans="8:8">
      <c r="H187856" s="12"/>
    </row>
    <row r="187857" spans="8:8">
      <c r="H187857" s="12"/>
    </row>
    <row r="187858" spans="8:8">
      <c r="H187858" s="12"/>
    </row>
    <row r="187859" spans="8:8">
      <c r="H187859" s="12"/>
    </row>
    <row r="187860" spans="8:8">
      <c r="H187860" s="12"/>
    </row>
    <row r="187861" spans="8:8">
      <c r="H187861" s="12"/>
    </row>
    <row r="187862" spans="8:8">
      <c r="H187862" s="12"/>
    </row>
    <row r="187863" spans="8:8">
      <c r="H187863" s="12"/>
    </row>
    <row r="187864" spans="8:8">
      <c r="H187864" s="12"/>
    </row>
    <row r="187865" spans="8:8">
      <c r="H187865" s="12"/>
    </row>
    <row r="187866" spans="8:8">
      <c r="H187866" s="12"/>
    </row>
    <row r="187867" spans="8:8">
      <c r="H187867" s="12"/>
    </row>
    <row r="187868" spans="8:8">
      <c r="H187868" s="12"/>
    </row>
    <row r="187869" spans="8:8">
      <c r="H187869" s="12"/>
    </row>
    <row r="187870" spans="8:8">
      <c r="H187870" s="12"/>
    </row>
    <row r="187871" spans="8:8">
      <c r="H187871" s="12"/>
    </row>
    <row r="187872" spans="8:8">
      <c r="H187872" s="12"/>
    </row>
    <row r="187873" spans="8:8">
      <c r="H187873" s="12"/>
    </row>
    <row r="187874" spans="8:8">
      <c r="H187874" s="12"/>
    </row>
    <row r="187875" spans="8:8">
      <c r="H187875" s="12"/>
    </row>
    <row r="187876" spans="8:8">
      <c r="H187876" s="12"/>
    </row>
    <row r="187877" spans="8:8">
      <c r="H187877" s="12"/>
    </row>
    <row r="187878" spans="8:8">
      <c r="H187878" s="12"/>
    </row>
    <row r="187879" spans="8:8">
      <c r="H187879" s="12"/>
    </row>
    <row r="187880" spans="8:8">
      <c r="H187880" s="12"/>
    </row>
    <row r="187881" spans="8:8">
      <c r="H187881" s="12"/>
    </row>
    <row r="187882" spans="8:8">
      <c r="H187882" s="12"/>
    </row>
    <row r="187883" spans="8:8">
      <c r="H187883" s="12"/>
    </row>
    <row r="187884" spans="8:8">
      <c r="H187884" s="12"/>
    </row>
    <row r="187885" spans="8:8">
      <c r="H187885" s="12"/>
    </row>
    <row r="187886" spans="8:8">
      <c r="H187886" s="12"/>
    </row>
    <row r="187887" spans="8:8">
      <c r="H187887" s="12"/>
    </row>
    <row r="187888" spans="8:8">
      <c r="H187888" s="12"/>
    </row>
    <row r="187889" spans="8:8">
      <c r="H187889" s="12"/>
    </row>
    <row r="187890" spans="8:8">
      <c r="H187890" s="12"/>
    </row>
    <row r="187891" spans="8:8">
      <c r="H187891" s="12"/>
    </row>
    <row r="187892" spans="8:8">
      <c r="H187892" s="12"/>
    </row>
    <row r="187893" spans="8:8">
      <c r="H187893" s="12"/>
    </row>
    <row r="187894" spans="8:8">
      <c r="H187894" s="12"/>
    </row>
    <row r="187895" spans="8:8">
      <c r="H187895" s="12"/>
    </row>
    <row r="187896" spans="8:8">
      <c r="H187896" s="12"/>
    </row>
    <row r="187897" spans="8:8">
      <c r="H187897" s="12"/>
    </row>
    <row r="187898" spans="8:8">
      <c r="H187898" s="12"/>
    </row>
    <row r="187899" spans="8:8">
      <c r="H187899" s="12"/>
    </row>
    <row r="187900" spans="8:8">
      <c r="H187900" s="12"/>
    </row>
    <row r="187901" spans="8:8">
      <c r="H187901" s="12"/>
    </row>
    <row r="187902" spans="8:8">
      <c r="H187902" s="12"/>
    </row>
    <row r="187903" spans="8:8">
      <c r="H187903" s="12"/>
    </row>
    <row r="187904" spans="8:8">
      <c r="H187904" s="12"/>
    </row>
    <row r="187905" spans="8:8">
      <c r="H187905" s="12"/>
    </row>
    <row r="187906" spans="8:8">
      <c r="H187906" s="12"/>
    </row>
    <row r="187907" spans="8:8">
      <c r="H187907" s="12"/>
    </row>
    <row r="187908" spans="8:8">
      <c r="H187908" s="12"/>
    </row>
    <row r="187909" spans="8:8">
      <c r="H187909" s="12"/>
    </row>
    <row r="187910" spans="8:8">
      <c r="H187910" s="12"/>
    </row>
    <row r="187911" spans="8:8">
      <c r="H187911" s="12"/>
    </row>
    <row r="187912" spans="8:8">
      <c r="H187912" s="12"/>
    </row>
    <row r="187913" spans="8:8">
      <c r="H187913" s="12"/>
    </row>
    <row r="187914" spans="8:8">
      <c r="H187914" s="12"/>
    </row>
    <row r="187915" spans="8:8">
      <c r="H187915" s="12"/>
    </row>
    <row r="187916" spans="8:8">
      <c r="H187916" s="12"/>
    </row>
    <row r="187917" spans="8:8">
      <c r="H187917" s="12"/>
    </row>
    <row r="187918" spans="8:8">
      <c r="H187918" s="12"/>
    </row>
    <row r="187919" spans="8:8">
      <c r="H187919" s="12"/>
    </row>
    <row r="187920" spans="8:8">
      <c r="H187920" s="12"/>
    </row>
    <row r="187921" spans="8:8">
      <c r="H187921" s="12"/>
    </row>
    <row r="187922" spans="8:8">
      <c r="H187922" s="12"/>
    </row>
    <row r="187923" spans="8:8">
      <c r="H187923" s="12"/>
    </row>
    <row r="187924" spans="8:8">
      <c r="H187924" s="12"/>
    </row>
    <row r="187925" spans="8:8">
      <c r="H187925" s="12"/>
    </row>
    <row r="187926" spans="8:8">
      <c r="H187926" s="12"/>
    </row>
    <row r="187927" spans="8:8">
      <c r="H187927" s="12"/>
    </row>
    <row r="187928" spans="8:8">
      <c r="H187928" s="12"/>
    </row>
    <row r="187929" spans="8:8">
      <c r="H187929" s="12"/>
    </row>
    <row r="187930" spans="8:8">
      <c r="H187930" s="12"/>
    </row>
    <row r="187931" spans="8:8">
      <c r="H187931" s="12"/>
    </row>
    <row r="187932" spans="8:8">
      <c r="H187932" s="12"/>
    </row>
    <row r="187933" spans="8:8">
      <c r="H187933" s="12"/>
    </row>
    <row r="187934" spans="8:8">
      <c r="H187934" s="12"/>
    </row>
    <row r="187935" spans="8:8">
      <c r="H187935" s="12"/>
    </row>
    <row r="187936" spans="8:8">
      <c r="H187936" s="12"/>
    </row>
    <row r="187937" spans="8:8">
      <c r="H187937" s="12"/>
    </row>
    <row r="187938" spans="8:8">
      <c r="H187938" s="12"/>
    </row>
    <row r="187939" spans="8:8">
      <c r="H187939" s="12"/>
    </row>
    <row r="187940" spans="8:8">
      <c r="H187940" s="12"/>
    </row>
    <row r="187941" spans="8:8">
      <c r="H187941" s="12"/>
    </row>
    <row r="187942" spans="8:8">
      <c r="H187942" s="12"/>
    </row>
    <row r="187943" spans="8:8">
      <c r="H187943" s="12"/>
    </row>
    <row r="187944" spans="8:8">
      <c r="H187944" s="12"/>
    </row>
    <row r="187945" spans="8:8">
      <c r="H187945" s="12"/>
    </row>
    <row r="187946" spans="8:8">
      <c r="H187946" s="12"/>
    </row>
    <row r="187947" spans="8:8">
      <c r="H187947" s="12"/>
    </row>
    <row r="187948" spans="8:8">
      <c r="H187948" s="12"/>
    </row>
    <row r="187949" spans="8:8">
      <c r="H187949" s="12"/>
    </row>
    <row r="187950" spans="8:8">
      <c r="H187950" s="12"/>
    </row>
    <row r="187951" spans="8:8">
      <c r="H187951" s="12"/>
    </row>
    <row r="187952" spans="8:8">
      <c r="H187952" s="12"/>
    </row>
    <row r="187953" spans="8:8">
      <c r="H187953" s="12"/>
    </row>
    <row r="187954" spans="8:8">
      <c r="H187954" s="12"/>
    </row>
    <row r="187955" spans="8:8">
      <c r="H187955" s="12"/>
    </row>
    <row r="187956" spans="8:8">
      <c r="H187956" s="12"/>
    </row>
    <row r="187957" spans="8:8">
      <c r="H187957" s="12"/>
    </row>
    <row r="187958" spans="8:8">
      <c r="H187958" s="12"/>
    </row>
    <row r="187959" spans="8:8">
      <c r="H187959" s="12"/>
    </row>
    <row r="187960" spans="8:8">
      <c r="H187960" s="12"/>
    </row>
    <row r="187961" spans="8:8">
      <c r="H187961" s="12"/>
    </row>
    <row r="187962" spans="8:8">
      <c r="H187962" s="12"/>
    </row>
    <row r="187963" spans="8:8">
      <c r="H187963" s="12"/>
    </row>
    <row r="187964" spans="8:8">
      <c r="H187964" s="12"/>
    </row>
    <row r="187965" spans="8:8">
      <c r="H187965" s="12"/>
    </row>
    <row r="187966" spans="8:8">
      <c r="H187966" s="12"/>
    </row>
    <row r="187967" spans="8:8">
      <c r="H187967" s="12"/>
    </row>
    <row r="187968" spans="8:8">
      <c r="H187968" s="12"/>
    </row>
    <row r="187969" spans="8:8">
      <c r="H187969" s="12"/>
    </row>
    <row r="187970" spans="8:8">
      <c r="H187970" s="12"/>
    </row>
    <row r="187971" spans="8:8">
      <c r="H187971" s="12"/>
    </row>
    <row r="187972" spans="8:8">
      <c r="H187972" s="12"/>
    </row>
    <row r="187973" spans="8:8">
      <c r="H187973" s="12"/>
    </row>
    <row r="187974" spans="8:8">
      <c r="H187974" s="12"/>
    </row>
    <row r="187975" spans="8:8">
      <c r="H187975" s="12"/>
    </row>
    <row r="187976" spans="8:8">
      <c r="H187976" s="12"/>
    </row>
    <row r="187977" spans="8:8">
      <c r="H187977" s="12"/>
    </row>
    <row r="187978" spans="8:8">
      <c r="H187978" s="12"/>
    </row>
    <row r="187979" spans="8:8">
      <c r="H187979" s="12"/>
    </row>
    <row r="187980" spans="8:8">
      <c r="H187980" s="12"/>
    </row>
    <row r="187981" spans="8:8">
      <c r="H187981" s="12"/>
    </row>
    <row r="187982" spans="8:8">
      <c r="H187982" s="12"/>
    </row>
    <row r="187983" spans="8:8">
      <c r="H187983" s="12"/>
    </row>
    <row r="187984" spans="8:8">
      <c r="H187984" s="12"/>
    </row>
    <row r="187985" spans="8:8">
      <c r="H187985" s="12"/>
    </row>
    <row r="187986" spans="8:8">
      <c r="H187986" s="12"/>
    </row>
    <row r="187987" spans="8:8">
      <c r="H187987" s="12"/>
    </row>
    <row r="187988" spans="8:8">
      <c r="H187988" s="12"/>
    </row>
    <row r="187989" spans="8:8">
      <c r="H187989" s="12"/>
    </row>
    <row r="187990" spans="8:8">
      <c r="H187990" s="12"/>
    </row>
    <row r="187991" spans="8:8">
      <c r="H187991" s="12"/>
    </row>
    <row r="187992" spans="8:8">
      <c r="H187992" s="12"/>
    </row>
    <row r="187993" spans="8:8">
      <c r="H187993" s="12"/>
    </row>
    <row r="187994" spans="8:8">
      <c r="H187994" s="12"/>
    </row>
    <row r="187995" spans="8:8">
      <c r="H187995" s="12"/>
    </row>
    <row r="187996" spans="8:8">
      <c r="H187996" s="12"/>
    </row>
    <row r="187997" spans="8:8">
      <c r="H187997" s="12"/>
    </row>
    <row r="187998" spans="8:8">
      <c r="H187998" s="12"/>
    </row>
    <row r="187999" spans="8:8">
      <c r="H187999" s="12"/>
    </row>
    <row r="188000" spans="8:8">
      <c r="H188000" s="12"/>
    </row>
    <row r="188001" spans="8:8">
      <c r="H188001" s="12"/>
    </row>
    <row r="188002" spans="8:8">
      <c r="H188002" s="12"/>
    </row>
    <row r="188003" spans="8:8">
      <c r="H188003" s="12"/>
    </row>
    <row r="188004" spans="8:8">
      <c r="H188004" s="12"/>
    </row>
    <row r="188005" spans="8:8">
      <c r="H188005" s="12"/>
    </row>
    <row r="188006" spans="8:8">
      <c r="H188006" s="12"/>
    </row>
    <row r="188007" spans="8:8">
      <c r="H188007" s="12"/>
    </row>
    <row r="188008" spans="8:8">
      <c r="H188008" s="12"/>
    </row>
    <row r="188009" spans="8:8">
      <c r="H188009" s="12"/>
    </row>
    <row r="188010" spans="8:8">
      <c r="H188010" s="12"/>
    </row>
    <row r="188011" spans="8:8">
      <c r="H188011" s="12"/>
    </row>
    <row r="188012" spans="8:8">
      <c r="H188012" s="12"/>
    </row>
    <row r="188013" spans="8:8">
      <c r="H188013" s="12"/>
    </row>
    <row r="188014" spans="8:8">
      <c r="H188014" s="12"/>
    </row>
    <row r="188015" spans="8:8">
      <c r="H188015" s="12"/>
    </row>
    <row r="188016" spans="8:8">
      <c r="H188016" s="12"/>
    </row>
    <row r="188017" spans="8:8">
      <c r="H188017" s="12"/>
    </row>
    <row r="188018" spans="8:8">
      <c r="H188018" s="12"/>
    </row>
    <row r="188019" spans="8:8">
      <c r="H188019" s="12"/>
    </row>
    <row r="188020" spans="8:8">
      <c r="H188020" s="12"/>
    </row>
    <row r="188021" spans="8:8">
      <c r="H188021" s="12"/>
    </row>
    <row r="188022" spans="8:8">
      <c r="H188022" s="12"/>
    </row>
    <row r="188023" spans="8:8">
      <c r="H188023" s="12"/>
    </row>
    <row r="188024" spans="8:8">
      <c r="H188024" s="12"/>
    </row>
    <row r="188025" spans="8:8">
      <c r="H188025" s="12"/>
    </row>
    <row r="188026" spans="8:8">
      <c r="H188026" s="12"/>
    </row>
    <row r="188027" spans="8:8">
      <c r="H188027" s="12"/>
    </row>
    <row r="188028" spans="8:8">
      <c r="H188028" s="12"/>
    </row>
    <row r="188029" spans="8:8">
      <c r="H188029" s="12"/>
    </row>
    <row r="188030" spans="8:8">
      <c r="H188030" s="12"/>
    </row>
    <row r="188031" spans="8:8">
      <c r="H188031" s="12"/>
    </row>
    <row r="188032" spans="8:8">
      <c r="H188032" s="12"/>
    </row>
    <row r="188033" spans="8:8">
      <c r="H188033" s="12"/>
    </row>
    <row r="188034" spans="8:8">
      <c r="H188034" s="12"/>
    </row>
    <row r="188035" spans="8:8">
      <c r="H188035" s="12"/>
    </row>
    <row r="188036" spans="8:8">
      <c r="H188036" s="12"/>
    </row>
    <row r="188037" spans="8:8">
      <c r="H188037" s="12"/>
    </row>
    <row r="188038" spans="8:8">
      <c r="H188038" s="12"/>
    </row>
    <row r="188039" spans="8:8">
      <c r="H188039" s="12"/>
    </row>
    <row r="188040" spans="8:8">
      <c r="H188040" s="12"/>
    </row>
    <row r="188041" spans="8:8">
      <c r="H188041" s="12"/>
    </row>
    <row r="188042" spans="8:8">
      <c r="H188042" s="12"/>
    </row>
    <row r="188043" spans="8:8">
      <c r="H188043" s="12"/>
    </row>
    <row r="188044" spans="8:8">
      <c r="H188044" s="12"/>
    </row>
    <row r="188045" spans="8:8">
      <c r="H188045" s="12"/>
    </row>
    <row r="188046" spans="8:8">
      <c r="H188046" s="12"/>
    </row>
    <row r="188047" spans="8:8">
      <c r="H188047" s="12"/>
    </row>
    <row r="188048" spans="8:8">
      <c r="H188048" s="12"/>
    </row>
    <row r="188049" spans="8:8">
      <c r="H188049" s="12"/>
    </row>
    <row r="188050" spans="8:8">
      <c r="H188050" s="12"/>
    </row>
    <row r="188051" spans="8:8">
      <c r="H188051" s="12"/>
    </row>
    <row r="188052" spans="8:8">
      <c r="H188052" s="12"/>
    </row>
    <row r="188053" spans="8:8">
      <c r="H188053" s="12"/>
    </row>
    <row r="188054" spans="8:8">
      <c r="H188054" s="12"/>
    </row>
    <row r="188055" spans="8:8">
      <c r="H188055" s="12"/>
    </row>
    <row r="188056" spans="8:8">
      <c r="H188056" s="12"/>
    </row>
    <row r="188057" spans="8:8">
      <c r="H188057" s="12"/>
    </row>
    <row r="188058" spans="8:8">
      <c r="H188058" s="12"/>
    </row>
    <row r="188059" spans="8:8">
      <c r="H188059" s="12"/>
    </row>
    <row r="188060" spans="8:8">
      <c r="H188060" s="12"/>
    </row>
    <row r="188061" spans="8:8">
      <c r="H188061" s="12"/>
    </row>
    <row r="188062" spans="8:8">
      <c r="H188062" s="12"/>
    </row>
    <row r="188063" spans="8:8">
      <c r="H188063" s="12"/>
    </row>
    <row r="188064" spans="8:8">
      <c r="H188064" s="12"/>
    </row>
    <row r="188065" spans="8:8">
      <c r="H188065" s="12"/>
    </row>
    <row r="188066" spans="8:8">
      <c r="H188066" s="12"/>
    </row>
    <row r="188067" spans="8:8">
      <c r="H188067" s="12"/>
    </row>
    <row r="188068" spans="8:8">
      <c r="H188068" s="12"/>
    </row>
    <row r="188069" spans="8:8">
      <c r="H188069" s="12"/>
    </row>
    <row r="188070" spans="8:8">
      <c r="H188070" s="12"/>
    </row>
    <row r="188071" spans="8:8">
      <c r="H188071" s="12"/>
    </row>
    <row r="188072" spans="8:8">
      <c r="H188072" s="12"/>
    </row>
    <row r="188073" spans="8:8">
      <c r="H188073" s="12"/>
    </row>
    <row r="188074" spans="8:8">
      <c r="H188074" s="12"/>
    </row>
    <row r="188075" spans="8:8">
      <c r="H188075" s="12"/>
    </row>
    <row r="188076" spans="8:8">
      <c r="H188076" s="12"/>
    </row>
    <row r="188077" spans="8:8">
      <c r="H188077" s="12"/>
    </row>
    <row r="188078" spans="8:8">
      <c r="H188078" s="12"/>
    </row>
    <row r="188079" spans="8:8">
      <c r="H188079" s="12"/>
    </row>
    <row r="188080" spans="8:8">
      <c r="H188080" s="12"/>
    </row>
    <row r="188081" spans="8:8">
      <c r="H188081" s="12"/>
    </row>
    <row r="188082" spans="8:8">
      <c r="H188082" s="12"/>
    </row>
    <row r="188083" spans="8:8">
      <c r="H188083" s="12"/>
    </row>
    <row r="188084" spans="8:8">
      <c r="H188084" s="12"/>
    </row>
    <row r="188085" spans="8:8">
      <c r="H188085" s="12"/>
    </row>
    <row r="188086" spans="8:8">
      <c r="H188086" s="12"/>
    </row>
    <row r="188087" spans="8:8">
      <c r="H188087" s="12"/>
    </row>
    <row r="188088" spans="8:8">
      <c r="H188088" s="12"/>
    </row>
    <row r="188089" spans="8:8">
      <c r="H188089" s="12"/>
    </row>
    <row r="188090" spans="8:8">
      <c r="H188090" s="12"/>
    </row>
    <row r="188091" spans="8:8">
      <c r="H188091" s="12"/>
    </row>
    <row r="188092" spans="8:8">
      <c r="H188092" s="12"/>
    </row>
    <row r="188093" spans="8:8">
      <c r="H188093" s="12"/>
    </row>
    <row r="188094" spans="8:8">
      <c r="H188094" s="12"/>
    </row>
    <row r="188095" spans="8:8">
      <c r="H188095" s="12"/>
    </row>
    <row r="188096" spans="8:8">
      <c r="H188096" s="12"/>
    </row>
    <row r="188097" spans="8:8">
      <c r="H188097" s="12"/>
    </row>
    <row r="188098" spans="8:8">
      <c r="H188098" s="12"/>
    </row>
    <row r="188099" spans="8:8">
      <c r="H188099" s="12"/>
    </row>
    <row r="188100" spans="8:8">
      <c r="H188100" s="12"/>
    </row>
    <row r="188101" spans="8:8">
      <c r="H188101" s="12"/>
    </row>
    <row r="188102" spans="8:8">
      <c r="H188102" s="12"/>
    </row>
    <row r="188103" spans="8:8">
      <c r="H188103" s="12"/>
    </row>
    <row r="188104" spans="8:8">
      <c r="H188104" s="12"/>
    </row>
    <row r="188105" spans="8:8">
      <c r="H188105" s="12"/>
    </row>
    <row r="188106" spans="8:8">
      <c r="H188106" s="12"/>
    </row>
    <row r="188107" spans="8:8">
      <c r="H188107" s="12"/>
    </row>
    <row r="188108" spans="8:8">
      <c r="H188108" s="12"/>
    </row>
    <row r="188109" spans="8:8">
      <c r="H188109" s="12"/>
    </row>
    <row r="188110" spans="8:8">
      <c r="H188110" s="12"/>
    </row>
    <row r="188111" spans="8:8">
      <c r="H188111" s="12"/>
    </row>
    <row r="188112" spans="8:8">
      <c r="H188112" s="12"/>
    </row>
    <row r="188113" spans="8:8">
      <c r="H188113" s="12"/>
    </row>
    <row r="188114" spans="8:8">
      <c r="H188114" s="12"/>
    </row>
    <row r="188115" spans="8:8">
      <c r="H188115" s="12"/>
    </row>
    <row r="188116" spans="8:8">
      <c r="H188116" s="12"/>
    </row>
    <row r="188117" spans="8:8">
      <c r="H188117" s="12"/>
    </row>
    <row r="188118" spans="8:8">
      <c r="H188118" s="12"/>
    </row>
    <row r="188119" spans="8:8">
      <c r="H188119" s="12"/>
    </row>
    <row r="188120" spans="8:8">
      <c r="H188120" s="12"/>
    </row>
    <row r="188121" spans="8:8">
      <c r="H188121" s="12"/>
    </row>
    <row r="188122" spans="8:8">
      <c r="H188122" s="12"/>
    </row>
    <row r="188123" spans="8:8">
      <c r="H188123" s="12"/>
    </row>
    <row r="188124" spans="8:8">
      <c r="H188124" s="12"/>
    </row>
    <row r="188125" spans="8:8">
      <c r="H188125" s="12"/>
    </row>
    <row r="188126" spans="8:8">
      <c r="H188126" s="12"/>
    </row>
    <row r="188127" spans="8:8">
      <c r="H188127" s="12"/>
    </row>
    <row r="188128" spans="8:8">
      <c r="H188128" s="12"/>
    </row>
    <row r="188129" spans="8:8">
      <c r="H188129" s="12"/>
    </row>
    <row r="188130" spans="8:8">
      <c r="H188130" s="12"/>
    </row>
    <row r="188131" spans="8:8">
      <c r="H188131" s="12"/>
    </row>
    <row r="188132" spans="8:8">
      <c r="H188132" s="12"/>
    </row>
    <row r="188133" spans="8:8">
      <c r="H188133" s="12"/>
    </row>
    <row r="188134" spans="8:8">
      <c r="H188134" s="12"/>
    </row>
    <row r="188135" spans="8:8">
      <c r="H188135" s="12"/>
    </row>
    <row r="188136" spans="8:8">
      <c r="H188136" s="12"/>
    </row>
    <row r="188137" spans="8:8">
      <c r="H188137" s="12"/>
    </row>
    <row r="188138" spans="8:8">
      <c r="H188138" s="12"/>
    </row>
    <row r="188139" spans="8:8">
      <c r="H188139" s="12"/>
    </row>
    <row r="188140" spans="8:8">
      <c r="H188140" s="12"/>
    </row>
    <row r="188141" spans="8:8">
      <c r="H188141" s="12"/>
    </row>
    <row r="188142" spans="8:8">
      <c r="H188142" s="12"/>
    </row>
    <row r="188143" spans="8:8">
      <c r="H188143" s="12"/>
    </row>
    <row r="188144" spans="8:8">
      <c r="H188144" s="12"/>
    </row>
    <row r="188145" spans="8:8">
      <c r="H188145" s="12"/>
    </row>
    <row r="188146" spans="8:8">
      <c r="H188146" s="12"/>
    </row>
    <row r="188147" spans="8:8">
      <c r="H188147" s="12"/>
    </row>
    <row r="188148" spans="8:8">
      <c r="H188148" s="12"/>
    </row>
    <row r="188149" spans="8:8">
      <c r="H188149" s="12"/>
    </row>
    <row r="188150" spans="8:8">
      <c r="H188150" s="12"/>
    </row>
    <row r="188151" spans="8:8">
      <c r="H188151" s="12"/>
    </row>
    <row r="188152" spans="8:8">
      <c r="H188152" s="12"/>
    </row>
    <row r="188153" spans="8:8">
      <c r="H188153" s="12"/>
    </row>
    <row r="188154" spans="8:8">
      <c r="H188154" s="12"/>
    </row>
    <row r="188155" spans="8:8">
      <c r="H188155" s="12"/>
    </row>
    <row r="188156" spans="8:8">
      <c r="H188156" s="12"/>
    </row>
    <row r="188157" spans="8:8">
      <c r="H188157" s="12"/>
    </row>
    <row r="188158" spans="8:8">
      <c r="H188158" s="12"/>
    </row>
    <row r="188159" spans="8:8">
      <c r="H188159" s="12"/>
    </row>
    <row r="188160" spans="8:8">
      <c r="H188160" s="12"/>
    </row>
    <row r="188161" spans="8:8">
      <c r="H188161" s="12"/>
    </row>
    <row r="188162" spans="8:8">
      <c r="H188162" s="12"/>
    </row>
    <row r="188163" spans="8:8">
      <c r="H188163" s="12"/>
    </row>
    <row r="188164" spans="8:8">
      <c r="H188164" s="12"/>
    </row>
    <row r="188165" spans="8:8">
      <c r="H188165" s="12"/>
    </row>
    <row r="188166" spans="8:8">
      <c r="H188166" s="12"/>
    </row>
    <row r="188167" spans="8:8">
      <c r="H188167" s="12"/>
    </row>
    <row r="188168" spans="8:8">
      <c r="H188168" s="12"/>
    </row>
    <row r="188169" spans="8:8">
      <c r="H188169" s="12"/>
    </row>
    <row r="188170" spans="8:8">
      <c r="H188170" s="12"/>
    </row>
    <row r="188171" spans="8:8">
      <c r="H188171" s="12"/>
    </row>
    <row r="188172" spans="8:8">
      <c r="H188172" s="12"/>
    </row>
    <row r="188173" spans="8:8">
      <c r="H188173" s="12"/>
    </row>
    <row r="188174" spans="8:8">
      <c r="H188174" s="12"/>
    </row>
    <row r="188175" spans="8:8">
      <c r="H188175" s="12"/>
    </row>
    <row r="188176" spans="8:8">
      <c r="H188176" s="12"/>
    </row>
    <row r="188177" spans="8:8">
      <c r="H188177" s="12"/>
    </row>
    <row r="188178" spans="8:8">
      <c r="H188178" s="12"/>
    </row>
    <row r="188179" spans="8:8">
      <c r="H188179" s="12"/>
    </row>
    <row r="188180" spans="8:8">
      <c r="H188180" s="12"/>
    </row>
    <row r="188181" spans="8:8">
      <c r="H188181" s="12"/>
    </row>
    <row r="188182" spans="8:8">
      <c r="H188182" s="12"/>
    </row>
    <row r="188183" spans="8:8">
      <c r="H188183" s="12"/>
    </row>
    <row r="188184" spans="8:8">
      <c r="H188184" s="12"/>
    </row>
    <row r="188185" spans="8:8">
      <c r="H188185" s="12"/>
    </row>
    <row r="188186" spans="8:8">
      <c r="H188186" s="12"/>
    </row>
    <row r="188187" spans="8:8">
      <c r="H188187" s="12"/>
    </row>
    <row r="188188" spans="8:8">
      <c r="H188188" s="12"/>
    </row>
    <row r="188189" spans="8:8">
      <c r="H188189" s="12"/>
    </row>
    <row r="188190" spans="8:8">
      <c r="H188190" s="12"/>
    </row>
    <row r="188191" spans="8:8">
      <c r="H188191" s="12"/>
    </row>
    <row r="188192" spans="8:8">
      <c r="H188192" s="12"/>
    </row>
    <row r="188193" spans="8:8">
      <c r="H188193" s="12"/>
    </row>
    <row r="188194" spans="8:8">
      <c r="H188194" s="12"/>
    </row>
    <row r="188195" spans="8:8">
      <c r="H188195" s="12"/>
    </row>
    <row r="188196" spans="8:8">
      <c r="H188196" s="12"/>
    </row>
    <row r="188197" spans="8:8">
      <c r="H188197" s="12"/>
    </row>
    <row r="188198" spans="8:8">
      <c r="H188198" s="12"/>
    </row>
    <row r="188199" spans="8:8">
      <c r="H188199" s="12"/>
    </row>
    <row r="188200" spans="8:8">
      <c r="H188200" s="12"/>
    </row>
    <row r="188201" spans="8:8">
      <c r="H188201" s="12"/>
    </row>
    <row r="188202" spans="8:8">
      <c r="H188202" s="12"/>
    </row>
    <row r="188203" spans="8:8">
      <c r="H188203" s="12"/>
    </row>
    <row r="188204" spans="8:8">
      <c r="H188204" s="12"/>
    </row>
    <row r="188205" spans="8:8">
      <c r="H188205" s="12"/>
    </row>
    <row r="188206" spans="8:8">
      <c r="H188206" s="12"/>
    </row>
    <row r="188207" spans="8:8">
      <c r="H188207" s="12"/>
    </row>
    <row r="188208" spans="8:8">
      <c r="H188208" s="12"/>
    </row>
    <row r="188209" spans="8:8">
      <c r="H188209" s="12"/>
    </row>
    <row r="188210" spans="8:8">
      <c r="H188210" s="12"/>
    </row>
    <row r="188211" spans="8:8">
      <c r="H188211" s="12"/>
    </row>
    <row r="188212" spans="8:8">
      <c r="H188212" s="12"/>
    </row>
    <row r="188213" spans="8:8">
      <c r="H188213" s="12"/>
    </row>
    <row r="188214" spans="8:8">
      <c r="H188214" s="12"/>
    </row>
    <row r="188215" spans="8:8">
      <c r="H188215" s="12"/>
    </row>
    <row r="188216" spans="8:8">
      <c r="H188216" s="12"/>
    </row>
    <row r="188217" spans="8:8">
      <c r="H188217" s="12"/>
    </row>
    <row r="188218" spans="8:8">
      <c r="H188218" s="12"/>
    </row>
    <row r="188219" spans="8:8">
      <c r="H188219" s="12"/>
    </row>
    <row r="188220" spans="8:8">
      <c r="H188220" s="12"/>
    </row>
    <row r="188221" spans="8:8">
      <c r="H188221" s="12"/>
    </row>
    <row r="188222" spans="8:8">
      <c r="H188222" s="12"/>
    </row>
    <row r="188223" spans="8:8">
      <c r="H188223" s="12"/>
    </row>
    <row r="188224" spans="8:8">
      <c r="H188224" s="12"/>
    </row>
    <row r="188225" spans="8:8">
      <c r="H188225" s="12"/>
    </row>
    <row r="188226" spans="8:8">
      <c r="H188226" s="12"/>
    </row>
    <row r="188227" spans="8:8">
      <c r="H188227" s="12"/>
    </row>
    <row r="188228" spans="8:8">
      <c r="H188228" s="12"/>
    </row>
    <row r="188229" spans="8:8">
      <c r="H188229" s="12"/>
    </row>
    <row r="188230" spans="8:8">
      <c r="H188230" s="12"/>
    </row>
    <row r="188231" spans="8:8">
      <c r="H188231" s="12"/>
    </row>
    <row r="188232" spans="8:8">
      <c r="H188232" s="12"/>
    </row>
    <row r="188233" spans="8:8">
      <c r="H188233" s="12"/>
    </row>
    <row r="188234" spans="8:8">
      <c r="H188234" s="12"/>
    </row>
    <row r="188235" spans="8:8">
      <c r="H188235" s="12"/>
    </row>
    <row r="188236" spans="8:8">
      <c r="H188236" s="12"/>
    </row>
    <row r="188237" spans="8:8">
      <c r="H188237" s="12"/>
    </row>
    <row r="188238" spans="8:8">
      <c r="H188238" s="12"/>
    </row>
    <row r="188239" spans="8:8">
      <c r="H188239" s="12"/>
    </row>
    <row r="188240" spans="8:8">
      <c r="H188240" s="12"/>
    </row>
    <row r="188241" spans="8:8">
      <c r="H188241" s="12"/>
    </row>
    <row r="188242" spans="8:8">
      <c r="H188242" s="12"/>
    </row>
    <row r="188243" spans="8:8">
      <c r="H188243" s="12"/>
    </row>
    <row r="188244" spans="8:8">
      <c r="H188244" s="12"/>
    </row>
    <row r="188245" spans="8:8">
      <c r="H188245" s="12"/>
    </row>
    <row r="188246" spans="8:8">
      <c r="H188246" s="12"/>
    </row>
    <row r="188247" spans="8:8">
      <c r="H188247" s="12"/>
    </row>
    <row r="188248" spans="8:8">
      <c r="H188248" s="12"/>
    </row>
    <row r="188249" spans="8:8">
      <c r="H188249" s="12"/>
    </row>
    <row r="188250" spans="8:8">
      <c r="H188250" s="12"/>
    </row>
    <row r="188251" spans="8:8">
      <c r="H188251" s="12"/>
    </row>
    <row r="188252" spans="8:8">
      <c r="H188252" s="12"/>
    </row>
    <row r="188253" spans="8:8">
      <c r="H188253" s="12"/>
    </row>
    <row r="188254" spans="8:8">
      <c r="H188254" s="12"/>
    </row>
    <row r="188255" spans="8:8">
      <c r="H188255" s="12"/>
    </row>
    <row r="188256" spans="8:8">
      <c r="H188256" s="12"/>
    </row>
    <row r="188257" spans="8:8">
      <c r="H188257" s="12"/>
    </row>
    <row r="188258" spans="8:8">
      <c r="H188258" s="12"/>
    </row>
    <row r="188259" spans="8:8">
      <c r="H188259" s="12"/>
    </row>
    <row r="188260" spans="8:8">
      <c r="H188260" s="12"/>
    </row>
    <row r="188261" spans="8:8">
      <c r="H188261" s="12"/>
    </row>
    <row r="188262" spans="8:8">
      <c r="H188262" s="12"/>
    </row>
    <row r="188263" spans="8:8">
      <c r="H188263" s="12"/>
    </row>
    <row r="188264" spans="8:8">
      <c r="H188264" s="12"/>
    </row>
    <row r="188265" spans="8:8">
      <c r="H188265" s="12"/>
    </row>
    <row r="188266" spans="8:8">
      <c r="H188266" s="12"/>
    </row>
    <row r="188267" spans="8:8">
      <c r="H188267" s="12"/>
    </row>
    <row r="188268" spans="8:8">
      <c r="H188268" s="12"/>
    </row>
    <row r="188269" spans="8:8">
      <c r="H188269" s="12"/>
    </row>
    <row r="188270" spans="8:8">
      <c r="H188270" s="12"/>
    </row>
    <row r="188271" spans="8:8">
      <c r="H188271" s="12"/>
    </row>
    <row r="188272" spans="8:8">
      <c r="H188272" s="12"/>
    </row>
    <row r="188273" spans="8:8">
      <c r="H188273" s="12"/>
    </row>
    <row r="188274" spans="8:8">
      <c r="H188274" s="12"/>
    </row>
    <row r="188275" spans="8:8">
      <c r="H188275" s="12"/>
    </row>
    <row r="188276" spans="8:8">
      <c r="H188276" s="12"/>
    </row>
    <row r="188277" spans="8:8">
      <c r="H188277" s="12"/>
    </row>
    <row r="188278" spans="8:8">
      <c r="H188278" s="12"/>
    </row>
    <row r="188279" spans="8:8">
      <c r="H188279" s="12"/>
    </row>
    <row r="188280" spans="8:8">
      <c r="H188280" s="12"/>
    </row>
    <row r="188281" spans="8:8">
      <c r="H188281" s="12"/>
    </row>
    <row r="188282" spans="8:8">
      <c r="H188282" s="12"/>
    </row>
    <row r="188283" spans="8:8">
      <c r="H188283" s="12"/>
    </row>
    <row r="188284" spans="8:8">
      <c r="H188284" s="12"/>
    </row>
    <row r="188285" spans="8:8">
      <c r="H188285" s="12"/>
    </row>
    <row r="188286" spans="8:8">
      <c r="H188286" s="12"/>
    </row>
    <row r="188287" spans="8:8">
      <c r="H188287" s="12"/>
    </row>
    <row r="188288" spans="8:8">
      <c r="H188288" s="12"/>
    </row>
    <row r="188289" spans="8:8">
      <c r="H188289" s="12"/>
    </row>
    <row r="188290" spans="8:8">
      <c r="H188290" s="12"/>
    </row>
    <row r="188291" spans="8:8">
      <c r="H188291" s="12"/>
    </row>
    <row r="188292" spans="8:8">
      <c r="H188292" s="12"/>
    </row>
    <row r="188293" spans="8:8">
      <c r="H188293" s="12"/>
    </row>
    <row r="188294" spans="8:8">
      <c r="H188294" s="12"/>
    </row>
    <row r="188295" spans="8:8">
      <c r="H188295" s="12"/>
    </row>
    <row r="188296" spans="8:8">
      <c r="H188296" s="12"/>
    </row>
    <row r="188297" spans="8:8">
      <c r="H188297" s="12"/>
    </row>
    <row r="188298" spans="8:8">
      <c r="H188298" s="12"/>
    </row>
    <row r="188299" spans="8:8">
      <c r="H188299" s="12"/>
    </row>
    <row r="188300" spans="8:8">
      <c r="H188300" s="12"/>
    </row>
    <row r="188301" spans="8:8">
      <c r="H188301" s="12"/>
    </row>
    <row r="188302" spans="8:8">
      <c r="H188302" s="12"/>
    </row>
    <row r="188303" spans="8:8">
      <c r="H188303" s="12"/>
    </row>
    <row r="188304" spans="8:8">
      <c r="H188304" s="12"/>
    </row>
    <row r="188305" spans="8:8">
      <c r="H188305" s="12"/>
    </row>
    <row r="188306" spans="8:8">
      <c r="H188306" s="12"/>
    </row>
    <row r="188307" spans="8:8">
      <c r="H188307" s="12"/>
    </row>
    <row r="188308" spans="8:8">
      <c r="H188308" s="12"/>
    </row>
    <row r="188309" spans="8:8">
      <c r="H188309" s="12"/>
    </row>
    <row r="188310" spans="8:8">
      <c r="H188310" s="12"/>
    </row>
    <row r="188311" spans="8:8">
      <c r="H188311" s="12"/>
    </row>
    <row r="188312" spans="8:8">
      <c r="H188312" s="12"/>
    </row>
    <row r="188313" spans="8:8">
      <c r="H188313" s="12"/>
    </row>
    <row r="188314" spans="8:8">
      <c r="H188314" s="12"/>
    </row>
    <row r="188315" spans="8:8">
      <c r="H188315" s="12"/>
    </row>
    <row r="188316" spans="8:8">
      <c r="H188316" s="12"/>
    </row>
    <row r="188317" spans="8:8">
      <c r="H188317" s="12"/>
    </row>
    <row r="188318" spans="8:8">
      <c r="H188318" s="12"/>
    </row>
    <row r="188319" spans="8:8">
      <c r="H188319" s="12"/>
    </row>
    <row r="188320" spans="8:8">
      <c r="H188320" s="12"/>
    </row>
    <row r="188321" spans="8:8">
      <c r="H188321" s="12"/>
    </row>
    <row r="188322" spans="8:8">
      <c r="H188322" s="12"/>
    </row>
    <row r="188323" spans="8:8">
      <c r="H188323" s="12"/>
    </row>
    <row r="188324" spans="8:8">
      <c r="H188324" s="12"/>
    </row>
    <row r="188325" spans="8:8">
      <c r="H188325" s="12"/>
    </row>
    <row r="188326" spans="8:8">
      <c r="H188326" s="12"/>
    </row>
    <row r="188327" spans="8:8">
      <c r="H188327" s="12"/>
    </row>
    <row r="188328" spans="8:8">
      <c r="H188328" s="12"/>
    </row>
    <row r="188329" spans="8:8">
      <c r="H188329" s="12"/>
    </row>
    <row r="188330" spans="8:8">
      <c r="H188330" s="12"/>
    </row>
    <row r="188331" spans="8:8">
      <c r="H188331" s="12"/>
    </row>
    <row r="188332" spans="8:8">
      <c r="H188332" s="12"/>
    </row>
    <row r="188333" spans="8:8">
      <c r="H188333" s="12"/>
    </row>
    <row r="188334" spans="8:8">
      <c r="H188334" s="12"/>
    </row>
    <row r="188335" spans="8:8">
      <c r="H188335" s="12"/>
    </row>
    <row r="188336" spans="8:8">
      <c r="H188336" s="12"/>
    </row>
    <row r="188337" spans="8:8">
      <c r="H188337" s="12"/>
    </row>
    <row r="188338" spans="8:8">
      <c r="H188338" s="12"/>
    </row>
    <row r="188339" spans="8:8">
      <c r="H188339" s="12"/>
    </row>
    <row r="188340" spans="8:8">
      <c r="H188340" s="12"/>
    </row>
    <row r="188341" spans="8:8">
      <c r="H188341" s="12"/>
    </row>
    <row r="188342" spans="8:8">
      <c r="H188342" s="12"/>
    </row>
    <row r="188343" spans="8:8">
      <c r="H188343" s="12"/>
    </row>
    <row r="188344" spans="8:8">
      <c r="H188344" s="12"/>
    </row>
    <row r="188345" spans="8:8">
      <c r="H188345" s="12"/>
    </row>
    <row r="188346" spans="8:8">
      <c r="H188346" s="12"/>
    </row>
    <row r="188347" spans="8:8">
      <c r="H188347" s="12"/>
    </row>
    <row r="188348" spans="8:8">
      <c r="H188348" s="12"/>
    </row>
    <row r="188349" spans="8:8">
      <c r="H188349" s="12"/>
    </row>
    <row r="188350" spans="8:8">
      <c r="H188350" s="12"/>
    </row>
    <row r="188351" spans="8:8">
      <c r="H188351" s="12"/>
    </row>
    <row r="188352" spans="8:8">
      <c r="H188352" s="12"/>
    </row>
    <row r="188353" spans="8:8">
      <c r="H188353" s="12"/>
    </row>
    <row r="188354" spans="8:8">
      <c r="H188354" s="12"/>
    </row>
    <row r="188355" spans="8:8">
      <c r="H188355" s="12"/>
    </row>
    <row r="188356" spans="8:8">
      <c r="H188356" s="12"/>
    </row>
    <row r="188357" spans="8:8">
      <c r="H188357" s="12"/>
    </row>
    <row r="188358" spans="8:8">
      <c r="H188358" s="12"/>
    </row>
    <row r="188359" spans="8:8">
      <c r="H188359" s="12"/>
    </row>
    <row r="188360" spans="8:8">
      <c r="H188360" s="12"/>
    </row>
    <row r="188361" spans="8:8">
      <c r="H188361" s="12"/>
    </row>
    <row r="188362" spans="8:8">
      <c r="H188362" s="12"/>
    </row>
    <row r="188363" spans="8:8">
      <c r="H188363" s="12"/>
    </row>
    <row r="188364" spans="8:8">
      <c r="H188364" s="12"/>
    </row>
    <row r="188365" spans="8:8">
      <c r="H188365" s="12"/>
    </row>
    <row r="188366" spans="8:8">
      <c r="H188366" s="12"/>
    </row>
    <row r="188367" spans="8:8">
      <c r="H188367" s="12"/>
    </row>
    <row r="188368" spans="8:8">
      <c r="H188368" s="12"/>
    </row>
    <row r="188369" spans="8:8">
      <c r="H188369" s="12"/>
    </row>
    <row r="188370" spans="8:8">
      <c r="H188370" s="12"/>
    </row>
    <row r="188371" spans="8:8">
      <c r="H188371" s="12"/>
    </row>
    <row r="188372" spans="8:8">
      <c r="H188372" s="12"/>
    </row>
    <row r="188373" spans="8:8">
      <c r="H188373" s="12"/>
    </row>
    <row r="188374" spans="8:8">
      <c r="H188374" s="12"/>
    </row>
    <row r="188375" spans="8:8">
      <c r="H188375" s="12"/>
    </row>
    <row r="188376" spans="8:8">
      <c r="H188376" s="12"/>
    </row>
    <row r="188377" spans="8:8">
      <c r="H188377" s="12"/>
    </row>
    <row r="188378" spans="8:8">
      <c r="H188378" s="12"/>
    </row>
    <row r="188379" spans="8:8">
      <c r="H188379" s="12"/>
    </row>
    <row r="188380" spans="8:8">
      <c r="H188380" s="12"/>
    </row>
    <row r="188381" spans="8:8">
      <c r="H188381" s="12"/>
    </row>
    <row r="188382" spans="8:8">
      <c r="H188382" s="12"/>
    </row>
    <row r="188383" spans="8:8">
      <c r="H188383" s="12"/>
    </row>
    <row r="188384" spans="8:8">
      <c r="H188384" s="12"/>
    </row>
    <row r="188385" spans="8:8">
      <c r="H188385" s="12"/>
    </row>
    <row r="188386" spans="8:8">
      <c r="H188386" s="12"/>
    </row>
    <row r="188387" spans="8:8">
      <c r="H188387" s="12"/>
    </row>
    <row r="188388" spans="8:8">
      <c r="H188388" s="12"/>
    </row>
    <row r="188389" spans="8:8">
      <c r="H188389" s="12"/>
    </row>
    <row r="188390" spans="8:8">
      <c r="H188390" s="12"/>
    </row>
    <row r="188391" spans="8:8">
      <c r="H188391" s="12"/>
    </row>
    <row r="188392" spans="8:8">
      <c r="H188392" s="12"/>
    </row>
    <row r="188393" spans="8:8">
      <c r="H188393" s="12"/>
    </row>
    <row r="188394" spans="8:8">
      <c r="H188394" s="12"/>
    </row>
    <row r="188395" spans="8:8">
      <c r="H188395" s="12"/>
    </row>
    <row r="188396" spans="8:8">
      <c r="H188396" s="12"/>
    </row>
    <row r="188397" spans="8:8">
      <c r="H188397" s="12"/>
    </row>
    <row r="188398" spans="8:8">
      <c r="H188398" s="12"/>
    </row>
    <row r="188399" spans="8:8">
      <c r="H188399" s="12"/>
    </row>
    <row r="188400" spans="8:8">
      <c r="H188400" s="12"/>
    </row>
    <row r="188401" spans="8:8">
      <c r="H188401" s="12"/>
    </row>
    <row r="188402" spans="8:8">
      <c r="H188402" s="12"/>
    </row>
    <row r="188403" spans="8:8">
      <c r="H188403" s="12"/>
    </row>
    <row r="188404" spans="8:8">
      <c r="H188404" s="12"/>
    </row>
    <row r="188405" spans="8:8">
      <c r="H188405" s="12"/>
    </row>
    <row r="188406" spans="8:8">
      <c r="H188406" s="12"/>
    </row>
    <row r="188407" spans="8:8">
      <c r="H188407" s="12"/>
    </row>
    <row r="188408" spans="8:8">
      <c r="H188408" s="12"/>
    </row>
    <row r="188409" spans="8:8">
      <c r="H188409" s="12"/>
    </row>
    <row r="188410" spans="8:8">
      <c r="H188410" s="12"/>
    </row>
    <row r="188411" spans="8:8">
      <c r="H188411" s="12"/>
    </row>
    <row r="188412" spans="8:8">
      <c r="H188412" s="12"/>
    </row>
    <row r="188413" spans="8:8">
      <c r="H188413" s="12"/>
    </row>
    <row r="188414" spans="8:8">
      <c r="H188414" s="12"/>
    </row>
    <row r="188415" spans="8:8">
      <c r="H188415" s="12"/>
    </row>
    <row r="188416" spans="8:8">
      <c r="H188416" s="12"/>
    </row>
    <row r="188417" spans="8:8">
      <c r="H188417" s="12"/>
    </row>
    <row r="188418" spans="8:8">
      <c r="H188418" s="12"/>
    </row>
    <row r="188419" spans="8:8">
      <c r="H188419" s="12"/>
    </row>
    <row r="188420" spans="8:8">
      <c r="H188420" s="12"/>
    </row>
    <row r="188421" spans="8:8">
      <c r="H188421" s="12"/>
    </row>
    <row r="188422" spans="8:8">
      <c r="H188422" s="12"/>
    </row>
    <row r="188423" spans="8:8">
      <c r="H188423" s="12"/>
    </row>
    <row r="188424" spans="8:8">
      <c r="H188424" s="12"/>
    </row>
    <row r="188425" spans="8:8">
      <c r="H188425" s="12"/>
    </row>
    <row r="188426" spans="8:8">
      <c r="H188426" s="12"/>
    </row>
    <row r="188427" spans="8:8">
      <c r="H188427" s="12"/>
    </row>
    <row r="188428" spans="8:8">
      <c r="H188428" s="12"/>
    </row>
    <row r="188429" spans="8:8">
      <c r="H188429" s="12"/>
    </row>
    <row r="188430" spans="8:8">
      <c r="H188430" s="12"/>
    </row>
    <row r="188431" spans="8:8">
      <c r="H188431" s="12"/>
    </row>
    <row r="188432" spans="8:8">
      <c r="H188432" s="12"/>
    </row>
    <row r="188433" spans="8:8">
      <c r="H188433" s="12"/>
    </row>
    <row r="188434" spans="8:8">
      <c r="H188434" s="12"/>
    </row>
    <row r="188435" spans="8:8">
      <c r="H188435" s="12"/>
    </row>
    <row r="188436" spans="8:8">
      <c r="H188436" s="12"/>
    </row>
    <row r="188437" spans="8:8">
      <c r="H188437" s="12"/>
    </row>
    <row r="188438" spans="8:8">
      <c r="H188438" s="12"/>
    </row>
    <row r="188439" spans="8:8">
      <c r="H188439" s="12"/>
    </row>
    <row r="188440" spans="8:8">
      <c r="H188440" s="12"/>
    </row>
    <row r="188441" spans="8:8">
      <c r="H188441" s="12"/>
    </row>
    <row r="188442" spans="8:8">
      <c r="H188442" s="12"/>
    </row>
    <row r="188443" spans="8:8">
      <c r="H188443" s="12"/>
    </row>
    <row r="188444" spans="8:8">
      <c r="H188444" s="12"/>
    </row>
    <row r="188445" spans="8:8">
      <c r="H188445" s="12"/>
    </row>
    <row r="188446" spans="8:8">
      <c r="H188446" s="12"/>
    </row>
    <row r="188447" spans="8:8">
      <c r="H188447" s="12"/>
    </row>
    <row r="188448" spans="8:8">
      <c r="H188448" s="12"/>
    </row>
    <row r="188449" spans="8:8">
      <c r="H188449" s="12"/>
    </row>
    <row r="188450" spans="8:8">
      <c r="H188450" s="12"/>
    </row>
    <row r="188451" spans="8:8">
      <c r="H188451" s="12"/>
    </row>
    <row r="188452" spans="8:8">
      <c r="H188452" s="12"/>
    </row>
    <row r="188453" spans="8:8">
      <c r="H188453" s="12"/>
    </row>
    <row r="188454" spans="8:8">
      <c r="H188454" s="12"/>
    </row>
    <row r="188455" spans="8:8">
      <c r="H188455" s="12"/>
    </row>
    <row r="188456" spans="8:8">
      <c r="H188456" s="12"/>
    </row>
    <row r="188457" spans="8:8">
      <c r="H188457" s="12"/>
    </row>
    <row r="188458" spans="8:8">
      <c r="H188458" s="12"/>
    </row>
    <row r="188459" spans="8:8">
      <c r="H188459" s="12"/>
    </row>
    <row r="188460" spans="8:8">
      <c r="H188460" s="12"/>
    </row>
    <row r="188461" spans="8:8">
      <c r="H188461" s="12"/>
    </row>
    <row r="188462" spans="8:8">
      <c r="H188462" s="12"/>
    </row>
    <row r="188463" spans="8:8">
      <c r="H188463" s="12"/>
    </row>
    <row r="188464" spans="8:8">
      <c r="H188464" s="12"/>
    </row>
    <row r="188465" spans="8:8">
      <c r="H188465" s="12"/>
    </row>
    <row r="188466" spans="8:8">
      <c r="H188466" s="12"/>
    </row>
    <row r="188467" spans="8:8">
      <c r="H188467" s="12"/>
    </row>
    <row r="188468" spans="8:8">
      <c r="H188468" s="12"/>
    </row>
    <row r="188469" spans="8:8">
      <c r="H188469" s="12"/>
    </row>
    <row r="188470" spans="8:8">
      <c r="H188470" s="12"/>
    </row>
    <row r="188471" spans="8:8">
      <c r="H188471" s="12"/>
    </row>
    <row r="188472" spans="8:8">
      <c r="H188472" s="12"/>
    </row>
    <row r="188473" spans="8:8">
      <c r="H188473" s="12"/>
    </row>
    <row r="188474" spans="8:8">
      <c r="H188474" s="12"/>
    </row>
    <row r="188475" spans="8:8">
      <c r="H188475" s="12"/>
    </row>
    <row r="188476" spans="8:8">
      <c r="H188476" s="12"/>
    </row>
    <row r="188477" spans="8:8">
      <c r="H188477" s="12"/>
    </row>
    <row r="188478" spans="8:8">
      <c r="H188478" s="12"/>
    </row>
    <row r="188479" spans="8:8">
      <c r="H188479" s="12"/>
    </row>
    <row r="188480" spans="8:8">
      <c r="H188480" s="12"/>
    </row>
    <row r="188481" spans="8:8">
      <c r="H188481" s="12"/>
    </row>
    <row r="188482" spans="8:8">
      <c r="H188482" s="12"/>
    </row>
    <row r="188483" spans="8:8">
      <c r="H188483" s="12"/>
    </row>
    <row r="188484" spans="8:8">
      <c r="H188484" s="12"/>
    </row>
    <row r="188485" spans="8:8">
      <c r="H188485" s="12"/>
    </row>
    <row r="188486" spans="8:8">
      <c r="H188486" s="12"/>
    </row>
    <row r="188487" spans="8:8">
      <c r="H188487" s="12"/>
    </row>
    <row r="188488" spans="8:8">
      <c r="H188488" s="12"/>
    </row>
    <row r="188489" spans="8:8">
      <c r="H188489" s="12"/>
    </row>
    <row r="188490" spans="8:8">
      <c r="H188490" s="12"/>
    </row>
    <row r="188491" spans="8:8">
      <c r="H188491" s="12"/>
    </row>
    <row r="188492" spans="8:8">
      <c r="H188492" s="12"/>
    </row>
    <row r="188493" spans="8:8">
      <c r="H188493" s="12"/>
    </row>
    <row r="188494" spans="8:8">
      <c r="H188494" s="12"/>
    </row>
    <row r="188495" spans="8:8">
      <c r="H188495" s="12"/>
    </row>
    <row r="188496" spans="8:8">
      <c r="H188496" s="12"/>
    </row>
    <row r="188497" spans="8:8">
      <c r="H188497" s="12"/>
    </row>
    <row r="188498" spans="8:8">
      <c r="H188498" s="12"/>
    </row>
    <row r="188499" spans="8:8">
      <c r="H188499" s="12"/>
    </row>
    <row r="188500" spans="8:8">
      <c r="H188500" s="12"/>
    </row>
    <row r="188501" spans="8:8">
      <c r="H188501" s="12"/>
    </row>
    <row r="188502" spans="8:8">
      <c r="H188502" s="12"/>
    </row>
    <row r="188503" spans="8:8">
      <c r="H188503" s="12"/>
    </row>
    <row r="188504" spans="8:8">
      <c r="H188504" s="12"/>
    </row>
    <row r="188505" spans="8:8">
      <c r="H188505" s="12"/>
    </row>
    <row r="188506" spans="8:8">
      <c r="H188506" s="12"/>
    </row>
    <row r="188507" spans="8:8">
      <c r="H188507" s="12"/>
    </row>
    <row r="188508" spans="8:8">
      <c r="H188508" s="12"/>
    </row>
    <row r="188509" spans="8:8">
      <c r="H188509" s="12"/>
    </row>
    <row r="188510" spans="8:8">
      <c r="H188510" s="12"/>
    </row>
    <row r="188511" spans="8:8">
      <c r="H188511" s="12"/>
    </row>
    <row r="188512" spans="8:8">
      <c r="H188512" s="12"/>
    </row>
    <row r="188513" spans="8:8">
      <c r="H188513" s="12"/>
    </row>
    <row r="188514" spans="8:8">
      <c r="H188514" s="12"/>
    </row>
    <row r="188515" spans="8:8">
      <c r="H188515" s="12"/>
    </row>
    <row r="188516" spans="8:8">
      <c r="H188516" s="12"/>
    </row>
    <row r="188517" spans="8:8">
      <c r="H188517" s="12"/>
    </row>
    <row r="188518" spans="8:8">
      <c r="H188518" s="12"/>
    </row>
    <row r="188519" spans="8:8">
      <c r="H188519" s="12"/>
    </row>
    <row r="188520" spans="8:8">
      <c r="H188520" s="12"/>
    </row>
    <row r="188521" spans="8:8">
      <c r="H188521" s="12"/>
    </row>
    <row r="188522" spans="8:8">
      <c r="H188522" s="12"/>
    </row>
    <row r="188523" spans="8:8">
      <c r="H188523" s="12"/>
    </row>
    <row r="188524" spans="8:8">
      <c r="H188524" s="12"/>
    </row>
    <row r="188525" spans="8:8">
      <c r="H188525" s="12"/>
    </row>
    <row r="188526" spans="8:8">
      <c r="H188526" s="12"/>
    </row>
    <row r="188527" spans="8:8">
      <c r="H188527" s="12"/>
    </row>
    <row r="188528" spans="8:8">
      <c r="H188528" s="12"/>
    </row>
    <row r="188529" spans="8:8">
      <c r="H188529" s="12"/>
    </row>
    <row r="188530" spans="8:8">
      <c r="H188530" s="12"/>
    </row>
    <row r="188531" spans="8:8">
      <c r="H188531" s="12"/>
    </row>
    <row r="188532" spans="8:8">
      <c r="H188532" s="12"/>
    </row>
    <row r="188533" spans="8:8">
      <c r="H188533" s="12"/>
    </row>
    <row r="188534" spans="8:8">
      <c r="H188534" s="12"/>
    </row>
    <row r="188535" spans="8:8">
      <c r="H188535" s="12"/>
    </row>
    <row r="188536" spans="8:8">
      <c r="H188536" s="12"/>
    </row>
    <row r="188537" spans="8:8">
      <c r="H188537" s="12"/>
    </row>
    <row r="188538" spans="8:8">
      <c r="H188538" s="12"/>
    </row>
    <row r="188539" spans="8:8">
      <c r="H188539" s="12"/>
    </row>
    <row r="188540" spans="8:8">
      <c r="H188540" s="12"/>
    </row>
    <row r="188541" spans="8:8">
      <c r="H188541" s="12"/>
    </row>
    <row r="188542" spans="8:8">
      <c r="H188542" s="12"/>
    </row>
    <row r="188543" spans="8:8">
      <c r="H188543" s="12"/>
    </row>
    <row r="188544" spans="8:8">
      <c r="H188544" s="12"/>
    </row>
    <row r="188545" spans="8:8">
      <c r="H188545" s="12"/>
    </row>
    <row r="188546" spans="8:8">
      <c r="H188546" s="12"/>
    </row>
    <row r="188547" spans="8:8">
      <c r="H188547" s="12"/>
    </row>
    <row r="188548" spans="8:8">
      <c r="H188548" s="12"/>
    </row>
    <row r="188549" spans="8:8">
      <c r="H188549" s="12"/>
    </row>
    <row r="188550" spans="8:8">
      <c r="H188550" s="12"/>
    </row>
    <row r="188551" spans="8:8">
      <c r="H188551" s="12"/>
    </row>
    <row r="188552" spans="8:8">
      <c r="H188552" s="12"/>
    </row>
    <row r="188553" spans="8:8">
      <c r="H188553" s="12"/>
    </row>
    <row r="188554" spans="8:8">
      <c r="H188554" s="12"/>
    </row>
    <row r="188555" spans="8:8">
      <c r="H188555" s="12"/>
    </row>
    <row r="188556" spans="8:8">
      <c r="H188556" s="12"/>
    </row>
    <row r="188557" spans="8:8">
      <c r="H188557" s="12"/>
    </row>
    <row r="188558" spans="8:8">
      <c r="H188558" s="12"/>
    </row>
    <row r="188559" spans="8:8">
      <c r="H188559" s="12"/>
    </row>
    <row r="188560" spans="8:8">
      <c r="H188560" s="12"/>
    </row>
    <row r="188561" spans="8:8">
      <c r="H188561" s="12"/>
    </row>
    <row r="188562" spans="8:8">
      <c r="H188562" s="12"/>
    </row>
    <row r="188563" spans="8:8">
      <c r="H188563" s="12"/>
    </row>
    <row r="188564" spans="8:8">
      <c r="H188564" s="12"/>
    </row>
    <row r="188565" spans="8:8">
      <c r="H188565" s="12"/>
    </row>
    <row r="188566" spans="8:8">
      <c r="H188566" s="12"/>
    </row>
    <row r="188567" spans="8:8">
      <c r="H188567" s="12"/>
    </row>
    <row r="188568" spans="8:8">
      <c r="H188568" s="12"/>
    </row>
    <row r="188569" spans="8:8">
      <c r="H188569" s="12"/>
    </row>
    <row r="188570" spans="8:8">
      <c r="H188570" s="12"/>
    </row>
    <row r="188571" spans="8:8">
      <c r="H188571" s="12"/>
    </row>
    <row r="188572" spans="8:8">
      <c r="H188572" s="12"/>
    </row>
    <row r="188573" spans="8:8">
      <c r="H188573" s="12"/>
    </row>
    <row r="188574" spans="8:8">
      <c r="H188574" s="12"/>
    </row>
    <row r="188575" spans="8:8">
      <c r="H188575" s="12"/>
    </row>
    <row r="188576" spans="8:8">
      <c r="H188576" s="12"/>
    </row>
    <row r="188577" spans="8:8">
      <c r="H188577" s="12"/>
    </row>
    <row r="188578" spans="8:8">
      <c r="H188578" s="12"/>
    </row>
    <row r="188579" spans="8:8">
      <c r="H188579" s="12"/>
    </row>
    <row r="188580" spans="8:8">
      <c r="H188580" s="12"/>
    </row>
    <row r="188581" spans="8:8">
      <c r="H188581" s="12"/>
    </row>
    <row r="188582" spans="8:8">
      <c r="H188582" s="12"/>
    </row>
    <row r="188583" spans="8:8">
      <c r="H188583" s="12"/>
    </row>
    <row r="188584" spans="8:8">
      <c r="H188584" s="12"/>
    </row>
    <row r="188585" spans="8:8">
      <c r="H188585" s="12"/>
    </row>
    <row r="188586" spans="8:8">
      <c r="H188586" s="12"/>
    </row>
    <row r="188587" spans="8:8">
      <c r="H188587" s="12"/>
    </row>
    <row r="188588" spans="8:8">
      <c r="H188588" s="12"/>
    </row>
    <row r="188589" spans="8:8">
      <c r="H188589" s="12"/>
    </row>
    <row r="188590" spans="8:8">
      <c r="H188590" s="12"/>
    </row>
    <row r="188591" spans="8:8">
      <c r="H188591" s="12"/>
    </row>
    <row r="188592" spans="8:8">
      <c r="H188592" s="12"/>
    </row>
    <row r="188593" spans="8:8">
      <c r="H188593" s="12"/>
    </row>
    <row r="188594" spans="8:8">
      <c r="H188594" s="12"/>
    </row>
    <row r="188595" spans="8:8">
      <c r="H188595" s="12"/>
    </row>
    <row r="188596" spans="8:8">
      <c r="H188596" s="12"/>
    </row>
    <row r="188597" spans="8:8">
      <c r="H188597" s="12"/>
    </row>
    <row r="188598" spans="8:8">
      <c r="H188598" s="12"/>
    </row>
    <row r="188599" spans="8:8">
      <c r="H188599" s="12"/>
    </row>
    <row r="188600" spans="8:8">
      <c r="H188600" s="12"/>
    </row>
    <row r="188601" spans="8:8">
      <c r="H188601" s="12"/>
    </row>
    <row r="188602" spans="8:8">
      <c r="H188602" s="12"/>
    </row>
    <row r="188603" spans="8:8">
      <c r="H188603" s="12"/>
    </row>
    <row r="188604" spans="8:8">
      <c r="H188604" s="12"/>
    </row>
    <row r="188605" spans="8:8">
      <c r="H188605" s="12"/>
    </row>
    <row r="188606" spans="8:8">
      <c r="H188606" s="12"/>
    </row>
    <row r="188607" spans="8:8">
      <c r="H188607" s="12"/>
    </row>
    <row r="188608" spans="8:8">
      <c r="H188608" s="12"/>
    </row>
    <row r="188609" spans="8:8">
      <c r="H188609" s="12"/>
    </row>
    <row r="188610" spans="8:8">
      <c r="H188610" s="12"/>
    </row>
    <row r="188611" spans="8:8">
      <c r="H188611" s="12"/>
    </row>
    <row r="188612" spans="8:8">
      <c r="H188612" s="12"/>
    </row>
    <row r="188613" spans="8:8">
      <c r="H188613" s="12"/>
    </row>
    <row r="188614" spans="8:8">
      <c r="H188614" s="12"/>
    </row>
    <row r="188615" spans="8:8">
      <c r="H188615" s="12"/>
    </row>
    <row r="188616" spans="8:8">
      <c r="H188616" s="12"/>
    </row>
    <row r="188617" spans="8:8">
      <c r="H188617" s="12"/>
    </row>
    <row r="188618" spans="8:8">
      <c r="H188618" s="12"/>
    </row>
    <row r="188619" spans="8:8">
      <c r="H188619" s="12"/>
    </row>
    <row r="188620" spans="8:8">
      <c r="H188620" s="12"/>
    </row>
    <row r="188621" spans="8:8">
      <c r="H188621" s="12"/>
    </row>
    <row r="188622" spans="8:8">
      <c r="H188622" s="12"/>
    </row>
    <row r="188623" spans="8:8">
      <c r="H188623" s="12"/>
    </row>
    <row r="188624" spans="8:8">
      <c r="H188624" s="12"/>
    </row>
    <row r="188625" spans="8:8">
      <c r="H188625" s="12"/>
    </row>
    <row r="188626" spans="8:8">
      <c r="H188626" s="12"/>
    </row>
    <row r="188627" spans="8:8">
      <c r="H188627" s="12"/>
    </row>
    <row r="188628" spans="8:8">
      <c r="H188628" s="12"/>
    </row>
    <row r="188629" spans="8:8">
      <c r="H188629" s="12"/>
    </row>
    <row r="188630" spans="8:8">
      <c r="H188630" s="12"/>
    </row>
    <row r="188631" spans="8:8">
      <c r="H188631" s="12"/>
    </row>
    <row r="188632" spans="8:8">
      <c r="H188632" s="12"/>
    </row>
    <row r="188633" spans="8:8">
      <c r="H188633" s="12"/>
    </row>
    <row r="188634" spans="8:8">
      <c r="H188634" s="12"/>
    </row>
    <row r="188635" spans="8:8">
      <c r="H188635" s="12"/>
    </row>
    <row r="188636" spans="8:8">
      <c r="H188636" s="12"/>
    </row>
    <row r="188637" spans="8:8">
      <c r="H188637" s="12"/>
    </row>
    <row r="188638" spans="8:8">
      <c r="H188638" s="12"/>
    </row>
    <row r="188639" spans="8:8">
      <c r="H188639" s="12"/>
    </row>
    <row r="188640" spans="8:8">
      <c r="H188640" s="12"/>
    </row>
    <row r="188641" spans="8:8">
      <c r="H188641" s="12"/>
    </row>
    <row r="188642" spans="8:8">
      <c r="H188642" s="12"/>
    </row>
    <row r="188643" spans="8:8">
      <c r="H188643" s="12"/>
    </row>
    <row r="188644" spans="8:8">
      <c r="H188644" s="12"/>
    </row>
    <row r="188645" spans="8:8">
      <c r="H188645" s="12"/>
    </row>
    <row r="188646" spans="8:8">
      <c r="H188646" s="12"/>
    </row>
    <row r="188647" spans="8:8">
      <c r="H188647" s="12"/>
    </row>
    <row r="188648" spans="8:8">
      <c r="H188648" s="12"/>
    </row>
    <row r="188649" spans="8:8">
      <c r="H188649" s="12"/>
    </row>
    <row r="188650" spans="8:8">
      <c r="H188650" s="12"/>
    </row>
    <row r="188651" spans="8:8">
      <c r="H188651" s="12"/>
    </row>
    <row r="188652" spans="8:8">
      <c r="H188652" s="12"/>
    </row>
    <row r="188653" spans="8:8">
      <c r="H188653" s="12"/>
    </row>
    <row r="188654" spans="8:8">
      <c r="H188654" s="12"/>
    </row>
    <row r="188655" spans="8:8">
      <c r="H188655" s="12"/>
    </row>
    <row r="188656" spans="8:8">
      <c r="H188656" s="12"/>
    </row>
    <row r="188657" spans="8:8">
      <c r="H188657" s="12"/>
    </row>
    <row r="188658" spans="8:8">
      <c r="H188658" s="12"/>
    </row>
    <row r="188659" spans="8:8">
      <c r="H188659" s="12"/>
    </row>
    <row r="188660" spans="8:8">
      <c r="H188660" s="12"/>
    </row>
    <row r="188661" spans="8:8">
      <c r="H188661" s="12"/>
    </row>
    <row r="188662" spans="8:8">
      <c r="H188662" s="12"/>
    </row>
    <row r="188663" spans="8:8">
      <c r="H188663" s="12"/>
    </row>
    <row r="188664" spans="8:8">
      <c r="H188664" s="12"/>
    </row>
    <row r="188665" spans="8:8">
      <c r="H188665" s="12"/>
    </row>
    <row r="188666" spans="8:8">
      <c r="H188666" s="12"/>
    </row>
    <row r="188667" spans="8:8">
      <c r="H188667" s="12"/>
    </row>
    <row r="188668" spans="8:8">
      <c r="H188668" s="12"/>
    </row>
    <row r="188669" spans="8:8">
      <c r="H188669" s="12"/>
    </row>
    <row r="188670" spans="8:8">
      <c r="H188670" s="12"/>
    </row>
    <row r="188671" spans="8:8">
      <c r="H188671" s="12"/>
    </row>
    <row r="188672" spans="8:8">
      <c r="H188672" s="12"/>
    </row>
    <row r="188673" spans="8:8">
      <c r="H188673" s="12"/>
    </row>
    <row r="188674" spans="8:8">
      <c r="H188674" s="12"/>
    </row>
    <row r="188675" spans="8:8">
      <c r="H188675" s="12"/>
    </row>
    <row r="188676" spans="8:8">
      <c r="H188676" s="12"/>
    </row>
    <row r="188677" spans="8:8">
      <c r="H188677" s="12"/>
    </row>
    <row r="188678" spans="8:8">
      <c r="H188678" s="12"/>
    </row>
    <row r="188679" spans="8:8">
      <c r="H188679" s="12"/>
    </row>
    <row r="188680" spans="8:8">
      <c r="H188680" s="12"/>
    </row>
    <row r="188681" spans="8:8">
      <c r="H188681" s="12"/>
    </row>
    <row r="188682" spans="8:8">
      <c r="H188682" s="12"/>
    </row>
    <row r="188683" spans="8:8">
      <c r="H188683" s="12"/>
    </row>
    <row r="188684" spans="8:8">
      <c r="H188684" s="12"/>
    </row>
    <row r="188685" spans="8:8">
      <c r="H188685" s="12"/>
    </row>
    <row r="188686" spans="8:8">
      <c r="H188686" s="12"/>
    </row>
    <row r="188687" spans="8:8">
      <c r="H188687" s="12"/>
    </row>
    <row r="188688" spans="8:8">
      <c r="H188688" s="12"/>
    </row>
    <row r="188689" spans="8:8">
      <c r="H188689" s="12"/>
    </row>
    <row r="188690" spans="8:8">
      <c r="H188690" s="12"/>
    </row>
    <row r="188691" spans="8:8">
      <c r="H188691" s="12"/>
    </row>
    <row r="188692" spans="8:8">
      <c r="H188692" s="12"/>
    </row>
    <row r="188693" spans="8:8">
      <c r="H188693" s="12"/>
    </row>
    <row r="188694" spans="8:8">
      <c r="H188694" s="12"/>
    </row>
    <row r="188695" spans="8:8">
      <c r="H188695" s="12"/>
    </row>
    <row r="188696" spans="8:8">
      <c r="H188696" s="12"/>
    </row>
    <row r="188697" spans="8:8">
      <c r="H188697" s="12"/>
    </row>
    <row r="188698" spans="8:8">
      <c r="H188698" s="12"/>
    </row>
    <row r="188699" spans="8:8">
      <c r="H188699" s="12"/>
    </row>
    <row r="188700" spans="8:8">
      <c r="H188700" s="12"/>
    </row>
    <row r="188701" spans="8:8">
      <c r="H188701" s="12"/>
    </row>
    <row r="188702" spans="8:8">
      <c r="H188702" s="12"/>
    </row>
    <row r="188703" spans="8:8">
      <c r="H188703" s="12"/>
    </row>
    <row r="188704" spans="8:8">
      <c r="H188704" s="12"/>
    </row>
    <row r="188705" spans="8:8">
      <c r="H188705" s="12"/>
    </row>
    <row r="188706" spans="8:8">
      <c r="H188706" s="12"/>
    </row>
    <row r="188707" spans="8:8">
      <c r="H188707" s="12"/>
    </row>
    <row r="188708" spans="8:8">
      <c r="H188708" s="12"/>
    </row>
    <row r="188709" spans="8:8">
      <c r="H188709" s="12"/>
    </row>
    <row r="188710" spans="8:8">
      <c r="H188710" s="12"/>
    </row>
    <row r="188711" spans="8:8">
      <c r="H188711" s="12"/>
    </row>
    <row r="188712" spans="8:8">
      <c r="H188712" s="12"/>
    </row>
    <row r="188713" spans="8:8">
      <c r="H188713" s="12"/>
    </row>
    <row r="188714" spans="8:8">
      <c r="H188714" s="12"/>
    </row>
    <row r="188715" spans="8:8">
      <c r="H188715" s="12"/>
    </row>
    <row r="188716" spans="8:8">
      <c r="H188716" s="12"/>
    </row>
    <row r="188717" spans="8:8">
      <c r="H188717" s="12"/>
    </row>
    <row r="188718" spans="8:8">
      <c r="H188718" s="12"/>
    </row>
    <row r="188719" spans="8:8">
      <c r="H188719" s="12"/>
    </row>
    <row r="188720" spans="8:8">
      <c r="H188720" s="12"/>
    </row>
    <row r="188721" spans="8:8">
      <c r="H188721" s="12"/>
    </row>
    <row r="188722" spans="8:8">
      <c r="H188722" s="12"/>
    </row>
    <row r="188723" spans="8:8">
      <c r="H188723" s="12"/>
    </row>
    <row r="188724" spans="8:8">
      <c r="H188724" s="12"/>
    </row>
    <row r="188725" spans="8:8">
      <c r="H188725" s="12"/>
    </row>
    <row r="188726" spans="8:8">
      <c r="H188726" s="12"/>
    </row>
    <row r="188727" spans="8:8">
      <c r="H188727" s="12"/>
    </row>
    <row r="188728" spans="8:8">
      <c r="H188728" s="12"/>
    </row>
    <row r="188729" spans="8:8">
      <c r="H188729" s="12"/>
    </row>
    <row r="188730" spans="8:8">
      <c r="H188730" s="12"/>
    </row>
    <row r="188731" spans="8:8">
      <c r="H188731" s="12"/>
    </row>
    <row r="188732" spans="8:8">
      <c r="H188732" s="12"/>
    </row>
    <row r="188733" spans="8:8">
      <c r="H188733" s="12"/>
    </row>
    <row r="188734" spans="8:8">
      <c r="H188734" s="12"/>
    </row>
    <row r="188735" spans="8:8">
      <c r="H188735" s="12"/>
    </row>
    <row r="188736" spans="8:8">
      <c r="H188736" s="12"/>
    </row>
    <row r="188737" spans="8:8">
      <c r="H188737" s="12"/>
    </row>
    <row r="188738" spans="8:8">
      <c r="H188738" s="12"/>
    </row>
    <row r="188739" spans="8:8">
      <c r="H188739" s="12"/>
    </row>
    <row r="188740" spans="8:8">
      <c r="H188740" s="12"/>
    </row>
    <row r="188741" spans="8:8">
      <c r="H188741" s="12"/>
    </row>
    <row r="188742" spans="8:8">
      <c r="H188742" s="12"/>
    </row>
    <row r="188743" spans="8:8">
      <c r="H188743" s="12"/>
    </row>
    <row r="188744" spans="8:8">
      <c r="H188744" s="12"/>
    </row>
    <row r="188745" spans="8:8">
      <c r="H188745" s="12"/>
    </row>
    <row r="188746" spans="8:8">
      <c r="H188746" s="12"/>
    </row>
    <row r="188747" spans="8:8">
      <c r="H188747" s="12"/>
    </row>
    <row r="188748" spans="8:8">
      <c r="H188748" s="12"/>
    </row>
    <row r="188749" spans="8:8">
      <c r="H188749" s="12"/>
    </row>
    <row r="188750" spans="8:8">
      <c r="H188750" s="12"/>
    </row>
    <row r="188751" spans="8:8">
      <c r="H188751" s="12"/>
    </row>
    <row r="188752" spans="8:8">
      <c r="H188752" s="12"/>
    </row>
    <row r="188753" spans="8:8">
      <c r="H188753" s="12"/>
    </row>
    <row r="188754" spans="8:8">
      <c r="H188754" s="12"/>
    </row>
    <row r="188755" spans="8:8">
      <c r="H188755" s="12"/>
    </row>
    <row r="188756" spans="8:8">
      <c r="H188756" s="12"/>
    </row>
    <row r="188757" spans="8:8">
      <c r="H188757" s="12"/>
    </row>
    <row r="188758" spans="8:8">
      <c r="H188758" s="12"/>
    </row>
    <row r="188759" spans="8:8">
      <c r="H188759" s="12"/>
    </row>
    <row r="188760" spans="8:8">
      <c r="H188760" s="12"/>
    </row>
    <row r="188761" spans="8:8">
      <c r="H188761" s="12"/>
    </row>
    <row r="188762" spans="8:8">
      <c r="H188762" s="12"/>
    </row>
    <row r="188763" spans="8:8">
      <c r="H188763" s="12"/>
    </row>
    <row r="188764" spans="8:8">
      <c r="H188764" s="12"/>
    </row>
    <row r="188765" spans="8:8">
      <c r="H188765" s="12"/>
    </row>
    <row r="188766" spans="8:8">
      <c r="H188766" s="12"/>
    </row>
    <row r="188767" spans="8:8">
      <c r="H188767" s="12"/>
    </row>
    <row r="188768" spans="8:8">
      <c r="H188768" s="12"/>
    </row>
    <row r="188769" spans="8:8">
      <c r="H188769" s="12"/>
    </row>
    <row r="188770" spans="8:8">
      <c r="H188770" s="12"/>
    </row>
    <row r="188771" spans="8:8">
      <c r="H188771" s="12"/>
    </row>
    <row r="188772" spans="8:8">
      <c r="H188772" s="12"/>
    </row>
    <row r="188773" spans="8:8">
      <c r="H188773" s="12"/>
    </row>
    <row r="188774" spans="8:8">
      <c r="H188774" s="12"/>
    </row>
    <row r="188775" spans="8:8">
      <c r="H188775" s="12"/>
    </row>
    <row r="188776" spans="8:8">
      <c r="H188776" s="12"/>
    </row>
    <row r="188777" spans="8:8">
      <c r="H188777" s="12"/>
    </row>
    <row r="188778" spans="8:8">
      <c r="H188778" s="12"/>
    </row>
    <row r="188779" spans="8:8">
      <c r="H188779" s="12"/>
    </row>
    <row r="188780" spans="8:8">
      <c r="H188780" s="12"/>
    </row>
    <row r="188781" spans="8:8">
      <c r="H188781" s="12"/>
    </row>
    <row r="188782" spans="8:8">
      <c r="H188782" s="12"/>
    </row>
    <row r="188783" spans="8:8">
      <c r="H188783" s="12"/>
    </row>
    <row r="188784" spans="8:8">
      <c r="H188784" s="12"/>
    </row>
    <row r="188785" spans="8:8">
      <c r="H188785" s="12"/>
    </row>
    <row r="188786" spans="8:8">
      <c r="H188786" s="12"/>
    </row>
    <row r="188787" spans="8:8">
      <c r="H188787" s="12"/>
    </row>
    <row r="188788" spans="8:8">
      <c r="H188788" s="12"/>
    </row>
    <row r="188789" spans="8:8">
      <c r="H188789" s="12"/>
    </row>
    <row r="188790" spans="8:8">
      <c r="H188790" s="12"/>
    </row>
    <row r="188791" spans="8:8">
      <c r="H188791" s="12"/>
    </row>
    <row r="188792" spans="8:8">
      <c r="H188792" s="12"/>
    </row>
    <row r="188793" spans="8:8">
      <c r="H188793" s="12"/>
    </row>
    <row r="188794" spans="8:8">
      <c r="H188794" s="12"/>
    </row>
    <row r="188795" spans="8:8">
      <c r="H188795" s="12"/>
    </row>
    <row r="188796" spans="8:8">
      <c r="H188796" s="12"/>
    </row>
    <row r="188797" spans="8:8">
      <c r="H188797" s="12"/>
    </row>
    <row r="188798" spans="8:8">
      <c r="H188798" s="12"/>
    </row>
    <row r="188799" spans="8:8">
      <c r="H188799" s="12"/>
    </row>
    <row r="188800" spans="8:8">
      <c r="H188800" s="12"/>
    </row>
    <row r="188801" spans="8:8">
      <c r="H188801" s="12"/>
    </row>
    <row r="188802" spans="8:8">
      <c r="H188802" s="12"/>
    </row>
    <row r="188803" spans="8:8">
      <c r="H188803" s="12"/>
    </row>
    <row r="188804" spans="8:8">
      <c r="H188804" s="12"/>
    </row>
    <row r="188805" spans="8:8">
      <c r="H188805" s="12"/>
    </row>
    <row r="188806" spans="8:8">
      <c r="H188806" s="12"/>
    </row>
    <row r="188807" spans="8:8">
      <c r="H188807" s="12"/>
    </row>
    <row r="188808" spans="8:8">
      <c r="H188808" s="12"/>
    </row>
    <row r="188809" spans="8:8">
      <c r="H188809" s="12"/>
    </row>
    <row r="188810" spans="8:8">
      <c r="H188810" s="12"/>
    </row>
    <row r="188811" spans="8:8">
      <c r="H188811" s="12"/>
    </row>
    <row r="188812" spans="8:8">
      <c r="H188812" s="12"/>
    </row>
    <row r="188813" spans="8:8">
      <c r="H188813" s="12"/>
    </row>
    <row r="188814" spans="8:8">
      <c r="H188814" s="12"/>
    </row>
    <row r="188815" spans="8:8">
      <c r="H188815" s="12"/>
    </row>
    <row r="188816" spans="8:8">
      <c r="H188816" s="12"/>
    </row>
    <row r="188817" spans="8:8">
      <c r="H188817" s="12"/>
    </row>
    <row r="188818" spans="8:8">
      <c r="H188818" s="12"/>
    </row>
    <row r="188819" spans="8:8">
      <c r="H188819" s="12"/>
    </row>
    <row r="188820" spans="8:8">
      <c r="H188820" s="12"/>
    </row>
    <row r="188821" spans="8:8">
      <c r="H188821" s="12"/>
    </row>
    <row r="188822" spans="8:8">
      <c r="H188822" s="12"/>
    </row>
    <row r="188823" spans="8:8">
      <c r="H188823" s="12"/>
    </row>
    <row r="188824" spans="8:8">
      <c r="H188824" s="12"/>
    </row>
    <row r="188825" spans="8:8">
      <c r="H188825" s="12"/>
    </row>
    <row r="188826" spans="8:8">
      <c r="H188826" s="12"/>
    </row>
    <row r="188827" spans="8:8">
      <c r="H188827" s="12"/>
    </row>
    <row r="188828" spans="8:8">
      <c r="H188828" s="12"/>
    </row>
    <row r="188829" spans="8:8">
      <c r="H188829" s="12"/>
    </row>
    <row r="188830" spans="8:8">
      <c r="H188830" s="12"/>
    </row>
    <row r="188831" spans="8:8">
      <c r="H188831" s="12"/>
    </row>
    <row r="188832" spans="8:8">
      <c r="H188832" s="12"/>
    </row>
    <row r="188833" spans="8:8">
      <c r="H188833" s="12"/>
    </row>
    <row r="188834" spans="8:8">
      <c r="H188834" s="12"/>
    </row>
    <row r="188835" spans="8:8">
      <c r="H188835" s="12"/>
    </row>
    <row r="188836" spans="8:8">
      <c r="H188836" s="12"/>
    </row>
    <row r="188837" spans="8:8">
      <c r="H188837" s="12"/>
    </row>
    <row r="188838" spans="8:8">
      <c r="H188838" s="12"/>
    </row>
    <row r="188839" spans="8:8">
      <c r="H188839" s="12"/>
    </row>
    <row r="188840" spans="8:8">
      <c r="H188840" s="12"/>
    </row>
    <row r="188841" spans="8:8">
      <c r="H188841" s="12"/>
    </row>
    <row r="188842" spans="8:8">
      <c r="H188842" s="12"/>
    </row>
    <row r="188843" spans="8:8">
      <c r="H188843" s="12"/>
    </row>
    <row r="188844" spans="8:8">
      <c r="H188844" s="12"/>
    </row>
    <row r="188845" spans="8:8">
      <c r="H188845" s="12"/>
    </row>
    <row r="188846" spans="8:8">
      <c r="H188846" s="12"/>
    </row>
    <row r="188847" spans="8:8">
      <c r="H188847" s="12"/>
    </row>
    <row r="188848" spans="8:8">
      <c r="H188848" s="12"/>
    </row>
    <row r="188849" spans="8:8">
      <c r="H188849" s="12"/>
    </row>
    <row r="188850" spans="8:8">
      <c r="H188850" s="12"/>
    </row>
    <row r="188851" spans="8:8">
      <c r="H188851" s="12"/>
    </row>
    <row r="188852" spans="8:8">
      <c r="H188852" s="12"/>
    </row>
    <row r="188853" spans="8:8">
      <c r="H188853" s="12"/>
    </row>
    <row r="188854" spans="8:8">
      <c r="H188854" s="12"/>
    </row>
    <row r="188855" spans="8:8">
      <c r="H188855" s="12"/>
    </row>
    <row r="188856" spans="8:8">
      <c r="H188856" s="12"/>
    </row>
    <row r="188857" spans="8:8">
      <c r="H188857" s="12"/>
    </row>
    <row r="188858" spans="8:8">
      <c r="H188858" s="12"/>
    </row>
    <row r="188859" spans="8:8">
      <c r="H188859" s="12"/>
    </row>
    <row r="188860" spans="8:8">
      <c r="H188860" s="12"/>
    </row>
    <row r="188861" spans="8:8">
      <c r="H188861" s="12"/>
    </row>
    <row r="188862" spans="8:8">
      <c r="H188862" s="12"/>
    </row>
    <row r="188863" spans="8:8">
      <c r="H188863" s="12"/>
    </row>
    <row r="188864" spans="8:8">
      <c r="H188864" s="12"/>
    </row>
    <row r="188865" spans="8:8">
      <c r="H188865" s="12"/>
    </row>
    <row r="188866" spans="8:8">
      <c r="H188866" s="12"/>
    </row>
    <row r="188867" spans="8:8">
      <c r="H188867" s="12"/>
    </row>
    <row r="188868" spans="8:8">
      <c r="H188868" s="12"/>
    </row>
    <row r="188869" spans="8:8">
      <c r="H188869" s="12"/>
    </row>
    <row r="188870" spans="8:8">
      <c r="H188870" s="12"/>
    </row>
    <row r="188871" spans="8:8">
      <c r="H188871" s="12"/>
    </row>
    <row r="188872" spans="8:8">
      <c r="H188872" s="12"/>
    </row>
    <row r="188873" spans="8:8">
      <c r="H188873" s="12"/>
    </row>
    <row r="188874" spans="8:8">
      <c r="H188874" s="12"/>
    </row>
    <row r="188875" spans="8:8">
      <c r="H188875" s="12"/>
    </row>
    <row r="188876" spans="8:8">
      <c r="H188876" s="12"/>
    </row>
    <row r="188877" spans="8:8">
      <c r="H188877" s="12"/>
    </row>
    <row r="188878" spans="8:8">
      <c r="H188878" s="12"/>
    </row>
    <row r="188879" spans="8:8">
      <c r="H188879" s="12"/>
    </row>
    <row r="188880" spans="8:8">
      <c r="H188880" s="12"/>
    </row>
    <row r="188881" spans="8:8">
      <c r="H188881" s="12"/>
    </row>
    <row r="188882" spans="8:8">
      <c r="H188882" s="12"/>
    </row>
    <row r="188883" spans="8:8">
      <c r="H188883" s="12"/>
    </row>
    <row r="188884" spans="8:8">
      <c r="H188884" s="12"/>
    </row>
    <row r="188885" spans="8:8">
      <c r="H188885" s="12"/>
    </row>
    <row r="188886" spans="8:8">
      <c r="H188886" s="12"/>
    </row>
    <row r="188887" spans="8:8">
      <c r="H188887" s="12"/>
    </row>
    <row r="188888" spans="8:8">
      <c r="H188888" s="12"/>
    </row>
    <row r="188889" spans="8:8">
      <c r="H188889" s="12"/>
    </row>
    <row r="188890" spans="8:8">
      <c r="H188890" s="12"/>
    </row>
    <row r="188891" spans="8:8">
      <c r="H188891" s="12"/>
    </row>
    <row r="188892" spans="8:8">
      <c r="H188892" s="12"/>
    </row>
    <row r="188893" spans="8:8">
      <c r="H188893" s="12"/>
    </row>
    <row r="188894" spans="8:8">
      <c r="H188894" s="12"/>
    </row>
    <row r="188895" spans="8:8">
      <c r="H188895" s="12"/>
    </row>
    <row r="188896" spans="8:8">
      <c r="H188896" s="12"/>
    </row>
    <row r="188897" spans="8:8">
      <c r="H188897" s="12"/>
    </row>
    <row r="188898" spans="8:8">
      <c r="H188898" s="12"/>
    </row>
    <row r="188899" spans="8:8">
      <c r="H188899" s="12"/>
    </row>
    <row r="188900" spans="8:8">
      <c r="H188900" s="12"/>
    </row>
    <row r="188901" spans="8:8">
      <c r="H188901" s="12"/>
    </row>
    <row r="188902" spans="8:8">
      <c r="H188902" s="12"/>
    </row>
    <row r="188903" spans="8:8">
      <c r="H188903" s="12"/>
    </row>
    <row r="188904" spans="8:8">
      <c r="H188904" s="12"/>
    </row>
    <row r="188905" spans="8:8">
      <c r="H188905" s="12"/>
    </row>
    <row r="188906" spans="8:8">
      <c r="H188906" s="12"/>
    </row>
    <row r="188907" spans="8:8">
      <c r="H188907" s="12"/>
    </row>
    <row r="188908" spans="8:8">
      <c r="H188908" s="12"/>
    </row>
    <row r="188909" spans="8:8">
      <c r="H188909" s="12"/>
    </row>
    <row r="188910" spans="8:8">
      <c r="H188910" s="12"/>
    </row>
    <row r="188911" spans="8:8">
      <c r="H188911" s="12"/>
    </row>
    <row r="188912" spans="8:8">
      <c r="H188912" s="12"/>
    </row>
    <row r="188913" spans="8:8">
      <c r="H188913" s="12"/>
    </row>
    <row r="188914" spans="8:8">
      <c r="H188914" s="12"/>
    </row>
    <row r="188915" spans="8:8">
      <c r="H188915" s="12"/>
    </row>
    <row r="188916" spans="8:8">
      <c r="H188916" s="12"/>
    </row>
    <row r="188917" spans="8:8">
      <c r="H188917" s="12"/>
    </row>
    <row r="188918" spans="8:8">
      <c r="H188918" s="12"/>
    </row>
    <row r="188919" spans="8:8">
      <c r="H188919" s="12"/>
    </row>
    <row r="188920" spans="8:8">
      <c r="H188920" s="12"/>
    </row>
    <row r="188921" spans="8:8">
      <c r="H188921" s="12"/>
    </row>
    <row r="188922" spans="8:8">
      <c r="H188922" s="12"/>
    </row>
    <row r="188923" spans="8:8">
      <c r="H188923" s="12"/>
    </row>
    <row r="188924" spans="8:8">
      <c r="H188924" s="12"/>
    </row>
    <row r="188925" spans="8:8">
      <c r="H188925" s="12"/>
    </row>
    <row r="188926" spans="8:8">
      <c r="H188926" s="12"/>
    </row>
    <row r="188927" spans="8:8">
      <c r="H188927" s="12"/>
    </row>
    <row r="188928" spans="8:8">
      <c r="H188928" s="12"/>
    </row>
    <row r="188929" spans="8:8">
      <c r="H188929" s="12"/>
    </row>
    <row r="188930" spans="8:8">
      <c r="H188930" s="12"/>
    </row>
    <row r="188931" spans="8:8">
      <c r="H188931" s="12"/>
    </row>
    <row r="188932" spans="8:8">
      <c r="H188932" s="12"/>
    </row>
    <row r="188933" spans="8:8">
      <c r="H188933" s="12"/>
    </row>
    <row r="188934" spans="8:8">
      <c r="H188934" s="12"/>
    </row>
    <row r="188935" spans="8:8">
      <c r="H188935" s="12"/>
    </row>
    <row r="188936" spans="8:8">
      <c r="H188936" s="12"/>
    </row>
    <row r="188937" spans="8:8">
      <c r="H188937" s="12"/>
    </row>
    <row r="188938" spans="8:8">
      <c r="H188938" s="12"/>
    </row>
    <row r="188939" spans="8:8">
      <c r="H188939" s="12"/>
    </row>
    <row r="188940" spans="8:8">
      <c r="H188940" s="12"/>
    </row>
    <row r="188941" spans="8:8">
      <c r="H188941" s="12"/>
    </row>
    <row r="188942" spans="8:8">
      <c r="H188942" s="12"/>
    </row>
    <row r="188943" spans="8:8">
      <c r="H188943" s="12"/>
    </row>
    <row r="188944" spans="8:8">
      <c r="H188944" s="12"/>
    </row>
    <row r="188945" spans="8:8">
      <c r="H188945" s="12"/>
    </row>
    <row r="188946" spans="8:8">
      <c r="H188946" s="12"/>
    </row>
    <row r="188947" spans="8:8">
      <c r="H188947" s="12"/>
    </row>
    <row r="188948" spans="8:8">
      <c r="H188948" s="12"/>
    </row>
    <row r="188949" spans="8:8">
      <c r="H188949" s="12"/>
    </row>
    <row r="188950" spans="8:8">
      <c r="H188950" s="12"/>
    </row>
    <row r="188951" spans="8:8">
      <c r="H188951" s="12"/>
    </row>
    <row r="188952" spans="8:8">
      <c r="H188952" s="12"/>
    </row>
    <row r="188953" spans="8:8">
      <c r="H188953" s="12"/>
    </row>
    <row r="188954" spans="8:8">
      <c r="H188954" s="12"/>
    </row>
    <row r="188955" spans="8:8">
      <c r="H188955" s="12"/>
    </row>
    <row r="188956" spans="8:8">
      <c r="H188956" s="12"/>
    </row>
    <row r="188957" spans="8:8">
      <c r="H188957" s="12"/>
    </row>
    <row r="188958" spans="8:8">
      <c r="H188958" s="12"/>
    </row>
    <row r="188959" spans="8:8">
      <c r="H188959" s="12"/>
    </row>
    <row r="188960" spans="8:8">
      <c r="H188960" s="12"/>
    </row>
    <row r="188961" spans="8:8">
      <c r="H188961" s="12"/>
    </row>
    <row r="188962" spans="8:8">
      <c r="H188962" s="12"/>
    </row>
    <row r="188963" spans="8:8">
      <c r="H188963" s="12"/>
    </row>
    <row r="188964" spans="8:8">
      <c r="H188964" s="12"/>
    </row>
    <row r="188965" spans="8:8">
      <c r="H188965" s="12"/>
    </row>
    <row r="188966" spans="8:8">
      <c r="H188966" s="12"/>
    </row>
    <row r="188967" spans="8:8">
      <c r="H188967" s="12"/>
    </row>
    <row r="188968" spans="8:8">
      <c r="H188968" s="12"/>
    </row>
    <row r="188969" spans="8:8">
      <c r="H188969" s="12"/>
    </row>
    <row r="188970" spans="8:8">
      <c r="H188970" s="12"/>
    </row>
    <row r="188971" spans="8:8">
      <c r="H188971" s="12"/>
    </row>
    <row r="188972" spans="8:8">
      <c r="H188972" s="12"/>
    </row>
    <row r="188973" spans="8:8">
      <c r="H188973" s="12"/>
    </row>
    <row r="188974" spans="8:8">
      <c r="H188974" s="12"/>
    </row>
    <row r="188975" spans="8:8">
      <c r="H188975" s="12"/>
    </row>
    <row r="188976" spans="8:8">
      <c r="H188976" s="12"/>
    </row>
    <row r="188977" spans="8:8">
      <c r="H188977" s="12"/>
    </row>
    <row r="188978" spans="8:8">
      <c r="H188978" s="12"/>
    </row>
    <row r="188979" spans="8:8">
      <c r="H188979" s="12"/>
    </row>
    <row r="188980" spans="8:8">
      <c r="H188980" s="12"/>
    </row>
    <row r="188981" spans="8:8">
      <c r="H188981" s="12"/>
    </row>
    <row r="188982" spans="8:8">
      <c r="H188982" s="12"/>
    </row>
    <row r="188983" spans="8:8">
      <c r="H188983" s="12"/>
    </row>
    <row r="188984" spans="8:8">
      <c r="H188984" s="12"/>
    </row>
    <row r="188985" spans="8:8">
      <c r="H188985" s="12"/>
    </row>
    <row r="188986" spans="8:8">
      <c r="H188986" s="12"/>
    </row>
    <row r="188987" spans="8:8">
      <c r="H188987" s="12"/>
    </row>
    <row r="188988" spans="8:8">
      <c r="H188988" s="12"/>
    </row>
    <row r="188989" spans="8:8">
      <c r="H188989" s="12"/>
    </row>
    <row r="188990" spans="8:8">
      <c r="H188990" s="12"/>
    </row>
    <row r="188991" spans="8:8">
      <c r="H188991" s="12"/>
    </row>
    <row r="188992" spans="8:8">
      <c r="H188992" s="12"/>
    </row>
    <row r="188993" spans="8:8">
      <c r="H188993" s="12"/>
    </row>
    <row r="188994" spans="8:8">
      <c r="H188994" s="12"/>
    </row>
    <row r="188995" spans="8:8">
      <c r="H188995" s="12"/>
    </row>
    <row r="188996" spans="8:8">
      <c r="H188996" s="12"/>
    </row>
    <row r="188997" spans="8:8">
      <c r="H188997" s="12"/>
    </row>
    <row r="188998" spans="8:8">
      <c r="H188998" s="12"/>
    </row>
    <row r="188999" spans="8:8">
      <c r="H188999" s="12"/>
    </row>
    <row r="189000" spans="8:8">
      <c r="H189000" s="12"/>
    </row>
    <row r="189001" spans="8:8">
      <c r="H189001" s="12"/>
    </row>
    <row r="189002" spans="8:8">
      <c r="H189002" s="12"/>
    </row>
    <row r="189003" spans="8:8">
      <c r="H189003" s="12"/>
    </row>
    <row r="189004" spans="8:8">
      <c r="H189004" s="12"/>
    </row>
    <row r="189005" spans="8:8">
      <c r="H189005" s="12"/>
    </row>
    <row r="189006" spans="8:8">
      <c r="H189006" s="12"/>
    </row>
    <row r="189007" spans="8:8">
      <c r="H189007" s="12"/>
    </row>
    <row r="189008" spans="8:8">
      <c r="H189008" s="12"/>
    </row>
    <row r="189009" spans="8:8">
      <c r="H189009" s="12"/>
    </row>
    <row r="189010" spans="8:8">
      <c r="H189010" s="12"/>
    </row>
    <row r="189011" spans="8:8">
      <c r="H189011" s="12"/>
    </row>
    <row r="189012" spans="8:8">
      <c r="H189012" s="12"/>
    </row>
    <row r="189013" spans="8:8">
      <c r="H189013" s="12"/>
    </row>
    <row r="189014" spans="8:8">
      <c r="H189014" s="12"/>
    </row>
    <row r="189015" spans="8:8">
      <c r="H189015" s="12"/>
    </row>
    <row r="189016" spans="8:8">
      <c r="H189016" s="12"/>
    </row>
    <row r="189017" spans="8:8">
      <c r="H189017" s="12"/>
    </row>
    <row r="189018" spans="8:8">
      <c r="H189018" s="12"/>
    </row>
    <row r="189019" spans="8:8">
      <c r="H189019" s="12"/>
    </row>
    <row r="189020" spans="8:8">
      <c r="H189020" s="12"/>
    </row>
    <row r="189021" spans="8:8">
      <c r="H189021" s="12"/>
    </row>
    <row r="189022" spans="8:8">
      <c r="H189022" s="12"/>
    </row>
    <row r="189023" spans="8:8">
      <c r="H189023" s="12"/>
    </row>
    <row r="189024" spans="8:8">
      <c r="H189024" s="12"/>
    </row>
    <row r="189025" spans="8:8">
      <c r="H189025" s="12"/>
    </row>
    <row r="189026" spans="8:8">
      <c r="H189026" s="12"/>
    </row>
    <row r="189027" spans="8:8">
      <c r="H189027" s="12"/>
    </row>
    <row r="189028" spans="8:8">
      <c r="H189028" s="12"/>
    </row>
    <row r="189029" spans="8:8">
      <c r="H189029" s="12"/>
    </row>
    <row r="189030" spans="8:8">
      <c r="H189030" s="12"/>
    </row>
    <row r="189031" spans="8:8">
      <c r="H189031" s="12"/>
    </row>
    <row r="189032" spans="8:8">
      <c r="H189032" s="12"/>
    </row>
    <row r="189033" spans="8:8">
      <c r="H189033" s="12"/>
    </row>
    <row r="189034" spans="8:8">
      <c r="H189034" s="12"/>
    </row>
    <row r="189035" spans="8:8">
      <c r="H189035" s="12"/>
    </row>
    <row r="189036" spans="8:8">
      <c r="H189036" s="12"/>
    </row>
    <row r="189037" spans="8:8">
      <c r="H189037" s="12"/>
    </row>
    <row r="189038" spans="8:8">
      <c r="H189038" s="12"/>
    </row>
    <row r="189039" spans="8:8">
      <c r="H189039" s="12"/>
    </row>
    <row r="189040" spans="8:8">
      <c r="H189040" s="12"/>
    </row>
    <row r="189041" spans="8:8">
      <c r="H189041" s="12"/>
    </row>
    <row r="189042" spans="8:8">
      <c r="H189042" s="12"/>
    </row>
    <row r="189043" spans="8:8">
      <c r="H189043" s="12"/>
    </row>
    <row r="189044" spans="8:8">
      <c r="H189044" s="12"/>
    </row>
    <row r="189045" spans="8:8">
      <c r="H189045" s="12"/>
    </row>
    <row r="189046" spans="8:8">
      <c r="H189046" s="12"/>
    </row>
    <row r="189047" spans="8:8">
      <c r="H189047" s="12"/>
    </row>
    <row r="189048" spans="8:8">
      <c r="H189048" s="12"/>
    </row>
    <row r="189049" spans="8:8">
      <c r="H189049" s="12"/>
    </row>
    <row r="189050" spans="8:8">
      <c r="H189050" s="12"/>
    </row>
    <row r="189051" spans="8:8">
      <c r="H189051" s="12"/>
    </row>
    <row r="189052" spans="8:8">
      <c r="H189052" s="12"/>
    </row>
    <row r="189053" spans="8:8">
      <c r="H189053" s="12"/>
    </row>
    <row r="189054" spans="8:8">
      <c r="H189054" s="12"/>
    </row>
    <row r="189055" spans="8:8">
      <c r="H189055" s="12"/>
    </row>
    <row r="189056" spans="8:8">
      <c r="H189056" s="12"/>
    </row>
    <row r="189057" spans="8:8">
      <c r="H189057" s="12"/>
    </row>
    <row r="189058" spans="8:8">
      <c r="H189058" s="12"/>
    </row>
    <row r="189059" spans="8:8">
      <c r="H189059" s="12"/>
    </row>
    <row r="189060" spans="8:8">
      <c r="H189060" s="12"/>
    </row>
    <row r="189061" spans="8:8">
      <c r="H189061" s="12"/>
    </row>
    <row r="189062" spans="8:8">
      <c r="H189062" s="12"/>
    </row>
    <row r="189063" spans="8:8">
      <c r="H189063" s="12"/>
    </row>
    <row r="189064" spans="8:8">
      <c r="H189064" s="12"/>
    </row>
    <row r="189065" spans="8:8">
      <c r="H189065" s="12"/>
    </row>
    <row r="189066" spans="8:8">
      <c r="H189066" s="12"/>
    </row>
    <row r="189067" spans="8:8">
      <c r="H189067" s="12"/>
    </row>
    <row r="189068" spans="8:8">
      <c r="H189068" s="12"/>
    </row>
    <row r="189069" spans="8:8">
      <c r="H189069" s="12"/>
    </row>
    <row r="189070" spans="8:8">
      <c r="H189070" s="12"/>
    </row>
    <row r="189071" spans="8:8">
      <c r="H189071" s="12"/>
    </row>
    <row r="189072" spans="8:8">
      <c r="H189072" s="12"/>
    </row>
    <row r="189073" spans="8:8">
      <c r="H189073" s="12"/>
    </row>
    <row r="189074" spans="8:8">
      <c r="H189074" s="12"/>
    </row>
    <row r="189075" spans="8:8">
      <c r="H189075" s="12"/>
    </row>
    <row r="189076" spans="8:8">
      <c r="H189076" s="12"/>
    </row>
    <row r="189077" spans="8:8">
      <c r="H189077" s="12"/>
    </row>
    <row r="189078" spans="8:8">
      <c r="H189078" s="12"/>
    </row>
    <row r="189079" spans="8:8">
      <c r="H189079" s="12"/>
    </row>
    <row r="189080" spans="8:8">
      <c r="H189080" s="12"/>
    </row>
    <row r="189081" spans="8:8">
      <c r="H189081" s="12"/>
    </row>
    <row r="189082" spans="8:8">
      <c r="H189082" s="12"/>
    </row>
    <row r="189083" spans="8:8">
      <c r="H189083" s="12"/>
    </row>
    <row r="189084" spans="8:8">
      <c r="H189084" s="12"/>
    </row>
    <row r="189085" spans="8:8">
      <c r="H189085" s="12"/>
    </row>
    <row r="189086" spans="8:8">
      <c r="H189086" s="12"/>
    </row>
    <row r="189087" spans="8:8">
      <c r="H189087" s="12"/>
    </row>
    <row r="189088" spans="8:8">
      <c r="H189088" s="12"/>
    </row>
    <row r="189089" spans="8:8">
      <c r="H189089" s="12"/>
    </row>
    <row r="189090" spans="8:8">
      <c r="H189090" s="12"/>
    </row>
    <row r="189091" spans="8:8">
      <c r="H189091" s="12"/>
    </row>
    <row r="189092" spans="8:8">
      <c r="H189092" s="12"/>
    </row>
    <row r="189093" spans="8:8">
      <c r="H189093" s="12"/>
    </row>
    <row r="189094" spans="8:8">
      <c r="H189094" s="12"/>
    </row>
    <row r="189095" spans="8:8">
      <c r="H189095" s="12"/>
    </row>
    <row r="189096" spans="8:8">
      <c r="H189096" s="12"/>
    </row>
    <row r="189097" spans="8:8">
      <c r="H189097" s="12"/>
    </row>
    <row r="189098" spans="8:8">
      <c r="H189098" s="12"/>
    </row>
    <row r="189099" spans="8:8">
      <c r="H189099" s="12"/>
    </row>
    <row r="189100" spans="8:8">
      <c r="H189100" s="12"/>
    </row>
    <row r="189101" spans="8:8">
      <c r="H189101" s="12"/>
    </row>
    <row r="189102" spans="8:8">
      <c r="H189102" s="12"/>
    </row>
    <row r="189103" spans="8:8">
      <c r="H189103" s="12"/>
    </row>
    <row r="189104" spans="8:8">
      <c r="H189104" s="12"/>
    </row>
    <row r="189105" spans="8:8">
      <c r="H189105" s="12"/>
    </row>
    <row r="189106" spans="8:8">
      <c r="H189106" s="12"/>
    </row>
    <row r="189107" spans="8:8">
      <c r="H189107" s="12"/>
    </row>
    <row r="189108" spans="8:8">
      <c r="H189108" s="12"/>
    </row>
    <row r="189109" spans="8:8">
      <c r="H189109" s="12"/>
    </row>
    <row r="189110" spans="8:8">
      <c r="H189110" s="12"/>
    </row>
    <row r="189111" spans="8:8">
      <c r="H189111" s="12"/>
    </row>
    <row r="189112" spans="8:8">
      <c r="H189112" s="12"/>
    </row>
    <row r="189113" spans="8:8">
      <c r="H189113" s="12"/>
    </row>
    <row r="189114" spans="8:8">
      <c r="H189114" s="12"/>
    </row>
    <row r="189115" spans="8:8">
      <c r="H189115" s="12"/>
    </row>
    <row r="189116" spans="8:8">
      <c r="H189116" s="12"/>
    </row>
    <row r="189117" spans="8:8">
      <c r="H189117" s="12"/>
    </row>
    <row r="189118" spans="8:8">
      <c r="H189118" s="12"/>
    </row>
    <row r="189119" spans="8:8">
      <c r="H189119" s="12"/>
    </row>
    <row r="189120" spans="8:8">
      <c r="H189120" s="12"/>
    </row>
    <row r="189121" spans="8:8">
      <c r="H189121" s="12"/>
    </row>
    <row r="189122" spans="8:8">
      <c r="H189122" s="12"/>
    </row>
    <row r="189123" spans="8:8">
      <c r="H189123" s="12"/>
    </row>
    <row r="189124" spans="8:8">
      <c r="H189124" s="12"/>
    </row>
    <row r="189125" spans="8:8">
      <c r="H189125" s="12"/>
    </row>
    <row r="189126" spans="8:8">
      <c r="H189126" s="12"/>
    </row>
    <row r="189127" spans="8:8">
      <c r="H189127" s="12"/>
    </row>
    <row r="189128" spans="8:8">
      <c r="H189128" s="12"/>
    </row>
    <row r="189129" spans="8:8">
      <c r="H189129" s="12"/>
    </row>
    <row r="189130" spans="8:8">
      <c r="H189130" s="12"/>
    </row>
    <row r="189131" spans="8:8">
      <c r="H189131" s="12"/>
    </row>
    <row r="189132" spans="8:8">
      <c r="H189132" s="12"/>
    </row>
    <row r="189133" spans="8:8">
      <c r="H189133" s="12"/>
    </row>
    <row r="189134" spans="8:8">
      <c r="H189134" s="12"/>
    </row>
    <row r="189135" spans="8:8">
      <c r="H189135" s="12"/>
    </row>
    <row r="189136" spans="8:8">
      <c r="H189136" s="12"/>
    </row>
    <row r="189137" spans="8:8">
      <c r="H189137" s="12"/>
    </row>
    <row r="189138" spans="8:8">
      <c r="H189138" s="12"/>
    </row>
    <row r="189139" spans="8:8">
      <c r="H189139" s="12"/>
    </row>
    <row r="189140" spans="8:8">
      <c r="H189140" s="12"/>
    </row>
    <row r="189141" spans="8:8">
      <c r="H189141" s="12"/>
    </row>
    <row r="189142" spans="8:8">
      <c r="H189142" s="12"/>
    </row>
    <row r="189143" spans="8:8">
      <c r="H189143" s="12"/>
    </row>
    <row r="189144" spans="8:8">
      <c r="H189144" s="12"/>
    </row>
    <row r="189145" spans="8:8">
      <c r="H189145" s="12"/>
    </row>
    <row r="189146" spans="8:8">
      <c r="H189146" s="12"/>
    </row>
    <row r="189147" spans="8:8">
      <c r="H189147" s="12"/>
    </row>
    <row r="189148" spans="8:8">
      <c r="H189148" s="12"/>
    </row>
    <row r="189149" spans="8:8">
      <c r="H189149" s="12"/>
    </row>
    <row r="189150" spans="8:8">
      <c r="H189150" s="12"/>
    </row>
    <row r="189151" spans="8:8">
      <c r="H189151" s="12"/>
    </row>
    <row r="189152" spans="8:8">
      <c r="H189152" s="12"/>
    </row>
    <row r="189153" spans="8:8">
      <c r="H189153" s="12"/>
    </row>
    <row r="189154" spans="8:8">
      <c r="H189154" s="12"/>
    </row>
    <row r="189155" spans="8:8">
      <c r="H189155" s="12"/>
    </row>
    <row r="189156" spans="8:8">
      <c r="H189156" s="12"/>
    </row>
    <row r="189157" spans="8:8">
      <c r="H189157" s="12"/>
    </row>
    <row r="189158" spans="8:8">
      <c r="H189158" s="12"/>
    </row>
    <row r="189159" spans="8:8">
      <c r="H189159" s="12"/>
    </row>
    <row r="189160" spans="8:8">
      <c r="H189160" s="12"/>
    </row>
    <row r="189161" spans="8:8">
      <c r="H189161" s="12"/>
    </row>
    <row r="189162" spans="8:8">
      <c r="H189162" s="12"/>
    </row>
    <row r="189163" spans="8:8">
      <c r="H189163" s="12"/>
    </row>
    <row r="189164" spans="8:8">
      <c r="H189164" s="12"/>
    </row>
    <row r="189165" spans="8:8">
      <c r="H189165" s="12"/>
    </row>
    <row r="189166" spans="8:8">
      <c r="H189166" s="12"/>
    </row>
    <row r="189167" spans="8:8">
      <c r="H189167" s="12"/>
    </row>
    <row r="189168" spans="8:8">
      <c r="H189168" s="12"/>
    </row>
    <row r="189169" spans="8:8">
      <c r="H189169" s="12"/>
    </row>
    <row r="189170" spans="8:8">
      <c r="H189170" s="12"/>
    </row>
    <row r="189171" spans="8:8">
      <c r="H189171" s="12"/>
    </row>
    <row r="189172" spans="8:8">
      <c r="H189172" s="12"/>
    </row>
    <row r="189173" spans="8:8">
      <c r="H189173" s="12"/>
    </row>
    <row r="189174" spans="8:8">
      <c r="H189174" s="12"/>
    </row>
    <row r="189175" spans="8:8">
      <c r="H189175" s="12"/>
    </row>
    <row r="189176" spans="8:8">
      <c r="H189176" s="12"/>
    </row>
    <row r="189177" spans="8:8">
      <c r="H189177" s="12"/>
    </row>
    <row r="189178" spans="8:8">
      <c r="H189178" s="12"/>
    </row>
    <row r="189179" spans="8:8">
      <c r="H189179" s="12"/>
    </row>
    <row r="189180" spans="8:8">
      <c r="H189180" s="12"/>
    </row>
    <row r="189181" spans="8:8">
      <c r="H189181" s="12"/>
    </row>
    <row r="189182" spans="8:8">
      <c r="H189182" s="12"/>
    </row>
    <row r="189183" spans="8:8">
      <c r="H189183" s="12"/>
    </row>
    <row r="189184" spans="8:8">
      <c r="H189184" s="12"/>
    </row>
    <row r="189185" spans="8:8">
      <c r="H189185" s="12"/>
    </row>
    <row r="189186" spans="8:8">
      <c r="H189186" s="12"/>
    </row>
    <row r="189187" spans="8:8">
      <c r="H189187" s="12"/>
    </row>
    <row r="189188" spans="8:8">
      <c r="H189188" s="12"/>
    </row>
    <row r="189189" spans="8:8">
      <c r="H189189" s="12"/>
    </row>
    <row r="189190" spans="8:8">
      <c r="H189190" s="12"/>
    </row>
    <row r="189191" spans="8:8">
      <c r="H189191" s="12"/>
    </row>
    <row r="189192" spans="8:8">
      <c r="H189192" s="12"/>
    </row>
    <row r="189193" spans="8:8">
      <c r="H189193" s="12"/>
    </row>
    <row r="189194" spans="8:8">
      <c r="H189194" s="12"/>
    </row>
    <row r="189195" spans="8:8">
      <c r="H189195" s="12"/>
    </row>
    <row r="189196" spans="8:8">
      <c r="H189196" s="12"/>
    </row>
    <row r="189197" spans="8:8">
      <c r="H189197" s="12"/>
    </row>
    <row r="189198" spans="8:8">
      <c r="H189198" s="12"/>
    </row>
    <row r="189199" spans="8:8">
      <c r="H189199" s="12"/>
    </row>
    <row r="189200" spans="8:8">
      <c r="H189200" s="12"/>
    </row>
    <row r="189201" spans="8:8">
      <c r="H189201" s="12"/>
    </row>
    <row r="189202" spans="8:8">
      <c r="H189202" s="12"/>
    </row>
    <row r="189203" spans="8:8">
      <c r="H189203" s="12"/>
    </row>
    <row r="189204" spans="8:8">
      <c r="H189204" s="12"/>
    </row>
    <row r="189205" spans="8:8">
      <c r="H189205" s="12"/>
    </row>
    <row r="189206" spans="8:8">
      <c r="H189206" s="12"/>
    </row>
    <row r="189207" spans="8:8">
      <c r="H189207" s="12"/>
    </row>
    <row r="189208" spans="8:8">
      <c r="H189208" s="12"/>
    </row>
    <row r="189209" spans="8:8">
      <c r="H189209" s="12"/>
    </row>
    <row r="189210" spans="8:8">
      <c r="H189210" s="12"/>
    </row>
    <row r="189211" spans="8:8">
      <c r="H189211" s="12"/>
    </row>
    <row r="189212" spans="8:8">
      <c r="H189212" s="12"/>
    </row>
    <row r="189213" spans="8:8">
      <c r="H189213" s="12"/>
    </row>
    <row r="189214" spans="8:8">
      <c r="H189214" s="12"/>
    </row>
    <row r="189215" spans="8:8">
      <c r="H189215" s="12"/>
    </row>
    <row r="189216" spans="8:8">
      <c r="H189216" s="12"/>
    </row>
    <row r="189217" spans="8:8">
      <c r="H189217" s="12"/>
    </row>
    <row r="189218" spans="8:8">
      <c r="H189218" s="12"/>
    </row>
    <row r="189219" spans="8:8">
      <c r="H189219" s="12"/>
    </row>
    <row r="189220" spans="8:8">
      <c r="H189220" s="12"/>
    </row>
    <row r="189221" spans="8:8">
      <c r="H189221" s="12"/>
    </row>
    <row r="189222" spans="8:8">
      <c r="H189222" s="12"/>
    </row>
    <row r="189223" spans="8:8">
      <c r="H189223" s="12"/>
    </row>
    <row r="189224" spans="8:8">
      <c r="H189224" s="12"/>
    </row>
    <row r="189225" spans="8:8">
      <c r="H189225" s="12"/>
    </row>
    <row r="189226" spans="8:8">
      <c r="H189226" s="12"/>
    </row>
    <row r="189227" spans="8:8">
      <c r="H189227" s="12"/>
    </row>
    <row r="189228" spans="8:8">
      <c r="H189228" s="12"/>
    </row>
    <row r="189229" spans="8:8">
      <c r="H189229" s="12"/>
    </row>
    <row r="189230" spans="8:8">
      <c r="H189230" s="12"/>
    </row>
    <row r="189231" spans="8:8">
      <c r="H189231" s="12"/>
    </row>
    <row r="189232" spans="8:8">
      <c r="H189232" s="12"/>
    </row>
    <row r="189233" spans="8:8">
      <c r="H189233" s="12"/>
    </row>
    <row r="189234" spans="8:8">
      <c r="H189234" s="12"/>
    </row>
    <row r="189235" spans="8:8">
      <c r="H189235" s="12"/>
    </row>
    <row r="189236" spans="8:8">
      <c r="H189236" s="12"/>
    </row>
    <row r="189237" spans="8:8">
      <c r="H189237" s="12"/>
    </row>
    <row r="189238" spans="8:8">
      <c r="H189238" s="12"/>
    </row>
    <row r="189239" spans="8:8">
      <c r="H189239" s="12"/>
    </row>
    <row r="189240" spans="8:8">
      <c r="H189240" s="12"/>
    </row>
    <row r="189241" spans="8:8">
      <c r="H189241" s="12"/>
    </row>
    <row r="189242" spans="8:8">
      <c r="H189242" s="12"/>
    </row>
    <row r="189243" spans="8:8">
      <c r="H189243" s="12"/>
    </row>
    <row r="189244" spans="8:8">
      <c r="H189244" s="12"/>
    </row>
    <row r="189245" spans="8:8">
      <c r="H189245" s="12"/>
    </row>
    <row r="189246" spans="8:8">
      <c r="H189246" s="12"/>
    </row>
    <row r="189247" spans="8:8">
      <c r="H189247" s="12"/>
    </row>
    <row r="189248" spans="8:8">
      <c r="H189248" s="12"/>
    </row>
    <row r="189249" spans="8:8">
      <c r="H189249" s="12"/>
    </row>
    <row r="189250" spans="8:8">
      <c r="H189250" s="12"/>
    </row>
    <row r="189251" spans="8:8">
      <c r="H189251" s="12"/>
    </row>
    <row r="189252" spans="8:8">
      <c r="H189252" s="12"/>
    </row>
    <row r="189253" spans="8:8">
      <c r="H189253" s="12"/>
    </row>
    <row r="189254" spans="8:8">
      <c r="H189254" s="12"/>
    </row>
    <row r="189255" spans="8:8">
      <c r="H189255" s="12"/>
    </row>
    <row r="189256" spans="8:8">
      <c r="H189256" s="12"/>
    </row>
    <row r="189257" spans="8:8">
      <c r="H189257" s="12"/>
    </row>
    <row r="189258" spans="8:8">
      <c r="H189258" s="12"/>
    </row>
    <row r="189259" spans="8:8">
      <c r="H189259" s="12"/>
    </row>
    <row r="189260" spans="8:8">
      <c r="H189260" s="12"/>
    </row>
    <row r="189261" spans="8:8">
      <c r="H189261" s="12"/>
    </row>
    <row r="189262" spans="8:8">
      <c r="H189262" s="12"/>
    </row>
    <row r="189263" spans="8:8">
      <c r="H189263" s="12"/>
    </row>
    <row r="189264" spans="8:8">
      <c r="H189264" s="12"/>
    </row>
    <row r="189265" spans="8:8">
      <c r="H189265" s="12"/>
    </row>
    <row r="189266" spans="8:8">
      <c r="H189266" s="12"/>
    </row>
    <row r="189267" spans="8:8">
      <c r="H189267" s="12"/>
    </row>
    <row r="189268" spans="8:8">
      <c r="H189268" s="12"/>
    </row>
    <row r="189269" spans="8:8">
      <c r="H189269" s="12"/>
    </row>
    <row r="189270" spans="8:8">
      <c r="H189270" s="12"/>
    </row>
    <row r="189271" spans="8:8">
      <c r="H189271" s="12"/>
    </row>
    <row r="189272" spans="8:8">
      <c r="H189272" s="12"/>
    </row>
    <row r="189273" spans="8:8">
      <c r="H189273" s="12"/>
    </row>
    <row r="189274" spans="8:8">
      <c r="H189274" s="12"/>
    </row>
    <row r="189275" spans="8:8">
      <c r="H189275" s="12"/>
    </row>
    <row r="189276" spans="8:8">
      <c r="H189276" s="12"/>
    </row>
    <row r="189277" spans="8:8">
      <c r="H189277" s="12"/>
    </row>
    <row r="189278" spans="8:8">
      <c r="H189278" s="12"/>
    </row>
    <row r="189279" spans="8:8">
      <c r="H189279" s="12"/>
    </row>
    <row r="189280" spans="8:8">
      <c r="H189280" s="12"/>
    </row>
    <row r="189281" spans="8:8">
      <c r="H189281" s="12"/>
    </row>
    <row r="189282" spans="8:8">
      <c r="H189282" s="12"/>
    </row>
    <row r="189283" spans="8:8">
      <c r="H189283" s="12"/>
    </row>
    <row r="189284" spans="8:8">
      <c r="H189284" s="12"/>
    </row>
    <row r="189285" spans="8:8">
      <c r="H189285" s="12"/>
    </row>
    <row r="189286" spans="8:8">
      <c r="H189286" s="12"/>
    </row>
    <row r="189287" spans="8:8">
      <c r="H189287" s="12"/>
    </row>
    <row r="189288" spans="8:8">
      <c r="H189288" s="12"/>
    </row>
    <row r="189289" spans="8:8">
      <c r="H189289" s="12"/>
    </row>
    <row r="189290" spans="8:8">
      <c r="H189290" s="12"/>
    </row>
    <row r="189291" spans="8:8">
      <c r="H189291" s="12"/>
    </row>
    <row r="189292" spans="8:8">
      <c r="H189292" s="12"/>
    </row>
    <row r="189293" spans="8:8">
      <c r="H189293" s="12"/>
    </row>
    <row r="189294" spans="8:8">
      <c r="H189294" s="12"/>
    </row>
    <row r="189295" spans="8:8">
      <c r="H189295" s="12"/>
    </row>
    <row r="189296" spans="8:8">
      <c r="H189296" s="12"/>
    </row>
    <row r="189297" spans="8:8">
      <c r="H189297" s="12"/>
    </row>
    <row r="189298" spans="8:8">
      <c r="H189298" s="12"/>
    </row>
    <row r="189299" spans="8:8">
      <c r="H189299" s="12"/>
    </row>
    <row r="189300" spans="8:8">
      <c r="H189300" s="12"/>
    </row>
    <row r="189301" spans="8:8">
      <c r="H189301" s="12"/>
    </row>
    <row r="189302" spans="8:8">
      <c r="H189302" s="12"/>
    </row>
    <row r="189303" spans="8:8">
      <c r="H189303" s="12"/>
    </row>
    <row r="189304" spans="8:8">
      <c r="H189304" s="12"/>
    </row>
    <row r="189305" spans="8:8">
      <c r="H189305" s="12"/>
    </row>
    <row r="189306" spans="8:8">
      <c r="H189306" s="12"/>
    </row>
    <row r="189307" spans="8:8">
      <c r="H189307" s="12"/>
    </row>
    <row r="189308" spans="8:8">
      <c r="H189308" s="12"/>
    </row>
    <row r="189309" spans="8:8">
      <c r="H189309" s="12"/>
    </row>
    <row r="189310" spans="8:8">
      <c r="H189310" s="12"/>
    </row>
    <row r="189311" spans="8:8">
      <c r="H189311" s="12"/>
    </row>
    <row r="189312" spans="8:8">
      <c r="H189312" s="12"/>
    </row>
    <row r="189313" spans="8:8">
      <c r="H189313" s="12"/>
    </row>
    <row r="189314" spans="8:8">
      <c r="H189314" s="12"/>
    </row>
    <row r="189315" spans="8:8">
      <c r="H189315" s="12"/>
    </row>
    <row r="189316" spans="8:8">
      <c r="H189316" s="12"/>
    </row>
    <row r="189317" spans="8:8">
      <c r="H189317" s="12"/>
    </row>
    <row r="189318" spans="8:8">
      <c r="H189318" s="12"/>
    </row>
    <row r="189319" spans="8:8">
      <c r="H189319" s="12"/>
    </row>
    <row r="189320" spans="8:8">
      <c r="H189320" s="12"/>
    </row>
    <row r="189321" spans="8:8">
      <c r="H189321" s="12"/>
    </row>
    <row r="189322" spans="8:8">
      <c r="H189322" s="12"/>
    </row>
    <row r="189323" spans="8:8">
      <c r="H189323" s="12"/>
    </row>
    <row r="189324" spans="8:8">
      <c r="H189324" s="12"/>
    </row>
    <row r="189325" spans="8:8">
      <c r="H189325" s="12"/>
    </row>
    <row r="189326" spans="8:8">
      <c r="H189326" s="12"/>
    </row>
    <row r="189327" spans="8:8">
      <c r="H189327" s="12"/>
    </row>
    <row r="189328" spans="8:8">
      <c r="H189328" s="12"/>
    </row>
    <row r="189329" spans="8:8">
      <c r="H189329" s="12"/>
    </row>
    <row r="189330" spans="8:8">
      <c r="H189330" s="12"/>
    </row>
    <row r="189331" spans="8:8">
      <c r="H189331" s="12"/>
    </row>
    <row r="189332" spans="8:8">
      <c r="H189332" s="12"/>
    </row>
    <row r="189333" spans="8:8">
      <c r="H189333" s="12"/>
    </row>
    <row r="189334" spans="8:8">
      <c r="H189334" s="12"/>
    </row>
    <row r="189335" spans="8:8">
      <c r="H189335" s="12"/>
    </row>
    <row r="189336" spans="8:8">
      <c r="H189336" s="12"/>
    </row>
    <row r="189337" spans="8:8">
      <c r="H189337" s="12"/>
    </row>
    <row r="189338" spans="8:8">
      <c r="H189338" s="12"/>
    </row>
    <row r="189339" spans="8:8">
      <c r="H189339" s="12"/>
    </row>
    <row r="189340" spans="8:8">
      <c r="H189340" s="12"/>
    </row>
    <row r="189341" spans="8:8">
      <c r="H189341" s="12"/>
    </row>
    <row r="189342" spans="8:8">
      <c r="H189342" s="12"/>
    </row>
    <row r="189343" spans="8:8">
      <c r="H189343" s="12"/>
    </row>
    <row r="189344" spans="8:8">
      <c r="H189344" s="12"/>
    </row>
    <row r="189345" spans="8:8">
      <c r="H189345" s="12"/>
    </row>
    <row r="189346" spans="8:8">
      <c r="H189346" s="12"/>
    </row>
    <row r="189347" spans="8:8">
      <c r="H189347" s="12"/>
    </row>
    <row r="189348" spans="8:8">
      <c r="H189348" s="12"/>
    </row>
    <row r="189349" spans="8:8">
      <c r="H189349" s="12"/>
    </row>
    <row r="189350" spans="8:8">
      <c r="H189350" s="12"/>
    </row>
    <row r="189351" spans="8:8">
      <c r="H189351" s="12"/>
    </row>
    <row r="189352" spans="8:8">
      <c r="H189352" s="12"/>
    </row>
    <row r="189353" spans="8:8">
      <c r="H189353" s="12"/>
    </row>
    <row r="189354" spans="8:8">
      <c r="H189354" s="12"/>
    </row>
    <row r="189355" spans="8:8">
      <c r="H189355" s="12"/>
    </row>
    <row r="189356" spans="8:8">
      <c r="H189356" s="12"/>
    </row>
    <row r="189357" spans="8:8">
      <c r="H189357" s="12"/>
    </row>
    <row r="189358" spans="8:8">
      <c r="H189358" s="12"/>
    </row>
    <row r="189359" spans="8:8">
      <c r="H189359" s="12"/>
    </row>
    <row r="189360" spans="8:8">
      <c r="H189360" s="12"/>
    </row>
    <row r="189361" spans="8:8">
      <c r="H189361" s="12"/>
    </row>
    <row r="189362" spans="8:8">
      <c r="H189362" s="12"/>
    </row>
    <row r="189363" spans="8:8">
      <c r="H189363" s="12"/>
    </row>
    <row r="189364" spans="8:8">
      <c r="H189364" s="12"/>
    </row>
    <row r="189365" spans="8:8">
      <c r="H189365" s="12"/>
    </row>
    <row r="189366" spans="8:8">
      <c r="H189366" s="12"/>
    </row>
    <row r="189367" spans="8:8">
      <c r="H189367" s="12"/>
    </row>
    <row r="189368" spans="8:8">
      <c r="H189368" s="12"/>
    </row>
    <row r="189369" spans="8:8">
      <c r="H189369" s="12"/>
    </row>
    <row r="189370" spans="8:8">
      <c r="H189370" s="12"/>
    </row>
    <row r="189371" spans="8:8">
      <c r="H189371" s="12"/>
    </row>
    <row r="189372" spans="8:8">
      <c r="H189372" s="12"/>
    </row>
    <row r="189373" spans="8:8">
      <c r="H189373" s="12"/>
    </row>
    <row r="189374" spans="8:8">
      <c r="H189374" s="12"/>
    </row>
    <row r="189375" spans="8:8">
      <c r="H189375" s="12"/>
    </row>
    <row r="189376" spans="8:8">
      <c r="H189376" s="12"/>
    </row>
    <row r="189377" spans="8:8">
      <c r="H189377" s="12"/>
    </row>
    <row r="189378" spans="8:8">
      <c r="H189378" s="12"/>
    </row>
    <row r="189379" spans="8:8">
      <c r="H189379" s="12"/>
    </row>
    <row r="189380" spans="8:8">
      <c r="H189380" s="12"/>
    </row>
    <row r="189381" spans="8:8">
      <c r="H189381" s="12"/>
    </row>
    <row r="189382" spans="8:8">
      <c r="H189382" s="12"/>
    </row>
    <row r="189383" spans="8:8">
      <c r="H189383" s="12"/>
    </row>
    <row r="189384" spans="8:8">
      <c r="H189384" s="12"/>
    </row>
    <row r="189385" spans="8:8">
      <c r="H189385" s="12"/>
    </row>
    <row r="189386" spans="8:8">
      <c r="H189386" s="12"/>
    </row>
    <row r="189387" spans="8:8">
      <c r="H189387" s="12"/>
    </row>
    <row r="189388" spans="8:8">
      <c r="H189388" s="12"/>
    </row>
    <row r="189389" spans="8:8">
      <c r="H189389" s="12"/>
    </row>
    <row r="189390" spans="8:8">
      <c r="H189390" s="12"/>
    </row>
    <row r="189391" spans="8:8">
      <c r="H189391" s="12"/>
    </row>
    <row r="189392" spans="8:8">
      <c r="H189392" s="12"/>
    </row>
    <row r="189393" spans="8:8">
      <c r="H189393" s="12"/>
    </row>
    <row r="189394" spans="8:8">
      <c r="H189394" s="12"/>
    </row>
    <row r="189395" spans="8:8">
      <c r="H189395" s="12"/>
    </row>
    <row r="189396" spans="8:8">
      <c r="H189396" s="12"/>
    </row>
    <row r="189397" spans="8:8">
      <c r="H189397" s="12"/>
    </row>
    <row r="189398" spans="8:8">
      <c r="H189398" s="12"/>
    </row>
    <row r="189399" spans="8:8">
      <c r="H189399" s="12"/>
    </row>
    <row r="189400" spans="8:8">
      <c r="H189400" s="12"/>
    </row>
    <row r="189401" spans="8:8">
      <c r="H189401" s="12"/>
    </row>
    <row r="189402" spans="8:8">
      <c r="H189402" s="12"/>
    </row>
    <row r="189403" spans="8:8">
      <c r="H189403" s="12"/>
    </row>
    <row r="189404" spans="8:8">
      <c r="H189404" s="12"/>
    </row>
    <row r="189405" spans="8:8">
      <c r="H189405" s="12"/>
    </row>
    <row r="189406" spans="8:8">
      <c r="H189406" s="12"/>
    </row>
    <row r="189407" spans="8:8">
      <c r="H189407" s="12"/>
    </row>
    <row r="189408" spans="8:8">
      <c r="H189408" s="12"/>
    </row>
    <row r="189409" spans="8:8">
      <c r="H189409" s="12"/>
    </row>
    <row r="189410" spans="8:8">
      <c r="H189410" s="12"/>
    </row>
    <row r="189411" spans="8:8">
      <c r="H189411" s="12"/>
    </row>
    <row r="189412" spans="8:8">
      <c r="H189412" s="12"/>
    </row>
    <row r="189413" spans="8:8">
      <c r="H189413" s="12"/>
    </row>
    <row r="189414" spans="8:8">
      <c r="H189414" s="12"/>
    </row>
    <row r="189415" spans="8:8">
      <c r="H189415" s="12"/>
    </row>
    <row r="189416" spans="8:8">
      <c r="H189416" s="12"/>
    </row>
    <row r="189417" spans="8:8">
      <c r="H189417" s="12"/>
    </row>
    <row r="189418" spans="8:8">
      <c r="H189418" s="12"/>
    </row>
    <row r="189419" spans="8:8">
      <c r="H189419" s="12"/>
    </row>
    <row r="189420" spans="8:8">
      <c r="H189420" s="12"/>
    </row>
    <row r="189421" spans="8:8">
      <c r="H189421" s="12"/>
    </row>
    <row r="189422" spans="8:8">
      <c r="H189422" s="12"/>
    </row>
    <row r="189423" spans="8:8">
      <c r="H189423" s="12"/>
    </row>
    <row r="189424" spans="8:8">
      <c r="H189424" s="12"/>
    </row>
    <row r="189425" spans="8:8">
      <c r="H189425" s="12"/>
    </row>
    <row r="189426" spans="8:8">
      <c r="H189426" s="12"/>
    </row>
    <row r="189427" spans="8:8">
      <c r="H189427" s="12"/>
    </row>
    <row r="189428" spans="8:8">
      <c r="H189428" s="12"/>
    </row>
    <row r="189429" spans="8:8">
      <c r="H189429" s="12"/>
    </row>
    <row r="189430" spans="8:8">
      <c r="H189430" s="12"/>
    </row>
    <row r="189431" spans="8:8">
      <c r="H189431" s="12"/>
    </row>
    <row r="189432" spans="8:8">
      <c r="H189432" s="12"/>
    </row>
    <row r="189433" spans="8:8">
      <c r="H189433" s="12"/>
    </row>
    <row r="189434" spans="8:8">
      <c r="H189434" s="12"/>
    </row>
    <row r="189435" spans="8:8">
      <c r="H189435" s="12"/>
    </row>
    <row r="189436" spans="8:8">
      <c r="H189436" s="12"/>
    </row>
    <row r="189437" spans="8:8">
      <c r="H189437" s="12"/>
    </row>
    <row r="189438" spans="8:8">
      <c r="H189438" s="12"/>
    </row>
    <row r="189439" spans="8:8">
      <c r="H189439" s="12"/>
    </row>
    <row r="189440" spans="8:8">
      <c r="H189440" s="12"/>
    </row>
    <row r="189441" spans="8:8">
      <c r="H189441" s="12"/>
    </row>
    <row r="189442" spans="8:8">
      <c r="H189442" s="12"/>
    </row>
    <row r="189443" spans="8:8">
      <c r="H189443" s="12"/>
    </row>
    <row r="189444" spans="8:8">
      <c r="H189444" s="12"/>
    </row>
    <row r="189445" spans="8:8">
      <c r="H189445" s="12"/>
    </row>
    <row r="189446" spans="8:8">
      <c r="H189446" s="12"/>
    </row>
    <row r="189447" spans="8:8">
      <c r="H189447" s="12"/>
    </row>
    <row r="189448" spans="8:8">
      <c r="H189448" s="12"/>
    </row>
    <row r="189449" spans="8:8">
      <c r="H189449" s="12"/>
    </row>
    <row r="189450" spans="8:8">
      <c r="H189450" s="12"/>
    </row>
    <row r="189451" spans="8:8">
      <c r="H189451" s="12"/>
    </row>
    <row r="189452" spans="8:8">
      <c r="H189452" s="12"/>
    </row>
    <row r="189453" spans="8:8">
      <c r="H189453" s="12"/>
    </row>
    <row r="189454" spans="8:8">
      <c r="H189454" s="12"/>
    </row>
    <row r="189455" spans="8:8">
      <c r="H189455" s="12"/>
    </row>
    <row r="189456" spans="8:8">
      <c r="H189456" s="12"/>
    </row>
    <row r="189457" spans="8:8">
      <c r="H189457" s="12"/>
    </row>
    <row r="189458" spans="8:8">
      <c r="H189458" s="12"/>
    </row>
    <row r="189459" spans="8:8">
      <c r="H189459" s="12"/>
    </row>
    <row r="189460" spans="8:8">
      <c r="H189460" s="12"/>
    </row>
    <row r="189461" spans="8:8">
      <c r="H189461" s="12"/>
    </row>
    <row r="189462" spans="8:8">
      <c r="H189462" s="12"/>
    </row>
    <row r="189463" spans="8:8">
      <c r="H189463" s="12"/>
    </row>
    <row r="189464" spans="8:8">
      <c r="H189464" s="12"/>
    </row>
    <row r="189465" spans="8:8">
      <c r="H189465" s="12"/>
    </row>
    <row r="189466" spans="8:8">
      <c r="H189466" s="12"/>
    </row>
    <row r="189467" spans="8:8">
      <c r="H189467" s="12"/>
    </row>
    <row r="189468" spans="8:8">
      <c r="H189468" s="12"/>
    </row>
    <row r="189469" spans="8:8">
      <c r="H189469" s="12"/>
    </row>
    <row r="189470" spans="8:8">
      <c r="H189470" s="12"/>
    </row>
    <row r="189471" spans="8:8">
      <c r="H189471" s="12"/>
    </row>
    <row r="189472" spans="8:8">
      <c r="H189472" s="12"/>
    </row>
    <row r="189473" spans="8:8">
      <c r="H189473" s="12"/>
    </row>
    <row r="189474" spans="8:8">
      <c r="H189474" s="12"/>
    </row>
    <row r="189475" spans="8:8">
      <c r="H189475" s="12"/>
    </row>
    <row r="189476" spans="8:8">
      <c r="H189476" s="12"/>
    </row>
    <row r="189477" spans="8:8">
      <c r="H189477" s="12"/>
    </row>
    <row r="189478" spans="8:8">
      <c r="H189478" s="12"/>
    </row>
    <row r="189479" spans="8:8">
      <c r="H189479" s="12"/>
    </row>
    <row r="189480" spans="8:8">
      <c r="H189480" s="12"/>
    </row>
    <row r="189481" spans="8:8">
      <c r="H189481" s="12"/>
    </row>
    <row r="189482" spans="8:8">
      <c r="H189482" s="12"/>
    </row>
    <row r="189483" spans="8:8">
      <c r="H189483" s="12"/>
    </row>
    <row r="189484" spans="8:8">
      <c r="H189484" s="12"/>
    </row>
    <row r="189485" spans="8:8">
      <c r="H189485" s="12"/>
    </row>
    <row r="189486" spans="8:8">
      <c r="H189486" s="12"/>
    </row>
    <row r="189487" spans="8:8">
      <c r="H189487" s="12"/>
    </row>
    <row r="189488" spans="8:8">
      <c r="H189488" s="12"/>
    </row>
    <row r="189489" spans="8:8">
      <c r="H189489" s="12"/>
    </row>
    <row r="189490" spans="8:8">
      <c r="H189490" s="12"/>
    </row>
    <row r="189491" spans="8:8">
      <c r="H189491" s="12"/>
    </row>
    <row r="189492" spans="8:8">
      <c r="H189492" s="12"/>
    </row>
    <row r="189493" spans="8:8">
      <c r="H189493" s="12"/>
    </row>
    <row r="189494" spans="8:8">
      <c r="H189494" s="12"/>
    </row>
    <row r="189495" spans="8:8">
      <c r="H189495" s="12"/>
    </row>
    <row r="189496" spans="8:8">
      <c r="H189496" s="12"/>
    </row>
    <row r="189497" spans="8:8">
      <c r="H189497" s="12"/>
    </row>
    <row r="189498" spans="8:8">
      <c r="H189498" s="12"/>
    </row>
    <row r="189499" spans="8:8">
      <c r="H189499" s="12"/>
    </row>
    <row r="189500" spans="8:8">
      <c r="H189500" s="12"/>
    </row>
    <row r="189501" spans="8:8">
      <c r="H189501" s="12"/>
    </row>
    <row r="189502" spans="8:8">
      <c r="H189502" s="12"/>
    </row>
    <row r="189503" spans="8:8">
      <c r="H189503" s="12"/>
    </row>
    <row r="189504" spans="8:8">
      <c r="H189504" s="12"/>
    </row>
    <row r="189505" spans="8:8">
      <c r="H189505" s="12"/>
    </row>
    <row r="189506" spans="8:8">
      <c r="H189506" s="12"/>
    </row>
    <row r="189507" spans="8:8">
      <c r="H189507" s="12"/>
    </row>
    <row r="189508" spans="8:8">
      <c r="H189508" s="12"/>
    </row>
    <row r="189509" spans="8:8">
      <c r="H189509" s="12"/>
    </row>
    <row r="189510" spans="8:8">
      <c r="H189510" s="12"/>
    </row>
    <row r="189511" spans="8:8">
      <c r="H189511" s="12"/>
    </row>
    <row r="189512" spans="8:8">
      <c r="H189512" s="12"/>
    </row>
    <row r="189513" spans="8:8">
      <c r="H189513" s="12"/>
    </row>
    <row r="189514" spans="8:8">
      <c r="H189514" s="12"/>
    </row>
    <row r="189515" spans="8:8">
      <c r="H189515" s="12"/>
    </row>
    <row r="189516" spans="8:8">
      <c r="H189516" s="12"/>
    </row>
    <row r="189517" spans="8:8">
      <c r="H189517" s="12"/>
    </row>
    <row r="189518" spans="8:8">
      <c r="H189518" s="12"/>
    </row>
    <row r="189519" spans="8:8">
      <c r="H189519" s="12"/>
    </row>
    <row r="189520" spans="8:8">
      <c r="H189520" s="12"/>
    </row>
    <row r="189521" spans="8:8">
      <c r="H189521" s="12"/>
    </row>
    <row r="189522" spans="8:8">
      <c r="H189522" s="12"/>
    </row>
    <row r="189523" spans="8:8">
      <c r="H189523" s="12"/>
    </row>
    <row r="189524" spans="8:8">
      <c r="H189524" s="12"/>
    </row>
    <row r="189525" spans="8:8">
      <c r="H189525" s="12"/>
    </row>
    <row r="189526" spans="8:8">
      <c r="H189526" s="12"/>
    </row>
    <row r="189527" spans="8:8">
      <c r="H189527" s="12"/>
    </row>
    <row r="189528" spans="8:8">
      <c r="H189528" s="12"/>
    </row>
    <row r="189529" spans="8:8">
      <c r="H189529" s="12"/>
    </row>
    <row r="189530" spans="8:8">
      <c r="H189530" s="12"/>
    </row>
    <row r="189531" spans="8:8">
      <c r="H189531" s="12"/>
    </row>
    <row r="189532" spans="8:8">
      <c r="H189532" s="12"/>
    </row>
    <row r="189533" spans="8:8">
      <c r="H189533" s="12"/>
    </row>
    <row r="189534" spans="8:8">
      <c r="H189534" s="12"/>
    </row>
    <row r="189535" spans="8:8">
      <c r="H189535" s="12"/>
    </row>
    <row r="189536" spans="8:8">
      <c r="H189536" s="12"/>
    </row>
    <row r="189537" spans="8:8">
      <c r="H189537" s="12"/>
    </row>
    <row r="189538" spans="8:8">
      <c r="H189538" s="12"/>
    </row>
    <row r="189539" spans="8:8">
      <c r="H189539" s="12"/>
    </row>
    <row r="189540" spans="8:8">
      <c r="H189540" s="12"/>
    </row>
    <row r="189541" spans="8:8">
      <c r="H189541" s="12"/>
    </row>
    <row r="189542" spans="8:8">
      <c r="H189542" s="12"/>
    </row>
    <row r="189543" spans="8:8">
      <c r="H189543" s="12"/>
    </row>
    <row r="189544" spans="8:8">
      <c r="H189544" s="12"/>
    </row>
    <row r="189545" spans="8:8">
      <c r="H189545" s="12"/>
    </row>
    <row r="189546" spans="8:8">
      <c r="H189546" s="12"/>
    </row>
    <row r="189547" spans="8:8">
      <c r="H189547" s="12"/>
    </row>
    <row r="189548" spans="8:8">
      <c r="H189548" s="12"/>
    </row>
    <row r="189549" spans="8:8">
      <c r="H189549" s="12"/>
    </row>
    <row r="189550" spans="8:8">
      <c r="H189550" s="12"/>
    </row>
    <row r="189551" spans="8:8">
      <c r="H189551" s="12"/>
    </row>
    <row r="189552" spans="8:8">
      <c r="H189552" s="12"/>
    </row>
    <row r="189553" spans="8:8">
      <c r="H189553" s="12"/>
    </row>
    <row r="189554" spans="8:8">
      <c r="H189554" s="12"/>
    </row>
    <row r="189555" spans="8:8">
      <c r="H189555" s="12"/>
    </row>
    <row r="189556" spans="8:8">
      <c r="H189556" s="12"/>
    </row>
    <row r="189557" spans="8:8">
      <c r="H189557" s="12"/>
    </row>
    <row r="189558" spans="8:8">
      <c r="H189558" s="12"/>
    </row>
    <row r="189559" spans="8:8">
      <c r="H189559" s="12"/>
    </row>
    <row r="189560" spans="8:8">
      <c r="H189560" s="12"/>
    </row>
    <row r="189561" spans="8:8">
      <c r="H189561" s="12"/>
    </row>
    <row r="189562" spans="8:8">
      <c r="H189562" s="12"/>
    </row>
    <row r="189563" spans="8:8">
      <c r="H189563" s="12"/>
    </row>
    <row r="189564" spans="8:8">
      <c r="H189564" s="12"/>
    </row>
    <row r="189565" spans="8:8">
      <c r="H189565" s="12"/>
    </row>
    <row r="189566" spans="8:8">
      <c r="H189566" s="12"/>
    </row>
    <row r="189567" spans="8:8">
      <c r="H189567" s="12"/>
    </row>
    <row r="189568" spans="8:8">
      <c r="H189568" s="12"/>
    </row>
    <row r="189569" spans="8:8">
      <c r="H189569" s="12"/>
    </row>
    <row r="189570" spans="8:8">
      <c r="H189570" s="12"/>
    </row>
    <row r="189571" spans="8:8">
      <c r="H189571" s="12"/>
    </row>
    <row r="189572" spans="8:8">
      <c r="H189572" s="12"/>
    </row>
    <row r="189573" spans="8:8">
      <c r="H189573" s="12"/>
    </row>
    <row r="189574" spans="8:8">
      <c r="H189574" s="12"/>
    </row>
    <row r="189575" spans="8:8">
      <c r="H189575" s="12"/>
    </row>
    <row r="189576" spans="8:8">
      <c r="H189576" s="12"/>
    </row>
    <row r="189577" spans="8:8">
      <c r="H189577" s="12"/>
    </row>
    <row r="189578" spans="8:8">
      <c r="H189578" s="12"/>
    </row>
    <row r="189579" spans="8:8">
      <c r="H189579" s="12"/>
    </row>
    <row r="189580" spans="8:8">
      <c r="H189580" s="12"/>
    </row>
    <row r="189581" spans="8:8">
      <c r="H189581" s="12"/>
    </row>
    <row r="189582" spans="8:8">
      <c r="H189582" s="12"/>
    </row>
    <row r="189583" spans="8:8">
      <c r="H189583" s="12"/>
    </row>
    <row r="189584" spans="8:8">
      <c r="H189584" s="12"/>
    </row>
    <row r="189585" spans="8:8">
      <c r="H189585" s="12"/>
    </row>
    <row r="189586" spans="8:8">
      <c r="H189586" s="12"/>
    </row>
    <row r="189587" spans="8:8">
      <c r="H189587" s="12"/>
    </row>
    <row r="189588" spans="8:8">
      <c r="H189588" s="12"/>
    </row>
    <row r="189589" spans="8:8">
      <c r="H189589" s="12"/>
    </row>
    <row r="189590" spans="8:8">
      <c r="H189590" s="12"/>
    </row>
    <row r="189591" spans="8:8">
      <c r="H189591" s="12"/>
    </row>
    <row r="189592" spans="8:8">
      <c r="H189592" s="12"/>
    </row>
    <row r="189593" spans="8:8">
      <c r="H189593" s="12"/>
    </row>
    <row r="189594" spans="8:8">
      <c r="H189594" s="12"/>
    </row>
    <row r="189595" spans="8:8">
      <c r="H189595" s="12"/>
    </row>
    <row r="189596" spans="8:8">
      <c r="H189596" s="12"/>
    </row>
    <row r="189597" spans="8:8">
      <c r="H189597" s="12"/>
    </row>
    <row r="189598" spans="8:8">
      <c r="H189598" s="12"/>
    </row>
    <row r="189599" spans="8:8">
      <c r="H189599" s="12"/>
    </row>
    <row r="189600" spans="8:8">
      <c r="H189600" s="12"/>
    </row>
    <row r="189601" spans="8:8">
      <c r="H189601" s="12"/>
    </row>
    <row r="189602" spans="8:8">
      <c r="H189602" s="12"/>
    </row>
    <row r="189603" spans="8:8">
      <c r="H189603" s="12"/>
    </row>
    <row r="189604" spans="8:8">
      <c r="H189604" s="12"/>
    </row>
    <row r="189605" spans="8:8">
      <c r="H189605" s="12"/>
    </row>
    <row r="189606" spans="8:8">
      <c r="H189606" s="12"/>
    </row>
    <row r="189607" spans="8:8">
      <c r="H189607" s="12"/>
    </row>
    <row r="189608" spans="8:8">
      <c r="H189608" s="12"/>
    </row>
    <row r="189609" spans="8:8">
      <c r="H189609" s="12"/>
    </row>
    <row r="189610" spans="8:8">
      <c r="H189610" s="12"/>
    </row>
    <row r="189611" spans="8:8">
      <c r="H189611" s="12"/>
    </row>
    <row r="189612" spans="8:8">
      <c r="H189612" s="12"/>
    </row>
    <row r="189613" spans="8:8">
      <c r="H189613" s="12"/>
    </row>
    <row r="189614" spans="8:8">
      <c r="H189614" s="12"/>
    </row>
    <row r="189615" spans="8:8">
      <c r="H189615" s="12"/>
    </row>
    <row r="189616" spans="8:8">
      <c r="H189616" s="12"/>
    </row>
    <row r="189617" spans="8:8">
      <c r="H189617" s="12"/>
    </row>
    <row r="189618" spans="8:8">
      <c r="H189618" s="12"/>
    </row>
    <row r="189619" spans="8:8">
      <c r="H189619" s="12"/>
    </row>
    <row r="189620" spans="8:8">
      <c r="H189620" s="12"/>
    </row>
    <row r="189621" spans="8:8">
      <c r="H189621" s="12"/>
    </row>
    <row r="189622" spans="8:8">
      <c r="H189622" s="12"/>
    </row>
    <row r="189623" spans="8:8">
      <c r="H189623" s="12"/>
    </row>
    <row r="189624" spans="8:8">
      <c r="H189624" s="12"/>
    </row>
    <row r="189625" spans="8:8">
      <c r="H189625" s="12"/>
    </row>
    <row r="189626" spans="8:8">
      <c r="H189626" s="12"/>
    </row>
    <row r="189627" spans="8:8">
      <c r="H189627" s="12"/>
    </row>
    <row r="189628" spans="8:8">
      <c r="H189628" s="12"/>
    </row>
    <row r="189629" spans="8:8">
      <c r="H189629" s="12"/>
    </row>
    <row r="189630" spans="8:8">
      <c r="H189630" s="12"/>
    </row>
    <row r="189631" spans="8:8">
      <c r="H189631" s="12"/>
    </row>
    <row r="189632" spans="8:8">
      <c r="H189632" s="12"/>
    </row>
    <row r="189633" spans="8:8">
      <c r="H189633" s="12"/>
    </row>
    <row r="189634" spans="8:8">
      <c r="H189634" s="12"/>
    </row>
    <row r="189635" spans="8:8">
      <c r="H189635" s="12"/>
    </row>
    <row r="189636" spans="8:8">
      <c r="H189636" s="12"/>
    </row>
    <row r="189637" spans="8:8">
      <c r="H189637" s="12"/>
    </row>
    <row r="189638" spans="8:8">
      <c r="H189638" s="12"/>
    </row>
    <row r="189639" spans="8:8">
      <c r="H189639" s="12"/>
    </row>
    <row r="189640" spans="8:8">
      <c r="H189640" s="12"/>
    </row>
    <row r="189641" spans="8:8">
      <c r="H189641" s="12"/>
    </row>
    <row r="189642" spans="8:8">
      <c r="H189642" s="12"/>
    </row>
    <row r="189643" spans="8:8">
      <c r="H189643" s="12"/>
    </row>
    <row r="189644" spans="8:8">
      <c r="H189644" s="12"/>
    </row>
    <row r="189645" spans="8:8">
      <c r="H189645" s="12"/>
    </row>
    <row r="189646" spans="8:8">
      <c r="H189646" s="12"/>
    </row>
    <row r="189647" spans="8:8">
      <c r="H189647" s="12"/>
    </row>
    <row r="189648" spans="8:8">
      <c r="H189648" s="12"/>
    </row>
    <row r="189649" spans="8:8">
      <c r="H189649" s="12"/>
    </row>
    <row r="189650" spans="8:8">
      <c r="H189650" s="12"/>
    </row>
    <row r="189651" spans="8:8">
      <c r="H189651" s="12"/>
    </row>
    <row r="189652" spans="8:8">
      <c r="H189652" s="12"/>
    </row>
    <row r="189653" spans="8:8">
      <c r="H189653" s="12"/>
    </row>
    <row r="189654" spans="8:8">
      <c r="H189654" s="12"/>
    </row>
    <row r="189655" spans="8:8">
      <c r="H189655" s="12"/>
    </row>
    <row r="189656" spans="8:8">
      <c r="H189656" s="12"/>
    </row>
    <row r="189657" spans="8:8">
      <c r="H189657" s="12"/>
    </row>
    <row r="189658" spans="8:8">
      <c r="H189658" s="12"/>
    </row>
    <row r="189659" spans="8:8">
      <c r="H189659" s="12"/>
    </row>
    <row r="189660" spans="8:8">
      <c r="H189660" s="12"/>
    </row>
    <row r="189661" spans="8:8">
      <c r="H189661" s="12"/>
    </row>
    <row r="189662" spans="8:8">
      <c r="H189662" s="12"/>
    </row>
    <row r="189663" spans="8:8">
      <c r="H189663" s="12"/>
    </row>
    <row r="189664" spans="8:8">
      <c r="H189664" s="12"/>
    </row>
    <row r="189665" spans="8:8">
      <c r="H189665" s="12"/>
    </row>
    <row r="189666" spans="8:8">
      <c r="H189666" s="12"/>
    </row>
    <row r="189667" spans="8:8">
      <c r="H189667" s="12"/>
    </row>
    <row r="189668" spans="8:8">
      <c r="H189668" s="12"/>
    </row>
    <row r="189669" spans="8:8">
      <c r="H189669" s="12"/>
    </row>
    <row r="189670" spans="8:8">
      <c r="H189670" s="12"/>
    </row>
    <row r="189671" spans="8:8">
      <c r="H189671" s="12"/>
    </row>
    <row r="189672" spans="8:8">
      <c r="H189672" s="12"/>
    </row>
    <row r="189673" spans="8:8">
      <c r="H189673" s="12"/>
    </row>
    <row r="189674" spans="8:8">
      <c r="H189674" s="12"/>
    </row>
    <row r="189675" spans="8:8">
      <c r="H189675" s="12"/>
    </row>
    <row r="189676" spans="8:8">
      <c r="H189676" s="12"/>
    </row>
    <row r="189677" spans="8:8">
      <c r="H189677" s="12"/>
    </row>
    <row r="189678" spans="8:8">
      <c r="H189678" s="12"/>
    </row>
    <row r="189679" spans="8:8">
      <c r="H189679" s="12"/>
    </row>
    <row r="189680" spans="8:8">
      <c r="H189680" s="12"/>
    </row>
    <row r="189681" spans="8:8">
      <c r="H189681" s="12"/>
    </row>
    <row r="189682" spans="8:8">
      <c r="H189682" s="12"/>
    </row>
    <row r="189683" spans="8:8">
      <c r="H189683" s="12"/>
    </row>
    <row r="189684" spans="8:8">
      <c r="H189684" s="12"/>
    </row>
    <row r="189685" spans="8:8">
      <c r="H189685" s="12"/>
    </row>
    <row r="189686" spans="8:8">
      <c r="H189686" s="12"/>
    </row>
    <row r="189687" spans="8:8">
      <c r="H189687" s="12"/>
    </row>
    <row r="189688" spans="8:8">
      <c r="H189688" s="12"/>
    </row>
    <row r="189689" spans="8:8">
      <c r="H189689" s="12"/>
    </row>
    <row r="189690" spans="8:8">
      <c r="H189690" s="12"/>
    </row>
    <row r="189691" spans="8:8">
      <c r="H189691" s="12"/>
    </row>
    <row r="189692" spans="8:8">
      <c r="H189692" s="12"/>
    </row>
    <row r="189693" spans="8:8">
      <c r="H189693" s="12"/>
    </row>
    <row r="189694" spans="8:8">
      <c r="H189694" s="12"/>
    </row>
    <row r="189695" spans="8:8">
      <c r="H189695" s="12"/>
    </row>
    <row r="189696" spans="8:8">
      <c r="H189696" s="12"/>
    </row>
    <row r="189697" spans="8:8">
      <c r="H189697" s="12"/>
    </row>
    <row r="189698" spans="8:8">
      <c r="H189698" s="12"/>
    </row>
    <row r="189699" spans="8:8">
      <c r="H189699" s="12"/>
    </row>
    <row r="189700" spans="8:8">
      <c r="H189700" s="12"/>
    </row>
    <row r="189701" spans="8:8">
      <c r="H189701" s="12"/>
    </row>
    <row r="189702" spans="8:8">
      <c r="H189702" s="12"/>
    </row>
    <row r="189703" spans="8:8">
      <c r="H189703" s="12"/>
    </row>
    <row r="189704" spans="8:8">
      <c r="H189704" s="12"/>
    </row>
    <row r="189705" spans="8:8">
      <c r="H189705" s="12"/>
    </row>
    <row r="189706" spans="8:8">
      <c r="H189706" s="12"/>
    </row>
    <row r="189707" spans="8:8">
      <c r="H189707" s="12"/>
    </row>
    <row r="189708" spans="8:8">
      <c r="H189708" s="12"/>
    </row>
    <row r="189709" spans="8:8">
      <c r="H189709" s="12"/>
    </row>
    <row r="189710" spans="8:8">
      <c r="H189710" s="12"/>
    </row>
    <row r="189711" spans="8:8">
      <c r="H189711" s="12"/>
    </row>
    <row r="189712" spans="8:8">
      <c r="H189712" s="12"/>
    </row>
    <row r="189713" spans="8:8">
      <c r="H189713" s="12"/>
    </row>
    <row r="189714" spans="8:8">
      <c r="H189714" s="12"/>
    </row>
    <row r="189715" spans="8:8">
      <c r="H189715" s="12"/>
    </row>
    <row r="189716" spans="8:8">
      <c r="H189716" s="12"/>
    </row>
    <row r="189717" spans="8:8">
      <c r="H189717" s="12"/>
    </row>
    <row r="189718" spans="8:8">
      <c r="H189718" s="12"/>
    </row>
    <row r="189719" spans="8:8">
      <c r="H189719" s="12"/>
    </row>
    <row r="189720" spans="8:8">
      <c r="H189720" s="12"/>
    </row>
    <row r="189721" spans="8:8">
      <c r="H189721" s="12"/>
    </row>
    <row r="189722" spans="8:8">
      <c r="H189722" s="12"/>
    </row>
    <row r="189723" spans="8:8">
      <c r="H189723" s="12"/>
    </row>
    <row r="189724" spans="8:8">
      <c r="H189724" s="12"/>
    </row>
    <row r="189725" spans="8:8">
      <c r="H189725" s="12"/>
    </row>
    <row r="189726" spans="8:8">
      <c r="H189726" s="12"/>
    </row>
    <row r="189727" spans="8:8">
      <c r="H189727" s="12"/>
    </row>
    <row r="189728" spans="8:8">
      <c r="H189728" s="12"/>
    </row>
    <row r="189729" spans="8:8">
      <c r="H189729" s="12"/>
    </row>
    <row r="189730" spans="8:8">
      <c r="H189730" s="12"/>
    </row>
    <row r="189731" spans="8:8">
      <c r="H189731" s="12"/>
    </row>
    <row r="189732" spans="8:8">
      <c r="H189732" s="12"/>
    </row>
    <row r="189733" spans="8:8">
      <c r="H189733" s="12"/>
    </row>
    <row r="189734" spans="8:8">
      <c r="H189734" s="12"/>
    </row>
    <row r="189735" spans="8:8">
      <c r="H189735" s="12"/>
    </row>
    <row r="189736" spans="8:8">
      <c r="H189736" s="12"/>
    </row>
    <row r="189737" spans="8:8">
      <c r="H189737" s="12"/>
    </row>
    <row r="189738" spans="8:8">
      <c r="H189738" s="12"/>
    </row>
    <row r="189739" spans="8:8">
      <c r="H189739" s="12"/>
    </row>
    <row r="189740" spans="8:8">
      <c r="H189740" s="12"/>
    </row>
    <row r="189741" spans="8:8">
      <c r="H189741" s="12"/>
    </row>
    <row r="189742" spans="8:8">
      <c r="H189742" s="12"/>
    </row>
    <row r="189743" spans="8:8">
      <c r="H189743" s="12"/>
    </row>
    <row r="189744" spans="8:8">
      <c r="H189744" s="12"/>
    </row>
    <row r="189745" spans="8:8">
      <c r="H189745" s="12"/>
    </row>
    <row r="189746" spans="8:8">
      <c r="H189746" s="12"/>
    </row>
    <row r="189747" spans="8:8">
      <c r="H189747" s="12"/>
    </row>
    <row r="189748" spans="8:8">
      <c r="H189748" s="12"/>
    </row>
    <row r="189749" spans="8:8">
      <c r="H189749" s="12"/>
    </row>
    <row r="189750" spans="8:8">
      <c r="H189750" s="12"/>
    </row>
    <row r="189751" spans="8:8">
      <c r="H189751" s="12"/>
    </row>
    <row r="189752" spans="8:8">
      <c r="H189752" s="12"/>
    </row>
    <row r="189753" spans="8:8">
      <c r="H189753" s="12"/>
    </row>
    <row r="189754" spans="8:8">
      <c r="H189754" s="12"/>
    </row>
    <row r="189755" spans="8:8">
      <c r="H189755" s="12"/>
    </row>
    <row r="189756" spans="8:8">
      <c r="H189756" s="12"/>
    </row>
    <row r="189757" spans="8:8">
      <c r="H189757" s="12"/>
    </row>
    <row r="189758" spans="8:8">
      <c r="H189758" s="12"/>
    </row>
    <row r="189759" spans="8:8">
      <c r="H189759" s="12"/>
    </row>
    <row r="189760" spans="8:8">
      <c r="H189760" s="12"/>
    </row>
    <row r="189761" spans="8:8">
      <c r="H189761" s="12"/>
    </row>
    <row r="189762" spans="8:8">
      <c r="H189762" s="12"/>
    </row>
    <row r="189763" spans="8:8">
      <c r="H189763" s="12"/>
    </row>
    <row r="189764" spans="8:8">
      <c r="H189764" s="12"/>
    </row>
    <row r="189765" spans="8:8">
      <c r="H189765" s="12"/>
    </row>
    <row r="189766" spans="8:8">
      <c r="H189766" s="12"/>
    </row>
    <row r="189767" spans="8:8">
      <c r="H189767" s="12"/>
    </row>
    <row r="189768" spans="8:8">
      <c r="H189768" s="12"/>
    </row>
    <row r="189769" spans="8:8">
      <c r="H189769" s="12"/>
    </row>
    <row r="189770" spans="8:8">
      <c r="H189770" s="12"/>
    </row>
    <row r="189771" spans="8:8">
      <c r="H189771" s="12"/>
    </row>
    <row r="189772" spans="8:8">
      <c r="H189772" s="12"/>
    </row>
    <row r="189773" spans="8:8">
      <c r="H189773" s="12"/>
    </row>
    <row r="189774" spans="8:8">
      <c r="H189774" s="12"/>
    </row>
    <row r="189775" spans="8:8">
      <c r="H189775" s="12"/>
    </row>
    <row r="189776" spans="8:8">
      <c r="H189776" s="12"/>
    </row>
    <row r="189777" spans="8:8">
      <c r="H189777" s="12"/>
    </row>
    <row r="189778" spans="8:8">
      <c r="H189778" s="12"/>
    </row>
    <row r="189779" spans="8:8">
      <c r="H189779" s="12"/>
    </row>
    <row r="189780" spans="8:8">
      <c r="H189780" s="12"/>
    </row>
    <row r="189781" spans="8:8">
      <c r="H189781" s="12"/>
    </row>
    <row r="189782" spans="8:8">
      <c r="H189782" s="12"/>
    </row>
    <row r="189783" spans="8:8">
      <c r="H189783" s="12"/>
    </row>
    <row r="189784" spans="8:8">
      <c r="H189784" s="12"/>
    </row>
    <row r="189785" spans="8:8">
      <c r="H189785" s="12"/>
    </row>
    <row r="189786" spans="8:8">
      <c r="H189786" s="12"/>
    </row>
    <row r="189787" spans="8:8">
      <c r="H189787" s="12"/>
    </row>
    <row r="189788" spans="8:8">
      <c r="H189788" s="12"/>
    </row>
    <row r="189789" spans="8:8">
      <c r="H189789" s="12"/>
    </row>
    <row r="189790" spans="8:8">
      <c r="H189790" s="12"/>
    </row>
    <row r="189791" spans="8:8">
      <c r="H189791" s="12"/>
    </row>
    <row r="189792" spans="8:8">
      <c r="H189792" s="12"/>
    </row>
    <row r="189793" spans="8:8">
      <c r="H189793" s="12"/>
    </row>
    <row r="189794" spans="8:8">
      <c r="H189794" s="12"/>
    </row>
    <row r="189795" spans="8:8">
      <c r="H189795" s="12"/>
    </row>
    <row r="189796" spans="8:8">
      <c r="H189796" s="12"/>
    </row>
    <row r="189797" spans="8:8">
      <c r="H189797" s="12"/>
    </row>
    <row r="189798" spans="8:8">
      <c r="H189798" s="12"/>
    </row>
    <row r="189799" spans="8:8">
      <c r="H189799" s="12"/>
    </row>
    <row r="189800" spans="8:8">
      <c r="H189800" s="12"/>
    </row>
    <row r="189801" spans="8:8">
      <c r="H189801" s="12"/>
    </row>
    <row r="189802" spans="8:8">
      <c r="H189802" s="12"/>
    </row>
    <row r="189803" spans="8:8">
      <c r="H189803" s="12"/>
    </row>
    <row r="189804" spans="8:8">
      <c r="H189804" s="12"/>
    </row>
    <row r="189805" spans="8:8">
      <c r="H189805" s="12"/>
    </row>
    <row r="189806" spans="8:8">
      <c r="H189806" s="12"/>
    </row>
    <row r="189807" spans="8:8">
      <c r="H189807" s="12"/>
    </row>
    <row r="189808" spans="8:8">
      <c r="H189808" s="12"/>
    </row>
    <row r="189809" spans="8:8">
      <c r="H189809" s="12"/>
    </row>
    <row r="189810" spans="8:8">
      <c r="H189810" s="12"/>
    </row>
    <row r="189811" spans="8:8">
      <c r="H189811" s="12"/>
    </row>
    <row r="189812" spans="8:8">
      <c r="H189812" s="12"/>
    </row>
    <row r="189813" spans="8:8">
      <c r="H189813" s="12"/>
    </row>
    <row r="189814" spans="8:8">
      <c r="H189814" s="12"/>
    </row>
    <row r="189815" spans="8:8">
      <c r="H189815" s="12"/>
    </row>
    <row r="189816" spans="8:8">
      <c r="H189816" s="12"/>
    </row>
    <row r="189817" spans="8:8">
      <c r="H189817" s="12"/>
    </row>
    <row r="189818" spans="8:8">
      <c r="H189818" s="12"/>
    </row>
    <row r="189819" spans="8:8">
      <c r="H189819" s="12"/>
    </row>
    <row r="189820" spans="8:8">
      <c r="H189820" s="12"/>
    </row>
    <row r="189821" spans="8:8">
      <c r="H189821" s="12"/>
    </row>
    <row r="189822" spans="8:8">
      <c r="H189822" s="12"/>
    </row>
    <row r="189823" spans="8:8">
      <c r="H189823" s="12"/>
    </row>
    <row r="189824" spans="8:8">
      <c r="H189824" s="12"/>
    </row>
    <row r="189825" spans="8:8">
      <c r="H189825" s="12"/>
    </row>
    <row r="189826" spans="8:8">
      <c r="H189826" s="12"/>
    </row>
    <row r="189827" spans="8:8">
      <c r="H189827" s="12"/>
    </row>
    <row r="189828" spans="8:8">
      <c r="H189828" s="12"/>
    </row>
    <row r="189829" spans="8:8">
      <c r="H189829" s="12"/>
    </row>
    <row r="189830" spans="8:8">
      <c r="H189830" s="12"/>
    </row>
    <row r="189831" spans="8:8">
      <c r="H189831" s="12"/>
    </row>
    <row r="189832" spans="8:8">
      <c r="H189832" s="12"/>
    </row>
    <row r="189833" spans="8:8">
      <c r="H189833" s="12"/>
    </row>
    <row r="189834" spans="8:8">
      <c r="H189834" s="12"/>
    </row>
    <row r="189835" spans="8:8">
      <c r="H189835" s="12"/>
    </row>
    <row r="189836" spans="8:8">
      <c r="H189836" s="12"/>
    </row>
    <row r="189837" spans="8:8">
      <c r="H189837" s="12"/>
    </row>
    <row r="189838" spans="8:8">
      <c r="H189838" s="12"/>
    </row>
    <row r="189839" spans="8:8">
      <c r="H189839" s="12"/>
    </row>
    <row r="189840" spans="8:8">
      <c r="H189840" s="12"/>
    </row>
    <row r="189841" spans="8:8">
      <c r="H189841" s="12"/>
    </row>
    <row r="189842" spans="8:8">
      <c r="H189842" s="12"/>
    </row>
    <row r="189843" spans="8:8">
      <c r="H189843" s="12"/>
    </row>
    <row r="189844" spans="8:8">
      <c r="H189844" s="12"/>
    </row>
    <row r="189845" spans="8:8">
      <c r="H189845" s="12"/>
    </row>
    <row r="189846" spans="8:8">
      <c r="H189846" s="12"/>
    </row>
    <row r="189847" spans="8:8">
      <c r="H189847" s="12"/>
    </row>
    <row r="189848" spans="8:8">
      <c r="H189848" s="12"/>
    </row>
    <row r="189849" spans="8:8">
      <c r="H189849" s="12"/>
    </row>
    <row r="189850" spans="8:8">
      <c r="H189850" s="12"/>
    </row>
    <row r="189851" spans="8:8">
      <c r="H189851" s="12"/>
    </row>
    <row r="189852" spans="8:8">
      <c r="H189852" s="12"/>
    </row>
    <row r="189853" spans="8:8">
      <c r="H189853" s="12"/>
    </row>
    <row r="189854" spans="8:8">
      <c r="H189854" s="12"/>
    </row>
    <row r="189855" spans="8:8">
      <c r="H189855" s="12"/>
    </row>
    <row r="189856" spans="8:8">
      <c r="H189856" s="12"/>
    </row>
    <row r="189857" spans="8:8">
      <c r="H189857" s="12"/>
    </row>
    <row r="189858" spans="8:8">
      <c r="H189858" s="12"/>
    </row>
    <row r="189859" spans="8:8">
      <c r="H189859" s="12"/>
    </row>
    <row r="189860" spans="8:8">
      <c r="H189860" s="12"/>
    </row>
    <row r="189861" spans="8:8">
      <c r="H189861" s="12"/>
    </row>
    <row r="189862" spans="8:8">
      <c r="H189862" s="12"/>
    </row>
    <row r="189863" spans="8:8">
      <c r="H189863" s="12"/>
    </row>
    <row r="189864" spans="8:8">
      <c r="H189864" s="12"/>
    </row>
    <row r="189865" spans="8:8">
      <c r="H189865" s="12"/>
    </row>
    <row r="189866" spans="8:8">
      <c r="H189866" s="12"/>
    </row>
    <row r="189867" spans="8:8">
      <c r="H189867" s="12"/>
    </row>
    <row r="189868" spans="8:8">
      <c r="H189868" s="12"/>
    </row>
    <row r="189869" spans="8:8">
      <c r="H189869" s="12"/>
    </row>
    <row r="189870" spans="8:8">
      <c r="H189870" s="12"/>
    </row>
    <row r="189871" spans="8:8">
      <c r="H189871" s="12"/>
    </row>
    <row r="189872" spans="8:8">
      <c r="H189872" s="12"/>
    </row>
    <row r="189873" spans="8:8">
      <c r="H189873" s="12"/>
    </row>
    <row r="189874" spans="8:8">
      <c r="H189874" s="12"/>
    </row>
    <row r="189875" spans="8:8">
      <c r="H189875" s="12"/>
    </row>
    <row r="189876" spans="8:8">
      <c r="H189876" s="12"/>
    </row>
    <row r="189877" spans="8:8">
      <c r="H189877" s="12"/>
    </row>
    <row r="189878" spans="8:8">
      <c r="H189878" s="12"/>
    </row>
    <row r="189879" spans="8:8">
      <c r="H189879" s="12"/>
    </row>
    <row r="189880" spans="8:8">
      <c r="H189880" s="12"/>
    </row>
    <row r="189881" spans="8:8">
      <c r="H189881" s="12"/>
    </row>
    <row r="189882" spans="8:8">
      <c r="H189882" s="12"/>
    </row>
    <row r="189883" spans="8:8">
      <c r="H189883" s="12"/>
    </row>
    <row r="189884" spans="8:8">
      <c r="H189884" s="12"/>
    </row>
    <row r="189885" spans="8:8">
      <c r="H189885" s="12"/>
    </row>
    <row r="189886" spans="8:8">
      <c r="H189886" s="12"/>
    </row>
    <row r="189887" spans="8:8">
      <c r="H189887" s="12"/>
    </row>
    <row r="189888" spans="8:8">
      <c r="H189888" s="12"/>
    </row>
    <row r="189889" spans="8:8">
      <c r="H189889" s="12"/>
    </row>
    <row r="189890" spans="8:8">
      <c r="H189890" s="12"/>
    </row>
    <row r="189891" spans="8:8">
      <c r="H189891" s="12"/>
    </row>
    <row r="189892" spans="8:8">
      <c r="H189892" s="12"/>
    </row>
    <row r="189893" spans="8:8">
      <c r="H189893" s="12"/>
    </row>
    <row r="189894" spans="8:8">
      <c r="H189894" s="12"/>
    </row>
    <row r="189895" spans="8:8">
      <c r="H189895" s="12"/>
    </row>
    <row r="189896" spans="8:8">
      <c r="H189896" s="12"/>
    </row>
    <row r="189897" spans="8:8">
      <c r="H189897" s="12"/>
    </row>
    <row r="189898" spans="8:8">
      <c r="H189898" s="12"/>
    </row>
    <row r="189899" spans="8:8">
      <c r="H189899" s="12"/>
    </row>
    <row r="189900" spans="8:8">
      <c r="H189900" s="12"/>
    </row>
    <row r="189901" spans="8:8">
      <c r="H189901" s="12"/>
    </row>
    <row r="189902" spans="8:8">
      <c r="H189902" s="12"/>
    </row>
    <row r="189903" spans="8:8">
      <c r="H189903" s="12"/>
    </row>
    <row r="189904" spans="8:8">
      <c r="H189904" s="12"/>
    </row>
    <row r="189905" spans="8:8">
      <c r="H189905" s="12"/>
    </row>
    <row r="189906" spans="8:8">
      <c r="H189906" s="12"/>
    </row>
    <row r="189907" spans="8:8">
      <c r="H189907" s="12"/>
    </row>
    <row r="189908" spans="8:8">
      <c r="H189908" s="12"/>
    </row>
    <row r="189909" spans="8:8">
      <c r="H189909" s="12"/>
    </row>
    <row r="189910" spans="8:8">
      <c r="H189910" s="12"/>
    </row>
    <row r="189911" spans="8:8">
      <c r="H189911" s="12"/>
    </row>
    <row r="189912" spans="8:8">
      <c r="H189912" s="12"/>
    </row>
    <row r="189913" spans="8:8">
      <c r="H189913" s="12"/>
    </row>
    <row r="189914" spans="8:8">
      <c r="H189914" s="12"/>
    </row>
    <row r="189915" spans="8:8">
      <c r="H189915" s="12"/>
    </row>
    <row r="189916" spans="8:8">
      <c r="H189916" s="12"/>
    </row>
    <row r="189917" spans="8:8">
      <c r="H189917" s="12"/>
    </row>
    <row r="189918" spans="8:8">
      <c r="H189918" s="12"/>
    </row>
    <row r="189919" spans="8:8">
      <c r="H189919" s="12"/>
    </row>
    <row r="189920" spans="8:8">
      <c r="H189920" s="12"/>
    </row>
    <row r="189921" spans="8:8">
      <c r="H189921" s="12"/>
    </row>
    <row r="189922" spans="8:8">
      <c r="H189922" s="12"/>
    </row>
    <row r="189923" spans="8:8">
      <c r="H189923" s="12"/>
    </row>
    <row r="189924" spans="8:8">
      <c r="H189924" s="12"/>
    </row>
    <row r="189925" spans="8:8">
      <c r="H189925" s="12"/>
    </row>
    <row r="189926" spans="8:8">
      <c r="H189926" s="12"/>
    </row>
    <row r="189927" spans="8:8">
      <c r="H189927" s="12"/>
    </row>
    <row r="189928" spans="8:8">
      <c r="H189928" s="12"/>
    </row>
    <row r="189929" spans="8:8">
      <c r="H189929" s="12"/>
    </row>
    <row r="189930" spans="8:8">
      <c r="H189930" s="12"/>
    </row>
    <row r="189931" spans="8:8">
      <c r="H189931" s="12"/>
    </row>
    <row r="189932" spans="8:8">
      <c r="H189932" s="12"/>
    </row>
    <row r="189933" spans="8:8">
      <c r="H189933" s="12"/>
    </row>
    <row r="189934" spans="8:8">
      <c r="H189934" s="12"/>
    </row>
    <row r="189935" spans="8:8">
      <c r="H189935" s="12"/>
    </row>
    <row r="189936" spans="8:8">
      <c r="H189936" s="12"/>
    </row>
    <row r="189937" spans="8:8">
      <c r="H189937" s="12"/>
    </row>
    <row r="189938" spans="8:8">
      <c r="H189938" s="12"/>
    </row>
    <row r="189939" spans="8:8">
      <c r="H189939" s="12"/>
    </row>
    <row r="189940" spans="8:8">
      <c r="H189940" s="12"/>
    </row>
    <row r="189941" spans="8:8">
      <c r="H189941" s="12"/>
    </row>
    <row r="189942" spans="8:8">
      <c r="H189942" s="12"/>
    </row>
    <row r="189943" spans="8:8">
      <c r="H189943" s="12"/>
    </row>
    <row r="189944" spans="8:8">
      <c r="H189944" s="12"/>
    </row>
    <row r="189945" spans="8:8">
      <c r="H189945" s="12"/>
    </row>
    <row r="189946" spans="8:8">
      <c r="H189946" s="12"/>
    </row>
    <row r="189947" spans="8:8">
      <c r="H189947" s="12"/>
    </row>
    <row r="189948" spans="8:8">
      <c r="H189948" s="12"/>
    </row>
    <row r="189949" spans="8:8">
      <c r="H189949" s="12"/>
    </row>
    <row r="189950" spans="8:8">
      <c r="H189950" s="12"/>
    </row>
    <row r="189951" spans="8:8">
      <c r="H189951" s="12"/>
    </row>
    <row r="189952" spans="8:8">
      <c r="H189952" s="12"/>
    </row>
    <row r="189953" spans="8:8">
      <c r="H189953" s="12"/>
    </row>
    <row r="189954" spans="8:8">
      <c r="H189954" s="12"/>
    </row>
    <row r="189955" spans="8:8">
      <c r="H189955" s="12"/>
    </row>
    <row r="189956" spans="8:8">
      <c r="H189956" s="12"/>
    </row>
    <row r="189957" spans="8:8">
      <c r="H189957" s="12"/>
    </row>
    <row r="189958" spans="8:8">
      <c r="H189958" s="12"/>
    </row>
    <row r="189959" spans="8:8">
      <c r="H189959" s="12"/>
    </row>
    <row r="189960" spans="8:8">
      <c r="H189960" s="12"/>
    </row>
    <row r="189961" spans="8:8">
      <c r="H189961" s="12"/>
    </row>
    <row r="189962" spans="8:8">
      <c r="H189962" s="12"/>
    </row>
    <row r="189963" spans="8:8">
      <c r="H189963" s="12"/>
    </row>
    <row r="189964" spans="8:8">
      <c r="H189964" s="12"/>
    </row>
    <row r="189965" spans="8:8">
      <c r="H189965" s="12"/>
    </row>
    <row r="189966" spans="8:8">
      <c r="H189966" s="12"/>
    </row>
    <row r="189967" spans="8:8">
      <c r="H189967" s="12"/>
    </row>
    <row r="189968" spans="8:8">
      <c r="H189968" s="12"/>
    </row>
    <row r="189969" spans="8:8">
      <c r="H189969" s="12"/>
    </row>
    <row r="189970" spans="8:8">
      <c r="H189970" s="12"/>
    </row>
    <row r="189971" spans="8:8">
      <c r="H189971" s="12"/>
    </row>
    <row r="189972" spans="8:8">
      <c r="H189972" s="12"/>
    </row>
    <row r="189973" spans="8:8">
      <c r="H189973" s="12"/>
    </row>
    <row r="189974" spans="8:8">
      <c r="H189974" s="12"/>
    </row>
    <row r="189975" spans="8:8">
      <c r="H189975" s="12"/>
    </row>
    <row r="189976" spans="8:8">
      <c r="H189976" s="12"/>
    </row>
    <row r="189977" spans="8:8">
      <c r="H189977" s="12"/>
    </row>
    <row r="189978" spans="8:8">
      <c r="H189978" s="12"/>
    </row>
    <row r="189979" spans="8:8">
      <c r="H189979" s="12"/>
    </row>
    <row r="189980" spans="8:8">
      <c r="H189980" s="12"/>
    </row>
    <row r="189981" spans="8:8">
      <c r="H189981" s="12"/>
    </row>
    <row r="189982" spans="8:8">
      <c r="H189982" s="12"/>
    </row>
    <row r="189983" spans="8:8">
      <c r="H189983" s="12"/>
    </row>
    <row r="189984" spans="8:8">
      <c r="H189984" s="12"/>
    </row>
    <row r="189985" spans="8:8">
      <c r="H189985" s="12"/>
    </row>
    <row r="189986" spans="8:8">
      <c r="H189986" s="12"/>
    </row>
    <row r="189987" spans="8:8">
      <c r="H189987" s="12"/>
    </row>
    <row r="189988" spans="8:8">
      <c r="H189988" s="12"/>
    </row>
    <row r="189989" spans="8:8">
      <c r="H189989" s="12"/>
    </row>
    <row r="189990" spans="8:8">
      <c r="H189990" s="12"/>
    </row>
    <row r="189991" spans="8:8">
      <c r="H189991" s="12"/>
    </row>
    <row r="189992" spans="8:8">
      <c r="H189992" s="12"/>
    </row>
    <row r="189993" spans="8:8">
      <c r="H189993" s="12"/>
    </row>
    <row r="189994" spans="8:8">
      <c r="H189994" s="12"/>
    </row>
    <row r="189995" spans="8:8">
      <c r="H189995" s="12"/>
    </row>
    <row r="189996" spans="8:8">
      <c r="H189996" s="12"/>
    </row>
    <row r="189997" spans="8:8">
      <c r="H189997" s="12"/>
    </row>
    <row r="189998" spans="8:8">
      <c r="H189998" s="12"/>
    </row>
    <row r="189999" spans="8:8">
      <c r="H189999" s="12"/>
    </row>
    <row r="190000" spans="8:8">
      <c r="H190000" s="12"/>
    </row>
    <row r="190001" spans="8:8">
      <c r="H190001" s="12"/>
    </row>
    <row r="190002" spans="8:8">
      <c r="H190002" s="12"/>
    </row>
    <row r="190003" spans="8:8">
      <c r="H190003" s="12"/>
    </row>
    <row r="190004" spans="8:8">
      <c r="H190004" s="12"/>
    </row>
    <row r="190005" spans="8:8">
      <c r="H190005" s="12"/>
    </row>
    <row r="190006" spans="8:8">
      <c r="H190006" s="12"/>
    </row>
    <row r="190007" spans="8:8">
      <c r="H190007" s="12"/>
    </row>
    <row r="190008" spans="8:8">
      <c r="H190008" s="12"/>
    </row>
    <row r="190009" spans="8:8">
      <c r="H190009" s="12"/>
    </row>
    <row r="190010" spans="8:8">
      <c r="H190010" s="12"/>
    </row>
    <row r="190011" spans="8:8">
      <c r="H190011" s="12"/>
    </row>
    <row r="190012" spans="8:8">
      <c r="H190012" s="12"/>
    </row>
    <row r="190013" spans="8:8">
      <c r="H190013" s="12"/>
    </row>
    <row r="190014" spans="8:8">
      <c r="H190014" s="12"/>
    </row>
    <row r="190015" spans="8:8">
      <c r="H190015" s="12"/>
    </row>
    <row r="190016" spans="8:8">
      <c r="H190016" s="12"/>
    </row>
    <row r="190017" spans="8:8">
      <c r="H190017" s="12"/>
    </row>
    <row r="190018" spans="8:8">
      <c r="H190018" s="12"/>
    </row>
    <row r="190019" spans="8:8">
      <c r="H190019" s="12"/>
    </row>
    <row r="190020" spans="8:8">
      <c r="H190020" s="12"/>
    </row>
    <row r="190021" spans="8:8">
      <c r="H190021" s="12"/>
    </row>
    <row r="190022" spans="8:8">
      <c r="H190022" s="12"/>
    </row>
    <row r="190023" spans="8:8">
      <c r="H190023" s="12"/>
    </row>
    <row r="190024" spans="8:8">
      <c r="H190024" s="12"/>
    </row>
    <row r="190025" spans="8:8">
      <c r="H190025" s="12"/>
    </row>
    <row r="190026" spans="8:8">
      <c r="H190026" s="12"/>
    </row>
    <row r="190027" spans="8:8">
      <c r="H190027" s="12"/>
    </row>
    <row r="190028" spans="8:8">
      <c r="H190028" s="12"/>
    </row>
    <row r="190029" spans="8:8">
      <c r="H190029" s="12"/>
    </row>
    <row r="190030" spans="8:8">
      <c r="H190030" s="12"/>
    </row>
    <row r="190031" spans="8:8">
      <c r="H190031" s="12"/>
    </row>
    <row r="190032" spans="8:8">
      <c r="H190032" s="12"/>
    </row>
    <row r="190033" spans="8:8">
      <c r="H190033" s="12"/>
    </row>
    <row r="190034" spans="8:8">
      <c r="H190034" s="12"/>
    </row>
    <row r="190035" spans="8:8">
      <c r="H190035" s="12"/>
    </row>
    <row r="190036" spans="8:8">
      <c r="H190036" s="12"/>
    </row>
    <row r="190037" spans="8:8">
      <c r="H190037" s="12"/>
    </row>
    <row r="190038" spans="8:8">
      <c r="H190038" s="12"/>
    </row>
    <row r="190039" spans="8:8">
      <c r="H190039" s="12"/>
    </row>
    <row r="190040" spans="8:8">
      <c r="H190040" s="12"/>
    </row>
    <row r="190041" spans="8:8">
      <c r="H190041" s="12"/>
    </row>
    <row r="190042" spans="8:8">
      <c r="H190042" s="12"/>
    </row>
    <row r="190043" spans="8:8">
      <c r="H190043" s="12"/>
    </row>
    <row r="190044" spans="8:8">
      <c r="H190044" s="12"/>
    </row>
    <row r="190045" spans="8:8">
      <c r="H190045" s="12"/>
    </row>
    <row r="190046" spans="8:8">
      <c r="H190046" s="12"/>
    </row>
    <row r="190047" spans="8:8">
      <c r="H190047" s="12"/>
    </row>
    <row r="190048" spans="8:8">
      <c r="H190048" s="12"/>
    </row>
    <row r="190049" spans="8:8">
      <c r="H190049" s="12"/>
    </row>
    <row r="190050" spans="8:8">
      <c r="H190050" s="12"/>
    </row>
    <row r="190051" spans="8:8">
      <c r="H190051" s="12"/>
    </row>
    <row r="190052" spans="8:8">
      <c r="H190052" s="12"/>
    </row>
    <row r="190053" spans="8:8">
      <c r="H190053" s="12"/>
    </row>
    <row r="190054" spans="8:8">
      <c r="H190054" s="12"/>
    </row>
    <row r="190055" spans="8:8">
      <c r="H190055" s="12"/>
    </row>
    <row r="190056" spans="8:8">
      <c r="H190056" s="12"/>
    </row>
    <row r="190057" spans="8:8">
      <c r="H190057" s="12"/>
    </row>
    <row r="190058" spans="8:8">
      <c r="H190058" s="12"/>
    </row>
    <row r="190059" spans="8:8">
      <c r="H190059" s="12"/>
    </row>
    <row r="190060" spans="8:8">
      <c r="H190060" s="12"/>
    </row>
    <row r="190061" spans="8:8">
      <c r="H190061" s="12"/>
    </row>
    <row r="190062" spans="8:8">
      <c r="H190062" s="12"/>
    </row>
    <row r="190063" spans="8:8">
      <c r="H190063" s="12"/>
    </row>
    <row r="190064" spans="8:8">
      <c r="H190064" s="12"/>
    </row>
    <row r="190065" spans="8:8">
      <c r="H190065" s="12"/>
    </row>
    <row r="190066" spans="8:8">
      <c r="H190066" s="12"/>
    </row>
    <row r="190067" spans="8:8">
      <c r="H190067" s="12"/>
    </row>
    <row r="190068" spans="8:8">
      <c r="H190068" s="12"/>
    </row>
    <row r="190069" spans="8:8">
      <c r="H190069" s="12"/>
    </row>
    <row r="190070" spans="8:8">
      <c r="H190070" s="12"/>
    </row>
    <row r="190071" spans="8:8">
      <c r="H190071" s="12"/>
    </row>
    <row r="190072" spans="8:8">
      <c r="H190072" s="12"/>
    </row>
    <row r="190073" spans="8:8">
      <c r="H190073" s="12"/>
    </row>
    <row r="190074" spans="8:8">
      <c r="H190074" s="12"/>
    </row>
    <row r="190075" spans="8:8">
      <c r="H190075" s="12"/>
    </row>
    <row r="190076" spans="8:8">
      <c r="H190076" s="12"/>
    </row>
    <row r="190077" spans="8:8">
      <c r="H190077" s="12"/>
    </row>
    <row r="190078" spans="8:8">
      <c r="H190078" s="12"/>
    </row>
    <row r="190079" spans="8:8">
      <c r="H190079" s="12"/>
    </row>
    <row r="190080" spans="8:8">
      <c r="H190080" s="12"/>
    </row>
    <row r="190081" spans="8:8">
      <c r="H190081" s="12"/>
    </row>
    <row r="190082" spans="8:8">
      <c r="H190082" s="12"/>
    </row>
    <row r="190083" spans="8:8">
      <c r="H190083" s="12"/>
    </row>
    <row r="190084" spans="8:8">
      <c r="H190084" s="12"/>
    </row>
    <row r="190085" spans="8:8">
      <c r="H190085" s="12"/>
    </row>
    <row r="190086" spans="8:8">
      <c r="H190086" s="12"/>
    </row>
    <row r="190087" spans="8:8">
      <c r="H190087" s="12"/>
    </row>
    <row r="190088" spans="8:8">
      <c r="H190088" s="12"/>
    </row>
    <row r="190089" spans="8:8">
      <c r="H190089" s="12"/>
    </row>
    <row r="190090" spans="8:8">
      <c r="H190090" s="12"/>
    </row>
    <row r="190091" spans="8:8">
      <c r="H190091" s="12"/>
    </row>
    <row r="190092" spans="8:8">
      <c r="H190092" s="12"/>
    </row>
    <row r="190093" spans="8:8">
      <c r="H190093" s="12"/>
    </row>
    <row r="190094" spans="8:8">
      <c r="H190094" s="12"/>
    </row>
    <row r="190095" spans="8:8">
      <c r="H190095" s="12"/>
    </row>
    <row r="190096" spans="8:8">
      <c r="H190096" s="12"/>
    </row>
    <row r="190097" spans="8:8">
      <c r="H190097" s="12"/>
    </row>
    <row r="190098" spans="8:8">
      <c r="H190098" s="12"/>
    </row>
    <row r="190099" spans="8:8">
      <c r="H190099" s="12"/>
    </row>
    <row r="190100" spans="8:8">
      <c r="H190100" s="12"/>
    </row>
    <row r="190101" spans="8:8">
      <c r="H190101" s="12"/>
    </row>
    <row r="190102" spans="8:8">
      <c r="H190102" s="12"/>
    </row>
    <row r="190103" spans="8:8">
      <c r="H190103" s="12"/>
    </row>
    <row r="190104" spans="8:8">
      <c r="H190104" s="12"/>
    </row>
    <row r="190105" spans="8:8">
      <c r="H190105" s="12"/>
    </row>
    <row r="190106" spans="8:8">
      <c r="H190106" s="12"/>
    </row>
    <row r="190107" spans="8:8">
      <c r="H190107" s="12"/>
    </row>
    <row r="190108" spans="8:8">
      <c r="H190108" s="12"/>
    </row>
    <row r="190109" spans="8:8">
      <c r="H190109" s="12"/>
    </row>
    <row r="190110" spans="8:8">
      <c r="H190110" s="12"/>
    </row>
    <row r="190111" spans="8:8">
      <c r="H190111" s="12"/>
    </row>
    <row r="190112" spans="8:8">
      <c r="H190112" s="12"/>
    </row>
    <row r="190113" spans="8:8">
      <c r="H190113" s="12"/>
    </row>
    <row r="190114" spans="8:8">
      <c r="H190114" s="12"/>
    </row>
    <row r="190115" spans="8:8">
      <c r="H190115" s="12"/>
    </row>
    <row r="190116" spans="8:8">
      <c r="H190116" s="12"/>
    </row>
    <row r="190117" spans="8:8">
      <c r="H190117" s="12"/>
    </row>
    <row r="190118" spans="8:8">
      <c r="H190118" s="12"/>
    </row>
    <row r="190119" spans="8:8">
      <c r="H190119" s="12"/>
    </row>
    <row r="190120" spans="8:8">
      <c r="H190120" s="12"/>
    </row>
    <row r="190121" spans="8:8">
      <c r="H190121" s="12"/>
    </row>
    <row r="190122" spans="8:8">
      <c r="H190122" s="12"/>
    </row>
    <row r="190123" spans="8:8">
      <c r="H190123" s="12"/>
    </row>
    <row r="190124" spans="8:8">
      <c r="H190124" s="12"/>
    </row>
    <row r="190125" spans="8:8">
      <c r="H190125" s="12"/>
    </row>
    <row r="190126" spans="8:8">
      <c r="H190126" s="12"/>
    </row>
    <row r="190127" spans="8:8">
      <c r="H190127" s="12"/>
    </row>
    <row r="190128" spans="8:8">
      <c r="H190128" s="12"/>
    </row>
    <row r="190129" spans="8:8">
      <c r="H190129" s="12"/>
    </row>
    <row r="190130" spans="8:8">
      <c r="H190130" s="12"/>
    </row>
    <row r="190131" spans="8:8">
      <c r="H190131" s="12"/>
    </row>
    <row r="190132" spans="8:8">
      <c r="H190132" s="12"/>
    </row>
    <row r="190133" spans="8:8">
      <c r="H190133" s="12"/>
    </row>
    <row r="190134" spans="8:8">
      <c r="H190134" s="12"/>
    </row>
    <row r="190135" spans="8:8">
      <c r="H190135" s="12"/>
    </row>
    <row r="190136" spans="8:8">
      <c r="H190136" s="12"/>
    </row>
    <row r="190137" spans="8:8">
      <c r="H190137" s="12"/>
    </row>
    <row r="190138" spans="8:8">
      <c r="H190138" s="12"/>
    </row>
    <row r="190139" spans="8:8">
      <c r="H190139" s="12"/>
    </row>
    <row r="190140" spans="8:8">
      <c r="H190140" s="12"/>
    </row>
    <row r="190141" spans="8:8">
      <c r="H190141" s="12"/>
    </row>
    <row r="190142" spans="8:8">
      <c r="H190142" s="12"/>
    </row>
    <row r="190143" spans="8:8">
      <c r="H190143" s="12"/>
    </row>
    <row r="190144" spans="8:8">
      <c r="H190144" s="12"/>
    </row>
    <row r="190145" spans="8:8">
      <c r="H190145" s="12"/>
    </row>
    <row r="190146" spans="8:8">
      <c r="H190146" s="12"/>
    </row>
    <row r="190147" spans="8:8">
      <c r="H190147" s="12"/>
    </row>
    <row r="190148" spans="8:8">
      <c r="H190148" s="12"/>
    </row>
    <row r="190149" spans="8:8">
      <c r="H190149" s="12"/>
    </row>
    <row r="190150" spans="8:8">
      <c r="H190150" s="12"/>
    </row>
    <row r="190151" spans="8:8">
      <c r="H190151" s="12"/>
    </row>
    <row r="190152" spans="8:8">
      <c r="H190152" s="12"/>
    </row>
    <row r="190153" spans="8:8">
      <c r="H190153" s="12"/>
    </row>
    <row r="190154" spans="8:8">
      <c r="H190154" s="12"/>
    </row>
    <row r="190155" spans="8:8">
      <c r="H190155" s="12"/>
    </row>
    <row r="190156" spans="8:8">
      <c r="H190156" s="12"/>
    </row>
    <row r="190157" spans="8:8">
      <c r="H190157" s="12"/>
    </row>
    <row r="190158" spans="8:8">
      <c r="H190158" s="12"/>
    </row>
    <row r="190159" spans="8:8">
      <c r="H190159" s="12"/>
    </row>
    <row r="190160" spans="8:8">
      <c r="H190160" s="12"/>
    </row>
    <row r="190161" spans="8:8">
      <c r="H190161" s="12"/>
    </row>
    <row r="190162" spans="8:8">
      <c r="H190162" s="12"/>
    </row>
    <row r="190163" spans="8:8">
      <c r="H190163" s="12"/>
    </row>
    <row r="190164" spans="8:8">
      <c r="H190164" s="12"/>
    </row>
    <row r="190165" spans="8:8">
      <c r="H190165" s="12"/>
    </row>
    <row r="190166" spans="8:8">
      <c r="H190166" s="12"/>
    </row>
    <row r="190167" spans="8:8">
      <c r="H190167" s="12"/>
    </row>
    <row r="190168" spans="8:8">
      <c r="H190168" s="12"/>
    </row>
    <row r="190169" spans="8:8">
      <c r="H190169" s="12"/>
    </row>
    <row r="190170" spans="8:8">
      <c r="H190170" s="12"/>
    </row>
    <row r="190171" spans="8:8">
      <c r="H190171" s="12"/>
    </row>
    <row r="190172" spans="8:8">
      <c r="H190172" s="12"/>
    </row>
    <row r="190173" spans="8:8">
      <c r="H190173" s="12"/>
    </row>
    <row r="190174" spans="8:8">
      <c r="H190174" s="12"/>
    </row>
    <row r="190175" spans="8:8">
      <c r="H190175" s="12"/>
    </row>
    <row r="190176" spans="8:8">
      <c r="H190176" s="12"/>
    </row>
    <row r="190177" spans="8:8">
      <c r="H190177" s="12"/>
    </row>
    <row r="190178" spans="8:8">
      <c r="H190178" s="12"/>
    </row>
    <row r="190179" spans="8:8">
      <c r="H190179" s="12"/>
    </row>
    <row r="190180" spans="8:8">
      <c r="H190180" s="12"/>
    </row>
    <row r="190181" spans="8:8">
      <c r="H190181" s="12"/>
    </row>
    <row r="190182" spans="8:8">
      <c r="H190182" s="12"/>
    </row>
    <row r="190183" spans="8:8">
      <c r="H190183" s="12"/>
    </row>
    <row r="190184" spans="8:8">
      <c r="H190184" s="12"/>
    </row>
    <row r="190185" spans="8:8">
      <c r="H190185" s="12"/>
    </row>
    <row r="190186" spans="8:8">
      <c r="H190186" s="12"/>
    </row>
    <row r="190187" spans="8:8">
      <c r="H190187" s="12"/>
    </row>
    <row r="190188" spans="8:8">
      <c r="H190188" s="12"/>
    </row>
    <row r="190189" spans="8:8">
      <c r="H190189" s="12"/>
    </row>
    <row r="190190" spans="8:8">
      <c r="H190190" s="12"/>
    </row>
    <row r="190191" spans="8:8">
      <c r="H190191" s="12"/>
    </row>
    <row r="190192" spans="8:8">
      <c r="H190192" s="12"/>
    </row>
    <row r="190193" spans="8:8">
      <c r="H190193" s="12"/>
    </row>
    <row r="190194" spans="8:8">
      <c r="H190194" s="12"/>
    </row>
    <row r="190195" spans="8:8">
      <c r="H190195" s="12"/>
    </row>
    <row r="190196" spans="8:8">
      <c r="H190196" s="12"/>
    </row>
    <row r="190197" spans="8:8">
      <c r="H190197" s="12"/>
    </row>
    <row r="190198" spans="8:8">
      <c r="H190198" s="12"/>
    </row>
    <row r="190199" spans="8:8">
      <c r="H190199" s="12"/>
    </row>
    <row r="190200" spans="8:8">
      <c r="H190200" s="12"/>
    </row>
    <row r="190201" spans="8:8">
      <c r="H190201" s="12"/>
    </row>
    <row r="190202" spans="8:8">
      <c r="H190202" s="12"/>
    </row>
    <row r="190203" spans="8:8">
      <c r="H190203" s="12"/>
    </row>
    <row r="190204" spans="8:8">
      <c r="H190204" s="12"/>
    </row>
    <row r="190205" spans="8:8">
      <c r="H190205" s="12"/>
    </row>
    <row r="190206" spans="8:8">
      <c r="H190206" s="12"/>
    </row>
    <row r="190207" spans="8:8">
      <c r="H190207" s="12"/>
    </row>
    <row r="190208" spans="8:8">
      <c r="H190208" s="12"/>
    </row>
    <row r="190209" spans="8:8">
      <c r="H190209" s="12"/>
    </row>
    <row r="190210" spans="8:8">
      <c r="H190210" s="12"/>
    </row>
    <row r="190211" spans="8:8">
      <c r="H190211" s="12"/>
    </row>
    <row r="190212" spans="8:8">
      <c r="H190212" s="12"/>
    </row>
    <row r="190213" spans="8:8">
      <c r="H190213" s="12"/>
    </row>
    <row r="190214" spans="8:8">
      <c r="H190214" s="12"/>
    </row>
    <row r="190215" spans="8:8">
      <c r="H190215" s="12"/>
    </row>
    <row r="190216" spans="8:8">
      <c r="H190216" s="12"/>
    </row>
    <row r="190217" spans="8:8">
      <c r="H190217" s="12"/>
    </row>
    <row r="190218" spans="8:8">
      <c r="H190218" s="12"/>
    </row>
    <row r="190219" spans="8:8">
      <c r="H190219" s="12"/>
    </row>
    <row r="190220" spans="8:8">
      <c r="H190220" s="12"/>
    </row>
    <row r="190221" spans="8:8">
      <c r="H190221" s="12"/>
    </row>
    <row r="190222" spans="8:8">
      <c r="H190222" s="12"/>
    </row>
    <row r="190223" spans="8:8">
      <c r="H190223" s="12"/>
    </row>
    <row r="190224" spans="8:8">
      <c r="H190224" s="12"/>
    </row>
    <row r="190225" spans="8:8">
      <c r="H190225" s="12"/>
    </row>
    <row r="190226" spans="8:8">
      <c r="H190226" s="12"/>
    </row>
    <row r="190227" spans="8:8">
      <c r="H190227" s="12"/>
    </row>
    <row r="190228" spans="8:8">
      <c r="H190228" s="12"/>
    </row>
    <row r="190229" spans="8:8">
      <c r="H190229" s="12"/>
    </row>
    <row r="190230" spans="8:8">
      <c r="H190230" s="12"/>
    </row>
    <row r="190231" spans="8:8">
      <c r="H190231" s="12"/>
    </row>
    <row r="190232" spans="8:8">
      <c r="H190232" s="12"/>
    </row>
    <row r="190233" spans="8:8">
      <c r="H190233" s="12"/>
    </row>
    <row r="190234" spans="8:8">
      <c r="H190234" s="12"/>
    </row>
    <row r="190235" spans="8:8">
      <c r="H190235" s="12"/>
    </row>
    <row r="190236" spans="8:8">
      <c r="H190236" s="12"/>
    </row>
    <row r="190237" spans="8:8">
      <c r="H190237" s="12"/>
    </row>
    <row r="190238" spans="8:8">
      <c r="H190238" s="12"/>
    </row>
    <row r="190239" spans="8:8">
      <c r="H190239" s="12"/>
    </row>
    <row r="190240" spans="8:8">
      <c r="H190240" s="12"/>
    </row>
    <row r="190241" spans="8:8">
      <c r="H190241" s="12"/>
    </row>
    <row r="190242" spans="8:8">
      <c r="H190242" s="12"/>
    </row>
    <row r="190243" spans="8:8">
      <c r="H190243" s="12"/>
    </row>
    <row r="190244" spans="8:8">
      <c r="H190244" s="12"/>
    </row>
    <row r="190245" spans="8:8">
      <c r="H190245" s="12"/>
    </row>
    <row r="190246" spans="8:8">
      <c r="H190246" s="12"/>
    </row>
    <row r="190247" spans="8:8">
      <c r="H190247" s="12"/>
    </row>
    <row r="190248" spans="8:8">
      <c r="H190248" s="12"/>
    </row>
    <row r="190249" spans="8:8">
      <c r="H190249" s="12"/>
    </row>
    <row r="190250" spans="8:8">
      <c r="H190250" s="12"/>
    </row>
    <row r="190251" spans="8:8">
      <c r="H190251" s="12"/>
    </row>
    <row r="190252" spans="8:8">
      <c r="H190252" s="12"/>
    </row>
    <row r="190253" spans="8:8">
      <c r="H190253" s="12"/>
    </row>
    <row r="190254" spans="8:8">
      <c r="H190254" s="12"/>
    </row>
    <row r="190255" spans="8:8">
      <c r="H190255" s="12"/>
    </row>
    <row r="190256" spans="8:8">
      <c r="H190256" s="12"/>
    </row>
    <row r="190257" spans="8:8">
      <c r="H190257" s="12"/>
    </row>
    <row r="190258" spans="8:8">
      <c r="H190258" s="12"/>
    </row>
    <row r="190259" spans="8:8">
      <c r="H190259" s="12"/>
    </row>
    <row r="190260" spans="8:8">
      <c r="H190260" s="12"/>
    </row>
    <row r="190261" spans="8:8">
      <c r="H190261" s="12"/>
    </row>
    <row r="190262" spans="8:8">
      <c r="H190262" s="12"/>
    </row>
    <row r="190263" spans="8:8">
      <c r="H190263" s="12"/>
    </row>
    <row r="190264" spans="8:8">
      <c r="H190264" s="12"/>
    </row>
    <row r="190265" spans="8:8">
      <c r="H190265" s="12"/>
    </row>
    <row r="190266" spans="8:8">
      <c r="H190266" s="12"/>
    </row>
    <row r="190267" spans="8:8">
      <c r="H190267" s="12"/>
    </row>
    <row r="190268" spans="8:8">
      <c r="H190268" s="12"/>
    </row>
    <row r="190269" spans="8:8">
      <c r="H190269" s="12"/>
    </row>
    <row r="190270" spans="8:8">
      <c r="H190270" s="12"/>
    </row>
    <row r="190271" spans="8:8">
      <c r="H190271" s="12"/>
    </row>
    <row r="190272" spans="8:8">
      <c r="H190272" s="12"/>
    </row>
    <row r="190273" spans="8:8">
      <c r="H190273" s="12"/>
    </row>
    <row r="190274" spans="8:8">
      <c r="H190274" s="12"/>
    </row>
    <row r="190275" spans="8:8">
      <c r="H190275" s="12"/>
    </row>
    <row r="190276" spans="8:8">
      <c r="H190276" s="12"/>
    </row>
    <row r="190277" spans="8:8">
      <c r="H190277" s="12"/>
    </row>
    <row r="190278" spans="8:8">
      <c r="H190278" s="12"/>
    </row>
    <row r="190279" spans="8:8">
      <c r="H190279" s="12"/>
    </row>
    <row r="190280" spans="8:8">
      <c r="H190280" s="12"/>
    </row>
    <row r="190281" spans="8:8">
      <c r="H190281" s="12"/>
    </row>
    <row r="190282" spans="8:8">
      <c r="H190282" s="12"/>
    </row>
    <row r="190283" spans="8:8">
      <c r="H190283" s="12"/>
    </row>
    <row r="190284" spans="8:8">
      <c r="H190284" s="12"/>
    </row>
    <row r="190285" spans="8:8">
      <c r="H190285" s="12"/>
    </row>
    <row r="190286" spans="8:8">
      <c r="H190286" s="12"/>
    </row>
    <row r="190287" spans="8:8">
      <c r="H190287" s="12"/>
    </row>
    <row r="190288" spans="8:8">
      <c r="H190288" s="12"/>
    </row>
    <row r="190289" spans="8:8">
      <c r="H190289" s="12"/>
    </row>
    <row r="190290" spans="8:8">
      <c r="H190290" s="12"/>
    </row>
    <row r="190291" spans="8:8">
      <c r="H190291" s="12"/>
    </row>
    <row r="190292" spans="8:8">
      <c r="H190292" s="12"/>
    </row>
    <row r="190293" spans="8:8">
      <c r="H190293" s="12"/>
    </row>
    <row r="190294" spans="8:8">
      <c r="H190294" s="12"/>
    </row>
    <row r="190295" spans="8:8">
      <c r="H190295" s="12"/>
    </row>
    <row r="190296" spans="8:8">
      <c r="H190296" s="12"/>
    </row>
    <row r="190297" spans="8:8">
      <c r="H190297" s="12"/>
    </row>
    <row r="190298" spans="8:8">
      <c r="H190298" s="12"/>
    </row>
    <row r="190299" spans="8:8">
      <c r="H190299" s="12"/>
    </row>
    <row r="190300" spans="8:8">
      <c r="H190300" s="12"/>
    </row>
    <row r="190301" spans="8:8">
      <c r="H190301" s="12"/>
    </row>
    <row r="190302" spans="8:8">
      <c r="H190302" s="12"/>
    </row>
    <row r="190303" spans="8:8">
      <c r="H190303" s="12"/>
    </row>
    <row r="190304" spans="8:8">
      <c r="H190304" s="12"/>
    </row>
    <row r="190305" spans="8:8">
      <c r="H190305" s="12"/>
    </row>
    <row r="190306" spans="8:8">
      <c r="H190306" s="12"/>
    </row>
    <row r="190307" spans="8:8">
      <c r="H190307" s="12"/>
    </row>
    <row r="190308" spans="8:8">
      <c r="H190308" s="12"/>
    </row>
    <row r="190309" spans="8:8">
      <c r="H190309" s="12"/>
    </row>
    <row r="190310" spans="8:8">
      <c r="H190310" s="12"/>
    </row>
    <row r="190311" spans="8:8">
      <c r="H190311" s="12"/>
    </row>
    <row r="190312" spans="8:8">
      <c r="H190312" s="12"/>
    </row>
    <row r="190313" spans="8:8">
      <c r="H190313" s="12"/>
    </row>
    <row r="190314" spans="8:8">
      <c r="H190314" s="12"/>
    </row>
    <row r="190315" spans="8:8">
      <c r="H190315" s="12"/>
    </row>
    <row r="190316" spans="8:8">
      <c r="H190316" s="12"/>
    </row>
    <row r="190317" spans="8:8">
      <c r="H190317" s="12"/>
    </row>
    <row r="190318" spans="8:8">
      <c r="H190318" s="12"/>
    </row>
    <row r="190319" spans="8:8">
      <c r="H190319" s="12"/>
    </row>
    <row r="190320" spans="8:8">
      <c r="H190320" s="12"/>
    </row>
    <row r="190321" spans="8:8">
      <c r="H190321" s="12"/>
    </row>
    <row r="190322" spans="8:8">
      <c r="H190322" s="12"/>
    </row>
    <row r="190323" spans="8:8">
      <c r="H190323" s="12"/>
    </row>
    <row r="190324" spans="8:8">
      <c r="H190324" s="12"/>
    </row>
    <row r="190325" spans="8:8">
      <c r="H190325" s="12"/>
    </row>
    <row r="190326" spans="8:8">
      <c r="H190326" s="12"/>
    </row>
    <row r="190327" spans="8:8">
      <c r="H190327" s="12"/>
    </row>
    <row r="190328" spans="8:8">
      <c r="H190328" s="12"/>
    </row>
    <row r="190329" spans="8:8">
      <c r="H190329" s="12"/>
    </row>
    <row r="190330" spans="8:8">
      <c r="H190330" s="12"/>
    </row>
    <row r="190331" spans="8:8">
      <c r="H190331" s="12"/>
    </row>
    <row r="190332" spans="8:8">
      <c r="H190332" s="12"/>
    </row>
    <row r="190333" spans="8:8">
      <c r="H190333" s="12"/>
    </row>
    <row r="190334" spans="8:8">
      <c r="H190334" s="12"/>
    </row>
    <row r="190335" spans="8:8">
      <c r="H190335" s="12"/>
    </row>
    <row r="190336" spans="8:8">
      <c r="H190336" s="12"/>
    </row>
    <row r="190337" spans="8:8">
      <c r="H190337" s="12"/>
    </row>
    <row r="190338" spans="8:8">
      <c r="H190338" s="12"/>
    </row>
    <row r="190339" spans="8:8">
      <c r="H190339" s="12"/>
    </row>
    <row r="190340" spans="8:8">
      <c r="H190340" s="12"/>
    </row>
    <row r="190341" spans="8:8">
      <c r="H190341" s="12"/>
    </row>
    <row r="190342" spans="8:8">
      <c r="H190342" s="12"/>
    </row>
    <row r="190343" spans="8:8">
      <c r="H190343" s="12"/>
    </row>
    <row r="190344" spans="8:8">
      <c r="H190344" s="12"/>
    </row>
    <row r="190345" spans="8:8">
      <c r="H190345" s="12"/>
    </row>
    <row r="190346" spans="8:8">
      <c r="H190346" s="12"/>
    </row>
    <row r="190347" spans="8:8">
      <c r="H190347" s="12"/>
    </row>
    <row r="190348" spans="8:8">
      <c r="H190348" s="12"/>
    </row>
    <row r="190349" spans="8:8">
      <c r="H190349" s="12"/>
    </row>
    <row r="190350" spans="8:8">
      <c r="H190350" s="12"/>
    </row>
    <row r="190351" spans="8:8">
      <c r="H190351" s="12"/>
    </row>
    <row r="190352" spans="8:8">
      <c r="H190352" s="12"/>
    </row>
    <row r="190353" spans="8:8">
      <c r="H190353" s="12"/>
    </row>
    <row r="190354" spans="8:8">
      <c r="H190354" s="12"/>
    </row>
    <row r="190355" spans="8:8">
      <c r="H190355" s="12"/>
    </row>
    <row r="190356" spans="8:8">
      <c r="H190356" s="12"/>
    </row>
    <row r="190357" spans="8:8">
      <c r="H190357" s="12"/>
    </row>
    <row r="190358" spans="8:8">
      <c r="H190358" s="12"/>
    </row>
    <row r="190359" spans="8:8">
      <c r="H190359" s="12"/>
    </row>
    <row r="190360" spans="8:8">
      <c r="H190360" s="12"/>
    </row>
    <row r="190361" spans="8:8">
      <c r="H190361" s="12"/>
    </row>
    <row r="190362" spans="8:8">
      <c r="H190362" s="12"/>
    </row>
    <row r="190363" spans="8:8">
      <c r="H190363" s="12"/>
    </row>
    <row r="190364" spans="8:8">
      <c r="H190364" s="12"/>
    </row>
    <row r="190365" spans="8:8">
      <c r="H190365" s="12"/>
    </row>
    <row r="190366" spans="8:8">
      <c r="H190366" s="12"/>
    </row>
    <row r="190367" spans="8:8">
      <c r="H190367" s="12"/>
    </row>
    <row r="190368" spans="8:8">
      <c r="H190368" s="12"/>
    </row>
    <row r="190369" spans="8:8">
      <c r="H190369" s="12"/>
    </row>
    <row r="190370" spans="8:8">
      <c r="H190370" s="12"/>
    </row>
    <row r="190371" spans="8:8">
      <c r="H190371" s="12"/>
    </row>
    <row r="190372" spans="8:8">
      <c r="H190372" s="12"/>
    </row>
    <row r="190373" spans="8:8">
      <c r="H190373" s="12"/>
    </row>
    <row r="190374" spans="8:8">
      <c r="H190374" s="12"/>
    </row>
    <row r="190375" spans="8:8">
      <c r="H190375" s="12"/>
    </row>
    <row r="190376" spans="8:8">
      <c r="H190376" s="12"/>
    </row>
    <row r="190377" spans="8:8">
      <c r="H190377" s="12"/>
    </row>
    <row r="190378" spans="8:8">
      <c r="H190378" s="12"/>
    </row>
    <row r="190379" spans="8:8">
      <c r="H190379" s="12"/>
    </row>
    <row r="190380" spans="8:8">
      <c r="H190380" s="12"/>
    </row>
    <row r="190381" spans="8:8">
      <c r="H190381" s="12"/>
    </row>
    <row r="190382" spans="8:8">
      <c r="H190382" s="12"/>
    </row>
    <row r="190383" spans="8:8">
      <c r="H190383" s="12"/>
    </row>
    <row r="190384" spans="8:8">
      <c r="H190384" s="12"/>
    </row>
    <row r="190385" spans="8:8">
      <c r="H190385" s="12"/>
    </row>
    <row r="190386" spans="8:8">
      <c r="H190386" s="12"/>
    </row>
    <row r="190387" spans="8:8">
      <c r="H190387" s="12"/>
    </row>
    <row r="190388" spans="8:8">
      <c r="H190388" s="12"/>
    </row>
    <row r="190389" spans="8:8">
      <c r="H190389" s="12"/>
    </row>
    <row r="190390" spans="8:8">
      <c r="H190390" s="12"/>
    </row>
    <row r="190391" spans="8:8">
      <c r="H190391" s="12"/>
    </row>
    <row r="190392" spans="8:8">
      <c r="H190392" s="12"/>
    </row>
    <row r="190393" spans="8:8">
      <c r="H190393" s="12"/>
    </row>
    <row r="190394" spans="8:8">
      <c r="H190394" s="12"/>
    </row>
    <row r="190395" spans="8:8">
      <c r="H190395" s="12"/>
    </row>
    <row r="190396" spans="8:8">
      <c r="H190396" s="12"/>
    </row>
    <row r="190397" spans="8:8">
      <c r="H190397" s="12"/>
    </row>
    <row r="190398" spans="8:8">
      <c r="H190398" s="12"/>
    </row>
    <row r="190399" spans="8:8">
      <c r="H190399" s="12"/>
    </row>
    <row r="190400" spans="8:8">
      <c r="H190400" s="12"/>
    </row>
    <row r="190401" spans="8:8">
      <c r="H190401" s="12"/>
    </row>
    <row r="190402" spans="8:8">
      <c r="H190402" s="12"/>
    </row>
    <row r="190403" spans="8:8">
      <c r="H190403" s="12"/>
    </row>
    <row r="190404" spans="8:8">
      <c r="H190404" s="12"/>
    </row>
    <row r="190405" spans="8:8">
      <c r="H190405" s="12"/>
    </row>
    <row r="190406" spans="8:8">
      <c r="H190406" s="12"/>
    </row>
    <row r="190407" spans="8:8">
      <c r="H190407" s="12"/>
    </row>
    <row r="190408" spans="8:8">
      <c r="H190408" s="12"/>
    </row>
    <row r="190409" spans="8:8">
      <c r="H190409" s="12"/>
    </row>
    <row r="190410" spans="8:8">
      <c r="H190410" s="12"/>
    </row>
    <row r="190411" spans="8:8">
      <c r="H190411" s="12"/>
    </row>
    <row r="190412" spans="8:8">
      <c r="H190412" s="12"/>
    </row>
    <row r="190413" spans="8:8">
      <c r="H190413" s="12"/>
    </row>
    <row r="190414" spans="8:8">
      <c r="H190414" s="12"/>
    </row>
    <row r="190415" spans="8:8">
      <c r="H190415" s="12"/>
    </row>
    <row r="190416" spans="8:8">
      <c r="H190416" s="12"/>
    </row>
    <row r="190417" spans="8:8">
      <c r="H190417" s="12"/>
    </row>
    <row r="190418" spans="8:8">
      <c r="H190418" s="12"/>
    </row>
    <row r="190419" spans="8:8">
      <c r="H190419" s="12"/>
    </row>
    <row r="190420" spans="8:8">
      <c r="H190420" s="12"/>
    </row>
    <row r="190421" spans="8:8">
      <c r="H190421" s="12"/>
    </row>
    <row r="190422" spans="8:8">
      <c r="H190422" s="12"/>
    </row>
    <row r="190423" spans="8:8">
      <c r="H190423" s="12"/>
    </row>
    <row r="190424" spans="8:8">
      <c r="H190424" s="12"/>
    </row>
    <row r="190425" spans="8:8">
      <c r="H190425" s="12"/>
    </row>
    <row r="190426" spans="8:8">
      <c r="H190426" s="12"/>
    </row>
    <row r="190427" spans="8:8">
      <c r="H190427" s="12"/>
    </row>
    <row r="190428" spans="8:8">
      <c r="H190428" s="12"/>
    </row>
    <row r="190429" spans="8:8">
      <c r="H190429" s="12"/>
    </row>
    <row r="190430" spans="8:8">
      <c r="H190430" s="12"/>
    </row>
    <row r="190431" spans="8:8">
      <c r="H190431" s="12"/>
    </row>
    <row r="190432" spans="8:8">
      <c r="H190432" s="12"/>
    </row>
    <row r="190433" spans="8:8">
      <c r="H190433" s="12"/>
    </row>
    <row r="190434" spans="8:8">
      <c r="H190434" s="12"/>
    </row>
    <row r="190435" spans="8:8">
      <c r="H190435" s="12"/>
    </row>
    <row r="190436" spans="8:8">
      <c r="H190436" s="12"/>
    </row>
    <row r="190437" spans="8:8">
      <c r="H190437" s="12"/>
    </row>
    <row r="190438" spans="8:8">
      <c r="H190438" s="12"/>
    </row>
    <row r="190439" spans="8:8">
      <c r="H190439" s="12"/>
    </row>
    <row r="190440" spans="8:8">
      <c r="H190440" s="12"/>
    </row>
    <row r="190441" spans="8:8">
      <c r="H190441" s="12"/>
    </row>
    <row r="190442" spans="8:8">
      <c r="H190442" s="12"/>
    </row>
    <row r="190443" spans="8:8">
      <c r="H190443" s="12"/>
    </row>
    <row r="190444" spans="8:8">
      <c r="H190444" s="12"/>
    </row>
    <row r="190445" spans="8:8">
      <c r="H190445" s="12"/>
    </row>
    <row r="190446" spans="8:8">
      <c r="H190446" s="12"/>
    </row>
    <row r="190447" spans="8:8">
      <c r="H190447" s="12"/>
    </row>
    <row r="190448" spans="8:8">
      <c r="H190448" s="12"/>
    </row>
    <row r="190449" spans="8:8">
      <c r="H190449" s="12"/>
    </row>
    <row r="190450" spans="8:8">
      <c r="H190450" s="12"/>
    </row>
    <row r="190451" spans="8:8">
      <c r="H190451" s="12"/>
    </row>
    <row r="190452" spans="8:8">
      <c r="H190452" s="12"/>
    </row>
    <row r="190453" spans="8:8">
      <c r="H190453" s="12"/>
    </row>
    <row r="190454" spans="8:8">
      <c r="H190454" s="12"/>
    </row>
    <row r="190455" spans="8:8">
      <c r="H190455" s="12"/>
    </row>
    <row r="190456" spans="8:8">
      <c r="H190456" s="12"/>
    </row>
    <row r="190457" spans="8:8">
      <c r="H190457" s="12"/>
    </row>
    <row r="190458" spans="8:8">
      <c r="H190458" s="12"/>
    </row>
    <row r="190459" spans="8:8">
      <c r="H190459" s="12"/>
    </row>
    <row r="190460" spans="8:8">
      <c r="H190460" s="12"/>
    </row>
    <row r="190461" spans="8:8">
      <c r="H190461" s="12"/>
    </row>
    <row r="190462" spans="8:8">
      <c r="H190462" s="12"/>
    </row>
    <row r="190463" spans="8:8">
      <c r="H190463" s="12"/>
    </row>
    <row r="190464" spans="8:8">
      <c r="H190464" s="12"/>
    </row>
    <row r="190465" spans="8:8">
      <c r="H190465" s="12"/>
    </row>
    <row r="190466" spans="8:8">
      <c r="H190466" s="12"/>
    </row>
    <row r="190467" spans="8:8">
      <c r="H190467" s="12"/>
    </row>
    <row r="190468" spans="8:8">
      <c r="H190468" s="12"/>
    </row>
    <row r="190469" spans="8:8">
      <c r="H190469" s="12"/>
    </row>
    <row r="190470" spans="8:8">
      <c r="H190470" s="12"/>
    </row>
    <row r="190471" spans="8:8">
      <c r="H190471" s="12"/>
    </row>
    <row r="190472" spans="8:8">
      <c r="H190472" s="12"/>
    </row>
    <row r="190473" spans="8:8">
      <c r="H190473" s="12"/>
    </row>
    <row r="190474" spans="8:8">
      <c r="H190474" s="12"/>
    </row>
    <row r="190475" spans="8:8">
      <c r="H190475" s="12"/>
    </row>
    <row r="190476" spans="8:8">
      <c r="H190476" s="12"/>
    </row>
    <row r="190477" spans="8:8">
      <c r="H190477" s="12"/>
    </row>
    <row r="190478" spans="8:8">
      <c r="H190478" s="12"/>
    </row>
    <row r="190479" spans="8:8">
      <c r="H190479" s="12"/>
    </row>
    <row r="190480" spans="8:8">
      <c r="H190480" s="12"/>
    </row>
    <row r="190481" spans="8:8">
      <c r="H190481" s="12"/>
    </row>
    <row r="190482" spans="8:8">
      <c r="H190482" s="12"/>
    </row>
    <row r="190483" spans="8:8">
      <c r="H190483" s="12"/>
    </row>
    <row r="190484" spans="8:8">
      <c r="H190484" s="12"/>
    </row>
    <row r="190485" spans="8:8">
      <c r="H190485" s="12"/>
    </row>
    <row r="190486" spans="8:8">
      <c r="H190486" s="12"/>
    </row>
    <row r="190487" spans="8:8">
      <c r="H190487" s="12"/>
    </row>
    <row r="190488" spans="8:8">
      <c r="H190488" s="12"/>
    </row>
    <row r="190489" spans="8:8">
      <c r="H190489" s="12"/>
    </row>
    <row r="190490" spans="8:8">
      <c r="H190490" s="12"/>
    </row>
    <row r="190491" spans="8:8">
      <c r="H190491" s="12"/>
    </row>
    <row r="190492" spans="8:8">
      <c r="H190492" s="12"/>
    </row>
    <row r="190493" spans="8:8">
      <c r="H190493" s="12"/>
    </row>
    <row r="190494" spans="8:8">
      <c r="H190494" s="12"/>
    </row>
    <row r="190495" spans="8:8">
      <c r="H190495" s="12"/>
    </row>
    <row r="190496" spans="8:8">
      <c r="H190496" s="12"/>
    </row>
    <row r="190497" spans="8:8">
      <c r="H190497" s="12"/>
    </row>
    <row r="190498" spans="8:8">
      <c r="H190498" s="12"/>
    </row>
    <row r="190499" spans="8:8">
      <c r="H190499" s="12"/>
    </row>
    <row r="190500" spans="8:8">
      <c r="H190500" s="12"/>
    </row>
    <row r="190501" spans="8:8">
      <c r="H190501" s="12"/>
    </row>
    <row r="190502" spans="8:8">
      <c r="H190502" s="12"/>
    </row>
    <row r="190503" spans="8:8">
      <c r="H190503" s="12"/>
    </row>
    <row r="190504" spans="8:8">
      <c r="H190504" s="12"/>
    </row>
    <row r="190505" spans="8:8">
      <c r="H190505" s="12"/>
    </row>
    <row r="190506" spans="8:8">
      <c r="H190506" s="12"/>
    </row>
    <row r="190507" spans="8:8">
      <c r="H190507" s="12"/>
    </row>
    <row r="190508" spans="8:8">
      <c r="H190508" s="12"/>
    </row>
    <row r="190509" spans="8:8">
      <c r="H190509" s="12"/>
    </row>
    <row r="190510" spans="8:8">
      <c r="H190510" s="12"/>
    </row>
    <row r="190511" spans="8:8">
      <c r="H190511" s="12"/>
    </row>
    <row r="190512" spans="8:8">
      <c r="H190512" s="12"/>
    </row>
    <row r="190513" spans="8:8">
      <c r="H190513" s="12"/>
    </row>
    <row r="190514" spans="8:8">
      <c r="H190514" s="12"/>
    </row>
    <row r="190515" spans="8:8">
      <c r="H190515" s="12"/>
    </row>
    <row r="190516" spans="8:8">
      <c r="H190516" s="12"/>
    </row>
    <row r="190517" spans="8:8">
      <c r="H190517" s="12"/>
    </row>
    <row r="190518" spans="8:8">
      <c r="H190518" s="12"/>
    </row>
    <row r="190519" spans="8:8">
      <c r="H190519" s="12"/>
    </row>
    <row r="190520" spans="8:8">
      <c r="H190520" s="12"/>
    </row>
    <row r="190521" spans="8:8">
      <c r="H190521" s="12"/>
    </row>
    <row r="190522" spans="8:8">
      <c r="H190522" s="12"/>
    </row>
    <row r="190523" spans="8:8">
      <c r="H190523" s="12"/>
    </row>
    <row r="190524" spans="8:8">
      <c r="H190524" s="12"/>
    </row>
    <row r="190525" spans="8:8">
      <c r="H190525" s="12"/>
    </row>
    <row r="190526" spans="8:8">
      <c r="H190526" s="12"/>
    </row>
    <row r="190527" spans="8:8">
      <c r="H190527" s="12"/>
    </row>
    <row r="190528" spans="8:8">
      <c r="H190528" s="12"/>
    </row>
    <row r="190529" spans="8:8">
      <c r="H190529" s="12"/>
    </row>
    <row r="190530" spans="8:8">
      <c r="H190530" s="12"/>
    </row>
    <row r="190531" spans="8:8">
      <c r="H190531" s="12"/>
    </row>
    <row r="190532" spans="8:8">
      <c r="H190532" s="12"/>
    </row>
    <row r="190533" spans="8:8">
      <c r="H190533" s="12"/>
    </row>
    <row r="190534" spans="8:8">
      <c r="H190534" s="12"/>
    </row>
    <row r="190535" spans="8:8">
      <c r="H190535" s="12"/>
    </row>
    <row r="190536" spans="8:8">
      <c r="H190536" s="12"/>
    </row>
    <row r="190537" spans="8:8">
      <c r="H190537" s="12"/>
    </row>
    <row r="190538" spans="8:8">
      <c r="H190538" s="12"/>
    </row>
    <row r="190539" spans="8:8">
      <c r="H190539" s="12"/>
    </row>
    <row r="190540" spans="8:8">
      <c r="H190540" s="12"/>
    </row>
    <row r="190541" spans="8:8">
      <c r="H190541" s="12"/>
    </row>
    <row r="190542" spans="8:8">
      <c r="H190542" s="12"/>
    </row>
    <row r="190543" spans="8:8">
      <c r="H190543" s="12"/>
    </row>
    <row r="190544" spans="8:8">
      <c r="H190544" s="12"/>
    </row>
    <row r="190545" spans="8:8">
      <c r="H190545" s="12"/>
    </row>
    <row r="190546" spans="8:8">
      <c r="H190546" s="12"/>
    </row>
    <row r="190547" spans="8:8">
      <c r="H190547" s="12"/>
    </row>
    <row r="190548" spans="8:8">
      <c r="H190548" s="12"/>
    </row>
    <row r="190549" spans="8:8">
      <c r="H190549" s="12"/>
    </row>
    <row r="190550" spans="8:8">
      <c r="H190550" s="12"/>
    </row>
    <row r="190551" spans="8:8">
      <c r="H190551" s="12"/>
    </row>
    <row r="190552" spans="8:8">
      <c r="H190552" s="12"/>
    </row>
    <row r="190553" spans="8:8">
      <c r="H190553" s="12"/>
    </row>
    <row r="190554" spans="8:8">
      <c r="H190554" s="12"/>
    </row>
    <row r="190555" spans="8:8">
      <c r="H190555" s="12"/>
    </row>
    <row r="190556" spans="8:8">
      <c r="H190556" s="12"/>
    </row>
    <row r="190557" spans="8:8">
      <c r="H190557" s="12"/>
    </row>
    <row r="190558" spans="8:8">
      <c r="H190558" s="12"/>
    </row>
    <row r="190559" spans="8:8">
      <c r="H190559" s="12"/>
    </row>
    <row r="190560" spans="8:8">
      <c r="H190560" s="12"/>
    </row>
    <row r="190561" spans="8:8">
      <c r="H190561" s="12"/>
    </row>
    <row r="190562" spans="8:8">
      <c r="H190562" s="12"/>
    </row>
    <row r="190563" spans="8:8">
      <c r="H190563" s="12"/>
    </row>
    <row r="190564" spans="8:8">
      <c r="H190564" s="12"/>
    </row>
    <row r="190565" spans="8:8">
      <c r="H190565" s="12"/>
    </row>
    <row r="190566" spans="8:8">
      <c r="H190566" s="12"/>
    </row>
    <row r="190567" spans="8:8">
      <c r="H190567" s="12"/>
    </row>
    <row r="190568" spans="8:8">
      <c r="H190568" s="12"/>
    </row>
    <row r="190569" spans="8:8">
      <c r="H190569" s="12"/>
    </row>
    <row r="190570" spans="8:8">
      <c r="H190570" s="12"/>
    </row>
    <row r="190571" spans="8:8">
      <c r="H190571" s="12"/>
    </row>
    <row r="190572" spans="8:8">
      <c r="H190572" s="12"/>
    </row>
    <row r="190573" spans="8:8">
      <c r="H190573" s="12"/>
    </row>
    <row r="190574" spans="8:8">
      <c r="H190574" s="12"/>
    </row>
    <row r="190575" spans="8:8">
      <c r="H190575" s="12"/>
    </row>
    <row r="190576" spans="8:8">
      <c r="H190576" s="12"/>
    </row>
    <row r="190577" spans="8:8">
      <c r="H190577" s="12"/>
    </row>
    <row r="190578" spans="8:8">
      <c r="H190578" s="12"/>
    </row>
    <row r="190579" spans="8:8">
      <c r="H190579" s="12"/>
    </row>
    <row r="190580" spans="8:8">
      <c r="H190580" s="12"/>
    </row>
    <row r="190581" spans="8:8">
      <c r="H190581" s="12"/>
    </row>
    <row r="190582" spans="8:8">
      <c r="H190582" s="12"/>
    </row>
    <row r="190583" spans="8:8">
      <c r="H190583" s="12"/>
    </row>
    <row r="190584" spans="8:8">
      <c r="H190584" s="12"/>
    </row>
    <row r="190585" spans="8:8">
      <c r="H190585" s="12"/>
    </row>
    <row r="190586" spans="8:8">
      <c r="H190586" s="12"/>
    </row>
    <row r="190587" spans="8:8">
      <c r="H190587" s="12"/>
    </row>
    <row r="190588" spans="8:8">
      <c r="H190588" s="12"/>
    </row>
    <row r="190589" spans="8:8">
      <c r="H190589" s="12"/>
    </row>
    <row r="190590" spans="8:8">
      <c r="H190590" s="12"/>
    </row>
    <row r="190591" spans="8:8">
      <c r="H190591" s="12"/>
    </row>
    <row r="190592" spans="8:8">
      <c r="H190592" s="12"/>
    </row>
    <row r="190593" spans="8:8">
      <c r="H190593" s="12"/>
    </row>
    <row r="190594" spans="8:8">
      <c r="H190594" s="12"/>
    </row>
    <row r="190595" spans="8:8">
      <c r="H190595" s="12"/>
    </row>
    <row r="190596" spans="8:8">
      <c r="H190596" s="12"/>
    </row>
    <row r="190597" spans="8:8">
      <c r="H190597" s="12"/>
    </row>
    <row r="190598" spans="8:8">
      <c r="H190598" s="12"/>
    </row>
    <row r="190599" spans="8:8">
      <c r="H190599" s="12"/>
    </row>
    <row r="190600" spans="8:8">
      <c r="H190600" s="12"/>
    </row>
    <row r="190601" spans="8:8">
      <c r="H190601" s="12"/>
    </row>
    <row r="190602" spans="8:8">
      <c r="H190602" s="12"/>
    </row>
    <row r="190603" spans="8:8">
      <c r="H190603" s="12"/>
    </row>
    <row r="190604" spans="8:8">
      <c r="H190604" s="12"/>
    </row>
    <row r="190605" spans="8:8">
      <c r="H190605" s="12"/>
    </row>
    <row r="190606" spans="8:8">
      <c r="H190606" s="12"/>
    </row>
    <row r="190607" spans="8:8">
      <c r="H190607" s="12"/>
    </row>
    <row r="190608" spans="8:8">
      <c r="H190608" s="12"/>
    </row>
    <row r="190609" spans="8:8">
      <c r="H190609" s="12"/>
    </row>
    <row r="190610" spans="8:8">
      <c r="H190610" s="12"/>
    </row>
    <row r="190611" spans="8:8">
      <c r="H190611" s="12"/>
    </row>
    <row r="190612" spans="8:8">
      <c r="H190612" s="12"/>
    </row>
    <row r="190613" spans="8:8">
      <c r="H190613" s="12"/>
    </row>
    <row r="190614" spans="8:8">
      <c r="H190614" s="12"/>
    </row>
    <row r="190615" spans="8:8">
      <c r="H190615" s="12"/>
    </row>
    <row r="190616" spans="8:8">
      <c r="H190616" s="12"/>
    </row>
    <row r="190617" spans="8:8">
      <c r="H190617" s="12"/>
    </row>
    <row r="190618" spans="8:8">
      <c r="H190618" s="12"/>
    </row>
    <row r="190619" spans="8:8">
      <c r="H190619" s="12"/>
    </row>
    <row r="190620" spans="8:8">
      <c r="H190620" s="12"/>
    </row>
    <row r="190621" spans="8:8">
      <c r="H190621" s="12"/>
    </row>
    <row r="190622" spans="8:8">
      <c r="H190622" s="12"/>
    </row>
    <row r="190623" spans="8:8">
      <c r="H190623" s="12"/>
    </row>
    <row r="190624" spans="8:8">
      <c r="H190624" s="12"/>
    </row>
    <row r="190625" spans="8:8">
      <c r="H190625" s="12"/>
    </row>
    <row r="190626" spans="8:8">
      <c r="H190626" s="12"/>
    </row>
    <row r="190627" spans="8:8">
      <c r="H190627" s="12"/>
    </row>
    <row r="190628" spans="8:8">
      <c r="H190628" s="12"/>
    </row>
    <row r="190629" spans="8:8">
      <c r="H190629" s="12"/>
    </row>
    <row r="190630" spans="8:8">
      <c r="H190630" s="12"/>
    </row>
    <row r="190631" spans="8:8">
      <c r="H190631" s="12"/>
    </row>
    <row r="190632" spans="8:8">
      <c r="H190632" s="12"/>
    </row>
    <row r="190633" spans="8:8">
      <c r="H190633" s="12"/>
    </row>
    <row r="190634" spans="8:8">
      <c r="H190634" s="12"/>
    </row>
    <row r="190635" spans="8:8">
      <c r="H190635" s="12"/>
    </row>
    <row r="190636" spans="8:8">
      <c r="H190636" s="12"/>
    </row>
    <row r="190637" spans="8:8">
      <c r="H190637" s="12"/>
    </row>
    <row r="190638" spans="8:8">
      <c r="H190638" s="12"/>
    </row>
    <row r="190639" spans="8:8">
      <c r="H190639" s="12"/>
    </row>
    <row r="190640" spans="8:8">
      <c r="H190640" s="12"/>
    </row>
    <row r="190641" spans="8:8">
      <c r="H190641" s="12"/>
    </row>
    <row r="190642" spans="8:8">
      <c r="H190642" s="12"/>
    </row>
    <row r="190643" spans="8:8">
      <c r="H190643" s="12"/>
    </row>
    <row r="190644" spans="8:8">
      <c r="H190644" s="12"/>
    </row>
    <row r="190645" spans="8:8">
      <c r="H190645" s="12"/>
    </row>
    <row r="190646" spans="8:8">
      <c r="H190646" s="12"/>
    </row>
    <row r="190647" spans="8:8">
      <c r="H190647" s="12"/>
    </row>
    <row r="190648" spans="8:8">
      <c r="H190648" s="12"/>
    </row>
    <row r="190649" spans="8:8">
      <c r="H190649" s="12"/>
    </row>
    <row r="190650" spans="8:8">
      <c r="H190650" s="12"/>
    </row>
    <row r="190651" spans="8:8">
      <c r="H190651" s="12"/>
    </row>
    <row r="190652" spans="8:8">
      <c r="H190652" s="12"/>
    </row>
    <row r="190653" spans="8:8">
      <c r="H190653" s="12"/>
    </row>
    <row r="190654" spans="8:8">
      <c r="H190654" s="12"/>
    </row>
    <row r="190655" spans="8:8">
      <c r="H190655" s="12"/>
    </row>
    <row r="190656" spans="8:8">
      <c r="H190656" s="12"/>
    </row>
    <row r="190657" spans="8:8">
      <c r="H190657" s="12"/>
    </row>
    <row r="190658" spans="8:8">
      <c r="H190658" s="12"/>
    </row>
    <row r="190659" spans="8:8">
      <c r="H190659" s="12"/>
    </row>
    <row r="190660" spans="8:8">
      <c r="H190660" s="12"/>
    </row>
    <row r="190661" spans="8:8">
      <c r="H190661" s="12"/>
    </row>
    <row r="190662" spans="8:8">
      <c r="H190662" s="12"/>
    </row>
    <row r="190663" spans="8:8">
      <c r="H190663" s="12"/>
    </row>
    <row r="190664" spans="8:8">
      <c r="H190664" s="12"/>
    </row>
    <row r="190665" spans="8:8">
      <c r="H190665" s="12"/>
    </row>
    <row r="190666" spans="8:8">
      <c r="H190666" s="12"/>
    </row>
    <row r="190667" spans="8:8">
      <c r="H190667" s="12"/>
    </row>
    <row r="190668" spans="8:8">
      <c r="H190668" s="12"/>
    </row>
    <row r="190669" spans="8:8">
      <c r="H190669" s="12"/>
    </row>
    <row r="190670" spans="8:8">
      <c r="H190670" s="12"/>
    </row>
    <row r="190671" spans="8:8">
      <c r="H190671" s="12"/>
    </row>
    <row r="190672" spans="8:8">
      <c r="H190672" s="12"/>
    </row>
    <row r="190673" spans="8:8">
      <c r="H190673" s="12"/>
    </row>
    <row r="190674" spans="8:8">
      <c r="H190674" s="12"/>
    </row>
    <row r="190675" spans="8:8">
      <c r="H190675" s="12"/>
    </row>
    <row r="190676" spans="8:8">
      <c r="H190676" s="12"/>
    </row>
    <row r="190677" spans="8:8">
      <c r="H190677" s="12"/>
    </row>
    <row r="190678" spans="8:8">
      <c r="H190678" s="12"/>
    </row>
    <row r="190679" spans="8:8">
      <c r="H190679" s="12"/>
    </row>
    <row r="190680" spans="8:8">
      <c r="H190680" s="12"/>
    </row>
    <row r="190681" spans="8:8">
      <c r="H190681" s="12"/>
    </row>
    <row r="190682" spans="8:8">
      <c r="H190682" s="12"/>
    </row>
    <row r="190683" spans="8:8">
      <c r="H190683" s="12"/>
    </row>
    <row r="190684" spans="8:8">
      <c r="H190684" s="12"/>
    </row>
    <row r="190685" spans="8:8">
      <c r="H190685" s="12"/>
    </row>
    <row r="190686" spans="8:8">
      <c r="H190686" s="12"/>
    </row>
    <row r="190687" spans="8:8">
      <c r="H190687" s="12"/>
    </row>
    <row r="190688" spans="8:8">
      <c r="H190688" s="12"/>
    </row>
    <row r="190689" spans="8:8">
      <c r="H190689" s="12"/>
    </row>
    <row r="190690" spans="8:8">
      <c r="H190690" s="12"/>
    </row>
    <row r="190691" spans="8:8">
      <c r="H190691" s="12"/>
    </row>
    <row r="190692" spans="8:8">
      <c r="H190692" s="12"/>
    </row>
    <row r="190693" spans="8:8">
      <c r="H190693" s="12"/>
    </row>
    <row r="190694" spans="8:8">
      <c r="H190694" s="12"/>
    </row>
    <row r="190695" spans="8:8">
      <c r="H190695" s="12"/>
    </row>
    <row r="190696" spans="8:8">
      <c r="H190696" s="12"/>
    </row>
    <row r="190697" spans="8:8">
      <c r="H190697" s="12"/>
    </row>
    <row r="190698" spans="8:8">
      <c r="H190698" s="12"/>
    </row>
    <row r="190699" spans="8:8">
      <c r="H190699" s="12"/>
    </row>
    <row r="190700" spans="8:8">
      <c r="H190700" s="12"/>
    </row>
    <row r="190701" spans="8:8">
      <c r="H190701" s="12"/>
    </row>
    <row r="190702" spans="8:8">
      <c r="H190702" s="12"/>
    </row>
    <row r="190703" spans="8:8">
      <c r="H190703" s="12"/>
    </row>
    <row r="190704" spans="8:8">
      <c r="H190704" s="12"/>
    </row>
    <row r="190705" spans="8:8">
      <c r="H190705" s="12"/>
    </row>
    <row r="190706" spans="8:8">
      <c r="H190706" s="12"/>
    </row>
    <row r="190707" spans="8:8">
      <c r="H190707" s="12"/>
    </row>
    <row r="190708" spans="8:8">
      <c r="H190708" s="12"/>
    </row>
    <row r="190709" spans="8:8">
      <c r="H190709" s="12"/>
    </row>
    <row r="190710" spans="8:8">
      <c r="H190710" s="12"/>
    </row>
    <row r="190711" spans="8:8">
      <c r="H190711" s="12"/>
    </row>
    <row r="190712" spans="8:8">
      <c r="H190712" s="12"/>
    </row>
    <row r="190713" spans="8:8">
      <c r="H190713" s="12"/>
    </row>
    <row r="190714" spans="8:8">
      <c r="H190714" s="12"/>
    </row>
    <row r="190715" spans="8:8">
      <c r="H190715" s="12"/>
    </row>
    <row r="190716" spans="8:8">
      <c r="H190716" s="12"/>
    </row>
    <row r="190717" spans="8:8">
      <c r="H190717" s="12"/>
    </row>
    <row r="190718" spans="8:8">
      <c r="H190718" s="12"/>
    </row>
    <row r="190719" spans="8:8">
      <c r="H190719" s="12"/>
    </row>
    <row r="190720" spans="8:8">
      <c r="H190720" s="12"/>
    </row>
    <row r="190721" spans="8:8">
      <c r="H190721" s="12"/>
    </row>
    <row r="190722" spans="8:8">
      <c r="H190722" s="12"/>
    </row>
    <row r="190723" spans="8:8">
      <c r="H190723" s="12"/>
    </row>
    <row r="190724" spans="8:8">
      <c r="H190724" s="12"/>
    </row>
    <row r="190725" spans="8:8">
      <c r="H190725" s="12"/>
    </row>
    <row r="190726" spans="8:8">
      <c r="H190726" s="12"/>
    </row>
    <row r="190727" spans="8:8">
      <c r="H190727" s="12"/>
    </row>
    <row r="190728" spans="8:8">
      <c r="H190728" s="12"/>
    </row>
    <row r="190729" spans="8:8">
      <c r="H190729" s="12"/>
    </row>
    <row r="190730" spans="8:8">
      <c r="H190730" s="12"/>
    </row>
    <row r="190731" spans="8:8">
      <c r="H190731" s="12"/>
    </row>
    <row r="190732" spans="8:8">
      <c r="H190732" s="12"/>
    </row>
    <row r="190733" spans="8:8">
      <c r="H190733" s="12"/>
    </row>
    <row r="190734" spans="8:8">
      <c r="H190734" s="12"/>
    </row>
    <row r="190735" spans="8:8">
      <c r="H190735" s="12"/>
    </row>
    <row r="190736" spans="8:8">
      <c r="H190736" s="12"/>
    </row>
    <row r="190737" spans="8:8">
      <c r="H190737" s="12"/>
    </row>
    <row r="190738" spans="8:8">
      <c r="H190738" s="12"/>
    </row>
    <row r="190739" spans="8:8">
      <c r="H190739" s="12"/>
    </row>
    <row r="190740" spans="8:8">
      <c r="H190740" s="12"/>
    </row>
    <row r="190741" spans="8:8">
      <c r="H190741" s="12"/>
    </row>
    <row r="190742" spans="8:8">
      <c r="H190742" s="12"/>
    </row>
    <row r="190743" spans="8:8">
      <c r="H190743" s="12"/>
    </row>
    <row r="190744" spans="8:8">
      <c r="H190744" s="12"/>
    </row>
    <row r="190745" spans="8:8">
      <c r="H190745" s="12"/>
    </row>
    <row r="190746" spans="8:8">
      <c r="H190746" s="12"/>
    </row>
    <row r="190747" spans="8:8">
      <c r="H190747" s="12"/>
    </row>
    <row r="190748" spans="8:8">
      <c r="H190748" s="12"/>
    </row>
    <row r="190749" spans="8:8">
      <c r="H190749" s="12"/>
    </row>
    <row r="190750" spans="8:8">
      <c r="H190750" s="12"/>
    </row>
    <row r="190751" spans="8:8">
      <c r="H190751" s="12"/>
    </row>
    <row r="190752" spans="8:8">
      <c r="H190752" s="12"/>
    </row>
    <row r="190753" spans="8:8">
      <c r="H190753" s="12"/>
    </row>
    <row r="190754" spans="8:8">
      <c r="H190754" s="12"/>
    </row>
    <row r="190755" spans="8:8">
      <c r="H190755" s="12"/>
    </row>
    <row r="190756" spans="8:8">
      <c r="H190756" s="12"/>
    </row>
    <row r="190757" spans="8:8">
      <c r="H190757" s="12"/>
    </row>
    <row r="190758" spans="8:8">
      <c r="H190758" s="12"/>
    </row>
    <row r="190759" spans="8:8">
      <c r="H190759" s="12"/>
    </row>
    <row r="190760" spans="8:8">
      <c r="H190760" s="12"/>
    </row>
    <row r="190761" spans="8:8">
      <c r="H190761" s="12"/>
    </row>
    <row r="190762" spans="8:8">
      <c r="H190762" s="12"/>
    </row>
    <row r="190763" spans="8:8">
      <c r="H190763" s="12"/>
    </row>
    <row r="190764" spans="8:8">
      <c r="H190764" s="12"/>
    </row>
    <row r="190765" spans="8:8">
      <c r="H190765" s="12"/>
    </row>
    <row r="190766" spans="8:8">
      <c r="H190766" s="12"/>
    </row>
    <row r="190767" spans="8:8">
      <c r="H190767" s="12"/>
    </row>
    <row r="190768" spans="8:8">
      <c r="H190768" s="12"/>
    </row>
    <row r="190769" spans="8:8">
      <c r="H190769" s="12"/>
    </row>
    <row r="190770" spans="8:8">
      <c r="H190770" s="12"/>
    </row>
    <row r="190771" spans="8:8">
      <c r="H190771" s="12"/>
    </row>
    <row r="190772" spans="8:8">
      <c r="H190772" s="12"/>
    </row>
    <row r="190773" spans="8:8">
      <c r="H190773" s="12"/>
    </row>
    <row r="190774" spans="8:8">
      <c r="H190774" s="12"/>
    </row>
    <row r="190775" spans="8:8">
      <c r="H190775" s="12"/>
    </row>
    <row r="190776" spans="8:8">
      <c r="H190776" s="12"/>
    </row>
    <row r="190777" spans="8:8">
      <c r="H190777" s="12"/>
    </row>
    <row r="190778" spans="8:8">
      <c r="H190778" s="12"/>
    </row>
    <row r="190779" spans="8:8">
      <c r="H190779" s="12"/>
    </row>
    <row r="190780" spans="8:8">
      <c r="H190780" s="12"/>
    </row>
    <row r="190781" spans="8:8">
      <c r="H190781" s="12"/>
    </row>
    <row r="190782" spans="8:8">
      <c r="H190782" s="12"/>
    </row>
    <row r="190783" spans="8:8">
      <c r="H190783" s="12"/>
    </row>
    <row r="190784" spans="8:8">
      <c r="H190784" s="12"/>
    </row>
    <row r="190785" spans="8:8">
      <c r="H190785" s="12"/>
    </row>
    <row r="190786" spans="8:8">
      <c r="H190786" s="12"/>
    </row>
    <row r="190787" spans="8:8">
      <c r="H190787" s="12"/>
    </row>
    <row r="190788" spans="8:8">
      <c r="H190788" s="12"/>
    </row>
    <row r="190789" spans="8:8">
      <c r="H190789" s="12"/>
    </row>
    <row r="190790" spans="8:8">
      <c r="H190790" s="12"/>
    </row>
    <row r="190791" spans="8:8">
      <c r="H190791" s="12"/>
    </row>
    <row r="190792" spans="8:8">
      <c r="H190792" s="12"/>
    </row>
    <row r="190793" spans="8:8">
      <c r="H190793" s="12"/>
    </row>
    <row r="190794" spans="8:8">
      <c r="H190794" s="12"/>
    </row>
    <row r="190795" spans="8:8">
      <c r="H190795" s="12"/>
    </row>
    <row r="190796" spans="8:8">
      <c r="H190796" s="12"/>
    </row>
    <row r="190797" spans="8:8">
      <c r="H190797" s="12"/>
    </row>
    <row r="190798" spans="8:8">
      <c r="H190798" s="12"/>
    </row>
    <row r="190799" spans="8:8">
      <c r="H190799" s="12"/>
    </row>
    <row r="190800" spans="8:8">
      <c r="H190800" s="12"/>
    </row>
    <row r="190801" spans="8:8">
      <c r="H190801" s="12"/>
    </row>
    <row r="190802" spans="8:8">
      <c r="H190802" s="12"/>
    </row>
    <row r="190803" spans="8:8">
      <c r="H190803" s="12"/>
    </row>
    <row r="190804" spans="8:8">
      <c r="H190804" s="12"/>
    </row>
    <row r="190805" spans="8:8">
      <c r="H190805" s="12"/>
    </row>
    <row r="190806" spans="8:8">
      <c r="H190806" s="12"/>
    </row>
    <row r="190807" spans="8:8">
      <c r="H190807" s="12"/>
    </row>
    <row r="190808" spans="8:8">
      <c r="H190808" s="12"/>
    </row>
    <row r="190809" spans="8:8">
      <c r="H190809" s="12"/>
    </row>
    <row r="190810" spans="8:8">
      <c r="H190810" s="12"/>
    </row>
    <row r="190811" spans="8:8">
      <c r="H190811" s="12"/>
    </row>
    <row r="190812" spans="8:8">
      <c r="H190812" s="12"/>
    </row>
    <row r="190813" spans="8:8">
      <c r="H190813" s="12"/>
    </row>
    <row r="190814" spans="8:8">
      <c r="H190814" s="12"/>
    </row>
    <row r="190815" spans="8:8">
      <c r="H190815" s="12"/>
    </row>
    <row r="190816" spans="8:8">
      <c r="H190816" s="12"/>
    </row>
    <row r="190817" spans="8:8">
      <c r="H190817" s="12"/>
    </row>
    <row r="190818" spans="8:8">
      <c r="H190818" s="12"/>
    </row>
    <row r="190819" spans="8:8">
      <c r="H190819" s="12"/>
    </row>
    <row r="190820" spans="8:8">
      <c r="H190820" s="12"/>
    </row>
    <row r="190821" spans="8:8">
      <c r="H190821" s="12"/>
    </row>
    <row r="190822" spans="8:8">
      <c r="H190822" s="12"/>
    </row>
    <row r="190823" spans="8:8">
      <c r="H190823" s="12"/>
    </row>
    <row r="190824" spans="8:8">
      <c r="H190824" s="12"/>
    </row>
    <row r="190825" spans="8:8">
      <c r="H190825" s="12"/>
    </row>
    <row r="190826" spans="8:8">
      <c r="H190826" s="12"/>
    </row>
    <row r="190827" spans="8:8">
      <c r="H190827" s="12"/>
    </row>
    <row r="190828" spans="8:8">
      <c r="H190828" s="12"/>
    </row>
    <row r="190829" spans="8:8">
      <c r="H190829" s="12"/>
    </row>
    <row r="190830" spans="8:8">
      <c r="H190830" s="12"/>
    </row>
    <row r="190831" spans="8:8">
      <c r="H190831" s="12"/>
    </row>
    <row r="190832" spans="8:8">
      <c r="H190832" s="12"/>
    </row>
    <row r="190833" spans="8:8">
      <c r="H190833" s="12"/>
    </row>
    <row r="190834" spans="8:8">
      <c r="H190834" s="12"/>
    </row>
    <row r="190835" spans="8:8">
      <c r="H190835" s="12"/>
    </row>
    <row r="190836" spans="8:8">
      <c r="H190836" s="12"/>
    </row>
    <row r="190837" spans="8:8">
      <c r="H190837" s="12"/>
    </row>
    <row r="190838" spans="8:8">
      <c r="H190838" s="12"/>
    </row>
    <row r="190839" spans="8:8">
      <c r="H190839" s="12"/>
    </row>
    <row r="190840" spans="8:8">
      <c r="H190840" s="12"/>
    </row>
    <row r="190841" spans="8:8">
      <c r="H190841" s="12"/>
    </row>
    <row r="190842" spans="8:8">
      <c r="H190842" s="12"/>
    </row>
    <row r="190843" spans="8:8">
      <c r="H190843" s="12"/>
    </row>
    <row r="190844" spans="8:8">
      <c r="H190844" s="12"/>
    </row>
    <row r="190845" spans="8:8">
      <c r="H190845" s="12"/>
    </row>
    <row r="190846" spans="8:8">
      <c r="H190846" s="12"/>
    </row>
    <row r="190847" spans="8:8">
      <c r="H190847" s="12"/>
    </row>
    <row r="190848" spans="8:8">
      <c r="H190848" s="12"/>
    </row>
    <row r="190849" spans="8:8">
      <c r="H190849" s="12"/>
    </row>
    <row r="190850" spans="8:8">
      <c r="H190850" s="12"/>
    </row>
    <row r="190851" spans="8:8">
      <c r="H190851" s="12"/>
    </row>
    <row r="190852" spans="8:8">
      <c r="H190852" s="12"/>
    </row>
    <row r="190853" spans="8:8">
      <c r="H190853" s="12"/>
    </row>
    <row r="190854" spans="8:8">
      <c r="H190854" s="12"/>
    </row>
    <row r="190855" spans="8:8">
      <c r="H190855" s="12"/>
    </row>
    <row r="190856" spans="8:8">
      <c r="H190856" s="12"/>
    </row>
    <row r="190857" spans="8:8">
      <c r="H190857" s="12"/>
    </row>
    <row r="190858" spans="8:8">
      <c r="H190858" s="12"/>
    </row>
    <row r="190859" spans="8:8">
      <c r="H190859" s="12"/>
    </row>
    <row r="190860" spans="8:8">
      <c r="H190860" s="12"/>
    </row>
    <row r="190861" spans="8:8">
      <c r="H190861" s="12"/>
    </row>
    <row r="190862" spans="8:8">
      <c r="H190862" s="12"/>
    </row>
    <row r="190863" spans="8:8">
      <c r="H190863" s="12"/>
    </row>
    <row r="190864" spans="8:8">
      <c r="H190864" s="12"/>
    </row>
    <row r="190865" spans="8:8">
      <c r="H190865" s="12"/>
    </row>
    <row r="190866" spans="8:8">
      <c r="H190866" s="12"/>
    </row>
    <row r="190867" spans="8:8">
      <c r="H190867" s="12"/>
    </row>
    <row r="190868" spans="8:8">
      <c r="H190868" s="12"/>
    </row>
    <row r="190869" spans="8:8">
      <c r="H190869" s="12"/>
    </row>
    <row r="190870" spans="8:8">
      <c r="H190870" s="12"/>
    </row>
    <row r="190871" spans="8:8">
      <c r="H190871" s="12"/>
    </row>
    <row r="190872" spans="8:8">
      <c r="H190872" s="12"/>
    </row>
    <row r="190873" spans="8:8">
      <c r="H190873" s="12"/>
    </row>
    <row r="190874" spans="8:8">
      <c r="H190874" s="12"/>
    </row>
    <row r="190875" spans="8:8">
      <c r="H190875" s="12"/>
    </row>
    <row r="190876" spans="8:8">
      <c r="H190876" s="12"/>
    </row>
    <row r="190877" spans="8:8">
      <c r="H190877" s="12"/>
    </row>
    <row r="190878" spans="8:8">
      <c r="H190878" s="12"/>
    </row>
    <row r="190879" spans="8:8">
      <c r="H190879" s="12"/>
    </row>
    <row r="190880" spans="8:8">
      <c r="H190880" s="12"/>
    </row>
    <row r="190881" spans="8:8">
      <c r="H190881" s="12"/>
    </row>
    <row r="190882" spans="8:8">
      <c r="H190882" s="12"/>
    </row>
    <row r="190883" spans="8:8">
      <c r="H190883" s="12"/>
    </row>
    <row r="190884" spans="8:8">
      <c r="H190884" s="12"/>
    </row>
    <row r="190885" spans="8:8">
      <c r="H190885" s="12"/>
    </row>
    <row r="190886" spans="8:8">
      <c r="H190886" s="12"/>
    </row>
    <row r="190887" spans="8:8">
      <c r="H190887" s="12"/>
    </row>
    <row r="190888" spans="8:8">
      <c r="H190888" s="12"/>
    </row>
    <row r="190889" spans="8:8">
      <c r="H190889" s="12"/>
    </row>
    <row r="190890" spans="8:8">
      <c r="H190890" s="12"/>
    </row>
    <row r="190891" spans="8:8">
      <c r="H190891" s="12"/>
    </row>
    <row r="190892" spans="8:8">
      <c r="H190892" s="12"/>
    </row>
    <row r="190893" spans="8:8">
      <c r="H190893" s="12"/>
    </row>
    <row r="190894" spans="8:8">
      <c r="H190894" s="12"/>
    </row>
    <row r="190895" spans="8:8">
      <c r="H190895" s="12"/>
    </row>
    <row r="190896" spans="8:8">
      <c r="H190896" s="12"/>
    </row>
    <row r="190897" spans="8:8">
      <c r="H190897" s="12"/>
    </row>
    <row r="190898" spans="8:8">
      <c r="H190898" s="12"/>
    </row>
    <row r="190899" spans="8:8">
      <c r="H190899" s="12"/>
    </row>
    <row r="190900" spans="8:8">
      <c r="H190900" s="12"/>
    </row>
    <row r="190901" spans="8:8">
      <c r="H190901" s="12"/>
    </row>
    <row r="190902" spans="8:8">
      <c r="H190902" s="12"/>
    </row>
    <row r="190903" spans="8:8">
      <c r="H190903" s="12"/>
    </row>
    <row r="190904" spans="8:8">
      <c r="H190904" s="12"/>
    </row>
    <row r="190905" spans="8:8">
      <c r="H190905" s="12"/>
    </row>
    <row r="190906" spans="8:8">
      <c r="H190906" s="12"/>
    </row>
    <row r="190907" spans="8:8">
      <c r="H190907" s="12"/>
    </row>
    <row r="190908" spans="8:8">
      <c r="H190908" s="12"/>
    </row>
    <row r="190909" spans="8:8">
      <c r="H190909" s="12"/>
    </row>
    <row r="190910" spans="8:8">
      <c r="H190910" s="12"/>
    </row>
    <row r="190911" spans="8:8">
      <c r="H190911" s="12"/>
    </row>
    <row r="190912" spans="8:8">
      <c r="H190912" s="12"/>
    </row>
    <row r="190913" spans="8:8">
      <c r="H190913" s="12"/>
    </row>
    <row r="190914" spans="8:8">
      <c r="H190914" s="12"/>
    </row>
    <row r="190915" spans="8:8">
      <c r="H190915" s="12"/>
    </row>
    <row r="190916" spans="8:8">
      <c r="H190916" s="12"/>
    </row>
    <row r="190917" spans="8:8">
      <c r="H190917" s="12"/>
    </row>
    <row r="190918" spans="8:8">
      <c r="H190918" s="12"/>
    </row>
    <row r="190919" spans="8:8">
      <c r="H190919" s="12"/>
    </row>
    <row r="190920" spans="8:8">
      <c r="H190920" s="12"/>
    </row>
    <row r="190921" spans="8:8">
      <c r="H190921" s="12"/>
    </row>
    <row r="190922" spans="8:8">
      <c r="H190922" s="12"/>
    </row>
    <row r="190923" spans="8:8">
      <c r="H190923" s="12"/>
    </row>
    <row r="190924" spans="8:8">
      <c r="H190924" s="12"/>
    </row>
    <row r="190925" spans="8:8">
      <c r="H190925" s="12"/>
    </row>
    <row r="190926" spans="8:8">
      <c r="H190926" s="12"/>
    </row>
    <row r="190927" spans="8:8">
      <c r="H190927" s="12"/>
    </row>
    <row r="190928" spans="8:8">
      <c r="H190928" s="12"/>
    </row>
    <row r="190929" spans="8:8">
      <c r="H190929" s="12"/>
    </row>
    <row r="190930" spans="8:8">
      <c r="H190930" s="12"/>
    </row>
    <row r="190931" spans="8:8">
      <c r="H190931" s="12"/>
    </row>
    <row r="190932" spans="8:8">
      <c r="H190932" s="12"/>
    </row>
    <row r="190933" spans="8:8">
      <c r="H190933" s="12"/>
    </row>
    <row r="190934" spans="8:8">
      <c r="H190934" s="12"/>
    </row>
    <row r="190935" spans="8:8">
      <c r="H190935" s="12"/>
    </row>
    <row r="190936" spans="8:8">
      <c r="H190936" s="12"/>
    </row>
    <row r="190937" spans="8:8">
      <c r="H190937" s="12"/>
    </row>
    <row r="190938" spans="8:8">
      <c r="H190938" s="12"/>
    </row>
    <row r="190939" spans="8:8">
      <c r="H190939" s="12"/>
    </row>
    <row r="190940" spans="8:8">
      <c r="H190940" s="12"/>
    </row>
    <row r="190941" spans="8:8">
      <c r="H190941" s="12"/>
    </row>
    <row r="190942" spans="8:8">
      <c r="H190942" s="12"/>
    </row>
    <row r="190943" spans="8:8">
      <c r="H190943" s="12"/>
    </row>
    <row r="190944" spans="8:8">
      <c r="H190944" s="12"/>
    </row>
    <row r="190945" spans="8:8">
      <c r="H190945" s="12"/>
    </row>
    <row r="190946" spans="8:8">
      <c r="H190946" s="12"/>
    </row>
    <row r="190947" spans="8:8">
      <c r="H190947" s="12"/>
    </row>
    <row r="190948" spans="8:8">
      <c r="H190948" s="12"/>
    </row>
    <row r="190949" spans="8:8">
      <c r="H190949" s="12"/>
    </row>
    <row r="190950" spans="8:8">
      <c r="H190950" s="12"/>
    </row>
    <row r="190951" spans="8:8">
      <c r="H190951" s="12"/>
    </row>
    <row r="190952" spans="8:8">
      <c r="H190952" s="12"/>
    </row>
    <row r="190953" spans="8:8">
      <c r="H190953" s="12"/>
    </row>
    <row r="190954" spans="8:8">
      <c r="H190954" s="12"/>
    </row>
    <row r="190955" spans="8:8">
      <c r="H190955" s="12"/>
    </row>
    <row r="190956" spans="8:8">
      <c r="H190956" s="12"/>
    </row>
    <row r="190957" spans="8:8">
      <c r="H190957" s="12"/>
    </row>
    <row r="190958" spans="8:8">
      <c r="H190958" s="12"/>
    </row>
    <row r="190959" spans="8:8">
      <c r="H190959" s="12"/>
    </row>
    <row r="190960" spans="8:8">
      <c r="H190960" s="12"/>
    </row>
    <row r="190961" spans="8:8">
      <c r="H190961" s="12"/>
    </row>
    <row r="190962" spans="8:8">
      <c r="H190962" s="12"/>
    </row>
    <row r="190963" spans="8:8">
      <c r="H190963" s="12"/>
    </row>
    <row r="190964" spans="8:8">
      <c r="H190964" s="12"/>
    </row>
    <row r="190965" spans="8:8">
      <c r="H190965" s="12"/>
    </row>
    <row r="190966" spans="8:8">
      <c r="H190966" s="12"/>
    </row>
    <row r="190967" spans="8:8">
      <c r="H190967" s="12"/>
    </row>
    <row r="190968" spans="8:8">
      <c r="H190968" s="12"/>
    </row>
    <row r="190969" spans="8:8">
      <c r="H190969" s="12"/>
    </row>
    <row r="190970" spans="8:8">
      <c r="H190970" s="12"/>
    </row>
    <row r="190971" spans="8:8">
      <c r="H190971" s="12"/>
    </row>
    <row r="190972" spans="8:8">
      <c r="H190972" s="12"/>
    </row>
    <row r="190973" spans="8:8">
      <c r="H190973" s="12"/>
    </row>
    <row r="190974" spans="8:8">
      <c r="H190974" s="12"/>
    </row>
    <row r="190975" spans="8:8">
      <c r="H190975" s="12"/>
    </row>
    <row r="190976" spans="8:8">
      <c r="H190976" s="12"/>
    </row>
    <row r="190977" spans="8:8">
      <c r="H190977" s="12"/>
    </row>
    <row r="190978" spans="8:8">
      <c r="H190978" s="12"/>
    </row>
    <row r="190979" spans="8:8">
      <c r="H190979" s="12"/>
    </row>
    <row r="190980" spans="8:8">
      <c r="H190980" s="12"/>
    </row>
    <row r="190981" spans="8:8">
      <c r="H190981" s="12"/>
    </row>
    <row r="190982" spans="8:8">
      <c r="H190982" s="12"/>
    </row>
    <row r="190983" spans="8:8">
      <c r="H190983" s="12"/>
    </row>
    <row r="190984" spans="8:8">
      <c r="H190984" s="12"/>
    </row>
    <row r="190985" spans="8:8">
      <c r="H190985" s="12"/>
    </row>
    <row r="190986" spans="8:8">
      <c r="H190986" s="12"/>
    </row>
    <row r="190987" spans="8:8">
      <c r="H190987" s="12"/>
    </row>
    <row r="190988" spans="8:8">
      <c r="H190988" s="12"/>
    </row>
    <row r="190989" spans="8:8">
      <c r="H190989" s="12"/>
    </row>
    <row r="190990" spans="8:8">
      <c r="H190990" s="12"/>
    </row>
    <row r="190991" spans="8:8">
      <c r="H190991" s="12"/>
    </row>
    <row r="190992" spans="8:8">
      <c r="H190992" s="12"/>
    </row>
    <row r="190993" spans="8:8">
      <c r="H190993" s="12"/>
    </row>
    <row r="190994" spans="8:8">
      <c r="H190994" s="12"/>
    </row>
    <row r="190995" spans="8:8">
      <c r="H190995" s="12"/>
    </row>
    <row r="190996" spans="8:8">
      <c r="H190996" s="12"/>
    </row>
    <row r="190997" spans="8:8">
      <c r="H190997" s="12"/>
    </row>
    <row r="190998" spans="8:8">
      <c r="H190998" s="12"/>
    </row>
    <row r="190999" spans="8:8">
      <c r="H190999" s="12"/>
    </row>
    <row r="191000" spans="8:8">
      <c r="H191000" s="12"/>
    </row>
    <row r="191001" spans="8:8">
      <c r="H191001" s="12"/>
    </row>
    <row r="191002" spans="8:8">
      <c r="H191002" s="12"/>
    </row>
    <row r="191003" spans="8:8">
      <c r="H191003" s="12"/>
    </row>
    <row r="191004" spans="8:8">
      <c r="H191004" s="12"/>
    </row>
    <row r="191005" spans="8:8">
      <c r="H191005" s="12"/>
    </row>
    <row r="191006" spans="8:8">
      <c r="H191006" s="12"/>
    </row>
    <row r="191007" spans="8:8">
      <c r="H191007" s="12"/>
    </row>
    <row r="191008" spans="8:8">
      <c r="H191008" s="12"/>
    </row>
    <row r="191009" spans="8:8">
      <c r="H191009" s="12"/>
    </row>
    <row r="191010" spans="8:8">
      <c r="H191010" s="12"/>
    </row>
    <row r="191011" spans="8:8">
      <c r="H191011" s="12"/>
    </row>
    <row r="191012" spans="8:8">
      <c r="H191012" s="12"/>
    </row>
    <row r="191013" spans="8:8">
      <c r="H191013" s="12"/>
    </row>
    <row r="191014" spans="8:8">
      <c r="H191014" s="12"/>
    </row>
    <row r="191015" spans="8:8">
      <c r="H191015" s="12"/>
    </row>
    <row r="191016" spans="8:8">
      <c r="H191016" s="12"/>
    </row>
    <row r="191017" spans="8:8">
      <c r="H191017" s="12"/>
    </row>
    <row r="191018" spans="8:8">
      <c r="H191018" s="12"/>
    </row>
    <row r="191019" spans="8:8">
      <c r="H191019" s="12"/>
    </row>
    <row r="191020" spans="8:8">
      <c r="H191020" s="12"/>
    </row>
    <row r="191021" spans="8:8">
      <c r="H191021" s="12"/>
    </row>
    <row r="191022" spans="8:8">
      <c r="H191022" s="12"/>
    </row>
    <row r="191023" spans="8:8">
      <c r="H191023" s="12"/>
    </row>
    <row r="191024" spans="8:8">
      <c r="H191024" s="12"/>
    </row>
    <row r="191025" spans="8:8">
      <c r="H191025" s="12"/>
    </row>
    <row r="191026" spans="8:8">
      <c r="H191026" s="12"/>
    </row>
    <row r="191027" spans="8:8">
      <c r="H191027" s="12"/>
    </row>
    <row r="191028" spans="8:8">
      <c r="H191028" s="12"/>
    </row>
    <row r="191029" spans="8:8">
      <c r="H191029" s="12"/>
    </row>
    <row r="191030" spans="8:8">
      <c r="H191030" s="12"/>
    </row>
    <row r="191031" spans="8:8">
      <c r="H191031" s="12"/>
    </row>
    <row r="191032" spans="8:8">
      <c r="H191032" s="12"/>
    </row>
    <row r="191033" spans="8:8">
      <c r="H191033" s="12"/>
    </row>
    <row r="191034" spans="8:8">
      <c r="H191034" s="12"/>
    </row>
    <row r="191035" spans="8:8">
      <c r="H191035" s="12"/>
    </row>
    <row r="191036" spans="8:8">
      <c r="H191036" s="12"/>
    </row>
    <row r="191037" spans="8:8">
      <c r="H191037" s="12"/>
    </row>
    <row r="191038" spans="8:8">
      <c r="H191038" s="12"/>
    </row>
    <row r="191039" spans="8:8">
      <c r="H191039" s="12"/>
    </row>
    <row r="191040" spans="8:8">
      <c r="H191040" s="12"/>
    </row>
    <row r="191041" spans="8:8">
      <c r="H191041" s="12"/>
    </row>
    <row r="191042" spans="8:8">
      <c r="H191042" s="12"/>
    </row>
    <row r="191043" spans="8:8">
      <c r="H191043" s="12"/>
    </row>
    <row r="191044" spans="8:8">
      <c r="H191044" s="12"/>
    </row>
    <row r="191045" spans="8:8">
      <c r="H191045" s="12"/>
    </row>
    <row r="191046" spans="8:8">
      <c r="H191046" s="12"/>
    </row>
    <row r="191047" spans="8:8">
      <c r="H191047" s="12"/>
    </row>
    <row r="191048" spans="8:8">
      <c r="H191048" s="12"/>
    </row>
    <row r="191049" spans="8:8">
      <c r="H191049" s="12"/>
    </row>
    <row r="191050" spans="8:8">
      <c r="H191050" s="12"/>
    </row>
    <row r="191051" spans="8:8">
      <c r="H191051" s="12"/>
    </row>
    <row r="191052" spans="8:8">
      <c r="H191052" s="12"/>
    </row>
    <row r="191053" spans="8:8">
      <c r="H191053" s="12"/>
    </row>
    <row r="191054" spans="8:8">
      <c r="H191054" s="12"/>
    </row>
    <row r="191055" spans="8:8">
      <c r="H191055" s="12"/>
    </row>
    <row r="191056" spans="8:8">
      <c r="H191056" s="12"/>
    </row>
    <row r="191057" spans="8:8">
      <c r="H191057" s="12"/>
    </row>
    <row r="191058" spans="8:8">
      <c r="H191058" s="12"/>
    </row>
    <row r="191059" spans="8:8">
      <c r="H191059" s="12"/>
    </row>
    <row r="191060" spans="8:8">
      <c r="H191060" s="12"/>
    </row>
    <row r="191061" spans="8:8">
      <c r="H191061" s="12"/>
    </row>
    <row r="191062" spans="8:8">
      <c r="H191062" s="12"/>
    </row>
    <row r="191063" spans="8:8">
      <c r="H191063" s="12"/>
    </row>
    <row r="191064" spans="8:8">
      <c r="H191064" s="12"/>
    </row>
    <row r="191065" spans="8:8">
      <c r="H191065" s="12"/>
    </row>
    <row r="191066" spans="8:8">
      <c r="H191066" s="12"/>
    </row>
    <row r="191067" spans="8:8">
      <c r="H191067" s="12"/>
    </row>
    <row r="191068" spans="8:8">
      <c r="H191068" s="12"/>
    </row>
    <row r="191069" spans="8:8">
      <c r="H191069" s="12"/>
    </row>
    <row r="191070" spans="8:8">
      <c r="H191070" s="12"/>
    </row>
    <row r="191071" spans="8:8">
      <c r="H191071" s="12"/>
    </row>
    <row r="191072" spans="8:8">
      <c r="H191072" s="12"/>
    </row>
    <row r="191073" spans="8:8">
      <c r="H191073" s="12"/>
    </row>
    <row r="191074" spans="8:8">
      <c r="H191074" s="12"/>
    </row>
    <row r="191075" spans="8:8">
      <c r="H191075" s="12"/>
    </row>
    <row r="191076" spans="8:8">
      <c r="H191076" s="12"/>
    </row>
    <row r="191077" spans="8:8">
      <c r="H191077" s="12"/>
    </row>
    <row r="191078" spans="8:8">
      <c r="H191078" s="12"/>
    </row>
    <row r="191079" spans="8:8">
      <c r="H191079" s="12"/>
    </row>
    <row r="191080" spans="8:8">
      <c r="H191080" s="12"/>
    </row>
    <row r="191081" spans="8:8">
      <c r="H191081" s="12"/>
    </row>
    <row r="191082" spans="8:8">
      <c r="H191082" s="12"/>
    </row>
    <row r="191083" spans="8:8">
      <c r="H191083" s="12"/>
    </row>
    <row r="191084" spans="8:8">
      <c r="H191084" s="12"/>
    </row>
    <row r="191085" spans="8:8">
      <c r="H191085" s="12"/>
    </row>
    <row r="191086" spans="8:8">
      <c r="H191086" s="12"/>
    </row>
    <row r="191087" spans="8:8">
      <c r="H191087" s="12"/>
    </row>
    <row r="191088" spans="8:8">
      <c r="H191088" s="12"/>
    </row>
    <row r="191089" spans="8:8">
      <c r="H191089" s="12"/>
    </row>
    <row r="191090" spans="8:8">
      <c r="H191090" s="12"/>
    </row>
    <row r="191091" spans="8:8">
      <c r="H191091" s="12"/>
    </row>
    <row r="191092" spans="8:8">
      <c r="H191092" s="12"/>
    </row>
    <row r="191093" spans="8:8">
      <c r="H191093" s="12"/>
    </row>
    <row r="191094" spans="8:8">
      <c r="H191094" s="12"/>
    </row>
    <row r="191095" spans="8:8">
      <c r="H191095" s="12"/>
    </row>
    <row r="191096" spans="8:8">
      <c r="H191096" s="12"/>
    </row>
    <row r="191097" spans="8:8">
      <c r="H191097" s="12"/>
    </row>
    <row r="191098" spans="8:8">
      <c r="H191098" s="12"/>
    </row>
    <row r="191099" spans="8:8">
      <c r="H191099" s="12"/>
    </row>
    <row r="191100" spans="8:8">
      <c r="H191100" s="12"/>
    </row>
    <row r="191101" spans="8:8">
      <c r="H191101" s="12"/>
    </row>
    <row r="191102" spans="8:8">
      <c r="H191102" s="12"/>
    </row>
    <row r="191103" spans="8:8">
      <c r="H191103" s="12"/>
    </row>
    <row r="191104" spans="8:8">
      <c r="H191104" s="12"/>
    </row>
    <row r="191105" spans="8:8">
      <c r="H191105" s="12"/>
    </row>
    <row r="191106" spans="8:8">
      <c r="H191106" s="12"/>
    </row>
    <row r="191107" spans="8:8">
      <c r="H191107" s="12"/>
    </row>
    <row r="191108" spans="8:8">
      <c r="H191108" s="12"/>
    </row>
    <row r="191109" spans="8:8">
      <c r="H191109" s="12"/>
    </row>
    <row r="191110" spans="8:8">
      <c r="H191110" s="12"/>
    </row>
    <row r="191111" spans="8:8">
      <c r="H191111" s="12"/>
    </row>
    <row r="191112" spans="8:8">
      <c r="H191112" s="12"/>
    </row>
    <row r="191113" spans="8:8">
      <c r="H191113" s="12"/>
    </row>
    <row r="191114" spans="8:8">
      <c r="H191114" s="12"/>
    </row>
    <row r="191115" spans="8:8">
      <c r="H191115" s="12"/>
    </row>
    <row r="191116" spans="8:8">
      <c r="H191116" s="12"/>
    </row>
    <row r="191117" spans="8:8">
      <c r="H191117" s="12"/>
    </row>
    <row r="191118" spans="8:8">
      <c r="H191118" s="12"/>
    </row>
    <row r="191119" spans="8:8">
      <c r="H191119" s="12"/>
    </row>
    <row r="191120" spans="8:8">
      <c r="H191120" s="12"/>
    </row>
    <row r="191121" spans="8:8">
      <c r="H191121" s="12"/>
    </row>
    <row r="191122" spans="8:8">
      <c r="H191122" s="12"/>
    </row>
    <row r="191123" spans="8:8">
      <c r="H191123" s="12"/>
    </row>
    <row r="191124" spans="8:8">
      <c r="H191124" s="12"/>
    </row>
    <row r="191125" spans="8:8">
      <c r="H191125" s="12"/>
    </row>
    <row r="191126" spans="8:8">
      <c r="H191126" s="12"/>
    </row>
    <row r="191127" spans="8:8">
      <c r="H191127" s="12"/>
    </row>
    <row r="191128" spans="8:8">
      <c r="H191128" s="12"/>
    </row>
    <row r="191129" spans="8:8">
      <c r="H191129" s="12"/>
    </row>
    <row r="191130" spans="8:8">
      <c r="H191130" s="12"/>
    </row>
    <row r="191131" spans="8:8">
      <c r="H191131" s="12"/>
    </row>
    <row r="191132" spans="8:8">
      <c r="H191132" s="12"/>
    </row>
    <row r="191133" spans="8:8">
      <c r="H191133" s="12"/>
    </row>
    <row r="191134" spans="8:8">
      <c r="H191134" s="12"/>
    </row>
    <row r="191135" spans="8:8">
      <c r="H191135" s="12"/>
    </row>
    <row r="191136" spans="8:8">
      <c r="H191136" s="12"/>
    </row>
    <row r="191137" spans="8:8">
      <c r="H191137" s="12"/>
    </row>
    <row r="191138" spans="8:8">
      <c r="H191138" s="12"/>
    </row>
    <row r="191139" spans="8:8">
      <c r="H191139" s="12"/>
    </row>
    <row r="191140" spans="8:8">
      <c r="H191140" s="12"/>
    </row>
    <row r="191141" spans="8:8">
      <c r="H191141" s="12"/>
    </row>
    <row r="191142" spans="8:8">
      <c r="H191142" s="12"/>
    </row>
    <row r="191143" spans="8:8">
      <c r="H191143" s="12"/>
    </row>
    <row r="191144" spans="8:8">
      <c r="H191144" s="12"/>
    </row>
    <row r="191145" spans="8:8">
      <c r="H191145" s="12"/>
    </row>
    <row r="191146" spans="8:8">
      <c r="H191146" s="12"/>
    </row>
    <row r="191147" spans="8:8">
      <c r="H191147" s="12"/>
    </row>
    <row r="191148" spans="8:8">
      <c r="H191148" s="12"/>
    </row>
    <row r="191149" spans="8:8">
      <c r="H191149" s="12"/>
    </row>
    <row r="191150" spans="8:8">
      <c r="H191150" s="12"/>
    </row>
    <row r="191151" spans="8:8">
      <c r="H191151" s="12"/>
    </row>
    <row r="191152" spans="8:8">
      <c r="H191152" s="12"/>
    </row>
    <row r="191153" spans="8:8">
      <c r="H191153" s="12"/>
    </row>
    <row r="191154" spans="8:8">
      <c r="H191154" s="12"/>
    </row>
    <row r="191155" spans="8:8">
      <c r="H191155" s="12"/>
    </row>
    <row r="191156" spans="8:8">
      <c r="H191156" s="12"/>
    </row>
    <row r="191157" spans="8:8">
      <c r="H191157" s="12"/>
    </row>
    <row r="191158" spans="8:8">
      <c r="H191158" s="12"/>
    </row>
    <row r="191159" spans="8:8">
      <c r="H191159" s="12"/>
    </row>
    <row r="191160" spans="8:8">
      <c r="H191160" s="12"/>
    </row>
    <row r="191161" spans="8:8">
      <c r="H191161" s="12"/>
    </row>
    <row r="191162" spans="8:8">
      <c r="H191162" s="12"/>
    </row>
    <row r="191163" spans="8:8">
      <c r="H191163" s="12"/>
    </row>
    <row r="191164" spans="8:8">
      <c r="H191164" s="12"/>
    </row>
    <row r="191165" spans="8:8">
      <c r="H191165" s="12"/>
    </row>
    <row r="191166" spans="8:8">
      <c r="H191166" s="12"/>
    </row>
    <row r="191167" spans="8:8">
      <c r="H191167" s="12"/>
    </row>
    <row r="191168" spans="8:8">
      <c r="H191168" s="12"/>
    </row>
    <row r="191169" spans="8:8">
      <c r="H191169" s="12"/>
    </row>
    <row r="191170" spans="8:8">
      <c r="H191170" s="12"/>
    </row>
    <row r="191171" spans="8:8">
      <c r="H191171" s="12"/>
    </row>
    <row r="191172" spans="8:8">
      <c r="H191172" s="12"/>
    </row>
    <row r="191173" spans="8:8">
      <c r="H191173" s="12"/>
    </row>
    <row r="191174" spans="8:8">
      <c r="H191174" s="12"/>
    </row>
    <row r="191175" spans="8:8">
      <c r="H191175" s="12"/>
    </row>
    <row r="191176" spans="8:8">
      <c r="H191176" s="12"/>
    </row>
    <row r="191177" spans="8:8">
      <c r="H191177" s="12"/>
    </row>
    <row r="191178" spans="8:8">
      <c r="H191178" s="12"/>
    </row>
    <row r="191179" spans="8:8">
      <c r="H191179" s="12"/>
    </row>
    <row r="191180" spans="8:8">
      <c r="H191180" s="12"/>
    </row>
    <row r="191181" spans="8:8">
      <c r="H191181" s="12"/>
    </row>
    <row r="191182" spans="8:8">
      <c r="H191182" s="12"/>
    </row>
    <row r="191183" spans="8:8">
      <c r="H191183" s="12"/>
    </row>
    <row r="191184" spans="8:8">
      <c r="H191184" s="12"/>
    </row>
    <row r="191185" spans="8:8">
      <c r="H191185" s="12"/>
    </row>
    <row r="191186" spans="8:8">
      <c r="H191186" s="12"/>
    </row>
    <row r="191187" spans="8:8">
      <c r="H191187" s="12"/>
    </row>
    <row r="191188" spans="8:8">
      <c r="H191188" s="12"/>
    </row>
    <row r="191189" spans="8:8">
      <c r="H191189" s="12"/>
    </row>
    <row r="191190" spans="8:8">
      <c r="H191190" s="12"/>
    </row>
    <row r="191191" spans="8:8">
      <c r="H191191" s="12"/>
    </row>
    <row r="191192" spans="8:8">
      <c r="H191192" s="12"/>
    </row>
    <row r="191193" spans="8:8">
      <c r="H191193" s="12"/>
    </row>
    <row r="191194" spans="8:8">
      <c r="H191194" s="12"/>
    </row>
    <row r="191195" spans="8:8">
      <c r="H191195" s="12"/>
    </row>
    <row r="191196" spans="8:8">
      <c r="H191196" s="12"/>
    </row>
    <row r="191197" spans="8:8">
      <c r="H191197" s="12"/>
    </row>
    <row r="191198" spans="8:8">
      <c r="H191198" s="12"/>
    </row>
    <row r="191199" spans="8:8">
      <c r="H191199" s="12"/>
    </row>
    <row r="191200" spans="8:8">
      <c r="H191200" s="12"/>
    </row>
    <row r="191201" spans="8:8">
      <c r="H191201" s="12"/>
    </row>
    <row r="191202" spans="8:8">
      <c r="H191202" s="12"/>
    </row>
    <row r="191203" spans="8:8">
      <c r="H191203" s="12"/>
    </row>
    <row r="191204" spans="8:8">
      <c r="H191204" s="12"/>
    </row>
    <row r="191205" spans="8:8">
      <c r="H191205" s="12"/>
    </row>
    <row r="191206" spans="8:8">
      <c r="H191206" s="12"/>
    </row>
    <row r="191207" spans="8:8">
      <c r="H191207" s="12"/>
    </row>
    <row r="191208" spans="8:8">
      <c r="H191208" s="12"/>
    </row>
    <row r="191209" spans="8:8">
      <c r="H191209" s="12"/>
    </row>
    <row r="191210" spans="8:8">
      <c r="H191210" s="12"/>
    </row>
    <row r="191211" spans="8:8">
      <c r="H191211" s="12"/>
    </row>
    <row r="191212" spans="8:8">
      <c r="H191212" s="12"/>
    </row>
    <row r="191213" spans="8:8">
      <c r="H191213" s="12"/>
    </row>
    <row r="191214" spans="8:8">
      <c r="H191214" s="12"/>
    </row>
    <row r="191215" spans="8:8">
      <c r="H191215" s="12"/>
    </row>
    <row r="191216" spans="8:8">
      <c r="H191216" s="12"/>
    </row>
    <row r="191217" spans="8:8">
      <c r="H191217" s="12"/>
    </row>
    <row r="191218" spans="8:8">
      <c r="H191218" s="12"/>
    </row>
    <row r="191219" spans="8:8">
      <c r="H191219" s="12"/>
    </row>
    <row r="191220" spans="8:8">
      <c r="H191220" s="12"/>
    </row>
    <row r="191221" spans="8:8">
      <c r="H191221" s="12"/>
    </row>
    <row r="191222" spans="8:8">
      <c r="H191222" s="12"/>
    </row>
    <row r="191223" spans="8:8">
      <c r="H191223" s="12"/>
    </row>
    <row r="191224" spans="8:8">
      <c r="H191224" s="12"/>
    </row>
    <row r="191225" spans="8:8">
      <c r="H191225" s="12"/>
    </row>
    <row r="191226" spans="8:8">
      <c r="H191226" s="12"/>
    </row>
    <row r="191227" spans="8:8">
      <c r="H191227" s="12"/>
    </row>
    <row r="191228" spans="8:8">
      <c r="H191228" s="12"/>
    </row>
    <row r="191229" spans="8:8">
      <c r="H191229" s="12"/>
    </row>
    <row r="191230" spans="8:8">
      <c r="H191230" s="12"/>
    </row>
    <row r="191231" spans="8:8">
      <c r="H191231" s="12"/>
    </row>
    <row r="191232" spans="8:8">
      <c r="H191232" s="12"/>
    </row>
    <row r="191233" spans="8:8">
      <c r="H191233" s="12"/>
    </row>
    <row r="191234" spans="8:8">
      <c r="H191234" s="12"/>
    </row>
    <row r="191235" spans="8:8">
      <c r="H191235" s="12"/>
    </row>
    <row r="191236" spans="8:8">
      <c r="H191236" s="12"/>
    </row>
    <row r="191237" spans="8:8">
      <c r="H191237" s="12"/>
    </row>
    <row r="191238" spans="8:8">
      <c r="H191238" s="12"/>
    </row>
    <row r="191239" spans="8:8">
      <c r="H191239" s="12"/>
    </row>
    <row r="191240" spans="8:8">
      <c r="H191240" s="12"/>
    </row>
    <row r="191241" spans="8:8">
      <c r="H191241" s="12"/>
    </row>
    <row r="191242" spans="8:8">
      <c r="H191242" s="12"/>
    </row>
    <row r="191243" spans="8:8">
      <c r="H191243" s="12"/>
    </row>
    <row r="191244" spans="8:8">
      <c r="H191244" s="12"/>
    </row>
    <row r="191245" spans="8:8">
      <c r="H191245" s="12"/>
    </row>
    <row r="191246" spans="8:8">
      <c r="H191246" s="12"/>
    </row>
    <row r="191247" spans="8:8">
      <c r="H191247" s="12"/>
    </row>
    <row r="191248" spans="8:8">
      <c r="H191248" s="12"/>
    </row>
    <row r="191249" spans="8:8">
      <c r="H191249" s="12"/>
    </row>
    <row r="191250" spans="8:8">
      <c r="H191250" s="12"/>
    </row>
    <row r="191251" spans="8:8">
      <c r="H191251" s="12"/>
    </row>
    <row r="191252" spans="8:8">
      <c r="H191252" s="12"/>
    </row>
    <row r="191253" spans="8:8">
      <c r="H191253" s="12"/>
    </row>
    <row r="191254" spans="8:8">
      <c r="H191254" s="12"/>
    </row>
    <row r="191255" spans="8:8">
      <c r="H191255" s="12"/>
    </row>
    <row r="191256" spans="8:8">
      <c r="H191256" s="12"/>
    </row>
    <row r="191257" spans="8:8">
      <c r="H191257" s="12"/>
    </row>
    <row r="191258" spans="8:8">
      <c r="H191258" s="12"/>
    </row>
    <row r="191259" spans="8:8">
      <c r="H191259" s="12"/>
    </row>
    <row r="191260" spans="8:8">
      <c r="H191260" s="12"/>
    </row>
    <row r="191261" spans="8:8">
      <c r="H191261" s="12"/>
    </row>
    <row r="191262" spans="8:8">
      <c r="H191262" s="12"/>
    </row>
    <row r="191263" spans="8:8">
      <c r="H191263" s="12"/>
    </row>
    <row r="191264" spans="8:8">
      <c r="H191264" s="12"/>
    </row>
    <row r="191265" spans="8:8">
      <c r="H191265" s="12"/>
    </row>
    <row r="191266" spans="8:8">
      <c r="H191266" s="12"/>
    </row>
    <row r="191267" spans="8:8">
      <c r="H191267" s="12"/>
    </row>
    <row r="191268" spans="8:8">
      <c r="H191268" s="12"/>
    </row>
    <row r="191269" spans="8:8">
      <c r="H191269" s="12"/>
    </row>
    <row r="191270" spans="8:8">
      <c r="H191270" s="12"/>
    </row>
    <row r="191271" spans="8:8">
      <c r="H191271" s="12"/>
    </row>
    <row r="191272" spans="8:8">
      <c r="H191272" s="12"/>
    </row>
    <row r="191273" spans="8:8">
      <c r="H191273" s="12"/>
    </row>
    <row r="191274" spans="8:8">
      <c r="H191274" s="12"/>
    </row>
    <row r="191275" spans="8:8">
      <c r="H191275" s="12"/>
    </row>
    <row r="191276" spans="8:8">
      <c r="H191276" s="12"/>
    </row>
    <row r="191277" spans="8:8">
      <c r="H191277" s="12"/>
    </row>
    <row r="191278" spans="8:8">
      <c r="H191278" s="12"/>
    </row>
    <row r="191279" spans="8:8">
      <c r="H191279" s="12"/>
    </row>
    <row r="191280" spans="8:8">
      <c r="H191280" s="12"/>
    </row>
    <row r="191281" spans="8:8">
      <c r="H191281" s="12"/>
    </row>
    <row r="191282" spans="8:8">
      <c r="H191282" s="12"/>
    </row>
    <row r="191283" spans="8:8">
      <c r="H191283" s="12"/>
    </row>
    <row r="191284" spans="8:8">
      <c r="H191284" s="12"/>
    </row>
    <row r="191285" spans="8:8">
      <c r="H191285" s="12"/>
    </row>
    <row r="191286" spans="8:8">
      <c r="H191286" s="12"/>
    </row>
    <row r="191287" spans="8:8">
      <c r="H191287" s="12"/>
    </row>
    <row r="191288" spans="8:8">
      <c r="H191288" s="12"/>
    </row>
    <row r="191289" spans="8:8">
      <c r="H191289" s="12"/>
    </row>
    <row r="191290" spans="8:8">
      <c r="H191290" s="12"/>
    </row>
    <row r="191291" spans="8:8">
      <c r="H191291" s="12"/>
    </row>
    <row r="191292" spans="8:8">
      <c r="H191292" s="12"/>
    </row>
    <row r="191293" spans="8:8">
      <c r="H191293" s="12"/>
    </row>
    <row r="191294" spans="8:8">
      <c r="H191294" s="12"/>
    </row>
    <row r="191295" spans="8:8">
      <c r="H191295" s="12"/>
    </row>
    <row r="191296" spans="8:8">
      <c r="H191296" s="12"/>
    </row>
    <row r="191297" spans="8:8">
      <c r="H191297" s="12"/>
    </row>
    <row r="191298" spans="8:8">
      <c r="H191298" s="12"/>
    </row>
    <row r="191299" spans="8:8">
      <c r="H191299" s="12"/>
    </row>
    <row r="191300" spans="8:8">
      <c r="H191300" s="12"/>
    </row>
    <row r="191301" spans="8:8">
      <c r="H191301" s="12"/>
    </row>
    <row r="191302" spans="8:8">
      <c r="H191302" s="12"/>
    </row>
    <row r="191303" spans="8:8">
      <c r="H191303" s="12"/>
    </row>
    <row r="191304" spans="8:8">
      <c r="H191304" s="12"/>
    </row>
    <row r="191305" spans="8:8">
      <c r="H191305" s="12"/>
    </row>
    <row r="191306" spans="8:8">
      <c r="H191306" s="12"/>
    </row>
    <row r="191307" spans="8:8">
      <c r="H191307" s="12"/>
    </row>
    <row r="191308" spans="8:8">
      <c r="H191308" s="12"/>
    </row>
    <row r="191309" spans="8:8">
      <c r="H191309" s="12"/>
    </row>
    <row r="191310" spans="8:8">
      <c r="H191310" s="12"/>
    </row>
    <row r="191311" spans="8:8">
      <c r="H191311" s="12"/>
    </row>
    <row r="191312" spans="8:8">
      <c r="H191312" s="12"/>
    </row>
    <row r="191313" spans="8:8">
      <c r="H191313" s="12"/>
    </row>
    <row r="191314" spans="8:8">
      <c r="H191314" s="12"/>
    </row>
    <row r="191315" spans="8:8">
      <c r="H191315" s="12"/>
    </row>
    <row r="191316" spans="8:8">
      <c r="H191316" s="12"/>
    </row>
    <row r="191317" spans="8:8">
      <c r="H191317" s="12"/>
    </row>
    <row r="191318" spans="8:8">
      <c r="H191318" s="12"/>
    </row>
    <row r="191319" spans="8:8">
      <c r="H191319" s="12"/>
    </row>
    <row r="191320" spans="8:8">
      <c r="H191320" s="12"/>
    </row>
    <row r="191321" spans="8:8">
      <c r="H191321" s="12"/>
    </row>
    <row r="191322" spans="8:8">
      <c r="H191322" s="12"/>
    </row>
    <row r="191323" spans="8:8">
      <c r="H191323" s="12"/>
    </row>
    <row r="191324" spans="8:8">
      <c r="H191324" s="12"/>
    </row>
    <row r="191325" spans="8:8">
      <c r="H191325" s="12"/>
    </row>
    <row r="191326" spans="8:8">
      <c r="H191326" s="12"/>
    </row>
    <row r="191327" spans="8:8">
      <c r="H191327" s="12"/>
    </row>
    <row r="191328" spans="8:8">
      <c r="H191328" s="12"/>
    </row>
    <row r="191329" spans="8:8">
      <c r="H191329" s="12"/>
    </row>
    <row r="191330" spans="8:8">
      <c r="H191330" s="12"/>
    </row>
    <row r="191331" spans="8:8">
      <c r="H191331" s="12"/>
    </row>
    <row r="191332" spans="8:8">
      <c r="H191332" s="12"/>
    </row>
    <row r="191333" spans="8:8">
      <c r="H191333" s="12"/>
    </row>
    <row r="191334" spans="8:8">
      <c r="H191334" s="12"/>
    </row>
    <row r="191335" spans="8:8">
      <c r="H191335" s="12"/>
    </row>
    <row r="191336" spans="8:8">
      <c r="H191336" s="12"/>
    </row>
    <row r="191337" spans="8:8">
      <c r="H191337" s="12"/>
    </row>
    <row r="191338" spans="8:8">
      <c r="H191338" s="12"/>
    </row>
    <row r="191339" spans="8:8">
      <c r="H191339" s="12"/>
    </row>
    <row r="191340" spans="8:8">
      <c r="H191340" s="12"/>
    </row>
    <row r="191341" spans="8:8">
      <c r="H191341" s="12"/>
    </row>
    <row r="191342" spans="8:8">
      <c r="H191342" s="12"/>
    </row>
    <row r="191343" spans="8:8">
      <c r="H191343" s="12"/>
    </row>
    <row r="191344" spans="8:8">
      <c r="H191344" s="12"/>
    </row>
    <row r="191345" spans="8:8">
      <c r="H191345" s="12"/>
    </row>
    <row r="191346" spans="8:8">
      <c r="H191346" s="12"/>
    </row>
    <row r="191347" spans="8:8">
      <c r="H191347" s="12"/>
    </row>
    <row r="191348" spans="8:8">
      <c r="H191348" s="12"/>
    </row>
    <row r="191349" spans="8:8">
      <c r="H191349" s="12"/>
    </row>
    <row r="191350" spans="8:8">
      <c r="H191350" s="12"/>
    </row>
    <row r="191351" spans="8:8">
      <c r="H191351" s="12"/>
    </row>
    <row r="191352" spans="8:8">
      <c r="H191352" s="12"/>
    </row>
    <row r="191353" spans="8:8">
      <c r="H191353" s="12"/>
    </row>
    <row r="191354" spans="8:8">
      <c r="H191354" s="12"/>
    </row>
    <row r="191355" spans="8:8">
      <c r="H191355" s="12"/>
    </row>
    <row r="191356" spans="8:8">
      <c r="H191356" s="12"/>
    </row>
    <row r="191357" spans="8:8">
      <c r="H191357" s="12"/>
    </row>
    <row r="191358" spans="8:8">
      <c r="H191358" s="12"/>
    </row>
    <row r="191359" spans="8:8">
      <c r="H191359" s="12"/>
    </row>
    <row r="191360" spans="8:8">
      <c r="H191360" s="12"/>
    </row>
    <row r="191361" spans="8:8">
      <c r="H191361" s="12"/>
    </row>
    <row r="191362" spans="8:8">
      <c r="H191362" s="12"/>
    </row>
    <row r="191363" spans="8:8">
      <c r="H191363" s="12"/>
    </row>
    <row r="191364" spans="8:8">
      <c r="H191364" s="12"/>
    </row>
    <row r="191365" spans="8:8">
      <c r="H191365" s="12"/>
    </row>
    <row r="191366" spans="8:8">
      <c r="H191366" s="12"/>
    </row>
    <row r="191367" spans="8:8">
      <c r="H191367" s="12"/>
    </row>
    <row r="191368" spans="8:8">
      <c r="H191368" s="12"/>
    </row>
    <row r="191369" spans="8:8">
      <c r="H191369" s="12"/>
    </row>
    <row r="191370" spans="8:8">
      <c r="H191370" s="12"/>
    </row>
    <row r="191371" spans="8:8">
      <c r="H191371" s="12"/>
    </row>
    <row r="191372" spans="8:8">
      <c r="H191372" s="12"/>
    </row>
    <row r="191373" spans="8:8">
      <c r="H191373" s="12"/>
    </row>
    <row r="191374" spans="8:8">
      <c r="H191374" s="12"/>
    </row>
    <row r="191375" spans="8:8">
      <c r="H191375" s="12"/>
    </row>
    <row r="191376" spans="8:8">
      <c r="H191376" s="12"/>
    </row>
    <row r="191377" spans="8:8">
      <c r="H191377" s="12"/>
    </row>
    <row r="191378" spans="8:8">
      <c r="H191378" s="12"/>
    </row>
    <row r="191379" spans="8:8">
      <c r="H191379" s="12"/>
    </row>
    <row r="191380" spans="8:8">
      <c r="H191380" s="12"/>
    </row>
    <row r="191381" spans="8:8">
      <c r="H191381" s="12"/>
    </row>
    <row r="191382" spans="8:8">
      <c r="H191382" s="12"/>
    </row>
    <row r="191383" spans="8:8">
      <c r="H191383" s="12"/>
    </row>
    <row r="191384" spans="8:8">
      <c r="H191384" s="12"/>
    </row>
    <row r="191385" spans="8:8">
      <c r="H191385" s="12"/>
    </row>
    <row r="191386" spans="8:8">
      <c r="H191386" s="12"/>
    </row>
    <row r="191387" spans="8:8">
      <c r="H191387" s="12"/>
    </row>
    <row r="191388" spans="8:8">
      <c r="H191388" s="12"/>
    </row>
    <row r="191389" spans="8:8">
      <c r="H191389" s="12"/>
    </row>
    <row r="191390" spans="8:8">
      <c r="H191390" s="12"/>
    </row>
    <row r="191391" spans="8:8">
      <c r="H191391" s="12"/>
    </row>
    <row r="191392" spans="8:8">
      <c r="H191392" s="12"/>
    </row>
    <row r="191393" spans="8:8">
      <c r="H191393" s="12"/>
    </row>
    <row r="191394" spans="8:8">
      <c r="H191394" s="12"/>
    </row>
    <row r="191395" spans="8:8">
      <c r="H191395" s="12"/>
    </row>
    <row r="191396" spans="8:8">
      <c r="H191396" s="12"/>
    </row>
    <row r="191397" spans="8:8">
      <c r="H191397" s="12"/>
    </row>
    <row r="191398" spans="8:8">
      <c r="H191398" s="12"/>
    </row>
    <row r="191399" spans="8:8">
      <c r="H191399" s="12"/>
    </row>
    <row r="191400" spans="8:8">
      <c r="H191400" s="12"/>
    </row>
    <row r="191401" spans="8:8">
      <c r="H191401" s="12"/>
    </row>
    <row r="191402" spans="8:8">
      <c r="H191402" s="12"/>
    </row>
    <row r="191403" spans="8:8">
      <c r="H191403" s="12"/>
    </row>
    <row r="191404" spans="8:8">
      <c r="H191404" s="12"/>
    </row>
    <row r="191405" spans="8:8">
      <c r="H191405" s="12"/>
    </row>
    <row r="191406" spans="8:8">
      <c r="H191406" s="12"/>
    </row>
    <row r="191407" spans="8:8">
      <c r="H191407" s="12"/>
    </row>
    <row r="191408" spans="8:8">
      <c r="H191408" s="12"/>
    </row>
    <row r="191409" spans="8:8">
      <c r="H191409" s="12"/>
    </row>
    <row r="191410" spans="8:8">
      <c r="H191410" s="12"/>
    </row>
    <row r="191411" spans="8:8">
      <c r="H191411" s="12"/>
    </row>
    <row r="191412" spans="8:8">
      <c r="H191412" s="12"/>
    </row>
    <row r="191413" spans="8:8">
      <c r="H191413" s="12"/>
    </row>
    <row r="191414" spans="8:8">
      <c r="H191414" s="12"/>
    </row>
    <row r="191415" spans="8:8">
      <c r="H191415" s="12"/>
    </row>
    <row r="191416" spans="8:8">
      <c r="H191416" s="12"/>
    </row>
    <row r="191417" spans="8:8">
      <c r="H191417" s="12"/>
    </row>
    <row r="191418" spans="8:8">
      <c r="H191418" s="12"/>
    </row>
    <row r="191419" spans="8:8">
      <c r="H191419" s="12"/>
    </row>
    <row r="191420" spans="8:8">
      <c r="H191420" s="12"/>
    </row>
    <row r="191421" spans="8:8">
      <c r="H191421" s="12"/>
    </row>
    <row r="191422" spans="8:8">
      <c r="H191422" s="12"/>
    </row>
    <row r="191423" spans="8:8">
      <c r="H191423" s="12"/>
    </row>
    <row r="191424" spans="8:8">
      <c r="H191424" s="12"/>
    </row>
    <row r="191425" spans="8:8">
      <c r="H191425" s="12"/>
    </row>
    <row r="191426" spans="8:8">
      <c r="H191426" s="12"/>
    </row>
    <row r="191427" spans="8:8">
      <c r="H191427" s="12"/>
    </row>
    <row r="191428" spans="8:8">
      <c r="H191428" s="12"/>
    </row>
    <row r="191429" spans="8:8">
      <c r="H191429" s="12"/>
    </row>
    <row r="191430" spans="8:8">
      <c r="H191430" s="12"/>
    </row>
    <row r="191431" spans="8:8">
      <c r="H191431" s="12"/>
    </row>
    <row r="191432" spans="8:8">
      <c r="H191432" s="12"/>
    </row>
    <row r="191433" spans="8:8">
      <c r="H191433" s="12"/>
    </row>
    <row r="191434" spans="8:8">
      <c r="H191434" s="12"/>
    </row>
    <row r="191435" spans="8:8">
      <c r="H191435" s="12"/>
    </row>
    <row r="191436" spans="8:8">
      <c r="H191436" s="12"/>
    </row>
    <row r="191437" spans="8:8">
      <c r="H191437" s="12"/>
    </row>
    <row r="191438" spans="8:8">
      <c r="H191438" s="12"/>
    </row>
    <row r="191439" spans="8:8">
      <c r="H191439" s="12"/>
    </row>
    <row r="191440" spans="8:8">
      <c r="H191440" s="12"/>
    </row>
    <row r="191441" spans="8:8">
      <c r="H191441" s="12"/>
    </row>
    <row r="191442" spans="8:8">
      <c r="H191442" s="12"/>
    </row>
    <row r="191443" spans="8:8">
      <c r="H191443" s="12"/>
    </row>
    <row r="191444" spans="8:8">
      <c r="H191444" s="12"/>
    </row>
    <row r="191445" spans="8:8">
      <c r="H191445" s="12"/>
    </row>
    <row r="191446" spans="8:8">
      <c r="H191446" s="12"/>
    </row>
    <row r="191447" spans="8:8">
      <c r="H191447" s="12"/>
    </row>
    <row r="191448" spans="8:8">
      <c r="H191448" s="12"/>
    </row>
    <row r="191449" spans="8:8">
      <c r="H191449" s="12"/>
    </row>
    <row r="191450" spans="8:8">
      <c r="H191450" s="12"/>
    </row>
    <row r="191451" spans="8:8">
      <c r="H191451" s="12"/>
    </row>
    <row r="191452" spans="8:8">
      <c r="H191452" s="12"/>
    </row>
    <row r="191453" spans="8:8">
      <c r="H191453" s="12"/>
    </row>
    <row r="191454" spans="8:8">
      <c r="H191454" s="12"/>
    </row>
    <row r="191455" spans="8:8">
      <c r="H191455" s="12"/>
    </row>
    <row r="191456" spans="8:8">
      <c r="H191456" s="12"/>
    </row>
    <row r="191457" spans="8:8">
      <c r="H191457" s="12"/>
    </row>
    <row r="191458" spans="8:8">
      <c r="H191458" s="12"/>
    </row>
    <row r="191459" spans="8:8">
      <c r="H191459" s="12"/>
    </row>
    <row r="191460" spans="8:8">
      <c r="H191460" s="12"/>
    </row>
    <row r="191461" spans="8:8">
      <c r="H191461" s="12"/>
    </row>
    <row r="191462" spans="8:8">
      <c r="H191462" s="12"/>
    </row>
    <row r="191463" spans="8:8">
      <c r="H191463" s="12"/>
    </row>
    <row r="191464" spans="8:8">
      <c r="H191464" s="12"/>
    </row>
    <row r="191465" spans="8:8">
      <c r="H191465" s="12"/>
    </row>
    <row r="191466" spans="8:8">
      <c r="H191466" s="12"/>
    </row>
    <row r="191467" spans="8:8">
      <c r="H191467" s="12"/>
    </row>
    <row r="191468" spans="8:8">
      <c r="H191468" s="12"/>
    </row>
    <row r="191469" spans="8:8">
      <c r="H191469" s="12"/>
    </row>
    <row r="191470" spans="8:8">
      <c r="H191470" s="12"/>
    </row>
    <row r="191471" spans="8:8">
      <c r="H191471" s="12"/>
    </row>
    <row r="191472" spans="8:8">
      <c r="H191472" s="12"/>
    </row>
    <row r="191473" spans="8:8">
      <c r="H191473" s="12"/>
    </row>
    <row r="191474" spans="8:8">
      <c r="H191474" s="12"/>
    </row>
    <row r="191475" spans="8:8">
      <c r="H191475" s="12"/>
    </row>
    <row r="191476" spans="8:8">
      <c r="H191476" s="12"/>
    </row>
    <row r="191477" spans="8:8">
      <c r="H191477" s="12"/>
    </row>
    <row r="191478" spans="8:8">
      <c r="H191478" s="12"/>
    </row>
    <row r="191479" spans="8:8">
      <c r="H191479" s="12"/>
    </row>
    <row r="191480" spans="8:8">
      <c r="H191480" s="12"/>
    </row>
    <row r="191481" spans="8:8">
      <c r="H191481" s="12"/>
    </row>
    <row r="191482" spans="8:8">
      <c r="H191482" s="12"/>
    </row>
    <row r="191483" spans="8:8">
      <c r="H191483" s="12"/>
    </row>
    <row r="191484" spans="8:8">
      <c r="H191484" s="12"/>
    </row>
    <row r="191485" spans="8:8">
      <c r="H191485" s="12"/>
    </row>
    <row r="191486" spans="8:8">
      <c r="H191486" s="12"/>
    </row>
    <row r="191487" spans="8:8">
      <c r="H191487" s="12"/>
    </row>
    <row r="191488" spans="8:8">
      <c r="H191488" s="12"/>
    </row>
    <row r="191489" spans="8:8">
      <c r="H191489" s="12"/>
    </row>
    <row r="191490" spans="8:8">
      <c r="H191490" s="12"/>
    </row>
    <row r="191491" spans="8:8">
      <c r="H191491" s="12"/>
    </row>
    <row r="191492" spans="8:8">
      <c r="H191492" s="12"/>
    </row>
    <row r="191493" spans="8:8">
      <c r="H191493" s="12"/>
    </row>
    <row r="191494" spans="8:8">
      <c r="H191494" s="12"/>
    </row>
    <row r="191495" spans="8:8">
      <c r="H191495" s="12"/>
    </row>
    <row r="191496" spans="8:8">
      <c r="H191496" s="12"/>
    </row>
    <row r="191497" spans="8:8">
      <c r="H191497" s="12"/>
    </row>
    <row r="191498" spans="8:8">
      <c r="H191498" s="12"/>
    </row>
    <row r="191499" spans="8:8">
      <c r="H191499" s="12"/>
    </row>
    <row r="191500" spans="8:8">
      <c r="H191500" s="12"/>
    </row>
    <row r="191501" spans="8:8">
      <c r="H191501" s="12"/>
    </row>
    <row r="191502" spans="8:8">
      <c r="H191502" s="12"/>
    </row>
    <row r="191503" spans="8:8">
      <c r="H191503" s="12"/>
    </row>
    <row r="191504" spans="8:8">
      <c r="H191504" s="12"/>
    </row>
    <row r="191505" spans="8:8">
      <c r="H191505" s="12"/>
    </row>
    <row r="191506" spans="8:8">
      <c r="H191506" s="12"/>
    </row>
    <row r="191507" spans="8:8">
      <c r="H191507" s="12"/>
    </row>
    <row r="191508" spans="8:8">
      <c r="H191508" s="12"/>
    </row>
    <row r="191509" spans="8:8">
      <c r="H191509" s="12"/>
    </row>
    <row r="191510" spans="8:8">
      <c r="H191510" s="12"/>
    </row>
    <row r="191511" spans="8:8">
      <c r="H191511" s="12"/>
    </row>
    <row r="191512" spans="8:8">
      <c r="H191512" s="12"/>
    </row>
    <row r="191513" spans="8:8">
      <c r="H191513" s="12"/>
    </row>
    <row r="191514" spans="8:8">
      <c r="H191514" s="12"/>
    </row>
    <row r="191515" spans="8:8">
      <c r="H191515" s="12"/>
    </row>
    <row r="191516" spans="8:8">
      <c r="H191516" s="12"/>
    </row>
    <row r="191517" spans="8:8">
      <c r="H191517" s="12"/>
    </row>
    <row r="191518" spans="8:8">
      <c r="H191518" s="12"/>
    </row>
    <row r="191519" spans="8:8">
      <c r="H191519" s="12"/>
    </row>
    <row r="191520" spans="8:8">
      <c r="H191520" s="12"/>
    </row>
    <row r="191521" spans="8:8">
      <c r="H191521" s="12"/>
    </row>
    <row r="191522" spans="8:8">
      <c r="H191522" s="12"/>
    </row>
    <row r="191523" spans="8:8">
      <c r="H191523" s="12"/>
    </row>
    <row r="191524" spans="8:8">
      <c r="H191524" s="12"/>
    </row>
    <row r="191525" spans="8:8">
      <c r="H191525" s="12"/>
    </row>
    <row r="191526" spans="8:8">
      <c r="H191526" s="12"/>
    </row>
    <row r="191527" spans="8:8">
      <c r="H191527" s="12"/>
    </row>
    <row r="191528" spans="8:8">
      <c r="H191528" s="12"/>
    </row>
    <row r="191529" spans="8:8">
      <c r="H191529" s="12"/>
    </row>
    <row r="191530" spans="8:8">
      <c r="H191530" s="12"/>
    </row>
    <row r="191531" spans="8:8">
      <c r="H191531" s="12"/>
    </row>
    <row r="191532" spans="8:8">
      <c r="H191532" s="12"/>
    </row>
    <row r="191533" spans="8:8">
      <c r="H191533" s="12"/>
    </row>
    <row r="191534" spans="8:8">
      <c r="H191534" s="12"/>
    </row>
    <row r="191535" spans="8:8">
      <c r="H191535" s="12"/>
    </row>
    <row r="191536" spans="8:8">
      <c r="H191536" s="12"/>
    </row>
    <row r="191537" spans="8:8">
      <c r="H191537" s="12"/>
    </row>
    <row r="191538" spans="8:8">
      <c r="H191538" s="12"/>
    </row>
    <row r="191539" spans="8:8">
      <c r="H191539" s="12"/>
    </row>
    <row r="191540" spans="8:8">
      <c r="H191540" s="12"/>
    </row>
    <row r="191541" spans="8:8">
      <c r="H191541" s="12"/>
    </row>
    <row r="191542" spans="8:8">
      <c r="H191542" s="12"/>
    </row>
    <row r="191543" spans="8:8">
      <c r="H191543" s="12"/>
    </row>
    <row r="191544" spans="8:8">
      <c r="H191544" s="12"/>
    </row>
    <row r="191545" spans="8:8">
      <c r="H191545" s="12"/>
    </row>
    <row r="191546" spans="8:8">
      <c r="H191546" s="12"/>
    </row>
    <row r="191547" spans="8:8">
      <c r="H191547" s="12"/>
    </row>
    <row r="191548" spans="8:8">
      <c r="H191548" s="12"/>
    </row>
    <row r="191549" spans="8:8">
      <c r="H191549" s="12"/>
    </row>
    <row r="191550" spans="8:8">
      <c r="H191550" s="12"/>
    </row>
    <row r="191551" spans="8:8">
      <c r="H191551" s="12"/>
    </row>
    <row r="191552" spans="8:8">
      <c r="H191552" s="12"/>
    </row>
    <row r="191553" spans="8:8">
      <c r="H191553" s="12"/>
    </row>
    <row r="191554" spans="8:8">
      <c r="H191554" s="12"/>
    </row>
    <row r="191555" spans="8:8">
      <c r="H191555" s="12"/>
    </row>
    <row r="191556" spans="8:8">
      <c r="H191556" s="12"/>
    </row>
    <row r="191557" spans="8:8">
      <c r="H191557" s="12"/>
    </row>
    <row r="191558" spans="8:8">
      <c r="H191558" s="12"/>
    </row>
    <row r="191559" spans="8:8">
      <c r="H191559" s="12"/>
    </row>
    <row r="191560" spans="8:8">
      <c r="H191560" s="12"/>
    </row>
    <row r="191561" spans="8:8">
      <c r="H191561" s="12"/>
    </row>
    <row r="191562" spans="8:8">
      <c r="H191562" s="12"/>
    </row>
    <row r="191563" spans="8:8">
      <c r="H191563" s="12"/>
    </row>
    <row r="191564" spans="8:8">
      <c r="H191564" s="12"/>
    </row>
    <row r="191565" spans="8:8">
      <c r="H191565" s="12"/>
    </row>
    <row r="191566" spans="8:8">
      <c r="H191566" s="12"/>
    </row>
    <row r="191567" spans="8:8">
      <c r="H191567" s="12"/>
    </row>
    <row r="191568" spans="8:8">
      <c r="H191568" s="12"/>
    </row>
    <row r="191569" spans="8:8">
      <c r="H191569" s="12"/>
    </row>
    <row r="191570" spans="8:8">
      <c r="H191570" s="12"/>
    </row>
    <row r="191571" spans="8:8">
      <c r="H191571" s="12"/>
    </row>
    <row r="191572" spans="8:8">
      <c r="H191572" s="12"/>
    </row>
    <row r="191573" spans="8:8">
      <c r="H191573" s="12"/>
    </row>
    <row r="191574" spans="8:8">
      <c r="H191574" s="12"/>
    </row>
    <row r="191575" spans="8:8">
      <c r="H191575" s="12"/>
    </row>
    <row r="191576" spans="8:8">
      <c r="H191576" s="12"/>
    </row>
    <row r="191577" spans="8:8">
      <c r="H191577" s="12"/>
    </row>
    <row r="191578" spans="8:8">
      <c r="H191578" s="12"/>
    </row>
    <row r="191579" spans="8:8">
      <c r="H191579" s="12"/>
    </row>
    <row r="191580" spans="8:8">
      <c r="H191580" s="12"/>
    </row>
    <row r="191581" spans="8:8">
      <c r="H191581" s="12"/>
    </row>
    <row r="191582" spans="8:8">
      <c r="H191582" s="12"/>
    </row>
    <row r="191583" spans="8:8">
      <c r="H191583" s="12"/>
    </row>
    <row r="191584" spans="8:8">
      <c r="H191584" s="12"/>
    </row>
    <row r="191585" spans="8:8">
      <c r="H191585" s="12"/>
    </row>
    <row r="191586" spans="8:8">
      <c r="H191586" s="12"/>
    </row>
    <row r="191587" spans="8:8">
      <c r="H191587" s="12"/>
    </row>
    <row r="191588" spans="8:8">
      <c r="H191588" s="12"/>
    </row>
    <row r="191589" spans="8:8">
      <c r="H191589" s="12"/>
    </row>
    <row r="191590" spans="8:8">
      <c r="H191590" s="12"/>
    </row>
    <row r="191591" spans="8:8">
      <c r="H191591" s="12"/>
    </row>
    <row r="191592" spans="8:8">
      <c r="H191592" s="12"/>
    </row>
    <row r="191593" spans="8:8">
      <c r="H191593" s="12"/>
    </row>
    <row r="191594" spans="8:8">
      <c r="H191594" s="12"/>
    </row>
    <row r="191595" spans="8:8">
      <c r="H191595" s="12"/>
    </row>
    <row r="191596" spans="8:8">
      <c r="H191596" s="12"/>
    </row>
    <row r="191597" spans="8:8">
      <c r="H191597" s="12"/>
    </row>
    <row r="191598" spans="8:8">
      <c r="H191598" s="12"/>
    </row>
    <row r="191599" spans="8:8">
      <c r="H191599" s="12"/>
    </row>
    <row r="191600" spans="8:8">
      <c r="H191600" s="12"/>
    </row>
    <row r="191601" spans="8:8">
      <c r="H191601" s="12"/>
    </row>
    <row r="191602" spans="8:8">
      <c r="H191602" s="12"/>
    </row>
    <row r="191603" spans="8:8">
      <c r="H191603" s="12"/>
    </row>
    <row r="191604" spans="8:8">
      <c r="H191604" s="12"/>
    </row>
    <row r="191605" spans="8:8">
      <c r="H191605" s="12"/>
    </row>
    <row r="191606" spans="8:8">
      <c r="H191606" s="12"/>
    </row>
    <row r="191607" spans="8:8">
      <c r="H191607" s="12"/>
    </row>
    <row r="191608" spans="8:8">
      <c r="H191608" s="12"/>
    </row>
    <row r="191609" spans="8:8">
      <c r="H191609" s="12"/>
    </row>
    <row r="191610" spans="8:8">
      <c r="H191610" s="12"/>
    </row>
    <row r="191611" spans="8:8">
      <c r="H191611" s="12"/>
    </row>
    <row r="191612" spans="8:8">
      <c r="H191612" s="12"/>
    </row>
    <row r="191613" spans="8:8">
      <c r="H191613" s="12"/>
    </row>
    <row r="191614" spans="8:8">
      <c r="H191614" s="12"/>
    </row>
    <row r="191615" spans="8:8">
      <c r="H191615" s="12"/>
    </row>
    <row r="191616" spans="8:8">
      <c r="H191616" s="12"/>
    </row>
    <row r="191617" spans="8:8">
      <c r="H191617" s="12"/>
    </row>
    <row r="191618" spans="8:8">
      <c r="H191618" s="12"/>
    </row>
    <row r="191619" spans="8:8">
      <c r="H191619" s="12"/>
    </row>
    <row r="191620" spans="8:8">
      <c r="H191620" s="12"/>
    </row>
    <row r="191621" spans="8:8">
      <c r="H191621" s="12"/>
    </row>
    <row r="191622" spans="8:8">
      <c r="H191622" s="12"/>
    </row>
    <row r="191623" spans="8:8">
      <c r="H191623" s="12"/>
    </row>
    <row r="191624" spans="8:8">
      <c r="H191624" s="12"/>
    </row>
    <row r="191625" spans="8:8">
      <c r="H191625" s="12"/>
    </row>
    <row r="191626" spans="8:8">
      <c r="H191626" s="12"/>
    </row>
    <row r="191627" spans="8:8">
      <c r="H191627" s="12"/>
    </row>
    <row r="191628" spans="8:8">
      <c r="H191628" s="12"/>
    </row>
    <row r="191629" spans="8:8">
      <c r="H191629" s="12"/>
    </row>
    <row r="191630" spans="8:8">
      <c r="H191630" s="12"/>
    </row>
    <row r="191631" spans="8:8">
      <c r="H191631" s="12"/>
    </row>
    <row r="191632" spans="8:8">
      <c r="H191632" s="12"/>
    </row>
    <row r="191633" spans="8:8">
      <c r="H191633" s="12"/>
    </row>
    <row r="191634" spans="8:8">
      <c r="H191634" s="12"/>
    </row>
    <row r="191635" spans="8:8">
      <c r="H191635" s="12"/>
    </row>
    <row r="191636" spans="8:8">
      <c r="H191636" s="12"/>
    </row>
    <row r="191637" spans="8:8">
      <c r="H191637" s="12"/>
    </row>
    <row r="191638" spans="8:8">
      <c r="H191638" s="12"/>
    </row>
    <row r="191639" spans="8:8">
      <c r="H191639" s="12"/>
    </row>
    <row r="191640" spans="8:8">
      <c r="H191640" s="12"/>
    </row>
    <row r="191641" spans="8:8">
      <c r="H191641" s="12"/>
    </row>
    <row r="191642" spans="8:8">
      <c r="H191642" s="12"/>
    </row>
    <row r="191643" spans="8:8">
      <c r="H191643" s="12"/>
    </row>
    <row r="191644" spans="8:8">
      <c r="H191644" s="12"/>
    </row>
    <row r="191645" spans="8:8">
      <c r="H191645" s="12"/>
    </row>
    <row r="191646" spans="8:8">
      <c r="H191646" s="12"/>
    </row>
    <row r="191647" spans="8:8">
      <c r="H191647" s="12"/>
    </row>
    <row r="191648" spans="8:8">
      <c r="H191648" s="12"/>
    </row>
    <row r="191649" spans="8:8">
      <c r="H191649" s="12"/>
    </row>
    <row r="191650" spans="8:8">
      <c r="H191650" s="12"/>
    </row>
    <row r="191651" spans="8:8">
      <c r="H191651" s="12"/>
    </row>
    <row r="191652" spans="8:8">
      <c r="H191652" s="12"/>
    </row>
    <row r="191653" spans="8:8">
      <c r="H191653" s="12"/>
    </row>
    <row r="191654" spans="8:8">
      <c r="H191654" s="12"/>
    </row>
    <row r="191655" spans="8:8">
      <c r="H191655" s="12"/>
    </row>
    <row r="191656" spans="8:8">
      <c r="H191656" s="12"/>
    </row>
    <row r="191657" spans="8:8">
      <c r="H191657" s="12"/>
    </row>
    <row r="191658" spans="8:8">
      <c r="H191658" s="12"/>
    </row>
    <row r="191659" spans="8:8">
      <c r="H191659" s="12"/>
    </row>
    <row r="191660" spans="8:8">
      <c r="H191660" s="12"/>
    </row>
    <row r="191661" spans="8:8">
      <c r="H191661" s="12"/>
    </row>
    <row r="191662" spans="8:8">
      <c r="H191662" s="12"/>
    </row>
    <row r="191663" spans="8:8">
      <c r="H191663" s="12"/>
    </row>
    <row r="191664" spans="8:8">
      <c r="H191664" s="12"/>
    </row>
    <row r="191665" spans="8:8">
      <c r="H191665" s="12"/>
    </row>
    <row r="191666" spans="8:8">
      <c r="H191666" s="12"/>
    </row>
    <row r="191667" spans="8:8">
      <c r="H191667" s="12"/>
    </row>
    <row r="191668" spans="8:8">
      <c r="H191668" s="12"/>
    </row>
    <row r="191669" spans="8:8">
      <c r="H191669" s="12"/>
    </row>
    <row r="191670" spans="8:8">
      <c r="H191670" s="12"/>
    </row>
    <row r="191671" spans="8:8">
      <c r="H191671" s="12"/>
    </row>
    <row r="191672" spans="8:8">
      <c r="H191672" s="12"/>
    </row>
    <row r="191673" spans="8:8">
      <c r="H191673" s="12"/>
    </row>
    <row r="191674" spans="8:8">
      <c r="H191674" s="12"/>
    </row>
    <row r="191675" spans="8:8">
      <c r="H191675" s="12"/>
    </row>
    <row r="191676" spans="8:8">
      <c r="H191676" s="12"/>
    </row>
    <row r="191677" spans="8:8">
      <c r="H191677" s="12"/>
    </row>
    <row r="191678" spans="8:8">
      <c r="H191678" s="12"/>
    </row>
    <row r="191679" spans="8:8">
      <c r="H191679" s="12"/>
    </row>
    <row r="191680" spans="8:8">
      <c r="H191680" s="12"/>
    </row>
    <row r="191681" spans="8:8">
      <c r="H191681" s="12"/>
    </row>
    <row r="191682" spans="8:8">
      <c r="H191682" s="12"/>
    </row>
    <row r="191683" spans="8:8">
      <c r="H191683" s="12"/>
    </row>
    <row r="191684" spans="8:8">
      <c r="H191684" s="12"/>
    </row>
    <row r="191685" spans="8:8">
      <c r="H191685" s="12"/>
    </row>
    <row r="191686" spans="8:8">
      <c r="H191686" s="12"/>
    </row>
    <row r="191687" spans="8:8">
      <c r="H191687" s="12"/>
    </row>
    <row r="191688" spans="8:8">
      <c r="H191688" s="12"/>
    </row>
    <row r="191689" spans="8:8">
      <c r="H191689" s="12"/>
    </row>
    <row r="191690" spans="8:8">
      <c r="H191690" s="12"/>
    </row>
    <row r="191691" spans="8:8">
      <c r="H191691" s="12"/>
    </row>
    <row r="191692" spans="8:8">
      <c r="H191692" s="12"/>
    </row>
    <row r="191693" spans="8:8">
      <c r="H191693" s="12"/>
    </row>
    <row r="191694" spans="8:8">
      <c r="H191694" s="12"/>
    </row>
    <row r="191695" spans="8:8">
      <c r="H191695" s="12"/>
    </row>
    <row r="191696" spans="8:8">
      <c r="H191696" s="12"/>
    </row>
    <row r="191697" spans="8:8">
      <c r="H191697" s="12"/>
    </row>
    <row r="191698" spans="8:8">
      <c r="H191698" s="12"/>
    </row>
    <row r="191699" spans="8:8">
      <c r="H191699" s="12"/>
    </row>
    <row r="191700" spans="8:8">
      <c r="H191700" s="12"/>
    </row>
    <row r="191701" spans="8:8">
      <c r="H191701" s="12"/>
    </row>
    <row r="191702" spans="8:8">
      <c r="H191702" s="12"/>
    </row>
    <row r="191703" spans="8:8">
      <c r="H191703" s="12"/>
    </row>
    <row r="191704" spans="8:8">
      <c r="H191704" s="12"/>
    </row>
    <row r="191705" spans="8:8">
      <c r="H191705" s="12"/>
    </row>
    <row r="191706" spans="8:8">
      <c r="H191706" s="12"/>
    </row>
    <row r="191707" spans="8:8">
      <c r="H191707" s="12"/>
    </row>
    <row r="191708" spans="8:8">
      <c r="H191708" s="12"/>
    </row>
    <row r="191709" spans="8:8">
      <c r="H191709" s="12"/>
    </row>
    <row r="191710" spans="8:8">
      <c r="H191710" s="12"/>
    </row>
    <row r="191711" spans="8:8">
      <c r="H191711" s="12"/>
    </row>
    <row r="191712" spans="8:8">
      <c r="H191712" s="12"/>
    </row>
    <row r="191713" spans="8:8">
      <c r="H191713" s="12"/>
    </row>
    <row r="191714" spans="8:8">
      <c r="H191714" s="12"/>
    </row>
    <row r="191715" spans="8:8">
      <c r="H191715" s="12"/>
    </row>
    <row r="191716" spans="8:8">
      <c r="H191716" s="12"/>
    </row>
    <row r="191717" spans="8:8">
      <c r="H191717" s="12"/>
    </row>
    <row r="191718" spans="8:8">
      <c r="H191718" s="12"/>
    </row>
    <row r="191719" spans="8:8">
      <c r="H191719" s="12"/>
    </row>
    <row r="191720" spans="8:8">
      <c r="H191720" s="12"/>
    </row>
    <row r="191721" spans="8:8">
      <c r="H191721" s="12"/>
    </row>
    <row r="191722" spans="8:8">
      <c r="H191722" s="12"/>
    </row>
    <row r="191723" spans="8:8">
      <c r="H191723" s="12"/>
    </row>
    <row r="191724" spans="8:8">
      <c r="H191724" s="12"/>
    </row>
    <row r="191725" spans="8:8">
      <c r="H191725" s="12"/>
    </row>
    <row r="191726" spans="8:8">
      <c r="H191726" s="12"/>
    </row>
    <row r="191727" spans="8:8">
      <c r="H191727" s="12"/>
    </row>
    <row r="191728" spans="8:8">
      <c r="H191728" s="12"/>
    </row>
    <row r="191729" spans="8:8">
      <c r="H191729" s="12"/>
    </row>
    <row r="191730" spans="8:8">
      <c r="H191730" s="12"/>
    </row>
    <row r="191731" spans="8:8">
      <c r="H191731" s="12"/>
    </row>
    <row r="191732" spans="8:8">
      <c r="H191732" s="12"/>
    </row>
    <row r="191733" spans="8:8">
      <c r="H191733" s="12"/>
    </row>
    <row r="191734" spans="8:8">
      <c r="H191734" s="12"/>
    </row>
    <row r="191735" spans="8:8">
      <c r="H191735" s="12"/>
    </row>
    <row r="191736" spans="8:8">
      <c r="H191736" s="12"/>
    </row>
    <row r="191737" spans="8:8">
      <c r="H191737" s="12"/>
    </row>
    <row r="191738" spans="8:8">
      <c r="H191738" s="12"/>
    </row>
    <row r="191739" spans="8:8">
      <c r="H191739" s="12"/>
    </row>
    <row r="191740" spans="8:8">
      <c r="H191740" s="12"/>
    </row>
    <row r="191741" spans="8:8">
      <c r="H191741" s="12"/>
    </row>
    <row r="191742" spans="8:8">
      <c r="H191742" s="12"/>
    </row>
    <row r="191743" spans="8:8">
      <c r="H191743" s="12"/>
    </row>
    <row r="191744" spans="8:8">
      <c r="H191744" s="12"/>
    </row>
    <row r="191745" spans="8:8">
      <c r="H191745" s="12"/>
    </row>
    <row r="191746" spans="8:8">
      <c r="H191746" s="12"/>
    </row>
    <row r="191747" spans="8:8">
      <c r="H191747" s="12"/>
    </row>
    <row r="191748" spans="8:8">
      <c r="H191748" s="12"/>
    </row>
    <row r="191749" spans="8:8">
      <c r="H191749" s="12"/>
    </row>
    <row r="191750" spans="8:8">
      <c r="H191750" s="12"/>
    </row>
    <row r="191751" spans="8:8">
      <c r="H191751" s="12"/>
    </row>
    <row r="191752" spans="8:8">
      <c r="H191752" s="12"/>
    </row>
    <row r="191753" spans="8:8">
      <c r="H191753" s="12"/>
    </row>
    <row r="191754" spans="8:8">
      <c r="H191754" s="12"/>
    </row>
    <row r="191755" spans="8:8">
      <c r="H191755" s="12"/>
    </row>
    <row r="191756" spans="8:8">
      <c r="H191756" s="12"/>
    </row>
    <row r="191757" spans="8:8">
      <c r="H191757" s="12"/>
    </row>
    <row r="191758" spans="8:8">
      <c r="H191758" s="12"/>
    </row>
    <row r="191759" spans="8:8">
      <c r="H191759" s="12"/>
    </row>
    <row r="191760" spans="8:8">
      <c r="H191760" s="12"/>
    </row>
    <row r="191761" spans="8:8">
      <c r="H191761" s="12"/>
    </row>
    <row r="191762" spans="8:8">
      <c r="H191762" s="12"/>
    </row>
    <row r="191763" spans="8:8">
      <c r="H191763" s="12"/>
    </row>
    <row r="191764" spans="8:8">
      <c r="H191764" s="12"/>
    </row>
    <row r="191765" spans="8:8">
      <c r="H191765" s="12"/>
    </row>
    <row r="191766" spans="8:8">
      <c r="H191766" s="12"/>
    </row>
    <row r="191767" spans="8:8">
      <c r="H191767" s="12"/>
    </row>
    <row r="191768" spans="8:8">
      <c r="H191768" s="12"/>
    </row>
    <row r="191769" spans="8:8">
      <c r="H191769" s="12"/>
    </row>
    <row r="191770" spans="8:8">
      <c r="H191770" s="12"/>
    </row>
    <row r="191771" spans="8:8">
      <c r="H191771" s="12"/>
    </row>
    <row r="191772" spans="8:8">
      <c r="H191772" s="12"/>
    </row>
    <row r="191773" spans="8:8">
      <c r="H191773" s="12"/>
    </row>
    <row r="191774" spans="8:8">
      <c r="H191774" s="12"/>
    </row>
    <row r="191775" spans="8:8">
      <c r="H191775" s="12"/>
    </row>
    <row r="191776" spans="8:8">
      <c r="H191776" s="12"/>
    </row>
    <row r="191777" spans="8:8">
      <c r="H191777" s="12"/>
    </row>
    <row r="191778" spans="8:8">
      <c r="H191778" s="12"/>
    </row>
    <row r="191779" spans="8:8">
      <c r="H191779" s="12"/>
    </row>
    <row r="191780" spans="8:8">
      <c r="H191780" s="12"/>
    </row>
    <row r="191781" spans="8:8">
      <c r="H191781" s="12"/>
    </row>
    <row r="191782" spans="8:8">
      <c r="H191782" s="12"/>
    </row>
    <row r="191783" spans="8:8">
      <c r="H191783" s="12"/>
    </row>
    <row r="191784" spans="8:8">
      <c r="H191784" s="12"/>
    </row>
    <row r="191785" spans="8:8">
      <c r="H191785" s="12"/>
    </row>
    <row r="191786" spans="8:8">
      <c r="H191786" s="12"/>
    </row>
    <row r="191787" spans="8:8">
      <c r="H191787" s="12"/>
    </row>
    <row r="191788" spans="8:8">
      <c r="H191788" s="12"/>
    </row>
    <row r="191789" spans="8:8">
      <c r="H191789" s="12"/>
    </row>
    <row r="191790" spans="8:8">
      <c r="H191790" s="12"/>
    </row>
    <row r="191791" spans="8:8">
      <c r="H191791" s="12"/>
    </row>
    <row r="191792" spans="8:8">
      <c r="H191792" s="12"/>
    </row>
    <row r="191793" spans="8:8">
      <c r="H191793" s="12"/>
    </row>
    <row r="191794" spans="8:8">
      <c r="H191794" s="12"/>
    </row>
    <row r="191795" spans="8:8">
      <c r="H191795" s="12"/>
    </row>
    <row r="191796" spans="8:8">
      <c r="H191796" s="12"/>
    </row>
    <row r="191797" spans="8:8">
      <c r="H191797" s="12"/>
    </row>
    <row r="191798" spans="8:8">
      <c r="H191798" s="12"/>
    </row>
    <row r="191799" spans="8:8">
      <c r="H191799" s="12"/>
    </row>
    <row r="191800" spans="8:8">
      <c r="H191800" s="12"/>
    </row>
    <row r="191801" spans="8:8">
      <c r="H191801" s="12"/>
    </row>
    <row r="191802" spans="8:8">
      <c r="H191802" s="12"/>
    </row>
    <row r="191803" spans="8:8">
      <c r="H191803" s="12"/>
    </row>
    <row r="191804" spans="8:8">
      <c r="H191804" s="12"/>
    </row>
    <row r="191805" spans="8:8">
      <c r="H191805" s="12"/>
    </row>
    <row r="191806" spans="8:8">
      <c r="H191806" s="12"/>
    </row>
    <row r="191807" spans="8:8">
      <c r="H191807" s="12"/>
    </row>
    <row r="191808" spans="8:8">
      <c r="H191808" s="12"/>
    </row>
    <row r="191809" spans="8:8">
      <c r="H191809" s="12"/>
    </row>
    <row r="191810" spans="8:8">
      <c r="H191810" s="12"/>
    </row>
    <row r="191811" spans="8:8">
      <c r="H191811" s="12"/>
    </row>
    <row r="191812" spans="8:8">
      <c r="H191812" s="12"/>
    </row>
    <row r="191813" spans="8:8">
      <c r="H191813" s="12"/>
    </row>
    <row r="191814" spans="8:8">
      <c r="H191814" s="12"/>
    </row>
    <row r="191815" spans="8:8">
      <c r="H191815" s="12"/>
    </row>
    <row r="191816" spans="8:8">
      <c r="H191816" s="12"/>
    </row>
    <row r="191817" spans="8:8">
      <c r="H191817" s="12"/>
    </row>
    <row r="191818" spans="8:8">
      <c r="H191818" s="12"/>
    </row>
    <row r="191819" spans="8:8">
      <c r="H191819" s="12"/>
    </row>
    <row r="191820" spans="8:8">
      <c r="H191820" s="12"/>
    </row>
    <row r="191821" spans="8:8">
      <c r="H191821" s="12"/>
    </row>
    <row r="191822" spans="8:8">
      <c r="H191822" s="12"/>
    </row>
    <row r="191823" spans="8:8">
      <c r="H191823" s="12"/>
    </row>
    <row r="191824" spans="8:8">
      <c r="H191824" s="12"/>
    </row>
    <row r="191825" spans="8:8">
      <c r="H191825" s="12"/>
    </row>
    <row r="191826" spans="8:8">
      <c r="H191826" s="12"/>
    </row>
    <row r="191827" spans="8:8">
      <c r="H191827" s="12"/>
    </row>
    <row r="191828" spans="8:8">
      <c r="H191828" s="12"/>
    </row>
    <row r="191829" spans="8:8">
      <c r="H191829" s="12"/>
    </row>
    <row r="191830" spans="8:8">
      <c r="H191830" s="12"/>
    </row>
    <row r="191831" spans="8:8">
      <c r="H191831" s="12"/>
    </row>
    <row r="191832" spans="8:8">
      <c r="H191832" s="12"/>
    </row>
    <row r="191833" spans="8:8">
      <c r="H191833" s="12"/>
    </row>
    <row r="191834" spans="8:8">
      <c r="H191834" s="12"/>
    </row>
    <row r="191835" spans="8:8">
      <c r="H191835" s="12"/>
    </row>
    <row r="191836" spans="8:8">
      <c r="H191836" s="12"/>
    </row>
    <row r="191837" spans="8:8">
      <c r="H191837" s="12"/>
    </row>
    <row r="191838" spans="8:8">
      <c r="H191838" s="12"/>
    </row>
    <row r="191839" spans="8:8">
      <c r="H191839" s="12"/>
    </row>
    <row r="191840" spans="8:8">
      <c r="H191840" s="12"/>
    </row>
    <row r="191841" spans="8:8">
      <c r="H191841" s="12"/>
    </row>
    <row r="191842" spans="8:8">
      <c r="H191842" s="12"/>
    </row>
    <row r="191843" spans="8:8">
      <c r="H191843" s="12"/>
    </row>
    <row r="191844" spans="8:8">
      <c r="H191844" s="12"/>
    </row>
    <row r="191845" spans="8:8">
      <c r="H191845" s="12"/>
    </row>
    <row r="191846" spans="8:8">
      <c r="H191846" s="12"/>
    </row>
    <row r="191847" spans="8:8">
      <c r="H191847" s="12"/>
    </row>
    <row r="191848" spans="8:8">
      <c r="H191848" s="12"/>
    </row>
    <row r="191849" spans="8:8">
      <c r="H191849" s="12"/>
    </row>
    <row r="191850" spans="8:8">
      <c r="H191850" s="12"/>
    </row>
    <row r="191851" spans="8:8">
      <c r="H191851" s="12"/>
    </row>
    <row r="191852" spans="8:8">
      <c r="H191852" s="12"/>
    </row>
    <row r="191853" spans="8:8">
      <c r="H191853" s="12"/>
    </row>
    <row r="191854" spans="8:8">
      <c r="H191854" s="12"/>
    </row>
    <row r="191855" spans="8:8">
      <c r="H191855" s="12"/>
    </row>
    <row r="191856" spans="8:8">
      <c r="H191856" s="12"/>
    </row>
    <row r="191857" spans="8:8">
      <c r="H191857" s="12"/>
    </row>
    <row r="191858" spans="8:8">
      <c r="H191858" s="12"/>
    </row>
    <row r="191859" spans="8:8">
      <c r="H191859" s="12"/>
    </row>
    <row r="191860" spans="8:8">
      <c r="H191860" s="12"/>
    </row>
    <row r="191861" spans="8:8">
      <c r="H191861" s="12"/>
    </row>
    <row r="191862" spans="8:8">
      <c r="H191862" s="12"/>
    </row>
    <row r="191863" spans="8:8">
      <c r="H191863" s="12"/>
    </row>
    <row r="191864" spans="8:8">
      <c r="H191864" s="12"/>
    </row>
    <row r="191865" spans="8:8">
      <c r="H191865" s="12"/>
    </row>
    <row r="191866" spans="8:8">
      <c r="H191866" s="12"/>
    </row>
    <row r="191867" spans="8:8">
      <c r="H191867" s="12"/>
    </row>
    <row r="191868" spans="8:8">
      <c r="H191868" s="12"/>
    </row>
    <row r="191869" spans="8:8">
      <c r="H191869" s="12"/>
    </row>
    <row r="191870" spans="8:8">
      <c r="H191870" s="12"/>
    </row>
    <row r="191871" spans="8:8">
      <c r="H191871" s="12"/>
    </row>
    <row r="191872" spans="8:8">
      <c r="H191872" s="12"/>
    </row>
    <row r="191873" spans="8:8">
      <c r="H191873" s="12"/>
    </row>
    <row r="191874" spans="8:8">
      <c r="H191874" s="12"/>
    </row>
    <row r="191875" spans="8:8">
      <c r="H191875" s="12"/>
    </row>
    <row r="191876" spans="8:8">
      <c r="H191876" s="12"/>
    </row>
    <row r="191877" spans="8:8">
      <c r="H191877" s="12"/>
    </row>
    <row r="191878" spans="8:8">
      <c r="H191878" s="12"/>
    </row>
    <row r="191879" spans="8:8">
      <c r="H191879" s="12"/>
    </row>
    <row r="191880" spans="8:8">
      <c r="H191880" s="12"/>
    </row>
    <row r="191881" spans="8:8">
      <c r="H191881" s="12"/>
    </row>
    <row r="191882" spans="8:8">
      <c r="H191882" s="12"/>
    </row>
    <row r="191883" spans="8:8">
      <c r="H191883" s="12"/>
    </row>
    <row r="191884" spans="8:8">
      <c r="H191884" s="12"/>
    </row>
    <row r="191885" spans="8:8">
      <c r="H191885" s="12"/>
    </row>
    <row r="191886" spans="8:8">
      <c r="H191886" s="12"/>
    </row>
    <row r="191887" spans="8:8">
      <c r="H191887" s="12"/>
    </row>
    <row r="191888" spans="8:8">
      <c r="H191888" s="12"/>
    </row>
    <row r="191889" spans="8:8">
      <c r="H191889" s="12"/>
    </row>
    <row r="191890" spans="8:8">
      <c r="H191890" s="12"/>
    </row>
    <row r="191891" spans="8:8">
      <c r="H191891" s="12"/>
    </row>
    <row r="191892" spans="8:8">
      <c r="H191892" s="12"/>
    </row>
    <row r="191893" spans="8:8">
      <c r="H191893" s="12"/>
    </row>
    <row r="191894" spans="8:8">
      <c r="H191894" s="12"/>
    </row>
    <row r="191895" spans="8:8">
      <c r="H191895" s="12"/>
    </row>
    <row r="191896" spans="8:8">
      <c r="H191896" s="12"/>
    </row>
    <row r="191897" spans="8:8">
      <c r="H191897" s="12"/>
    </row>
    <row r="191898" spans="8:8">
      <c r="H191898" s="12"/>
    </row>
    <row r="191899" spans="8:8">
      <c r="H191899" s="12"/>
    </row>
    <row r="191900" spans="8:8">
      <c r="H191900" s="12"/>
    </row>
    <row r="191901" spans="8:8">
      <c r="H191901" s="12"/>
    </row>
    <row r="191902" spans="8:8">
      <c r="H191902" s="12"/>
    </row>
    <row r="191903" spans="8:8">
      <c r="H191903" s="12"/>
    </row>
    <row r="191904" spans="8:8">
      <c r="H191904" s="12"/>
    </row>
    <row r="191905" spans="8:8">
      <c r="H191905" s="12"/>
    </row>
    <row r="191906" spans="8:8">
      <c r="H191906" s="12"/>
    </row>
    <row r="191907" spans="8:8">
      <c r="H191907" s="12"/>
    </row>
    <row r="191908" spans="8:8">
      <c r="H191908" s="12"/>
    </row>
    <row r="191909" spans="8:8">
      <c r="H191909" s="12"/>
    </row>
    <row r="191910" spans="8:8">
      <c r="H191910" s="12"/>
    </row>
    <row r="191911" spans="8:8">
      <c r="H191911" s="12"/>
    </row>
    <row r="191912" spans="8:8">
      <c r="H191912" s="12"/>
    </row>
    <row r="191913" spans="8:8">
      <c r="H191913" s="12"/>
    </row>
    <row r="191914" spans="8:8">
      <c r="H191914" s="12"/>
    </row>
    <row r="191915" spans="8:8">
      <c r="H191915" s="12"/>
    </row>
    <row r="191916" spans="8:8">
      <c r="H191916" s="12"/>
    </row>
    <row r="191917" spans="8:8">
      <c r="H191917" s="12"/>
    </row>
    <row r="191918" spans="8:8">
      <c r="H191918" s="12"/>
    </row>
    <row r="191919" spans="8:8">
      <c r="H191919" s="12"/>
    </row>
    <row r="191920" spans="8:8">
      <c r="H191920" s="12"/>
    </row>
    <row r="191921" spans="8:8">
      <c r="H191921" s="12"/>
    </row>
    <row r="191922" spans="8:8">
      <c r="H191922" s="12"/>
    </row>
    <row r="191923" spans="8:8">
      <c r="H191923" s="12"/>
    </row>
    <row r="191924" spans="8:8">
      <c r="H191924" s="12"/>
    </row>
    <row r="191925" spans="8:8">
      <c r="H191925" s="12"/>
    </row>
    <row r="191926" spans="8:8">
      <c r="H191926" s="12"/>
    </row>
    <row r="191927" spans="8:8">
      <c r="H191927" s="12"/>
    </row>
    <row r="191928" spans="8:8">
      <c r="H191928" s="12"/>
    </row>
    <row r="191929" spans="8:8">
      <c r="H191929" s="12"/>
    </row>
    <row r="191930" spans="8:8">
      <c r="H191930" s="12"/>
    </row>
    <row r="191931" spans="8:8">
      <c r="H191931" s="12"/>
    </row>
    <row r="191932" spans="8:8">
      <c r="H191932" s="12"/>
    </row>
    <row r="191933" spans="8:8">
      <c r="H191933" s="12"/>
    </row>
    <row r="191934" spans="8:8">
      <c r="H191934" s="12"/>
    </row>
    <row r="191935" spans="8:8">
      <c r="H191935" s="12"/>
    </row>
    <row r="191936" spans="8:8">
      <c r="H191936" s="12"/>
    </row>
    <row r="191937" spans="8:8">
      <c r="H191937" s="12"/>
    </row>
    <row r="191938" spans="8:8">
      <c r="H191938" s="12"/>
    </row>
    <row r="191939" spans="8:8">
      <c r="H191939" s="12"/>
    </row>
    <row r="191940" spans="8:8">
      <c r="H191940" s="12"/>
    </row>
    <row r="191941" spans="8:8">
      <c r="H191941" s="12"/>
    </row>
    <row r="191942" spans="8:8">
      <c r="H191942" s="12"/>
    </row>
    <row r="191943" spans="8:8">
      <c r="H191943" s="12"/>
    </row>
    <row r="191944" spans="8:8">
      <c r="H191944" s="12"/>
    </row>
    <row r="191945" spans="8:8">
      <c r="H191945" s="12"/>
    </row>
    <row r="191946" spans="8:8">
      <c r="H191946" s="12"/>
    </row>
    <row r="191947" spans="8:8">
      <c r="H191947" s="12"/>
    </row>
    <row r="191948" spans="8:8">
      <c r="H191948" s="12"/>
    </row>
    <row r="191949" spans="8:8">
      <c r="H191949" s="12"/>
    </row>
    <row r="191950" spans="8:8">
      <c r="H191950" s="12"/>
    </row>
    <row r="191951" spans="8:8">
      <c r="H191951" s="12"/>
    </row>
    <row r="191952" spans="8:8">
      <c r="H191952" s="12"/>
    </row>
    <row r="191953" spans="8:8">
      <c r="H191953" s="12"/>
    </row>
    <row r="191954" spans="8:8">
      <c r="H191954" s="12"/>
    </row>
    <row r="191955" spans="8:8">
      <c r="H191955" s="12"/>
    </row>
    <row r="191956" spans="8:8">
      <c r="H191956" s="12"/>
    </row>
    <row r="191957" spans="8:8">
      <c r="H191957" s="12"/>
    </row>
    <row r="191958" spans="8:8">
      <c r="H191958" s="12"/>
    </row>
    <row r="191959" spans="8:8">
      <c r="H191959" s="12"/>
    </row>
    <row r="191960" spans="8:8">
      <c r="H191960" s="12"/>
    </row>
    <row r="191961" spans="8:8">
      <c r="H191961" s="12"/>
    </row>
    <row r="191962" spans="8:8">
      <c r="H191962" s="12"/>
    </row>
    <row r="191963" spans="8:8">
      <c r="H191963" s="12"/>
    </row>
    <row r="191964" spans="8:8">
      <c r="H191964" s="12"/>
    </row>
    <row r="191965" spans="8:8">
      <c r="H191965" s="12"/>
    </row>
    <row r="191966" spans="8:8">
      <c r="H191966" s="12"/>
    </row>
    <row r="191967" spans="8:8">
      <c r="H191967" s="12"/>
    </row>
    <row r="191968" spans="8:8">
      <c r="H191968" s="12"/>
    </row>
    <row r="191969" spans="8:8">
      <c r="H191969" s="12"/>
    </row>
    <row r="191970" spans="8:8">
      <c r="H191970" s="12"/>
    </row>
    <row r="191971" spans="8:8">
      <c r="H191971" s="12"/>
    </row>
    <row r="191972" spans="8:8">
      <c r="H191972" s="12"/>
    </row>
    <row r="191973" spans="8:8">
      <c r="H191973" s="12"/>
    </row>
    <row r="191974" spans="8:8">
      <c r="H191974" s="12"/>
    </row>
    <row r="191975" spans="8:8">
      <c r="H191975" s="12"/>
    </row>
    <row r="191976" spans="8:8">
      <c r="H191976" s="12"/>
    </row>
    <row r="191977" spans="8:8">
      <c r="H191977" s="12"/>
    </row>
    <row r="191978" spans="8:8">
      <c r="H191978" s="12"/>
    </row>
    <row r="191979" spans="8:8">
      <c r="H191979" s="12"/>
    </row>
    <row r="191980" spans="8:8">
      <c r="H191980" s="12"/>
    </row>
    <row r="191981" spans="8:8">
      <c r="H191981" s="12"/>
    </row>
    <row r="191982" spans="8:8">
      <c r="H191982" s="12"/>
    </row>
    <row r="191983" spans="8:8">
      <c r="H191983" s="12"/>
    </row>
    <row r="191984" spans="8:8">
      <c r="H191984" s="12"/>
    </row>
    <row r="191985" spans="8:8">
      <c r="H191985" s="12"/>
    </row>
    <row r="191986" spans="8:8">
      <c r="H191986" s="12"/>
    </row>
    <row r="191987" spans="8:8">
      <c r="H191987" s="12"/>
    </row>
    <row r="191988" spans="8:8">
      <c r="H191988" s="12"/>
    </row>
    <row r="191989" spans="8:8">
      <c r="H191989" s="12"/>
    </row>
    <row r="191990" spans="8:8">
      <c r="H191990" s="12"/>
    </row>
    <row r="191991" spans="8:8">
      <c r="H191991" s="12"/>
    </row>
    <row r="191992" spans="8:8">
      <c r="H191992" s="12"/>
    </row>
    <row r="191993" spans="8:8">
      <c r="H191993" s="12"/>
    </row>
    <row r="191994" spans="8:8">
      <c r="H191994" s="12"/>
    </row>
    <row r="191995" spans="8:8">
      <c r="H191995" s="12"/>
    </row>
    <row r="191996" spans="8:8">
      <c r="H191996" s="12"/>
    </row>
    <row r="191997" spans="8:8">
      <c r="H191997" s="12"/>
    </row>
    <row r="191998" spans="8:8">
      <c r="H191998" s="12"/>
    </row>
    <row r="191999" spans="8:8">
      <c r="H191999" s="12"/>
    </row>
    <row r="192000" spans="8:8">
      <c r="H192000" s="12"/>
    </row>
    <row r="192001" spans="8:8">
      <c r="H192001" s="12"/>
    </row>
    <row r="192002" spans="8:8">
      <c r="H192002" s="12"/>
    </row>
    <row r="192003" spans="8:8">
      <c r="H192003" s="12"/>
    </row>
    <row r="192004" spans="8:8">
      <c r="H192004" s="12"/>
    </row>
    <row r="192005" spans="8:8">
      <c r="H192005" s="12"/>
    </row>
    <row r="192006" spans="8:8">
      <c r="H192006" s="12"/>
    </row>
    <row r="192007" spans="8:8">
      <c r="H192007" s="12"/>
    </row>
    <row r="192008" spans="8:8">
      <c r="H192008" s="12"/>
    </row>
    <row r="192009" spans="8:8">
      <c r="H192009" s="12"/>
    </row>
    <row r="192010" spans="8:8">
      <c r="H192010" s="12"/>
    </row>
    <row r="192011" spans="8:8">
      <c r="H192011" s="12"/>
    </row>
    <row r="192012" spans="8:8">
      <c r="H192012" s="12"/>
    </row>
    <row r="192013" spans="8:8">
      <c r="H192013" s="12"/>
    </row>
    <row r="192014" spans="8:8">
      <c r="H192014" s="12"/>
    </row>
    <row r="192015" spans="8:8">
      <c r="H192015" s="12"/>
    </row>
    <row r="192016" spans="8:8">
      <c r="H192016" s="12"/>
    </row>
    <row r="192017" spans="8:8">
      <c r="H192017" s="12"/>
    </row>
    <row r="192018" spans="8:8">
      <c r="H192018" s="12"/>
    </row>
    <row r="192019" spans="8:8">
      <c r="H192019" s="12"/>
    </row>
    <row r="192020" spans="8:8">
      <c r="H192020" s="12"/>
    </row>
    <row r="192021" spans="8:8">
      <c r="H192021" s="12"/>
    </row>
    <row r="192022" spans="8:8">
      <c r="H192022" s="12"/>
    </row>
    <row r="192023" spans="8:8">
      <c r="H192023" s="12"/>
    </row>
    <row r="192024" spans="8:8">
      <c r="H192024" s="12"/>
    </row>
    <row r="192025" spans="8:8">
      <c r="H192025" s="12"/>
    </row>
    <row r="192026" spans="8:8">
      <c r="H192026" s="12"/>
    </row>
    <row r="192027" spans="8:8">
      <c r="H192027" s="12"/>
    </row>
    <row r="192028" spans="8:8">
      <c r="H192028" s="12"/>
    </row>
    <row r="192029" spans="8:8">
      <c r="H192029" s="12"/>
    </row>
    <row r="192030" spans="8:8">
      <c r="H192030" s="12"/>
    </row>
    <row r="192031" spans="8:8">
      <c r="H192031" s="12"/>
    </row>
    <row r="192032" spans="8:8">
      <c r="H192032" s="12"/>
    </row>
    <row r="192033" spans="8:8">
      <c r="H192033" s="12"/>
    </row>
    <row r="192034" spans="8:8">
      <c r="H192034" s="12"/>
    </row>
    <row r="192035" spans="8:8">
      <c r="H192035" s="12"/>
    </row>
    <row r="192036" spans="8:8">
      <c r="H192036" s="12"/>
    </row>
    <row r="192037" spans="8:8">
      <c r="H192037" s="12"/>
    </row>
    <row r="192038" spans="8:8">
      <c r="H192038" s="12"/>
    </row>
    <row r="192039" spans="8:8">
      <c r="H192039" s="12"/>
    </row>
    <row r="192040" spans="8:8">
      <c r="H192040" s="12"/>
    </row>
    <row r="192041" spans="8:8">
      <c r="H192041" s="12"/>
    </row>
    <row r="192042" spans="8:8">
      <c r="H192042" s="12"/>
    </row>
    <row r="192043" spans="8:8">
      <c r="H192043" s="12"/>
    </row>
    <row r="192044" spans="8:8">
      <c r="H192044" s="12"/>
    </row>
    <row r="192045" spans="8:8">
      <c r="H192045" s="12"/>
    </row>
    <row r="192046" spans="8:8">
      <c r="H192046" s="12"/>
    </row>
    <row r="192047" spans="8:8">
      <c r="H192047" s="12"/>
    </row>
    <row r="192048" spans="8:8">
      <c r="H192048" s="12"/>
    </row>
    <row r="192049" spans="8:8">
      <c r="H192049" s="12"/>
    </row>
    <row r="192050" spans="8:8">
      <c r="H192050" s="12"/>
    </row>
    <row r="192051" spans="8:8">
      <c r="H192051" s="12"/>
    </row>
    <row r="192052" spans="8:8">
      <c r="H192052" s="12"/>
    </row>
    <row r="192053" spans="8:8">
      <c r="H192053" s="12"/>
    </row>
    <row r="192054" spans="8:8">
      <c r="H192054" s="12"/>
    </row>
    <row r="192055" spans="8:8">
      <c r="H192055" s="12"/>
    </row>
    <row r="192056" spans="8:8">
      <c r="H192056" s="12"/>
    </row>
    <row r="192057" spans="8:8">
      <c r="H192057" s="12"/>
    </row>
    <row r="192058" spans="8:8">
      <c r="H192058" s="12"/>
    </row>
    <row r="192059" spans="8:8">
      <c r="H192059" s="12"/>
    </row>
    <row r="192060" spans="8:8">
      <c r="H192060" s="12"/>
    </row>
    <row r="192061" spans="8:8">
      <c r="H192061" s="12"/>
    </row>
    <row r="192062" spans="8:8">
      <c r="H192062" s="12"/>
    </row>
    <row r="192063" spans="8:8">
      <c r="H192063" s="12"/>
    </row>
    <row r="192064" spans="8:8">
      <c r="H192064" s="12"/>
    </row>
    <row r="192065" spans="8:8">
      <c r="H192065" s="12"/>
    </row>
    <row r="192066" spans="8:8">
      <c r="H192066" s="12"/>
    </row>
    <row r="192067" spans="8:8">
      <c r="H192067" s="12"/>
    </row>
    <row r="192068" spans="8:8">
      <c r="H192068" s="12"/>
    </row>
    <row r="192069" spans="8:8">
      <c r="H192069" s="12"/>
    </row>
    <row r="192070" spans="8:8">
      <c r="H192070" s="12"/>
    </row>
    <row r="192071" spans="8:8">
      <c r="H192071" s="12"/>
    </row>
    <row r="192072" spans="8:8">
      <c r="H192072" s="12"/>
    </row>
    <row r="192073" spans="8:8">
      <c r="H192073" s="12"/>
    </row>
    <row r="192074" spans="8:8">
      <c r="H192074" s="12"/>
    </row>
    <row r="192075" spans="8:8">
      <c r="H192075" s="12"/>
    </row>
    <row r="192076" spans="8:8">
      <c r="H192076" s="12"/>
    </row>
    <row r="192077" spans="8:8">
      <c r="H192077" s="12"/>
    </row>
    <row r="192078" spans="8:8">
      <c r="H192078" s="12"/>
    </row>
    <row r="192079" spans="8:8">
      <c r="H192079" s="12"/>
    </row>
    <row r="192080" spans="8:8">
      <c r="H192080" s="12"/>
    </row>
    <row r="192081" spans="8:8">
      <c r="H192081" s="12"/>
    </row>
    <row r="192082" spans="8:8">
      <c r="H192082" s="12"/>
    </row>
    <row r="192083" spans="8:8">
      <c r="H192083" s="12"/>
    </row>
    <row r="192084" spans="8:8">
      <c r="H192084" s="12"/>
    </row>
    <row r="192085" spans="8:8">
      <c r="H192085" s="12"/>
    </row>
    <row r="192086" spans="8:8">
      <c r="H192086" s="12"/>
    </row>
    <row r="192087" spans="8:8">
      <c r="H192087" s="12"/>
    </row>
    <row r="192088" spans="8:8">
      <c r="H192088" s="12"/>
    </row>
    <row r="192089" spans="8:8">
      <c r="H192089" s="12"/>
    </row>
    <row r="192090" spans="8:8">
      <c r="H192090" s="12"/>
    </row>
    <row r="192091" spans="8:8">
      <c r="H192091" s="12"/>
    </row>
    <row r="192092" spans="8:8">
      <c r="H192092" s="12"/>
    </row>
    <row r="192093" spans="8:8">
      <c r="H192093" s="12"/>
    </row>
    <row r="192094" spans="8:8">
      <c r="H192094" s="12"/>
    </row>
    <row r="192095" spans="8:8">
      <c r="H192095" s="12"/>
    </row>
    <row r="192096" spans="8:8">
      <c r="H192096" s="12"/>
    </row>
    <row r="192097" spans="8:8">
      <c r="H192097" s="12"/>
    </row>
    <row r="192098" spans="8:8">
      <c r="H192098" s="12"/>
    </row>
    <row r="192099" spans="8:8">
      <c r="H192099" s="12"/>
    </row>
    <row r="192100" spans="8:8">
      <c r="H192100" s="12"/>
    </row>
    <row r="192101" spans="8:8">
      <c r="H192101" s="12"/>
    </row>
    <row r="192102" spans="8:8">
      <c r="H192102" s="12"/>
    </row>
    <row r="192103" spans="8:8">
      <c r="H192103" s="12"/>
    </row>
    <row r="192104" spans="8:8">
      <c r="H192104" s="12"/>
    </row>
    <row r="192105" spans="8:8">
      <c r="H192105" s="12"/>
    </row>
    <row r="192106" spans="8:8">
      <c r="H192106" s="12"/>
    </row>
    <row r="192107" spans="8:8">
      <c r="H192107" s="12"/>
    </row>
    <row r="192108" spans="8:8">
      <c r="H192108" s="12"/>
    </row>
    <row r="192109" spans="8:8">
      <c r="H192109" s="12"/>
    </row>
    <row r="192110" spans="8:8">
      <c r="H192110" s="12"/>
    </row>
    <row r="192111" spans="8:8">
      <c r="H192111" s="12"/>
    </row>
    <row r="192112" spans="8:8">
      <c r="H192112" s="12"/>
    </row>
    <row r="192113" spans="8:8">
      <c r="H192113" s="12"/>
    </row>
    <row r="192114" spans="8:8">
      <c r="H192114" s="12"/>
    </row>
    <row r="192115" spans="8:8">
      <c r="H192115" s="12"/>
    </row>
    <row r="192116" spans="8:8">
      <c r="H192116" s="12"/>
    </row>
    <row r="192117" spans="8:8">
      <c r="H192117" s="12"/>
    </row>
    <row r="192118" spans="8:8">
      <c r="H192118" s="12"/>
    </row>
    <row r="192119" spans="8:8">
      <c r="H192119" s="12"/>
    </row>
    <row r="192120" spans="8:8">
      <c r="H192120" s="12"/>
    </row>
    <row r="192121" spans="8:8">
      <c r="H192121" s="12"/>
    </row>
    <row r="192122" spans="8:8">
      <c r="H192122" s="12"/>
    </row>
    <row r="192123" spans="8:8">
      <c r="H192123" s="12"/>
    </row>
    <row r="192124" spans="8:8">
      <c r="H192124" s="12"/>
    </row>
    <row r="192125" spans="8:8">
      <c r="H192125" s="12"/>
    </row>
    <row r="192126" spans="8:8">
      <c r="H192126" s="12"/>
    </row>
    <row r="192127" spans="8:8">
      <c r="H192127" s="12"/>
    </row>
    <row r="192128" spans="8:8">
      <c r="H192128" s="12"/>
    </row>
    <row r="192129" spans="8:8">
      <c r="H192129" s="12"/>
    </row>
    <row r="192130" spans="8:8">
      <c r="H192130" s="12"/>
    </row>
    <row r="192131" spans="8:8">
      <c r="H192131" s="12"/>
    </row>
    <row r="192132" spans="8:8">
      <c r="H192132" s="12"/>
    </row>
    <row r="192133" spans="8:8">
      <c r="H192133" s="12"/>
    </row>
    <row r="192134" spans="8:8">
      <c r="H192134" s="12"/>
    </row>
    <row r="192135" spans="8:8">
      <c r="H192135" s="12"/>
    </row>
    <row r="192136" spans="8:8">
      <c r="H192136" s="12"/>
    </row>
    <row r="192137" spans="8:8">
      <c r="H192137" s="12"/>
    </row>
    <row r="192138" spans="8:8">
      <c r="H192138" s="12"/>
    </row>
    <row r="192139" spans="8:8">
      <c r="H192139" s="12"/>
    </row>
    <row r="192140" spans="8:8">
      <c r="H192140" s="12"/>
    </row>
    <row r="192141" spans="8:8">
      <c r="H192141" s="12"/>
    </row>
    <row r="192142" spans="8:8">
      <c r="H192142" s="12"/>
    </row>
    <row r="192143" spans="8:8">
      <c r="H192143" s="12"/>
    </row>
    <row r="192144" spans="8:8">
      <c r="H192144" s="12"/>
    </row>
    <row r="192145" spans="8:8">
      <c r="H192145" s="12"/>
    </row>
    <row r="192146" spans="8:8">
      <c r="H192146" s="12"/>
    </row>
    <row r="192147" spans="8:8">
      <c r="H192147" s="12"/>
    </row>
    <row r="192148" spans="8:8">
      <c r="H192148" s="12"/>
    </row>
    <row r="192149" spans="8:8">
      <c r="H192149" s="12"/>
    </row>
    <row r="192150" spans="8:8">
      <c r="H192150" s="12"/>
    </row>
    <row r="192151" spans="8:8">
      <c r="H192151" s="12"/>
    </row>
    <row r="192152" spans="8:8">
      <c r="H192152" s="12"/>
    </row>
    <row r="192153" spans="8:8">
      <c r="H192153" s="12"/>
    </row>
    <row r="192154" spans="8:8">
      <c r="H192154" s="12"/>
    </row>
    <row r="192155" spans="8:8">
      <c r="H192155" s="12"/>
    </row>
    <row r="192156" spans="8:8">
      <c r="H192156" s="12"/>
    </row>
    <row r="192157" spans="8:8">
      <c r="H192157" s="12"/>
    </row>
    <row r="192158" spans="8:8">
      <c r="H192158" s="12"/>
    </row>
    <row r="192159" spans="8:8">
      <c r="H192159" s="12"/>
    </row>
    <row r="192160" spans="8:8">
      <c r="H192160" s="12"/>
    </row>
    <row r="192161" spans="8:8">
      <c r="H192161" s="12"/>
    </row>
    <row r="192162" spans="8:8">
      <c r="H192162" s="12"/>
    </row>
    <row r="192163" spans="8:8">
      <c r="H192163" s="12"/>
    </row>
    <row r="192164" spans="8:8">
      <c r="H192164" s="12"/>
    </row>
    <row r="192165" spans="8:8">
      <c r="H192165" s="12"/>
    </row>
    <row r="192166" spans="8:8">
      <c r="H192166" s="12"/>
    </row>
    <row r="192167" spans="8:8">
      <c r="H192167" s="12"/>
    </row>
    <row r="192168" spans="8:8">
      <c r="H192168" s="12"/>
    </row>
    <row r="192169" spans="8:8">
      <c r="H192169" s="12"/>
    </row>
    <row r="192170" spans="8:8">
      <c r="H192170" s="12"/>
    </row>
    <row r="192171" spans="8:8">
      <c r="H192171" s="12"/>
    </row>
    <row r="192172" spans="8:8">
      <c r="H192172" s="12"/>
    </row>
    <row r="192173" spans="8:8">
      <c r="H192173" s="12"/>
    </row>
    <row r="192174" spans="8:8">
      <c r="H192174" s="12"/>
    </row>
    <row r="192175" spans="8:8">
      <c r="H192175" s="12"/>
    </row>
    <row r="192176" spans="8:8">
      <c r="H192176" s="12"/>
    </row>
    <row r="192177" spans="8:8">
      <c r="H192177" s="12"/>
    </row>
    <row r="192178" spans="8:8">
      <c r="H192178" s="12"/>
    </row>
    <row r="192179" spans="8:8">
      <c r="H192179" s="12"/>
    </row>
    <row r="192180" spans="8:8">
      <c r="H192180" s="12"/>
    </row>
    <row r="192181" spans="8:8">
      <c r="H192181" s="12"/>
    </row>
    <row r="192182" spans="8:8">
      <c r="H192182" s="12"/>
    </row>
    <row r="192183" spans="8:8">
      <c r="H192183" s="12"/>
    </row>
    <row r="192184" spans="8:8">
      <c r="H192184" s="12"/>
    </row>
    <row r="192185" spans="8:8">
      <c r="H192185" s="12"/>
    </row>
    <row r="192186" spans="8:8">
      <c r="H192186" s="12"/>
    </row>
    <row r="192187" spans="8:8">
      <c r="H192187" s="12"/>
    </row>
    <row r="192188" spans="8:8">
      <c r="H192188" s="12"/>
    </row>
    <row r="192189" spans="8:8">
      <c r="H192189" s="12"/>
    </row>
    <row r="192190" spans="8:8">
      <c r="H192190" s="12"/>
    </row>
    <row r="192191" spans="8:8">
      <c r="H192191" s="12"/>
    </row>
    <row r="192192" spans="8:8">
      <c r="H192192" s="12"/>
    </row>
    <row r="192193" spans="8:8">
      <c r="H192193" s="12"/>
    </row>
    <row r="192194" spans="8:8">
      <c r="H192194" s="12"/>
    </row>
    <row r="192195" spans="8:8">
      <c r="H192195" s="12"/>
    </row>
    <row r="192196" spans="8:8">
      <c r="H192196" s="12"/>
    </row>
    <row r="192197" spans="8:8">
      <c r="H192197" s="12"/>
    </row>
    <row r="192198" spans="8:8">
      <c r="H192198" s="12"/>
    </row>
    <row r="192199" spans="8:8">
      <c r="H192199" s="12"/>
    </row>
    <row r="192200" spans="8:8">
      <c r="H192200" s="12"/>
    </row>
    <row r="192201" spans="8:8">
      <c r="H192201" s="12"/>
    </row>
    <row r="192202" spans="8:8">
      <c r="H192202" s="12"/>
    </row>
    <row r="192203" spans="8:8">
      <c r="H192203" s="12"/>
    </row>
    <row r="192204" spans="8:8">
      <c r="H192204" s="12"/>
    </row>
    <row r="192205" spans="8:8">
      <c r="H192205" s="12"/>
    </row>
    <row r="192206" spans="8:8">
      <c r="H192206" s="12"/>
    </row>
    <row r="192207" spans="8:8">
      <c r="H192207" s="12"/>
    </row>
    <row r="192208" spans="8:8">
      <c r="H192208" s="12"/>
    </row>
    <row r="192209" spans="8:8">
      <c r="H192209" s="12"/>
    </row>
    <row r="192210" spans="8:8">
      <c r="H192210" s="12"/>
    </row>
    <row r="192211" spans="8:8">
      <c r="H192211" s="12"/>
    </row>
    <row r="192212" spans="8:8">
      <c r="H192212" s="12"/>
    </row>
    <row r="192213" spans="8:8">
      <c r="H192213" s="12"/>
    </row>
    <row r="192214" spans="8:8">
      <c r="H192214" s="12"/>
    </row>
    <row r="192215" spans="8:8">
      <c r="H192215" s="12"/>
    </row>
    <row r="192216" spans="8:8">
      <c r="H192216" s="12"/>
    </row>
    <row r="192217" spans="8:8">
      <c r="H192217" s="12"/>
    </row>
    <row r="192218" spans="8:8">
      <c r="H192218" s="12"/>
    </row>
    <row r="192219" spans="8:8">
      <c r="H192219" s="12"/>
    </row>
    <row r="192220" spans="8:8">
      <c r="H192220" s="12"/>
    </row>
    <row r="192221" spans="8:8">
      <c r="H192221" s="12"/>
    </row>
    <row r="192222" spans="8:8">
      <c r="H192222" s="12"/>
    </row>
    <row r="192223" spans="8:8">
      <c r="H192223" s="12"/>
    </row>
    <row r="192224" spans="8:8">
      <c r="H192224" s="12"/>
    </row>
    <row r="192225" spans="8:8">
      <c r="H192225" s="12"/>
    </row>
    <row r="192226" spans="8:8">
      <c r="H192226" s="12"/>
    </row>
    <row r="192227" spans="8:8">
      <c r="H192227" s="12"/>
    </row>
    <row r="192228" spans="8:8">
      <c r="H192228" s="12"/>
    </row>
    <row r="192229" spans="8:8">
      <c r="H192229" s="12"/>
    </row>
    <row r="192230" spans="8:8">
      <c r="H192230" s="12"/>
    </row>
    <row r="192231" spans="8:8">
      <c r="H192231" s="12"/>
    </row>
    <row r="192232" spans="8:8">
      <c r="H192232" s="12"/>
    </row>
    <row r="192233" spans="8:8">
      <c r="H192233" s="12"/>
    </row>
    <row r="192234" spans="8:8">
      <c r="H192234" s="12"/>
    </row>
    <row r="192235" spans="8:8">
      <c r="H192235" s="12"/>
    </row>
    <row r="192236" spans="8:8">
      <c r="H192236" s="12"/>
    </row>
    <row r="192237" spans="8:8">
      <c r="H192237" s="12"/>
    </row>
    <row r="192238" spans="8:8">
      <c r="H192238" s="12"/>
    </row>
    <row r="192239" spans="8:8">
      <c r="H192239" s="12"/>
    </row>
    <row r="192240" spans="8:8">
      <c r="H192240" s="12"/>
    </row>
    <row r="192241" spans="8:8">
      <c r="H192241" s="12"/>
    </row>
    <row r="192242" spans="8:8">
      <c r="H192242" s="12"/>
    </row>
    <row r="192243" spans="8:8">
      <c r="H192243" s="12"/>
    </row>
    <row r="192244" spans="8:8">
      <c r="H192244" s="12"/>
    </row>
    <row r="192245" spans="8:8">
      <c r="H192245" s="12"/>
    </row>
    <row r="192246" spans="8:8">
      <c r="H192246" s="12"/>
    </row>
    <row r="192247" spans="8:8">
      <c r="H192247" s="12"/>
    </row>
    <row r="192248" spans="8:8">
      <c r="H192248" s="12"/>
    </row>
    <row r="192249" spans="8:8">
      <c r="H192249" s="12"/>
    </row>
    <row r="192250" spans="8:8">
      <c r="H192250" s="12"/>
    </row>
    <row r="192251" spans="8:8">
      <c r="H192251" s="12"/>
    </row>
    <row r="192252" spans="8:8">
      <c r="H192252" s="12"/>
    </row>
    <row r="192253" spans="8:8">
      <c r="H192253" s="12"/>
    </row>
    <row r="192254" spans="8:8">
      <c r="H192254" s="12"/>
    </row>
    <row r="192255" spans="8:8">
      <c r="H192255" s="12"/>
    </row>
    <row r="192256" spans="8:8">
      <c r="H192256" s="12"/>
    </row>
    <row r="192257" spans="8:8">
      <c r="H192257" s="12"/>
    </row>
    <row r="192258" spans="8:8">
      <c r="H192258" s="12"/>
    </row>
    <row r="192259" spans="8:8">
      <c r="H192259" s="12"/>
    </row>
    <row r="192260" spans="8:8">
      <c r="H192260" s="12"/>
    </row>
    <row r="192261" spans="8:8">
      <c r="H192261" s="12"/>
    </row>
    <row r="192262" spans="8:8">
      <c r="H192262" s="12"/>
    </row>
    <row r="192263" spans="8:8">
      <c r="H192263" s="12"/>
    </row>
    <row r="192264" spans="8:8">
      <c r="H192264" s="12"/>
    </row>
    <row r="192265" spans="8:8">
      <c r="H192265" s="12"/>
    </row>
    <row r="192266" spans="8:8">
      <c r="H192266" s="12"/>
    </row>
    <row r="192267" spans="8:8">
      <c r="H192267" s="12"/>
    </row>
    <row r="192268" spans="8:8">
      <c r="H192268" s="12"/>
    </row>
    <row r="192269" spans="8:8">
      <c r="H192269" s="12"/>
    </row>
    <row r="192270" spans="8:8">
      <c r="H192270" s="12"/>
    </row>
    <row r="192271" spans="8:8">
      <c r="H192271" s="12"/>
    </row>
    <row r="192272" spans="8:8">
      <c r="H192272" s="12"/>
    </row>
    <row r="192273" spans="8:8">
      <c r="H192273" s="12"/>
    </row>
    <row r="192274" spans="8:8">
      <c r="H192274" s="12"/>
    </row>
    <row r="192275" spans="8:8">
      <c r="H192275" s="12"/>
    </row>
    <row r="192276" spans="8:8">
      <c r="H192276" s="12"/>
    </row>
    <row r="192277" spans="8:8">
      <c r="H192277" s="12"/>
    </row>
    <row r="192278" spans="8:8">
      <c r="H192278" s="12"/>
    </row>
    <row r="192279" spans="8:8">
      <c r="H192279" s="12"/>
    </row>
    <row r="192280" spans="8:8">
      <c r="H192280" s="12"/>
    </row>
    <row r="192281" spans="8:8">
      <c r="H192281" s="12"/>
    </row>
    <row r="192282" spans="8:8">
      <c r="H192282" s="12"/>
    </row>
    <row r="192283" spans="8:8">
      <c r="H192283" s="12"/>
    </row>
    <row r="192284" spans="8:8">
      <c r="H192284" s="12"/>
    </row>
    <row r="192285" spans="8:8">
      <c r="H192285" s="12"/>
    </row>
    <row r="192286" spans="8:8">
      <c r="H192286" s="12"/>
    </row>
    <row r="192287" spans="8:8">
      <c r="H192287" s="12"/>
    </row>
    <row r="192288" spans="8:8">
      <c r="H192288" s="12"/>
    </row>
    <row r="192289" spans="8:8">
      <c r="H192289" s="12"/>
    </row>
    <row r="192290" spans="8:8">
      <c r="H192290" s="12"/>
    </row>
    <row r="192291" spans="8:8">
      <c r="H192291" s="12"/>
    </row>
    <row r="192292" spans="8:8">
      <c r="H192292" s="12"/>
    </row>
    <row r="192293" spans="8:8">
      <c r="H192293" s="12"/>
    </row>
    <row r="192294" spans="8:8">
      <c r="H192294" s="12"/>
    </row>
    <row r="192295" spans="8:8">
      <c r="H192295" s="12"/>
    </row>
    <row r="192296" spans="8:8">
      <c r="H192296" s="12"/>
    </row>
    <row r="192297" spans="8:8">
      <c r="H192297" s="12"/>
    </row>
    <row r="192298" spans="8:8">
      <c r="H192298" s="12"/>
    </row>
    <row r="192299" spans="8:8">
      <c r="H192299" s="12"/>
    </row>
    <row r="192300" spans="8:8">
      <c r="H192300" s="12"/>
    </row>
    <row r="192301" spans="8:8">
      <c r="H192301" s="12"/>
    </row>
    <row r="192302" spans="8:8">
      <c r="H192302" s="12"/>
    </row>
    <row r="192303" spans="8:8">
      <c r="H192303" s="12"/>
    </row>
    <row r="192304" spans="8:8">
      <c r="H192304" s="12"/>
    </row>
    <row r="192305" spans="8:8">
      <c r="H192305" s="12"/>
    </row>
    <row r="192306" spans="8:8">
      <c r="H192306" s="12"/>
    </row>
    <row r="192307" spans="8:8">
      <c r="H192307" s="12"/>
    </row>
    <row r="192308" spans="8:8">
      <c r="H192308" s="12"/>
    </row>
    <row r="192309" spans="8:8">
      <c r="H192309" s="12"/>
    </row>
    <row r="192310" spans="8:8">
      <c r="H192310" s="12"/>
    </row>
    <row r="192311" spans="8:8">
      <c r="H192311" s="12"/>
    </row>
    <row r="192312" spans="8:8">
      <c r="H192312" s="12"/>
    </row>
    <row r="192313" spans="8:8">
      <c r="H192313" s="12"/>
    </row>
    <row r="192314" spans="8:8">
      <c r="H192314" s="12"/>
    </row>
    <row r="192315" spans="8:8">
      <c r="H192315" s="12"/>
    </row>
    <row r="192316" spans="8:8">
      <c r="H192316" s="12"/>
    </row>
    <row r="192317" spans="8:8">
      <c r="H192317" s="12"/>
    </row>
    <row r="192318" spans="8:8">
      <c r="H192318" s="12"/>
    </row>
    <row r="192319" spans="8:8">
      <c r="H192319" s="12"/>
    </row>
    <row r="192320" spans="8:8">
      <c r="H192320" s="12"/>
    </row>
    <row r="192321" spans="8:8">
      <c r="H192321" s="12"/>
    </row>
    <row r="192322" spans="8:8">
      <c r="H192322" s="12"/>
    </row>
    <row r="192323" spans="8:8">
      <c r="H192323" s="12"/>
    </row>
    <row r="192324" spans="8:8">
      <c r="H192324" s="12"/>
    </row>
    <row r="192325" spans="8:8">
      <c r="H192325" s="12"/>
    </row>
    <row r="192326" spans="8:8">
      <c r="H192326" s="12"/>
    </row>
    <row r="192327" spans="8:8">
      <c r="H192327" s="12"/>
    </row>
    <row r="192328" spans="8:8">
      <c r="H192328" s="12"/>
    </row>
    <row r="192329" spans="8:8">
      <c r="H192329" s="12"/>
    </row>
    <row r="192330" spans="8:8">
      <c r="H192330" s="12"/>
    </row>
    <row r="192331" spans="8:8">
      <c r="H192331" s="12"/>
    </row>
    <row r="192332" spans="8:8">
      <c r="H192332" s="12"/>
    </row>
    <row r="192333" spans="8:8">
      <c r="H192333" s="12"/>
    </row>
    <row r="192334" spans="8:8">
      <c r="H192334" s="12"/>
    </row>
    <row r="192335" spans="8:8">
      <c r="H192335" s="12"/>
    </row>
    <row r="192336" spans="8:8">
      <c r="H192336" s="12"/>
    </row>
    <row r="192337" spans="8:8">
      <c r="H192337" s="12"/>
    </row>
    <row r="192338" spans="8:8">
      <c r="H192338" s="12"/>
    </row>
    <row r="192339" spans="8:8">
      <c r="H192339" s="12"/>
    </row>
    <row r="192340" spans="8:8">
      <c r="H192340" s="12"/>
    </row>
    <row r="192341" spans="8:8">
      <c r="H192341" s="12"/>
    </row>
    <row r="192342" spans="8:8">
      <c r="H192342" s="12"/>
    </row>
    <row r="192343" spans="8:8">
      <c r="H192343" s="12"/>
    </row>
    <row r="192344" spans="8:8">
      <c r="H192344" s="12"/>
    </row>
    <row r="192345" spans="8:8">
      <c r="H192345" s="12"/>
    </row>
    <row r="192346" spans="8:8">
      <c r="H192346" s="12"/>
    </row>
    <row r="192347" spans="8:8">
      <c r="H192347" s="12"/>
    </row>
    <row r="192348" spans="8:8">
      <c r="H192348" s="12"/>
    </row>
    <row r="192349" spans="8:8">
      <c r="H192349" s="12"/>
    </row>
    <row r="192350" spans="8:8">
      <c r="H192350" s="12"/>
    </row>
    <row r="192351" spans="8:8">
      <c r="H192351" s="12"/>
    </row>
    <row r="192352" spans="8:8">
      <c r="H192352" s="12"/>
    </row>
    <row r="192353" spans="8:8">
      <c r="H192353" s="12"/>
    </row>
    <row r="192354" spans="8:8">
      <c r="H192354" s="12"/>
    </row>
    <row r="192355" spans="8:8">
      <c r="H192355" s="12"/>
    </row>
    <row r="192356" spans="8:8">
      <c r="H192356" s="12"/>
    </row>
    <row r="192357" spans="8:8">
      <c r="H192357" s="12"/>
    </row>
    <row r="192358" spans="8:8">
      <c r="H192358" s="12"/>
    </row>
    <row r="192359" spans="8:8">
      <c r="H192359" s="12"/>
    </row>
    <row r="192360" spans="8:8">
      <c r="H192360" s="12"/>
    </row>
    <row r="192361" spans="8:8">
      <c r="H192361" s="12"/>
    </row>
    <row r="192362" spans="8:8">
      <c r="H192362" s="12"/>
    </row>
    <row r="192363" spans="8:8">
      <c r="H192363" s="12"/>
    </row>
    <row r="192364" spans="8:8">
      <c r="H192364" s="12"/>
    </row>
    <row r="192365" spans="8:8">
      <c r="H192365" s="12"/>
    </row>
    <row r="192366" spans="8:8">
      <c r="H192366" s="12"/>
    </row>
    <row r="192367" spans="8:8">
      <c r="H192367" s="12"/>
    </row>
    <row r="192368" spans="8:8">
      <c r="H192368" s="12"/>
    </row>
    <row r="192369" spans="8:8">
      <c r="H192369" s="12"/>
    </row>
    <row r="192370" spans="8:8">
      <c r="H192370" s="12"/>
    </row>
    <row r="192371" spans="8:8">
      <c r="H192371" s="12"/>
    </row>
    <row r="192372" spans="8:8">
      <c r="H192372" s="12"/>
    </row>
    <row r="192373" spans="8:8">
      <c r="H192373" s="12"/>
    </row>
    <row r="192374" spans="8:8">
      <c r="H192374" s="12"/>
    </row>
    <row r="192375" spans="8:8">
      <c r="H192375" s="12"/>
    </row>
    <row r="192376" spans="8:8">
      <c r="H192376" s="12"/>
    </row>
    <row r="192377" spans="8:8">
      <c r="H192377" s="12"/>
    </row>
    <row r="192378" spans="8:8">
      <c r="H192378" s="12"/>
    </row>
    <row r="192379" spans="8:8">
      <c r="H192379" s="12"/>
    </row>
    <row r="192380" spans="8:8">
      <c r="H192380" s="12"/>
    </row>
    <row r="192381" spans="8:8">
      <c r="H192381" s="12"/>
    </row>
    <row r="192382" spans="8:8">
      <c r="H192382" s="12"/>
    </row>
    <row r="192383" spans="8:8">
      <c r="H192383" s="12"/>
    </row>
    <row r="192384" spans="8:8">
      <c r="H192384" s="12"/>
    </row>
    <row r="192385" spans="8:8">
      <c r="H192385" s="12"/>
    </row>
    <row r="192386" spans="8:8">
      <c r="H192386" s="12"/>
    </row>
    <row r="192387" spans="8:8">
      <c r="H192387" s="12"/>
    </row>
    <row r="192388" spans="8:8">
      <c r="H192388" s="12"/>
    </row>
    <row r="192389" spans="8:8">
      <c r="H192389" s="12"/>
    </row>
    <row r="192390" spans="8:8">
      <c r="H192390" s="12"/>
    </row>
    <row r="192391" spans="8:8">
      <c r="H192391" s="12"/>
    </row>
    <row r="192392" spans="8:8">
      <c r="H192392" s="12"/>
    </row>
    <row r="192393" spans="8:8">
      <c r="H192393" s="12"/>
    </row>
    <row r="192394" spans="8:8">
      <c r="H192394" s="12"/>
    </row>
    <row r="192395" spans="8:8">
      <c r="H192395" s="12"/>
    </row>
    <row r="192396" spans="8:8">
      <c r="H192396" s="12"/>
    </row>
    <row r="192397" spans="8:8">
      <c r="H192397" s="12"/>
    </row>
    <row r="192398" spans="8:8">
      <c r="H192398" s="12"/>
    </row>
    <row r="192399" spans="8:8">
      <c r="H192399" s="12"/>
    </row>
    <row r="192400" spans="8:8">
      <c r="H192400" s="12"/>
    </row>
    <row r="192401" spans="8:8">
      <c r="H192401" s="12"/>
    </row>
    <row r="192402" spans="8:8">
      <c r="H192402" s="12"/>
    </row>
    <row r="192403" spans="8:8">
      <c r="H192403" s="12"/>
    </row>
    <row r="192404" spans="8:8">
      <c r="H192404" s="12"/>
    </row>
    <row r="192405" spans="8:8">
      <c r="H192405" s="12"/>
    </row>
    <row r="192406" spans="8:8">
      <c r="H192406" s="12"/>
    </row>
    <row r="192407" spans="8:8">
      <c r="H192407" s="12"/>
    </row>
    <row r="192408" spans="8:8">
      <c r="H192408" s="12"/>
    </row>
    <row r="192409" spans="8:8">
      <c r="H192409" s="12"/>
    </row>
    <row r="192410" spans="8:8">
      <c r="H192410" s="12"/>
    </row>
    <row r="192411" spans="8:8">
      <c r="H192411" s="12"/>
    </row>
    <row r="192412" spans="8:8">
      <c r="H192412" s="12"/>
    </row>
    <row r="192413" spans="8:8">
      <c r="H192413" s="12"/>
    </row>
    <row r="192414" spans="8:8">
      <c r="H192414" s="12"/>
    </row>
    <row r="192415" spans="8:8">
      <c r="H192415" s="12"/>
    </row>
    <row r="192416" spans="8:8">
      <c r="H192416" s="12"/>
    </row>
    <row r="192417" spans="8:8">
      <c r="H192417" s="12"/>
    </row>
    <row r="192418" spans="8:8">
      <c r="H192418" s="12"/>
    </row>
    <row r="192419" spans="8:8">
      <c r="H192419" s="12"/>
    </row>
    <row r="192420" spans="8:8">
      <c r="H192420" s="12"/>
    </row>
    <row r="192421" spans="8:8">
      <c r="H192421" s="12"/>
    </row>
    <row r="192422" spans="8:8">
      <c r="H192422" s="12"/>
    </row>
    <row r="192423" spans="8:8">
      <c r="H192423" s="12"/>
    </row>
    <row r="192424" spans="8:8">
      <c r="H192424" s="12"/>
    </row>
    <row r="192425" spans="8:8">
      <c r="H192425" s="12"/>
    </row>
    <row r="192426" spans="8:8">
      <c r="H192426" s="12"/>
    </row>
    <row r="192427" spans="8:8">
      <c r="H192427" s="12"/>
    </row>
    <row r="192428" spans="8:8">
      <c r="H192428" s="12"/>
    </row>
    <row r="192429" spans="8:8">
      <c r="H192429" s="12"/>
    </row>
    <row r="192430" spans="8:8">
      <c r="H192430" s="12"/>
    </row>
    <row r="192431" spans="8:8">
      <c r="H192431" s="12"/>
    </row>
    <row r="192432" spans="8:8">
      <c r="H192432" s="12"/>
    </row>
    <row r="192433" spans="8:8">
      <c r="H192433" s="12"/>
    </row>
    <row r="192434" spans="8:8">
      <c r="H192434" s="12"/>
    </row>
    <row r="192435" spans="8:8">
      <c r="H192435" s="12"/>
    </row>
    <row r="192436" spans="8:8">
      <c r="H192436" s="12"/>
    </row>
    <row r="192437" spans="8:8">
      <c r="H192437" s="12"/>
    </row>
    <row r="192438" spans="8:8">
      <c r="H192438" s="12"/>
    </row>
    <row r="192439" spans="8:8">
      <c r="H192439" s="12"/>
    </row>
    <row r="192440" spans="8:8">
      <c r="H192440" s="12"/>
    </row>
    <row r="192441" spans="8:8">
      <c r="H192441" s="12"/>
    </row>
    <row r="192442" spans="8:8">
      <c r="H192442" s="12"/>
    </row>
    <row r="192443" spans="8:8">
      <c r="H192443" s="12"/>
    </row>
    <row r="192444" spans="8:8">
      <c r="H192444" s="12"/>
    </row>
    <row r="192445" spans="8:8">
      <c r="H192445" s="12"/>
    </row>
    <row r="192446" spans="8:8">
      <c r="H192446" s="12"/>
    </row>
    <row r="192447" spans="8:8">
      <c r="H192447" s="12"/>
    </row>
    <row r="192448" spans="8:8">
      <c r="H192448" s="12"/>
    </row>
    <row r="192449" spans="8:8">
      <c r="H192449" s="12"/>
    </row>
    <row r="192450" spans="8:8">
      <c r="H192450" s="12"/>
    </row>
    <row r="192451" spans="8:8">
      <c r="H192451" s="12"/>
    </row>
    <row r="192452" spans="8:8">
      <c r="H192452" s="12"/>
    </row>
    <row r="192453" spans="8:8">
      <c r="H192453" s="12"/>
    </row>
    <row r="192454" spans="8:8">
      <c r="H192454" s="12"/>
    </row>
    <row r="192455" spans="8:8">
      <c r="H192455" s="12"/>
    </row>
    <row r="192456" spans="8:8">
      <c r="H192456" s="12"/>
    </row>
    <row r="192457" spans="8:8">
      <c r="H192457" s="12"/>
    </row>
    <row r="192458" spans="8:8">
      <c r="H192458" s="12"/>
    </row>
    <row r="192459" spans="8:8">
      <c r="H192459" s="12"/>
    </row>
    <row r="192460" spans="8:8">
      <c r="H192460" s="12"/>
    </row>
    <row r="192461" spans="8:8">
      <c r="H192461" s="12"/>
    </row>
    <row r="192462" spans="8:8">
      <c r="H192462" s="12"/>
    </row>
    <row r="192463" spans="8:8">
      <c r="H192463" s="12"/>
    </row>
    <row r="192464" spans="8:8">
      <c r="H192464" s="12"/>
    </row>
    <row r="192465" spans="8:8">
      <c r="H192465" s="12"/>
    </row>
    <row r="192466" spans="8:8">
      <c r="H192466" s="12"/>
    </row>
    <row r="192467" spans="8:8">
      <c r="H192467" s="12"/>
    </row>
    <row r="192468" spans="8:8">
      <c r="H192468" s="12"/>
    </row>
    <row r="192469" spans="8:8">
      <c r="H192469" s="12"/>
    </row>
    <row r="192470" spans="8:8">
      <c r="H192470" s="12"/>
    </row>
    <row r="192471" spans="8:8">
      <c r="H192471" s="12"/>
    </row>
    <row r="192472" spans="8:8">
      <c r="H192472" s="12"/>
    </row>
    <row r="192473" spans="8:8">
      <c r="H192473" s="12"/>
    </row>
    <row r="192474" spans="8:8">
      <c r="H192474" s="12"/>
    </row>
    <row r="192475" spans="8:8">
      <c r="H192475" s="12"/>
    </row>
    <row r="192476" spans="8:8">
      <c r="H192476" s="12"/>
    </row>
    <row r="192477" spans="8:8">
      <c r="H192477" s="12"/>
    </row>
    <row r="192478" spans="8:8">
      <c r="H192478" s="12"/>
    </row>
    <row r="192479" spans="8:8">
      <c r="H192479" s="12"/>
    </row>
    <row r="192480" spans="8:8">
      <c r="H192480" s="12"/>
    </row>
    <row r="192481" spans="8:8">
      <c r="H192481" s="12"/>
    </row>
    <row r="192482" spans="8:8">
      <c r="H192482" s="12"/>
    </row>
    <row r="192483" spans="8:8">
      <c r="H192483" s="12"/>
    </row>
    <row r="192484" spans="8:8">
      <c r="H192484" s="12"/>
    </row>
    <row r="192485" spans="8:8">
      <c r="H192485" s="12"/>
    </row>
    <row r="192486" spans="8:8">
      <c r="H192486" s="12"/>
    </row>
    <row r="192487" spans="8:8">
      <c r="H192487" s="12"/>
    </row>
    <row r="192488" spans="8:8">
      <c r="H192488" s="12"/>
    </row>
    <row r="192489" spans="8:8">
      <c r="H192489" s="12"/>
    </row>
    <row r="192490" spans="8:8">
      <c r="H192490" s="12"/>
    </row>
    <row r="192491" spans="8:8">
      <c r="H192491" s="12"/>
    </row>
    <row r="192492" spans="8:8">
      <c r="H192492" s="12"/>
    </row>
    <row r="192493" spans="8:8">
      <c r="H192493" s="12"/>
    </row>
    <row r="192494" spans="8:8">
      <c r="H192494" s="12"/>
    </row>
    <row r="192495" spans="8:8">
      <c r="H192495" s="12"/>
    </row>
    <row r="192496" spans="8:8">
      <c r="H192496" s="12"/>
    </row>
    <row r="192497" spans="8:8">
      <c r="H192497" s="12"/>
    </row>
    <row r="192498" spans="8:8">
      <c r="H192498" s="12"/>
    </row>
    <row r="192499" spans="8:8">
      <c r="H192499" s="12"/>
    </row>
    <row r="192500" spans="8:8">
      <c r="H192500" s="12"/>
    </row>
    <row r="192501" spans="8:8">
      <c r="H192501" s="12"/>
    </row>
    <row r="192502" spans="8:8">
      <c r="H192502" s="12"/>
    </row>
    <row r="192503" spans="8:8">
      <c r="H192503" s="12"/>
    </row>
    <row r="192504" spans="8:8">
      <c r="H192504" s="12"/>
    </row>
    <row r="192505" spans="8:8">
      <c r="H192505" s="12"/>
    </row>
    <row r="192506" spans="8:8">
      <c r="H192506" s="12"/>
    </row>
    <row r="192507" spans="8:8">
      <c r="H192507" s="12"/>
    </row>
    <row r="192508" spans="8:8">
      <c r="H192508" s="12"/>
    </row>
    <row r="192509" spans="8:8">
      <c r="H192509" s="12"/>
    </row>
    <row r="192510" spans="8:8">
      <c r="H192510" s="12"/>
    </row>
    <row r="192511" spans="8:8">
      <c r="H192511" s="12"/>
    </row>
    <row r="192512" spans="8:8">
      <c r="H192512" s="12"/>
    </row>
    <row r="192513" spans="8:8">
      <c r="H192513" s="12"/>
    </row>
    <row r="192514" spans="8:8">
      <c r="H192514" s="12"/>
    </row>
    <row r="192515" spans="8:8">
      <c r="H192515" s="12"/>
    </row>
    <row r="192516" spans="8:8">
      <c r="H192516" s="12"/>
    </row>
    <row r="192517" spans="8:8">
      <c r="H192517" s="12"/>
    </row>
    <row r="192518" spans="8:8">
      <c r="H192518" s="12"/>
    </row>
    <row r="192519" spans="8:8">
      <c r="H192519" s="12"/>
    </row>
    <row r="192520" spans="8:8">
      <c r="H192520" s="12"/>
    </row>
    <row r="192521" spans="8:8">
      <c r="H192521" s="12"/>
    </row>
    <row r="192522" spans="8:8">
      <c r="H192522" s="12"/>
    </row>
    <row r="192523" spans="8:8">
      <c r="H192523" s="12"/>
    </row>
    <row r="192524" spans="8:8">
      <c r="H192524" s="12"/>
    </row>
    <row r="192525" spans="8:8">
      <c r="H192525" s="12"/>
    </row>
    <row r="192526" spans="8:8">
      <c r="H192526" s="12"/>
    </row>
    <row r="192527" spans="8:8">
      <c r="H192527" s="12"/>
    </row>
    <row r="192528" spans="8:8">
      <c r="H192528" s="12"/>
    </row>
    <row r="192529" spans="8:8">
      <c r="H192529" s="12"/>
    </row>
    <row r="192530" spans="8:8">
      <c r="H192530" s="12"/>
    </row>
    <row r="192531" spans="8:8">
      <c r="H192531" s="12"/>
    </row>
    <row r="192532" spans="8:8">
      <c r="H192532" s="12"/>
    </row>
    <row r="192533" spans="8:8">
      <c r="H192533" s="12"/>
    </row>
    <row r="192534" spans="8:8">
      <c r="H192534" s="12"/>
    </row>
    <row r="192535" spans="8:8">
      <c r="H192535" s="12"/>
    </row>
    <row r="192536" spans="8:8">
      <c r="H192536" s="12"/>
    </row>
    <row r="192537" spans="8:8">
      <c r="H192537" s="12"/>
    </row>
    <row r="192538" spans="8:8">
      <c r="H192538" s="12"/>
    </row>
    <row r="192539" spans="8:8">
      <c r="H192539" s="12"/>
    </row>
    <row r="192540" spans="8:8">
      <c r="H192540" s="12"/>
    </row>
    <row r="192541" spans="8:8">
      <c r="H192541" s="12"/>
    </row>
    <row r="192542" spans="8:8">
      <c r="H192542" s="12"/>
    </row>
    <row r="192543" spans="8:8">
      <c r="H192543" s="12"/>
    </row>
    <row r="192544" spans="8:8">
      <c r="H192544" s="12"/>
    </row>
    <row r="192545" spans="8:8">
      <c r="H192545" s="12"/>
    </row>
    <row r="192546" spans="8:8">
      <c r="H192546" s="12"/>
    </row>
    <row r="192547" spans="8:8">
      <c r="H192547" s="12"/>
    </row>
    <row r="192548" spans="8:8">
      <c r="H192548" s="12"/>
    </row>
    <row r="192549" spans="8:8">
      <c r="H192549" s="12"/>
    </row>
    <row r="192550" spans="8:8">
      <c r="H192550" s="12"/>
    </row>
    <row r="192551" spans="8:8">
      <c r="H192551" s="12"/>
    </row>
    <row r="192552" spans="8:8">
      <c r="H192552" s="12"/>
    </row>
    <row r="192553" spans="8:8">
      <c r="H192553" s="12"/>
    </row>
    <row r="192554" spans="8:8">
      <c r="H192554" s="12"/>
    </row>
    <row r="192555" spans="8:8">
      <c r="H192555" s="12"/>
    </row>
    <row r="192556" spans="8:8">
      <c r="H192556" s="12"/>
    </row>
    <row r="192557" spans="8:8">
      <c r="H192557" s="12"/>
    </row>
    <row r="192558" spans="8:8">
      <c r="H192558" s="12"/>
    </row>
    <row r="192559" spans="8:8">
      <c r="H192559" s="12"/>
    </row>
    <row r="192560" spans="8:8">
      <c r="H192560" s="12"/>
    </row>
    <row r="192561" spans="8:8">
      <c r="H192561" s="12"/>
    </row>
    <row r="192562" spans="8:8">
      <c r="H192562" s="12"/>
    </row>
    <row r="192563" spans="8:8">
      <c r="H192563" s="12"/>
    </row>
    <row r="192564" spans="8:8">
      <c r="H192564" s="12"/>
    </row>
    <row r="192565" spans="8:8">
      <c r="H192565" s="12"/>
    </row>
    <row r="192566" spans="8:8">
      <c r="H192566" s="12"/>
    </row>
    <row r="192567" spans="8:8">
      <c r="H192567" s="12"/>
    </row>
    <row r="192568" spans="8:8">
      <c r="H192568" s="12"/>
    </row>
    <row r="192569" spans="8:8">
      <c r="H192569" s="12"/>
    </row>
    <row r="192570" spans="8:8">
      <c r="H192570" s="12"/>
    </row>
    <row r="192571" spans="8:8">
      <c r="H192571" s="12"/>
    </row>
    <row r="192572" spans="8:8">
      <c r="H192572" s="12"/>
    </row>
    <row r="192573" spans="8:8">
      <c r="H192573" s="12"/>
    </row>
    <row r="192574" spans="8:8">
      <c r="H192574" s="12"/>
    </row>
    <row r="192575" spans="8:8">
      <c r="H192575" s="12"/>
    </row>
    <row r="192576" spans="8:8">
      <c r="H192576" s="12"/>
    </row>
    <row r="192577" spans="8:8">
      <c r="H192577" s="12"/>
    </row>
    <row r="192578" spans="8:8">
      <c r="H192578" s="12"/>
    </row>
    <row r="192579" spans="8:8">
      <c r="H192579" s="12"/>
    </row>
    <row r="192580" spans="8:8">
      <c r="H192580" s="12"/>
    </row>
    <row r="192581" spans="8:8">
      <c r="H192581" s="12"/>
    </row>
    <row r="192582" spans="8:8">
      <c r="H192582" s="12"/>
    </row>
    <row r="192583" spans="8:8">
      <c r="H192583" s="12"/>
    </row>
    <row r="192584" spans="8:8">
      <c r="H192584" s="12"/>
    </row>
    <row r="192585" spans="8:8">
      <c r="H192585" s="12"/>
    </row>
    <row r="192586" spans="8:8">
      <c r="H192586" s="12"/>
    </row>
    <row r="192587" spans="8:8">
      <c r="H192587" s="12"/>
    </row>
    <row r="192588" spans="8:8">
      <c r="H192588" s="12"/>
    </row>
    <row r="192589" spans="8:8">
      <c r="H192589" s="12"/>
    </row>
    <row r="192590" spans="8:8">
      <c r="H192590" s="12"/>
    </row>
    <row r="192591" spans="8:8">
      <c r="H192591" s="12"/>
    </row>
    <row r="192592" spans="8:8">
      <c r="H192592" s="12"/>
    </row>
    <row r="192593" spans="8:8">
      <c r="H192593" s="12"/>
    </row>
    <row r="192594" spans="8:8">
      <c r="H192594" s="12"/>
    </row>
    <row r="192595" spans="8:8">
      <c r="H192595" s="12"/>
    </row>
    <row r="192596" spans="8:8">
      <c r="H192596" s="12"/>
    </row>
    <row r="192597" spans="8:8">
      <c r="H192597" s="12"/>
    </row>
    <row r="192598" spans="8:8">
      <c r="H192598" s="12"/>
    </row>
    <row r="192599" spans="8:8">
      <c r="H192599" s="12"/>
    </row>
    <row r="192600" spans="8:8">
      <c r="H192600" s="12"/>
    </row>
    <row r="192601" spans="8:8">
      <c r="H192601" s="12"/>
    </row>
    <row r="192602" spans="8:8">
      <c r="H192602" s="12"/>
    </row>
    <row r="192603" spans="8:8">
      <c r="H192603" s="12"/>
    </row>
    <row r="192604" spans="8:8">
      <c r="H192604" s="12"/>
    </row>
    <row r="192605" spans="8:8">
      <c r="H192605" s="12"/>
    </row>
    <row r="192606" spans="8:8">
      <c r="H192606" s="12"/>
    </row>
    <row r="192607" spans="8:8">
      <c r="H192607" s="12"/>
    </row>
    <row r="192608" spans="8:8">
      <c r="H192608" s="12"/>
    </row>
    <row r="192609" spans="8:8">
      <c r="H192609" s="12"/>
    </row>
    <row r="192610" spans="8:8">
      <c r="H192610" s="12"/>
    </row>
    <row r="192611" spans="8:8">
      <c r="H192611" s="12"/>
    </row>
    <row r="192612" spans="8:8">
      <c r="H192612" s="12"/>
    </row>
    <row r="192613" spans="8:8">
      <c r="H192613" s="12"/>
    </row>
    <row r="192614" spans="8:8">
      <c r="H192614" s="12"/>
    </row>
    <row r="192615" spans="8:8">
      <c r="H192615" s="12"/>
    </row>
    <row r="192616" spans="8:8">
      <c r="H192616" s="12"/>
    </row>
    <row r="192617" spans="8:8">
      <c r="H192617" s="12"/>
    </row>
    <row r="192618" spans="8:8">
      <c r="H192618" s="12"/>
    </row>
    <row r="192619" spans="8:8">
      <c r="H192619" s="12"/>
    </row>
    <row r="192620" spans="8:8">
      <c r="H192620" s="12"/>
    </row>
    <row r="192621" spans="8:8">
      <c r="H192621" s="12"/>
    </row>
    <row r="192622" spans="8:8">
      <c r="H192622" s="12"/>
    </row>
    <row r="192623" spans="8:8">
      <c r="H192623" s="12"/>
    </row>
    <row r="192624" spans="8:8">
      <c r="H192624" s="12"/>
    </row>
    <row r="192625" spans="8:8">
      <c r="H192625" s="12"/>
    </row>
    <row r="192626" spans="8:8">
      <c r="H192626" s="12"/>
    </row>
    <row r="192627" spans="8:8">
      <c r="H192627" s="12"/>
    </row>
    <row r="192628" spans="8:8">
      <c r="H192628" s="12"/>
    </row>
    <row r="192629" spans="8:8">
      <c r="H192629" s="12"/>
    </row>
    <row r="192630" spans="8:8">
      <c r="H192630" s="12"/>
    </row>
    <row r="192631" spans="8:8">
      <c r="H192631" s="12"/>
    </row>
    <row r="192632" spans="8:8">
      <c r="H192632" s="12"/>
    </row>
    <row r="192633" spans="8:8">
      <c r="H192633" s="12"/>
    </row>
    <row r="192634" spans="8:8">
      <c r="H192634" s="12"/>
    </row>
    <row r="192635" spans="8:8">
      <c r="H192635" s="12"/>
    </row>
    <row r="192636" spans="8:8">
      <c r="H192636" s="12"/>
    </row>
    <row r="192637" spans="8:8">
      <c r="H192637" s="12"/>
    </row>
    <row r="192638" spans="8:8">
      <c r="H192638" s="12"/>
    </row>
    <row r="192639" spans="8:8">
      <c r="H192639" s="12"/>
    </row>
    <row r="192640" spans="8:8">
      <c r="H192640" s="12"/>
    </row>
    <row r="192641" spans="8:8">
      <c r="H192641" s="12"/>
    </row>
    <row r="192642" spans="8:8">
      <c r="H192642" s="12"/>
    </row>
    <row r="192643" spans="8:8">
      <c r="H192643" s="12"/>
    </row>
    <row r="192644" spans="8:8">
      <c r="H192644" s="12"/>
    </row>
    <row r="192645" spans="8:8">
      <c r="H192645" s="12"/>
    </row>
    <row r="192646" spans="8:8">
      <c r="H192646" s="12"/>
    </row>
    <row r="192647" spans="8:8">
      <c r="H192647" s="12"/>
    </row>
    <row r="192648" spans="8:8">
      <c r="H192648" s="12"/>
    </row>
    <row r="192649" spans="8:8">
      <c r="H192649" s="12"/>
    </row>
    <row r="192650" spans="8:8">
      <c r="H192650" s="12"/>
    </row>
    <row r="192651" spans="8:8">
      <c r="H192651" s="12"/>
    </row>
    <row r="192652" spans="8:8">
      <c r="H192652" s="12"/>
    </row>
    <row r="192653" spans="8:8">
      <c r="H192653" s="12"/>
    </row>
    <row r="192654" spans="8:8">
      <c r="H192654" s="12"/>
    </row>
    <row r="192655" spans="8:8">
      <c r="H192655" s="12"/>
    </row>
    <row r="192656" spans="8:8">
      <c r="H192656" s="12"/>
    </row>
    <row r="192657" spans="8:8">
      <c r="H192657" s="12"/>
    </row>
    <row r="192658" spans="8:8">
      <c r="H192658" s="12"/>
    </row>
    <row r="192659" spans="8:8">
      <c r="H192659" s="12"/>
    </row>
    <row r="192660" spans="8:8">
      <c r="H192660" s="12"/>
    </row>
    <row r="192661" spans="8:8">
      <c r="H192661" s="12"/>
    </row>
    <row r="192662" spans="8:8">
      <c r="H192662" s="12"/>
    </row>
    <row r="192663" spans="8:8">
      <c r="H192663" s="12"/>
    </row>
    <row r="192664" spans="8:8">
      <c r="H192664" s="12"/>
    </row>
    <row r="192665" spans="8:8">
      <c r="H192665" s="12"/>
    </row>
    <row r="192666" spans="8:8">
      <c r="H192666" s="12"/>
    </row>
    <row r="192667" spans="8:8">
      <c r="H192667" s="12"/>
    </row>
    <row r="192668" spans="8:8">
      <c r="H192668" s="12"/>
    </row>
    <row r="192669" spans="8:8">
      <c r="H192669" s="12"/>
    </row>
    <row r="192670" spans="8:8">
      <c r="H192670" s="12"/>
    </row>
    <row r="192671" spans="8:8">
      <c r="H192671" s="12"/>
    </row>
    <row r="192672" spans="8:8">
      <c r="H192672" s="12"/>
    </row>
    <row r="192673" spans="8:8">
      <c r="H192673" s="12"/>
    </row>
    <row r="192674" spans="8:8">
      <c r="H192674" s="12"/>
    </row>
    <row r="192675" spans="8:8">
      <c r="H192675" s="12"/>
    </row>
    <row r="192676" spans="8:8">
      <c r="H192676" s="12"/>
    </row>
    <row r="192677" spans="8:8">
      <c r="H192677" s="12"/>
    </row>
    <row r="192678" spans="8:8">
      <c r="H192678" s="12"/>
    </row>
    <row r="192679" spans="8:8">
      <c r="H192679" s="12"/>
    </row>
    <row r="192680" spans="8:8">
      <c r="H192680" s="12"/>
    </row>
    <row r="192681" spans="8:8">
      <c r="H192681" s="12"/>
    </row>
    <row r="192682" spans="8:8">
      <c r="H192682" s="12"/>
    </row>
    <row r="192683" spans="8:8">
      <c r="H192683" s="12"/>
    </row>
    <row r="192684" spans="8:8">
      <c r="H192684" s="12"/>
    </row>
    <row r="192685" spans="8:8">
      <c r="H192685" s="12"/>
    </row>
    <row r="192686" spans="8:8">
      <c r="H192686" s="12"/>
    </row>
    <row r="192687" spans="8:8">
      <c r="H192687" s="12"/>
    </row>
    <row r="192688" spans="8:8">
      <c r="H192688" s="12"/>
    </row>
    <row r="192689" spans="8:8">
      <c r="H192689" s="12"/>
    </row>
    <row r="192690" spans="8:8">
      <c r="H192690" s="12"/>
    </row>
    <row r="192691" spans="8:8">
      <c r="H192691" s="12"/>
    </row>
    <row r="192692" spans="8:8">
      <c r="H192692" s="12"/>
    </row>
    <row r="192693" spans="8:8">
      <c r="H192693" s="12"/>
    </row>
    <row r="192694" spans="8:8">
      <c r="H192694" s="12"/>
    </row>
    <row r="192695" spans="8:8">
      <c r="H192695" s="12"/>
    </row>
    <row r="192696" spans="8:8">
      <c r="H192696" s="12"/>
    </row>
    <row r="192697" spans="8:8">
      <c r="H192697" s="12"/>
    </row>
    <row r="192698" spans="8:8">
      <c r="H192698" s="12"/>
    </row>
    <row r="192699" spans="8:8">
      <c r="H192699" s="12"/>
    </row>
    <row r="192700" spans="8:8">
      <c r="H192700" s="12"/>
    </row>
    <row r="192701" spans="8:8">
      <c r="H192701" s="12"/>
    </row>
    <row r="192702" spans="8:8">
      <c r="H192702" s="12"/>
    </row>
    <row r="192703" spans="8:8">
      <c r="H192703" s="12"/>
    </row>
    <row r="192704" spans="8:8">
      <c r="H192704" s="12"/>
    </row>
    <row r="192705" spans="8:8">
      <c r="H192705" s="12"/>
    </row>
    <row r="192706" spans="8:8">
      <c r="H192706" s="12"/>
    </row>
    <row r="192707" spans="8:8">
      <c r="H192707" s="12"/>
    </row>
    <row r="192708" spans="8:8">
      <c r="H192708" s="12"/>
    </row>
    <row r="192709" spans="8:8">
      <c r="H192709" s="12"/>
    </row>
    <row r="192710" spans="8:8">
      <c r="H192710" s="12"/>
    </row>
    <row r="192711" spans="8:8">
      <c r="H192711" s="12"/>
    </row>
    <row r="192712" spans="8:8">
      <c r="H192712" s="12"/>
    </row>
    <row r="192713" spans="8:8">
      <c r="H192713" s="12"/>
    </row>
    <row r="192714" spans="8:8">
      <c r="H192714" s="12"/>
    </row>
    <row r="192715" spans="8:8">
      <c r="H192715" s="12"/>
    </row>
    <row r="192716" spans="8:8">
      <c r="H192716" s="12"/>
    </row>
    <row r="192717" spans="8:8">
      <c r="H192717" s="12"/>
    </row>
    <row r="192718" spans="8:8">
      <c r="H192718" s="12"/>
    </row>
    <row r="192719" spans="8:8">
      <c r="H192719" s="12"/>
    </row>
    <row r="192720" spans="8:8">
      <c r="H192720" s="12"/>
    </row>
    <row r="192721" spans="8:8">
      <c r="H192721" s="12"/>
    </row>
    <row r="192722" spans="8:8">
      <c r="H192722" s="12"/>
    </row>
    <row r="192723" spans="8:8">
      <c r="H192723" s="12"/>
    </row>
    <row r="192724" spans="8:8">
      <c r="H192724" s="12"/>
    </row>
    <row r="192725" spans="8:8">
      <c r="H192725" s="12"/>
    </row>
    <row r="192726" spans="8:8">
      <c r="H192726" s="12"/>
    </row>
    <row r="192727" spans="8:8">
      <c r="H192727" s="12"/>
    </row>
    <row r="192728" spans="8:8">
      <c r="H192728" s="12"/>
    </row>
    <row r="192729" spans="8:8">
      <c r="H192729" s="12"/>
    </row>
    <row r="192730" spans="8:8">
      <c r="H192730" s="12"/>
    </row>
    <row r="192731" spans="8:8">
      <c r="H192731" s="12"/>
    </row>
    <row r="192732" spans="8:8">
      <c r="H192732" s="12"/>
    </row>
    <row r="192733" spans="8:8">
      <c r="H192733" s="12"/>
    </row>
    <row r="192734" spans="8:8">
      <c r="H192734" s="12"/>
    </row>
    <row r="192735" spans="8:8">
      <c r="H192735" s="12"/>
    </row>
    <row r="192736" spans="8:8">
      <c r="H192736" s="12"/>
    </row>
    <row r="192737" spans="8:8">
      <c r="H192737" s="12"/>
    </row>
    <row r="192738" spans="8:8">
      <c r="H192738" s="12"/>
    </row>
    <row r="192739" spans="8:8">
      <c r="H192739" s="12"/>
    </row>
    <row r="192740" spans="8:8">
      <c r="H192740" s="12"/>
    </row>
    <row r="192741" spans="8:8">
      <c r="H192741" s="12"/>
    </row>
    <row r="192742" spans="8:8">
      <c r="H192742" s="12"/>
    </row>
    <row r="192743" spans="8:8">
      <c r="H192743" s="12"/>
    </row>
    <row r="192744" spans="8:8">
      <c r="H192744" s="12"/>
    </row>
    <row r="192745" spans="8:8">
      <c r="H192745" s="12"/>
    </row>
    <row r="192746" spans="8:8">
      <c r="H192746" s="12"/>
    </row>
    <row r="192747" spans="8:8">
      <c r="H192747" s="12"/>
    </row>
    <row r="192748" spans="8:8">
      <c r="H192748" s="12"/>
    </row>
    <row r="192749" spans="8:8">
      <c r="H192749" s="12"/>
    </row>
    <row r="192750" spans="8:8">
      <c r="H192750" s="12"/>
    </row>
    <row r="192751" spans="8:8">
      <c r="H192751" s="12"/>
    </row>
    <row r="192752" spans="8:8">
      <c r="H192752" s="12"/>
    </row>
    <row r="192753" spans="8:8">
      <c r="H192753" s="12"/>
    </row>
    <row r="192754" spans="8:8">
      <c r="H192754" s="12"/>
    </row>
    <row r="192755" spans="8:8">
      <c r="H192755" s="12"/>
    </row>
    <row r="192756" spans="8:8">
      <c r="H192756" s="12"/>
    </row>
    <row r="192757" spans="8:8">
      <c r="H192757" s="12"/>
    </row>
    <row r="192758" spans="8:8">
      <c r="H192758" s="12"/>
    </row>
    <row r="192759" spans="8:8">
      <c r="H192759" s="12"/>
    </row>
    <row r="192760" spans="8:8">
      <c r="H192760" s="12"/>
    </row>
    <row r="192761" spans="8:8">
      <c r="H192761" s="12"/>
    </row>
    <row r="192762" spans="8:8">
      <c r="H192762" s="12"/>
    </row>
    <row r="192763" spans="8:8">
      <c r="H192763" s="12"/>
    </row>
    <row r="192764" spans="8:8">
      <c r="H192764" s="12"/>
    </row>
    <row r="192765" spans="8:8">
      <c r="H192765" s="12"/>
    </row>
    <row r="192766" spans="8:8">
      <c r="H192766" s="12"/>
    </row>
    <row r="192767" spans="8:8">
      <c r="H192767" s="12"/>
    </row>
    <row r="192768" spans="8:8">
      <c r="H192768" s="12"/>
    </row>
    <row r="192769" spans="8:8">
      <c r="H192769" s="12"/>
    </row>
    <row r="192770" spans="8:8">
      <c r="H192770" s="12"/>
    </row>
    <row r="192771" spans="8:8">
      <c r="H192771" s="12"/>
    </row>
    <row r="192772" spans="8:8">
      <c r="H192772" s="12"/>
    </row>
    <row r="192773" spans="8:8">
      <c r="H192773" s="12"/>
    </row>
    <row r="192774" spans="8:8">
      <c r="H192774" s="12"/>
    </row>
    <row r="192775" spans="8:8">
      <c r="H192775" s="12"/>
    </row>
    <row r="192776" spans="8:8">
      <c r="H192776" s="12"/>
    </row>
    <row r="192777" spans="8:8">
      <c r="H192777" s="12"/>
    </row>
    <row r="192778" spans="8:8">
      <c r="H192778" s="12"/>
    </row>
    <row r="192779" spans="8:8">
      <c r="H192779" s="12"/>
    </row>
    <row r="192780" spans="8:8">
      <c r="H192780" s="12"/>
    </row>
    <row r="192781" spans="8:8">
      <c r="H192781" s="12"/>
    </row>
    <row r="192782" spans="8:8">
      <c r="H192782" s="12"/>
    </row>
    <row r="192783" spans="8:8">
      <c r="H192783" s="12"/>
    </row>
    <row r="192784" spans="8:8">
      <c r="H192784" s="12"/>
    </row>
    <row r="192785" spans="8:8">
      <c r="H192785" s="12"/>
    </row>
    <row r="192786" spans="8:8">
      <c r="H192786" s="12"/>
    </row>
    <row r="192787" spans="8:8">
      <c r="H192787" s="12"/>
    </row>
    <row r="192788" spans="8:8">
      <c r="H192788" s="12"/>
    </row>
    <row r="192789" spans="8:8">
      <c r="H192789" s="12"/>
    </row>
    <row r="192790" spans="8:8">
      <c r="H192790" s="12"/>
    </row>
    <row r="192791" spans="8:8">
      <c r="H192791" s="12"/>
    </row>
    <row r="192792" spans="8:8">
      <c r="H192792" s="12"/>
    </row>
    <row r="192793" spans="8:8">
      <c r="H192793" s="12"/>
    </row>
    <row r="192794" spans="8:8">
      <c r="H192794" s="12"/>
    </row>
    <row r="192795" spans="8:8">
      <c r="H192795" s="12"/>
    </row>
    <row r="192796" spans="8:8">
      <c r="H192796" s="12"/>
    </row>
    <row r="192797" spans="8:8">
      <c r="H192797" s="12"/>
    </row>
    <row r="192798" spans="8:8">
      <c r="H192798" s="12"/>
    </row>
    <row r="192799" spans="8:8">
      <c r="H192799" s="12"/>
    </row>
    <row r="192800" spans="8:8">
      <c r="H192800" s="12"/>
    </row>
    <row r="192801" spans="8:8">
      <c r="H192801" s="12"/>
    </row>
    <row r="192802" spans="8:8">
      <c r="H192802" s="12"/>
    </row>
    <row r="192803" spans="8:8">
      <c r="H192803" s="12"/>
    </row>
    <row r="192804" spans="8:8">
      <c r="H192804" s="12"/>
    </row>
    <row r="192805" spans="8:8">
      <c r="H192805" s="12"/>
    </row>
    <row r="192806" spans="8:8">
      <c r="H192806" s="12"/>
    </row>
    <row r="192807" spans="8:8">
      <c r="H192807" s="12"/>
    </row>
    <row r="192808" spans="8:8">
      <c r="H192808" s="12"/>
    </row>
    <row r="192809" spans="8:8">
      <c r="H192809" s="12"/>
    </row>
    <row r="192810" spans="8:8">
      <c r="H192810" s="12"/>
    </row>
    <row r="192811" spans="8:8">
      <c r="H192811" s="12"/>
    </row>
    <row r="192812" spans="8:8">
      <c r="H192812" s="12"/>
    </row>
    <row r="192813" spans="8:8">
      <c r="H192813" s="12"/>
    </row>
    <row r="192814" spans="8:8">
      <c r="H192814" s="12"/>
    </row>
    <row r="192815" spans="8:8">
      <c r="H192815" s="12"/>
    </row>
    <row r="192816" spans="8:8">
      <c r="H192816" s="12"/>
    </row>
    <row r="192817" spans="8:8">
      <c r="H192817" s="12"/>
    </row>
    <row r="192818" spans="8:8">
      <c r="H192818" s="12"/>
    </row>
    <row r="192819" spans="8:8">
      <c r="H192819" s="12"/>
    </row>
    <row r="192820" spans="8:8">
      <c r="H192820" s="12"/>
    </row>
    <row r="192821" spans="8:8">
      <c r="H192821" s="12"/>
    </row>
    <row r="192822" spans="8:8">
      <c r="H192822" s="12"/>
    </row>
    <row r="192823" spans="8:8">
      <c r="H192823" s="12"/>
    </row>
    <row r="192824" spans="8:8">
      <c r="H192824" s="12"/>
    </row>
    <row r="192825" spans="8:8">
      <c r="H192825" s="12"/>
    </row>
    <row r="192826" spans="8:8">
      <c r="H192826" s="12"/>
    </row>
    <row r="192827" spans="8:8">
      <c r="H192827" s="12"/>
    </row>
    <row r="192828" spans="8:8">
      <c r="H192828" s="12"/>
    </row>
    <row r="192829" spans="8:8">
      <c r="H192829" s="12"/>
    </row>
    <row r="192830" spans="8:8">
      <c r="H192830" s="12"/>
    </row>
    <row r="192831" spans="8:8">
      <c r="H192831" s="12"/>
    </row>
    <row r="192832" spans="8:8">
      <c r="H192832" s="12"/>
    </row>
    <row r="192833" spans="8:8">
      <c r="H192833" s="12"/>
    </row>
    <row r="192834" spans="8:8">
      <c r="H192834" s="12"/>
    </row>
    <row r="192835" spans="8:8">
      <c r="H192835" s="12"/>
    </row>
    <row r="192836" spans="8:8">
      <c r="H192836" s="12"/>
    </row>
    <row r="192837" spans="8:8">
      <c r="H192837" s="12"/>
    </row>
    <row r="192838" spans="8:8">
      <c r="H192838" s="12"/>
    </row>
    <row r="192839" spans="8:8">
      <c r="H192839" s="12"/>
    </row>
    <row r="192840" spans="8:8">
      <c r="H192840" s="12"/>
    </row>
    <row r="192841" spans="8:8">
      <c r="H192841" s="12"/>
    </row>
    <row r="192842" spans="8:8">
      <c r="H192842" s="12"/>
    </row>
    <row r="192843" spans="8:8">
      <c r="H192843" s="12"/>
    </row>
    <row r="192844" spans="8:8">
      <c r="H192844" s="12"/>
    </row>
    <row r="192845" spans="8:8">
      <c r="H192845" s="12"/>
    </row>
    <row r="192846" spans="8:8">
      <c r="H192846" s="12"/>
    </row>
    <row r="192847" spans="8:8">
      <c r="H192847" s="12"/>
    </row>
    <row r="192848" spans="8:8">
      <c r="H192848" s="12"/>
    </row>
    <row r="192849" spans="8:8">
      <c r="H192849" s="12"/>
    </row>
    <row r="192850" spans="8:8">
      <c r="H192850" s="12"/>
    </row>
    <row r="192851" spans="8:8">
      <c r="H192851" s="12"/>
    </row>
    <row r="192852" spans="8:8">
      <c r="H192852" s="12"/>
    </row>
    <row r="192853" spans="8:8">
      <c r="H192853" s="12"/>
    </row>
    <row r="192854" spans="8:8">
      <c r="H192854" s="12"/>
    </row>
    <row r="192855" spans="8:8">
      <c r="H192855" s="12"/>
    </row>
    <row r="192856" spans="8:8">
      <c r="H192856" s="12"/>
    </row>
    <row r="192857" spans="8:8">
      <c r="H192857" s="12"/>
    </row>
    <row r="192858" spans="8:8">
      <c r="H192858" s="12"/>
    </row>
    <row r="192859" spans="8:8">
      <c r="H192859" s="12"/>
    </row>
    <row r="192860" spans="8:8">
      <c r="H192860" s="12"/>
    </row>
    <row r="192861" spans="8:8">
      <c r="H192861" s="12"/>
    </row>
    <row r="192862" spans="8:8">
      <c r="H192862" s="12"/>
    </row>
    <row r="192863" spans="8:8">
      <c r="H192863" s="12"/>
    </row>
    <row r="192864" spans="8:8">
      <c r="H192864" s="12"/>
    </row>
    <row r="192865" spans="8:8">
      <c r="H192865" s="12"/>
    </row>
    <row r="192866" spans="8:8">
      <c r="H192866" s="12"/>
    </row>
    <row r="192867" spans="8:8">
      <c r="H192867" s="12"/>
    </row>
    <row r="192868" spans="8:8">
      <c r="H192868" s="12"/>
    </row>
    <row r="192869" spans="8:8">
      <c r="H192869" s="12"/>
    </row>
    <row r="192870" spans="8:8">
      <c r="H192870" s="12"/>
    </row>
    <row r="192871" spans="8:8">
      <c r="H192871" s="12"/>
    </row>
    <row r="192872" spans="8:8">
      <c r="H192872" s="12"/>
    </row>
    <row r="192873" spans="8:8">
      <c r="H192873" s="12"/>
    </row>
    <row r="192874" spans="8:8">
      <c r="H192874" s="12"/>
    </row>
    <row r="192875" spans="8:8">
      <c r="H192875" s="12"/>
    </row>
    <row r="192876" spans="8:8">
      <c r="H192876" s="12"/>
    </row>
    <row r="192877" spans="8:8">
      <c r="H192877" s="12"/>
    </row>
    <row r="192878" spans="8:8">
      <c r="H192878" s="12"/>
    </row>
    <row r="192879" spans="8:8">
      <c r="H192879" s="12"/>
    </row>
    <row r="192880" spans="8:8">
      <c r="H192880" s="12"/>
    </row>
    <row r="192881" spans="8:8">
      <c r="H192881" s="12"/>
    </row>
    <row r="192882" spans="8:8">
      <c r="H192882" s="12"/>
    </row>
    <row r="192883" spans="8:8">
      <c r="H192883" s="12"/>
    </row>
    <row r="192884" spans="8:8">
      <c r="H192884" s="12"/>
    </row>
    <row r="192885" spans="8:8">
      <c r="H192885" s="12"/>
    </row>
    <row r="192886" spans="8:8">
      <c r="H192886" s="12"/>
    </row>
    <row r="192887" spans="8:8">
      <c r="H192887" s="12"/>
    </row>
    <row r="192888" spans="8:8">
      <c r="H192888" s="12"/>
    </row>
    <row r="192889" spans="8:8">
      <c r="H192889" s="12"/>
    </row>
    <row r="192890" spans="8:8">
      <c r="H192890" s="12"/>
    </row>
    <row r="192891" spans="8:8">
      <c r="H192891" s="12"/>
    </row>
    <row r="192892" spans="8:8">
      <c r="H192892" s="12"/>
    </row>
    <row r="192893" spans="8:8">
      <c r="H192893" s="12"/>
    </row>
    <row r="192894" spans="8:8">
      <c r="H192894" s="12"/>
    </row>
    <row r="192895" spans="8:8">
      <c r="H192895" s="12"/>
    </row>
    <row r="192896" spans="8:8">
      <c r="H192896" s="12"/>
    </row>
    <row r="192897" spans="8:8">
      <c r="H192897" s="12"/>
    </row>
    <row r="192898" spans="8:8">
      <c r="H192898" s="12"/>
    </row>
    <row r="192899" spans="8:8">
      <c r="H192899" s="12"/>
    </row>
    <row r="192900" spans="8:8">
      <c r="H192900" s="12"/>
    </row>
    <row r="192901" spans="8:8">
      <c r="H192901" s="12"/>
    </row>
    <row r="192902" spans="8:8">
      <c r="H192902" s="12"/>
    </row>
    <row r="192903" spans="8:8">
      <c r="H192903" s="12"/>
    </row>
    <row r="192904" spans="8:8">
      <c r="H192904" s="12"/>
    </row>
    <row r="192905" spans="8:8">
      <c r="H192905" s="12"/>
    </row>
    <row r="192906" spans="8:8">
      <c r="H192906" s="12"/>
    </row>
    <row r="192907" spans="8:8">
      <c r="H192907" s="12"/>
    </row>
    <row r="192908" spans="8:8">
      <c r="H192908" s="12"/>
    </row>
    <row r="192909" spans="8:8">
      <c r="H192909" s="12"/>
    </row>
    <row r="192910" spans="8:8">
      <c r="H192910" s="12"/>
    </row>
    <row r="192911" spans="8:8">
      <c r="H192911" s="12"/>
    </row>
    <row r="192912" spans="8:8">
      <c r="H192912" s="12"/>
    </row>
    <row r="192913" spans="8:8">
      <c r="H192913" s="12"/>
    </row>
    <row r="192914" spans="8:8">
      <c r="H192914" s="12"/>
    </row>
    <row r="192915" spans="8:8">
      <c r="H192915" s="12"/>
    </row>
    <row r="192916" spans="8:8">
      <c r="H192916" s="12"/>
    </row>
    <row r="192917" spans="8:8">
      <c r="H192917" s="12"/>
    </row>
    <row r="192918" spans="8:8">
      <c r="H192918" s="12"/>
    </row>
    <row r="192919" spans="8:8">
      <c r="H192919" s="12"/>
    </row>
    <row r="192920" spans="8:8">
      <c r="H192920" s="12"/>
    </row>
    <row r="192921" spans="8:8">
      <c r="H192921" s="12"/>
    </row>
    <row r="192922" spans="8:8">
      <c r="H192922" s="12"/>
    </row>
    <row r="192923" spans="8:8">
      <c r="H192923" s="12"/>
    </row>
    <row r="192924" spans="8:8">
      <c r="H192924" s="12"/>
    </row>
    <row r="192925" spans="8:8">
      <c r="H192925" s="12"/>
    </row>
    <row r="192926" spans="8:8">
      <c r="H192926" s="12"/>
    </row>
    <row r="192927" spans="8:8">
      <c r="H192927" s="12"/>
    </row>
    <row r="192928" spans="8:8">
      <c r="H192928" s="12"/>
    </row>
    <row r="192929" spans="8:8">
      <c r="H192929" s="12"/>
    </row>
    <row r="192930" spans="8:8">
      <c r="H192930" s="12"/>
    </row>
    <row r="192931" spans="8:8">
      <c r="H192931" s="12"/>
    </row>
    <row r="192932" spans="8:8">
      <c r="H192932" s="12"/>
    </row>
    <row r="192933" spans="8:8">
      <c r="H192933" s="12"/>
    </row>
    <row r="192934" spans="8:8">
      <c r="H192934" s="12"/>
    </row>
    <row r="192935" spans="8:8">
      <c r="H192935" s="12"/>
    </row>
    <row r="192936" spans="8:8">
      <c r="H192936" s="12"/>
    </row>
    <row r="192937" spans="8:8">
      <c r="H192937" s="12"/>
    </row>
    <row r="192938" spans="8:8">
      <c r="H192938" s="12"/>
    </row>
    <row r="192939" spans="8:8">
      <c r="H192939" s="12"/>
    </row>
    <row r="192940" spans="8:8">
      <c r="H192940" s="12"/>
    </row>
    <row r="192941" spans="8:8">
      <c r="H192941" s="12"/>
    </row>
    <row r="192942" spans="8:8">
      <c r="H192942" s="12"/>
    </row>
    <row r="192943" spans="8:8">
      <c r="H192943" s="12"/>
    </row>
    <row r="192944" spans="8:8">
      <c r="H192944" s="12"/>
    </row>
    <row r="192945" spans="8:8">
      <c r="H192945" s="12"/>
    </row>
    <row r="192946" spans="8:8">
      <c r="H192946" s="12"/>
    </row>
    <row r="192947" spans="8:8">
      <c r="H192947" s="12"/>
    </row>
    <row r="192948" spans="8:8">
      <c r="H192948" s="12"/>
    </row>
    <row r="192949" spans="8:8">
      <c r="H192949" s="12"/>
    </row>
    <row r="192950" spans="8:8">
      <c r="H192950" s="12"/>
    </row>
    <row r="192951" spans="8:8">
      <c r="H192951" s="12"/>
    </row>
    <row r="192952" spans="8:8">
      <c r="H192952" s="12"/>
    </row>
    <row r="192953" spans="8:8">
      <c r="H192953" s="12"/>
    </row>
    <row r="192954" spans="8:8">
      <c r="H192954" s="12"/>
    </row>
    <row r="192955" spans="8:8">
      <c r="H192955" s="12"/>
    </row>
    <row r="192956" spans="8:8">
      <c r="H192956" s="12"/>
    </row>
    <row r="192957" spans="8:8">
      <c r="H192957" s="12"/>
    </row>
    <row r="192958" spans="8:8">
      <c r="H192958" s="12"/>
    </row>
    <row r="192959" spans="8:8">
      <c r="H192959" s="12"/>
    </row>
    <row r="192960" spans="8:8">
      <c r="H192960" s="12"/>
    </row>
    <row r="192961" spans="8:8">
      <c r="H192961" s="12"/>
    </row>
    <row r="192962" spans="8:8">
      <c r="H192962" s="12"/>
    </row>
    <row r="192963" spans="8:8">
      <c r="H192963" s="12"/>
    </row>
    <row r="192964" spans="8:8">
      <c r="H192964" s="12"/>
    </row>
    <row r="192965" spans="8:8">
      <c r="H192965" s="12"/>
    </row>
    <row r="192966" spans="8:8">
      <c r="H192966" s="12"/>
    </row>
    <row r="192967" spans="8:8">
      <c r="H192967" s="12"/>
    </row>
    <row r="192968" spans="8:8">
      <c r="H192968" s="12"/>
    </row>
    <row r="192969" spans="8:8">
      <c r="H192969" s="12"/>
    </row>
    <row r="192970" spans="8:8">
      <c r="H192970" s="12"/>
    </row>
    <row r="192971" spans="8:8">
      <c r="H192971" s="12"/>
    </row>
    <row r="192972" spans="8:8">
      <c r="H192972" s="12"/>
    </row>
    <row r="192973" spans="8:8">
      <c r="H192973" s="12"/>
    </row>
    <row r="192974" spans="8:8">
      <c r="H192974" s="12"/>
    </row>
    <row r="192975" spans="8:8">
      <c r="H192975" s="12"/>
    </row>
    <row r="192976" spans="8:8">
      <c r="H192976" s="12"/>
    </row>
    <row r="192977" spans="8:8">
      <c r="H192977" s="12"/>
    </row>
    <row r="192978" spans="8:8">
      <c r="H192978" s="12"/>
    </row>
    <row r="192979" spans="8:8">
      <c r="H192979" s="12"/>
    </row>
    <row r="192980" spans="8:8">
      <c r="H192980" s="12"/>
    </row>
    <row r="192981" spans="8:8">
      <c r="H192981" s="12"/>
    </row>
    <row r="192982" spans="8:8">
      <c r="H192982" s="12"/>
    </row>
    <row r="192983" spans="8:8">
      <c r="H192983" s="12"/>
    </row>
    <row r="192984" spans="8:8">
      <c r="H192984" s="12"/>
    </row>
    <row r="192985" spans="8:8">
      <c r="H192985" s="12"/>
    </row>
    <row r="192986" spans="8:8">
      <c r="H192986" s="12"/>
    </row>
    <row r="192987" spans="8:8">
      <c r="H192987" s="12"/>
    </row>
    <row r="192988" spans="8:8">
      <c r="H192988" s="12"/>
    </row>
    <row r="192989" spans="8:8">
      <c r="H192989" s="12"/>
    </row>
    <row r="192990" spans="8:8">
      <c r="H192990" s="12"/>
    </row>
    <row r="192991" spans="8:8">
      <c r="H192991" s="12"/>
    </row>
    <row r="192992" spans="8:8">
      <c r="H192992" s="12"/>
    </row>
    <row r="192993" spans="8:8">
      <c r="H192993" s="12"/>
    </row>
    <row r="192994" spans="8:8">
      <c r="H192994" s="12"/>
    </row>
    <row r="192995" spans="8:8">
      <c r="H192995" s="12"/>
    </row>
    <row r="192996" spans="8:8">
      <c r="H192996" s="12"/>
    </row>
    <row r="192997" spans="8:8">
      <c r="H192997" s="12"/>
    </row>
    <row r="192998" spans="8:8">
      <c r="H192998" s="12"/>
    </row>
    <row r="192999" spans="8:8">
      <c r="H192999" s="12"/>
    </row>
    <row r="193000" spans="8:8">
      <c r="H193000" s="12"/>
    </row>
    <row r="193001" spans="8:8">
      <c r="H193001" s="12"/>
    </row>
    <row r="193002" spans="8:8">
      <c r="H193002" s="12"/>
    </row>
    <row r="193003" spans="8:8">
      <c r="H193003" s="12"/>
    </row>
    <row r="193004" spans="8:8">
      <c r="H193004" s="12"/>
    </row>
    <row r="193005" spans="8:8">
      <c r="H193005" s="12"/>
    </row>
    <row r="193006" spans="8:8">
      <c r="H193006" s="12"/>
    </row>
    <row r="193007" spans="8:8">
      <c r="H193007" s="12"/>
    </row>
    <row r="193008" spans="8:8">
      <c r="H193008" s="12"/>
    </row>
    <row r="193009" spans="8:8">
      <c r="H193009" s="12"/>
    </row>
    <row r="193010" spans="8:8">
      <c r="H193010" s="12"/>
    </row>
    <row r="193011" spans="8:8">
      <c r="H193011" s="12"/>
    </row>
    <row r="193012" spans="8:8">
      <c r="H193012" s="12"/>
    </row>
    <row r="193013" spans="8:8">
      <c r="H193013" s="12"/>
    </row>
    <row r="193014" spans="8:8">
      <c r="H193014" s="12"/>
    </row>
    <row r="193015" spans="8:8">
      <c r="H193015" s="12"/>
    </row>
    <row r="193016" spans="8:8">
      <c r="H193016" s="12"/>
    </row>
    <row r="193017" spans="8:8">
      <c r="H193017" s="12"/>
    </row>
    <row r="193018" spans="8:8">
      <c r="H193018" s="12"/>
    </row>
    <row r="193019" spans="8:8">
      <c r="H193019" s="12"/>
    </row>
    <row r="193020" spans="8:8">
      <c r="H193020" s="12"/>
    </row>
    <row r="193021" spans="8:8">
      <c r="H193021" s="12"/>
    </row>
    <row r="193022" spans="8:8">
      <c r="H193022" s="12"/>
    </row>
    <row r="193023" spans="8:8">
      <c r="H193023" s="12"/>
    </row>
    <row r="193024" spans="8:8">
      <c r="H193024" s="12"/>
    </row>
    <row r="193025" spans="8:8">
      <c r="H193025" s="12"/>
    </row>
    <row r="193026" spans="8:8">
      <c r="H193026" s="12"/>
    </row>
    <row r="193027" spans="8:8">
      <c r="H193027" s="12"/>
    </row>
    <row r="193028" spans="8:8">
      <c r="H193028" s="12"/>
    </row>
    <row r="193029" spans="8:8">
      <c r="H193029" s="12"/>
    </row>
    <row r="193030" spans="8:8">
      <c r="H193030" s="12"/>
    </row>
    <row r="193031" spans="8:8">
      <c r="H193031" s="12"/>
    </row>
    <row r="193032" spans="8:8">
      <c r="H193032" s="12"/>
    </row>
    <row r="193033" spans="8:8">
      <c r="H193033" s="12"/>
    </row>
    <row r="193034" spans="8:8">
      <c r="H193034" s="12"/>
    </row>
    <row r="193035" spans="8:8">
      <c r="H193035" s="12"/>
    </row>
    <row r="193036" spans="8:8">
      <c r="H193036" s="12"/>
    </row>
    <row r="193037" spans="8:8">
      <c r="H193037" s="12"/>
    </row>
    <row r="193038" spans="8:8">
      <c r="H193038" s="12"/>
    </row>
    <row r="193039" spans="8:8">
      <c r="H193039" s="12"/>
    </row>
    <row r="193040" spans="8:8">
      <c r="H193040" s="12"/>
    </row>
    <row r="193041" spans="8:8">
      <c r="H193041" s="12"/>
    </row>
    <row r="193042" spans="8:8">
      <c r="H193042" s="12"/>
    </row>
    <row r="193043" spans="8:8">
      <c r="H193043" s="12"/>
    </row>
    <row r="193044" spans="8:8">
      <c r="H193044" s="12"/>
    </row>
    <row r="193045" spans="8:8">
      <c r="H193045" s="12"/>
    </row>
    <row r="193046" spans="8:8">
      <c r="H193046" s="12"/>
    </row>
    <row r="193047" spans="8:8">
      <c r="H193047" s="12"/>
    </row>
    <row r="193048" spans="8:8">
      <c r="H193048" s="12"/>
    </row>
    <row r="193049" spans="8:8">
      <c r="H193049" s="12"/>
    </row>
    <row r="193050" spans="8:8">
      <c r="H193050" s="12"/>
    </row>
    <row r="193051" spans="8:8">
      <c r="H193051" s="12"/>
    </row>
    <row r="193052" spans="8:8">
      <c r="H193052" s="12"/>
    </row>
    <row r="193053" spans="8:8">
      <c r="H193053" s="12"/>
    </row>
    <row r="193054" spans="8:8">
      <c r="H193054" s="12"/>
    </row>
    <row r="193055" spans="8:8">
      <c r="H193055" s="12"/>
    </row>
    <row r="193056" spans="8:8">
      <c r="H193056" s="12"/>
    </row>
    <row r="193057" spans="8:8">
      <c r="H193057" s="12"/>
    </row>
    <row r="193058" spans="8:8">
      <c r="H193058" s="12"/>
    </row>
    <row r="193059" spans="8:8">
      <c r="H193059" s="12"/>
    </row>
    <row r="193060" spans="8:8">
      <c r="H193060" s="12"/>
    </row>
    <row r="193061" spans="8:8">
      <c r="H193061" s="12"/>
    </row>
    <row r="193062" spans="8:8">
      <c r="H193062" s="12"/>
    </row>
    <row r="193063" spans="8:8">
      <c r="H193063" s="12"/>
    </row>
    <row r="193064" spans="8:8">
      <c r="H193064" s="12"/>
    </row>
    <row r="193065" spans="8:8">
      <c r="H193065" s="12"/>
    </row>
    <row r="193066" spans="8:8">
      <c r="H193066" s="12"/>
    </row>
    <row r="193067" spans="8:8">
      <c r="H193067" s="12"/>
    </row>
    <row r="193068" spans="8:8">
      <c r="H193068" s="12"/>
    </row>
    <row r="193069" spans="8:8">
      <c r="H193069" s="12"/>
    </row>
    <row r="193070" spans="8:8">
      <c r="H193070" s="12"/>
    </row>
    <row r="193071" spans="8:8">
      <c r="H193071" s="12"/>
    </row>
    <row r="193072" spans="8:8">
      <c r="H193072" s="12"/>
    </row>
    <row r="193073" spans="8:8">
      <c r="H193073" s="12"/>
    </row>
    <row r="193074" spans="8:8">
      <c r="H193074" s="12"/>
    </row>
    <row r="193075" spans="8:8">
      <c r="H193075" s="12"/>
    </row>
    <row r="193076" spans="8:8">
      <c r="H193076" s="12"/>
    </row>
    <row r="193077" spans="8:8">
      <c r="H193077" s="12"/>
    </row>
    <row r="193078" spans="8:8">
      <c r="H193078" s="12"/>
    </row>
    <row r="193079" spans="8:8">
      <c r="H193079" s="12"/>
    </row>
    <row r="193080" spans="8:8">
      <c r="H193080" s="12"/>
    </row>
    <row r="193081" spans="8:8">
      <c r="H193081" s="12"/>
    </row>
    <row r="193082" spans="8:8">
      <c r="H193082" s="12"/>
    </row>
    <row r="193083" spans="8:8">
      <c r="H193083" s="12"/>
    </row>
    <row r="193084" spans="8:8">
      <c r="H193084" s="12"/>
    </row>
    <row r="193085" spans="8:8">
      <c r="H193085" s="12"/>
    </row>
    <row r="193086" spans="8:8">
      <c r="H193086" s="12"/>
    </row>
    <row r="193087" spans="8:8">
      <c r="H193087" s="12"/>
    </row>
    <row r="193088" spans="8:8">
      <c r="H193088" s="12"/>
    </row>
    <row r="193089" spans="8:8">
      <c r="H193089" s="12"/>
    </row>
    <row r="193090" spans="8:8">
      <c r="H193090" s="12"/>
    </row>
    <row r="193091" spans="8:8">
      <c r="H193091" s="12"/>
    </row>
    <row r="193092" spans="8:8">
      <c r="H193092" s="12"/>
    </row>
    <row r="193093" spans="8:8">
      <c r="H193093" s="12"/>
    </row>
    <row r="193094" spans="8:8">
      <c r="H193094" s="12"/>
    </row>
    <row r="193095" spans="8:8">
      <c r="H193095" s="12"/>
    </row>
    <row r="193096" spans="8:8">
      <c r="H193096" s="12"/>
    </row>
    <row r="193097" spans="8:8">
      <c r="H193097" s="12"/>
    </row>
    <row r="193098" spans="8:8">
      <c r="H193098" s="12"/>
    </row>
    <row r="193099" spans="8:8">
      <c r="H193099" s="12"/>
    </row>
    <row r="193100" spans="8:8">
      <c r="H193100" s="12"/>
    </row>
    <row r="193101" spans="8:8">
      <c r="H193101" s="12"/>
    </row>
    <row r="193102" spans="8:8">
      <c r="H193102" s="12"/>
    </row>
    <row r="193103" spans="8:8">
      <c r="H193103" s="12"/>
    </row>
    <row r="193104" spans="8:8">
      <c r="H193104" s="12"/>
    </row>
    <row r="193105" spans="8:8">
      <c r="H193105" s="12"/>
    </row>
    <row r="193106" spans="8:8">
      <c r="H193106" s="12"/>
    </row>
    <row r="193107" spans="8:8">
      <c r="H193107" s="12"/>
    </row>
    <row r="193108" spans="8:8">
      <c r="H193108" s="12"/>
    </row>
    <row r="193109" spans="8:8">
      <c r="H193109" s="12"/>
    </row>
    <row r="193110" spans="8:8">
      <c r="H193110" s="12"/>
    </row>
    <row r="193111" spans="8:8">
      <c r="H193111" s="12"/>
    </row>
    <row r="193112" spans="8:8">
      <c r="H193112" s="12"/>
    </row>
    <row r="193113" spans="8:8">
      <c r="H193113" s="12"/>
    </row>
    <row r="193114" spans="8:8">
      <c r="H193114" s="12"/>
    </row>
    <row r="193115" spans="8:8">
      <c r="H193115" s="12"/>
    </row>
    <row r="193116" spans="8:8">
      <c r="H193116" s="12"/>
    </row>
    <row r="193117" spans="8:8">
      <c r="H193117" s="12"/>
    </row>
    <row r="193118" spans="8:8">
      <c r="H193118" s="12"/>
    </row>
    <row r="193119" spans="8:8">
      <c r="H193119" s="12"/>
    </row>
    <row r="193120" spans="8:8">
      <c r="H193120" s="12"/>
    </row>
    <row r="193121" spans="8:8">
      <c r="H193121" s="12"/>
    </row>
    <row r="193122" spans="8:8">
      <c r="H193122" s="12"/>
    </row>
    <row r="193123" spans="8:8">
      <c r="H193123" s="12"/>
    </row>
    <row r="193124" spans="8:8">
      <c r="H193124" s="12"/>
    </row>
    <row r="193125" spans="8:8">
      <c r="H193125" s="12"/>
    </row>
    <row r="193126" spans="8:8">
      <c r="H193126" s="12"/>
    </row>
    <row r="193127" spans="8:8">
      <c r="H193127" s="12"/>
    </row>
    <row r="193128" spans="8:8">
      <c r="H193128" s="12"/>
    </row>
    <row r="193129" spans="8:8">
      <c r="H193129" s="12"/>
    </row>
    <row r="193130" spans="8:8">
      <c r="H193130" s="12"/>
    </row>
    <row r="193131" spans="8:8">
      <c r="H193131" s="12"/>
    </row>
    <row r="193132" spans="8:8">
      <c r="H193132" s="12"/>
    </row>
    <row r="193133" spans="8:8">
      <c r="H193133" s="12"/>
    </row>
    <row r="193134" spans="8:8">
      <c r="H193134" s="12"/>
    </row>
    <row r="193135" spans="8:8">
      <c r="H193135" s="12"/>
    </row>
    <row r="193136" spans="8:8">
      <c r="H193136" s="12"/>
    </row>
    <row r="193137" spans="8:8">
      <c r="H193137" s="12"/>
    </row>
    <row r="193138" spans="8:8">
      <c r="H193138" s="12"/>
    </row>
    <row r="193139" spans="8:8">
      <c r="H193139" s="12"/>
    </row>
    <row r="193140" spans="8:8">
      <c r="H193140" s="12"/>
    </row>
    <row r="193141" spans="8:8">
      <c r="H193141" s="12"/>
    </row>
    <row r="193142" spans="8:8">
      <c r="H193142" s="12"/>
    </row>
    <row r="193143" spans="8:8">
      <c r="H193143" s="12"/>
    </row>
    <row r="193144" spans="8:8">
      <c r="H193144" s="12"/>
    </row>
    <row r="193145" spans="8:8">
      <c r="H193145" s="12"/>
    </row>
    <row r="193146" spans="8:8">
      <c r="H193146" s="12"/>
    </row>
    <row r="193147" spans="8:8">
      <c r="H193147" s="12"/>
    </row>
    <row r="193148" spans="8:8">
      <c r="H193148" s="12"/>
    </row>
    <row r="193149" spans="8:8">
      <c r="H193149" s="12"/>
    </row>
    <row r="193150" spans="8:8">
      <c r="H193150" s="12"/>
    </row>
    <row r="193151" spans="8:8">
      <c r="H193151" s="12"/>
    </row>
    <row r="193152" spans="8:8">
      <c r="H193152" s="12"/>
    </row>
    <row r="193153" spans="8:8">
      <c r="H193153" s="12"/>
    </row>
    <row r="193154" spans="8:8">
      <c r="H193154" s="12"/>
    </row>
    <row r="193155" spans="8:8">
      <c r="H193155" s="12"/>
    </row>
    <row r="193156" spans="8:8">
      <c r="H193156" s="12"/>
    </row>
    <row r="193157" spans="8:8">
      <c r="H193157" s="12"/>
    </row>
    <row r="193158" spans="8:8">
      <c r="H193158" s="12"/>
    </row>
    <row r="193159" spans="8:8">
      <c r="H193159" s="12"/>
    </row>
    <row r="193160" spans="8:8">
      <c r="H193160" s="12"/>
    </row>
    <row r="193161" spans="8:8">
      <c r="H193161" s="12"/>
    </row>
    <row r="193162" spans="8:8">
      <c r="H193162" s="12"/>
    </row>
    <row r="193163" spans="8:8">
      <c r="H193163" s="12"/>
    </row>
    <row r="193164" spans="8:8">
      <c r="H193164" s="12"/>
    </row>
    <row r="193165" spans="8:8">
      <c r="H193165" s="12"/>
    </row>
    <row r="193166" spans="8:8">
      <c r="H193166" s="12"/>
    </row>
    <row r="193167" spans="8:8">
      <c r="H193167" s="12"/>
    </row>
    <row r="193168" spans="8:8">
      <c r="H193168" s="12"/>
    </row>
    <row r="193169" spans="8:8">
      <c r="H193169" s="12"/>
    </row>
    <row r="193170" spans="8:8">
      <c r="H193170" s="12"/>
    </row>
    <row r="193171" spans="8:8">
      <c r="H193171" s="12"/>
    </row>
    <row r="193172" spans="8:8">
      <c r="H193172" s="12"/>
    </row>
    <row r="193173" spans="8:8">
      <c r="H193173" s="12"/>
    </row>
    <row r="193174" spans="8:8">
      <c r="H193174" s="12"/>
    </row>
    <row r="193175" spans="8:8">
      <c r="H193175" s="12"/>
    </row>
    <row r="193176" spans="8:8">
      <c r="H193176" s="12"/>
    </row>
    <row r="193177" spans="8:8">
      <c r="H193177" s="12"/>
    </row>
    <row r="193178" spans="8:8">
      <c r="H193178" s="12"/>
    </row>
    <row r="193179" spans="8:8">
      <c r="H193179" s="12"/>
    </row>
    <row r="193180" spans="8:8">
      <c r="H193180" s="12"/>
    </row>
    <row r="193181" spans="8:8">
      <c r="H193181" s="12"/>
    </row>
    <row r="193182" spans="8:8">
      <c r="H193182" s="12"/>
    </row>
    <row r="193183" spans="8:8">
      <c r="H193183" s="12"/>
    </row>
    <row r="193184" spans="8:8">
      <c r="H193184" s="12"/>
    </row>
    <row r="193185" spans="8:8">
      <c r="H193185" s="12"/>
    </row>
    <row r="193186" spans="8:8">
      <c r="H193186" s="12"/>
    </row>
    <row r="193187" spans="8:8">
      <c r="H193187" s="12"/>
    </row>
    <row r="193188" spans="8:8">
      <c r="H193188" s="12"/>
    </row>
    <row r="193189" spans="8:8">
      <c r="H193189" s="12"/>
    </row>
    <row r="193190" spans="8:8">
      <c r="H193190" s="12"/>
    </row>
    <row r="193191" spans="8:8">
      <c r="H193191" s="12"/>
    </row>
    <row r="193192" spans="8:8">
      <c r="H193192" s="12"/>
    </row>
    <row r="193193" spans="8:8">
      <c r="H193193" s="12"/>
    </row>
    <row r="193194" spans="8:8">
      <c r="H193194" s="12"/>
    </row>
    <row r="193195" spans="8:8">
      <c r="H193195" s="12"/>
    </row>
    <row r="193196" spans="8:8">
      <c r="H193196" s="12"/>
    </row>
    <row r="193197" spans="8:8">
      <c r="H193197" s="12"/>
    </row>
    <row r="193198" spans="8:8">
      <c r="H193198" s="12"/>
    </row>
    <row r="193199" spans="8:8">
      <c r="H193199" s="12"/>
    </row>
    <row r="193200" spans="8:8">
      <c r="H193200" s="12"/>
    </row>
    <row r="193201" spans="8:8">
      <c r="H193201" s="12"/>
    </row>
    <row r="193202" spans="8:8">
      <c r="H193202" s="12"/>
    </row>
    <row r="193203" spans="8:8">
      <c r="H193203" s="12"/>
    </row>
    <row r="193204" spans="8:8">
      <c r="H193204" s="12"/>
    </row>
    <row r="193205" spans="8:8">
      <c r="H193205" s="12"/>
    </row>
    <row r="193206" spans="8:8">
      <c r="H193206" s="12"/>
    </row>
    <row r="193207" spans="8:8">
      <c r="H193207" s="12"/>
    </row>
    <row r="193208" spans="8:8">
      <c r="H193208" s="12"/>
    </row>
    <row r="193209" spans="8:8">
      <c r="H193209" s="12"/>
    </row>
    <row r="193210" spans="8:8">
      <c r="H193210" s="12"/>
    </row>
    <row r="193211" spans="8:8">
      <c r="H193211" s="12"/>
    </row>
    <row r="193212" spans="8:8">
      <c r="H193212" s="12"/>
    </row>
    <row r="193213" spans="8:8">
      <c r="H193213" s="12"/>
    </row>
    <row r="193214" spans="8:8">
      <c r="H193214" s="12"/>
    </row>
    <row r="193215" spans="8:8">
      <c r="H193215" s="12"/>
    </row>
    <row r="193216" spans="8:8">
      <c r="H193216" s="12"/>
    </row>
    <row r="193217" spans="8:8">
      <c r="H193217" s="12"/>
    </row>
    <row r="193218" spans="8:8">
      <c r="H193218" s="12"/>
    </row>
    <row r="193219" spans="8:8">
      <c r="H193219" s="12"/>
    </row>
    <row r="193220" spans="8:8">
      <c r="H193220" s="12"/>
    </row>
    <row r="193221" spans="8:8">
      <c r="H193221" s="12"/>
    </row>
    <row r="193222" spans="8:8">
      <c r="H193222" s="12"/>
    </row>
    <row r="193223" spans="8:8">
      <c r="H193223" s="12"/>
    </row>
    <row r="193224" spans="8:8">
      <c r="H193224" s="12"/>
    </row>
    <row r="193225" spans="8:8">
      <c r="H193225" s="12"/>
    </row>
    <row r="193226" spans="8:8">
      <c r="H193226" s="12"/>
    </row>
    <row r="193227" spans="8:8">
      <c r="H193227" s="12"/>
    </row>
    <row r="193228" spans="8:8">
      <c r="H193228" s="12"/>
    </row>
    <row r="193229" spans="8:8">
      <c r="H193229" s="12"/>
    </row>
    <row r="193230" spans="8:8">
      <c r="H193230" s="12"/>
    </row>
    <row r="193231" spans="8:8">
      <c r="H193231" s="12"/>
    </row>
    <row r="193232" spans="8:8">
      <c r="H193232" s="12"/>
    </row>
    <row r="193233" spans="8:8">
      <c r="H193233" s="12"/>
    </row>
    <row r="193234" spans="8:8">
      <c r="H193234" s="12"/>
    </row>
    <row r="193235" spans="8:8">
      <c r="H193235" s="12"/>
    </row>
    <row r="193236" spans="8:8">
      <c r="H193236" s="12"/>
    </row>
    <row r="193237" spans="8:8">
      <c r="H193237" s="12"/>
    </row>
    <row r="193238" spans="8:8">
      <c r="H193238" s="12"/>
    </row>
    <row r="193239" spans="8:8">
      <c r="H193239" s="12"/>
    </row>
    <row r="193240" spans="8:8">
      <c r="H193240" s="12"/>
    </row>
    <row r="193241" spans="8:8">
      <c r="H193241" s="12"/>
    </row>
    <row r="193242" spans="8:8">
      <c r="H193242" s="12"/>
    </row>
    <row r="193243" spans="8:8">
      <c r="H193243" s="12"/>
    </row>
    <row r="193244" spans="8:8">
      <c r="H193244" s="12"/>
    </row>
    <row r="193245" spans="8:8">
      <c r="H193245" s="12"/>
    </row>
    <row r="193246" spans="8:8">
      <c r="H193246" s="12"/>
    </row>
    <row r="193247" spans="8:8">
      <c r="H193247" s="12"/>
    </row>
    <row r="193248" spans="8:8">
      <c r="H193248" s="12"/>
    </row>
    <row r="193249" spans="8:8">
      <c r="H193249" s="12"/>
    </row>
    <row r="193250" spans="8:8">
      <c r="H193250" s="12"/>
    </row>
    <row r="193251" spans="8:8">
      <c r="H193251" s="12"/>
    </row>
    <row r="193252" spans="8:8">
      <c r="H193252" s="12"/>
    </row>
    <row r="193253" spans="8:8">
      <c r="H193253" s="12"/>
    </row>
    <row r="193254" spans="8:8">
      <c r="H193254" s="12"/>
    </row>
    <row r="193255" spans="8:8">
      <c r="H193255" s="12"/>
    </row>
    <row r="193256" spans="8:8">
      <c r="H193256" s="12"/>
    </row>
    <row r="193257" spans="8:8">
      <c r="H193257" s="12"/>
    </row>
    <row r="193258" spans="8:8">
      <c r="H193258" s="12"/>
    </row>
    <row r="193259" spans="8:8">
      <c r="H193259" s="12"/>
    </row>
    <row r="193260" spans="8:8">
      <c r="H193260" s="12"/>
    </row>
    <row r="193261" spans="8:8">
      <c r="H193261" s="12"/>
    </row>
    <row r="193262" spans="8:8">
      <c r="H193262" s="12"/>
    </row>
    <row r="193263" spans="8:8">
      <c r="H193263" s="12"/>
    </row>
    <row r="193264" spans="8:8">
      <c r="H193264" s="12"/>
    </row>
    <row r="193265" spans="8:8">
      <c r="H193265" s="12"/>
    </row>
    <row r="193266" spans="8:8">
      <c r="H193266" s="12"/>
    </row>
    <row r="193267" spans="8:8">
      <c r="H193267" s="12"/>
    </row>
    <row r="193268" spans="8:8">
      <c r="H193268" s="12"/>
    </row>
    <row r="193269" spans="8:8">
      <c r="H193269" s="12"/>
    </row>
    <row r="193270" spans="8:8">
      <c r="H193270" s="12"/>
    </row>
    <row r="193271" spans="8:8">
      <c r="H193271" s="12"/>
    </row>
    <row r="193272" spans="8:8">
      <c r="H193272" s="12"/>
    </row>
    <row r="193273" spans="8:8">
      <c r="H193273" s="12"/>
    </row>
    <row r="193274" spans="8:8">
      <c r="H193274" s="12"/>
    </row>
    <row r="193275" spans="8:8">
      <c r="H193275" s="12"/>
    </row>
    <row r="193276" spans="8:8">
      <c r="H193276" s="12"/>
    </row>
    <row r="193277" spans="8:8">
      <c r="H193277" s="12"/>
    </row>
    <row r="193278" spans="8:8">
      <c r="H193278" s="12"/>
    </row>
    <row r="193279" spans="8:8">
      <c r="H193279" s="12"/>
    </row>
    <row r="193280" spans="8:8">
      <c r="H193280" s="12"/>
    </row>
    <row r="193281" spans="8:8">
      <c r="H193281" s="12"/>
    </row>
    <row r="193282" spans="8:8">
      <c r="H193282" s="12"/>
    </row>
    <row r="193283" spans="8:8">
      <c r="H193283" s="12"/>
    </row>
    <row r="193284" spans="8:8">
      <c r="H193284" s="12"/>
    </row>
    <row r="193285" spans="8:8">
      <c r="H193285" s="12"/>
    </row>
    <row r="193286" spans="8:8">
      <c r="H193286" s="12"/>
    </row>
    <row r="193287" spans="8:8">
      <c r="H193287" s="12"/>
    </row>
    <row r="193288" spans="8:8">
      <c r="H193288" s="12"/>
    </row>
    <row r="193289" spans="8:8">
      <c r="H193289" s="12"/>
    </row>
    <row r="193290" spans="8:8">
      <c r="H193290" s="12"/>
    </row>
    <row r="193291" spans="8:8">
      <c r="H193291" s="12"/>
    </row>
    <row r="193292" spans="8:8">
      <c r="H193292" s="12"/>
    </row>
    <row r="193293" spans="8:8">
      <c r="H193293" s="12"/>
    </row>
    <row r="193294" spans="8:8">
      <c r="H193294" s="12"/>
    </row>
    <row r="193295" spans="8:8">
      <c r="H193295" s="12"/>
    </row>
    <row r="193296" spans="8:8">
      <c r="H193296" s="12"/>
    </row>
    <row r="193297" spans="8:8">
      <c r="H193297" s="12"/>
    </row>
    <row r="193298" spans="8:8">
      <c r="H193298" s="12"/>
    </row>
    <row r="193299" spans="8:8">
      <c r="H193299" s="12"/>
    </row>
    <row r="193300" spans="8:8">
      <c r="H193300" s="12"/>
    </row>
    <row r="193301" spans="8:8">
      <c r="H193301" s="12"/>
    </row>
    <row r="193302" spans="8:8">
      <c r="H193302" s="12"/>
    </row>
    <row r="193303" spans="8:8">
      <c r="H193303" s="12"/>
    </row>
    <row r="193304" spans="8:8">
      <c r="H193304" s="12"/>
    </row>
    <row r="193305" spans="8:8">
      <c r="H193305" s="12"/>
    </row>
    <row r="193306" spans="8:8">
      <c r="H193306" s="12"/>
    </row>
    <row r="193307" spans="8:8">
      <c r="H193307" s="12"/>
    </row>
    <row r="193308" spans="8:8">
      <c r="H193308" s="12"/>
    </row>
    <row r="193309" spans="8:8">
      <c r="H193309" s="12"/>
    </row>
    <row r="193310" spans="8:8">
      <c r="H193310" s="12"/>
    </row>
    <row r="193311" spans="8:8">
      <c r="H193311" s="12"/>
    </row>
    <row r="193312" spans="8:8">
      <c r="H193312" s="12"/>
    </row>
    <row r="193313" spans="8:8">
      <c r="H193313" s="12"/>
    </row>
    <row r="193314" spans="8:8">
      <c r="H193314" s="12"/>
    </row>
    <row r="193315" spans="8:8">
      <c r="H193315" s="12"/>
    </row>
    <row r="193316" spans="8:8">
      <c r="H193316" s="12"/>
    </row>
    <row r="193317" spans="8:8">
      <c r="H193317" s="12"/>
    </row>
    <row r="193318" spans="8:8">
      <c r="H193318" s="12"/>
    </row>
    <row r="193319" spans="8:8">
      <c r="H193319" s="12"/>
    </row>
    <row r="193320" spans="8:8">
      <c r="H193320" s="12"/>
    </row>
    <row r="193321" spans="8:8">
      <c r="H193321" s="12"/>
    </row>
    <row r="193322" spans="8:8">
      <c r="H193322" s="12"/>
    </row>
    <row r="193323" spans="8:8">
      <c r="H193323" s="12"/>
    </row>
    <row r="193324" spans="8:8">
      <c r="H193324" s="12"/>
    </row>
    <row r="193325" spans="8:8">
      <c r="H193325" s="12"/>
    </row>
    <row r="193326" spans="8:8">
      <c r="H193326" s="12"/>
    </row>
    <row r="193327" spans="8:8">
      <c r="H193327" s="12"/>
    </row>
    <row r="193328" spans="8:8">
      <c r="H193328" s="12"/>
    </row>
    <row r="193329" spans="8:8">
      <c r="H193329" s="12"/>
    </row>
    <row r="193330" spans="8:8">
      <c r="H193330" s="12"/>
    </row>
    <row r="193331" spans="8:8">
      <c r="H193331" s="12"/>
    </row>
    <row r="193332" spans="8:8">
      <c r="H193332" s="12"/>
    </row>
    <row r="193333" spans="8:8">
      <c r="H193333" s="12"/>
    </row>
    <row r="193334" spans="8:8">
      <c r="H193334" s="12"/>
    </row>
    <row r="193335" spans="8:8">
      <c r="H193335" s="12"/>
    </row>
    <row r="193336" spans="8:8">
      <c r="H193336" s="12"/>
    </row>
    <row r="193337" spans="8:8">
      <c r="H193337" s="12"/>
    </row>
    <row r="193338" spans="8:8">
      <c r="H193338" s="12"/>
    </row>
    <row r="193339" spans="8:8">
      <c r="H193339" s="12"/>
    </row>
    <row r="193340" spans="8:8">
      <c r="H193340" s="12"/>
    </row>
    <row r="193341" spans="8:8">
      <c r="H193341" s="12"/>
    </row>
    <row r="193342" spans="8:8">
      <c r="H193342" s="12"/>
    </row>
    <row r="193343" spans="8:8">
      <c r="H193343" s="12"/>
    </row>
    <row r="193344" spans="8:8">
      <c r="H193344" s="12"/>
    </row>
    <row r="193345" spans="8:8">
      <c r="H193345" s="12"/>
    </row>
    <row r="193346" spans="8:8">
      <c r="H193346" s="12"/>
    </row>
    <row r="193347" spans="8:8">
      <c r="H193347" s="12"/>
    </row>
    <row r="193348" spans="8:8">
      <c r="H193348" s="12"/>
    </row>
    <row r="193349" spans="8:8">
      <c r="H193349" s="12"/>
    </row>
    <row r="193350" spans="8:8">
      <c r="H193350" s="12"/>
    </row>
    <row r="193351" spans="8:8">
      <c r="H193351" s="12"/>
    </row>
    <row r="193352" spans="8:8">
      <c r="H193352" s="12"/>
    </row>
    <row r="193353" spans="8:8">
      <c r="H193353" s="12"/>
    </row>
    <row r="193354" spans="8:8">
      <c r="H193354" s="12"/>
    </row>
    <row r="193355" spans="8:8">
      <c r="H193355" s="12"/>
    </row>
    <row r="193356" spans="8:8">
      <c r="H193356" s="12"/>
    </row>
    <row r="193357" spans="8:8">
      <c r="H193357" s="12"/>
    </row>
    <row r="193358" spans="8:8">
      <c r="H193358" s="12"/>
    </row>
    <row r="193359" spans="8:8">
      <c r="H193359" s="12"/>
    </row>
    <row r="193360" spans="8:8">
      <c r="H193360" s="12"/>
    </row>
    <row r="193361" spans="8:8">
      <c r="H193361" s="12"/>
    </row>
    <row r="193362" spans="8:8">
      <c r="H193362" s="12"/>
    </row>
    <row r="193363" spans="8:8">
      <c r="H193363" s="12"/>
    </row>
    <row r="193364" spans="8:8">
      <c r="H193364" s="12"/>
    </row>
    <row r="193365" spans="8:8">
      <c r="H193365" s="12"/>
    </row>
    <row r="193366" spans="8:8">
      <c r="H193366" s="12"/>
    </row>
    <row r="193367" spans="8:8">
      <c r="H193367" s="12"/>
    </row>
    <row r="193368" spans="8:8">
      <c r="H193368" s="12"/>
    </row>
    <row r="193369" spans="8:8">
      <c r="H193369" s="12"/>
    </row>
    <row r="193370" spans="8:8">
      <c r="H193370" s="12"/>
    </row>
    <row r="193371" spans="8:8">
      <c r="H193371" s="12"/>
    </row>
    <row r="193372" spans="8:8">
      <c r="H193372" s="12"/>
    </row>
    <row r="193373" spans="8:8">
      <c r="H193373" s="12"/>
    </row>
    <row r="193374" spans="8:8">
      <c r="H193374" s="12"/>
    </row>
    <row r="193375" spans="8:8">
      <c r="H193375" s="12"/>
    </row>
    <row r="193376" spans="8:8">
      <c r="H193376" s="12"/>
    </row>
    <row r="193377" spans="8:8">
      <c r="H193377" s="12"/>
    </row>
    <row r="193378" spans="8:8">
      <c r="H193378" s="12"/>
    </row>
    <row r="193379" spans="8:8">
      <c r="H193379" s="12"/>
    </row>
    <row r="193380" spans="8:8">
      <c r="H193380" s="12"/>
    </row>
    <row r="193381" spans="8:8">
      <c r="H193381" s="12"/>
    </row>
    <row r="193382" spans="8:8">
      <c r="H193382" s="12"/>
    </row>
    <row r="193383" spans="8:8">
      <c r="H193383" s="12"/>
    </row>
    <row r="193384" spans="8:8">
      <c r="H193384" s="12"/>
    </row>
    <row r="193385" spans="8:8">
      <c r="H193385" s="12"/>
    </row>
    <row r="193386" spans="8:8">
      <c r="H193386" s="12"/>
    </row>
    <row r="193387" spans="8:8">
      <c r="H193387" s="12"/>
    </row>
    <row r="193388" spans="8:8">
      <c r="H193388" s="12"/>
    </row>
    <row r="193389" spans="8:8">
      <c r="H193389" s="12"/>
    </row>
    <row r="193390" spans="8:8">
      <c r="H193390" s="12"/>
    </row>
    <row r="193391" spans="8:8">
      <c r="H193391" s="12"/>
    </row>
    <row r="193392" spans="8:8">
      <c r="H193392" s="12"/>
    </row>
    <row r="193393" spans="8:8">
      <c r="H193393" s="12"/>
    </row>
    <row r="193394" spans="8:8">
      <c r="H193394" s="12"/>
    </row>
    <row r="193395" spans="8:8">
      <c r="H193395" s="12"/>
    </row>
    <row r="193396" spans="8:8">
      <c r="H193396" s="12"/>
    </row>
    <row r="193397" spans="8:8">
      <c r="H193397" s="12"/>
    </row>
    <row r="193398" spans="8:8">
      <c r="H193398" s="12"/>
    </row>
    <row r="193399" spans="8:8">
      <c r="H193399" s="12"/>
    </row>
    <row r="193400" spans="8:8">
      <c r="H193400" s="12"/>
    </row>
    <row r="193401" spans="8:8">
      <c r="H193401" s="12"/>
    </row>
    <row r="193402" spans="8:8">
      <c r="H193402" s="12"/>
    </row>
    <row r="193403" spans="8:8">
      <c r="H193403" s="12"/>
    </row>
    <row r="193404" spans="8:8">
      <c r="H193404" s="12"/>
    </row>
    <row r="193405" spans="8:8">
      <c r="H193405" s="12"/>
    </row>
    <row r="193406" spans="8:8">
      <c r="H193406" s="12"/>
    </row>
    <row r="193407" spans="8:8">
      <c r="H193407" s="12"/>
    </row>
    <row r="193408" spans="8:8">
      <c r="H193408" s="12"/>
    </row>
    <row r="193409" spans="8:8">
      <c r="H193409" s="12"/>
    </row>
    <row r="193410" spans="8:8">
      <c r="H193410" s="12"/>
    </row>
    <row r="193411" spans="8:8">
      <c r="H193411" s="12"/>
    </row>
    <row r="193412" spans="8:8">
      <c r="H193412" s="12"/>
    </row>
    <row r="193413" spans="8:8">
      <c r="H193413" s="12"/>
    </row>
    <row r="193414" spans="8:8">
      <c r="H193414" s="12"/>
    </row>
    <row r="193415" spans="8:8">
      <c r="H193415" s="12"/>
    </row>
    <row r="193416" spans="8:8">
      <c r="H193416" s="12"/>
    </row>
    <row r="193417" spans="8:8">
      <c r="H193417" s="12"/>
    </row>
    <row r="193418" spans="8:8">
      <c r="H193418" s="12"/>
    </row>
    <row r="193419" spans="8:8">
      <c r="H193419" s="12"/>
    </row>
    <row r="193420" spans="8:8">
      <c r="H193420" s="12"/>
    </row>
    <row r="193421" spans="8:8">
      <c r="H193421" s="12"/>
    </row>
    <row r="193422" spans="8:8">
      <c r="H193422" s="12"/>
    </row>
    <row r="193423" spans="8:8">
      <c r="H193423" s="12"/>
    </row>
    <row r="193424" spans="8:8">
      <c r="H193424" s="12"/>
    </row>
    <row r="193425" spans="8:8">
      <c r="H193425" s="12"/>
    </row>
    <row r="193426" spans="8:8">
      <c r="H193426" s="12"/>
    </row>
    <row r="193427" spans="8:8">
      <c r="H193427" s="12"/>
    </row>
    <row r="193428" spans="8:8">
      <c r="H193428" s="12"/>
    </row>
    <row r="193429" spans="8:8">
      <c r="H193429" s="12"/>
    </row>
    <row r="193430" spans="8:8">
      <c r="H193430" s="12"/>
    </row>
    <row r="193431" spans="8:8">
      <c r="H193431" s="12"/>
    </row>
    <row r="193432" spans="8:8">
      <c r="H193432" s="12"/>
    </row>
    <row r="193433" spans="8:8">
      <c r="H193433" s="12"/>
    </row>
    <row r="193434" spans="8:8">
      <c r="H193434" s="12"/>
    </row>
    <row r="193435" spans="8:8">
      <c r="H193435" s="12"/>
    </row>
    <row r="193436" spans="8:8">
      <c r="H193436" s="12"/>
    </row>
    <row r="193437" spans="8:8">
      <c r="H193437" s="12"/>
    </row>
    <row r="193438" spans="8:8">
      <c r="H193438" s="12"/>
    </row>
    <row r="193439" spans="8:8">
      <c r="H193439" s="12"/>
    </row>
    <row r="193440" spans="8:8">
      <c r="H193440" s="12"/>
    </row>
    <row r="193441" spans="8:8">
      <c r="H193441" s="12"/>
    </row>
    <row r="193442" spans="8:8">
      <c r="H193442" s="12"/>
    </row>
    <row r="193443" spans="8:8">
      <c r="H193443" s="12"/>
    </row>
    <row r="193444" spans="8:8">
      <c r="H193444" s="12"/>
    </row>
    <row r="193445" spans="8:8">
      <c r="H193445" s="12"/>
    </row>
    <row r="193446" spans="8:8">
      <c r="H193446" s="12"/>
    </row>
    <row r="193447" spans="8:8">
      <c r="H193447" s="12"/>
    </row>
    <row r="193448" spans="8:8">
      <c r="H193448" s="12"/>
    </row>
    <row r="193449" spans="8:8">
      <c r="H193449" s="12"/>
    </row>
    <row r="193450" spans="8:8">
      <c r="H193450" s="12"/>
    </row>
    <row r="193451" spans="8:8">
      <c r="H193451" s="12"/>
    </row>
    <row r="193452" spans="8:8">
      <c r="H193452" s="12"/>
    </row>
    <row r="193453" spans="8:8">
      <c r="H193453" s="12"/>
    </row>
    <row r="193454" spans="8:8">
      <c r="H193454" s="12"/>
    </row>
    <row r="193455" spans="8:8">
      <c r="H193455" s="12"/>
    </row>
    <row r="193456" spans="8:8">
      <c r="H193456" s="12"/>
    </row>
    <row r="193457" spans="8:8">
      <c r="H193457" s="12"/>
    </row>
    <row r="193458" spans="8:8">
      <c r="H193458" s="12"/>
    </row>
    <row r="193459" spans="8:8">
      <c r="H193459" s="12"/>
    </row>
    <row r="193460" spans="8:8">
      <c r="H193460" s="12"/>
    </row>
    <row r="193461" spans="8:8">
      <c r="H193461" s="12"/>
    </row>
    <row r="193462" spans="8:8">
      <c r="H193462" s="12"/>
    </row>
    <row r="193463" spans="8:8">
      <c r="H193463" s="12"/>
    </row>
    <row r="193464" spans="8:8">
      <c r="H193464" s="12"/>
    </row>
    <row r="193465" spans="8:8">
      <c r="H193465" s="12"/>
    </row>
    <row r="193466" spans="8:8">
      <c r="H193466" s="12"/>
    </row>
    <row r="193467" spans="8:8">
      <c r="H193467" s="12"/>
    </row>
    <row r="193468" spans="8:8">
      <c r="H193468" s="12"/>
    </row>
    <row r="193469" spans="8:8">
      <c r="H193469" s="12"/>
    </row>
    <row r="193470" spans="8:8">
      <c r="H193470" s="12"/>
    </row>
    <row r="193471" spans="8:8">
      <c r="H193471" s="12"/>
    </row>
    <row r="193472" spans="8:8">
      <c r="H193472" s="12"/>
    </row>
    <row r="193473" spans="8:8">
      <c r="H193473" s="12"/>
    </row>
    <row r="193474" spans="8:8">
      <c r="H193474" s="12"/>
    </row>
    <row r="193475" spans="8:8">
      <c r="H193475" s="12"/>
    </row>
    <row r="193476" spans="8:8">
      <c r="H193476" s="12"/>
    </row>
    <row r="193477" spans="8:8">
      <c r="H193477" s="12"/>
    </row>
    <row r="193478" spans="8:8">
      <c r="H193478" s="12"/>
    </row>
    <row r="193479" spans="8:8">
      <c r="H193479" s="12"/>
    </row>
    <row r="193480" spans="8:8">
      <c r="H193480" s="12"/>
    </row>
    <row r="193481" spans="8:8">
      <c r="H193481" s="12"/>
    </row>
    <row r="193482" spans="8:8">
      <c r="H193482" s="12"/>
    </row>
    <row r="193483" spans="8:8">
      <c r="H193483" s="12"/>
    </row>
    <row r="193484" spans="8:8">
      <c r="H193484" s="12"/>
    </row>
    <row r="193485" spans="8:8">
      <c r="H193485" s="12"/>
    </row>
    <row r="193486" spans="8:8">
      <c r="H193486" s="12"/>
    </row>
    <row r="193487" spans="8:8">
      <c r="H193487" s="12"/>
    </row>
    <row r="193488" spans="8:8">
      <c r="H193488" s="12"/>
    </row>
    <row r="193489" spans="8:8">
      <c r="H193489" s="12"/>
    </row>
    <row r="193490" spans="8:8">
      <c r="H193490" s="12"/>
    </row>
    <row r="193491" spans="8:8">
      <c r="H193491" s="12"/>
    </row>
    <row r="193492" spans="8:8">
      <c r="H193492" s="12"/>
    </row>
    <row r="193493" spans="8:8">
      <c r="H193493" s="12"/>
    </row>
    <row r="193494" spans="8:8">
      <c r="H193494" s="12"/>
    </row>
    <row r="193495" spans="8:8">
      <c r="H193495" s="12"/>
    </row>
    <row r="193496" spans="8:8">
      <c r="H193496" s="12"/>
    </row>
    <row r="193497" spans="8:8">
      <c r="H193497" s="12"/>
    </row>
    <row r="193498" spans="8:8">
      <c r="H193498" s="12"/>
    </row>
    <row r="193499" spans="8:8">
      <c r="H193499" s="12"/>
    </row>
    <row r="193500" spans="8:8">
      <c r="H193500" s="12"/>
    </row>
    <row r="193501" spans="8:8">
      <c r="H193501" s="12"/>
    </row>
    <row r="193502" spans="8:8">
      <c r="H193502" s="12"/>
    </row>
    <row r="193503" spans="8:8">
      <c r="H193503" s="12"/>
    </row>
    <row r="193504" spans="8:8">
      <c r="H193504" s="12"/>
    </row>
    <row r="193505" spans="8:8">
      <c r="H193505" s="12"/>
    </row>
    <row r="193506" spans="8:8">
      <c r="H193506" s="12"/>
    </row>
    <row r="193507" spans="8:8">
      <c r="H193507" s="12"/>
    </row>
    <row r="193508" spans="8:8">
      <c r="H193508" s="12"/>
    </row>
    <row r="193509" spans="8:8">
      <c r="H193509" s="12"/>
    </row>
    <row r="193510" spans="8:8">
      <c r="H193510" s="12"/>
    </row>
    <row r="193511" spans="8:8">
      <c r="H193511" s="12"/>
    </row>
    <row r="193512" spans="8:8">
      <c r="H193512" s="12"/>
    </row>
    <row r="193513" spans="8:8">
      <c r="H193513" s="12"/>
    </row>
    <row r="193514" spans="8:8">
      <c r="H193514" s="12"/>
    </row>
    <row r="193515" spans="8:8">
      <c r="H193515" s="12"/>
    </row>
    <row r="193516" spans="8:8">
      <c r="H193516" s="12"/>
    </row>
    <row r="193517" spans="8:8">
      <c r="H193517" s="12"/>
    </row>
    <row r="193518" spans="8:8">
      <c r="H193518" s="12"/>
    </row>
    <row r="193519" spans="8:8">
      <c r="H193519" s="12"/>
    </row>
    <row r="193520" spans="8:8">
      <c r="H193520" s="12"/>
    </row>
    <row r="193521" spans="8:8">
      <c r="H193521" s="12"/>
    </row>
    <row r="193522" spans="8:8">
      <c r="H193522" s="12"/>
    </row>
    <row r="193523" spans="8:8">
      <c r="H193523" s="12"/>
    </row>
    <row r="193524" spans="8:8">
      <c r="H193524" s="12"/>
    </row>
    <row r="193525" spans="8:8">
      <c r="H193525" s="12"/>
    </row>
    <row r="193526" spans="8:8">
      <c r="H193526" s="12"/>
    </row>
    <row r="193527" spans="8:8">
      <c r="H193527" s="12"/>
    </row>
    <row r="193528" spans="8:8">
      <c r="H193528" s="12"/>
    </row>
    <row r="193529" spans="8:8">
      <c r="H193529" s="12"/>
    </row>
    <row r="193530" spans="8:8">
      <c r="H193530" s="12"/>
    </row>
    <row r="193531" spans="8:8">
      <c r="H193531" s="12"/>
    </row>
    <row r="193532" spans="8:8">
      <c r="H193532" s="12"/>
    </row>
    <row r="193533" spans="8:8">
      <c r="H193533" s="12"/>
    </row>
    <row r="193534" spans="8:8">
      <c r="H193534" s="12"/>
    </row>
    <row r="193535" spans="8:8">
      <c r="H193535" s="12"/>
    </row>
    <row r="193536" spans="8:8">
      <c r="H193536" s="12"/>
    </row>
    <row r="193537" spans="8:8">
      <c r="H193537" s="12"/>
    </row>
    <row r="193538" spans="8:8">
      <c r="H193538" s="12"/>
    </row>
    <row r="193539" spans="8:8">
      <c r="H193539" s="12"/>
    </row>
    <row r="193540" spans="8:8">
      <c r="H193540" s="12"/>
    </row>
    <row r="193541" spans="8:8">
      <c r="H193541" s="12"/>
    </row>
    <row r="193542" spans="8:8">
      <c r="H193542" s="12"/>
    </row>
    <row r="193543" spans="8:8">
      <c r="H193543" s="12"/>
    </row>
    <row r="193544" spans="8:8">
      <c r="H193544" s="12"/>
    </row>
    <row r="193545" spans="8:8">
      <c r="H193545" s="12"/>
    </row>
    <row r="193546" spans="8:8">
      <c r="H193546" s="12"/>
    </row>
    <row r="193547" spans="8:8">
      <c r="H193547" s="12"/>
    </row>
    <row r="193548" spans="8:8">
      <c r="H193548" s="12"/>
    </row>
    <row r="193549" spans="8:8">
      <c r="H193549" s="12"/>
    </row>
    <row r="193550" spans="8:8">
      <c r="H193550" s="12"/>
    </row>
    <row r="193551" spans="8:8">
      <c r="H193551" s="12"/>
    </row>
    <row r="193552" spans="8:8">
      <c r="H193552" s="12"/>
    </row>
    <row r="193553" spans="8:8">
      <c r="H193553" s="12"/>
    </row>
    <row r="193554" spans="8:8">
      <c r="H193554" s="12"/>
    </row>
    <row r="193555" spans="8:8">
      <c r="H193555" s="12"/>
    </row>
    <row r="193556" spans="8:8">
      <c r="H193556" s="12"/>
    </row>
    <row r="193557" spans="8:8">
      <c r="H193557" s="12"/>
    </row>
    <row r="193558" spans="8:8">
      <c r="H193558" s="12"/>
    </row>
    <row r="193559" spans="8:8">
      <c r="H193559" s="12"/>
    </row>
    <row r="193560" spans="8:8">
      <c r="H193560" s="12"/>
    </row>
    <row r="193561" spans="8:8">
      <c r="H193561" s="12"/>
    </row>
    <row r="193562" spans="8:8">
      <c r="H193562" s="12"/>
    </row>
    <row r="193563" spans="8:8">
      <c r="H193563" s="12"/>
    </row>
    <row r="193564" spans="8:8">
      <c r="H193564" s="12"/>
    </row>
    <row r="193565" spans="8:8">
      <c r="H193565" s="12"/>
    </row>
    <row r="193566" spans="8:8">
      <c r="H193566" s="12"/>
    </row>
    <row r="193567" spans="8:8">
      <c r="H193567" s="12"/>
    </row>
    <row r="193568" spans="8:8">
      <c r="H193568" s="12"/>
    </row>
    <row r="193569" spans="8:8">
      <c r="H193569" s="12"/>
    </row>
    <row r="193570" spans="8:8">
      <c r="H193570" s="12"/>
    </row>
    <row r="193571" spans="8:8">
      <c r="H193571" s="12"/>
    </row>
    <row r="193572" spans="8:8">
      <c r="H193572" s="12"/>
    </row>
    <row r="193573" spans="8:8">
      <c r="H193573" s="12"/>
    </row>
    <row r="193574" spans="8:8">
      <c r="H193574" s="12"/>
    </row>
    <row r="193575" spans="8:8">
      <c r="H193575" s="12"/>
    </row>
    <row r="193576" spans="8:8">
      <c r="H193576" s="12"/>
    </row>
    <row r="193577" spans="8:8">
      <c r="H193577" s="12"/>
    </row>
    <row r="193578" spans="8:8">
      <c r="H193578" s="12"/>
    </row>
    <row r="193579" spans="8:8">
      <c r="H193579" s="12"/>
    </row>
    <row r="193580" spans="8:8">
      <c r="H193580" s="12"/>
    </row>
    <row r="193581" spans="8:8">
      <c r="H193581" s="12"/>
    </row>
    <row r="193582" spans="8:8">
      <c r="H193582" s="12"/>
    </row>
    <row r="193583" spans="8:8">
      <c r="H193583" s="12"/>
    </row>
    <row r="193584" spans="8:8">
      <c r="H193584" s="12"/>
    </row>
    <row r="193585" spans="8:8">
      <c r="H193585" s="12"/>
    </row>
    <row r="193586" spans="8:8">
      <c r="H193586" s="12"/>
    </row>
    <row r="193587" spans="8:8">
      <c r="H193587" s="12"/>
    </row>
    <row r="193588" spans="8:8">
      <c r="H193588" s="12"/>
    </row>
    <row r="193589" spans="8:8">
      <c r="H193589" s="12"/>
    </row>
    <row r="193590" spans="8:8">
      <c r="H193590" s="12"/>
    </row>
    <row r="193591" spans="8:8">
      <c r="H193591" s="12"/>
    </row>
    <row r="193592" spans="8:8">
      <c r="H193592" s="12"/>
    </row>
    <row r="193593" spans="8:8">
      <c r="H193593" s="12"/>
    </row>
    <row r="193594" spans="8:8">
      <c r="H193594" s="12"/>
    </row>
    <row r="193595" spans="8:8">
      <c r="H193595" s="12"/>
    </row>
    <row r="193596" spans="8:8">
      <c r="H193596" s="12"/>
    </row>
    <row r="193597" spans="8:8">
      <c r="H193597" s="12"/>
    </row>
    <row r="193598" spans="8:8">
      <c r="H193598" s="12"/>
    </row>
    <row r="193599" spans="8:8">
      <c r="H193599" s="12"/>
    </row>
    <row r="193600" spans="8:8">
      <c r="H193600" s="12"/>
    </row>
    <row r="193601" spans="8:8">
      <c r="H193601" s="12"/>
    </row>
    <row r="193602" spans="8:8">
      <c r="H193602" s="12"/>
    </row>
    <row r="193603" spans="8:8">
      <c r="H193603" s="12"/>
    </row>
    <row r="193604" spans="8:8">
      <c r="H193604" s="12"/>
    </row>
    <row r="193605" spans="8:8">
      <c r="H193605" s="12"/>
    </row>
    <row r="193606" spans="8:8">
      <c r="H193606" s="12"/>
    </row>
    <row r="193607" spans="8:8">
      <c r="H193607" s="12"/>
    </row>
    <row r="193608" spans="8:8">
      <c r="H193608" s="12"/>
    </row>
    <row r="193609" spans="8:8">
      <c r="H193609" s="12"/>
    </row>
    <row r="193610" spans="8:8">
      <c r="H193610" s="12"/>
    </row>
    <row r="193611" spans="8:8">
      <c r="H193611" s="12"/>
    </row>
    <row r="193612" spans="8:8">
      <c r="H193612" s="12"/>
    </row>
    <row r="193613" spans="8:8">
      <c r="H193613" s="12"/>
    </row>
    <row r="193614" spans="8:8">
      <c r="H193614" s="12"/>
    </row>
    <row r="193615" spans="8:8">
      <c r="H193615" s="12"/>
    </row>
    <row r="193616" spans="8:8">
      <c r="H193616" s="12"/>
    </row>
    <row r="193617" spans="8:8">
      <c r="H193617" s="12"/>
    </row>
    <row r="193618" spans="8:8">
      <c r="H193618" s="12"/>
    </row>
    <row r="193619" spans="8:8">
      <c r="H193619" s="12"/>
    </row>
    <row r="193620" spans="8:8">
      <c r="H193620" s="12"/>
    </row>
    <row r="193621" spans="8:8">
      <c r="H193621" s="12"/>
    </row>
    <row r="193622" spans="8:8">
      <c r="H193622" s="12"/>
    </row>
    <row r="193623" spans="8:8">
      <c r="H193623" s="12"/>
    </row>
    <row r="193624" spans="8:8">
      <c r="H193624" s="12"/>
    </row>
    <row r="193625" spans="8:8">
      <c r="H193625" s="12"/>
    </row>
    <row r="193626" spans="8:8">
      <c r="H193626" s="12"/>
    </row>
    <row r="193627" spans="8:8">
      <c r="H193627" s="12"/>
    </row>
    <row r="193628" spans="8:8">
      <c r="H193628" s="12"/>
    </row>
    <row r="193629" spans="8:8">
      <c r="H193629" s="12"/>
    </row>
    <row r="193630" spans="8:8">
      <c r="H193630" s="12"/>
    </row>
    <row r="193631" spans="8:8">
      <c r="H193631" s="12"/>
    </row>
    <row r="193632" spans="8:8">
      <c r="H193632" s="12"/>
    </row>
    <row r="193633" spans="8:8">
      <c r="H193633" s="12"/>
    </row>
    <row r="193634" spans="8:8">
      <c r="H193634" s="12"/>
    </row>
    <row r="193635" spans="8:8">
      <c r="H193635" s="12"/>
    </row>
    <row r="193636" spans="8:8">
      <c r="H193636" s="12"/>
    </row>
    <row r="193637" spans="8:8">
      <c r="H193637" s="12"/>
    </row>
    <row r="193638" spans="8:8">
      <c r="H193638" s="12"/>
    </row>
    <row r="193639" spans="8:8">
      <c r="H193639" s="12"/>
    </row>
    <row r="193640" spans="8:8">
      <c r="H193640" s="12"/>
    </row>
    <row r="193641" spans="8:8">
      <c r="H193641" s="12"/>
    </row>
    <row r="193642" spans="8:8">
      <c r="H193642" s="12"/>
    </row>
    <row r="193643" spans="8:8">
      <c r="H193643" s="12"/>
    </row>
    <row r="193644" spans="8:8">
      <c r="H193644" s="12"/>
    </row>
    <row r="193645" spans="8:8">
      <c r="H193645" s="12"/>
    </row>
    <row r="193646" spans="8:8">
      <c r="H193646" s="12"/>
    </row>
    <row r="193647" spans="8:8">
      <c r="H193647" s="12"/>
    </row>
    <row r="193648" spans="8:8">
      <c r="H193648" s="12"/>
    </row>
    <row r="193649" spans="8:8">
      <c r="H193649" s="12"/>
    </row>
    <row r="193650" spans="8:8">
      <c r="H193650" s="12"/>
    </row>
    <row r="193651" spans="8:8">
      <c r="H193651" s="12"/>
    </row>
    <row r="193652" spans="8:8">
      <c r="H193652" s="12"/>
    </row>
    <row r="193653" spans="8:8">
      <c r="H193653" s="12"/>
    </row>
    <row r="193654" spans="8:8">
      <c r="H193654" s="12"/>
    </row>
    <row r="193655" spans="8:8">
      <c r="H193655" s="12"/>
    </row>
    <row r="193656" spans="8:8">
      <c r="H193656" s="12"/>
    </row>
    <row r="193657" spans="8:8">
      <c r="H193657" s="12"/>
    </row>
    <row r="193658" spans="8:8">
      <c r="H193658" s="12"/>
    </row>
    <row r="193659" spans="8:8">
      <c r="H193659" s="12"/>
    </row>
    <row r="193660" spans="8:8">
      <c r="H193660" s="12"/>
    </row>
    <row r="193661" spans="8:8">
      <c r="H193661" s="12"/>
    </row>
    <row r="193662" spans="8:8">
      <c r="H193662" s="12"/>
    </row>
    <row r="193663" spans="8:8">
      <c r="H193663" s="12"/>
    </row>
    <row r="193664" spans="8:8">
      <c r="H193664" s="12"/>
    </row>
    <row r="193665" spans="8:8">
      <c r="H193665" s="12"/>
    </row>
    <row r="193666" spans="8:8">
      <c r="H193666" s="12"/>
    </row>
    <row r="193667" spans="8:8">
      <c r="H193667" s="12"/>
    </row>
    <row r="193668" spans="8:8">
      <c r="H193668" s="12"/>
    </row>
    <row r="193669" spans="8:8">
      <c r="H193669" s="12"/>
    </row>
    <row r="193670" spans="8:8">
      <c r="H193670" s="12"/>
    </row>
    <row r="193671" spans="8:8">
      <c r="H193671" s="12"/>
    </row>
    <row r="193672" spans="8:8">
      <c r="H193672" s="12"/>
    </row>
    <row r="193673" spans="8:8">
      <c r="H193673" s="12"/>
    </row>
    <row r="193674" spans="8:8">
      <c r="H193674" s="12"/>
    </row>
    <row r="193675" spans="8:8">
      <c r="H193675" s="12"/>
    </row>
    <row r="193676" spans="8:8">
      <c r="H193676" s="12"/>
    </row>
    <row r="193677" spans="8:8">
      <c r="H193677" s="12"/>
    </row>
    <row r="193678" spans="8:8">
      <c r="H193678" s="12"/>
    </row>
    <row r="193679" spans="8:8">
      <c r="H193679" s="12"/>
    </row>
    <row r="193680" spans="8:8">
      <c r="H193680" s="12"/>
    </row>
    <row r="193681" spans="8:8">
      <c r="H193681" s="12"/>
    </row>
    <row r="193682" spans="8:8">
      <c r="H193682" s="12"/>
    </row>
    <row r="193683" spans="8:8">
      <c r="H193683" s="12"/>
    </row>
    <row r="193684" spans="8:8">
      <c r="H193684" s="12"/>
    </row>
    <row r="193685" spans="8:8">
      <c r="H193685" s="12"/>
    </row>
    <row r="193686" spans="8:8">
      <c r="H193686" s="12"/>
    </row>
    <row r="193687" spans="8:8">
      <c r="H193687" s="12"/>
    </row>
    <row r="193688" spans="8:8">
      <c r="H193688" s="12"/>
    </row>
    <row r="193689" spans="8:8">
      <c r="H193689" s="12"/>
    </row>
    <row r="193690" spans="8:8">
      <c r="H193690" s="12"/>
    </row>
    <row r="193691" spans="8:8">
      <c r="H193691" s="12"/>
    </row>
    <row r="193692" spans="8:8">
      <c r="H193692" s="12"/>
    </row>
    <row r="193693" spans="8:8">
      <c r="H193693" s="12"/>
    </row>
    <row r="193694" spans="8:8">
      <c r="H193694" s="12"/>
    </row>
    <row r="193695" spans="8:8">
      <c r="H193695" s="12"/>
    </row>
    <row r="193696" spans="8:8">
      <c r="H193696" s="12"/>
    </row>
    <row r="193697" spans="8:8">
      <c r="H193697" s="12"/>
    </row>
    <row r="193698" spans="8:8">
      <c r="H193698" s="12"/>
    </row>
    <row r="193699" spans="8:8">
      <c r="H193699" s="12"/>
    </row>
    <row r="193700" spans="8:8">
      <c r="H193700" s="12"/>
    </row>
    <row r="193701" spans="8:8">
      <c r="H193701" s="12"/>
    </row>
    <row r="193702" spans="8:8">
      <c r="H193702" s="12"/>
    </row>
    <row r="193703" spans="8:8">
      <c r="H193703" s="12"/>
    </row>
    <row r="193704" spans="8:8">
      <c r="H193704" s="12"/>
    </row>
    <row r="193705" spans="8:8">
      <c r="H193705" s="12"/>
    </row>
    <row r="193706" spans="8:8">
      <c r="H193706" s="12"/>
    </row>
    <row r="193707" spans="8:8">
      <c r="H193707" s="12"/>
    </row>
    <row r="193708" spans="8:8">
      <c r="H193708" s="12"/>
    </row>
    <row r="193709" spans="8:8">
      <c r="H193709" s="12"/>
    </row>
    <row r="193710" spans="8:8">
      <c r="H193710" s="12"/>
    </row>
    <row r="193711" spans="8:8">
      <c r="H193711" s="12"/>
    </row>
    <row r="193712" spans="8:8">
      <c r="H193712" s="12"/>
    </row>
    <row r="193713" spans="8:8">
      <c r="H193713" s="12"/>
    </row>
    <row r="193714" spans="8:8">
      <c r="H193714" s="12"/>
    </row>
    <row r="193715" spans="8:8">
      <c r="H193715" s="12"/>
    </row>
    <row r="193716" spans="8:8">
      <c r="H193716" s="12"/>
    </row>
    <row r="193717" spans="8:8">
      <c r="H193717" s="12"/>
    </row>
    <row r="193718" spans="8:8">
      <c r="H193718" s="12"/>
    </row>
    <row r="193719" spans="8:8">
      <c r="H193719" s="12"/>
    </row>
    <row r="193720" spans="8:8">
      <c r="H193720" s="12"/>
    </row>
    <row r="193721" spans="8:8">
      <c r="H193721" s="12"/>
    </row>
    <row r="193722" spans="8:8">
      <c r="H193722" s="12"/>
    </row>
    <row r="193723" spans="8:8">
      <c r="H193723" s="12"/>
    </row>
    <row r="193724" spans="8:8">
      <c r="H193724" s="12"/>
    </row>
    <row r="193725" spans="8:8">
      <c r="H193725" s="12"/>
    </row>
    <row r="193726" spans="8:8">
      <c r="H193726" s="12"/>
    </row>
    <row r="193727" spans="8:8">
      <c r="H193727" s="12"/>
    </row>
    <row r="193728" spans="8:8">
      <c r="H193728" s="12"/>
    </row>
    <row r="193729" spans="8:8">
      <c r="H193729" s="12"/>
    </row>
    <row r="193730" spans="8:8">
      <c r="H193730" s="12"/>
    </row>
    <row r="193731" spans="8:8">
      <c r="H193731" s="12"/>
    </row>
    <row r="193732" spans="8:8">
      <c r="H193732" s="12"/>
    </row>
    <row r="193733" spans="8:8">
      <c r="H193733" s="12"/>
    </row>
    <row r="193734" spans="8:8">
      <c r="H193734" s="12"/>
    </row>
    <row r="193735" spans="8:8">
      <c r="H193735" s="12"/>
    </row>
    <row r="193736" spans="8:8">
      <c r="H193736" s="12"/>
    </row>
    <row r="193737" spans="8:8">
      <c r="H193737" s="12"/>
    </row>
    <row r="193738" spans="8:8">
      <c r="H193738" s="12"/>
    </row>
    <row r="193739" spans="8:8">
      <c r="H193739" s="12"/>
    </row>
    <row r="193740" spans="8:8">
      <c r="H193740" s="12"/>
    </row>
    <row r="193741" spans="8:8">
      <c r="H193741" s="12"/>
    </row>
    <row r="193742" spans="8:8">
      <c r="H193742" s="12"/>
    </row>
    <row r="193743" spans="8:8">
      <c r="H193743" s="12"/>
    </row>
    <row r="193744" spans="8:8">
      <c r="H193744" s="12"/>
    </row>
    <row r="193745" spans="8:8">
      <c r="H193745" s="12"/>
    </row>
    <row r="193746" spans="8:8">
      <c r="H193746" s="12"/>
    </row>
    <row r="193747" spans="8:8">
      <c r="H193747" s="12"/>
    </row>
    <row r="193748" spans="8:8">
      <c r="H193748" s="12"/>
    </row>
    <row r="193749" spans="8:8">
      <c r="H193749" s="12"/>
    </row>
    <row r="193750" spans="8:8">
      <c r="H193750" s="12"/>
    </row>
    <row r="193751" spans="8:8">
      <c r="H193751" s="12"/>
    </row>
    <row r="193752" spans="8:8">
      <c r="H193752" s="12"/>
    </row>
    <row r="193753" spans="8:8">
      <c r="H193753" s="12"/>
    </row>
    <row r="193754" spans="8:8">
      <c r="H193754" s="12"/>
    </row>
    <row r="193755" spans="8:8">
      <c r="H193755" s="12"/>
    </row>
    <row r="193756" spans="8:8">
      <c r="H193756" s="12"/>
    </row>
    <row r="193757" spans="8:8">
      <c r="H193757" s="12"/>
    </row>
    <row r="193758" spans="8:8">
      <c r="H193758" s="12"/>
    </row>
    <row r="193759" spans="8:8">
      <c r="H193759" s="12"/>
    </row>
    <row r="193760" spans="8:8">
      <c r="H193760" s="12"/>
    </row>
    <row r="193761" spans="8:8">
      <c r="H193761" s="12"/>
    </row>
    <row r="193762" spans="8:8">
      <c r="H193762" s="12"/>
    </row>
    <row r="193763" spans="8:8">
      <c r="H193763" s="12"/>
    </row>
    <row r="193764" spans="8:8">
      <c r="H193764" s="12"/>
    </row>
    <row r="193765" spans="8:8">
      <c r="H193765" s="12"/>
    </row>
    <row r="193766" spans="8:8">
      <c r="H193766" s="12"/>
    </row>
    <row r="193767" spans="8:8">
      <c r="H193767" s="12"/>
    </row>
    <row r="193768" spans="8:8">
      <c r="H193768" s="12"/>
    </row>
    <row r="193769" spans="8:8">
      <c r="H193769" s="12"/>
    </row>
    <row r="193770" spans="8:8">
      <c r="H193770" s="12"/>
    </row>
    <row r="193771" spans="8:8">
      <c r="H193771" s="12"/>
    </row>
    <row r="193772" spans="8:8">
      <c r="H193772" s="12"/>
    </row>
    <row r="193773" spans="8:8">
      <c r="H193773" s="12"/>
    </row>
    <row r="193774" spans="8:8">
      <c r="H193774" s="12"/>
    </row>
    <row r="193775" spans="8:8">
      <c r="H193775" s="12"/>
    </row>
    <row r="193776" spans="8:8">
      <c r="H193776" s="12"/>
    </row>
    <row r="193777" spans="8:8">
      <c r="H193777" s="12"/>
    </row>
    <row r="193778" spans="8:8">
      <c r="H193778" s="12"/>
    </row>
    <row r="193779" spans="8:8">
      <c r="H193779" s="12"/>
    </row>
    <row r="193780" spans="8:8">
      <c r="H193780" s="12"/>
    </row>
    <row r="193781" spans="8:8">
      <c r="H193781" s="12"/>
    </row>
    <row r="193782" spans="8:8">
      <c r="H193782" s="12"/>
    </row>
    <row r="193783" spans="8:8">
      <c r="H193783" s="12"/>
    </row>
    <row r="193784" spans="8:8">
      <c r="H193784" s="12"/>
    </row>
    <row r="193785" spans="8:8">
      <c r="H193785" s="12"/>
    </row>
    <row r="193786" spans="8:8">
      <c r="H193786" s="12"/>
    </row>
    <row r="193787" spans="8:8">
      <c r="H193787" s="12"/>
    </row>
    <row r="193788" spans="8:8">
      <c r="H193788" s="12"/>
    </row>
    <row r="193789" spans="8:8">
      <c r="H193789" s="12"/>
    </row>
    <row r="193790" spans="8:8">
      <c r="H193790" s="12"/>
    </row>
    <row r="193791" spans="8:8">
      <c r="H193791" s="12"/>
    </row>
    <row r="193792" spans="8:8">
      <c r="H193792" s="12"/>
    </row>
    <row r="193793" spans="8:8">
      <c r="H193793" s="12"/>
    </row>
    <row r="193794" spans="8:8">
      <c r="H193794" s="12"/>
    </row>
    <row r="193795" spans="8:8">
      <c r="H193795" s="12"/>
    </row>
    <row r="193796" spans="8:8">
      <c r="H193796" s="12"/>
    </row>
    <row r="193797" spans="8:8">
      <c r="H193797" s="12"/>
    </row>
    <row r="193798" spans="8:8">
      <c r="H193798" s="12"/>
    </row>
    <row r="193799" spans="8:8">
      <c r="H193799" s="12"/>
    </row>
    <row r="193800" spans="8:8">
      <c r="H193800" s="12"/>
    </row>
    <row r="193801" spans="8:8">
      <c r="H193801" s="12"/>
    </row>
    <row r="193802" spans="8:8">
      <c r="H193802" s="12"/>
    </row>
    <row r="193803" spans="8:8">
      <c r="H193803" s="12"/>
    </row>
    <row r="193804" spans="8:8">
      <c r="H193804" s="12"/>
    </row>
    <row r="193805" spans="8:8">
      <c r="H193805" s="12"/>
    </row>
    <row r="193806" spans="8:8">
      <c r="H193806" s="12"/>
    </row>
    <row r="193807" spans="8:8">
      <c r="H193807" s="12"/>
    </row>
    <row r="193808" spans="8:8">
      <c r="H193808" s="12"/>
    </row>
    <row r="193809" spans="8:8">
      <c r="H193809" s="12"/>
    </row>
    <row r="193810" spans="8:8">
      <c r="H193810" s="12"/>
    </row>
    <row r="193811" spans="8:8">
      <c r="H193811" s="12"/>
    </row>
    <row r="193812" spans="8:8">
      <c r="H193812" s="12"/>
    </row>
    <row r="193813" spans="8:8">
      <c r="H193813" s="12"/>
    </row>
    <row r="193814" spans="8:8">
      <c r="H193814" s="12"/>
    </row>
    <row r="193815" spans="8:8">
      <c r="H193815" s="12"/>
    </row>
    <row r="193816" spans="8:8">
      <c r="H193816" s="12"/>
    </row>
    <row r="193817" spans="8:8">
      <c r="H193817" s="12"/>
    </row>
    <row r="193818" spans="8:8">
      <c r="H193818" s="12"/>
    </row>
    <row r="193819" spans="8:8">
      <c r="H193819" s="12"/>
    </row>
    <row r="193820" spans="8:8">
      <c r="H193820" s="12"/>
    </row>
    <row r="193821" spans="8:8">
      <c r="H193821" s="12"/>
    </row>
    <row r="193822" spans="8:8">
      <c r="H193822" s="12"/>
    </row>
    <row r="193823" spans="8:8">
      <c r="H193823" s="12"/>
    </row>
    <row r="193824" spans="8:8">
      <c r="H193824" s="12"/>
    </row>
    <row r="193825" spans="8:8">
      <c r="H193825" s="12"/>
    </row>
    <row r="193826" spans="8:8">
      <c r="H193826" s="12"/>
    </row>
    <row r="193827" spans="8:8">
      <c r="H193827" s="12"/>
    </row>
    <row r="193828" spans="8:8">
      <c r="H193828" s="12"/>
    </row>
    <row r="193829" spans="8:8">
      <c r="H193829" s="12"/>
    </row>
    <row r="193830" spans="8:8">
      <c r="H193830" s="12"/>
    </row>
    <row r="193831" spans="8:8">
      <c r="H193831" s="12"/>
    </row>
    <row r="193832" spans="8:8">
      <c r="H193832" s="12"/>
    </row>
    <row r="193833" spans="8:8">
      <c r="H193833" s="12"/>
    </row>
    <row r="193834" spans="8:8">
      <c r="H193834" s="12"/>
    </row>
    <row r="193835" spans="8:8">
      <c r="H193835" s="12"/>
    </row>
    <row r="193836" spans="8:8">
      <c r="H193836" s="12"/>
    </row>
    <row r="193837" spans="8:8">
      <c r="H193837" s="12"/>
    </row>
    <row r="193838" spans="8:8">
      <c r="H193838" s="12"/>
    </row>
    <row r="193839" spans="8:8">
      <c r="H193839" s="12"/>
    </row>
    <row r="193840" spans="8:8">
      <c r="H193840" s="12"/>
    </row>
    <row r="193841" spans="8:8">
      <c r="H193841" s="12"/>
    </row>
    <row r="193842" spans="8:8">
      <c r="H193842" s="12"/>
    </row>
    <row r="193843" spans="8:8">
      <c r="H193843" s="12"/>
    </row>
    <row r="193844" spans="8:8">
      <c r="H193844" s="12"/>
    </row>
    <row r="193845" spans="8:8">
      <c r="H193845" s="12"/>
    </row>
    <row r="193846" spans="8:8">
      <c r="H193846" s="12"/>
    </row>
    <row r="193847" spans="8:8">
      <c r="H193847" s="12"/>
    </row>
    <row r="193848" spans="8:8">
      <c r="H193848" s="12"/>
    </row>
    <row r="193849" spans="8:8">
      <c r="H193849" s="12"/>
    </row>
    <row r="193850" spans="8:8">
      <c r="H193850" s="12"/>
    </row>
    <row r="193851" spans="8:8">
      <c r="H193851" s="12"/>
    </row>
    <row r="193852" spans="8:8">
      <c r="H193852" s="12"/>
    </row>
    <row r="193853" spans="8:8">
      <c r="H193853" s="12"/>
    </row>
    <row r="193854" spans="8:8">
      <c r="H193854" s="12"/>
    </row>
    <row r="193855" spans="8:8">
      <c r="H193855" s="12"/>
    </row>
    <row r="193856" spans="8:8">
      <c r="H193856" s="12"/>
    </row>
    <row r="193857" spans="8:8">
      <c r="H193857" s="12"/>
    </row>
    <row r="193858" spans="8:8">
      <c r="H193858" s="12"/>
    </row>
    <row r="193859" spans="8:8">
      <c r="H193859" s="12"/>
    </row>
    <row r="193860" spans="8:8">
      <c r="H193860" s="12"/>
    </row>
    <row r="193861" spans="8:8">
      <c r="H193861" s="12"/>
    </row>
    <row r="193862" spans="8:8">
      <c r="H193862" s="12"/>
    </row>
    <row r="193863" spans="8:8">
      <c r="H193863" s="12"/>
    </row>
    <row r="193864" spans="8:8">
      <c r="H193864" s="12"/>
    </row>
    <row r="193865" spans="8:8">
      <c r="H193865" s="12"/>
    </row>
    <row r="193866" spans="8:8">
      <c r="H193866" s="12"/>
    </row>
    <row r="193867" spans="8:8">
      <c r="H193867" s="12"/>
    </row>
    <row r="193868" spans="8:8">
      <c r="H193868" s="12"/>
    </row>
    <row r="193869" spans="8:8">
      <c r="H193869" s="12"/>
    </row>
    <row r="193870" spans="8:8">
      <c r="H193870" s="12"/>
    </row>
    <row r="193871" spans="8:8">
      <c r="H193871" s="12"/>
    </row>
    <row r="193872" spans="8:8">
      <c r="H193872" s="12"/>
    </row>
    <row r="193873" spans="8:8">
      <c r="H193873" s="12"/>
    </row>
    <row r="193874" spans="8:8">
      <c r="H193874" s="12"/>
    </row>
    <row r="193875" spans="8:8">
      <c r="H193875" s="12"/>
    </row>
    <row r="193876" spans="8:8">
      <c r="H193876" s="12"/>
    </row>
    <row r="193877" spans="8:8">
      <c r="H193877" s="12"/>
    </row>
    <row r="193878" spans="8:8">
      <c r="H193878" s="12"/>
    </row>
    <row r="193879" spans="8:8">
      <c r="H193879" s="12"/>
    </row>
    <row r="193880" spans="8:8">
      <c r="H193880" s="12"/>
    </row>
    <row r="193881" spans="8:8">
      <c r="H193881" s="12"/>
    </row>
    <row r="193882" spans="8:8">
      <c r="H193882" s="12"/>
    </row>
    <row r="193883" spans="8:8">
      <c r="H193883" s="12"/>
    </row>
    <row r="193884" spans="8:8">
      <c r="H193884" s="12"/>
    </row>
    <row r="193885" spans="8:8">
      <c r="H193885" s="12"/>
    </row>
    <row r="193886" spans="8:8">
      <c r="H193886" s="12"/>
    </row>
    <row r="193887" spans="8:8">
      <c r="H193887" s="12"/>
    </row>
    <row r="193888" spans="8:8">
      <c r="H193888" s="12"/>
    </row>
    <row r="193889" spans="8:8">
      <c r="H193889" s="12"/>
    </row>
    <row r="193890" spans="8:8">
      <c r="H193890" s="12"/>
    </row>
    <row r="193891" spans="8:8">
      <c r="H193891" s="12"/>
    </row>
    <row r="193892" spans="8:8">
      <c r="H193892" s="12"/>
    </row>
    <row r="193893" spans="8:8">
      <c r="H193893" s="12"/>
    </row>
    <row r="193894" spans="8:8">
      <c r="H193894" s="12"/>
    </row>
    <row r="193895" spans="8:8">
      <c r="H193895" s="12"/>
    </row>
    <row r="193896" spans="8:8">
      <c r="H193896" s="12"/>
    </row>
    <row r="193897" spans="8:8">
      <c r="H193897" s="12"/>
    </row>
    <row r="193898" spans="8:8">
      <c r="H193898" s="12"/>
    </row>
    <row r="193899" spans="8:8">
      <c r="H193899" s="12"/>
    </row>
    <row r="193900" spans="8:8">
      <c r="H193900" s="12"/>
    </row>
    <row r="193901" spans="8:8">
      <c r="H193901" s="12"/>
    </row>
    <row r="193902" spans="8:8">
      <c r="H193902" s="12"/>
    </row>
    <row r="193903" spans="8:8">
      <c r="H193903" s="12"/>
    </row>
    <row r="193904" spans="8:8">
      <c r="H193904" s="12"/>
    </row>
    <row r="193905" spans="8:8">
      <c r="H193905" s="12"/>
    </row>
    <row r="193906" spans="8:8">
      <c r="H193906" s="12"/>
    </row>
    <row r="193907" spans="8:8">
      <c r="H193907" s="12"/>
    </row>
    <row r="193908" spans="8:8">
      <c r="H193908" s="12"/>
    </row>
    <row r="193909" spans="8:8">
      <c r="H193909" s="12"/>
    </row>
    <row r="193910" spans="8:8">
      <c r="H193910" s="12"/>
    </row>
    <row r="193911" spans="8:8">
      <c r="H193911" s="12"/>
    </row>
    <row r="193912" spans="8:8">
      <c r="H193912" s="12"/>
    </row>
    <row r="193913" spans="8:8">
      <c r="H193913" s="12"/>
    </row>
    <row r="193914" spans="8:8">
      <c r="H193914" s="12"/>
    </row>
    <row r="193915" spans="8:8">
      <c r="H193915" s="12"/>
    </row>
    <row r="193916" spans="8:8">
      <c r="H193916" s="12"/>
    </row>
    <row r="193917" spans="8:8">
      <c r="H193917" s="12"/>
    </row>
    <row r="193918" spans="8:8">
      <c r="H193918" s="12"/>
    </row>
    <row r="193919" spans="8:8">
      <c r="H193919" s="12"/>
    </row>
    <row r="193920" spans="8:8">
      <c r="H193920" s="12"/>
    </row>
    <row r="193921" spans="8:8">
      <c r="H193921" s="12"/>
    </row>
    <row r="193922" spans="8:8">
      <c r="H193922" s="12"/>
    </row>
    <row r="193923" spans="8:8">
      <c r="H193923" s="12"/>
    </row>
    <row r="193924" spans="8:8">
      <c r="H193924" s="12"/>
    </row>
    <row r="193925" spans="8:8">
      <c r="H193925" s="12"/>
    </row>
    <row r="193926" spans="8:8">
      <c r="H193926" s="12"/>
    </row>
    <row r="193927" spans="8:8">
      <c r="H193927" s="12"/>
    </row>
    <row r="193928" spans="8:8">
      <c r="H193928" s="12"/>
    </row>
    <row r="193929" spans="8:8">
      <c r="H193929" s="12"/>
    </row>
    <row r="193930" spans="8:8">
      <c r="H193930" s="12"/>
    </row>
    <row r="193931" spans="8:8">
      <c r="H193931" s="12"/>
    </row>
    <row r="193932" spans="8:8">
      <c r="H193932" s="12"/>
    </row>
    <row r="193933" spans="8:8">
      <c r="H193933" s="12"/>
    </row>
    <row r="193934" spans="8:8">
      <c r="H193934" s="12"/>
    </row>
    <row r="193935" spans="8:8">
      <c r="H193935" s="12"/>
    </row>
    <row r="193936" spans="8:8">
      <c r="H193936" s="12"/>
    </row>
    <row r="193937" spans="8:8">
      <c r="H193937" s="12"/>
    </row>
    <row r="193938" spans="8:8">
      <c r="H193938" s="12"/>
    </row>
    <row r="193939" spans="8:8">
      <c r="H193939" s="12"/>
    </row>
    <row r="193940" spans="8:8">
      <c r="H193940" s="12"/>
    </row>
    <row r="193941" spans="8:8">
      <c r="H193941" s="12"/>
    </row>
    <row r="193942" spans="8:8">
      <c r="H193942" s="12"/>
    </row>
    <row r="193943" spans="8:8">
      <c r="H193943" s="12"/>
    </row>
    <row r="193944" spans="8:8">
      <c r="H193944" s="12"/>
    </row>
    <row r="193945" spans="8:8">
      <c r="H193945" s="12"/>
    </row>
    <row r="193946" spans="8:8">
      <c r="H193946" s="12"/>
    </row>
    <row r="193947" spans="8:8">
      <c r="H193947" s="12"/>
    </row>
    <row r="193948" spans="8:8">
      <c r="H193948" s="12"/>
    </row>
    <row r="193949" spans="8:8">
      <c r="H193949" s="12"/>
    </row>
    <row r="193950" spans="8:8">
      <c r="H193950" s="12"/>
    </row>
    <row r="193951" spans="8:8">
      <c r="H193951" s="12"/>
    </row>
    <row r="193952" spans="8:8">
      <c r="H193952" s="12"/>
    </row>
    <row r="193953" spans="8:8">
      <c r="H193953" s="12"/>
    </row>
    <row r="193954" spans="8:8">
      <c r="H193954" s="12"/>
    </row>
    <row r="193955" spans="8:8">
      <c r="H193955" s="12"/>
    </row>
    <row r="193956" spans="8:8">
      <c r="H193956" s="12"/>
    </row>
    <row r="193957" spans="8:8">
      <c r="H193957" s="12"/>
    </row>
    <row r="193958" spans="8:8">
      <c r="H193958" s="12"/>
    </row>
    <row r="193959" spans="8:8">
      <c r="H193959" s="12"/>
    </row>
    <row r="193960" spans="8:8">
      <c r="H193960" s="12"/>
    </row>
    <row r="193961" spans="8:8">
      <c r="H193961" s="12"/>
    </row>
    <row r="193962" spans="8:8">
      <c r="H193962" s="12"/>
    </row>
    <row r="193963" spans="8:8">
      <c r="H193963" s="12"/>
    </row>
    <row r="193964" spans="8:8">
      <c r="H193964" s="12"/>
    </row>
    <row r="193965" spans="8:8">
      <c r="H193965" s="12"/>
    </row>
    <row r="193966" spans="8:8">
      <c r="H193966" s="12"/>
    </row>
    <row r="193967" spans="8:8">
      <c r="H193967" s="12"/>
    </row>
    <row r="193968" spans="8:8">
      <c r="H193968" s="12"/>
    </row>
    <row r="193969" spans="8:8">
      <c r="H193969" s="12"/>
    </row>
    <row r="193970" spans="8:8">
      <c r="H193970" s="12"/>
    </row>
    <row r="193971" spans="8:8">
      <c r="H193971" s="12"/>
    </row>
    <row r="193972" spans="8:8">
      <c r="H193972" s="12"/>
    </row>
    <row r="193973" spans="8:8">
      <c r="H193973" s="12"/>
    </row>
    <row r="193974" spans="8:8">
      <c r="H193974" s="12"/>
    </row>
    <row r="193975" spans="8:8">
      <c r="H193975" s="12"/>
    </row>
    <row r="193976" spans="8:8">
      <c r="H193976" s="12"/>
    </row>
    <row r="193977" spans="8:8">
      <c r="H193977" s="12"/>
    </row>
    <row r="193978" spans="8:8">
      <c r="H193978" s="12"/>
    </row>
    <row r="193979" spans="8:8">
      <c r="H193979" s="12"/>
    </row>
    <row r="193980" spans="8:8">
      <c r="H193980" s="12"/>
    </row>
    <row r="193981" spans="8:8">
      <c r="H193981" s="12"/>
    </row>
    <row r="193982" spans="8:8">
      <c r="H193982" s="12"/>
    </row>
    <row r="193983" spans="8:8">
      <c r="H193983" s="12"/>
    </row>
    <row r="193984" spans="8:8">
      <c r="H193984" s="12"/>
    </row>
    <row r="193985" spans="8:8">
      <c r="H193985" s="12"/>
    </row>
    <row r="193986" spans="8:8">
      <c r="H193986" s="12"/>
    </row>
    <row r="193987" spans="8:8">
      <c r="H193987" s="12"/>
    </row>
    <row r="193988" spans="8:8">
      <c r="H193988" s="12"/>
    </row>
    <row r="193989" spans="8:8">
      <c r="H193989" s="12"/>
    </row>
    <row r="193990" spans="8:8">
      <c r="H193990" s="12"/>
    </row>
    <row r="193991" spans="8:8">
      <c r="H193991" s="12"/>
    </row>
    <row r="193992" spans="8:8">
      <c r="H193992" s="12"/>
    </row>
    <row r="193993" spans="8:8">
      <c r="H193993" s="12"/>
    </row>
    <row r="193994" spans="8:8">
      <c r="H193994" s="12"/>
    </row>
    <row r="193995" spans="8:8">
      <c r="H193995" s="12"/>
    </row>
    <row r="193996" spans="8:8">
      <c r="H193996" s="12"/>
    </row>
    <row r="193997" spans="8:8">
      <c r="H193997" s="12"/>
    </row>
    <row r="193998" spans="8:8">
      <c r="H193998" s="12"/>
    </row>
    <row r="193999" spans="8:8">
      <c r="H193999" s="12"/>
    </row>
    <row r="194000" spans="8:8">
      <c r="H194000" s="12"/>
    </row>
    <row r="194001" spans="8:8">
      <c r="H194001" s="12"/>
    </row>
    <row r="194002" spans="8:8">
      <c r="H194002" s="12"/>
    </row>
    <row r="194003" spans="8:8">
      <c r="H194003" s="12"/>
    </row>
    <row r="194004" spans="8:8">
      <c r="H194004" s="12"/>
    </row>
    <row r="194005" spans="8:8">
      <c r="H194005" s="12"/>
    </row>
    <row r="194006" spans="8:8">
      <c r="H194006" s="12"/>
    </row>
    <row r="194007" spans="8:8">
      <c r="H194007" s="12"/>
    </row>
    <row r="194008" spans="8:8">
      <c r="H194008" s="12"/>
    </row>
    <row r="194009" spans="8:8">
      <c r="H194009" s="12"/>
    </row>
    <row r="194010" spans="8:8">
      <c r="H194010" s="12"/>
    </row>
    <row r="194011" spans="8:8">
      <c r="H194011" s="12"/>
    </row>
    <row r="194012" spans="8:8">
      <c r="H194012" s="12"/>
    </row>
    <row r="194013" spans="8:8">
      <c r="H194013" s="12"/>
    </row>
    <row r="194014" spans="8:8">
      <c r="H194014" s="12"/>
    </row>
    <row r="194015" spans="8:8">
      <c r="H194015" s="12"/>
    </row>
    <row r="194016" spans="8:8">
      <c r="H194016" s="12"/>
    </row>
    <row r="194017" spans="8:8">
      <c r="H194017" s="12"/>
    </row>
    <row r="194018" spans="8:8">
      <c r="H194018" s="12"/>
    </row>
    <row r="194019" spans="8:8">
      <c r="H194019" s="12"/>
    </row>
    <row r="194020" spans="8:8">
      <c r="H194020" s="12"/>
    </row>
    <row r="194021" spans="8:8">
      <c r="H194021" s="12"/>
    </row>
    <row r="194022" spans="8:8">
      <c r="H194022" s="12"/>
    </row>
    <row r="194023" spans="8:8">
      <c r="H194023" s="12"/>
    </row>
    <row r="194024" spans="8:8">
      <c r="H194024" s="12"/>
    </row>
    <row r="194025" spans="8:8">
      <c r="H194025" s="12"/>
    </row>
    <row r="194026" spans="8:8">
      <c r="H194026" s="12"/>
    </row>
    <row r="194027" spans="8:8">
      <c r="H194027" s="12"/>
    </row>
    <row r="194028" spans="8:8">
      <c r="H194028" s="12"/>
    </row>
    <row r="194029" spans="8:8">
      <c r="H194029" s="12"/>
    </row>
    <row r="194030" spans="8:8">
      <c r="H194030" s="12"/>
    </row>
    <row r="194031" spans="8:8">
      <c r="H194031" s="12"/>
    </row>
    <row r="194032" spans="8:8">
      <c r="H194032" s="12"/>
    </row>
    <row r="194033" spans="8:8">
      <c r="H194033" s="12"/>
    </row>
    <row r="194034" spans="8:8">
      <c r="H194034" s="12"/>
    </row>
    <row r="194035" spans="8:8">
      <c r="H194035" s="12"/>
    </row>
    <row r="194036" spans="8:8">
      <c r="H194036" s="12"/>
    </row>
    <row r="194037" spans="8:8">
      <c r="H194037" s="12"/>
    </row>
    <row r="194038" spans="8:8">
      <c r="H194038" s="12"/>
    </row>
    <row r="194039" spans="8:8">
      <c r="H194039" s="12"/>
    </row>
    <row r="194040" spans="8:8">
      <c r="H194040" s="12"/>
    </row>
    <row r="194041" spans="8:8">
      <c r="H194041" s="12"/>
    </row>
    <row r="194042" spans="8:8">
      <c r="H194042" s="12"/>
    </row>
    <row r="194043" spans="8:8">
      <c r="H194043" s="12"/>
    </row>
    <row r="194044" spans="8:8">
      <c r="H194044" s="12"/>
    </row>
    <row r="194045" spans="8:8">
      <c r="H194045" s="12"/>
    </row>
    <row r="194046" spans="8:8">
      <c r="H194046" s="12"/>
    </row>
    <row r="194047" spans="8:8">
      <c r="H194047" s="12"/>
    </row>
    <row r="194048" spans="8:8">
      <c r="H194048" s="12"/>
    </row>
    <row r="194049" spans="8:8">
      <c r="H194049" s="12"/>
    </row>
    <row r="194050" spans="8:8">
      <c r="H194050" s="12"/>
    </row>
    <row r="194051" spans="8:8">
      <c r="H194051" s="12"/>
    </row>
    <row r="194052" spans="8:8">
      <c r="H194052" s="12"/>
    </row>
    <row r="194053" spans="8:8">
      <c r="H194053" s="12"/>
    </row>
    <row r="194054" spans="8:8">
      <c r="H194054" s="12"/>
    </row>
    <row r="194055" spans="8:8">
      <c r="H194055" s="12"/>
    </row>
    <row r="194056" spans="8:8">
      <c r="H194056" s="12"/>
    </row>
    <row r="194057" spans="8:8">
      <c r="H194057" s="12"/>
    </row>
    <row r="194058" spans="8:8">
      <c r="H194058" s="12"/>
    </row>
    <row r="194059" spans="8:8">
      <c r="H194059" s="12"/>
    </row>
    <row r="194060" spans="8:8">
      <c r="H194060" s="12"/>
    </row>
    <row r="194061" spans="8:8">
      <c r="H194061" s="12"/>
    </row>
    <row r="194062" spans="8:8">
      <c r="H194062" s="12"/>
    </row>
    <row r="194063" spans="8:8">
      <c r="H194063" s="12"/>
    </row>
    <row r="194064" spans="8:8">
      <c r="H194064" s="12"/>
    </row>
    <row r="194065" spans="8:8">
      <c r="H194065" s="12"/>
    </row>
    <row r="194066" spans="8:8">
      <c r="H194066" s="12"/>
    </row>
    <row r="194067" spans="8:8">
      <c r="H194067" s="12"/>
    </row>
    <row r="194068" spans="8:8">
      <c r="H194068" s="12"/>
    </row>
    <row r="194069" spans="8:8">
      <c r="H194069" s="12"/>
    </row>
    <row r="194070" spans="8:8">
      <c r="H194070" s="12"/>
    </row>
    <row r="194071" spans="8:8">
      <c r="H194071" s="12"/>
    </row>
    <row r="194072" spans="8:8">
      <c r="H194072" s="12"/>
    </row>
    <row r="194073" spans="8:8">
      <c r="H194073" s="12"/>
    </row>
    <row r="194074" spans="8:8">
      <c r="H194074" s="12"/>
    </row>
    <row r="194075" spans="8:8">
      <c r="H194075" s="12"/>
    </row>
    <row r="194076" spans="8:8">
      <c r="H194076" s="12"/>
    </row>
    <row r="194077" spans="8:8">
      <c r="H194077" s="12"/>
    </row>
    <row r="194078" spans="8:8">
      <c r="H194078" s="12"/>
    </row>
    <row r="194079" spans="8:8">
      <c r="H194079" s="12"/>
    </row>
    <row r="194080" spans="8:8">
      <c r="H194080" s="12"/>
    </row>
    <row r="194081" spans="8:8">
      <c r="H194081" s="12"/>
    </row>
    <row r="194082" spans="8:8">
      <c r="H194082" s="12"/>
    </row>
    <row r="194083" spans="8:8">
      <c r="H194083" s="12"/>
    </row>
    <row r="194084" spans="8:8">
      <c r="H194084" s="12"/>
    </row>
    <row r="194085" spans="8:8">
      <c r="H194085" s="12"/>
    </row>
    <row r="194086" spans="8:8">
      <c r="H194086" s="12"/>
    </row>
    <row r="194087" spans="8:8">
      <c r="H194087" s="12"/>
    </row>
    <row r="194088" spans="8:8">
      <c r="H194088" s="12"/>
    </row>
    <row r="194089" spans="8:8">
      <c r="H194089" s="12"/>
    </row>
    <row r="194090" spans="8:8">
      <c r="H194090" s="12"/>
    </row>
    <row r="194091" spans="8:8">
      <c r="H194091" s="12"/>
    </row>
    <row r="194092" spans="8:8">
      <c r="H194092" s="12"/>
    </row>
    <row r="194093" spans="8:8">
      <c r="H194093" s="12"/>
    </row>
    <row r="194094" spans="8:8">
      <c r="H194094" s="12"/>
    </row>
    <row r="194095" spans="8:8">
      <c r="H194095" s="12"/>
    </row>
    <row r="194096" spans="8:8">
      <c r="H194096" s="12"/>
    </row>
    <row r="194097" spans="8:8">
      <c r="H194097" s="12"/>
    </row>
    <row r="194098" spans="8:8">
      <c r="H194098" s="12"/>
    </row>
    <row r="194099" spans="8:8">
      <c r="H194099" s="12"/>
    </row>
    <row r="194100" spans="8:8">
      <c r="H194100" s="12"/>
    </row>
    <row r="194101" spans="8:8">
      <c r="H194101" s="12"/>
    </row>
    <row r="194102" spans="8:8">
      <c r="H194102" s="12"/>
    </row>
    <row r="194103" spans="8:8">
      <c r="H194103" s="12"/>
    </row>
    <row r="194104" spans="8:8">
      <c r="H194104" s="12"/>
    </row>
    <row r="194105" spans="8:8">
      <c r="H194105" s="12"/>
    </row>
    <row r="194106" spans="8:8">
      <c r="H194106" s="12"/>
    </row>
    <row r="194107" spans="8:8">
      <c r="H194107" s="12"/>
    </row>
    <row r="194108" spans="8:8">
      <c r="H194108" s="12"/>
    </row>
    <row r="194109" spans="8:8">
      <c r="H194109" s="12"/>
    </row>
    <row r="194110" spans="8:8">
      <c r="H194110" s="12"/>
    </row>
    <row r="194111" spans="8:8">
      <c r="H194111" s="12"/>
    </row>
    <row r="194112" spans="8:8">
      <c r="H194112" s="12"/>
    </row>
    <row r="194113" spans="8:8">
      <c r="H194113" s="12"/>
    </row>
    <row r="194114" spans="8:8">
      <c r="H194114" s="12"/>
    </row>
    <row r="194115" spans="8:8">
      <c r="H194115" s="12"/>
    </row>
    <row r="194116" spans="8:8">
      <c r="H194116" s="12"/>
    </row>
    <row r="194117" spans="8:8">
      <c r="H194117" s="12"/>
    </row>
    <row r="194118" spans="8:8">
      <c r="H194118" s="12"/>
    </row>
    <row r="194119" spans="8:8">
      <c r="H194119" s="12"/>
    </row>
    <row r="194120" spans="8:8">
      <c r="H194120" s="12"/>
    </row>
    <row r="194121" spans="8:8">
      <c r="H194121" s="12"/>
    </row>
    <row r="194122" spans="8:8">
      <c r="H194122" s="12"/>
    </row>
    <row r="194123" spans="8:8">
      <c r="H194123" s="12"/>
    </row>
    <row r="194124" spans="8:8">
      <c r="H194124" s="12"/>
    </row>
    <row r="194125" spans="8:8">
      <c r="H194125" s="12"/>
    </row>
    <row r="194126" spans="8:8">
      <c r="H194126" s="12"/>
    </row>
    <row r="194127" spans="8:8">
      <c r="H194127" s="12"/>
    </row>
    <row r="194128" spans="8:8">
      <c r="H194128" s="12"/>
    </row>
    <row r="194129" spans="8:8">
      <c r="H194129" s="12"/>
    </row>
    <row r="194130" spans="8:8">
      <c r="H194130" s="12"/>
    </row>
    <row r="194131" spans="8:8">
      <c r="H194131" s="12"/>
    </row>
    <row r="194132" spans="8:8">
      <c r="H194132" s="12"/>
    </row>
    <row r="194133" spans="8:8">
      <c r="H194133" s="12"/>
    </row>
    <row r="194134" spans="8:8">
      <c r="H194134" s="12"/>
    </row>
    <row r="194135" spans="8:8">
      <c r="H194135" s="12"/>
    </row>
    <row r="194136" spans="8:8">
      <c r="H194136" s="12"/>
    </row>
    <row r="194137" spans="8:8">
      <c r="H194137" s="12"/>
    </row>
    <row r="194138" spans="8:8">
      <c r="H194138" s="12"/>
    </row>
    <row r="194139" spans="8:8">
      <c r="H194139" s="12"/>
    </row>
    <row r="194140" spans="8:8">
      <c r="H194140" s="12"/>
    </row>
    <row r="194141" spans="8:8">
      <c r="H194141" s="12"/>
    </row>
    <row r="194142" spans="8:8">
      <c r="H194142" s="12"/>
    </row>
    <row r="194143" spans="8:8">
      <c r="H194143" s="12"/>
    </row>
    <row r="194144" spans="8:8">
      <c r="H194144" s="12"/>
    </row>
    <row r="194145" spans="8:8">
      <c r="H194145" s="12"/>
    </row>
    <row r="194146" spans="8:8">
      <c r="H194146" s="12"/>
    </row>
    <row r="194147" spans="8:8">
      <c r="H194147" s="12"/>
    </row>
    <row r="194148" spans="8:8">
      <c r="H194148" s="12"/>
    </row>
    <row r="194149" spans="8:8">
      <c r="H194149" s="12"/>
    </row>
    <row r="194150" spans="8:8">
      <c r="H194150" s="12"/>
    </row>
    <row r="194151" spans="8:8">
      <c r="H194151" s="12"/>
    </row>
    <row r="194152" spans="8:8">
      <c r="H194152" s="12"/>
    </row>
    <row r="194153" spans="8:8">
      <c r="H194153" s="12"/>
    </row>
    <row r="194154" spans="8:8">
      <c r="H194154" s="12"/>
    </row>
    <row r="194155" spans="8:8">
      <c r="H194155" s="12"/>
    </row>
    <row r="194156" spans="8:8">
      <c r="H194156" s="12"/>
    </row>
    <row r="194157" spans="8:8">
      <c r="H194157" s="12"/>
    </row>
    <row r="194158" spans="8:8">
      <c r="H194158" s="12"/>
    </row>
    <row r="194159" spans="8:8">
      <c r="H194159" s="12"/>
    </row>
    <row r="194160" spans="8:8">
      <c r="H194160" s="12"/>
    </row>
    <row r="194161" spans="8:8">
      <c r="H194161" s="12"/>
    </row>
    <row r="194162" spans="8:8">
      <c r="H194162" s="12"/>
    </row>
    <row r="194163" spans="8:8">
      <c r="H194163" s="12"/>
    </row>
    <row r="194164" spans="8:8">
      <c r="H194164" s="12"/>
    </row>
    <row r="194165" spans="8:8">
      <c r="H194165" s="12"/>
    </row>
    <row r="194166" spans="8:8">
      <c r="H194166" s="12"/>
    </row>
    <row r="194167" spans="8:8">
      <c r="H194167" s="12"/>
    </row>
    <row r="194168" spans="8:8">
      <c r="H194168" s="12"/>
    </row>
    <row r="194169" spans="8:8">
      <c r="H194169" s="12"/>
    </row>
    <row r="194170" spans="8:8">
      <c r="H194170" s="12"/>
    </row>
    <row r="194171" spans="8:8">
      <c r="H194171" s="12"/>
    </row>
    <row r="194172" spans="8:8">
      <c r="H194172" s="12"/>
    </row>
    <row r="194173" spans="8:8">
      <c r="H194173" s="12"/>
    </row>
    <row r="194174" spans="8:8">
      <c r="H194174" s="12"/>
    </row>
    <row r="194175" spans="8:8">
      <c r="H194175" s="12"/>
    </row>
    <row r="194176" spans="8:8">
      <c r="H194176" s="12"/>
    </row>
    <row r="194177" spans="8:8">
      <c r="H194177" s="12"/>
    </row>
    <row r="194178" spans="8:8">
      <c r="H194178" s="12"/>
    </row>
    <row r="194179" spans="8:8">
      <c r="H194179" s="12"/>
    </row>
    <row r="194180" spans="8:8">
      <c r="H194180" s="12"/>
    </row>
    <row r="194181" spans="8:8">
      <c r="H194181" s="12"/>
    </row>
    <row r="194182" spans="8:8">
      <c r="H194182" s="12"/>
    </row>
    <row r="194183" spans="8:8">
      <c r="H194183" s="12"/>
    </row>
    <row r="194184" spans="8:8">
      <c r="H194184" s="12"/>
    </row>
    <row r="194185" spans="8:8">
      <c r="H194185" s="12"/>
    </row>
    <row r="194186" spans="8:8">
      <c r="H194186" s="12"/>
    </row>
    <row r="194187" spans="8:8">
      <c r="H194187" s="12"/>
    </row>
    <row r="194188" spans="8:8">
      <c r="H194188" s="12"/>
    </row>
    <row r="194189" spans="8:8">
      <c r="H194189" s="12"/>
    </row>
    <row r="194190" spans="8:8">
      <c r="H194190" s="12"/>
    </row>
    <row r="194191" spans="8:8">
      <c r="H194191" s="12"/>
    </row>
    <row r="194192" spans="8:8">
      <c r="H194192" s="12"/>
    </row>
    <row r="194193" spans="8:8">
      <c r="H194193" s="12"/>
    </row>
    <row r="194194" spans="8:8">
      <c r="H194194" s="12"/>
    </row>
    <row r="194195" spans="8:8">
      <c r="H194195" s="12"/>
    </row>
    <row r="194196" spans="8:8">
      <c r="H194196" s="12"/>
    </row>
    <row r="194197" spans="8:8">
      <c r="H194197" s="12"/>
    </row>
    <row r="194198" spans="8:8">
      <c r="H194198" s="12"/>
    </row>
    <row r="194199" spans="8:8">
      <c r="H194199" s="12"/>
    </row>
    <row r="194200" spans="8:8">
      <c r="H194200" s="12"/>
    </row>
    <row r="194201" spans="8:8">
      <c r="H194201" s="12"/>
    </row>
    <row r="194202" spans="8:8">
      <c r="H194202" s="12"/>
    </row>
    <row r="194203" spans="8:8">
      <c r="H194203" s="12"/>
    </row>
    <row r="194204" spans="8:8">
      <c r="H194204" s="12"/>
    </row>
    <row r="194205" spans="8:8">
      <c r="H194205" s="12"/>
    </row>
    <row r="194206" spans="8:8">
      <c r="H194206" s="12"/>
    </row>
    <row r="194207" spans="8:8">
      <c r="H194207" s="12"/>
    </row>
    <row r="194208" spans="8:8">
      <c r="H194208" s="12"/>
    </row>
    <row r="194209" spans="8:8">
      <c r="H194209" s="12"/>
    </row>
    <row r="194210" spans="8:8">
      <c r="H194210" s="12"/>
    </row>
    <row r="194211" spans="8:8">
      <c r="H194211" s="12"/>
    </row>
    <row r="194212" spans="8:8">
      <c r="H194212" s="12"/>
    </row>
    <row r="194213" spans="8:8">
      <c r="H194213" s="12"/>
    </row>
    <row r="194214" spans="8:8">
      <c r="H194214" s="12"/>
    </row>
    <row r="194215" spans="8:8">
      <c r="H194215" s="12"/>
    </row>
    <row r="194216" spans="8:8">
      <c r="H194216" s="12"/>
    </row>
    <row r="194217" spans="8:8">
      <c r="H194217" s="12"/>
    </row>
    <row r="194218" spans="8:8">
      <c r="H194218" s="12"/>
    </row>
    <row r="194219" spans="8:8">
      <c r="H194219" s="12"/>
    </row>
    <row r="194220" spans="8:8">
      <c r="H194220" s="12"/>
    </row>
    <row r="194221" spans="8:8">
      <c r="H194221" s="12"/>
    </row>
    <row r="194222" spans="8:8">
      <c r="H194222" s="12"/>
    </row>
    <row r="194223" spans="8:8">
      <c r="H194223" s="12"/>
    </row>
    <row r="194224" spans="8:8">
      <c r="H194224" s="12"/>
    </row>
    <row r="194225" spans="8:8">
      <c r="H194225" s="12"/>
    </row>
    <row r="194226" spans="8:8">
      <c r="H194226" s="12"/>
    </row>
    <row r="194227" spans="8:8">
      <c r="H194227" s="12"/>
    </row>
    <row r="194228" spans="8:8">
      <c r="H194228" s="12"/>
    </row>
    <row r="194229" spans="8:8">
      <c r="H194229" s="12"/>
    </row>
    <row r="194230" spans="8:8">
      <c r="H194230" s="12"/>
    </row>
    <row r="194231" spans="8:8">
      <c r="H194231" s="12"/>
    </row>
    <row r="194232" spans="8:8">
      <c r="H194232" s="12"/>
    </row>
    <row r="194233" spans="8:8">
      <c r="H194233" s="12"/>
    </row>
    <row r="194234" spans="8:8">
      <c r="H194234" s="12"/>
    </row>
    <row r="194235" spans="8:8">
      <c r="H194235" s="12"/>
    </row>
    <row r="194236" spans="8:8">
      <c r="H194236" s="12"/>
    </row>
    <row r="194237" spans="8:8">
      <c r="H194237" s="12"/>
    </row>
    <row r="194238" spans="8:8">
      <c r="H194238" s="12"/>
    </row>
    <row r="194239" spans="8:8">
      <c r="H194239" s="12"/>
    </row>
    <row r="194240" spans="8:8">
      <c r="H194240" s="12"/>
    </row>
    <row r="194241" spans="8:8">
      <c r="H194241" s="12"/>
    </row>
    <row r="194242" spans="8:8">
      <c r="H194242" s="12"/>
    </row>
    <row r="194243" spans="8:8">
      <c r="H194243" s="12"/>
    </row>
    <row r="194244" spans="8:8">
      <c r="H194244" s="12"/>
    </row>
    <row r="194245" spans="8:8">
      <c r="H194245" s="12"/>
    </row>
    <row r="194246" spans="8:8">
      <c r="H194246" s="12"/>
    </row>
    <row r="194247" spans="8:8">
      <c r="H194247" s="12"/>
    </row>
    <row r="194248" spans="8:8">
      <c r="H194248" s="12"/>
    </row>
    <row r="194249" spans="8:8">
      <c r="H194249" s="12"/>
    </row>
    <row r="194250" spans="8:8">
      <c r="H194250" s="12"/>
    </row>
    <row r="194251" spans="8:8">
      <c r="H194251" s="12"/>
    </row>
    <row r="194252" spans="8:8">
      <c r="H194252" s="12"/>
    </row>
    <row r="194253" spans="8:8">
      <c r="H194253" s="12"/>
    </row>
    <row r="194254" spans="8:8">
      <c r="H194254" s="12"/>
    </row>
    <row r="194255" spans="8:8">
      <c r="H194255" s="12"/>
    </row>
    <row r="194256" spans="8:8">
      <c r="H194256" s="12"/>
    </row>
    <row r="194257" spans="8:8">
      <c r="H194257" s="12"/>
    </row>
    <row r="194258" spans="8:8">
      <c r="H194258" s="12"/>
    </row>
    <row r="194259" spans="8:8">
      <c r="H194259" s="12"/>
    </row>
    <row r="194260" spans="8:8">
      <c r="H194260" s="12"/>
    </row>
    <row r="194261" spans="8:8">
      <c r="H194261" s="12"/>
    </row>
    <row r="194262" spans="8:8">
      <c r="H194262" s="12"/>
    </row>
    <row r="194263" spans="8:8">
      <c r="H194263" s="12"/>
    </row>
    <row r="194264" spans="8:8">
      <c r="H194264" s="12"/>
    </row>
    <row r="194265" spans="8:8">
      <c r="H194265" s="12"/>
    </row>
    <row r="194266" spans="8:8">
      <c r="H194266" s="12"/>
    </row>
    <row r="194267" spans="8:8">
      <c r="H194267" s="12"/>
    </row>
    <row r="194268" spans="8:8">
      <c r="H194268" s="12"/>
    </row>
    <row r="194269" spans="8:8">
      <c r="H194269" s="12"/>
    </row>
    <row r="194270" spans="8:8">
      <c r="H194270" s="12"/>
    </row>
    <row r="194271" spans="8:8">
      <c r="H194271" s="12"/>
    </row>
    <row r="194272" spans="8:8">
      <c r="H194272" s="12"/>
    </row>
    <row r="194273" spans="8:8">
      <c r="H194273" s="12"/>
    </row>
    <row r="194274" spans="8:8">
      <c r="H194274" s="12"/>
    </row>
    <row r="194275" spans="8:8">
      <c r="H194275" s="12"/>
    </row>
    <row r="194276" spans="8:8">
      <c r="H194276" s="12"/>
    </row>
    <row r="194277" spans="8:8">
      <c r="H194277" s="12"/>
    </row>
    <row r="194278" spans="8:8">
      <c r="H194278" s="12"/>
    </row>
    <row r="194279" spans="8:8">
      <c r="H194279" s="12"/>
    </row>
    <row r="194280" spans="8:8">
      <c r="H194280" s="12"/>
    </row>
    <row r="194281" spans="8:8">
      <c r="H194281" s="12"/>
    </row>
    <row r="194282" spans="8:8">
      <c r="H194282" s="12"/>
    </row>
    <row r="194283" spans="8:8">
      <c r="H194283" s="12"/>
    </row>
    <row r="194284" spans="8:8">
      <c r="H194284" s="12"/>
    </row>
    <row r="194285" spans="8:8">
      <c r="H194285" s="12"/>
    </row>
    <row r="194286" spans="8:8">
      <c r="H194286" s="12"/>
    </row>
    <row r="194287" spans="8:8">
      <c r="H194287" s="12"/>
    </row>
    <row r="194288" spans="8:8">
      <c r="H194288" s="12"/>
    </row>
    <row r="194289" spans="8:8">
      <c r="H194289" s="12"/>
    </row>
    <row r="194290" spans="8:8">
      <c r="H194290" s="12"/>
    </row>
    <row r="194291" spans="8:8">
      <c r="H194291" s="12"/>
    </row>
    <row r="194292" spans="8:8">
      <c r="H194292" s="12"/>
    </row>
    <row r="194293" spans="8:8">
      <c r="H194293" s="12"/>
    </row>
    <row r="194294" spans="8:8">
      <c r="H194294" s="12"/>
    </row>
    <row r="194295" spans="8:8">
      <c r="H194295" s="12"/>
    </row>
    <row r="194296" spans="8:8">
      <c r="H194296" s="12"/>
    </row>
    <row r="194297" spans="8:8">
      <c r="H194297" s="12"/>
    </row>
    <row r="194298" spans="8:8">
      <c r="H194298" s="12"/>
    </row>
    <row r="194299" spans="8:8">
      <c r="H194299" s="12"/>
    </row>
    <row r="194300" spans="8:8">
      <c r="H194300" s="12"/>
    </row>
    <row r="194301" spans="8:8">
      <c r="H194301" s="12"/>
    </row>
    <row r="194302" spans="8:8">
      <c r="H194302" s="12"/>
    </row>
    <row r="194303" spans="8:8">
      <c r="H194303" s="12"/>
    </row>
    <row r="194304" spans="8:8">
      <c r="H194304" s="12"/>
    </row>
    <row r="194305" spans="8:8">
      <c r="H194305" s="12"/>
    </row>
    <row r="194306" spans="8:8">
      <c r="H194306" s="12"/>
    </row>
    <row r="194307" spans="8:8">
      <c r="H194307" s="12"/>
    </row>
    <row r="194308" spans="8:8">
      <c r="H194308" s="12"/>
    </row>
    <row r="194309" spans="8:8">
      <c r="H194309" s="12"/>
    </row>
    <row r="194310" spans="8:8">
      <c r="H194310" s="12"/>
    </row>
    <row r="194311" spans="8:8">
      <c r="H194311" s="12"/>
    </row>
    <row r="194312" spans="8:8">
      <c r="H194312" s="12"/>
    </row>
    <row r="194313" spans="8:8">
      <c r="H194313" s="12"/>
    </row>
    <row r="194314" spans="8:8">
      <c r="H194314" s="12"/>
    </row>
    <row r="194315" spans="8:8">
      <c r="H194315" s="12"/>
    </row>
    <row r="194316" spans="8:8">
      <c r="H194316" s="12"/>
    </row>
    <row r="194317" spans="8:8">
      <c r="H194317" s="12"/>
    </row>
    <row r="194318" spans="8:8">
      <c r="H194318" s="12"/>
    </row>
    <row r="194319" spans="8:8">
      <c r="H194319" s="12"/>
    </row>
    <row r="194320" spans="8:8">
      <c r="H194320" s="12"/>
    </row>
    <row r="194321" spans="8:8">
      <c r="H194321" s="12"/>
    </row>
    <row r="194322" spans="8:8">
      <c r="H194322" s="12"/>
    </row>
    <row r="194323" spans="8:8">
      <c r="H194323" s="12"/>
    </row>
    <row r="194324" spans="8:8">
      <c r="H194324" s="12"/>
    </row>
    <row r="194325" spans="8:8">
      <c r="H194325" s="12"/>
    </row>
    <row r="194326" spans="8:8">
      <c r="H194326" s="12"/>
    </row>
    <row r="194327" spans="8:8">
      <c r="H194327" s="12"/>
    </row>
    <row r="194328" spans="8:8">
      <c r="H194328" s="12"/>
    </row>
    <row r="194329" spans="8:8">
      <c r="H194329" s="12"/>
    </row>
    <row r="194330" spans="8:8">
      <c r="H194330" s="12"/>
    </row>
    <row r="194331" spans="8:8">
      <c r="H194331" s="12"/>
    </row>
    <row r="194332" spans="8:8">
      <c r="H194332" s="12"/>
    </row>
    <row r="194333" spans="8:8">
      <c r="H194333" s="12"/>
    </row>
    <row r="194334" spans="8:8">
      <c r="H194334" s="12"/>
    </row>
    <row r="194335" spans="8:8">
      <c r="H194335" s="12"/>
    </row>
    <row r="194336" spans="8:8">
      <c r="H194336" s="12"/>
    </row>
    <row r="194337" spans="8:8">
      <c r="H194337" s="12"/>
    </row>
    <row r="194338" spans="8:8">
      <c r="H194338" s="12"/>
    </row>
    <row r="194339" spans="8:8">
      <c r="H194339" s="12"/>
    </row>
    <row r="194340" spans="8:8">
      <c r="H194340" s="12"/>
    </row>
    <row r="194341" spans="8:8">
      <c r="H194341" s="12"/>
    </row>
    <row r="194342" spans="8:8">
      <c r="H194342" s="12"/>
    </row>
    <row r="194343" spans="8:8">
      <c r="H194343" s="12"/>
    </row>
    <row r="194344" spans="8:8">
      <c r="H194344" s="12"/>
    </row>
    <row r="194345" spans="8:8">
      <c r="H194345" s="12"/>
    </row>
    <row r="194346" spans="8:8">
      <c r="H194346" s="12"/>
    </row>
    <row r="194347" spans="8:8">
      <c r="H194347" s="12"/>
    </row>
    <row r="194348" spans="8:8">
      <c r="H194348" s="12"/>
    </row>
    <row r="194349" spans="8:8">
      <c r="H194349" s="12"/>
    </row>
    <row r="194350" spans="8:8">
      <c r="H194350" s="12"/>
    </row>
    <row r="194351" spans="8:8">
      <c r="H194351" s="12"/>
    </row>
    <row r="194352" spans="8:8">
      <c r="H194352" s="12"/>
    </row>
    <row r="194353" spans="8:8">
      <c r="H194353" s="12"/>
    </row>
    <row r="194354" spans="8:8">
      <c r="H194354" s="12"/>
    </row>
    <row r="194355" spans="8:8">
      <c r="H194355" s="12"/>
    </row>
    <row r="194356" spans="8:8">
      <c r="H194356" s="12"/>
    </row>
    <row r="194357" spans="8:8">
      <c r="H194357" s="12"/>
    </row>
    <row r="194358" spans="8:8">
      <c r="H194358" s="12"/>
    </row>
    <row r="194359" spans="8:8">
      <c r="H194359" s="12"/>
    </row>
    <row r="194360" spans="8:8">
      <c r="H194360" s="12"/>
    </row>
    <row r="194361" spans="8:8">
      <c r="H194361" s="12"/>
    </row>
    <row r="194362" spans="8:8">
      <c r="H194362" s="12"/>
    </row>
    <row r="194363" spans="8:8">
      <c r="H194363" s="12"/>
    </row>
    <row r="194364" spans="8:8">
      <c r="H194364" s="12"/>
    </row>
    <row r="194365" spans="8:8">
      <c r="H194365" s="12"/>
    </row>
    <row r="194366" spans="8:8">
      <c r="H194366" s="12"/>
    </row>
    <row r="194367" spans="8:8">
      <c r="H194367" s="12"/>
    </row>
    <row r="194368" spans="8:8">
      <c r="H194368" s="12"/>
    </row>
    <row r="194369" spans="8:8">
      <c r="H194369" s="12"/>
    </row>
    <row r="194370" spans="8:8">
      <c r="H194370" s="12"/>
    </row>
    <row r="194371" spans="8:8">
      <c r="H194371" s="12"/>
    </row>
    <row r="194372" spans="8:8">
      <c r="H194372" s="12"/>
    </row>
    <row r="194373" spans="8:8">
      <c r="H194373" s="12"/>
    </row>
    <row r="194374" spans="8:8">
      <c r="H194374" s="12"/>
    </row>
    <row r="194375" spans="8:8">
      <c r="H194375" s="12"/>
    </row>
    <row r="194376" spans="8:8">
      <c r="H194376" s="12"/>
    </row>
    <row r="194377" spans="8:8">
      <c r="H194377" s="12"/>
    </row>
    <row r="194378" spans="8:8">
      <c r="H194378" s="12"/>
    </row>
    <row r="194379" spans="8:8">
      <c r="H194379" s="12"/>
    </row>
    <row r="194380" spans="8:8">
      <c r="H194380" s="12"/>
    </row>
    <row r="194381" spans="8:8">
      <c r="H194381" s="12"/>
    </row>
    <row r="194382" spans="8:8">
      <c r="H194382" s="12"/>
    </row>
    <row r="194383" spans="8:8">
      <c r="H194383" s="12"/>
    </row>
    <row r="194384" spans="8:8">
      <c r="H194384" s="12"/>
    </row>
    <row r="194385" spans="8:8">
      <c r="H194385" s="12"/>
    </row>
    <row r="194386" spans="8:8">
      <c r="H194386" s="12"/>
    </row>
    <row r="194387" spans="8:8">
      <c r="H194387" s="12"/>
    </row>
    <row r="194388" spans="8:8">
      <c r="H194388" s="12"/>
    </row>
    <row r="194389" spans="8:8">
      <c r="H194389" s="12"/>
    </row>
    <row r="194390" spans="8:8">
      <c r="H194390" s="12"/>
    </row>
    <row r="194391" spans="8:8">
      <c r="H194391" s="12"/>
    </row>
    <row r="194392" spans="8:8">
      <c r="H194392" s="12"/>
    </row>
    <row r="194393" spans="8:8">
      <c r="H194393" s="12"/>
    </row>
    <row r="194394" spans="8:8">
      <c r="H194394" s="12"/>
    </row>
    <row r="194395" spans="8:8">
      <c r="H194395" s="12"/>
    </row>
    <row r="194396" spans="8:8">
      <c r="H194396" s="12"/>
    </row>
    <row r="194397" spans="8:8">
      <c r="H194397" s="12"/>
    </row>
    <row r="194398" spans="8:8">
      <c r="H194398" s="12"/>
    </row>
    <row r="194399" spans="8:8">
      <c r="H194399" s="12"/>
    </row>
    <row r="194400" spans="8:8">
      <c r="H194400" s="12"/>
    </row>
    <row r="194401" spans="8:8">
      <c r="H194401" s="12"/>
    </row>
    <row r="194402" spans="8:8">
      <c r="H194402" s="12"/>
    </row>
    <row r="194403" spans="8:8">
      <c r="H194403" s="12"/>
    </row>
    <row r="194404" spans="8:8">
      <c r="H194404" s="12"/>
    </row>
    <row r="194405" spans="8:8">
      <c r="H194405" s="12"/>
    </row>
    <row r="194406" spans="8:8">
      <c r="H194406" s="12"/>
    </row>
    <row r="194407" spans="8:8">
      <c r="H194407" s="12"/>
    </row>
    <row r="194408" spans="8:8">
      <c r="H194408" s="12"/>
    </row>
    <row r="194409" spans="8:8">
      <c r="H194409" s="12"/>
    </row>
    <row r="194410" spans="8:8">
      <c r="H194410" s="12"/>
    </row>
    <row r="194411" spans="8:8">
      <c r="H194411" s="12"/>
    </row>
    <row r="194412" spans="8:8">
      <c r="H194412" s="12"/>
    </row>
    <row r="194413" spans="8:8">
      <c r="H194413" s="12"/>
    </row>
    <row r="194414" spans="8:8">
      <c r="H194414" s="12"/>
    </row>
    <row r="194415" spans="8:8">
      <c r="H194415" s="12"/>
    </row>
    <row r="194416" spans="8:8">
      <c r="H194416" s="12"/>
    </row>
    <row r="194417" spans="8:8">
      <c r="H194417" s="12"/>
    </row>
    <row r="194418" spans="8:8">
      <c r="H194418" s="12"/>
    </row>
    <row r="194419" spans="8:8">
      <c r="H194419" s="12"/>
    </row>
    <row r="194420" spans="8:8">
      <c r="H194420" s="12"/>
    </row>
    <row r="194421" spans="8:8">
      <c r="H194421" s="12"/>
    </row>
    <row r="194422" spans="8:8">
      <c r="H194422" s="12"/>
    </row>
    <row r="194423" spans="8:8">
      <c r="H194423" s="12"/>
    </row>
    <row r="194424" spans="8:8">
      <c r="H194424" s="12"/>
    </row>
    <row r="194425" spans="8:8">
      <c r="H194425" s="12"/>
    </row>
    <row r="194426" spans="8:8">
      <c r="H194426" s="12"/>
    </row>
    <row r="194427" spans="8:8">
      <c r="H194427" s="12"/>
    </row>
    <row r="194428" spans="8:8">
      <c r="H194428" s="12"/>
    </row>
    <row r="194429" spans="8:8">
      <c r="H194429" s="12"/>
    </row>
    <row r="194430" spans="8:8">
      <c r="H194430" s="12"/>
    </row>
    <row r="194431" spans="8:8">
      <c r="H194431" s="12"/>
    </row>
    <row r="194432" spans="8:8">
      <c r="H194432" s="12"/>
    </row>
    <row r="194433" spans="8:8">
      <c r="H194433" s="12"/>
    </row>
    <row r="194434" spans="8:8">
      <c r="H194434" s="12"/>
    </row>
    <row r="194435" spans="8:8">
      <c r="H194435" s="12"/>
    </row>
    <row r="194436" spans="8:8">
      <c r="H194436" s="12"/>
    </row>
    <row r="194437" spans="8:8">
      <c r="H194437" s="12"/>
    </row>
    <row r="194438" spans="8:8">
      <c r="H194438" s="12"/>
    </row>
    <row r="194439" spans="8:8">
      <c r="H194439" s="12"/>
    </row>
    <row r="194440" spans="8:8">
      <c r="H194440" s="12"/>
    </row>
    <row r="194441" spans="8:8">
      <c r="H194441" s="12"/>
    </row>
    <row r="194442" spans="8:8">
      <c r="H194442" s="12"/>
    </row>
    <row r="194443" spans="8:8">
      <c r="H194443" s="12"/>
    </row>
    <row r="194444" spans="8:8">
      <c r="H194444" s="12"/>
    </row>
    <row r="194445" spans="8:8">
      <c r="H194445" s="12"/>
    </row>
    <row r="194446" spans="8:8">
      <c r="H194446" s="12"/>
    </row>
    <row r="194447" spans="8:8">
      <c r="H194447" s="12"/>
    </row>
    <row r="194448" spans="8:8">
      <c r="H194448" s="12"/>
    </row>
    <row r="194449" spans="8:8">
      <c r="H194449" s="12"/>
    </row>
    <row r="194450" spans="8:8">
      <c r="H194450" s="12"/>
    </row>
    <row r="194451" spans="8:8">
      <c r="H194451" s="12"/>
    </row>
    <row r="194452" spans="8:8">
      <c r="H194452" s="12"/>
    </row>
    <row r="194453" spans="8:8">
      <c r="H194453" s="12"/>
    </row>
    <row r="194454" spans="8:8">
      <c r="H194454" s="12"/>
    </row>
    <row r="194455" spans="8:8">
      <c r="H194455" s="12"/>
    </row>
    <row r="194456" spans="8:8">
      <c r="H194456" s="12"/>
    </row>
    <row r="194457" spans="8:8">
      <c r="H194457" s="12"/>
    </row>
    <row r="194458" spans="8:8">
      <c r="H194458" s="12"/>
    </row>
    <row r="194459" spans="8:8">
      <c r="H194459" s="12"/>
    </row>
    <row r="194460" spans="8:8">
      <c r="H194460" s="12"/>
    </row>
    <row r="194461" spans="8:8">
      <c r="H194461" s="12"/>
    </row>
    <row r="194462" spans="8:8">
      <c r="H194462" s="12"/>
    </row>
    <row r="194463" spans="8:8">
      <c r="H194463" s="12"/>
    </row>
    <row r="194464" spans="8:8">
      <c r="H194464" s="12"/>
    </row>
    <row r="194465" spans="8:8">
      <c r="H194465" s="12"/>
    </row>
    <row r="194466" spans="8:8">
      <c r="H194466" s="12"/>
    </row>
    <row r="194467" spans="8:8">
      <c r="H194467" s="12"/>
    </row>
    <row r="194468" spans="8:8">
      <c r="H194468" s="12"/>
    </row>
    <row r="194469" spans="8:8">
      <c r="H194469" s="12"/>
    </row>
    <row r="194470" spans="8:8">
      <c r="H194470" s="12"/>
    </row>
    <row r="194471" spans="8:8">
      <c r="H194471" s="12"/>
    </row>
    <row r="194472" spans="8:8">
      <c r="H194472" s="12"/>
    </row>
    <row r="194473" spans="8:8">
      <c r="H194473" s="12"/>
    </row>
    <row r="194474" spans="8:8">
      <c r="H194474" s="12"/>
    </row>
    <row r="194475" spans="8:8">
      <c r="H194475" s="12"/>
    </row>
    <row r="194476" spans="8:8">
      <c r="H194476" s="12"/>
    </row>
    <row r="194477" spans="8:8">
      <c r="H194477" s="12"/>
    </row>
    <row r="194478" spans="8:8">
      <c r="H194478" s="12"/>
    </row>
    <row r="194479" spans="8:8">
      <c r="H194479" s="12"/>
    </row>
    <row r="194480" spans="8:8">
      <c r="H194480" s="12"/>
    </row>
    <row r="194481" spans="8:8">
      <c r="H194481" s="12"/>
    </row>
    <row r="194482" spans="8:8">
      <c r="H194482" s="12"/>
    </row>
    <row r="194483" spans="8:8">
      <c r="H194483" s="12"/>
    </row>
    <row r="194484" spans="8:8">
      <c r="H194484" s="12"/>
    </row>
    <row r="194485" spans="8:8">
      <c r="H194485" s="12"/>
    </row>
    <row r="194486" spans="8:8">
      <c r="H194486" s="12"/>
    </row>
    <row r="194487" spans="8:8">
      <c r="H194487" s="12"/>
    </row>
    <row r="194488" spans="8:8">
      <c r="H194488" s="12"/>
    </row>
    <row r="194489" spans="8:8">
      <c r="H194489" s="12"/>
    </row>
    <row r="194490" spans="8:8">
      <c r="H194490" s="12"/>
    </row>
    <row r="194491" spans="8:8">
      <c r="H194491" s="12"/>
    </row>
    <row r="194492" spans="8:8">
      <c r="H194492" s="12"/>
    </row>
    <row r="194493" spans="8:8">
      <c r="H194493" s="12"/>
    </row>
    <row r="194494" spans="8:8">
      <c r="H194494" s="12"/>
    </row>
    <row r="194495" spans="8:8">
      <c r="H194495" s="12"/>
    </row>
    <row r="194496" spans="8:8">
      <c r="H194496" s="12"/>
    </row>
    <row r="194497" spans="8:8">
      <c r="H194497" s="12"/>
    </row>
    <row r="194498" spans="8:8">
      <c r="H194498" s="12"/>
    </row>
    <row r="194499" spans="8:8">
      <c r="H194499" s="12"/>
    </row>
    <row r="194500" spans="8:8">
      <c r="H194500" s="12"/>
    </row>
    <row r="194501" spans="8:8">
      <c r="H194501" s="12"/>
    </row>
    <row r="194502" spans="8:8">
      <c r="H194502" s="12"/>
    </row>
    <row r="194503" spans="8:8">
      <c r="H194503" s="12"/>
    </row>
    <row r="194504" spans="8:8">
      <c r="H194504" s="12"/>
    </row>
    <row r="194505" spans="8:8">
      <c r="H194505" s="12"/>
    </row>
    <row r="194506" spans="8:8">
      <c r="H194506" s="12"/>
    </row>
    <row r="194507" spans="8:8">
      <c r="H194507" s="12"/>
    </row>
    <row r="194508" spans="8:8">
      <c r="H194508" s="12"/>
    </row>
    <row r="194509" spans="8:8">
      <c r="H194509" s="12"/>
    </row>
    <row r="194510" spans="8:8">
      <c r="H194510" s="12"/>
    </row>
    <row r="194511" spans="8:8">
      <c r="H194511" s="12"/>
    </row>
    <row r="194512" spans="8:8">
      <c r="H194512" s="12"/>
    </row>
    <row r="194513" spans="8:8">
      <c r="H194513" s="12"/>
    </row>
    <row r="194514" spans="8:8">
      <c r="H194514" s="12"/>
    </row>
    <row r="194515" spans="8:8">
      <c r="H194515" s="12"/>
    </row>
    <row r="194516" spans="8:8">
      <c r="H194516" s="12"/>
    </row>
    <row r="194517" spans="8:8">
      <c r="H194517" s="12"/>
    </row>
    <row r="194518" spans="8:8">
      <c r="H194518" s="12"/>
    </row>
    <row r="194519" spans="8:8">
      <c r="H194519" s="12"/>
    </row>
    <row r="194520" spans="8:8">
      <c r="H194520" s="12"/>
    </row>
    <row r="194521" spans="8:8">
      <c r="H194521" s="12"/>
    </row>
    <row r="194522" spans="8:8">
      <c r="H194522" s="12"/>
    </row>
    <row r="194523" spans="8:8">
      <c r="H194523" s="12"/>
    </row>
    <row r="194524" spans="8:8">
      <c r="H194524" s="12"/>
    </row>
    <row r="194525" spans="8:8">
      <c r="H194525" s="12"/>
    </row>
    <row r="194526" spans="8:8">
      <c r="H194526" s="12"/>
    </row>
    <row r="194527" spans="8:8">
      <c r="H194527" s="12"/>
    </row>
    <row r="194528" spans="8:8">
      <c r="H194528" s="12"/>
    </row>
    <row r="194529" spans="8:8">
      <c r="H194529" s="12"/>
    </row>
    <row r="194530" spans="8:8">
      <c r="H194530" s="12"/>
    </row>
    <row r="194531" spans="8:8">
      <c r="H194531" s="12"/>
    </row>
    <row r="194532" spans="8:8">
      <c r="H194532" s="12"/>
    </row>
    <row r="194533" spans="8:8">
      <c r="H194533" s="12"/>
    </row>
    <row r="194534" spans="8:8">
      <c r="H194534" s="12"/>
    </row>
    <row r="194535" spans="8:8">
      <c r="H194535" s="12"/>
    </row>
    <row r="194536" spans="8:8">
      <c r="H194536" s="12"/>
    </row>
    <row r="194537" spans="8:8">
      <c r="H194537" s="12"/>
    </row>
    <row r="194538" spans="8:8">
      <c r="H194538" s="12"/>
    </row>
    <row r="194539" spans="8:8">
      <c r="H194539" s="12"/>
    </row>
    <row r="194540" spans="8:8">
      <c r="H194540" s="12"/>
    </row>
    <row r="194541" spans="8:8">
      <c r="H194541" s="12"/>
    </row>
    <row r="194542" spans="8:8">
      <c r="H194542" s="12"/>
    </row>
    <row r="194543" spans="8:8">
      <c r="H194543" s="12"/>
    </row>
    <row r="194544" spans="8:8">
      <c r="H194544" s="12"/>
    </row>
    <row r="194545" spans="8:8">
      <c r="H194545" s="12"/>
    </row>
    <row r="194546" spans="8:8">
      <c r="H194546" s="12"/>
    </row>
    <row r="194547" spans="8:8">
      <c r="H194547" s="12"/>
    </row>
    <row r="194548" spans="8:8">
      <c r="H194548" s="12"/>
    </row>
    <row r="194549" spans="8:8">
      <c r="H194549" s="12"/>
    </row>
    <row r="194550" spans="8:8">
      <c r="H194550" s="12"/>
    </row>
    <row r="194551" spans="8:8">
      <c r="H194551" s="12"/>
    </row>
    <row r="194552" spans="8:8">
      <c r="H194552" s="12"/>
    </row>
    <row r="194553" spans="8:8">
      <c r="H194553" s="12"/>
    </row>
    <row r="194554" spans="8:8">
      <c r="H194554" s="12"/>
    </row>
    <row r="194555" spans="8:8">
      <c r="H194555" s="12"/>
    </row>
    <row r="194556" spans="8:8">
      <c r="H194556" s="12"/>
    </row>
    <row r="194557" spans="8:8">
      <c r="H194557" s="12"/>
    </row>
    <row r="194558" spans="8:8">
      <c r="H194558" s="12"/>
    </row>
    <row r="194559" spans="8:8">
      <c r="H194559" s="12"/>
    </row>
    <row r="194560" spans="8:8">
      <c r="H194560" s="12"/>
    </row>
    <row r="194561" spans="8:8">
      <c r="H194561" s="12"/>
    </row>
    <row r="194562" spans="8:8">
      <c r="H194562" s="12"/>
    </row>
    <row r="194563" spans="8:8">
      <c r="H194563" s="12"/>
    </row>
    <row r="194564" spans="8:8">
      <c r="H194564" s="12"/>
    </row>
    <row r="194565" spans="8:8">
      <c r="H194565" s="12"/>
    </row>
    <row r="194566" spans="8:8">
      <c r="H194566" s="12"/>
    </row>
    <row r="194567" spans="8:8">
      <c r="H194567" s="12"/>
    </row>
    <row r="194568" spans="8:8">
      <c r="H194568" s="12"/>
    </row>
    <row r="194569" spans="8:8">
      <c r="H194569" s="12"/>
    </row>
    <row r="194570" spans="8:8">
      <c r="H194570" s="12"/>
    </row>
    <row r="194571" spans="8:8">
      <c r="H194571" s="12"/>
    </row>
    <row r="194572" spans="8:8">
      <c r="H194572" s="12"/>
    </row>
    <row r="194573" spans="8:8">
      <c r="H194573" s="12"/>
    </row>
    <row r="194574" spans="8:8">
      <c r="H194574" s="12"/>
    </row>
    <row r="194575" spans="8:8">
      <c r="H194575" s="12"/>
    </row>
    <row r="194576" spans="8:8">
      <c r="H194576" s="12"/>
    </row>
    <row r="194577" spans="8:8">
      <c r="H194577" s="12"/>
    </row>
    <row r="194578" spans="8:8">
      <c r="H194578" s="12"/>
    </row>
    <row r="194579" spans="8:8">
      <c r="H194579" s="12"/>
    </row>
    <row r="194580" spans="8:8">
      <c r="H194580" s="12"/>
    </row>
    <row r="194581" spans="8:8">
      <c r="H194581" s="12"/>
    </row>
    <row r="194582" spans="8:8">
      <c r="H194582" s="12"/>
    </row>
    <row r="194583" spans="8:8">
      <c r="H194583" s="12"/>
    </row>
    <row r="194584" spans="8:8">
      <c r="H194584" s="12"/>
    </row>
    <row r="194585" spans="8:8">
      <c r="H194585" s="12"/>
    </row>
    <row r="194586" spans="8:8">
      <c r="H194586" s="12"/>
    </row>
    <row r="194587" spans="8:8">
      <c r="H194587" s="12"/>
    </row>
    <row r="194588" spans="8:8">
      <c r="H194588" s="12"/>
    </row>
    <row r="194589" spans="8:8">
      <c r="H194589" s="12"/>
    </row>
    <row r="194590" spans="8:8">
      <c r="H194590" s="12"/>
    </row>
    <row r="194591" spans="8:8">
      <c r="H194591" s="12"/>
    </row>
    <row r="194592" spans="8:8">
      <c r="H194592" s="12"/>
    </row>
    <row r="194593" spans="8:8">
      <c r="H194593" s="12"/>
    </row>
    <row r="194594" spans="8:8">
      <c r="H194594" s="12"/>
    </row>
    <row r="194595" spans="8:8">
      <c r="H194595" s="12"/>
    </row>
    <row r="194596" spans="8:8">
      <c r="H194596" s="12"/>
    </row>
    <row r="194597" spans="8:8">
      <c r="H194597" s="12"/>
    </row>
    <row r="194598" spans="8:8">
      <c r="H194598" s="12"/>
    </row>
    <row r="194599" spans="8:8">
      <c r="H194599" s="12"/>
    </row>
    <row r="194600" spans="8:8">
      <c r="H194600" s="12"/>
    </row>
    <row r="194601" spans="8:8">
      <c r="H194601" s="12"/>
    </row>
    <row r="194602" spans="8:8">
      <c r="H194602" s="12"/>
    </row>
    <row r="194603" spans="8:8">
      <c r="H194603" s="12"/>
    </row>
    <row r="194604" spans="8:8">
      <c r="H194604" s="12"/>
    </row>
    <row r="194605" spans="8:8">
      <c r="H194605" s="12"/>
    </row>
    <row r="194606" spans="8:8">
      <c r="H194606" s="12"/>
    </row>
    <row r="194607" spans="8:8">
      <c r="H194607" s="12"/>
    </row>
    <row r="194608" spans="8:8">
      <c r="H194608" s="12"/>
    </row>
    <row r="194609" spans="8:8">
      <c r="H194609" s="12"/>
    </row>
    <row r="194610" spans="8:8">
      <c r="H194610" s="12"/>
    </row>
    <row r="194611" spans="8:8">
      <c r="H194611" s="12"/>
    </row>
    <row r="194612" spans="8:8">
      <c r="H194612" s="12"/>
    </row>
    <row r="194613" spans="8:8">
      <c r="H194613" s="12"/>
    </row>
    <row r="194614" spans="8:8">
      <c r="H194614" s="12"/>
    </row>
    <row r="194615" spans="8:8">
      <c r="H194615" s="12"/>
    </row>
    <row r="194616" spans="8:8">
      <c r="H194616" s="12"/>
    </row>
    <row r="194617" spans="8:8">
      <c r="H194617" s="12"/>
    </row>
    <row r="194618" spans="8:8">
      <c r="H194618" s="12"/>
    </row>
    <row r="194619" spans="8:8">
      <c r="H194619" s="12"/>
    </row>
    <row r="194620" spans="8:8">
      <c r="H194620" s="12"/>
    </row>
    <row r="194621" spans="8:8">
      <c r="H194621" s="12"/>
    </row>
    <row r="194622" spans="8:8">
      <c r="H194622" s="12"/>
    </row>
    <row r="194623" spans="8:8">
      <c r="H194623" s="12"/>
    </row>
    <row r="194624" spans="8:8">
      <c r="H194624" s="12"/>
    </row>
    <row r="194625" spans="8:8">
      <c r="H194625" s="12"/>
    </row>
    <row r="194626" spans="8:8">
      <c r="H194626" s="12"/>
    </row>
    <row r="194627" spans="8:8">
      <c r="H194627" s="12"/>
    </row>
    <row r="194628" spans="8:8">
      <c r="H194628" s="12"/>
    </row>
    <row r="194629" spans="8:8">
      <c r="H194629" s="12"/>
    </row>
    <row r="194630" spans="8:8">
      <c r="H194630" s="12"/>
    </row>
    <row r="194631" spans="8:8">
      <c r="H194631" s="12"/>
    </row>
    <row r="194632" spans="8:8">
      <c r="H194632" s="12"/>
    </row>
    <row r="194633" spans="8:8">
      <c r="H194633" s="12"/>
    </row>
    <row r="194634" spans="8:8">
      <c r="H194634" s="12"/>
    </row>
    <row r="194635" spans="8:8">
      <c r="H194635" s="12"/>
    </row>
    <row r="194636" spans="8:8">
      <c r="H194636" s="12"/>
    </row>
    <row r="194637" spans="8:8">
      <c r="H194637" s="12"/>
    </row>
    <row r="194638" spans="8:8">
      <c r="H194638" s="12"/>
    </row>
    <row r="194639" spans="8:8">
      <c r="H194639" s="12"/>
    </row>
    <row r="194640" spans="8:8">
      <c r="H194640" s="12"/>
    </row>
    <row r="194641" spans="8:8">
      <c r="H194641" s="12"/>
    </row>
    <row r="194642" spans="8:8">
      <c r="H194642" s="12"/>
    </row>
    <row r="194643" spans="8:8">
      <c r="H194643" s="12"/>
    </row>
    <row r="194644" spans="8:8">
      <c r="H194644" s="12"/>
    </row>
    <row r="194645" spans="8:8">
      <c r="H194645" s="12"/>
    </row>
    <row r="194646" spans="8:8">
      <c r="H194646" s="12"/>
    </row>
    <row r="194647" spans="8:8">
      <c r="H194647" s="12"/>
    </row>
    <row r="194648" spans="8:8">
      <c r="H194648" s="12"/>
    </row>
    <row r="194649" spans="8:8">
      <c r="H194649" s="12"/>
    </row>
    <row r="194650" spans="8:8">
      <c r="H194650" s="12"/>
    </row>
    <row r="194651" spans="8:8">
      <c r="H194651" s="12"/>
    </row>
    <row r="194652" spans="8:8">
      <c r="H194652" s="12"/>
    </row>
    <row r="194653" spans="8:8">
      <c r="H194653" s="12"/>
    </row>
    <row r="194654" spans="8:8">
      <c r="H194654" s="12"/>
    </row>
    <row r="194655" spans="8:8">
      <c r="H194655" s="12"/>
    </row>
    <row r="194656" spans="8:8">
      <c r="H194656" s="12"/>
    </row>
    <row r="194657" spans="8:8">
      <c r="H194657" s="12"/>
    </row>
    <row r="194658" spans="8:8">
      <c r="H194658" s="12"/>
    </row>
    <row r="194659" spans="8:8">
      <c r="H194659" s="12"/>
    </row>
    <row r="194660" spans="8:8">
      <c r="H194660" s="12"/>
    </row>
    <row r="194661" spans="8:8">
      <c r="H194661" s="12"/>
    </row>
    <row r="194662" spans="8:8">
      <c r="H194662" s="12"/>
    </row>
    <row r="194663" spans="8:8">
      <c r="H194663" s="12"/>
    </row>
    <row r="194664" spans="8:8">
      <c r="H194664" s="12"/>
    </row>
    <row r="194665" spans="8:8">
      <c r="H194665" s="12"/>
    </row>
    <row r="194666" spans="8:8">
      <c r="H194666" s="12"/>
    </row>
    <row r="194667" spans="8:8">
      <c r="H194667" s="12"/>
    </row>
    <row r="194668" spans="8:8">
      <c r="H194668" s="12"/>
    </row>
    <row r="194669" spans="8:8">
      <c r="H194669" s="12"/>
    </row>
    <row r="194670" spans="8:8">
      <c r="H194670" s="12"/>
    </row>
    <row r="194671" spans="8:8">
      <c r="H194671" s="12"/>
    </row>
    <row r="194672" spans="8:8">
      <c r="H194672" s="12"/>
    </row>
    <row r="194673" spans="8:8">
      <c r="H194673" s="12"/>
    </row>
    <row r="194674" spans="8:8">
      <c r="H194674" s="12"/>
    </row>
    <row r="194675" spans="8:8">
      <c r="H194675" s="12"/>
    </row>
    <row r="194676" spans="8:8">
      <c r="H194676" s="12"/>
    </row>
    <row r="194677" spans="8:8">
      <c r="H194677" s="12"/>
    </row>
    <row r="194678" spans="8:8">
      <c r="H194678" s="12"/>
    </row>
    <row r="194679" spans="8:8">
      <c r="H194679" s="12"/>
    </row>
    <row r="194680" spans="8:8">
      <c r="H194680" s="12"/>
    </row>
    <row r="194681" spans="8:8">
      <c r="H194681" s="12"/>
    </row>
    <row r="194682" spans="8:8">
      <c r="H194682" s="12"/>
    </row>
    <row r="194683" spans="8:8">
      <c r="H194683" s="12"/>
    </row>
    <row r="194684" spans="8:8">
      <c r="H194684" s="12"/>
    </row>
    <row r="194685" spans="8:8">
      <c r="H194685" s="12"/>
    </row>
    <row r="194686" spans="8:8">
      <c r="H194686" s="12"/>
    </row>
    <row r="194687" spans="8:8">
      <c r="H194687" s="12"/>
    </row>
    <row r="194688" spans="8:8">
      <c r="H194688" s="12"/>
    </row>
    <row r="194689" spans="8:8">
      <c r="H194689" s="12"/>
    </row>
    <row r="194690" spans="8:8">
      <c r="H194690" s="12"/>
    </row>
    <row r="194691" spans="8:8">
      <c r="H194691" s="12"/>
    </row>
    <row r="194692" spans="8:8">
      <c r="H194692" s="12"/>
    </row>
    <row r="194693" spans="8:8">
      <c r="H194693" s="12"/>
    </row>
    <row r="194694" spans="8:8">
      <c r="H194694" s="12"/>
    </row>
    <row r="194695" spans="8:8">
      <c r="H194695" s="12"/>
    </row>
    <row r="194696" spans="8:8">
      <c r="H194696" s="12"/>
    </row>
    <row r="194697" spans="8:8">
      <c r="H194697" s="12"/>
    </row>
    <row r="194698" spans="8:8">
      <c r="H194698" s="12"/>
    </row>
    <row r="194699" spans="8:8">
      <c r="H194699" s="12"/>
    </row>
    <row r="194700" spans="8:8">
      <c r="H194700" s="12"/>
    </row>
    <row r="194701" spans="8:8">
      <c r="H194701" s="12"/>
    </row>
    <row r="194702" spans="8:8">
      <c r="H194702" s="12"/>
    </row>
    <row r="194703" spans="8:8">
      <c r="H194703" s="12"/>
    </row>
    <row r="194704" spans="8:8">
      <c r="H194704" s="12"/>
    </row>
    <row r="194705" spans="8:8">
      <c r="H194705" s="12"/>
    </row>
    <row r="194706" spans="8:8">
      <c r="H194706" s="12"/>
    </row>
    <row r="194707" spans="8:8">
      <c r="H194707" s="12"/>
    </row>
    <row r="194708" spans="8:8">
      <c r="H194708" s="12"/>
    </row>
    <row r="194709" spans="8:8">
      <c r="H194709" s="12"/>
    </row>
    <row r="194710" spans="8:8">
      <c r="H194710" s="12"/>
    </row>
    <row r="194711" spans="8:8">
      <c r="H194711" s="12"/>
    </row>
    <row r="194712" spans="8:8">
      <c r="H194712" s="12"/>
    </row>
    <row r="194713" spans="8:8">
      <c r="H194713" s="12"/>
    </row>
    <row r="194714" spans="8:8">
      <c r="H194714" s="12"/>
    </row>
    <row r="194715" spans="8:8">
      <c r="H194715" s="12"/>
    </row>
    <row r="194716" spans="8:8">
      <c r="H194716" s="12"/>
    </row>
    <row r="194717" spans="8:8">
      <c r="H194717" s="12"/>
    </row>
    <row r="194718" spans="8:8">
      <c r="H194718" s="12"/>
    </row>
    <row r="194719" spans="8:8">
      <c r="H194719" s="12"/>
    </row>
    <row r="194720" spans="8:8">
      <c r="H194720" s="12"/>
    </row>
    <row r="194721" spans="8:8">
      <c r="H194721" s="12"/>
    </row>
    <row r="194722" spans="8:8">
      <c r="H194722" s="12"/>
    </row>
    <row r="194723" spans="8:8">
      <c r="H194723" s="12"/>
    </row>
    <row r="194724" spans="8:8">
      <c r="H194724" s="12"/>
    </row>
    <row r="194725" spans="8:8">
      <c r="H194725" s="12"/>
    </row>
    <row r="194726" spans="8:8">
      <c r="H194726" s="12"/>
    </row>
    <row r="194727" spans="8:8">
      <c r="H194727" s="12"/>
    </row>
    <row r="194728" spans="8:8">
      <c r="H194728" s="12"/>
    </row>
    <row r="194729" spans="8:8">
      <c r="H194729" s="12"/>
    </row>
    <row r="194730" spans="8:8">
      <c r="H194730" s="12"/>
    </row>
    <row r="194731" spans="8:8">
      <c r="H194731" s="12"/>
    </row>
    <row r="194732" spans="8:8">
      <c r="H194732" s="12"/>
    </row>
    <row r="194733" spans="8:8">
      <c r="H194733" s="12"/>
    </row>
    <row r="194734" spans="8:8">
      <c r="H194734" s="12"/>
    </row>
    <row r="194735" spans="8:8">
      <c r="H194735" s="12"/>
    </row>
    <row r="194736" spans="8:8">
      <c r="H194736" s="12"/>
    </row>
    <row r="194737" spans="8:8">
      <c r="H194737" s="12"/>
    </row>
    <row r="194738" spans="8:8">
      <c r="H194738" s="12"/>
    </row>
    <row r="194739" spans="8:8">
      <c r="H194739" s="12"/>
    </row>
    <row r="194740" spans="8:8">
      <c r="H194740" s="12"/>
    </row>
    <row r="194741" spans="8:8">
      <c r="H194741" s="12"/>
    </row>
    <row r="194742" spans="8:8">
      <c r="H194742" s="12"/>
    </row>
    <row r="194743" spans="8:8">
      <c r="H194743" s="12"/>
    </row>
    <row r="194744" spans="8:8">
      <c r="H194744" s="12"/>
    </row>
    <row r="194745" spans="8:8">
      <c r="H194745" s="12"/>
    </row>
    <row r="194746" spans="8:8">
      <c r="H194746" s="12"/>
    </row>
    <row r="194747" spans="8:8">
      <c r="H194747" s="12"/>
    </row>
    <row r="194748" spans="8:8">
      <c r="H194748" s="12"/>
    </row>
    <row r="194749" spans="8:8">
      <c r="H194749" s="12"/>
    </row>
    <row r="194750" spans="8:8">
      <c r="H194750" s="12"/>
    </row>
    <row r="194751" spans="8:8">
      <c r="H194751" s="12"/>
    </row>
    <row r="194752" spans="8:8">
      <c r="H194752" s="12"/>
    </row>
    <row r="194753" spans="8:8">
      <c r="H194753" s="12"/>
    </row>
    <row r="194754" spans="8:8">
      <c r="H194754" s="12"/>
    </row>
    <row r="194755" spans="8:8">
      <c r="H194755" s="12"/>
    </row>
    <row r="194756" spans="8:8">
      <c r="H194756" s="12"/>
    </row>
    <row r="194757" spans="8:8">
      <c r="H194757" s="12"/>
    </row>
    <row r="194758" spans="8:8">
      <c r="H194758" s="12"/>
    </row>
    <row r="194759" spans="8:8">
      <c r="H194759" s="12"/>
    </row>
    <row r="194760" spans="8:8">
      <c r="H194760" s="12"/>
    </row>
    <row r="194761" spans="8:8">
      <c r="H194761" s="12"/>
    </row>
    <row r="194762" spans="8:8">
      <c r="H194762" s="12"/>
    </row>
    <row r="194763" spans="8:8">
      <c r="H194763" s="12"/>
    </row>
    <row r="194764" spans="8:8">
      <c r="H194764" s="12"/>
    </row>
    <row r="194765" spans="8:8">
      <c r="H194765" s="12"/>
    </row>
    <row r="194766" spans="8:8">
      <c r="H194766" s="12"/>
    </row>
    <row r="194767" spans="8:8">
      <c r="H194767" s="12"/>
    </row>
    <row r="194768" spans="8:8">
      <c r="H194768" s="12"/>
    </row>
    <row r="194769" spans="8:8">
      <c r="H194769" s="12"/>
    </row>
    <row r="194770" spans="8:8">
      <c r="H194770" s="12"/>
    </row>
    <row r="194771" spans="8:8">
      <c r="H194771" s="12"/>
    </row>
    <row r="194772" spans="8:8">
      <c r="H194772" s="12"/>
    </row>
    <row r="194773" spans="8:8">
      <c r="H194773" s="12"/>
    </row>
    <row r="194774" spans="8:8">
      <c r="H194774" s="12"/>
    </row>
    <row r="194775" spans="8:8">
      <c r="H194775" s="12"/>
    </row>
    <row r="194776" spans="8:8">
      <c r="H194776" s="12"/>
    </row>
    <row r="194777" spans="8:8">
      <c r="H194777" s="12"/>
    </row>
    <row r="194778" spans="8:8">
      <c r="H194778" s="12"/>
    </row>
    <row r="194779" spans="8:8">
      <c r="H194779" s="12"/>
    </row>
    <row r="194780" spans="8:8">
      <c r="H194780" s="12"/>
    </row>
    <row r="194781" spans="8:8">
      <c r="H194781" s="12"/>
    </row>
    <row r="194782" spans="8:8">
      <c r="H194782" s="12"/>
    </row>
    <row r="194783" spans="8:8">
      <c r="H194783" s="12"/>
    </row>
    <row r="194784" spans="8:8">
      <c r="H194784" s="12"/>
    </row>
    <row r="194785" spans="8:8">
      <c r="H194785" s="12"/>
    </row>
    <row r="194786" spans="8:8">
      <c r="H194786" s="12"/>
    </row>
    <row r="194787" spans="8:8">
      <c r="H194787" s="12"/>
    </row>
    <row r="194788" spans="8:8">
      <c r="H194788" s="12"/>
    </row>
    <row r="194789" spans="8:8">
      <c r="H194789" s="12"/>
    </row>
    <row r="194790" spans="8:8">
      <c r="H194790" s="12"/>
    </row>
    <row r="194791" spans="8:8">
      <c r="H194791" s="12"/>
    </row>
    <row r="194792" spans="8:8">
      <c r="H194792" s="12"/>
    </row>
    <row r="194793" spans="8:8">
      <c r="H194793" s="12"/>
    </row>
    <row r="194794" spans="8:8">
      <c r="H194794" s="12"/>
    </row>
    <row r="194795" spans="8:8">
      <c r="H194795" s="12"/>
    </row>
    <row r="194796" spans="8:8">
      <c r="H194796" s="12"/>
    </row>
    <row r="194797" spans="8:8">
      <c r="H194797" s="12"/>
    </row>
    <row r="194798" spans="8:8">
      <c r="H194798" s="12"/>
    </row>
    <row r="194799" spans="8:8">
      <c r="H194799" s="12"/>
    </row>
    <row r="194800" spans="8:8">
      <c r="H194800" s="12"/>
    </row>
    <row r="194801" spans="8:8">
      <c r="H194801" s="12"/>
    </row>
    <row r="194802" spans="8:8">
      <c r="H194802" s="12"/>
    </row>
    <row r="194803" spans="8:8">
      <c r="H194803" s="12"/>
    </row>
    <row r="194804" spans="8:8">
      <c r="H194804" s="12"/>
    </row>
    <row r="194805" spans="8:8">
      <c r="H194805" s="12"/>
    </row>
    <row r="194806" spans="8:8">
      <c r="H194806" s="12"/>
    </row>
    <row r="194807" spans="8:8">
      <c r="H194807" s="12"/>
    </row>
    <row r="194808" spans="8:8">
      <c r="H194808" s="12"/>
    </row>
    <row r="194809" spans="8:8">
      <c r="H194809" s="12"/>
    </row>
    <row r="194810" spans="8:8">
      <c r="H194810" s="12"/>
    </row>
    <row r="194811" spans="8:8">
      <c r="H194811" s="12"/>
    </row>
    <row r="194812" spans="8:8">
      <c r="H194812" s="12"/>
    </row>
    <row r="194813" spans="8:8">
      <c r="H194813" s="12"/>
    </row>
    <row r="194814" spans="8:8">
      <c r="H194814" s="12"/>
    </row>
    <row r="194815" spans="8:8">
      <c r="H194815" s="12"/>
    </row>
    <row r="194816" spans="8:8">
      <c r="H194816" s="12"/>
    </row>
    <row r="194817" spans="8:8">
      <c r="H194817" s="12"/>
    </row>
    <row r="194818" spans="8:8">
      <c r="H194818" s="12"/>
    </row>
    <row r="194819" spans="8:8">
      <c r="H194819" s="12"/>
    </row>
    <row r="194820" spans="8:8">
      <c r="H194820" s="12"/>
    </row>
    <row r="194821" spans="8:8">
      <c r="H194821" s="12"/>
    </row>
    <row r="194822" spans="8:8">
      <c r="H194822" s="12"/>
    </row>
    <row r="194823" spans="8:8">
      <c r="H194823" s="12"/>
    </row>
    <row r="194824" spans="8:8">
      <c r="H194824" s="12"/>
    </row>
    <row r="194825" spans="8:8">
      <c r="H194825" s="12"/>
    </row>
    <row r="194826" spans="8:8">
      <c r="H194826" s="12"/>
    </row>
    <row r="194827" spans="8:8">
      <c r="H194827" s="12"/>
    </row>
    <row r="194828" spans="8:8">
      <c r="H194828" s="12"/>
    </row>
    <row r="194829" spans="8:8">
      <c r="H194829" s="12"/>
    </row>
    <row r="194830" spans="8:8">
      <c r="H194830" s="12"/>
    </row>
    <row r="194831" spans="8:8">
      <c r="H194831" s="12"/>
    </row>
    <row r="194832" spans="8:8">
      <c r="H194832" s="12"/>
    </row>
    <row r="194833" spans="8:8">
      <c r="H194833" s="12"/>
    </row>
    <row r="194834" spans="8:8">
      <c r="H194834" s="12"/>
    </row>
    <row r="194835" spans="8:8">
      <c r="H194835" s="12"/>
    </row>
    <row r="194836" spans="8:8">
      <c r="H194836" s="12"/>
    </row>
    <row r="194837" spans="8:8">
      <c r="H194837" s="12"/>
    </row>
    <row r="194838" spans="8:8">
      <c r="H194838" s="12"/>
    </row>
    <row r="194839" spans="8:8">
      <c r="H194839" s="12"/>
    </row>
    <row r="194840" spans="8:8">
      <c r="H194840" s="12"/>
    </row>
    <row r="194841" spans="8:8">
      <c r="H194841" s="12"/>
    </row>
    <row r="194842" spans="8:8">
      <c r="H194842" s="12"/>
    </row>
    <row r="194843" spans="8:8">
      <c r="H194843" s="12"/>
    </row>
    <row r="194844" spans="8:8">
      <c r="H194844" s="12"/>
    </row>
    <row r="194845" spans="8:8">
      <c r="H194845" s="12"/>
    </row>
    <row r="194846" spans="8:8">
      <c r="H194846" s="12"/>
    </row>
    <row r="194847" spans="8:8">
      <c r="H194847" s="12"/>
    </row>
    <row r="194848" spans="8:8">
      <c r="H194848" s="12"/>
    </row>
    <row r="194849" spans="8:8">
      <c r="H194849" s="12"/>
    </row>
    <row r="194850" spans="8:8">
      <c r="H194850" s="12"/>
    </row>
    <row r="194851" spans="8:8">
      <c r="H194851" s="12"/>
    </row>
    <row r="194852" spans="8:8">
      <c r="H194852" s="12"/>
    </row>
    <row r="194853" spans="8:8">
      <c r="H194853" s="12"/>
    </row>
    <row r="194854" spans="8:8">
      <c r="H194854" s="12"/>
    </row>
    <row r="194855" spans="8:8">
      <c r="H194855" s="12"/>
    </row>
    <row r="194856" spans="8:8">
      <c r="H194856" s="12"/>
    </row>
    <row r="194857" spans="8:8">
      <c r="H194857" s="12"/>
    </row>
    <row r="194858" spans="8:8">
      <c r="H194858" s="12"/>
    </row>
    <row r="194859" spans="8:8">
      <c r="H194859" s="12"/>
    </row>
    <row r="194860" spans="8:8">
      <c r="H194860" s="12"/>
    </row>
    <row r="194861" spans="8:8">
      <c r="H194861" s="12"/>
    </row>
    <row r="194862" spans="8:8">
      <c r="H194862" s="12"/>
    </row>
    <row r="194863" spans="8:8">
      <c r="H194863" s="12"/>
    </row>
    <row r="194864" spans="8:8">
      <c r="H194864" s="12"/>
    </row>
    <row r="194865" spans="8:8">
      <c r="H194865" s="12"/>
    </row>
    <row r="194866" spans="8:8">
      <c r="H194866" s="12"/>
    </row>
    <row r="194867" spans="8:8">
      <c r="H194867" s="12"/>
    </row>
    <row r="194868" spans="8:8">
      <c r="H194868" s="12"/>
    </row>
    <row r="194869" spans="8:8">
      <c r="H194869" s="12"/>
    </row>
    <row r="194870" spans="8:8">
      <c r="H194870" s="12"/>
    </row>
    <row r="194871" spans="8:8">
      <c r="H194871" s="12"/>
    </row>
    <row r="194872" spans="8:8">
      <c r="H194872" s="12"/>
    </row>
    <row r="194873" spans="8:8">
      <c r="H194873" s="12"/>
    </row>
    <row r="194874" spans="8:8">
      <c r="H194874" s="12"/>
    </row>
    <row r="194875" spans="8:8">
      <c r="H194875" s="12"/>
    </row>
    <row r="194876" spans="8:8">
      <c r="H194876" s="12"/>
    </row>
    <row r="194877" spans="8:8">
      <c r="H194877" s="12"/>
    </row>
    <row r="194878" spans="8:8">
      <c r="H194878" s="12"/>
    </row>
    <row r="194879" spans="8:8">
      <c r="H194879" s="12"/>
    </row>
    <row r="194880" spans="8:8">
      <c r="H194880" s="12"/>
    </row>
    <row r="194881" spans="8:8">
      <c r="H194881" s="12"/>
    </row>
    <row r="194882" spans="8:8">
      <c r="H194882" s="12"/>
    </row>
    <row r="194883" spans="8:8">
      <c r="H194883" s="12"/>
    </row>
    <row r="194884" spans="8:8">
      <c r="H194884" s="12"/>
    </row>
    <row r="194885" spans="8:8">
      <c r="H194885" s="12"/>
    </row>
    <row r="194886" spans="8:8">
      <c r="H194886" s="12"/>
    </row>
    <row r="194887" spans="8:8">
      <c r="H194887" s="12"/>
    </row>
    <row r="194888" spans="8:8">
      <c r="H194888" s="12"/>
    </row>
    <row r="194889" spans="8:8">
      <c r="H194889" s="12"/>
    </row>
    <row r="194890" spans="8:8">
      <c r="H194890" s="12"/>
    </row>
    <row r="194891" spans="8:8">
      <c r="H194891" s="12"/>
    </row>
    <row r="194892" spans="8:8">
      <c r="H194892" s="12"/>
    </row>
    <row r="194893" spans="8:8">
      <c r="H194893" s="12"/>
    </row>
    <row r="194894" spans="8:8">
      <c r="H194894" s="12"/>
    </row>
    <row r="194895" spans="8:8">
      <c r="H194895" s="12"/>
    </row>
    <row r="194896" spans="8:8">
      <c r="H194896" s="12"/>
    </row>
    <row r="194897" spans="8:8">
      <c r="H194897" s="12"/>
    </row>
    <row r="194898" spans="8:8">
      <c r="H194898" s="12"/>
    </row>
    <row r="194899" spans="8:8">
      <c r="H194899" s="12"/>
    </row>
    <row r="194900" spans="8:8">
      <c r="H194900" s="12"/>
    </row>
    <row r="194901" spans="8:8">
      <c r="H194901" s="12"/>
    </row>
    <row r="194902" spans="8:8">
      <c r="H194902" s="12"/>
    </row>
    <row r="194903" spans="8:8">
      <c r="H194903" s="12"/>
    </row>
    <row r="194904" spans="8:8">
      <c r="H194904" s="12"/>
    </row>
    <row r="194905" spans="8:8">
      <c r="H194905" s="12"/>
    </row>
    <row r="194906" spans="8:8">
      <c r="H194906" s="12"/>
    </row>
    <row r="194907" spans="8:8">
      <c r="H194907" s="12"/>
    </row>
    <row r="194908" spans="8:8">
      <c r="H194908" s="12"/>
    </row>
    <row r="194909" spans="8:8">
      <c r="H194909" s="12"/>
    </row>
    <row r="194910" spans="8:8">
      <c r="H194910" s="12"/>
    </row>
    <row r="194911" spans="8:8">
      <c r="H194911" s="12"/>
    </row>
    <row r="194912" spans="8:8">
      <c r="H194912" s="12"/>
    </row>
    <row r="194913" spans="8:8">
      <c r="H194913" s="12"/>
    </row>
    <row r="194914" spans="8:8">
      <c r="H194914" s="12"/>
    </row>
    <row r="194915" spans="8:8">
      <c r="H194915" s="12"/>
    </row>
    <row r="194916" spans="8:8">
      <c r="H194916" s="12"/>
    </row>
    <row r="194917" spans="8:8">
      <c r="H194917" s="12"/>
    </row>
    <row r="194918" spans="8:8">
      <c r="H194918" s="12"/>
    </row>
    <row r="194919" spans="8:8">
      <c r="H194919" s="12"/>
    </row>
    <row r="194920" spans="8:8">
      <c r="H194920" s="12"/>
    </row>
    <row r="194921" spans="8:8">
      <c r="H194921" s="12"/>
    </row>
    <row r="194922" spans="8:8">
      <c r="H194922" s="12"/>
    </row>
    <row r="194923" spans="8:8">
      <c r="H194923" s="12"/>
    </row>
    <row r="194924" spans="8:8">
      <c r="H194924" s="12"/>
    </row>
    <row r="194925" spans="8:8">
      <c r="H194925" s="12"/>
    </row>
    <row r="194926" spans="8:8">
      <c r="H194926" s="12"/>
    </row>
    <row r="194927" spans="8:8">
      <c r="H194927" s="12"/>
    </row>
    <row r="194928" spans="8:8">
      <c r="H194928" s="12"/>
    </row>
    <row r="194929" spans="8:8">
      <c r="H194929" s="12"/>
    </row>
    <row r="194930" spans="8:8">
      <c r="H194930" s="12"/>
    </row>
    <row r="194931" spans="8:8">
      <c r="H194931" s="12"/>
    </row>
    <row r="194932" spans="8:8">
      <c r="H194932" s="12"/>
    </row>
    <row r="194933" spans="8:8">
      <c r="H194933" s="12"/>
    </row>
    <row r="194934" spans="8:8">
      <c r="H194934" s="12"/>
    </row>
    <row r="194935" spans="8:8">
      <c r="H194935" s="12"/>
    </row>
    <row r="194936" spans="8:8">
      <c r="H194936" s="12"/>
    </row>
    <row r="194937" spans="8:8">
      <c r="H194937" s="12"/>
    </row>
    <row r="194938" spans="8:8">
      <c r="H194938" s="12"/>
    </row>
    <row r="194939" spans="8:8">
      <c r="H194939" s="12"/>
    </row>
    <row r="194940" spans="8:8">
      <c r="H194940" s="12"/>
    </row>
    <row r="194941" spans="8:8">
      <c r="H194941" s="12"/>
    </row>
    <row r="194942" spans="8:8">
      <c r="H194942" s="12"/>
    </row>
    <row r="194943" spans="8:8">
      <c r="H194943" s="12"/>
    </row>
    <row r="194944" spans="8:8">
      <c r="H194944" s="12"/>
    </row>
    <row r="194945" spans="8:8">
      <c r="H194945" s="12"/>
    </row>
    <row r="194946" spans="8:8">
      <c r="H194946" s="12"/>
    </row>
    <row r="194947" spans="8:8">
      <c r="H194947" s="12"/>
    </row>
    <row r="194948" spans="8:8">
      <c r="H194948" s="12"/>
    </row>
    <row r="194949" spans="8:8">
      <c r="H194949" s="12"/>
    </row>
    <row r="194950" spans="8:8">
      <c r="H194950" s="12"/>
    </row>
    <row r="194951" spans="8:8">
      <c r="H194951" s="12"/>
    </row>
    <row r="194952" spans="8:8">
      <c r="H194952" s="12"/>
    </row>
    <row r="194953" spans="8:8">
      <c r="H194953" s="12"/>
    </row>
    <row r="194954" spans="8:8">
      <c r="H194954" s="12"/>
    </row>
    <row r="194955" spans="8:8">
      <c r="H194955" s="12"/>
    </row>
    <row r="194956" spans="8:8">
      <c r="H194956" s="12"/>
    </row>
    <row r="194957" spans="8:8">
      <c r="H194957" s="12"/>
    </row>
    <row r="194958" spans="8:8">
      <c r="H194958" s="12"/>
    </row>
    <row r="194959" spans="8:8">
      <c r="H194959" s="12"/>
    </row>
    <row r="194960" spans="8:8">
      <c r="H194960" s="12"/>
    </row>
    <row r="194961" spans="8:8">
      <c r="H194961" s="12"/>
    </row>
    <row r="194962" spans="8:8">
      <c r="H194962" s="12"/>
    </row>
    <row r="194963" spans="8:8">
      <c r="H194963" s="12"/>
    </row>
    <row r="194964" spans="8:8">
      <c r="H194964" s="12"/>
    </row>
    <row r="194965" spans="8:8">
      <c r="H194965" s="12"/>
    </row>
    <row r="194966" spans="8:8">
      <c r="H194966" s="12"/>
    </row>
    <row r="194967" spans="8:8">
      <c r="H194967" s="12"/>
    </row>
    <row r="194968" spans="8:8">
      <c r="H194968" s="12"/>
    </row>
    <row r="194969" spans="8:8">
      <c r="H194969" s="12"/>
    </row>
    <row r="194970" spans="8:8">
      <c r="H194970" s="12"/>
    </row>
    <row r="194971" spans="8:8">
      <c r="H194971" s="12"/>
    </row>
    <row r="194972" spans="8:8">
      <c r="H194972" s="12"/>
    </row>
    <row r="194973" spans="8:8">
      <c r="H194973" s="12"/>
    </row>
    <row r="194974" spans="8:8">
      <c r="H194974" s="12"/>
    </row>
    <row r="194975" spans="8:8">
      <c r="H194975" s="12"/>
    </row>
    <row r="194976" spans="8:8">
      <c r="H194976" s="12"/>
    </row>
    <row r="194977" spans="8:8">
      <c r="H194977" s="12"/>
    </row>
    <row r="194978" spans="8:8">
      <c r="H194978" s="12"/>
    </row>
    <row r="194979" spans="8:8">
      <c r="H194979" s="12"/>
    </row>
    <row r="194980" spans="8:8">
      <c r="H194980" s="12"/>
    </row>
    <row r="194981" spans="8:8">
      <c r="H194981" s="12"/>
    </row>
    <row r="194982" spans="8:8">
      <c r="H194982" s="12"/>
    </row>
    <row r="194983" spans="8:8">
      <c r="H194983" s="12"/>
    </row>
    <row r="194984" spans="8:8">
      <c r="H194984" s="12"/>
    </row>
    <row r="194985" spans="8:8">
      <c r="H194985" s="12"/>
    </row>
    <row r="194986" spans="8:8">
      <c r="H194986" s="12"/>
    </row>
    <row r="194987" spans="8:8">
      <c r="H194987" s="12"/>
    </row>
    <row r="194988" spans="8:8">
      <c r="H194988" s="12"/>
    </row>
    <row r="194989" spans="8:8">
      <c r="H194989" s="12"/>
    </row>
    <row r="194990" spans="8:8">
      <c r="H194990" s="12"/>
    </row>
    <row r="194991" spans="8:8">
      <c r="H194991" s="12"/>
    </row>
    <row r="194992" spans="8:8">
      <c r="H194992" s="12"/>
    </row>
    <row r="194993" spans="8:8">
      <c r="H194993" s="12"/>
    </row>
    <row r="194994" spans="8:8">
      <c r="H194994" s="12"/>
    </row>
    <row r="194995" spans="8:8">
      <c r="H194995" s="12"/>
    </row>
    <row r="194996" spans="8:8">
      <c r="H194996" s="12"/>
    </row>
    <row r="194997" spans="8:8">
      <c r="H194997" s="12"/>
    </row>
    <row r="194998" spans="8:8">
      <c r="H194998" s="12"/>
    </row>
    <row r="194999" spans="8:8">
      <c r="H194999" s="12"/>
    </row>
    <row r="195000" spans="8:8">
      <c r="H195000" s="12"/>
    </row>
    <row r="195001" spans="8:8">
      <c r="H195001" s="12"/>
    </row>
    <row r="195002" spans="8:8">
      <c r="H195002" s="12"/>
    </row>
    <row r="195003" spans="8:8">
      <c r="H195003" s="12"/>
    </row>
    <row r="195004" spans="8:8">
      <c r="H195004" s="12"/>
    </row>
    <row r="195005" spans="8:8">
      <c r="H195005" s="12"/>
    </row>
    <row r="195006" spans="8:8">
      <c r="H195006" s="12"/>
    </row>
    <row r="195007" spans="8:8">
      <c r="H195007" s="12"/>
    </row>
    <row r="195008" spans="8:8">
      <c r="H195008" s="12"/>
    </row>
    <row r="195009" spans="8:8">
      <c r="H195009" s="12"/>
    </row>
    <row r="195010" spans="8:8">
      <c r="H195010" s="12"/>
    </row>
    <row r="195011" spans="8:8">
      <c r="H195011" s="12"/>
    </row>
    <row r="195012" spans="8:8">
      <c r="H195012" s="12"/>
    </row>
    <row r="195013" spans="8:8">
      <c r="H195013" s="12"/>
    </row>
    <row r="195014" spans="8:8">
      <c r="H195014" s="12"/>
    </row>
    <row r="195015" spans="8:8">
      <c r="H195015" s="12"/>
    </row>
    <row r="195016" spans="8:8">
      <c r="H195016" s="12"/>
    </row>
    <row r="195017" spans="8:8">
      <c r="H195017" s="12"/>
    </row>
    <row r="195018" spans="8:8">
      <c r="H195018" s="12"/>
    </row>
    <row r="195019" spans="8:8">
      <c r="H195019" s="12"/>
    </row>
    <row r="195020" spans="8:8">
      <c r="H195020" s="12"/>
    </row>
    <row r="195021" spans="8:8">
      <c r="H195021" s="12"/>
    </row>
    <row r="195022" spans="8:8">
      <c r="H195022" s="12"/>
    </row>
    <row r="195023" spans="8:8">
      <c r="H195023" s="12"/>
    </row>
    <row r="195024" spans="8:8">
      <c r="H195024" s="12"/>
    </row>
    <row r="195025" spans="8:8">
      <c r="H195025" s="12"/>
    </row>
    <row r="195026" spans="8:8">
      <c r="H195026" s="12"/>
    </row>
    <row r="195027" spans="8:8">
      <c r="H195027" s="12"/>
    </row>
    <row r="195028" spans="8:8">
      <c r="H195028" s="12"/>
    </row>
    <row r="195029" spans="8:8">
      <c r="H195029" s="12"/>
    </row>
    <row r="195030" spans="8:8">
      <c r="H195030" s="12"/>
    </row>
    <row r="195031" spans="8:8">
      <c r="H195031" s="12"/>
    </row>
    <row r="195032" spans="8:8">
      <c r="H195032" s="12"/>
    </row>
    <row r="195033" spans="8:8">
      <c r="H195033" s="12"/>
    </row>
    <row r="195034" spans="8:8">
      <c r="H195034" s="12"/>
    </row>
    <row r="195035" spans="8:8">
      <c r="H195035" s="12"/>
    </row>
    <row r="195036" spans="8:8">
      <c r="H195036" s="12"/>
    </row>
    <row r="195037" spans="8:8">
      <c r="H195037" s="12"/>
    </row>
    <row r="195038" spans="8:8">
      <c r="H195038" s="12"/>
    </row>
    <row r="195039" spans="8:8">
      <c r="H195039" s="12"/>
    </row>
    <row r="195040" spans="8:8">
      <c r="H195040" s="12"/>
    </row>
    <row r="195041" spans="8:8">
      <c r="H195041" s="12"/>
    </row>
    <row r="195042" spans="8:8">
      <c r="H195042" s="12"/>
    </row>
    <row r="195043" spans="8:8">
      <c r="H195043" s="12"/>
    </row>
    <row r="195044" spans="8:8">
      <c r="H195044" s="12"/>
    </row>
    <row r="195045" spans="8:8">
      <c r="H195045" s="12"/>
    </row>
    <row r="195046" spans="8:8">
      <c r="H195046" s="12"/>
    </row>
    <row r="195047" spans="8:8">
      <c r="H195047" s="12"/>
    </row>
    <row r="195048" spans="8:8">
      <c r="H195048" s="12"/>
    </row>
    <row r="195049" spans="8:8">
      <c r="H195049" s="12"/>
    </row>
    <row r="195050" spans="8:8">
      <c r="H195050" s="12"/>
    </row>
    <row r="195051" spans="8:8">
      <c r="H195051" s="12"/>
    </row>
    <row r="195052" spans="8:8">
      <c r="H195052" s="12"/>
    </row>
    <row r="195053" spans="8:8">
      <c r="H195053" s="12"/>
    </row>
    <row r="195054" spans="8:8">
      <c r="H195054" s="12"/>
    </row>
    <row r="195055" spans="8:8">
      <c r="H195055" s="12"/>
    </row>
    <row r="195056" spans="8:8">
      <c r="H195056" s="12"/>
    </row>
    <row r="195057" spans="8:8">
      <c r="H195057" s="12"/>
    </row>
    <row r="195058" spans="8:8">
      <c r="H195058" s="12"/>
    </row>
    <row r="195059" spans="8:8">
      <c r="H195059" s="12"/>
    </row>
    <row r="195060" spans="8:8">
      <c r="H195060" s="12"/>
    </row>
    <row r="195061" spans="8:8">
      <c r="H195061" s="12"/>
    </row>
    <row r="195062" spans="8:8">
      <c r="H195062" s="12"/>
    </row>
    <row r="195063" spans="8:8">
      <c r="H195063" s="12"/>
    </row>
    <row r="195064" spans="8:8">
      <c r="H195064" s="12"/>
    </row>
    <row r="195065" spans="8:8">
      <c r="H195065" s="12"/>
    </row>
    <row r="195066" spans="8:8">
      <c r="H195066" s="12"/>
    </row>
    <row r="195067" spans="8:8">
      <c r="H195067" s="12"/>
    </row>
    <row r="195068" spans="8:8">
      <c r="H195068" s="12"/>
    </row>
    <row r="195069" spans="8:8">
      <c r="H195069" s="12"/>
    </row>
    <row r="195070" spans="8:8">
      <c r="H195070" s="12"/>
    </row>
    <row r="195071" spans="8:8">
      <c r="H195071" s="12"/>
    </row>
    <row r="195072" spans="8:8">
      <c r="H195072" s="12"/>
    </row>
    <row r="195073" spans="8:8">
      <c r="H195073" s="12"/>
    </row>
    <row r="195074" spans="8:8">
      <c r="H195074" s="12"/>
    </row>
    <row r="195075" spans="8:8">
      <c r="H195075" s="12"/>
    </row>
    <row r="195076" spans="8:8">
      <c r="H195076" s="12"/>
    </row>
    <row r="195077" spans="8:8">
      <c r="H195077" s="12"/>
    </row>
    <row r="195078" spans="8:8">
      <c r="H195078" s="12"/>
    </row>
    <row r="195079" spans="8:8">
      <c r="H195079" s="12"/>
    </row>
    <row r="195080" spans="8:8">
      <c r="H195080" s="12"/>
    </row>
    <row r="195081" spans="8:8">
      <c r="H195081" s="12"/>
    </row>
    <row r="195082" spans="8:8">
      <c r="H195082" s="12"/>
    </row>
    <row r="195083" spans="8:8">
      <c r="H195083" s="12"/>
    </row>
    <row r="195084" spans="8:8">
      <c r="H195084" s="12"/>
    </row>
    <row r="195085" spans="8:8">
      <c r="H195085" s="12"/>
    </row>
    <row r="195086" spans="8:8">
      <c r="H195086" s="12"/>
    </row>
    <row r="195087" spans="8:8">
      <c r="H195087" s="12"/>
    </row>
    <row r="195088" spans="8:8">
      <c r="H195088" s="12"/>
    </row>
    <row r="195089" spans="8:8">
      <c r="H195089" s="12"/>
    </row>
    <row r="195090" spans="8:8">
      <c r="H195090" s="12"/>
    </row>
    <row r="195091" spans="8:8">
      <c r="H195091" s="12"/>
    </row>
    <row r="195092" spans="8:8">
      <c r="H195092" s="12"/>
    </row>
    <row r="195093" spans="8:8">
      <c r="H195093" s="12"/>
    </row>
    <row r="195094" spans="8:8">
      <c r="H195094" s="12"/>
    </row>
    <row r="195095" spans="8:8">
      <c r="H195095" s="12"/>
    </row>
    <row r="195096" spans="8:8">
      <c r="H195096" s="12"/>
    </row>
    <row r="195097" spans="8:8">
      <c r="H195097" s="12"/>
    </row>
    <row r="195098" spans="8:8">
      <c r="H195098" s="12"/>
    </row>
    <row r="195099" spans="8:8">
      <c r="H195099" s="12"/>
    </row>
    <row r="195100" spans="8:8">
      <c r="H195100" s="12"/>
    </row>
    <row r="195101" spans="8:8">
      <c r="H195101" s="12"/>
    </row>
    <row r="195102" spans="8:8">
      <c r="H195102" s="12"/>
    </row>
    <row r="195103" spans="8:8">
      <c r="H195103" s="12"/>
    </row>
    <row r="195104" spans="8:8">
      <c r="H195104" s="12"/>
    </row>
    <row r="195105" spans="8:8">
      <c r="H195105" s="12"/>
    </row>
    <row r="195106" spans="8:8">
      <c r="H195106" s="12"/>
    </row>
    <row r="195107" spans="8:8">
      <c r="H195107" s="12"/>
    </row>
    <row r="195108" spans="8:8">
      <c r="H195108" s="12"/>
    </row>
    <row r="195109" spans="8:8">
      <c r="H195109" s="12"/>
    </row>
    <row r="195110" spans="8:8">
      <c r="H195110" s="12"/>
    </row>
    <row r="195111" spans="8:8">
      <c r="H195111" s="12"/>
    </row>
    <row r="195112" spans="8:8">
      <c r="H195112" s="12"/>
    </row>
    <row r="195113" spans="8:8">
      <c r="H195113" s="12"/>
    </row>
    <row r="195114" spans="8:8">
      <c r="H195114" s="12"/>
    </row>
    <row r="195115" spans="8:8">
      <c r="H195115" s="12"/>
    </row>
    <row r="195116" spans="8:8">
      <c r="H195116" s="12"/>
    </row>
    <row r="195117" spans="8:8">
      <c r="H195117" s="12"/>
    </row>
    <row r="195118" spans="8:8">
      <c r="H195118" s="12"/>
    </row>
    <row r="195119" spans="8:8">
      <c r="H195119" s="12"/>
    </row>
    <row r="195120" spans="8:8">
      <c r="H195120" s="12"/>
    </row>
    <row r="195121" spans="8:8">
      <c r="H195121" s="12"/>
    </row>
    <row r="195122" spans="8:8">
      <c r="H195122" s="12"/>
    </row>
    <row r="195123" spans="8:8">
      <c r="H195123" s="12"/>
    </row>
    <row r="195124" spans="8:8">
      <c r="H195124" s="12"/>
    </row>
    <row r="195125" spans="8:8">
      <c r="H195125" s="12"/>
    </row>
    <row r="195126" spans="8:8">
      <c r="H195126" s="12"/>
    </row>
    <row r="195127" spans="8:8">
      <c r="H195127" s="12"/>
    </row>
    <row r="195128" spans="8:8">
      <c r="H195128" s="12"/>
    </row>
    <row r="195129" spans="8:8">
      <c r="H195129" s="12"/>
    </row>
    <row r="195130" spans="8:8">
      <c r="H195130" s="12"/>
    </row>
    <row r="195131" spans="8:8">
      <c r="H195131" s="12"/>
    </row>
    <row r="195132" spans="8:8">
      <c r="H195132" s="12"/>
    </row>
    <row r="195133" spans="8:8">
      <c r="H195133" s="12"/>
    </row>
    <row r="195134" spans="8:8">
      <c r="H195134" s="12"/>
    </row>
    <row r="195135" spans="8:8">
      <c r="H195135" s="12"/>
    </row>
    <row r="195136" spans="8:8">
      <c r="H195136" s="12"/>
    </row>
    <row r="195137" spans="8:8">
      <c r="H195137" s="12"/>
    </row>
    <row r="195138" spans="8:8">
      <c r="H195138" s="12"/>
    </row>
    <row r="195139" spans="8:8">
      <c r="H195139" s="12"/>
    </row>
    <row r="195140" spans="8:8">
      <c r="H195140" s="12"/>
    </row>
    <row r="195141" spans="8:8">
      <c r="H195141" s="12"/>
    </row>
    <row r="195142" spans="8:8">
      <c r="H195142" s="12"/>
    </row>
    <row r="195143" spans="8:8">
      <c r="H195143" s="12"/>
    </row>
    <row r="195144" spans="8:8">
      <c r="H195144" s="12"/>
    </row>
    <row r="195145" spans="8:8">
      <c r="H195145" s="12"/>
    </row>
    <row r="195146" spans="8:8">
      <c r="H195146" s="12"/>
    </row>
    <row r="195147" spans="8:8">
      <c r="H195147" s="12"/>
    </row>
    <row r="195148" spans="8:8">
      <c r="H195148" s="12"/>
    </row>
    <row r="195149" spans="8:8">
      <c r="H195149" s="12"/>
    </row>
    <row r="195150" spans="8:8">
      <c r="H195150" s="12"/>
    </row>
    <row r="195151" spans="8:8">
      <c r="H195151" s="12"/>
    </row>
    <row r="195152" spans="8:8">
      <c r="H195152" s="12"/>
    </row>
    <row r="195153" spans="8:8">
      <c r="H195153" s="12"/>
    </row>
    <row r="195154" spans="8:8">
      <c r="H195154" s="12"/>
    </row>
    <row r="195155" spans="8:8">
      <c r="H195155" s="12"/>
    </row>
    <row r="195156" spans="8:8">
      <c r="H195156" s="12"/>
    </row>
    <row r="195157" spans="8:8">
      <c r="H195157" s="12"/>
    </row>
    <row r="195158" spans="8:8">
      <c r="H195158" s="12"/>
    </row>
    <row r="195159" spans="8:8">
      <c r="H195159" s="12"/>
    </row>
    <row r="195160" spans="8:8">
      <c r="H195160" s="12"/>
    </row>
    <row r="195161" spans="8:8">
      <c r="H195161" s="12"/>
    </row>
    <row r="195162" spans="8:8">
      <c r="H195162" s="12"/>
    </row>
    <row r="195163" spans="8:8">
      <c r="H195163" s="12"/>
    </row>
    <row r="195164" spans="8:8">
      <c r="H195164" s="12"/>
    </row>
    <row r="195165" spans="8:8">
      <c r="H195165" s="12"/>
    </row>
    <row r="195166" spans="8:8">
      <c r="H195166" s="12"/>
    </row>
    <row r="195167" spans="8:8">
      <c r="H195167" s="12"/>
    </row>
    <row r="195168" spans="8:8">
      <c r="H195168" s="12"/>
    </row>
    <row r="195169" spans="8:8">
      <c r="H195169" s="12"/>
    </row>
    <row r="195170" spans="8:8">
      <c r="H195170" s="12"/>
    </row>
    <row r="195171" spans="8:8">
      <c r="H195171" s="12"/>
    </row>
    <row r="195172" spans="8:8">
      <c r="H195172" s="12"/>
    </row>
    <row r="195173" spans="8:8">
      <c r="H195173" s="12"/>
    </row>
    <row r="195174" spans="8:8">
      <c r="H195174" s="12"/>
    </row>
    <row r="195175" spans="8:8">
      <c r="H195175" s="12"/>
    </row>
    <row r="195176" spans="8:8">
      <c r="H195176" s="12"/>
    </row>
    <row r="195177" spans="8:8">
      <c r="H195177" s="12"/>
    </row>
    <row r="195178" spans="8:8">
      <c r="H195178" s="12"/>
    </row>
    <row r="195179" spans="8:8">
      <c r="H195179" s="12"/>
    </row>
    <row r="195180" spans="8:8">
      <c r="H195180" s="12"/>
    </row>
    <row r="195181" spans="8:8">
      <c r="H195181" s="12"/>
    </row>
    <row r="195182" spans="8:8">
      <c r="H195182" s="12"/>
    </row>
    <row r="195183" spans="8:8">
      <c r="H195183" s="12"/>
    </row>
    <row r="195184" spans="8:8">
      <c r="H195184" s="12"/>
    </row>
    <row r="195185" spans="8:8">
      <c r="H195185" s="12"/>
    </row>
    <row r="195186" spans="8:8">
      <c r="H195186" s="12"/>
    </row>
    <row r="195187" spans="8:8">
      <c r="H195187" s="12"/>
    </row>
    <row r="195188" spans="8:8">
      <c r="H195188" s="12"/>
    </row>
    <row r="195189" spans="8:8">
      <c r="H195189" s="12"/>
    </row>
    <row r="195190" spans="8:8">
      <c r="H195190" s="12"/>
    </row>
    <row r="195191" spans="8:8">
      <c r="H195191" s="12"/>
    </row>
    <row r="195192" spans="8:8">
      <c r="H195192" s="12"/>
    </row>
    <row r="195193" spans="8:8">
      <c r="H195193" s="12"/>
    </row>
    <row r="195194" spans="8:8">
      <c r="H195194" s="12"/>
    </row>
    <row r="195195" spans="8:8">
      <c r="H195195" s="12"/>
    </row>
    <row r="195196" spans="8:8">
      <c r="H195196" s="12"/>
    </row>
    <row r="195197" spans="8:8">
      <c r="H195197" s="12"/>
    </row>
    <row r="195198" spans="8:8">
      <c r="H195198" s="12"/>
    </row>
    <row r="195199" spans="8:8">
      <c r="H195199" s="12"/>
    </row>
    <row r="195200" spans="8:8">
      <c r="H195200" s="12"/>
    </row>
    <row r="195201" spans="8:8">
      <c r="H195201" s="12"/>
    </row>
    <row r="195202" spans="8:8">
      <c r="H195202" s="12"/>
    </row>
    <row r="195203" spans="8:8">
      <c r="H195203" s="12"/>
    </row>
    <row r="195204" spans="8:8">
      <c r="H195204" s="12"/>
    </row>
    <row r="195205" spans="8:8">
      <c r="H195205" s="12"/>
    </row>
    <row r="195206" spans="8:8">
      <c r="H195206" s="12"/>
    </row>
    <row r="195207" spans="8:8">
      <c r="H195207" s="12"/>
    </row>
    <row r="195208" spans="8:8">
      <c r="H195208" s="12"/>
    </row>
    <row r="195209" spans="8:8">
      <c r="H195209" s="12"/>
    </row>
    <row r="195210" spans="8:8">
      <c r="H195210" s="12"/>
    </row>
    <row r="195211" spans="8:8">
      <c r="H195211" s="12"/>
    </row>
    <row r="195212" spans="8:8">
      <c r="H195212" s="12"/>
    </row>
    <row r="195213" spans="8:8">
      <c r="H195213" s="12"/>
    </row>
    <row r="195214" spans="8:8">
      <c r="H195214" s="12"/>
    </row>
    <row r="195215" spans="8:8">
      <c r="H195215" s="12"/>
    </row>
    <row r="195216" spans="8:8">
      <c r="H195216" s="12"/>
    </row>
    <row r="195217" spans="8:8">
      <c r="H195217" s="12"/>
    </row>
    <row r="195218" spans="8:8">
      <c r="H195218" s="12"/>
    </row>
    <row r="195219" spans="8:8">
      <c r="H195219" s="12"/>
    </row>
    <row r="195220" spans="8:8">
      <c r="H195220" s="12"/>
    </row>
    <row r="195221" spans="8:8">
      <c r="H195221" s="12"/>
    </row>
    <row r="195222" spans="8:8">
      <c r="H195222" s="12"/>
    </row>
    <row r="195223" spans="8:8">
      <c r="H195223" s="12"/>
    </row>
    <row r="195224" spans="8:8">
      <c r="H195224" s="12"/>
    </row>
    <row r="195225" spans="8:8">
      <c r="H195225" s="12"/>
    </row>
    <row r="195226" spans="8:8">
      <c r="H195226" s="12"/>
    </row>
    <row r="195227" spans="8:8">
      <c r="H195227" s="12"/>
    </row>
    <row r="195228" spans="8:8">
      <c r="H195228" s="12"/>
    </row>
    <row r="195229" spans="8:8">
      <c r="H195229" s="12"/>
    </row>
    <row r="195230" spans="8:8">
      <c r="H195230" s="12"/>
    </row>
    <row r="195231" spans="8:8">
      <c r="H195231" s="12"/>
    </row>
    <row r="195232" spans="8:8">
      <c r="H195232" s="12"/>
    </row>
    <row r="195233" spans="8:8">
      <c r="H195233" s="12"/>
    </row>
    <row r="195234" spans="8:8">
      <c r="H195234" s="12"/>
    </row>
    <row r="195235" spans="8:8">
      <c r="H195235" s="12"/>
    </row>
    <row r="195236" spans="8:8">
      <c r="H195236" s="12"/>
    </row>
    <row r="195237" spans="8:8">
      <c r="H195237" s="12"/>
    </row>
    <row r="195238" spans="8:8">
      <c r="H195238" s="12"/>
    </row>
    <row r="195239" spans="8:8">
      <c r="H195239" s="12"/>
    </row>
    <row r="195240" spans="8:8">
      <c r="H195240" s="12"/>
    </row>
    <row r="195241" spans="8:8">
      <c r="H195241" s="12"/>
    </row>
    <row r="195242" spans="8:8">
      <c r="H195242" s="12"/>
    </row>
    <row r="195243" spans="8:8">
      <c r="H195243" s="12"/>
    </row>
    <row r="195244" spans="8:8">
      <c r="H195244" s="12"/>
    </row>
    <row r="195245" spans="8:8">
      <c r="H195245" s="12"/>
    </row>
    <row r="195246" spans="8:8">
      <c r="H195246" s="12"/>
    </row>
    <row r="195247" spans="8:8">
      <c r="H195247" s="12"/>
    </row>
    <row r="195248" spans="8:8">
      <c r="H195248" s="12"/>
    </row>
    <row r="195249" spans="8:8">
      <c r="H195249" s="12"/>
    </row>
    <row r="195250" spans="8:8">
      <c r="H195250" s="12"/>
    </row>
    <row r="195251" spans="8:8">
      <c r="H195251" s="12"/>
    </row>
    <row r="195252" spans="8:8">
      <c r="H195252" s="12"/>
    </row>
    <row r="195253" spans="8:8">
      <c r="H195253" s="12"/>
    </row>
    <row r="195254" spans="8:8">
      <c r="H195254" s="12"/>
    </row>
    <row r="195255" spans="8:8">
      <c r="H195255" s="12"/>
    </row>
    <row r="195256" spans="8:8">
      <c r="H195256" s="12"/>
    </row>
    <row r="195257" spans="8:8">
      <c r="H195257" s="12"/>
    </row>
    <row r="195258" spans="8:8">
      <c r="H195258" s="12"/>
    </row>
    <row r="195259" spans="8:8">
      <c r="H195259" s="12"/>
    </row>
    <row r="195260" spans="8:8">
      <c r="H195260" s="12"/>
    </row>
    <row r="195261" spans="8:8">
      <c r="H195261" s="12"/>
    </row>
    <row r="195262" spans="8:8">
      <c r="H195262" s="12"/>
    </row>
    <row r="195263" spans="8:8">
      <c r="H195263" s="12"/>
    </row>
    <row r="195264" spans="8:8">
      <c r="H195264" s="12"/>
    </row>
    <row r="195265" spans="8:8">
      <c r="H195265" s="12"/>
    </row>
    <row r="195266" spans="8:8">
      <c r="H195266" s="12"/>
    </row>
    <row r="195267" spans="8:8">
      <c r="H195267" s="12"/>
    </row>
    <row r="195268" spans="8:8">
      <c r="H195268" s="12"/>
    </row>
    <row r="195269" spans="8:8">
      <c r="H195269" s="12"/>
    </row>
    <row r="195270" spans="8:8">
      <c r="H195270" s="12"/>
    </row>
    <row r="195271" spans="8:8">
      <c r="H195271" s="12"/>
    </row>
    <row r="195272" spans="8:8">
      <c r="H195272" s="12"/>
    </row>
    <row r="195273" spans="8:8">
      <c r="H195273" s="12"/>
    </row>
    <row r="195274" spans="8:8">
      <c r="H195274" s="12"/>
    </row>
    <row r="195275" spans="8:8">
      <c r="H195275" s="12"/>
    </row>
    <row r="195276" spans="8:8">
      <c r="H195276" s="12"/>
    </row>
    <row r="195277" spans="8:8">
      <c r="H195277" s="12"/>
    </row>
    <row r="195278" spans="8:8">
      <c r="H195278" s="12"/>
    </row>
    <row r="195279" spans="8:8">
      <c r="H195279" s="12"/>
    </row>
    <row r="195280" spans="8:8">
      <c r="H195280" s="12"/>
    </row>
    <row r="195281" spans="8:8">
      <c r="H195281" s="12"/>
    </row>
    <row r="195282" spans="8:8">
      <c r="H195282" s="12"/>
    </row>
    <row r="195283" spans="8:8">
      <c r="H195283" s="12"/>
    </row>
    <row r="195284" spans="8:8">
      <c r="H195284" s="12"/>
    </row>
    <row r="195285" spans="8:8">
      <c r="H195285" s="12"/>
    </row>
    <row r="195286" spans="8:8">
      <c r="H195286" s="12"/>
    </row>
    <row r="195287" spans="8:8">
      <c r="H195287" s="12"/>
    </row>
    <row r="195288" spans="8:8">
      <c r="H195288" s="12"/>
    </row>
    <row r="195289" spans="8:8">
      <c r="H195289" s="12"/>
    </row>
    <row r="195290" spans="8:8">
      <c r="H195290" s="12"/>
    </row>
    <row r="195291" spans="8:8">
      <c r="H195291" s="12"/>
    </row>
    <row r="195292" spans="8:8">
      <c r="H195292" s="12"/>
    </row>
    <row r="195293" spans="8:8">
      <c r="H195293" s="12"/>
    </row>
    <row r="195294" spans="8:8">
      <c r="H195294" s="12"/>
    </row>
    <row r="195295" spans="8:8">
      <c r="H195295" s="12"/>
    </row>
    <row r="195296" spans="8:8">
      <c r="H195296" s="12"/>
    </row>
    <row r="195297" spans="8:8">
      <c r="H195297" s="12"/>
    </row>
    <row r="195298" spans="8:8">
      <c r="H195298" s="12"/>
    </row>
    <row r="195299" spans="8:8">
      <c r="H195299" s="12"/>
    </row>
    <row r="195300" spans="8:8">
      <c r="H195300" s="12"/>
    </row>
    <row r="195301" spans="8:8">
      <c r="H195301" s="12"/>
    </row>
    <row r="195302" spans="8:8">
      <c r="H195302" s="12"/>
    </row>
    <row r="195303" spans="8:8">
      <c r="H195303" s="12"/>
    </row>
    <row r="195304" spans="8:8">
      <c r="H195304" s="12"/>
    </row>
    <row r="195305" spans="8:8">
      <c r="H195305" s="12"/>
    </row>
    <row r="195306" spans="8:8">
      <c r="H195306" s="12"/>
    </row>
    <row r="195307" spans="8:8">
      <c r="H195307" s="12"/>
    </row>
    <row r="195308" spans="8:8">
      <c r="H195308" s="12"/>
    </row>
    <row r="195309" spans="8:8">
      <c r="H195309" s="12"/>
    </row>
    <row r="195310" spans="8:8">
      <c r="H195310" s="12"/>
    </row>
    <row r="195311" spans="8:8">
      <c r="H195311" s="12"/>
    </row>
    <row r="195312" spans="8:8">
      <c r="H195312" s="12"/>
    </row>
    <row r="195313" spans="8:8">
      <c r="H195313" s="12"/>
    </row>
    <row r="195314" spans="8:8">
      <c r="H195314" s="12"/>
    </row>
    <row r="195315" spans="8:8">
      <c r="H195315" s="12"/>
    </row>
    <row r="195316" spans="8:8">
      <c r="H195316" s="12"/>
    </row>
    <row r="195317" spans="8:8">
      <c r="H195317" s="12"/>
    </row>
    <row r="195318" spans="8:8">
      <c r="H195318" s="12"/>
    </row>
    <row r="195319" spans="8:8">
      <c r="H195319" s="12"/>
    </row>
    <row r="195320" spans="8:8">
      <c r="H195320" s="12"/>
    </row>
    <row r="195321" spans="8:8">
      <c r="H195321" s="12"/>
    </row>
    <row r="195322" spans="8:8">
      <c r="H195322" s="12"/>
    </row>
    <row r="195323" spans="8:8">
      <c r="H195323" s="12"/>
    </row>
    <row r="195324" spans="8:8">
      <c r="H195324" s="12"/>
    </row>
    <row r="195325" spans="8:8">
      <c r="H195325" s="12"/>
    </row>
    <row r="195326" spans="8:8">
      <c r="H195326" s="12"/>
    </row>
    <row r="195327" spans="8:8">
      <c r="H195327" s="12"/>
    </row>
    <row r="195328" spans="8:8">
      <c r="H195328" s="12"/>
    </row>
    <row r="195329" spans="8:8">
      <c r="H195329" s="12"/>
    </row>
    <row r="195330" spans="8:8">
      <c r="H195330" s="12"/>
    </row>
    <row r="195331" spans="8:8">
      <c r="H195331" s="12"/>
    </row>
    <row r="195332" spans="8:8">
      <c r="H195332" s="12"/>
    </row>
    <row r="195333" spans="8:8">
      <c r="H195333" s="12"/>
    </row>
    <row r="195334" spans="8:8">
      <c r="H195334" s="12"/>
    </row>
    <row r="195335" spans="8:8">
      <c r="H195335" s="12"/>
    </row>
    <row r="195336" spans="8:8">
      <c r="H195336" s="12"/>
    </row>
    <row r="195337" spans="8:8">
      <c r="H195337" s="12"/>
    </row>
    <row r="195338" spans="8:8">
      <c r="H195338" s="12"/>
    </row>
    <row r="195339" spans="8:8">
      <c r="H195339" s="12"/>
    </row>
    <row r="195340" spans="8:8">
      <c r="H195340" s="12"/>
    </row>
    <row r="195341" spans="8:8">
      <c r="H195341" s="12"/>
    </row>
    <row r="195342" spans="8:8">
      <c r="H195342" s="12"/>
    </row>
    <row r="195343" spans="8:8">
      <c r="H195343" s="12"/>
    </row>
    <row r="195344" spans="8:8">
      <c r="H195344" s="12"/>
    </row>
    <row r="195345" spans="8:8">
      <c r="H195345" s="12"/>
    </row>
    <row r="195346" spans="8:8">
      <c r="H195346" s="12"/>
    </row>
    <row r="195347" spans="8:8">
      <c r="H195347" s="12"/>
    </row>
    <row r="195348" spans="8:8">
      <c r="H195348" s="12"/>
    </row>
    <row r="195349" spans="8:8">
      <c r="H195349" s="12"/>
    </row>
    <row r="195350" spans="8:8">
      <c r="H195350" s="12"/>
    </row>
    <row r="195351" spans="8:8">
      <c r="H195351" s="12"/>
    </row>
    <row r="195352" spans="8:8">
      <c r="H195352" s="12"/>
    </row>
    <row r="195353" spans="8:8">
      <c r="H195353" s="12"/>
    </row>
    <row r="195354" spans="8:8">
      <c r="H195354" s="12"/>
    </row>
    <row r="195355" spans="8:8">
      <c r="H195355" s="12"/>
    </row>
    <row r="195356" spans="8:8">
      <c r="H195356" s="12"/>
    </row>
    <row r="195357" spans="8:8">
      <c r="H195357" s="12"/>
    </row>
    <row r="195358" spans="8:8">
      <c r="H195358" s="12"/>
    </row>
    <row r="195359" spans="8:8">
      <c r="H195359" s="12"/>
    </row>
    <row r="195360" spans="8:8">
      <c r="H195360" s="12"/>
    </row>
    <row r="195361" spans="8:8">
      <c r="H195361" s="12"/>
    </row>
    <row r="195362" spans="8:8">
      <c r="H195362" s="12"/>
    </row>
    <row r="195363" spans="8:8">
      <c r="H195363" s="12"/>
    </row>
    <row r="195364" spans="8:8">
      <c r="H195364" s="12"/>
    </row>
    <row r="195365" spans="8:8">
      <c r="H195365" s="12"/>
    </row>
    <row r="195366" spans="8:8">
      <c r="H195366" s="12"/>
    </row>
    <row r="195367" spans="8:8">
      <c r="H195367" s="12"/>
    </row>
    <row r="195368" spans="8:8">
      <c r="H195368" s="12"/>
    </row>
    <row r="195369" spans="8:8">
      <c r="H195369" s="12"/>
    </row>
    <row r="195370" spans="8:8">
      <c r="H195370" s="12"/>
    </row>
    <row r="195371" spans="8:8">
      <c r="H195371" s="12"/>
    </row>
    <row r="195372" spans="8:8">
      <c r="H195372" s="12"/>
    </row>
    <row r="195373" spans="8:8">
      <c r="H195373" s="12"/>
    </row>
    <row r="195374" spans="8:8">
      <c r="H195374" s="12"/>
    </row>
    <row r="195375" spans="8:8">
      <c r="H195375" s="12"/>
    </row>
    <row r="195376" spans="8:8">
      <c r="H195376" s="12"/>
    </row>
    <row r="195377" spans="8:8">
      <c r="H195377" s="12"/>
    </row>
    <row r="195378" spans="8:8">
      <c r="H195378" s="12"/>
    </row>
    <row r="195379" spans="8:8">
      <c r="H195379" s="12"/>
    </row>
    <row r="195380" spans="8:8">
      <c r="H195380" s="12"/>
    </row>
    <row r="195381" spans="8:8">
      <c r="H195381" s="12"/>
    </row>
    <row r="195382" spans="8:8">
      <c r="H195382" s="12"/>
    </row>
    <row r="195383" spans="8:8">
      <c r="H195383" s="12"/>
    </row>
    <row r="195384" spans="8:8">
      <c r="H195384" s="12"/>
    </row>
    <row r="195385" spans="8:8">
      <c r="H195385" s="12"/>
    </row>
    <row r="195386" spans="8:8">
      <c r="H195386" s="12"/>
    </row>
    <row r="195387" spans="8:8">
      <c r="H195387" s="12"/>
    </row>
    <row r="195388" spans="8:8">
      <c r="H195388" s="12"/>
    </row>
    <row r="195389" spans="8:8">
      <c r="H195389" s="12"/>
    </row>
    <row r="195390" spans="8:8">
      <c r="H195390" s="12"/>
    </row>
    <row r="195391" spans="8:8">
      <c r="H195391" s="12"/>
    </row>
    <row r="195392" spans="8:8">
      <c r="H195392" s="12"/>
    </row>
    <row r="195393" spans="8:8">
      <c r="H195393" s="12"/>
    </row>
    <row r="195394" spans="8:8">
      <c r="H195394" s="12"/>
    </row>
    <row r="195395" spans="8:8">
      <c r="H195395" s="12"/>
    </row>
    <row r="195396" spans="8:8">
      <c r="H195396" s="12"/>
    </row>
    <row r="195397" spans="8:8">
      <c r="H195397" s="12"/>
    </row>
    <row r="195398" spans="8:8">
      <c r="H195398" s="12"/>
    </row>
    <row r="195399" spans="8:8">
      <c r="H195399" s="12"/>
    </row>
    <row r="195400" spans="8:8">
      <c r="H195400" s="12"/>
    </row>
    <row r="195401" spans="8:8">
      <c r="H195401" s="12"/>
    </row>
    <row r="195402" spans="8:8">
      <c r="H195402" s="12"/>
    </row>
    <row r="195403" spans="8:8">
      <c r="H195403" s="12"/>
    </row>
    <row r="195404" spans="8:8">
      <c r="H195404" s="12"/>
    </row>
    <row r="195405" spans="8:8">
      <c r="H195405" s="12"/>
    </row>
    <row r="195406" spans="8:8">
      <c r="H195406" s="12"/>
    </row>
    <row r="195407" spans="8:8">
      <c r="H195407" s="12"/>
    </row>
    <row r="195408" spans="8:8">
      <c r="H195408" s="12"/>
    </row>
    <row r="195409" spans="8:8">
      <c r="H195409" s="12"/>
    </row>
    <row r="195410" spans="8:8">
      <c r="H195410" s="12"/>
    </row>
    <row r="195411" spans="8:8">
      <c r="H195411" s="12"/>
    </row>
    <row r="195412" spans="8:8">
      <c r="H195412" s="12"/>
    </row>
    <row r="195413" spans="8:8">
      <c r="H195413" s="12"/>
    </row>
    <row r="195414" spans="8:8">
      <c r="H195414" s="12"/>
    </row>
    <row r="195415" spans="8:8">
      <c r="H195415" s="12"/>
    </row>
    <row r="195416" spans="8:8">
      <c r="H195416" s="12"/>
    </row>
    <row r="195417" spans="8:8">
      <c r="H195417" s="12"/>
    </row>
    <row r="195418" spans="8:8">
      <c r="H195418" s="12"/>
    </row>
    <row r="195419" spans="8:8">
      <c r="H195419" s="12"/>
    </row>
    <row r="195420" spans="8:8">
      <c r="H195420" s="12"/>
    </row>
    <row r="195421" spans="8:8">
      <c r="H195421" s="12"/>
    </row>
    <row r="195422" spans="8:8">
      <c r="H195422" s="12"/>
    </row>
    <row r="195423" spans="8:8">
      <c r="H195423" s="12"/>
    </row>
    <row r="195424" spans="8:8">
      <c r="H195424" s="12"/>
    </row>
    <row r="195425" spans="8:8">
      <c r="H195425" s="12"/>
    </row>
    <row r="195426" spans="8:8">
      <c r="H195426" s="12"/>
    </row>
    <row r="195427" spans="8:8">
      <c r="H195427" s="12"/>
    </row>
    <row r="195428" spans="8:8">
      <c r="H195428" s="12"/>
    </row>
    <row r="195429" spans="8:8">
      <c r="H195429" s="12"/>
    </row>
    <row r="195430" spans="8:8">
      <c r="H195430" s="12"/>
    </row>
    <row r="195431" spans="8:8">
      <c r="H195431" s="12"/>
    </row>
    <row r="195432" spans="8:8">
      <c r="H195432" s="12"/>
    </row>
    <row r="195433" spans="8:8">
      <c r="H195433" s="12"/>
    </row>
    <row r="195434" spans="8:8">
      <c r="H195434" s="12"/>
    </row>
    <row r="195435" spans="8:8">
      <c r="H195435" s="12"/>
    </row>
    <row r="195436" spans="8:8">
      <c r="H195436" s="12"/>
    </row>
    <row r="195437" spans="8:8">
      <c r="H195437" s="12"/>
    </row>
    <row r="195438" spans="8:8">
      <c r="H195438" s="12"/>
    </row>
    <row r="195439" spans="8:8">
      <c r="H195439" s="12"/>
    </row>
    <row r="195440" spans="8:8">
      <c r="H195440" s="12"/>
    </row>
    <row r="195441" spans="8:8">
      <c r="H195441" s="12"/>
    </row>
    <row r="195442" spans="8:8">
      <c r="H195442" s="12"/>
    </row>
    <row r="195443" spans="8:8">
      <c r="H195443" s="12"/>
    </row>
    <row r="195444" spans="8:8">
      <c r="H195444" s="12"/>
    </row>
    <row r="195445" spans="8:8">
      <c r="H195445" s="12"/>
    </row>
    <row r="195446" spans="8:8">
      <c r="H195446" s="12"/>
    </row>
    <row r="195447" spans="8:8">
      <c r="H195447" s="12"/>
    </row>
    <row r="195448" spans="8:8">
      <c r="H195448" s="12"/>
    </row>
    <row r="195449" spans="8:8">
      <c r="H195449" s="12"/>
    </row>
    <row r="195450" spans="8:8">
      <c r="H195450" s="12"/>
    </row>
    <row r="195451" spans="8:8">
      <c r="H195451" s="12"/>
    </row>
    <row r="195452" spans="8:8">
      <c r="H195452" s="12"/>
    </row>
    <row r="195453" spans="8:8">
      <c r="H195453" s="12"/>
    </row>
    <row r="195454" spans="8:8">
      <c r="H195454" s="12"/>
    </row>
    <row r="195455" spans="8:8">
      <c r="H195455" s="12"/>
    </row>
    <row r="195456" spans="8:8">
      <c r="H195456" s="12"/>
    </row>
    <row r="195457" spans="8:8">
      <c r="H195457" s="12"/>
    </row>
    <row r="195458" spans="8:8">
      <c r="H195458" s="12"/>
    </row>
    <row r="195459" spans="8:8">
      <c r="H195459" s="12"/>
    </row>
    <row r="195460" spans="8:8">
      <c r="H195460" s="12"/>
    </row>
    <row r="195461" spans="8:8">
      <c r="H195461" s="12"/>
    </row>
    <row r="195462" spans="8:8">
      <c r="H195462" s="12"/>
    </row>
    <row r="195463" spans="8:8">
      <c r="H195463" s="12"/>
    </row>
    <row r="195464" spans="8:8">
      <c r="H195464" s="12"/>
    </row>
    <row r="195465" spans="8:8">
      <c r="H195465" s="12"/>
    </row>
    <row r="195466" spans="8:8">
      <c r="H195466" s="12"/>
    </row>
    <row r="195467" spans="8:8">
      <c r="H195467" s="12"/>
    </row>
    <row r="195468" spans="8:8">
      <c r="H195468" s="12"/>
    </row>
    <row r="195469" spans="8:8">
      <c r="H195469" s="12"/>
    </row>
    <row r="195470" spans="8:8">
      <c r="H195470" s="12"/>
    </row>
    <row r="195471" spans="8:8">
      <c r="H195471" s="12"/>
    </row>
    <row r="195472" spans="8:8">
      <c r="H195472" s="12"/>
    </row>
    <row r="195473" spans="8:8">
      <c r="H195473" s="12"/>
    </row>
    <row r="195474" spans="8:8">
      <c r="H195474" s="12"/>
    </row>
    <row r="195475" spans="8:8">
      <c r="H195475" s="12"/>
    </row>
    <row r="195476" spans="8:8">
      <c r="H195476" s="12"/>
    </row>
    <row r="195477" spans="8:8">
      <c r="H195477" s="12"/>
    </row>
    <row r="195478" spans="8:8">
      <c r="H195478" s="12"/>
    </row>
    <row r="195479" spans="8:8">
      <c r="H195479" s="12"/>
    </row>
    <row r="195480" spans="8:8">
      <c r="H195480" s="12"/>
    </row>
    <row r="195481" spans="8:8">
      <c r="H195481" s="12"/>
    </row>
    <row r="195482" spans="8:8">
      <c r="H195482" s="12"/>
    </row>
    <row r="195483" spans="8:8">
      <c r="H195483" s="12"/>
    </row>
    <row r="195484" spans="8:8">
      <c r="H195484" s="12"/>
    </row>
    <row r="195485" spans="8:8">
      <c r="H195485" s="12"/>
    </row>
    <row r="195486" spans="8:8">
      <c r="H195486" s="12"/>
    </row>
    <row r="195487" spans="8:8">
      <c r="H195487" s="12"/>
    </row>
    <row r="195488" spans="8:8">
      <c r="H195488" s="12"/>
    </row>
    <row r="195489" spans="8:8">
      <c r="H195489" s="12"/>
    </row>
    <row r="195490" spans="8:8">
      <c r="H195490" s="12"/>
    </row>
    <row r="195491" spans="8:8">
      <c r="H195491" s="12"/>
    </row>
    <row r="195492" spans="8:8">
      <c r="H195492" s="12"/>
    </row>
    <row r="195493" spans="8:8">
      <c r="H195493" s="12"/>
    </row>
    <row r="195494" spans="8:8">
      <c r="H195494" s="12"/>
    </row>
    <row r="195495" spans="8:8">
      <c r="H195495" s="12"/>
    </row>
    <row r="195496" spans="8:8">
      <c r="H195496" s="12"/>
    </row>
    <row r="195497" spans="8:8">
      <c r="H195497" s="12"/>
    </row>
    <row r="195498" spans="8:8">
      <c r="H195498" s="12"/>
    </row>
    <row r="195499" spans="8:8">
      <c r="H195499" s="12"/>
    </row>
    <row r="195500" spans="8:8">
      <c r="H195500" s="12"/>
    </row>
    <row r="195501" spans="8:8">
      <c r="H195501" s="12"/>
    </row>
    <row r="195502" spans="8:8">
      <c r="H195502" s="12"/>
    </row>
    <row r="195503" spans="8:8">
      <c r="H195503" s="12"/>
    </row>
    <row r="195504" spans="8:8">
      <c r="H195504" s="12"/>
    </row>
    <row r="195505" spans="8:8">
      <c r="H195505" s="12"/>
    </row>
    <row r="195506" spans="8:8">
      <c r="H195506" s="12"/>
    </row>
    <row r="195507" spans="8:8">
      <c r="H195507" s="12"/>
    </row>
    <row r="195508" spans="8:8">
      <c r="H195508" s="12"/>
    </row>
    <row r="195509" spans="8:8">
      <c r="H195509" s="12"/>
    </row>
    <row r="195510" spans="8:8">
      <c r="H195510" s="12"/>
    </row>
    <row r="195511" spans="8:8">
      <c r="H195511" s="12"/>
    </row>
    <row r="195512" spans="8:8">
      <c r="H195512" s="12"/>
    </row>
    <row r="195513" spans="8:8">
      <c r="H195513" s="12"/>
    </row>
    <row r="195514" spans="8:8">
      <c r="H195514" s="12"/>
    </row>
    <row r="195515" spans="8:8">
      <c r="H195515" s="12"/>
    </row>
    <row r="195516" spans="8:8">
      <c r="H195516" s="12"/>
    </row>
    <row r="195517" spans="8:8">
      <c r="H195517" s="12"/>
    </row>
    <row r="195518" spans="8:8">
      <c r="H195518" s="12"/>
    </row>
    <row r="195519" spans="8:8">
      <c r="H195519" s="12"/>
    </row>
    <row r="195520" spans="8:8">
      <c r="H195520" s="12"/>
    </row>
    <row r="195521" spans="8:8">
      <c r="H195521" s="12"/>
    </row>
    <row r="195522" spans="8:8">
      <c r="H195522" s="12"/>
    </row>
    <row r="195523" spans="8:8">
      <c r="H195523" s="12"/>
    </row>
    <row r="195524" spans="8:8">
      <c r="H195524" s="12"/>
    </row>
    <row r="195525" spans="8:8">
      <c r="H195525" s="12"/>
    </row>
    <row r="195526" spans="8:8">
      <c r="H195526" s="12"/>
    </row>
    <row r="195527" spans="8:8">
      <c r="H195527" s="12"/>
    </row>
    <row r="195528" spans="8:8">
      <c r="H195528" s="12"/>
    </row>
    <row r="195529" spans="8:8">
      <c r="H195529" s="12"/>
    </row>
    <row r="195530" spans="8:8">
      <c r="H195530" s="12"/>
    </row>
    <row r="195531" spans="8:8">
      <c r="H195531" s="12"/>
    </row>
    <row r="195532" spans="8:8">
      <c r="H195532" s="12"/>
    </row>
    <row r="195533" spans="8:8">
      <c r="H195533" s="12"/>
    </row>
    <row r="195534" spans="8:8">
      <c r="H195534" s="12"/>
    </row>
    <row r="195535" spans="8:8">
      <c r="H195535" s="12"/>
    </row>
    <row r="195536" spans="8:8">
      <c r="H195536" s="12"/>
    </row>
    <row r="195537" spans="8:8">
      <c r="H195537" s="12"/>
    </row>
    <row r="195538" spans="8:8">
      <c r="H195538" s="12"/>
    </row>
    <row r="195539" spans="8:8">
      <c r="H195539" s="12"/>
    </row>
    <row r="195540" spans="8:8">
      <c r="H195540" s="12"/>
    </row>
    <row r="195541" spans="8:8">
      <c r="H195541" s="12"/>
    </row>
    <row r="195542" spans="8:8">
      <c r="H195542" s="12"/>
    </row>
    <row r="195543" spans="8:8">
      <c r="H195543" s="12"/>
    </row>
    <row r="195544" spans="8:8">
      <c r="H195544" s="12"/>
    </row>
    <row r="195545" spans="8:8">
      <c r="H195545" s="12"/>
    </row>
    <row r="195546" spans="8:8">
      <c r="H195546" s="12"/>
    </row>
    <row r="195547" spans="8:8">
      <c r="H195547" s="12"/>
    </row>
    <row r="195548" spans="8:8">
      <c r="H195548" s="12"/>
    </row>
    <row r="195549" spans="8:8">
      <c r="H195549" s="12"/>
    </row>
    <row r="195550" spans="8:8">
      <c r="H195550" s="12"/>
    </row>
    <row r="195551" spans="8:8">
      <c r="H195551" s="12"/>
    </row>
    <row r="195552" spans="8:8">
      <c r="H195552" s="12"/>
    </row>
    <row r="195553" spans="8:8">
      <c r="H195553" s="12"/>
    </row>
    <row r="195554" spans="8:8">
      <c r="H195554" s="12"/>
    </row>
    <row r="195555" spans="8:8">
      <c r="H195555" s="12"/>
    </row>
    <row r="195556" spans="8:8">
      <c r="H195556" s="12"/>
    </row>
    <row r="195557" spans="8:8">
      <c r="H195557" s="12"/>
    </row>
    <row r="195558" spans="8:8">
      <c r="H195558" s="12"/>
    </row>
    <row r="195559" spans="8:8">
      <c r="H195559" s="12"/>
    </row>
    <row r="195560" spans="8:8">
      <c r="H195560" s="12"/>
    </row>
    <row r="195561" spans="8:8">
      <c r="H195561" s="12"/>
    </row>
    <row r="195562" spans="8:8">
      <c r="H195562" s="12"/>
    </row>
    <row r="195563" spans="8:8">
      <c r="H195563" s="12"/>
    </row>
    <row r="195564" spans="8:8">
      <c r="H195564" s="12"/>
    </row>
    <row r="195565" spans="8:8">
      <c r="H195565" s="12"/>
    </row>
    <row r="195566" spans="8:8">
      <c r="H195566" s="12"/>
    </row>
    <row r="195567" spans="8:8">
      <c r="H195567" s="12"/>
    </row>
    <row r="195568" spans="8:8">
      <c r="H195568" s="12"/>
    </row>
    <row r="195569" spans="8:8">
      <c r="H195569" s="12"/>
    </row>
    <row r="195570" spans="8:8">
      <c r="H195570" s="12"/>
    </row>
    <row r="195571" spans="8:8">
      <c r="H195571" s="12"/>
    </row>
    <row r="195572" spans="8:8">
      <c r="H195572" s="12"/>
    </row>
    <row r="195573" spans="8:8">
      <c r="H195573" s="12"/>
    </row>
    <row r="195574" spans="8:8">
      <c r="H195574" s="12"/>
    </row>
    <row r="195575" spans="8:8">
      <c r="H195575" s="12"/>
    </row>
    <row r="195576" spans="8:8">
      <c r="H195576" s="12"/>
    </row>
    <row r="195577" spans="8:8">
      <c r="H195577" s="12"/>
    </row>
    <row r="195578" spans="8:8">
      <c r="H195578" s="12"/>
    </row>
    <row r="195579" spans="8:8">
      <c r="H195579" s="12"/>
    </row>
    <row r="195580" spans="8:8">
      <c r="H195580" s="12"/>
    </row>
    <row r="195581" spans="8:8">
      <c r="H195581" s="12"/>
    </row>
    <row r="195582" spans="8:8">
      <c r="H195582" s="12"/>
    </row>
    <row r="195583" spans="8:8">
      <c r="H195583" s="12"/>
    </row>
    <row r="195584" spans="8:8">
      <c r="H195584" s="12"/>
    </row>
    <row r="195585" spans="8:8">
      <c r="H195585" s="12"/>
    </row>
    <row r="195586" spans="8:8">
      <c r="H195586" s="12"/>
    </row>
    <row r="195587" spans="8:8">
      <c r="H195587" s="12"/>
    </row>
    <row r="195588" spans="8:8">
      <c r="H195588" s="12"/>
    </row>
    <row r="195589" spans="8:8">
      <c r="H195589" s="12"/>
    </row>
    <row r="195590" spans="8:8">
      <c r="H195590" s="12"/>
    </row>
    <row r="195591" spans="8:8">
      <c r="H195591" s="12"/>
    </row>
    <row r="195592" spans="8:8">
      <c r="H195592" s="12"/>
    </row>
    <row r="195593" spans="8:8">
      <c r="H195593" s="12"/>
    </row>
    <row r="195594" spans="8:8">
      <c r="H195594" s="12"/>
    </row>
    <row r="195595" spans="8:8">
      <c r="H195595" s="12"/>
    </row>
    <row r="195596" spans="8:8">
      <c r="H195596" s="12"/>
    </row>
    <row r="195597" spans="8:8">
      <c r="H195597" s="12"/>
    </row>
    <row r="195598" spans="8:8">
      <c r="H195598" s="12"/>
    </row>
    <row r="195599" spans="8:8">
      <c r="H195599" s="12"/>
    </row>
    <row r="195600" spans="8:8">
      <c r="H195600" s="12"/>
    </row>
    <row r="195601" spans="8:8">
      <c r="H195601" s="12"/>
    </row>
    <row r="195602" spans="8:8">
      <c r="H195602" s="12"/>
    </row>
    <row r="195603" spans="8:8">
      <c r="H195603" s="12"/>
    </row>
    <row r="195604" spans="8:8">
      <c r="H195604" s="12"/>
    </row>
    <row r="195605" spans="8:8">
      <c r="H195605" s="12"/>
    </row>
    <row r="195606" spans="8:8">
      <c r="H195606" s="12"/>
    </row>
    <row r="195607" spans="8:8">
      <c r="H195607" s="12"/>
    </row>
    <row r="195608" spans="8:8">
      <c r="H195608" s="12"/>
    </row>
    <row r="195609" spans="8:8">
      <c r="H195609" s="12"/>
    </row>
    <row r="195610" spans="8:8">
      <c r="H195610" s="12"/>
    </row>
    <row r="195611" spans="8:8">
      <c r="H195611" s="12"/>
    </row>
    <row r="195612" spans="8:8">
      <c r="H195612" s="12"/>
    </row>
    <row r="195613" spans="8:8">
      <c r="H195613" s="12"/>
    </row>
    <row r="195614" spans="8:8">
      <c r="H195614" s="12"/>
    </row>
    <row r="195615" spans="8:8">
      <c r="H195615" s="12"/>
    </row>
    <row r="195616" spans="8:8">
      <c r="H195616" s="12"/>
    </row>
    <row r="195617" spans="8:8">
      <c r="H195617" s="12"/>
    </row>
    <row r="195618" spans="8:8">
      <c r="H195618" s="12"/>
    </row>
    <row r="195619" spans="8:8">
      <c r="H195619" s="12"/>
    </row>
    <row r="195620" spans="8:8">
      <c r="H195620" s="12"/>
    </row>
    <row r="195621" spans="8:8">
      <c r="H195621" s="12"/>
    </row>
    <row r="195622" spans="8:8">
      <c r="H195622" s="12"/>
    </row>
    <row r="195623" spans="8:8">
      <c r="H195623" s="12"/>
    </row>
    <row r="195624" spans="8:8">
      <c r="H195624" s="12"/>
    </row>
    <row r="195625" spans="8:8">
      <c r="H195625" s="12"/>
    </row>
    <row r="195626" spans="8:8">
      <c r="H195626" s="12"/>
    </row>
    <row r="195627" spans="8:8">
      <c r="H195627" s="12"/>
    </row>
    <row r="195628" spans="8:8">
      <c r="H195628" s="12"/>
    </row>
    <row r="195629" spans="8:8">
      <c r="H195629" s="12"/>
    </row>
    <row r="195630" spans="8:8">
      <c r="H195630" s="12"/>
    </row>
    <row r="195631" spans="8:8">
      <c r="H195631" s="12"/>
    </row>
    <row r="195632" spans="8:8">
      <c r="H195632" s="12"/>
    </row>
    <row r="195633" spans="8:8">
      <c r="H195633" s="12"/>
    </row>
    <row r="195634" spans="8:8">
      <c r="H195634" s="12"/>
    </row>
    <row r="195635" spans="8:8">
      <c r="H195635" s="12"/>
    </row>
    <row r="195636" spans="8:8">
      <c r="H195636" s="12"/>
    </row>
    <row r="195637" spans="8:8">
      <c r="H195637" s="12"/>
    </row>
    <row r="195638" spans="8:8">
      <c r="H195638" s="12"/>
    </row>
    <row r="195639" spans="8:8">
      <c r="H195639" s="12"/>
    </row>
    <row r="195640" spans="8:8">
      <c r="H195640" s="12"/>
    </row>
    <row r="195641" spans="8:8">
      <c r="H195641" s="12"/>
    </row>
    <row r="195642" spans="8:8">
      <c r="H195642" s="12"/>
    </row>
    <row r="195643" spans="8:8">
      <c r="H195643" s="12"/>
    </row>
    <row r="195644" spans="8:8">
      <c r="H195644" s="12"/>
    </row>
    <row r="195645" spans="8:8">
      <c r="H195645" s="12"/>
    </row>
    <row r="195646" spans="8:8">
      <c r="H195646" s="12"/>
    </row>
    <row r="195647" spans="8:8">
      <c r="H195647" s="12"/>
    </row>
    <row r="195648" spans="8:8">
      <c r="H195648" s="12"/>
    </row>
    <row r="195649" spans="8:8">
      <c r="H195649" s="12"/>
    </row>
    <row r="195650" spans="8:8">
      <c r="H195650" s="12"/>
    </row>
    <row r="195651" spans="8:8">
      <c r="H195651" s="12"/>
    </row>
    <row r="195652" spans="8:8">
      <c r="H195652" s="12"/>
    </row>
    <row r="195653" spans="8:8">
      <c r="H195653" s="12"/>
    </row>
    <row r="195654" spans="8:8">
      <c r="H195654" s="12"/>
    </row>
    <row r="195655" spans="8:8">
      <c r="H195655" s="12"/>
    </row>
    <row r="195656" spans="8:8">
      <c r="H195656" s="12"/>
    </row>
    <row r="195657" spans="8:8">
      <c r="H195657" s="12"/>
    </row>
    <row r="195658" spans="8:8">
      <c r="H195658" s="12"/>
    </row>
    <row r="195659" spans="8:8">
      <c r="H195659" s="12"/>
    </row>
    <row r="195660" spans="8:8">
      <c r="H195660" s="12"/>
    </row>
    <row r="195661" spans="8:8">
      <c r="H195661" s="12"/>
    </row>
    <row r="195662" spans="8:8">
      <c r="H195662" s="12"/>
    </row>
    <row r="195663" spans="8:8">
      <c r="H195663" s="12"/>
    </row>
    <row r="195664" spans="8:8">
      <c r="H195664" s="12"/>
    </row>
    <row r="195665" spans="8:8">
      <c r="H195665" s="12"/>
    </row>
    <row r="195666" spans="8:8">
      <c r="H195666" s="12"/>
    </row>
    <row r="195667" spans="8:8">
      <c r="H195667" s="12"/>
    </row>
    <row r="195668" spans="8:8">
      <c r="H195668" s="12"/>
    </row>
    <row r="195669" spans="8:8">
      <c r="H195669" s="12"/>
    </row>
    <row r="195670" spans="8:8">
      <c r="H195670" s="12"/>
    </row>
    <row r="195671" spans="8:8">
      <c r="H195671" s="12"/>
    </row>
    <row r="195672" spans="8:8">
      <c r="H195672" s="12"/>
    </row>
    <row r="195673" spans="8:8">
      <c r="H195673" s="12"/>
    </row>
    <row r="195674" spans="8:8">
      <c r="H195674" s="12"/>
    </row>
    <row r="195675" spans="8:8">
      <c r="H195675" s="12"/>
    </row>
    <row r="195676" spans="8:8">
      <c r="H195676" s="12"/>
    </row>
    <row r="195677" spans="8:8">
      <c r="H195677" s="12"/>
    </row>
    <row r="195678" spans="8:8">
      <c r="H195678" s="12"/>
    </row>
    <row r="195679" spans="8:8">
      <c r="H195679" s="12"/>
    </row>
    <row r="195680" spans="8:8">
      <c r="H195680" s="12"/>
    </row>
    <row r="195681" spans="8:8">
      <c r="H195681" s="12"/>
    </row>
    <row r="195682" spans="8:8">
      <c r="H195682" s="12"/>
    </row>
    <row r="195683" spans="8:8">
      <c r="H195683" s="12"/>
    </row>
    <row r="195684" spans="8:8">
      <c r="H195684" s="12"/>
    </row>
    <row r="195685" spans="8:8">
      <c r="H195685" s="12"/>
    </row>
    <row r="195686" spans="8:8">
      <c r="H195686" s="12"/>
    </row>
    <row r="195687" spans="8:8">
      <c r="H195687" s="12"/>
    </row>
    <row r="195688" spans="8:8">
      <c r="H195688" s="12"/>
    </row>
    <row r="195689" spans="8:8">
      <c r="H195689" s="12"/>
    </row>
    <row r="195690" spans="8:8">
      <c r="H195690" s="12"/>
    </row>
    <row r="195691" spans="8:8">
      <c r="H195691" s="12"/>
    </row>
    <row r="195692" spans="8:8">
      <c r="H195692" s="12"/>
    </row>
    <row r="195693" spans="8:8">
      <c r="H195693" s="12"/>
    </row>
    <row r="195694" spans="8:8">
      <c r="H195694" s="12"/>
    </row>
    <row r="195695" spans="8:8">
      <c r="H195695" s="12"/>
    </row>
    <row r="195696" spans="8:8">
      <c r="H195696" s="12"/>
    </row>
    <row r="195697" spans="8:8">
      <c r="H195697" s="12"/>
    </row>
    <row r="195698" spans="8:8">
      <c r="H195698" s="12"/>
    </row>
    <row r="195699" spans="8:8">
      <c r="H195699" s="12"/>
    </row>
    <row r="195700" spans="8:8">
      <c r="H195700" s="12"/>
    </row>
    <row r="195701" spans="8:8">
      <c r="H195701" s="12"/>
    </row>
    <row r="195702" spans="8:8">
      <c r="H195702" s="12"/>
    </row>
    <row r="195703" spans="8:8">
      <c r="H195703" s="12"/>
    </row>
    <row r="195704" spans="8:8">
      <c r="H195704" s="12"/>
    </row>
    <row r="195705" spans="8:8">
      <c r="H195705" s="12"/>
    </row>
    <row r="195706" spans="8:8">
      <c r="H195706" s="12"/>
    </row>
    <row r="195707" spans="8:8">
      <c r="H195707" s="12"/>
    </row>
    <row r="195708" spans="8:8">
      <c r="H195708" s="12"/>
    </row>
    <row r="195709" spans="8:8">
      <c r="H195709" s="12"/>
    </row>
    <row r="195710" spans="8:8">
      <c r="H195710" s="12"/>
    </row>
    <row r="195711" spans="8:8">
      <c r="H195711" s="12"/>
    </row>
    <row r="195712" spans="8:8">
      <c r="H195712" s="12"/>
    </row>
    <row r="195713" spans="8:8">
      <c r="H195713" s="12"/>
    </row>
    <row r="195714" spans="8:8">
      <c r="H195714" s="12"/>
    </row>
    <row r="195715" spans="8:8">
      <c r="H195715" s="12"/>
    </row>
    <row r="195716" spans="8:8">
      <c r="H195716" s="12"/>
    </row>
    <row r="195717" spans="8:8">
      <c r="H195717" s="12"/>
    </row>
    <row r="195718" spans="8:8">
      <c r="H195718" s="12"/>
    </row>
    <row r="195719" spans="8:8">
      <c r="H195719" s="12"/>
    </row>
    <row r="195720" spans="8:8">
      <c r="H195720" s="12"/>
    </row>
    <row r="195721" spans="8:8">
      <c r="H195721" s="12"/>
    </row>
    <row r="195722" spans="8:8">
      <c r="H195722" s="12"/>
    </row>
    <row r="195723" spans="8:8">
      <c r="H195723" s="12"/>
    </row>
    <row r="195724" spans="8:8">
      <c r="H195724" s="12"/>
    </row>
    <row r="195725" spans="8:8">
      <c r="H195725" s="12"/>
    </row>
    <row r="195726" spans="8:8">
      <c r="H195726" s="12"/>
    </row>
    <row r="195727" spans="8:8">
      <c r="H195727" s="12"/>
    </row>
    <row r="195728" spans="8:8">
      <c r="H195728" s="12"/>
    </row>
    <row r="195729" spans="8:8">
      <c r="H195729" s="12"/>
    </row>
    <row r="195730" spans="8:8">
      <c r="H195730" s="12"/>
    </row>
    <row r="195731" spans="8:8">
      <c r="H195731" s="12"/>
    </row>
    <row r="195732" spans="8:8">
      <c r="H195732" s="12"/>
    </row>
    <row r="195733" spans="8:8">
      <c r="H195733" s="12"/>
    </row>
    <row r="195734" spans="8:8">
      <c r="H195734" s="12"/>
    </row>
    <row r="195735" spans="8:8">
      <c r="H195735" s="12"/>
    </row>
    <row r="195736" spans="8:8">
      <c r="H195736" s="12"/>
    </row>
    <row r="195737" spans="8:8">
      <c r="H195737" s="12"/>
    </row>
    <row r="195738" spans="8:8">
      <c r="H195738" s="12"/>
    </row>
    <row r="195739" spans="8:8">
      <c r="H195739" s="12"/>
    </row>
    <row r="195740" spans="8:8">
      <c r="H195740" s="12"/>
    </row>
    <row r="195741" spans="8:8">
      <c r="H195741" s="12"/>
    </row>
    <row r="195742" spans="8:8">
      <c r="H195742" s="12"/>
    </row>
    <row r="195743" spans="8:8">
      <c r="H195743" s="12"/>
    </row>
    <row r="195744" spans="8:8">
      <c r="H195744" s="12"/>
    </row>
    <row r="195745" spans="8:8">
      <c r="H195745" s="12"/>
    </row>
    <row r="195746" spans="8:8">
      <c r="H195746" s="12"/>
    </row>
    <row r="195747" spans="8:8">
      <c r="H195747" s="12"/>
    </row>
    <row r="195748" spans="8:8">
      <c r="H195748" s="12"/>
    </row>
    <row r="195749" spans="8:8">
      <c r="H195749" s="12"/>
    </row>
    <row r="195750" spans="8:8">
      <c r="H195750" s="12"/>
    </row>
    <row r="195751" spans="8:8">
      <c r="H195751" s="12"/>
    </row>
    <row r="195752" spans="8:8">
      <c r="H195752" s="12"/>
    </row>
    <row r="195753" spans="8:8">
      <c r="H195753" s="12"/>
    </row>
    <row r="195754" spans="8:8">
      <c r="H195754" s="12"/>
    </row>
    <row r="195755" spans="8:8">
      <c r="H195755" s="12"/>
    </row>
    <row r="195756" spans="8:8">
      <c r="H195756" s="12"/>
    </row>
    <row r="195757" spans="8:8">
      <c r="H195757" s="12"/>
    </row>
    <row r="195758" spans="8:8">
      <c r="H195758" s="12"/>
    </row>
    <row r="195759" spans="8:8">
      <c r="H195759" s="12"/>
    </row>
    <row r="195760" spans="8:8">
      <c r="H195760" s="12"/>
    </row>
    <row r="195761" spans="8:8">
      <c r="H195761" s="12"/>
    </row>
    <row r="195762" spans="8:8">
      <c r="H195762" s="12"/>
    </row>
    <row r="195763" spans="8:8">
      <c r="H195763" s="12"/>
    </row>
    <row r="195764" spans="8:8">
      <c r="H195764" s="12"/>
    </row>
    <row r="195765" spans="8:8">
      <c r="H195765" s="12"/>
    </row>
    <row r="195766" spans="8:8">
      <c r="H195766" s="12"/>
    </row>
    <row r="195767" spans="8:8">
      <c r="H195767" s="12"/>
    </row>
    <row r="195768" spans="8:8">
      <c r="H195768" s="12"/>
    </row>
    <row r="195769" spans="8:8">
      <c r="H195769" s="12"/>
    </row>
    <row r="195770" spans="8:8">
      <c r="H195770" s="12"/>
    </row>
    <row r="195771" spans="8:8">
      <c r="H195771" s="12"/>
    </row>
    <row r="195772" spans="8:8">
      <c r="H195772" s="12"/>
    </row>
    <row r="195773" spans="8:8">
      <c r="H195773" s="12"/>
    </row>
    <row r="195774" spans="8:8">
      <c r="H195774" s="12"/>
    </row>
    <row r="195775" spans="8:8">
      <c r="H195775" s="12"/>
    </row>
    <row r="195776" spans="8:8">
      <c r="H195776" s="12"/>
    </row>
    <row r="195777" spans="8:8">
      <c r="H195777" s="12"/>
    </row>
    <row r="195778" spans="8:8">
      <c r="H195778" s="12"/>
    </row>
    <row r="195779" spans="8:8">
      <c r="H195779" s="12"/>
    </row>
    <row r="195780" spans="8:8">
      <c r="H195780" s="12"/>
    </row>
    <row r="195781" spans="8:8">
      <c r="H195781" s="12"/>
    </row>
    <row r="195782" spans="8:8">
      <c r="H195782" s="12"/>
    </row>
    <row r="195783" spans="8:8">
      <c r="H195783" s="12"/>
    </row>
    <row r="195784" spans="8:8">
      <c r="H195784" s="12"/>
    </row>
    <row r="195785" spans="8:8">
      <c r="H195785" s="12"/>
    </row>
    <row r="195786" spans="8:8">
      <c r="H195786" s="12"/>
    </row>
    <row r="195787" spans="8:8">
      <c r="H195787" s="12"/>
    </row>
    <row r="195788" spans="8:8">
      <c r="H195788" s="12"/>
    </row>
    <row r="195789" spans="8:8">
      <c r="H195789" s="12"/>
    </row>
    <row r="195790" spans="8:8">
      <c r="H195790" s="12"/>
    </row>
    <row r="195791" spans="8:8">
      <c r="H195791" s="12"/>
    </row>
    <row r="195792" spans="8:8">
      <c r="H195792" s="12"/>
    </row>
    <row r="195793" spans="8:8">
      <c r="H195793" s="12"/>
    </row>
    <row r="195794" spans="8:8">
      <c r="H195794" s="12"/>
    </row>
    <row r="195795" spans="8:8">
      <c r="H195795" s="12"/>
    </row>
    <row r="195796" spans="8:8">
      <c r="H195796" s="12"/>
    </row>
    <row r="195797" spans="8:8">
      <c r="H195797" s="12"/>
    </row>
    <row r="195798" spans="8:8">
      <c r="H195798" s="12"/>
    </row>
    <row r="195799" spans="8:8">
      <c r="H195799" s="12"/>
    </row>
    <row r="195800" spans="8:8">
      <c r="H195800" s="12"/>
    </row>
    <row r="195801" spans="8:8">
      <c r="H195801" s="12"/>
    </row>
    <row r="195802" spans="8:8">
      <c r="H195802" s="12"/>
    </row>
    <row r="195803" spans="8:8">
      <c r="H195803" s="12"/>
    </row>
    <row r="195804" spans="8:8">
      <c r="H195804" s="12"/>
    </row>
    <row r="195805" spans="8:8">
      <c r="H195805" s="12"/>
    </row>
    <row r="195806" spans="8:8">
      <c r="H195806" s="12"/>
    </row>
    <row r="195807" spans="8:8">
      <c r="H195807" s="12"/>
    </row>
    <row r="195808" spans="8:8">
      <c r="H195808" s="12"/>
    </row>
    <row r="195809" spans="8:8">
      <c r="H195809" s="12"/>
    </row>
    <row r="195810" spans="8:8">
      <c r="H195810" s="12"/>
    </row>
    <row r="195811" spans="8:8">
      <c r="H195811" s="12"/>
    </row>
    <row r="195812" spans="8:8">
      <c r="H195812" s="12"/>
    </row>
    <row r="195813" spans="8:8">
      <c r="H195813" s="12"/>
    </row>
    <row r="195814" spans="8:8">
      <c r="H195814" s="12"/>
    </row>
    <row r="195815" spans="8:8">
      <c r="H195815" s="12"/>
    </row>
    <row r="195816" spans="8:8">
      <c r="H195816" s="12"/>
    </row>
    <row r="195817" spans="8:8">
      <c r="H195817" s="12"/>
    </row>
    <row r="195818" spans="8:8">
      <c r="H195818" s="12"/>
    </row>
    <row r="195819" spans="8:8">
      <c r="H195819" s="12"/>
    </row>
    <row r="195820" spans="8:8">
      <c r="H195820" s="12"/>
    </row>
    <row r="195821" spans="8:8">
      <c r="H195821" s="12"/>
    </row>
    <row r="195822" spans="8:8">
      <c r="H195822" s="12"/>
    </row>
    <row r="195823" spans="8:8">
      <c r="H195823" s="12"/>
    </row>
    <row r="195824" spans="8:8">
      <c r="H195824" s="12"/>
    </row>
    <row r="195825" spans="8:8">
      <c r="H195825" s="12"/>
    </row>
    <row r="195826" spans="8:8">
      <c r="H195826" s="12"/>
    </row>
    <row r="195827" spans="8:8">
      <c r="H195827" s="12"/>
    </row>
    <row r="195828" spans="8:8">
      <c r="H195828" s="12"/>
    </row>
    <row r="195829" spans="8:8">
      <c r="H195829" s="12"/>
    </row>
    <row r="195830" spans="8:8">
      <c r="H195830" s="12"/>
    </row>
    <row r="195831" spans="8:8">
      <c r="H195831" s="12"/>
    </row>
    <row r="195832" spans="8:8">
      <c r="H195832" s="12"/>
    </row>
    <row r="195833" spans="8:8">
      <c r="H195833" s="12"/>
    </row>
    <row r="195834" spans="8:8">
      <c r="H195834" s="12"/>
    </row>
    <row r="195835" spans="8:8">
      <c r="H195835" s="12"/>
    </row>
    <row r="195836" spans="8:8">
      <c r="H195836" s="12"/>
    </row>
    <row r="195837" spans="8:8">
      <c r="H195837" s="12"/>
    </row>
    <row r="195838" spans="8:8">
      <c r="H195838" s="12"/>
    </row>
    <row r="195839" spans="8:8">
      <c r="H195839" s="12"/>
    </row>
    <row r="195840" spans="8:8">
      <c r="H195840" s="12"/>
    </row>
    <row r="195841" spans="8:8">
      <c r="H195841" s="12"/>
    </row>
    <row r="195842" spans="8:8">
      <c r="H195842" s="12"/>
    </row>
    <row r="195843" spans="8:8">
      <c r="H195843" s="12"/>
    </row>
    <row r="195844" spans="8:8">
      <c r="H195844" s="12"/>
    </row>
    <row r="195845" spans="8:8">
      <c r="H195845" s="12"/>
    </row>
    <row r="195846" spans="8:8">
      <c r="H195846" s="12"/>
    </row>
    <row r="195847" spans="8:8">
      <c r="H195847" s="12"/>
    </row>
    <row r="195848" spans="8:8">
      <c r="H195848" s="12"/>
    </row>
    <row r="195849" spans="8:8">
      <c r="H195849" s="12"/>
    </row>
    <row r="195850" spans="8:8">
      <c r="H195850" s="12"/>
    </row>
    <row r="195851" spans="8:8">
      <c r="H195851" s="12"/>
    </row>
    <row r="195852" spans="8:8">
      <c r="H195852" s="12"/>
    </row>
    <row r="195853" spans="8:8">
      <c r="H195853" s="12"/>
    </row>
    <row r="195854" spans="8:8">
      <c r="H195854" s="12"/>
    </row>
    <row r="195855" spans="8:8">
      <c r="H195855" s="12"/>
    </row>
    <row r="195856" spans="8:8">
      <c r="H195856" s="12"/>
    </row>
    <row r="195857" spans="8:8">
      <c r="H195857" s="12"/>
    </row>
    <row r="195858" spans="8:8">
      <c r="H195858" s="12"/>
    </row>
    <row r="195859" spans="8:8">
      <c r="H195859" s="12"/>
    </row>
    <row r="195860" spans="8:8">
      <c r="H195860" s="12"/>
    </row>
    <row r="195861" spans="8:8">
      <c r="H195861" s="12"/>
    </row>
    <row r="195862" spans="8:8">
      <c r="H195862" s="12"/>
    </row>
    <row r="195863" spans="8:8">
      <c r="H195863" s="12"/>
    </row>
    <row r="195864" spans="8:8">
      <c r="H195864" s="12"/>
    </row>
    <row r="195865" spans="8:8">
      <c r="H195865" s="12"/>
    </row>
    <row r="195866" spans="8:8">
      <c r="H195866" s="12"/>
    </row>
    <row r="195867" spans="8:8">
      <c r="H195867" s="12"/>
    </row>
    <row r="195868" spans="8:8">
      <c r="H195868" s="12"/>
    </row>
    <row r="195869" spans="8:8">
      <c r="H195869" s="12"/>
    </row>
    <row r="195870" spans="8:8">
      <c r="H195870" s="12"/>
    </row>
    <row r="195871" spans="8:8">
      <c r="H195871" s="12"/>
    </row>
    <row r="195872" spans="8:8">
      <c r="H195872" s="12"/>
    </row>
    <row r="195873" spans="8:8">
      <c r="H195873" s="12"/>
    </row>
    <row r="195874" spans="8:8">
      <c r="H195874" s="12"/>
    </row>
    <row r="195875" spans="8:8">
      <c r="H195875" s="12"/>
    </row>
    <row r="195876" spans="8:8">
      <c r="H195876" s="12"/>
    </row>
    <row r="195877" spans="8:8">
      <c r="H195877" s="12"/>
    </row>
    <row r="195878" spans="8:8">
      <c r="H195878" s="12"/>
    </row>
    <row r="195879" spans="8:8">
      <c r="H195879" s="12"/>
    </row>
    <row r="195880" spans="8:8">
      <c r="H195880" s="12"/>
    </row>
    <row r="195881" spans="8:8">
      <c r="H195881" s="12"/>
    </row>
    <row r="195882" spans="8:8">
      <c r="H195882" s="12"/>
    </row>
    <row r="195883" spans="8:8">
      <c r="H195883" s="12"/>
    </row>
    <row r="195884" spans="8:8">
      <c r="H195884" s="12"/>
    </row>
    <row r="195885" spans="8:8">
      <c r="H195885" s="12"/>
    </row>
    <row r="195886" spans="8:8">
      <c r="H195886" s="12"/>
    </row>
    <row r="195887" spans="8:8">
      <c r="H195887" s="12"/>
    </row>
    <row r="195888" spans="8:8">
      <c r="H195888" s="12"/>
    </row>
    <row r="195889" spans="8:8">
      <c r="H195889" s="12"/>
    </row>
    <row r="195890" spans="8:8">
      <c r="H195890" s="12"/>
    </row>
    <row r="195891" spans="8:8">
      <c r="H195891" s="12"/>
    </row>
    <row r="195892" spans="8:8">
      <c r="H195892" s="12"/>
    </row>
    <row r="195893" spans="8:8">
      <c r="H195893" s="12"/>
    </row>
    <row r="195894" spans="8:8">
      <c r="H195894" s="12"/>
    </row>
    <row r="195895" spans="8:8">
      <c r="H195895" s="12"/>
    </row>
    <row r="195896" spans="8:8">
      <c r="H195896" s="12"/>
    </row>
    <row r="195897" spans="8:8">
      <c r="H195897" s="12"/>
    </row>
    <row r="195898" spans="8:8">
      <c r="H195898" s="12"/>
    </row>
    <row r="195899" spans="8:8">
      <c r="H195899" s="12"/>
    </row>
    <row r="195900" spans="8:8">
      <c r="H195900" s="12"/>
    </row>
    <row r="195901" spans="8:8">
      <c r="H195901" s="12"/>
    </row>
    <row r="195902" spans="8:8">
      <c r="H195902" s="12"/>
    </row>
    <row r="195903" spans="8:8">
      <c r="H195903" s="12"/>
    </row>
    <row r="195904" spans="8:8">
      <c r="H195904" s="12"/>
    </row>
    <row r="195905" spans="8:8">
      <c r="H195905" s="12"/>
    </row>
    <row r="195906" spans="8:8">
      <c r="H195906" s="12"/>
    </row>
    <row r="195907" spans="8:8">
      <c r="H195907" s="12"/>
    </row>
    <row r="195908" spans="8:8">
      <c r="H195908" s="12"/>
    </row>
    <row r="195909" spans="8:8">
      <c r="H195909" s="12"/>
    </row>
    <row r="195910" spans="8:8">
      <c r="H195910" s="12"/>
    </row>
    <row r="195911" spans="8:8">
      <c r="H195911" s="12"/>
    </row>
    <row r="195912" spans="8:8">
      <c r="H195912" s="12"/>
    </row>
    <row r="195913" spans="8:8">
      <c r="H195913" s="12"/>
    </row>
    <row r="195914" spans="8:8">
      <c r="H195914" s="12"/>
    </row>
    <row r="195915" spans="8:8">
      <c r="H195915" s="12"/>
    </row>
    <row r="195916" spans="8:8">
      <c r="H195916" s="12"/>
    </row>
    <row r="195917" spans="8:8">
      <c r="H195917" s="12"/>
    </row>
    <row r="195918" spans="8:8">
      <c r="H195918" s="12"/>
    </row>
    <row r="195919" spans="8:8">
      <c r="H195919" s="12"/>
    </row>
    <row r="195920" spans="8:8">
      <c r="H195920" s="12"/>
    </row>
    <row r="195921" spans="8:8">
      <c r="H195921" s="12"/>
    </row>
    <row r="195922" spans="8:8">
      <c r="H195922" s="12"/>
    </row>
    <row r="195923" spans="8:8">
      <c r="H195923" s="12"/>
    </row>
    <row r="195924" spans="8:8">
      <c r="H195924" s="12"/>
    </row>
    <row r="195925" spans="8:8">
      <c r="H195925" s="12"/>
    </row>
    <row r="195926" spans="8:8">
      <c r="H195926" s="12"/>
    </row>
    <row r="195927" spans="8:8">
      <c r="H195927" s="12"/>
    </row>
    <row r="195928" spans="8:8">
      <c r="H195928" s="12"/>
    </row>
    <row r="195929" spans="8:8">
      <c r="H195929" s="12"/>
    </row>
    <row r="195930" spans="8:8">
      <c r="H195930" s="12"/>
    </row>
    <row r="195931" spans="8:8">
      <c r="H195931" s="12"/>
    </row>
    <row r="195932" spans="8:8">
      <c r="H195932" s="12"/>
    </row>
    <row r="195933" spans="8:8">
      <c r="H195933" s="12"/>
    </row>
    <row r="195934" spans="8:8">
      <c r="H195934" s="12"/>
    </row>
    <row r="195935" spans="8:8">
      <c r="H195935" s="12"/>
    </row>
    <row r="195936" spans="8:8">
      <c r="H195936" s="12"/>
    </row>
    <row r="195937" spans="8:8">
      <c r="H195937" s="12"/>
    </row>
    <row r="195938" spans="8:8">
      <c r="H195938" s="12"/>
    </row>
    <row r="195939" spans="8:8">
      <c r="H195939" s="12"/>
    </row>
    <row r="195940" spans="8:8">
      <c r="H195940" s="12"/>
    </row>
    <row r="195941" spans="8:8">
      <c r="H195941" s="12"/>
    </row>
    <row r="195942" spans="8:8">
      <c r="H195942" s="12"/>
    </row>
    <row r="195943" spans="8:8">
      <c r="H195943" s="12"/>
    </row>
    <row r="195944" spans="8:8">
      <c r="H195944" s="12"/>
    </row>
    <row r="195945" spans="8:8">
      <c r="H195945" s="12"/>
    </row>
    <row r="195946" spans="8:8">
      <c r="H195946" s="12"/>
    </row>
    <row r="195947" spans="8:8">
      <c r="H195947" s="12"/>
    </row>
    <row r="195948" spans="8:8">
      <c r="H195948" s="12"/>
    </row>
    <row r="195949" spans="8:8">
      <c r="H195949" s="12"/>
    </row>
    <row r="195950" spans="8:8">
      <c r="H195950" s="12"/>
    </row>
    <row r="195951" spans="8:8">
      <c r="H195951" s="12"/>
    </row>
    <row r="195952" spans="8:8">
      <c r="H195952" s="12"/>
    </row>
    <row r="195953" spans="8:8">
      <c r="H195953" s="12"/>
    </row>
    <row r="195954" spans="8:8">
      <c r="H195954" s="12"/>
    </row>
    <row r="195955" spans="8:8">
      <c r="H195955" s="12"/>
    </row>
    <row r="195956" spans="8:8">
      <c r="H195956" s="12"/>
    </row>
    <row r="195957" spans="8:8">
      <c r="H195957" s="12"/>
    </row>
    <row r="195958" spans="8:8">
      <c r="H195958" s="12"/>
    </row>
    <row r="195959" spans="8:8">
      <c r="H195959" s="12"/>
    </row>
    <row r="195960" spans="8:8">
      <c r="H195960" s="12"/>
    </row>
    <row r="195961" spans="8:8">
      <c r="H195961" s="12"/>
    </row>
    <row r="195962" spans="8:8">
      <c r="H195962" s="12"/>
    </row>
    <row r="195963" spans="8:8">
      <c r="H195963" s="12"/>
    </row>
    <row r="195964" spans="8:8">
      <c r="H195964" s="12"/>
    </row>
    <row r="195965" spans="8:8">
      <c r="H195965" s="12"/>
    </row>
    <row r="195966" spans="8:8">
      <c r="H195966" s="12"/>
    </row>
    <row r="195967" spans="8:8">
      <c r="H195967" s="12"/>
    </row>
    <row r="195968" spans="8:8">
      <c r="H195968" s="12"/>
    </row>
    <row r="195969" spans="8:8">
      <c r="H195969" s="12"/>
    </row>
    <row r="195970" spans="8:8">
      <c r="H195970" s="12"/>
    </row>
    <row r="195971" spans="8:8">
      <c r="H195971" s="12"/>
    </row>
    <row r="195972" spans="8:8">
      <c r="H195972" s="12"/>
    </row>
    <row r="195973" spans="8:8">
      <c r="H195973" s="12"/>
    </row>
    <row r="195974" spans="8:8">
      <c r="H195974" s="12"/>
    </row>
    <row r="195975" spans="8:8">
      <c r="H195975" s="12"/>
    </row>
    <row r="195976" spans="8:8">
      <c r="H195976" s="12"/>
    </row>
    <row r="195977" spans="8:8">
      <c r="H195977" s="12"/>
    </row>
    <row r="195978" spans="8:8">
      <c r="H195978" s="12"/>
    </row>
    <row r="195979" spans="8:8">
      <c r="H195979" s="12"/>
    </row>
    <row r="195980" spans="8:8">
      <c r="H195980" s="12"/>
    </row>
    <row r="195981" spans="8:8">
      <c r="H195981" s="12"/>
    </row>
    <row r="195982" spans="8:8">
      <c r="H195982" s="12"/>
    </row>
    <row r="195983" spans="8:8">
      <c r="H195983" s="12"/>
    </row>
    <row r="195984" spans="8:8">
      <c r="H195984" s="12"/>
    </row>
    <row r="195985" spans="8:8">
      <c r="H195985" s="12"/>
    </row>
    <row r="195986" spans="8:8">
      <c r="H195986" s="12"/>
    </row>
    <row r="195987" spans="8:8">
      <c r="H195987" s="12"/>
    </row>
    <row r="195988" spans="8:8">
      <c r="H195988" s="12"/>
    </row>
    <row r="195989" spans="8:8">
      <c r="H195989" s="12"/>
    </row>
    <row r="195990" spans="8:8">
      <c r="H195990" s="12"/>
    </row>
    <row r="195991" spans="8:8">
      <c r="H195991" s="12"/>
    </row>
    <row r="195992" spans="8:8">
      <c r="H195992" s="12"/>
    </row>
    <row r="195993" spans="8:8">
      <c r="H195993" s="12"/>
    </row>
    <row r="195994" spans="8:8">
      <c r="H195994" s="12"/>
    </row>
    <row r="195995" spans="8:8">
      <c r="H195995" s="12"/>
    </row>
    <row r="195996" spans="8:8">
      <c r="H195996" s="12"/>
    </row>
    <row r="195997" spans="8:8">
      <c r="H195997" s="12"/>
    </row>
    <row r="195998" spans="8:8">
      <c r="H195998" s="12"/>
    </row>
    <row r="195999" spans="8:8">
      <c r="H195999" s="12"/>
    </row>
    <row r="196000" spans="8:8">
      <c r="H196000" s="12"/>
    </row>
    <row r="196001" spans="8:8">
      <c r="H196001" s="12"/>
    </row>
    <row r="196002" spans="8:8">
      <c r="H196002" s="12"/>
    </row>
    <row r="196003" spans="8:8">
      <c r="H196003" s="12"/>
    </row>
    <row r="196004" spans="8:8">
      <c r="H196004" s="12"/>
    </row>
    <row r="196005" spans="8:8">
      <c r="H196005" s="12"/>
    </row>
    <row r="196006" spans="8:8">
      <c r="H196006" s="12"/>
    </row>
    <row r="196007" spans="8:8">
      <c r="H196007" s="12"/>
    </row>
    <row r="196008" spans="8:8">
      <c r="H196008" s="12"/>
    </row>
    <row r="196009" spans="8:8">
      <c r="H196009" s="12"/>
    </row>
    <row r="196010" spans="8:8">
      <c r="H196010" s="12"/>
    </row>
    <row r="196011" spans="8:8">
      <c r="H196011" s="12"/>
    </row>
    <row r="196012" spans="8:8">
      <c r="H196012" s="12"/>
    </row>
    <row r="196013" spans="8:8">
      <c r="H196013" s="12"/>
    </row>
    <row r="196014" spans="8:8">
      <c r="H196014" s="12"/>
    </row>
    <row r="196015" spans="8:8">
      <c r="H196015" s="12"/>
    </row>
    <row r="196016" spans="8:8">
      <c r="H196016" s="12"/>
    </row>
    <row r="196017" spans="8:8">
      <c r="H196017" s="12"/>
    </row>
    <row r="196018" spans="8:8">
      <c r="H196018" s="12"/>
    </row>
    <row r="196019" spans="8:8">
      <c r="H196019" s="12"/>
    </row>
    <row r="196020" spans="8:8">
      <c r="H196020" s="12"/>
    </row>
    <row r="196021" spans="8:8">
      <c r="H196021" s="12"/>
    </row>
    <row r="196022" spans="8:8">
      <c r="H196022" s="12"/>
    </row>
    <row r="196023" spans="8:8">
      <c r="H196023" s="12"/>
    </row>
    <row r="196024" spans="8:8">
      <c r="H196024" s="12"/>
    </row>
    <row r="196025" spans="8:8">
      <c r="H196025" s="12"/>
    </row>
    <row r="196026" spans="8:8">
      <c r="H196026" s="12"/>
    </row>
    <row r="196027" spans="8:8">
      <c r="H196027" s="12"/>
    </row>
    <row r="196028" spans="8:8">
      <c r="H196028" s="12"/>
    </row>
    <row r="196029" spans="8:8">
      <c r="H196029" s="12"/>
    </row>
    <row r="196030" spans="8:8">
      <c r="H196030" s="12"/>
    </row>
    <row r="196031" spans="8:8">
      <c r="H196031" s="12"/>
    </row>
    <row r="196032" spans="8:8">
      <c r="H196032" s="12"/>
    </row>
    <row r="196033" spans="8:8">
      <c r="H196033" s="12"/>
    </row>
    <row r="196034" spans="8:8">
      <c r="H196034" s="12"/>
    </row>
    <row r="196035" spans="8:8">
      <c r="H196035" s="12"/>
    </row>
    <row r="196036" spans="8:8">
      <c r="H196036" s="12"/>
    </row>
    <row r="196037" spans="8:8">
      <c r="H196037" s="12"/>
    </row>
    <row r="196038" spans="8:8">
      <c r="H196038" s="12"/>
    </row>
    <row r="196039" spans="8:8">
      <c r="H196039" s="12"/>
    </row>
    <row r="196040" spans="8:8">
      <c r="H196040" s="12"/>
    </row>
    <row r="196041" spans="8:8">
      <c r="H196041" s="12"/>
    </row>
    <row r="196042" spans="8:8">
      <c r="H196042" s="12"/>
    </row>
    <row r="196043" spans="8:8">
      <c r="H196043" s="12"/>
    </row>
    <row r="196044" spans="8:8">
      <c r="H196044" s="12"/>
    </row>
    <row r="196045" spans="8:8">
      <c r="H196045" s="12"/>
    </row>
    <row r="196046" spans="8:8">
      <c r="H196046" s="12"/>
    </row>
    <row r="196047" spans="8:8">
      <c r="H196047" s="12"/>
    </row>
    <row r="196048" spans="8:8">
      <c r="H196048" s="12"/>
    </row>
    <row r="196049" spans="8:8">
      <c r="H196049" s="12"/>
    </row>
    <row r="196050" spans="8:8">
      <c r="H196050" s="12"/>
    </row>
    <row r="196051" spans="8:8">
      <c r="H196051" s="12"/>
    </row>
    <row r="196052" spans="8:8">
      <c r="H196052" s="12"/>
    </row>
    <row r="196053" spans="8:8">
      <c r="H196053" s="12"/>
    </row>
    <row r="196054" spans="8:8">
      <c r="H196054" s="12"/>
    </row>
    <row r="196055" spans="8:8">
      <c r="H196055" s="12"/>
    </row>
    <row r="196056" spans="8:8">
      <c r="H196056" s="12"/>
    </row>
    <row r="196057" spans="8:8">
      <c r="H196057" s="12"/>
    </row>
    <row r="196058" spans="8:8">
      <c r="H196058" s="12"/>
    </row>
    <row r="196059" spans="8:8">
      <c r="H196059" s="12"/>
    </row>
    <row r="196060" spans="8:8">
      <c r="H196060" s="12"/>
    </row>
    <row r="196061" spans="8:8">
      <c r="H196061" s="12"/>
    </row>
    <row r="196062" spans="8:8">
      <c r="H196062" s="12"/>
    </row>
    <row r="196063" spans="8:8">
      <c r="H196063" s="12"/>
    </row>
    <row r="196064" spans="8:8">
      <c r="H196064" s="12"/>
    </row>
    <row r="196065" spans="8:8">
      <c r="H196065" s="12"/>
    </row>
    <row r="196066" spans="8:8">
      <c r="H196066" s="12"/>
    </row>
    <row r="196067" spans="8:8">
      <c r="H196067" s="12"/>
    </row>
    <row r="196068" spans="8:8">
      <c r="H196068" s="12"/>
    </row>
    <row r="196069" spans="8:8">
      <c r="H196069" s="12"/>
    </row>
    <row r="196070" spans="8:8">
      <c r="H196070" s="12"/>
    </row>
    <row r="196071" spans="8:8">
      <c r="H196071" s="12"/>
    </row>
    <row r="196072" spans="8:8">
      <c r="H196072" s="12"/>
    </row>
    <row r="196073" spans="8:8">
      <c r="H196073" s="12"/>
    </row>
    <row r="196074" spans="8:8">
      <c r="H196074" s="12"/>
    </row>
    <row r="196075" spans="8:8">
      <c r="H196075" s="12"/>
    </row>
    <row r="196076" spans="8:8">
      <c r="H196076" s="12"/>
    </row>
    <row r="196077" spans="8:8">
      <c r="H196077" s="12"/>
    </row>
    <row r="196078" spans="8:8">
      <c r="H196078" s="12"/>
    </row>
    <row r="196079" spans="8:8">
      <c r="H196079" s="12"/>
    </row>
    <row r="196080" spans="8:8">
      <c r="H196080" s="12"/>
    </row>
    <row r="196081" spans="8:8">
      <c r="H196081" s="12"/>
    </row>
    <row r="196082" spans="8:8">
      <c r="H196082" s="12"/>
    </row>
    <row r="196083" spans="8:8">
      <c r="H196083" s="12"/>
    </row>
    <row r="196084" spans="8:8">
      <c r="H196084" s="12"/>
    </row>
    <row r="196085" spans="8:8">
      <c r="H196085" s="12"/>
    </row>
    <row r="196086" spans="8:8">
      <c r="H196086" s="12"/>
    </row>
    <row r="196087" spans="8:8">
      <c r="H196087" s="12"/>
    </row>
    <row r="196088" spans="8:8">
      <c r="H196088" s="12"/>
    </row>
    <row r="196089" spans="8:8">
      <c r="H196089" s="12"/>
    </row>
    <row r="196090" spans="8:8">
      <c r="H196090" s="12"/>
    </row>
    <row r="196091" spans="8:8">
      <c r="H196091" s="12"/>
    </row>
    <row r="196092" spans="8:8">
      <c r="H196092" s="12"/>
    </row>
    <row r="196093" spans="8:8">
      <c r="H196093" s="12"/>
    </row>
    <row r="196094" spans="8:8">
      <c r="H196094" s="12"/>
    </row>
    <row r="196095" spans="8:8">
      <c r="H196095" s="12"/>
    </row>
    <row r="196096" spans="8:8">
      <c r="H196096" s="12"/>
    </row>
    <row r="196097" spans="8:8">
      <c r="H196097" s="12"/>
    </row>
    <row r="196098" spans="8:8">
      <c r="H196098" s="12"/>
    </row>
    <row r="196099" spans="8:8">
      <c r="H196099" s="12"/>
    </row>
    <row r="196100" spans="8:8">
      <c r="H196100" s="12"/>
    </row>
    <row r="196101" spans="8:8">
      <c r="H196101" s="12"/>
    </row>
    <row r="196102" spans="8:8">
      <c r="H196102" s="12"/>
    </row>
    <row r="196103" spans="8:8">
      <c r="H196103" s="12"/>
    </row>
    <row r="196104" spans="8:8">
      <c r="H196104" s="12"/>
    </row>
    <row r="196105" spans="8:8">
      <c r="H196105" s="12"/>
    </row>
    <row r="196106" spans="8:8">
      <c r="H196106" s="12"/>
    </row>
    <row r="196107" spans="8:8">
      <c r="H196107" s="12"/>
    </row>
    <row r="196108" spans="8:8">
      <c r="H196108" s="12"/>
    </row>
    <row r="196109" spans="8:8">
      <c r="H196109" s="12"/>
    </row>
    <row r="196110" spans="8:8">
      <c r="H196110" s="12"/>
    </row>
    <row r="196111" spans="8:8">
      <c r="H196111" s="12"/>
    </row>
    <row r="196112" spans="8:8">
      <c r="H196112" s="12"/>
    </row>
    <row r="196113" spans="8:8">
      <c r="H196113" s="12"/>
    </row>
    <row r="196114" spans="8:8">
      <c r="H196114" s="12"/>
    </row>
    <row r="196115" spans="8:8">
      <c r="H196115" s="12"/>
    </row>
    <row r="196116" spans="8:8">
      <c r="H196116" s="12"/>
    </row>
    <row r="196117" spans="8:8">
      <c r="H196117" s="12"/>
    </row>
    <row r="196118" spans="8:8">
      <c r="H196118" s="12"/>
    </row>
    <row r="196119" spans="8:8">
      <c r="H196119" s="12"/>
    </row>
    <row r="196120" spans="8:8">
      <c r="H196120" s="12"/>
    </row>
    <row r="196121" spans="8:8">
      <c r="H196121" s="12"/>
    </row>
    <row r="196122" spans="8:8">
      <c r="H196122" s="12"/>
    </row>
    <row r="196123" spans="8:8">
      <c r="H196123" s="12"/>
    </row>
    <row r="196124" spans="8:8">
      <c r="H196124" s="12"/>
    </row>
    <row r="196125" spans="8:8">
      <c r="H196125" s="12"/>
    </row>
    <row r="196126" spans="8:8">
      <c r="H196126" s="12"/>
    </row>
    <row r="196127" spans="8:8">
      <c r="H196127" s="12"/>
    </row>
    <row r="196128" spans="8:8">
      <c r="H196128" s="12"/>
    </row>
    <row r="196129" spans="8:8">
      <c r="H196129" s="12"/>
    </row>
    <row r="196130" spans="8:8">
      <c r="H196130" s="12"/>
    </row>
    <row r="196131" spans="8:8">
      <c r="H196131" s="12"/>
    </row>
    <row r="196132" spans="8:8">
      <c r="H196132" s="12"/>
    </row>
    <row r="196133" spans="8:8">
      <c r="H196133" s="12"/>
    </row>
    <row r="196134" spans="8:8">
      <c r="H196134" s="12"/>
    </row>
    <row r="196135" spans="8:8">
      <c r="H196135" s="12"/>
    </row>
    <row r="196136" spans="8:8">
      <c r="H196136" s="12"/>
    </row>
    <row r="196137" spans="8:8">
      <c r="H196137" s="12"/>
    </row>
    <row r="196138" spans="8:8">
      <c r="H196138" s="12"/>
    </row>
    <row r="196139" spans="8:8">
      <c r="H196139" s="12"/>
    </row>
    <row r="196140" spans="8:8">
      <c r="H196140" s="12"/>
    </row>
    <row r="196141" spans="8:8">
      <c r="H196141" s="12"/>
    </row>
    <row r="196142" spans="8:8">
      <c r="H196142" s="12"/>
    </row>
    <row r="196143" spans="8:8">
      <c r="H196143" s="12"/>
    </row>
    <row r="196144" spans="8:8">
      <c r="H196144" s="12"/>
    </row>
    <row r="196145" spans="8:8">
      <c r="H196145" s="12"/>
    </row>
    <row r="196146" spans="8:8">
      <c r="H196146" s="12"/>
    </row>
    <row r="196147" spans="8:8">
      <c r="H196147" s="12"/>
    </row>
    <row r="196148" spans="8:8">
      <c r="H196148" s="12"/>
    </row>
    <row r="196149" spans="8:8">
      <c r="H196149" s="12"/>
    </row>
    <row r="196150" spans="8:8">
      <c r="H196150" s="12"/>
    </row>
    <row r="196151" spans="8:8">
      <c r="H196151" s="12"/>
    </row>
    <row r="196152" spans="8:8">
      <c r="H196152" s="12"/>
    </row>
    <row r="196153" spans="8:8">
      <c r="H196153" s="12"/>
    </row>
    <row r="196154" spans="8:8">
      <c r="H196154" s="12"/>
    </row>
    <row r="196155" spans="8:8">
      <c r="H196155" s="12"/>
    </row>
    <row r="196156" spans="8:8">
      <c r="H196156" s="12"/>
    </row>
    <row r="196157" spans="8:8">
      <c r="H196157" s="12"/>
    </row>
    <row r="196158" spans="8:8">
      <c r="H196158" s="12"/>
    </row>
    <row r="196159" spans="8:8">
      <c r="H196159" s="12"/>
    </row>
    <row r="196160" spans="8:8">
      <c r="H196160" s="12"/>
    </row>
    <row r="196161" spans="8:8">
      <c r="H196161" s="12"/>
    </row>
    <row r="196162" spans="8:8">
      <c r="H196162" s="12"/>
    </row>
    <row r="196163" spans="8:8">
      <c r="H196163" s="12"/>
    </row>
    <row r="196164" spans="8:8">
      <c r="H196164" s="12"/>
    </row>
    <row r="196165" spans="8:8">
      <c r="H196165" s="12"/>
    </row>
    <row r="196166" spans="8:8">
      <c r="H196166" s="12"/>
    </row>
    <row r="196167" spans="8:8">
      <c r="H196167" s="12"/>
    </row>
    <row r="196168" spans="8:8">
      <c r="H196168" s="12"/>
    </row>
    <row r="196169" spans="8:8">
      <c r="H196169" s="12"/>
    </row>
    <row r="196170" spans="8:8">
      <c r="H196170" s="12"/>
    </row>
    <row r="196171" spans="8:8">
      <c r="H196171" s="12"/>
    </row>
    <row r="196172" spans="8:8">
      <c r="H196172" s="12"/>
    </row>
    <row r="196173" spans="8:8">
      <c r="H196173" s="12"/>
    </row>
    <row r="196174" spans="8:8">
      <c r="H196174" s="12"/>
    </row>
    <row r="196175" spans="8:8">
      <c r="H196175" s="12"/>
    </row>
    <row r="196176" spans="8:8">
      <c r="H196176" s="12"/>
    </row>
    <row r="196177" spans="8:8">
      <c r="H196177" s="12"/>
    </row>
    <row r="196178" spans="8:8">
      <c r="H196178" s="12"/>
    </row>
    <row r="196179" spans="8:8">
      <c r="H196179" s="12"/>
    </row>
    <row r="196180" spans="8:8">
      <c r="H196180" s="12"/>
    </row>
    <row r="196181" spans="8:8">
      <c r="H196181" s="12"/>
    </row>
    <row r="196182" spans="8:8">
      <c r="H196182" s="12"/>
    </row>
    <row r="196183" spans="8:8">
      <c r="H196183" s="12"/>
    </row>
    <row r="196184" spans="8:8">
      <c r="H196184" s="12"/>
    </row>
    <row r="196185" spans="8:8">
      <c r="H196185" s="12"/>
    </row>
    <row r="196186" spans="8:8">
      <c r="H196186" s="12"/>
    </row>
    <row r="196187" spans="8:8">
      <c r="H196187" s="12"/>
    </row>
    <row r="196188" spans="8:8">
      <c r="H196188" s="12"/>
    </row>
    <row r="196189" spans="8:8">
      <c r="H196189" s="12"/>
    </row>
    <row r="196190" spans="8:8">
      <c r="H196190" s="12"/>
    </row>
    <row r="196191" spans="8:8">
      <c r="H196191" s="12"/>
    </row>
    <row r="196192" spans="8:8">
      <c r="H196192" s="12"/>
    </row>
    <row r="196193" spans="8:8">
      <c r="H196193" s="12"/>
    </row>
    <row r="196194" spans="8:8">
      <c r="H196194" s="12"/>
    </row>
    <row r="196195" spans="8:8">
      <c r="H196195" s="12"/>
    </row>
    <row r="196196" spans="8:8">
      <c r="H196196" s="12"/>
    </row>
    <row r="196197" spans="8:8">
      <c r="H196197" s="12"/>
    </row>
    <row r="196198" spans="8:8">
      <c r="H196198" s="12"/>
    </row>
    <row r="196199" spans="8:8">
      <c r="H196199" s="12"/>
    </row>
    <row r="196200" spans="8:8">
      <c r="H196200" s="12"/>
    </row>
    <row r="196201" spans="8:8">
      <c r="H196201" s="12"/>
    </row>
    <row r="196202" spans="8:8">
      <c r="H196202" s="12"/>
    </row>
    <row r="196203" spans="8:8">
      <c r="H196203" s="12"/>
    </row>
    <row r="196204" spans="8:8">
      <c r="H196204" s="12"/>
    </row>
    <row r="196205" spans="8:8">
      <c r="H196205" s="12"/>
    </row>
    <row r="196206" spans="8:8">
      <c r="H196206" s="12"/>
    </row>
    <row r="196207" spans="8:8">
      <c r="H196207" s="12"/>
    </row>
    <row r="196208" spans="8:8">
      <c r="H196208" s="12"/>
    </row>
    <row r="196209" spans="8:8">
      <c r="H196209" s="12"/>
    </row>
    <row r="196210" spans="8:8">
      <c r="H196210" s="12"/>
    </row>
    <row r="196211" spans="8:8">
      <c r="H196211" s="12"/>
    </row>
    <row r="196212" spans="8:8">
      <c r="H196212" s="12"/>
    </row>
    <row r="196213" spans="8:8">
      <c r="H196213" s="12"/>
    </row>
    <row r="196214" spans="8:8">
      <c r="H196214" s="12"/>
    </row>
    <row r="196215" spans="8:8">
      <c r="H196215" s="12"/>
    </row>
    <row r="196216" spans="8:8">
      <c r="H196216" s="12"/>
    </row>
    <row r="196217" spans="8:8">
      <c r="H196217" s="12"/>
    </row>
    <row r="196218" spans="8:8">
      <c r="H196218" s="12"/>
    </row>
    <row r="196219" spans="8:8">
      <c r="H196219" s="12"/>
    </row>
    <row r="196220" spans="8:8">
      <c r="H196220" s="12"/>
    </row>
    <row r="196221" spans="8:8">
      <c r="H196221" s="12"/>
    </row>
    <row r="196222" spans="8:8">
      <c r="H196222" s="12"/>
    </row>
    <row r="196223" spans="8:8">
      <c r="H196223" s="12"/>
    </row>
    <row r="196224" spans="8:8">
      <c r="H196224" s="12"/>
    </row>
    <row r="196225" spans="8:8">
      <c r="H196225" s="12"/>
    </row>
    <row r="196226" spans="8:8">
      <c r="H196226" s="12"/>
    </row>
    <row r="196227" spans="8:8">
      <c r="H196227" s="12"/>
    </row>
    <row r="196228" spans="8:8">
      <c r="H196228" s="12"/>
    </row>
    <row r="196229" spans="8:8">
      <c r="H196229" s="12"/>
    </row>
    <row r="196230" spans="8:8">
      <c r="H196230" s="12"/>
    </row>
    <row r="196231" spans="8:8">
      <c r="H196231" s="12"/>
    </row>
    <row r="196232" spans="8:8">
      <c r="H196232" s="12"/>
    </row>
    <row r="196233" spans="8:8">
      <c r="H196233" s="12"/>
    </row>
    <row r="196234" spans="8:8">
      <c r="H196234" s="12"/>
    </row>
    <row r="196235" spans="8:8">
      <c r="H196235" s="12"/>
    </row>
    <row r="196236" spans="8:8">
      <c r="H196236" s="12"/>
    </row>
    <row r="196237" spans="8:8">
      <c r="H196237" s="12"/>
    </row>
    <row r="196238" spans="8:8">
      <c r="H196238" s="12"/>
    </row>
    <row r="196239" spans="8:8">
      <c r="H196239" s="12"/>
    </row>
    <row r="196240" spans="8:8">
      <c r="H196240" s="12"/>
    </row>
    <row r="196241" spans="8:8">
      <c r="H196241" s="12"/>
    </row>
    <row r="196242" spans="8:8">
      <c r="H196242" s="12"/>
    </row>
    <row r="196243" spans="8:8">
      <c r="H196243" s="12"/>
    </row>
    <row r="196244" spans="8:8">
      <c r="H196244" s="12"/>
    </row>
    <row r="196245" spans="8:8">
      <c r="H196245" s="12"/>
    </row>
    <row r="196246" spans="8:8">
      <c r="H196246" s="12"/>
    </row>
    <row r="196247" spans="8:8">
      <c r="H196247" s="12"/>
    </row>
    <row r="196248" spans="8:8">
      <c r="H196248" s="12"/>
    </row>
    <row r="196249" spans="8:8">
      <c r="H196249" s="12"/>
    </row>
    <row r="196250" spans="8:8">
      <c r="H196250" s="12"/>
    </row>
    <row r="196251" spans="8:8">
      <c r="H196251" s="12"/>
    </row>
    <row r="196252" spans="8:8">
      <c r="H196252" s="12"/>
    </row>
    <row r="196253" spans="8:8">
      <c r="H196253" s="12"/>
    </row>
    <row r="196254" spans="8:8">
      <c r="H196254" s="12"/>
    </row>
    <row r="196255" spans="8:8">
      <c r="H196255" s="12"/>
    </row>
    <row r="196256" spans="8:8">
      <c r="H196256" s="12"/>
    </row>
    <row r="196257" spans="8:8">
      <c r="H196257" s="12"/>
    </row>
    <row r="196258" spans="8:8">
      <c r="H196258" s="12"/>
    </row>
    <row r="196259" spans="8:8">
      <c r="H196259" s="12"/>
    </row>
    <row r="196260" spans="8:8">
      <c r="H196260" s="12"/>
    </row>
    <row r="196261" spans="8:8">
      <c r="H196261" s="12"/>
    </row>
    <row r="196262" spans="8:8">
      <c r="H196262" s="12"/>
    </row>
    <row r="196263" spans="8:8">
      <c r="H196263" s="12"/>
    </row>
    <row r="196264" spans="8:8">
      <c r="H196264" s="12"/>
    </row>
    <row r="196265" spans="8:8">
      <c r="H196265" s="12"/>
    </row>
    <row r="196266" spans="8:8">
      <c r="H196266" s="12"/>
    </row>
    <row r="196267" spans="8:8">
      <c r="H196267" s="12"/>
    </row>
    <row r="196268" spans="8:8">
      <c r="H196268" s="12"/>
    </row>
    <row r="196269" spans="8:8">
      <c r="H196269" s="12"/>
    </row>
    <row r="196270" spans="8:8">
      <c r="H196270" s="12"/>
    </row>
    <row r="196271" spans="8:8">
      <c r="H196271" s="12"/>
    </row>
    <row r="196272" spans="8:8">
      <c r="H196272" s="12"/>
    </row>
    <row r="196273" spans="8:8">
      <c r="H196273" s="12"/>
    </row>
    <row r="196274" spans="8:8">
      <c r="H196274" s="12"/>
    </row>
    <row r="196275" spans="8:8">
      <c r="H196275" s="12"/>
    </row>
    <row r="196276" spans="8:8">
      <c r="H196276" s="12"/>
    </row>
    <row r="196277" spans="8:8">
      <c r="H196277" s="12"/>
    </row>
    <row r="196278" spans="8:8">
      <c r="H196278" s="12"/>
    </row>
    <row r="196279" spans="8:8">
      <c r="H196279" s="12"/>
    </row>
    <row r="196280" spans="8:8">
      <c r="H196280" s="12"/>
    </row>
    <row r="196281" spans="8:8">
      <c r="H196281" s="12"/>
    </row>
    <row r="196282" spans="8:8">
      <c r="H196282" s="12"/>
    </row>
    <row r="196283" spans="8:8">
      <c r="H196283" s="12"/>
    </row>
    <row r="196284" spans="8:8">
      <c r="H196284" s="12"/>
    </row>
    <row r="196285" spans="8:8">
      <c r="H196285" s="12"/>
    </row>
    <row r="196286" spans="8:8">
      <c r="H196286" s="12"/>
    </row>
    <row r="196287" spans="8:8">
      <c r="H196287" s="12"/>
    </row>
    <row r="196288" spans="8:8">
      <c r="H196288" s="12"/>
    </row>
    <row r="196289" spans="8:8">
      <c r="H196289" s="12"/>
    </row>
    <row r="196290" spans="8:8">
      <c r="H196290" s="12"/>
    </row>
    <row r="196291" spans="8:8">
      <c r="H196291" s="12"/>
    </row>
    <row r="196292" spans="8:8">
      <c r="H196292" s="12"/>
    </row>
    <row r="196293" spans="8:8">
      <c r="H196293" s="12"/>
    </row>
    <row r="196294" spans="8:8">
      <c r="H196294" s="12"/>
    </row>
    <row r="196295" spans="8:8">
      <c r="H196295" s="12"/>
    </row>
    <row r="196296" spans="8:8">
      <c r="H196296" s="12"/>
    </row>
    <row r="196297" spans="8:8">
      <c r="H196297" s="12"/>
    </row>
    <row r="196298" spans="8:8">
      <c r="H196298" s="12"/>
    </row>
    <row r="196299" spans="8:8">
      <c r="H196299" s="12"/>
    </row>
    <row r="196300" spans="8:8">
      <c r="H196300" s="12"/>
    </row>
    <row r="196301" spans="8:8">
      <c r="H196301" s="12"/>
    </row>
    <row r="196302" spans="8:8">
      <c r="H196302" s="12"/>
    </row>
    <row r="196303" spans="8:8">
      <c r="H196303" s="12"/>
    </row>
    <row r="196304" spans="8:8">
      <c r="H196304" s="12"/>
    </row>
    <row r="196305" spans="8:8">
      <c r="H196305" s="12"/>
    </row>
    <row r="196306" spans="8:8">
      <c r="H196306" s="12"/>
    </row>
    <row r="196307" spans="8:8">
      <c r="H196307" s="12"/>
    </row>
    <row r="196308" spans="8:8">
      <c r="H196308" s="12"/>
    </row>
    <row r="196309" spans="8:8">
      <c r="H196309" s="12"/>
    </row>
    <row r="196310" spans="8:8">
      <c r="H196310" s="12"/>
    </row>
    <row r="196311" spans="8:8">
      <c r="H196311" s="12"/>
    </row>
    <row r="196312" spans="8:8">
      <c r="H196312" s="12"/>
    </row>
    <row r="196313" spans="8:8">
      <c r="H196313" s="12"/>
    </row>
    <row r="196314" spans="8:8">
      <c r="H196314" s="12"/>
    </row>
    <row r="196315" spans="8:8">
      <c r="H196315" s="12"/>
    </row>
    <row r="196316" spans="8:8">
      <c r="H196316" s="12"/>
    </row>
    <row r="196317" spans="8:8">
      <c r="H196317" s="12"/>
    </row>
    <row r="196318" spans="8:8">
      <c r="H196318" s="12"/>
    </row>
    <row r="196319" spans="8:8">
      <c r="H196319" s="12"/>
    </row>
    <row r="196320" spans="8:8">
      <c r="H196320" s="12"/>
    </row>
    <row r="196321" spans="8:8">
      <c r="H196321" s="12"/>
    </row>
    <row r="196322" spans="8:8">
      <c r="H196322" s="12"/>
    </row>
    <row r="196323" spans="8:8">
      <c r="H196323" s="12"/>
    </row>
    <row r="196324" spans="8:8">
      <c r="H196324" s="12"/>
    </row>
    <row r="196325" spans="8:8">
      <c r="H196325" s="12"/>
    </row>
    <row r="196326" spans="8:8">
      <c r="H196326" s="12"/>
    </row>
    <row r="196327" spans="8:8">
      <c r="H196327" s="12"/>
    </row>
    <row r="196328" spans="8:8">
      <c r="H196328" s="12"/>
    </row>
    <row r="196329" spans="8:8">
      <c r="H196329" s="12"/>
    </row>
    <row r="196330" spans="8:8">
      <c r="H196330" s="12"/>
    </row>
    <row r="196331" spans="8:8">
      <c r="H196331" s="12"/>
    </row>
    <row r="196332" spans="8:8">
      <c r="H196332" s="12"/>
    </row>
    <row r="196333" spans="8:8">
      <c r="H196333" s="12"/>
    </row>
    <row r="196334" spans="8:8">
      <c r="H196334" s="12"/>
    </row>
    <row r="196335" spans="8:8">
      <c r="H196335" s="12"/>
    </row>
    <row r="196336" spans="8:8">
      <c r="H196336" s="12"/>
    </row>
    <row r="196337" spans="8:8">
      <c r="H196337" s="12"/>
    </row>
    <row r="196338" spans="8:8">
      <c r="H196338" s="12"/>
    </row>
    <row r="196339" spans="8:8">
      <c r="H196339" s="12"/>
    </row>
    <row r="196340" spans="8:8">
      <c r="H196340" s="12"/>
    </row>
    <row r="196341" spans="8:8">
      <c r="H196341" s="12"/>
    </row>
    <row r="196342" spans="8:8">
      <c r="H196342" s="12"/>
    </row>
    <row r="196343" spans="8:8">
      <c r="H196343" s="12"/>
    </row>
    <row r="196344" spans="8:8">
      <c r="H196344" s="12"/>
    </row>
    <row r="196345" spans="8:8">
      <c r="H196345" s="12"/>
    </row>
    <row r="196346" spans="8:8">
      <c r="H196346" s="12"/>
    </row>
    <row r="196347" spans="8:8">
      <c r="H196347" s="12"/>
    </row>
    <row r="196348" spans="8:8">
      <c r="H196348" s="12"/>
    </row>
    <row r="196349" spans="8:8">
      <c r="H196349" s="12"/>
    </row>
    <row r="196350" spans="8:8">
      <c r="H196350" s="12"/>
    </row>
    <row r="196351" spans="8:8">
      <c r="H196351" s="12"/>
    </row>
    <row r="196352" spans="8:8">
      <c r="H196352" s="12"/>
    </row>
    <row r="196353" spans="8:8">
      <c r="H196353" s="12"/>
    </row>
    <row r="196354" spans="8:8">
      <c r="H196354" s="12"/>
    </row>
    <row r="196355" spans="8:8">
      <c r="H196355" s="12"/>
    </row>
    <row r="196356" spans="8:8">
      <c r="H196356" s="12"/>
    </row>
    <row r="196357" spans="8:8">
      <c r="H196357" s="12"/>
    </row>
    <row r="196358" spans="8:8">
      <c r="H196358" s="12"/>
    </row>
    <row r="196359" spans="8:8">
      <c r="H196359" s="12"/>
    </row>
    <row r="196360" spans="8:8">
      <c r="H196360" s="12"/>
    </row>
    <row r="196361" spans="8:8">
      <c r="H196361" s="12"/>
    </row>
    <row r="196362" spans="8:8">
      <c r="H196362" s="12"/>
    </row>
    <row r="196363" spans="8:8">
      <c r="H196363" s="12"/>
    </row>
    <row r="196364" spans="8:8">
      <c r="H196364" s="12"/>
    </row>
    <row r="196365" spans="8:8">
      <c r="H196365" s="12"/>
    </row>
    <row r="196366" spans="8:8">
      <c r="H196366" s="12"/>
    </row>
    <row r="196367" spans="8:8">
      <c r="H196367" s="12"/>
    </row>
    <row r="196368" spans="8:8">
      <c r="H196368" s="12"/>
    </row>
    <row r="196369" spans="8:8">
      <c r="H196369" s="12"/>
    </row>
    <row r="196370" spans="8:8">
      <c r="H196370" s="12"/>
    </row>
    <row r="196371" spans="8:8">
      <c r="H196371" s="12"/>
    </row>
    <row r="196372" spans="8:8">
      <c r="H196372" s="12"/>
    </row>
    <row r="196373" spans="8:8">
      <c r="H196373" s="12"/>
    </row>
    <row r="196374" spans="8:8">
      <c r="H196374" s="12"/>
    </row>
    <row r="196375" spans="8:8">
      <c r="H196375" s="12"/>
    </row>
    <row r="196376" spans="8:8">
      <c r="H196376" s="12"/>
    </row>
    <row r="196377" spans="8:8">
      <c r="H196377" s="12"/>
    </row>
    <row r="196378" spans="8:8">
      <c r="H196378" s="12"/>
    </row>
    <row r="196379" spans="8:8">
      <c r="H196379" s="12"/>
    </row>
    <row r="196380" spans="8:8">
      <c r="H196380" s="12"/>
    </row>
    <row r="196381" spans="8:8">
      <c r="H196381" s="12"/>
    </row>
    <row r="196382" spans="8:8">
      <c r="H196382" s="12"/>
    </row>
    <row r="196383" spans="8:8">
      <c r="H196383" s="12"/>
    </row>
    <row r="196384" spans="8:8">
      <c r="H196384" s="12"/>
    </row>
    <row r="196385" spans="8:8">
      <c r="H196385" s="12"/>
    </row>
    <row r="196386" spans="8:8">
      <c r="H196386" s="12"/>
    </row>
    <row r="196387" spans="8:8">
      <c r="H196387" s="12"/>
    </row>
    <row r="196388" spans="8:8">
      <c r="H196388" s="12"/>
    </row>
    <row r="196389" spans="8:8">
      <c r="H196389" s="12"/>
    </row>
    <row r="196390" spans="8:8">
      <c r="H196390" s="12"/>
    </row>
    <row r="196391" spans="8:8">
      <c r="H196391" s="12"/>
    </row>
    <row r="196392" spans="8:8">
      <c r="H196392" s="12"/>
    </row>
    <row r="196393" spans="8:8">
      <c r="H196393" s="12"/>
    </row>
    <row r="196394" spans="8:8">
      <c r="H196394" s="12"/>
    </row>
    <row r="196395" spans="8:8">
      <c r="H196395" s="12"/>
    </row>
    <row r="196396" spans="8:8">
      <c r="H196396" s="12"/>
    </row>
    <row r="196397" spans="8:8">
      <c r="H196397" s="12"/>
    </row>
    <row r="196398" spans="8:8">
      <c r="H196398" s="12"/>
    </row>
    <row r="196399" spans="8:8">
      <c r="H196399" s="12"/>
    </row>
    <row r="196400" spans="8:8">
      <c r="H196400" s="12"/>
    </row>
    <row r="196401" spans="8:8">
      <c r="H196401" s="12"/>
    </row>
    <row r="196402" spans="8:8">
      <c r="H196402" s="12"/>
    </row>
    <row r="196403" spans="8:8">
      <c r="H196403" s="12"/>
    </row>
    <row r="196404" spans="8:8">
      <c r="H196404" s="12"/>
    </row>
    <row r="196405" spans="8:8">
      <c r="H196405" s="12"/>
    </row>
    <row r="196406" spans="8:8">
      <c r="H196406" s="12"/>
    </row>
    <row r="196407" spans="8:8">
      <c r="H196407" s="12"/>
    </row>
    <row r="196408" spans="8:8">
      <c r="H196408" s="12"/>
    </row>
    <row r="196409" spans="8:8">
      <c r="H196409" s="12"/>
    </row>
    <row r="196410" spans="8:8">
      <c r="H196410" s="12"/>
    </row>
    <row r="196411" spans="8:8">
      <c r="H196411" s="12"/>
    </row>
    <row r="196412" spans="8:8">
      <c r="H196412" s="12"/>
    </row>
    <row r="196413" spans="8:8">
      <c r="H196413" s="12"/>
    </row>
    <row r="196414" spans="8:8">
      <c r="H196414" s="12"/>
    </row>
    <row r="196415" spans="8:8">
      <c r="H196415" s="12"/>
    </row>
    <row r="196416" spans="8:8">
      <c r="H196416" s="12"/>
    </row>
    <row r="196417" spans="8:8">
      <c r="H196417" s="12"/>
    </row>
    <row r="196418" spans="8:8">
      <c r="H196418" s="12"/>
    </row>
    <row r="196419" spans="8:8">
      <c r="H196419" s="12"/>
    </row>
    <row r="196420" spans="8:8">
      <c r="H196420" s="12"/>
    </row>
    <row r="196421" spans="8:8">
      <c r="H196421" s="12"/>
    </row>
    <row r="196422" spans="8:8">
      <c r="H196422" s="12"/>
    </row>
    <row r="196423" spans="8:8">
      <c r="H196423" s="12"/>
    </row>
    <row r="196424" spans="8:8">
      <c r="H196424" s="12"/>
    </row>
    <row r="196425" spans="8:8">
      <c r="H196425" s="12"/>
    </row>
    <row r="196426" spans="8:8">
      <c r="H196426" s="12"/>
    </row>
    <row r="196427" spans="8:8">
      <c r="H196427" s="12"/>
    </row>
    <row r="196428" spans="8:8">
      <c r="H196428" s="12"/>
    </row>
    <row r="196429" spans="8:8">
      <c r="H196429" s="12"/>
    </row>
    <row r="196430" spans="8:8">
      <c r="H196430" s="12"/>
    </row>
    <row r="196431" spans="8:8">
      <c r="H196431" s="12"/>
    </row>
    <row r="196432" spans="8:8">
      <c r="H196432" s="12"/>
    </row>
    <row r="196433" spans="8:8">
      <c r="H196433" s="12"/>
    </row>
    <row r="196434" spans="8:8">
      <c r="H196434" s="12"/>
    </row>
    <row r="196435" spans="8:8">
      <c r="H196435" s="12"/>
    </row>
    <row r="196436" spans="8:8">
      <c r="H196436" s="12"/>
    </row>
    <row r="196437" spans="8:8">
      <c r="H196437" s="12"/>
    </row>
    <row r="196438" spans="8:8">
      <c r="H196438" s="12"/>
    </row>
    <row r="196439" spans="8:8">
      <c r="H196439" s="12"/>
    </row>
    <row r="196440" spans="8:8">
      <c r="H196440" s="12"/>
    </row>
    <row r="196441" spans="8:8">
      <c r="H196441" s="12"/>
    </row>
    <row r="196442" spans="8:8">
      <c r="H196442" s="12"/>
    </row>
    <row r="196443" spans="8:8">
      <c r="H196443" s="12"/>
    </row>
    <row r="196444" spans="8:8">
      <c r="H196444" s="12"/>
    </row>
    <row r="196445" spans="8:8">
      <c r="H196445" s="12"/>
    </row>
    <row r="196446" spans="8:8">
      <c r="H196446" s="12"/>
    </row>
    <row r="196447" spans="8:8">
      <c r="H196447" s="12"/>
    </row>
    <row r="196448" spans="8:8">
      <c r="H196448" s="12"/>
    </row>
    <row r="196449" spans="8:8">
      <c r="H196449" s="12"/>
    </row>
    <row r="196450" spans="8:8">
      <c r="H196450" s="12"/>
    </row>
    <row r="196451" spans="8:8">
      <c r="H196451" s="12"/>
    </row>
    <row r="196452" spans="8:8">
      <c r="H196452" s="12"/>
    </row>
    <row r="196453" spans="8:8">
      <c r="H196453" s="12"/>
    </row>
    <row r="196454" spans="8:8">
      <c r="H196454" s="12"/>
    </row>
    <row r="196455" spans="8:8">
      <c r="H196455" s="12"/>
    </row>
    <row r="196456" spans="8:8">
      <c r="H196456" s="12"/>
    </row>
    <row r="196457" spans="8:8">
      <c r="H196457" s="12"/>
    </row>
    <row r="196458" spans="8:8">
      <c r="H196458" s="12"/>
    </row>
    <row r="196459" spans="8:8">
      <c r="H196459" s="12"/>
    </row>
    <row r="196460" spans="8:8">
      <c r="H196460" s="12"/>
    </row>
    <row r="196461" spans="8:8">
      <c r="H196461" s="12"/>
    </row>
    <row r="196462" spans="8:8">
      <c r="H196462" s="12"/>
    </row>
    <row r="196463" spans="8:8">
      <c r="H196463" s="12"/>
    </row>
    <row r="196464" spans="8:8">
      <c r="H196464" s="12"/>
    </row>
    <row r="196465" spans="8:8">
      <c r="H196465" s="12"/>
    </row>
    <row r="196466" spans="8:8">
      <c r="H196466" s="12"/>
    </row>
    <row r="196467" spans="8:8">
      <c r="H196467" s="12"/>
    </row>
    <row r="196468" spans="8:8">
      <c r="H196468" s="12"/>
    </row>
    <row r="196469" spans="8:8">
      <c r="H196469" s="12"/>
    </row>
    <row r="196470" spans="8:8">
      <c r="H196470" s="12"/>
    </row>
    <row r="196471" spans="8:8">
      <c r="H196471" s="12"/>
    </row>
    <row r="196472" spans="8:8">
      <c r="H196472" s="12"/>
    </row>
    <row r="196473" spans="8:8">
      <c r="H196473" s="12"/>
    </row>
    <row r="196474" spans="8:8">
      <c r="H196474" s="12"/>
    </row>
    <row r="196475" spans="8:8">
      <c r="H196475" s="12"/>
    </row>
    <row r="196476" spans="8:8">
      <c r="H196476" s="12"/>
    </row>
    <row r="196477" spans="8:8">
      <c r="H196477" s="12"/>
    </row>
    <row r="196478" spans="8:8">
      <c r="H196478" s="12"/>
    </row>
    <row r="196479" spans="8:8">
      <c r="H196479" s="12"/>
    </row>
    <row r="196480" spans="8:8">
      <c r="H196480" s="12"/>
    </row>
    <row r="196481" spans="8:8">
      <c r="H196481" s="12"/>
    </row>
    <row r="196482" spans="8:8">
      <c r="H196482" s="12"/>
    </row>
    <row r="196483" spans="8:8">
      <c r="H196483" s="12"/>
    </row>
    <row r="196484" spans="8:8">
      <c r="H196484" s="12"/>
    </row>
    <row r="196485" spans="8:8">
      <c r="H196485" s="12"/>
    </row>
    <row r="196486" spans="8:8">
      <c r="H196486" s="12"/>
    </row>
    <row r="196487" spans="8:8">
      <c r="H196487" s="12"/>
    </row>
    <row r="196488" spans="8:8">
      <c r="H196488" s="12"/>
    </row>
    <row r="196489" spans="8:8">
      <c r="H196489" s="12"/>
    </row>
    <row r="196490" spans="8:8">
      <c r="H196490" s="12"/>
    </row>
    <row r="196491" spans="8:8">
      <c r="H196491" s="12"/>
    </row>
    <row r="196492" spans="8:8">
      <c r="H196492" s="12"/>
    </row>
    <row r="196493" spans="8:8">
      <c r="H196493" s="12"/>
    </row>
    <row r="196494" spans="8:8">
      <c r="H196494" s="12"/>
    </row>
    <row r="196495" spans="8:8">
      <c r="H196495" s="12"/>
    </row>
    <row r="196496" spans="8:8">
      <c r="H196496" s="12"/>
    </row>
    <row r="196497" spans="8:8">
      <c r="H196497" s="12"/>
    </row>
    <row r="196498" spans="8:8">
      <c r="H196498" s="12"/>
    </row>
    <row r="196499" spans="8:8">
      <c r="H196499" s="12"/>
    </row>
    <row r="196500" spans="8:8">
      <c r="H196500" s="12"/>
    </row>
    <row r="196501" spans="8:8">
      <c r="H196501" s="12"/>
    </row>
    <row r="196502" spans="8:8">
      <c r="H196502" s="12"/>
    </row>
    <row r="196503" spans="8:8">
      <c r="H196503" s="12"/>
    </row>
    <row r="196504" spans="8:8">
      <c r="H196504" s="12"/>
    </row>
    <row r="196505" spans="8:8">
      <c r="H196505" s="12"/>
    </row>
    <row r="196506" spans="8:8">
      <c r="H196506" s="12"/>
    </row>
    <row r="196507" spans="8:8">
      <c r="H196507" s="12"/>
    </row>
    <row r="196508" spans="8:8">
      <c r="H196508" s="12"/>
    </row>
    <row r="196509" spans="8:8">
      <c r="H196509" s="12"/>
    </row>
    <row r="196510" spans="8:8">
      <c r="H196510" s="12"/>
    </row>
    <row r="196511" spans="8:8">
      <c r="H196511" s="12"/>
    </row>
    <row r="196512" spans="8:8">
      <c r="H196512" s="12"/>
    </row>
    <row r="196513" spans="8:8">
      <c r="H196513" s="12"/>
    </row>
    <row r="196514" spans="8:8">
      <c r="H196514" s="12"/>
    </row>
    <row r="196515" spans="8:8">
      <c r="H196515" s="12"/>
    </row>
    <row r="196516" spans="8:8">
      <c r="H196516" s="12"/>
    </row>
    <row r="196517" spans="8:8">
      <c r="H196517" s="12"/>
    </row>
    <row r="196518" spans="8:8">
      <c r="H196518" s="12"/>
    </row>
    <row r="196519" spans="8:8">
      <c r="H196519" s="12"/>
    </row>
    <row r="196520" spans="8:8">
      <c r="H196520" s="12"/>
    </row>
    <row r="196521" spans="8:8">
      <c r="H196521" s="12"/>
    </row>
    <row r="196522" spans="8:8">
      <c r="H196522" s="12"/>
    </row>
    <row r="196523" spans="8:8">
      <c r="H196523" s="12"/>
    </row>
    <row r="196524" spans="8:8">
      <c r="H196524" s="12"/>
    </row>
    <row r="196525" spans="8:8">
      <c r="H196525" s="12"/>
    </row>
    <row r="196526" spans="8:8">
      <c r="H196526" s="12"/>
    </row>
    <row r="196527" spans="8:8">
      <c r="H196527" s="12"/>
    </row>
    <row r="196528" spans="8:8">
      <c r="H196528" s="12"/>
    </row>
    <row r="196529" spans="8:8">
      <c r="H196529" s="12"/>
    </row>
    <row r="196530" spans="8:8">
      <c r="H196530" s="12"/>
    </row>
    <row r="196531" spans="8:8">
      <c r="H196531" s="12"/>
    </row>
    <row r="196532" spans="8:8">
      <c r="H196532" s="12"/>
    </row>
    <row r="196533" spans="8:8">
      <c r="H196533" s="12"/>
    </row>
    <row r="196534" spans="8:8">
      <c r="H196534" s="12"/>
    </row>
    <row r="196535" spans="8:8">
      <c r="H196535" s="12"/>
    </row>
    <row r="196536" spans="8:8">
      <c r="H196536" s="12"/>
    </row>
    <row r="196537" spans="8:8">
      <c r="H196537" s="12"/>
    </row>
    <row r="196538" spans="8:8">
      <c r="H196538" s="12"/>
    </row>
    <row r="196539" spans="8:8">
      <c r="H196539" s="12"/>
    </row>
    <row r="196540" spans="8:8">
      <c r="H196540" s="12"/>
    </row>
    <row r="196541" spans="8:8">
      <c r="H196541" s="12"/>
    </row>
    <row r="196542" spans="8:8">
      <c r="H196542" s="12"/>
    </row>
    <row r="196543" spans="8:8">
      <c r="H196543" s="12"/>
    </row>
    <row r="196544" spans="8:8">
      <c r="H196544" s="12"/>
    </row>
    <row r="196545" spans="8:8">
      <c r="H196545" s="12"/>
    </row>
    <row r="196546" spans="8:8">
      <c r="H196546" s="12"/>
    </row>
    <row r="196547" spans="8:8">
      <c r="H196547" s="12"/>
    </row>
    <row r="196548" spans="8:8">
      <c r="H196548" s="12"/>
    </row>
    <row r="196549" spans="8:8">
      <c r="H196549" s="12"/>
    </row>
    <row r="196550" spans="8:8">
      <c r="H196550" s="12"/>
    </row>
    <row r="196551" spans="8:8">
      <c r="H196551" s="12"/>
    </row>
    <row r="196552" spans="8:8">
      <c r="H196552" s="12"/>
    </row>
    <row r="196553" spans="8:8">
      <c r="H196553" s="12"/>
    </row>
    <row r="196554" spans="8:8">
      <c r="H196554" s="12"/>
    </row>
    <row r="196555" spans="8:8">
      <c r="H196555" s="12"/>
    </row>
    <row r="196556" spans="8:8">
      <c r="H196556" s="12"/>
    </row>
    <row r="196557" spans="8:8">
      <c r="H196557" s="12"/>
    </row>
    <row r="196558" spans="8:8">
      <c r="H196558" s="12"/>
    </row>
    <row r="196559" spans="8:8">
      <c r="H196559" s="12"/>
    </row>
    <row r="196560" spans="8:8">
      <c r="H196560" s="12"/>
    </row>
    <row r="196561" spans="8:8">
      <c r="H196561" s="12"/>
    </row>
    <row r="196562" spans="8:8">
      <c r="H196562" s="12"/>
    </row>
    <row r="196563" spans="8:8">
      <c r="H196563" s="12"/>
    </row>
    <row r="196564" spans="8:8">
      <c r="H196564" s="12"/>
    </row>
    <row r="196565" spans="8:8">
      <c r="H196565" s="12"/>
    </row>
    <row r="196566" spans="8:8">
      <c r="H196566" s="12"/>
    </row>
    <row r="196567" spans="8:8">
      <c r="H196567" s="12"/>
    </row>
    <row r="196568" spans="8:8">
      <c r="H196568" s="12"/>
    </row>
    <row r="196569" spans="8:8">
      <c r="H196569" s="12"/>
    </row>
    <row r="196570" spans="8:8">
      <c r="H196570" s="12"/>
    </row>
    <row r="196571" spans="8:8">
      <c r="H196571" s="12"/>
    </row>
    <row r="196572" spans="8:8">
      <c r="H196572" s="12"/>
    </row>
    <row r="196573" spans="8:8">
      <c r="H196573" s="12"/>
    </row>
    <row r="196574" spans="8:8">
      <c r="H196574" s="12"/>
    </row>
    <row r="196575" spans="8:8">
      <c r="H196575" s="12"/>
    </row>
    <row r="196576" spans="8:8">
      <c r="H196576" s="12"/>
    </row>
    <row r="196577" spans="8:8">
      <c r="H196577" s="12"/>
    </row>
    <row r="196578" spans="8:8">
      <c r="H196578" s="12"/>
    </row>
    <row r="196579" spans="8:8">
      <c r="H196579" s="12"/>
    </row>
    <row r="196580" spans="8:8">
      <c r="H196580" s="12"/>
    </row>
    <row r="196581" spans="8:8">
      <c r="H196581" s="12"/>
    </row>
    <row r="196582" spans="8:8">
      <c r="H196582" s="12"/>
    </row>
    <row r="196583" spans="8:8">
      <c r="H196583" s="12"/>
    </row>
    <row r="196584" spans="8:8">
      <c r="H196584" s="12"/>
    </row>
    <row r="196585" spans="8:8">
      <c r="H196585" s="12"/>
    </row>
    <row r="196586" spans="8:8">
      <c r="H196586" s="12"/>
    </row>
    <row r="196587" spans="8:8">
      <c r="H196587" s="12"/>
    </row>
    <row r="196588" spans="8:8">
      <c r="H196588" s="12"/>
    </row>
    <row r="196589" spans="8:8">
      <c r="H196589" s="12"/>
    </row>
    <row r="196590" spans="8:8">
      <c r="H196590" s="12"/>
    </row>
    <row r="196591" spans="8:8">
      <c r="H196591" s="12"/>
    </row>
    <row r="196592" spans="8:8">
      <c r="H196592" s="12"/>
    </row>
    <row r="196593" spans="8:8">
      <c r="H196593" s="12"/>
    </row>
    <row r="196594" spans="8:8">
      <c r="H196594" s="12"/>
    </row>
    <row r="196595" spans="8:8">
      <c r="H196595" s="12"/>
    </row>
    <row r="196596" spans="8:8">
      <c r="H196596" s="12"/>
    </row>
    <row r="196597" spans="8:8">
      <c r="H196597" s="12"/>
    </row>
    <row r="196598" spans="8:8">
      <c r="H196598" s="12"/>
    </row>
    <row r="196599" spans="8:8">
      <c r="H196599" s="12"/>
    </row>
    <row r="196600" spans="8:8">
      <c r="H196600" s="12"/>
    </row>
    <row r="196601" spans="8:8">
      <c r="H196601" s="12"/>
    </row>
    <row r="196602" spans="8:8">
      <c r="H196602" s="12"/>
    </row>
    <row r="196603" spans="8:8">
      <c r="H196603" s="12"/>
    </row>
    <row r="196604" spans="8:8">
      <c r="H196604" s="12"/>
    </row>
    <row r="196605" spans="8:8">
      <c r="H196605" s="12"/>
    </row>
    <row r="196606" spans="8:8">
      <c r="H196606" s="12"/>
    </row>
    <row r="196607" spans="8:8">
      <c r="H196607" s="12"/>
    </row>
    <row r="196608" spans="8:8">
      <c r="H196608" s="12"/>
    </row>
    <row r="196609" spans="8:8">
      <c r="H196609" s="12"/>
    </row>
    <row r="196610" spans="8:8">
      <c r="H196610" s="12"/>
    </row>
    <row r="196611" spans="8:8">
      <c r="H196611" s="12"/>
    </row>
    <row r="196612" spans="8:8">
      <c r="H196612" s="12"/>
    </row>
    <row r="196613" spans="8:8">
      <c r="H196613" s="12"/>
    </row>
    <row r="196614" spans="8:8">
      <c r="H196614" s="12"/>
    </row>
    <row r="196615" spans="8:8">
      <c r="H196615" s="12"/>
    </row>
    <row r="196616" spans="8:8">
      <c r="H196616" s="12"/>
    </row>
    <row r="196617" spans="8:8">
      <c r="H196617" s="12"/>
    </row>
    <row r="196618" spans="8:8">
      <c r="H196618" s="12"/>
    </row>
    <row r="196619" spans="8:8">
      <c r="H196619" s="12"/>
    </row>
    <row r="196620" spans="8:8">
      <c r="H196620" s="12"/>
    </row>
    <row r="196621" spans="8:8">
      <c r="H196621" s="12"/>
    </row>
    <row r="196622" spans="8:8">
      <c r="H196622" s="12"/>
    </row>
    <row r="196623" spans="8:8">
      <c r="H196623" s="12"/>
    </row>
    <row r="196624" spans="8:8">
      <c r="H196624" s="12"/>
    </row>
    <row r="196625" spans="8:8">
      <c r="H196625" s="12"/>
    </row>
    <row r="196626" spans="8:8">
      <c r="H196626" s="12"/>
    </row>
    <row r="196627" spans="8:8">
      <c r="H196627" s="12"/>
    </row>
    <row r="196628" spans="8:8">
      <c r="H196628" s="12"/>
    </row>
    <row r="196629" spans="8:8">
      <c r="H196629" s="12"/>
    </row>
    <row r="196630" spans="8:8">
      <c r="H196630" s="12"/>
    </row>
    <row r="196631" spans="8:8">
      <c r="H196631" s="12"/>
    </row>
    <row r="196632" spans="8:8">
      <c r="H196632" s="12"/>
    </row>
    <row r="196633" spans="8:8">
      <c r="H196633" s="12"/>
    </row>
    <row r="196634" spans="8:8">
      <c r="H196634" s="12"/>
    </row>
    <row r="196635" spans="8:8">
      <c r="H196635" s="12"/>
    </row>
    <row r="196636" spans="8:8">
      <c r="H196636" s="12"/>
    </row>
    <row r="196637" spans="8:8">
      <c r="H196637" s="12"/>
    </row>
    <row r="196638" spans="8:8">
      <c r="H196638" s="12"/>
    </row>
    <row r="196639" spans="8:8">
      <c r="H196639" s="12"/>
    </row>
    <row r="196640" spans="8:8">
      <c r="H196640" s="12"/>
    </row>
    <row r="196641" spans="8:8">
      <c r="H196641" s="12"/>
    </row>
    <row r="196642" spans="8:8">
      <c r="H196642" s="12"/>
    </row>
    <row r="196643" spans="8:8">
      <c r="H196643" s="12"/>
    </row>
    <row r="196644" spans="8:8">
      <c r="H196644" s="12"/>
    </row>
    <row r="196645" spans="8:8">
      <c r="H196645" s="12"/>
    </row>
    <row r="196646" spans="8:8">
      <c r="H196646" s="12"/>
    </row>
    <row r="196647" spans="8:8">
      <c r="H196647" s="12"/>
    </row>
    <row r="196648" spans="8:8">
      <c r="H196648" s="12"/>
    </row>
    <row r="196649" spans="8:8">
      <c r="H196649" s="12"/>
    </row>
    <row r="196650" spans="8:8">
      <c r="H196650" s="12"/>
    </row>
    <row r="196651" spans="8:8">
      <c r="H196651" s="12"/>
    </row>
    <row r="196652" spans="8:8">
      <c r="H196652" s="12"/>
    </row>
    <row r="196653" spans="8:8">
      <c r="H196653" s="12"/>
    </row>
    <row r="196654" spans="8:8">
      <c r="H196654" s="12"/>
    </row>
    <row r="196655" spans="8:8">
      <c r="H196655" s="12"/>
    </row>
    <row r="196656" spans="8:8">
      <c r="H196656" s="12"/>
    </row>
    <row r="196657" spans="8:8">
      <c r="H196657" s="12"/>
    </row>
    <row r="196658" spans="8:8">
      <c r="H196658" s="12"/>
    </row>
    <row r="196659" spans="8:8">
      <c r="H196659" s="12"/>
    </row>
    <row r="196660" spans="8:8">
      <c r="H196660" s="12"/>
    </row>
    <row r="196661" spans="8:8">
      <c r="H196661" s="12"/>
    </row>
    <row r="196662" spans="8:8">
      <c r="H196662" s="12"/>
    </row>
    <row r="196663" spans="8:8">
      <c r="H196663" s="12"/>
    </row>
    <row r="196664" spans="8:8">
      <c r="H196664" s="12"/>
    </row>
    <row r="196665" spans="8:8">
      <c r="H196665" s="12"/>
    </row>
    <row r="196666" spans="8:8">
      <c r="H196666" s="12"/>
    </row>
    <row r="196667" spans="8:8">
      <c r="H196667" s="12"/>
    </row>
    <row r="196668" spans="8:8">
      <c r="H196668" s="12"/>
    </row>
    <row r="196669" spans="8:8">
      <c r="H196669" s="12"/>
    </row>
    <row r="196670" spans="8:8">
      <c r="H196670" s="12"/>
    </row>
    <row r="196671" spans="8:8">
      <c r="H196671" s="12"/>
    </row>
    <row r="196672" spans="8:8">
      <c r="H196672" s="12"/>
    </row>
    <row r="196673" spans="8:8">
      <c r="H196673" s="12"/>
    </row>
    <row r="196674" spans="8:8">
      <c r="H196674" s="12"/>
    </row>
    <row r="196675" spans="8:8">
      <c r="H196675" s="12"/>
    </row>
    <row r="196676" spans="8:8">
      <c r="H196676" s="12"/>
    </row>
    <row r="196677" spans="8:8">
      <c r="H196677" s="12"/>
    </row>
    <row r="196678" spans="8:8">
      <c r="H196678" s="12"/>
    </row>
    <row r="196679" spans="8:8">
      <c r="H196679" s="12"/>
    </row>
    <row r="196680" spans="8:8">
      <c r="H196680" s="12"/>
    </row>
    <row r="196681" spans="8:8">
      <c r="H196681" s="12"/>
    </row>
    <row r="196682" spans="8:8">
      <c r="H196682" s="12"/>
    </row>
    <row r="196683" spans="8:8">
      <c r="H196683" s="12"/>
    </row>
    <row r="196684" spans="8:8">
      <c r="H196684" s="12"/>
    </row>
    <row r="196685" spans="8:8">
      <c r="H196685" s="12"/>
    </row>
    <row r="196686" spans="8:8">
      <c r="H196686" s="12"/>
    </row>
    <row r="196687" spans="8:8">
      <c r="H196687" s="12"/>
    </row>
    <row r="196688" spans="8:8">
      <c r="H196688" s="12"/>
    </row>
    <row r="196689" spans="8:8">
      <c r="H196689" s="12"/>
    </row>
    <row r="196690" spans="8:8">
      <c r="H196690" s="12"/>
    </row>
    <row r="196691" spans="8:8">
      <c r="H196691" s="12"/>
    </row>
    <row r="196692" spans="8:8">
      <c r="H196692" s="12"/>
    </row>
    <row r="196693" spans="8:8">
      <c r="H196693" s="12"/>
    </row>
    <row r="196694" spans="8:8">
      <c r="H196694" s="12"/>
    </row>
    <row r="196695" spans="8:8">
      <c r="H196695" s="12"/>
    </row>
    <row r="196696" spans="8:8">
      <c r="H196696" s="12"/>
    </row>
    <row r="196697" spans="8:8">
      <c r="H196697" s="12"/>
    </row>
    <row r="196698" spans="8:8">
      <c r="H196698" s="12"/>
    </row>
    <row r="196699" spans="8:8">
      <c r="H196699" s="12"/>
    </row>
    <row r="196700" spans="8:8">
      <c r="H196700" s="12"/>
    </row>
    <row r="196701" spans="8:8">
      <c r="H196701" s="12"/>
    </row>
    <row r="196702" spans="8:8">
      <c r="H196702" s="12"/>
    </row>
    <row r="196703" spans="8:8">
      <c r="H196703" s="12"/>
    </row>
    <row r="196704" spans="8:8">
      <c r="H196704" s="12"/>
    </row>
    <row r="196705" spans="8:8">
      <c r="H196705" s="12"/>
    </row>
    <row r="196706" spans="8:8">
      <c r="H196706" s="12"/>
    </row>
    <row r="196707" spans="8:8">
      <c r="H196707" s="12"/>
    </row>
    <row r="196708" spans="8:8">
      <c r="H196708" s="12"/>
    </row>
    <row r="196709" spans="8:8">
      <c r="H196709" s="12"/>
    </row>
    <row r="196710" spans="8:8">
      <c r="H196710" s="12"/>
    </row>
    <row r="196711" spans="8:8">
      <c r="H196711" s="12"/>
    </row>
    <row r="196712" spans="8:8">
      <c r="H196712" s="12"/>
    </row>
    <row r="196713" spans="8:8">
      <c r="H196713" s="12"/>
    </row>
    <row r="196714" spans="8:8">
      <c r="H196714" s="12"/>
    </row>
    <row r="196715" spans="8:8">
      <c r="H196715" s="12"/>
    </row>
    <row r="196716" spans="8:8">
      <c r="H196716" s="12"/>
    </row>
    <row r="196717" spans="8:8">
      <c r="H196717" s="12"/>
    </row>
    <row r="196718" spans="8:8">
      <c r="H196718" s="12"/>
    </row>
    <row r="196719" spans="8:8">
      <c r="H196719" s="12"/>
    </row>
    <row r="196720" spans="8:8">
      <c r="H196720" s="12"/>
    </row>
    <row r="196721" spans="8:8">
      <c r="H196721" s="12"/>
    </row>
    <row r="196722" spans="8:8">
      <c r="H196722" s="12"/>
    </row>
    <row r="196723" spans="8:8">
      <c r="H196723" s="12"/>
    </row>
    <row r="196724" spans="8:8">
      <c r="H196724" s="12"/>
    </row>
    <row r="196725" spans="8:8">
      <c r="H196725" s="12"/>
    </row>
    <row r="196726" spans="8:8">
      <c r="H196726" s="12"/>
    </row>
    <row r="196727" spans="8:8">
      <c r="H196727" s="12"/>
    </row>
    <row r="196728" spans="8:8">
      <c r="H196728" s="12"/>
    </row>
    <row r="196729" spans="8:8">
      <c r="H196729" s="12"/>
    </row>
    <row r="196730" spans="8:8">
      <c r="H196730" s="12"/>
    </row>
    <row r="196731" spans="8:8">
      <c r="H196731" s="12"/>
    </row>
    <row r="196732" spans="8:8">
      <c r="H196732" s="12"/>
    </row>
    <row r="196733" spans="8:8">
      <c r="H196733" s="12"/>
    </row>
    <row r="196734" spans="8:8">
      <c r="H196734" s="12"/>
    </row>
    <row r="196735" spans="8:8">
      <c r="H196735" s="12"/>
    </row>
    <row r="196736" spans="8:8">
      <c r="H196736" s="12"/>
    </row>
    <row r="196737" spans="8:8">
      <c r="H196737" s="12"/>
    </row>
    <row r="196738" spans="8:8">
      <c r="H196738" s="12"/>
    </row>
    <row r="196739" spans="8:8">
      <c r="H196739" s="12"/>
    </row>
    <row r="196740" spans="8:8">
      <c r="H196740" s="12"/>
    </row>
    <row r="196741" spans="8:8">
      <c r="H196741" s="12"/>
    </row>
    <row r="196742" spans="8:8">
      <c r="H196742" s="12"/>
    </row>
    <row r="196743" spans="8:8">
      <c r="H196743" s="12"/>
    </row>
    <row r="196744" spans="8:8">
      <c r="H196744" s="12"/>
    </row>
    <row r="196745" spans="8:8">
      <c r="H196745" s="12"/>
    </row>
    <row r="196746" spans="8:8">
      <c r="H196746" s="12"/>
    </row>
    <row r="196747" spans="8:8">
      <c r="H196747" s="12"/>
    </row>
    <row r="196748" spans="8:8">
      <c r="H196748" s="12"/>
    </row>
    <row r="196749" spans="8:8">
      <c r="H196749" s="12"/>
    </row>
    <row r="196750" spans="8:8">
      <c r="H196750" s="12"/>
    </row>
    <row r="196751" spans="8:8">
      <c r="H196751" s="12"/>
    </row>
    <row r="196752" spans="8:8">
      <c r="H196752" s="12"/>
    </row>
    <row r="196753" spans="8:8">
      <c r="H196753" s="12"/>
    </row>
    <row r="196754" spans="8:8">
      <c r="H196754" s="12"/>
    </row>
    <row r="196755" spans="8:8">
      <c r="H196755" s="12"/>
    </row>
    <row r="196756" spans="8:8">
      <c r="H196756" s="12"/>
    </row>
    <row r="196757" spans="8:8">
      <c r="H196757" s="12"/>
    </row>
    <row r="196758" spans="8:8">
      <c r="H196758" s="12"/>
    </row>
    <row r="196759" spans="8:8">
      <c r="H196759" s="12"/>
    </row>
    <row r="196760" spans="8:8">
      <c r="H196760" s="12"/>
    </row>
    <row r="196761" spans="8:8">
      <c r="H196761" s="12"/>
    </row>
    <row r="196762" spans="8:8">
      <c r="H196762" s="12"/>
    </row>
    <row r="196763" spans="8:8">
      <c r="H196763" s="12"/>
    </row>
    <row r="196764" spans="8:8">
      <c r="H196764" s="12"/>
    </row>
    <row r="196765" spans="8:8">
      <c r="H196765" s="12"/>
    </row>
    <row r="196766" spans="8:8">
      <c r="H196766" s="12"/>
    </row>
    <row r="196767" spans="8:8">
      <c r="H196767" s="12"/>
    </row>
    <row r="196768" spans="8:8">
      <c r="H196768" s="12"/>
    </row>
    <row r="196769" spans="8:8">
      <c r="H196769" s="12"/>
    </row>
    <row r="196770" spans="8:8">
      <c r="H196770" s="12"/>
    </row>
    <row r="196771" spans="8:8">
      <c r="H196771" s="12"/>
    </row>
    <row r="196772" spans="8:8">
      <c r="H196772" s="12"/>
    </row>
    <row r="196773" spans="8:8">
      <c r="H196773" s="12"/>
    </row>
    <row r="196774" spans="8:8">
      <c r="H196774" s="12"/>
    </row>
    <row r="196775" spans="8:8">
      <c r="H196775" s="12"/>
    </row>
    <row r="196776" spans="8:8">
      <c r="H196776" s="12"/>
    </row>
    <row r="196777" spans="8:8">
      <c r="H196777" s="12"/>
    </row>
    <row r="196778" spans="8:8">
      <c r="H196778" s="12"/>
    </row>
    <row r="196779" spans="8:8">
      <c r="H196779" s="12"/>
    </row>
    <row r="196780" spans="8:8">
      <c r="H196780" s="12"/>
    </row>
    <row r="196781" spans="8:8">
      <c r="H196781" s="12"/>
    </row>
    <row r="196782" spans="8:8">
      <c r="H196782" s="12"/>
    </row>
    <row r="196783" spans="8:8">
      <c r="H196783" s="12"/>
    </row>
    <row r="196784" spans="8:8">
      <c r="H196784" s="12"/>
    </row>
    <row r="196785" spans="8:8">
      <c r="H196785" s="12"/>
    </row>
    <row r="196786" spans="8:8">
      <c r="H196786" s="12"/>
    </row>
    <row r="196787" spans="8:8">
      <c r="H196787" s="12"/>
    </row>
    <row r="196788" spans="8:8">
      <c r="H196788" s="12"/>
    </row>
    <row r="196789" spans="8:8">
      <c r="H196789" s="12"/>
    </row>
    <row r="196790" spans="8:8">
      <c r="H196790" s="12"/>
    </row>
    <row r="196791" spans="8:8">
      <c r="H196791" s="12"/>
    </row>
    <row r="196792" spans="8:8">
      <c r="H196792" s="12"/>
    </row>
    <row r="196793" spans="8:8">
      <c r="H196793" s="12"/>
    </row>
    <row r="196794" spans="8:8">
      <c r="H196794" s="12"/>
    </row>
    <row r="196795" spans="8:8">
      <c r="H196795" s="12"/>
    </row>
    <row r="196796" spans="8:8">
      <c r="H196796" s="12"/>
    </row>
    <row r="196797" spans="8:8">
      <c r="H196797" s="12"/>
    </row>
    <row r="196798" spans="8:8">
      <c r="H196798" s="12"/>
    </row>
    <row r="196799" spans="8:8">
      <c r="H196799" s="12"/>
    </row>
    <row r="196800" spans="8:8">
      <c r="H196800" s="12"/>
    </row>
    <row r="196801" spans="8:8">
      <c r="H196801" s="12"/>
    </row>
    <row r="196802" spans="8:8">
      <c r="H196802" s="12"/>
    </row>
    <row r="196803" spans="8:8">
      <c r="H196803" s="12"/>
    </row>
    <row r="196804" spans="8:8">
      <c r="H196804" s="12"/>
    </row>
    <row r="196805" spans="8:8">
      <c r="H196805" s="12"/>
    </row>
    <row r="196806" spans="8:8">
      <c r="H196806" s="12"/>
    </row>
    <row r="196807" spans="8:8">
      <c r="H196807" s="12"/>
    </row>
    <row r="196808" spans="8:8">
      <c r="H196808" s="12"/>
    </row>
    <row r="196809" spans="8:8">
      <c r="H196809" s="12"/>
    </row>
    <row r="196810" spans="8:8">
      <c r="H196810" s="12"/>
    </row>
    <row r="196811" spans="8:8">
      <c r="H196811" s="12"/>
    </row>
    <row r="196812" spans="8:8">
      <c r="H196812" s="12"/>
    </row>
    <row r="196813" spans="8:8">
      <c r="H196813" s="12"/>
    </row>
    <row r="196814" spans="8:8">
      <c r="H196814" s="12"/>
    </row>
    <row r="196815" spans="8:8">
      <c r="H196815" s="12"/>
    </row>
    <row r="196816" spans="8:8">
      <c r="H196816" s="12"/>
    </row>
    <row r="196817" spans="8:8">
      <c r="H196817" s="12"/>
    </row>
    <row r="196818" spans="8:8">
      <c r="H196818" s="12"/>
    </row>
    <row r="196819" spans="8:8">
      <c r="H196819" s="12"/>
    </row>
    <row r="196820" spans="8:8">
      <c r="H196820" s="12"/>
    </row>
    <row r="196821" spans="8:8">
      <c r="H196821" s="12"/>
    </row>
    <row r="196822" spans="8:8">
      <c r="H196822" s="12"/>
    </row>
    <row r="196823" spans="8:8">
      <c r="H196823" s="12"/>
    </row>
    <row r="196824" spans="8:8">
      <c r="H196824" s="12"/>
    </row>
    <row r="196825" spans="8:8">
      <c r="H196825" s="12"/>
    </row>
    <row r="196826" spans="8:8">
      <c r="H196826" s="12"/>
    </row>
    <row r="196827" spans="8:8">
      <c r="H196827" s="12"/>
    </row>
    <row r="196828" spans="8:8">
      <c r="H196828" s="12"/>
    </row>
    <row r="196829" spans="8:8">
      <c r="H196829" s="12"/>
    </row>
    <row r="196830" spans="8:8">
      <c r="H196830" s="12"/>
    </row>
    <row r="196831" spans="8:8">
      <c r="H196831" s="12"/>
    </row>
    <row r="196832" spans="8:8">
      <c r="H196832" s="12"/>
    </row>
    <row r="196833" spans="8:8">
      <c r="H196833" s="12"/>
    </row>
    <row r="196834" spans="8:8">
      <c r="H196834" s="12"/>
    </row>
    <row r="196835" spans="8:8">
      <c r="H196835" s="12"/>
    </row>
    <row r="196836" spans="8:8">
      <c r="H196836" s="12"/>
    </row>
    <row r="196837" spans="8:8">
      <c r="H196837" s="12"/>
    </row>
    <row r="196838" spans="8:8">
      <c r="H196838" s="12"/>
    </row>
    <row r="196839" spans="8:8">
      <c r="H196839" s="12"/>
    </row>
    <row r="196840" spans="8:8">
      <c r="H196840" s="12"/>
    </row>
    <row r="196841" spans="8:8">
      <c r="H196841" s="12"/>
    </row>
    <row r="196842" spans="8:8">
      <c r="H196842" s="12"/>
    </row>
    <row r="196843" spans="8:8">
      <c r="H196843" s="12"/>
    </row>
    <row r="196844" spans="8:8">
      <c r="H196844" s="12"/>
    </row>
    <row r="196845" spans="8:8">
      <c r="H196845" s="12"/>
    </row>
    <row r="196846" spans="8:8">
      <c r="H196846" s="12"/>
    </row>
    <row r="196847" spans="8:8">
      <c r="H196847" s="12"/>
    </row>
    <row r="196848" spans="8:8">
      <c r="H196848" s="12"/>
    </row>
    <row r="196849" spans="8:8">
      <c r="H196849" s="12"/>
    </row>
    <row r="196850" spans="8:8">
      <c r="H196850" s="12"/>
    </row>
    <row r="196851" spans="8:8">
      <c r="H196851" s="12"/>
    </row>
    <row r="196852" spans="8:8">
      <c r="H196852" s="12"/>
    </row>
    <row r="196853" spans="8:8">
      <c r="H196853" s="12"/>
    </row>
    <row r="196854" spans="8:8">
      <c r="H196854" s="12"/>
    </row>
    <row r="196855" spans="8:8">
      <c r="H196855" s="12"/>
    </row>
    <row r="196856" spans="8:8">
      <c r="H196856" s="12"/>
    </row>
    <row r="196857" spans="8:8">
      <c r="H196857" s="12"/>
    </row>
    <row r="196858" spans="8:8">
      <c r="H196858" s="12"/>
    </row>
    <row r="196859" spans="8:8">
      <c r="H196859" s="12"/>
    </row>
    <row r="196860" spans="8:8">
      <c r="H196860" s="12"/>
    </row>
    <row r="196861" spans="8:8">
      <c r="H196861" s="12"/>
    </row>
    <row r="196862" spans="8:8">
      <c r="H196862" s="12"/>
    </row>
    <row r="196863" spans="8:8">
      <c r="H196863" s="12"/>
    </row>
    <row r="196864" spans="8:8">
      <c r="H196864" s="12"/>
    </row>
    <row r="196865" spans="8:8">
      <c r="H196865" s="12"/>
    </row>
    <row r="196866" spans="8:8">
      <c r="H196866" s="12"/>
    </row>
    <row r="196867" spans="8:8">
      <c r="H196867" s="12"/>
    </row>
    <row r="196868" spans="8:8">
      <c r="H196868" s="12"/>
    </row>
    <row r="196869" spans="8:8">
      <c r="H196869" s="12"/>
    </row>
    <row r="196870" spans="8:8">
      <c r="H196870" s="12"/>
    </row>
    <row r="196871" spans="8:8">
      <c r="H196871" s="12"/>
    </row>
    <row r="196872" spans="8:8">
      <c r="H196872" s="12"/>
    </row>
    <row r="196873" spans="8:8">
      <c r="H196873" s="12"/>
    </row>
    <row r="196874" spans="8:8">
      <c r="H196874" s="12"/>
    </row>
    <row r="196875" spans="8:8">
      <c r="H196875" s="12"/>
    </row>
    <row r="196876" spans="8:8">
      <c r="H196876" s="12"/>
    </row>
    <row r="196877" spans="8:8">
      <c r="H196877" s="12"/>
    </row>
    <row r="196878" spans="8:8">
      <c r="H196878" s="12"/>
    </row>
    <row r="196879" spans="8:8">
      <c r="H196879" s="12"/>
    </row>
    <row r="196880" spans="8:8">
      <c r="H196880" s="12"/>
    </row>
    <row r="196881" spans="8:8">
      <c r="H196881" s="12"/>
    </row>
    <row r="196882" spans="8:8">
      <c r="H196882" s="12"/>
    </row>
    <row r="196883" spans="8:8">
      <c r="H196883" s="12"/>
    </row>
    <row r="196884" spans="8:8">
      <c r="H196884" s="12"/>
    </row>
    <row r="196885" spans="8:8">
      <c r="H196885" s="12"/>
    </row>
    <row r="196886" spans="8:8">
      <c r="H196886" s="12"/>
    </row>
    <row r="196887" spans="8:8">
      <c r="H196887" s="12"/>
    </row>
    <row r="196888" spans="8:8">
      <c r="H196888" s="12"/>
    </row>
    <row r="196889" spans="8:8">
      <c r="H196889" s="12"/>
    </row>
    <row r="196890" spans="8:8">
      <c r="H196890" s="12"/>
    </row>
    <row r="196891" spans="8:8">
      <c r="H196891" s="12"/>
    </row>
    <row r="196892" spans="8:8">
      <c r="H196892" s="12"/>
    </row>
    <row r="196893" spans="8:8">
      <c r="H196893" s="12"/>
    </row>
    <row r="196894" spans="8:8">
      <c r="H196894" s="12"/>
    </row>
    <row r="196895" spans="8:8">
      <c r="H196895" s="12"/>
    </row>
    <row r="196896" spans="8:8">
      <c r="H196896" s="12"/>
    </row>
    <row r="196897" spans="8:8">
      <c r="H196897" s="12"/>
    </row>
    <row r="196898" spans="8:8">
      <c r="H196898" s="12"/>
    </row>
    <row r="196899" spans="8:8">
      <c r="H196899" s="12"/>
    </row>
    <row r="196900" spans="8:8">
      <c r="H196900" s="12"/>
    </row>
    <row r="196901" spans="8:8">
      <c r="H196901" s="12"/>
    </row>
    <row r="196902" spans="8:8">
      <c r="H196902" s="12"/>
    </row>
    <row r="196903" spans="8:8">
      <c r="H196903" s="12"/>
    </row>
    <row r="196904" spans="8:8">
      <c r="H196904" s="12"/>
    </row>
    <row r="196905" spans="8:8">
      <c r="H196905" s="12"/>
    </row>
    <row r="196906" spans="8:8">
      <c r="H196906" s="12"/>
    </row>
    <row r="196907" spans="8:8">
      <c r="H196907" s="12"/>
    </row>
    <row r="196908" spans="8:8">
      <c r="H196908" s="12"/>
    </row>
    <row r="196909" spans="8:8">
      <c r="H196909" s="12"/>
    </row>
    <row r="196910" spans="8:8">
      <c r="H196910" s="12"/>
    </row>
    <row r="196911" spans="8:8">
      <c r="H196911" s="12"/>
    </row>
    <row r="196912" spans="8:8">
      <c r="H196912" s="12"/>
    </row>
    <row r="196913" spans="8:8">
      <c r="H196913" s="12"/>
    </row>
    <row r="196914" spans="8:8">
      <c r="H196914" s="12"/>
    </row>
    <row r="196915" spans="8:8">
      <c r="H196915" s="12"/>
    </row>
    <row r="196916" spans="8:8">
      <c r="H196916" s="12"/>
    </row>
    <row r="196917" spans="8:8">
      <c r="H196917" s="12"/>
    </row>
    <row r="196918" spans="8:8">
      <c r="H196918" s="12"/>
    </row>
    <row r="196919" spans="8:8">
      <c r="H196919" s="12"/>
    </row>
    <row r="196920" spans="8:8">
      <c r="H196920" s="12"/>
    </row>
    <row r="196921" spans="8:8">
      <c r="H196921" s="12"/>
    </row>
    <row r="196922" spans="8:8">
      <c r="H196922" s="12"/>
    </row>
    <row r="196923" spans="8:8">
      <c r="H196923" s="12"/>
    </row>
    <row r="196924" spans="8:8">
      <c r="H196924" s="12"/>
    </row>
    <row r="196925" spans="8:8">
      <c r="H196925" s="12"/>
    </row>
    <row r="196926" spans="8:8">
      <c r="H196926" s="12"/>
    </row>
    <row r="196927" spans="8:8">
      <c r="H196927" s="12"/>
    </row>
    <row r="196928" spans="8:8">
      <c r="H196928" s="12"/>
    </row>
    <row r="196929" spans="8:8">
      <c r="H196929" s="12"/>
    </row>
    <row r="196930" spans="8:8">
      <c r="H196930" s="12"/>
    </row>
    <row r="196931" spans="8:8">
      <c r="H196931" s="12"/>
    </row>
    <row r="196932" spans="8:8">
      <c r="H196932" s="12"/>
    </row>
    <row r="196933" spans="8:8">
      <c r="H196933" s="12"/>
    </row>
    <row r="196934" spans="8:8">
      <c r="H196934" s="12"/>
    </row>
    <row r="196935" spans="8:8">
      <c r="H196935" s="12"/>
    </row>
    <row r="196936" spans="8:8">
      <c r="H196936" s="12"/>
    </row>
    <row r="196937" spans="8:8">
      <c r="H196937" s="12"/>
    </row>
    <row r="196938" spans="8:8">
      <c r="H196938" s="12"/>
    </row>
    <row r="196939" spans="8:8">
      <c r="H196939" s="12"/>
    </row>
    <row r="196940" spans="8:8">
      <c r="H196940" s="12"/>
    </row>
    <row r="196941" spans="8:8">
      <c r="H196941" s="12"/>
    </row>
    <row r="196942" spans="8:8">
      <c r="H196942" s="12"/>
    </row>
    <row r="196943" spans="8:8">
      <c r="H196943" s="12"/>
    </row>
    <row r="196944" spans="8:8">
      <c r="H196944" s="12"/>
    </row>
    <row r="196945" spans="8:8">
      <c r="H196945" s="12"/>
    </row>
    <row r="196946" spans="8:8">
      <c r="H196946" s="12"/>
    </row>
    <row r="196947" spans="8:8">
      <c r="H196947" s="12"/>
    </row>
    <row r="196948" spans="8:8">
      <c r="H196948" s="12"/>
    </row>
    <row r="196949" spans="8:8">
      <c r="H196949" s="12"/>
    </row>
    <row r="196950" spans="8:8">
      <c r="H196950" s="12"/>
    </row>
    <row r="196951" spans="8:8">
      <c r="H196951" s="12"/>
    </row>
    <row r="196952" spans="8:8">
      <c r="H196952" s="12"/>
    </row>
    <row r="196953" spans="8:8">
      <c r="H196953" s="12"/>
    </row>
    <row r="196954" spans="8:8">
      <c r="H196954" s="12"/>
    </row>
    <row r="196955" spans="8:8">
      <c r="H196955" s="12"/>
    </row>
    <row r="196956" spans="8:8">
      <c r="H196956" s="12"/>
    </row>
    <row r="196957" spans="8:8">
      <c r="H196957" s="12"/>
    </row>
    <row r="196958" spans="8:8">
      <c r="H196958" s="12"/>
    </row>
    <row r="196959" spans="8:8">
      <c r="H196959" s="12"/>
    </row>
    <row r="196960" spans="8:8">
      <c r="H196960" s="12"/>
    </row>
    <row r="196961" spans="8:8">
      <c r="H196961" s="12"/>
    </row>
    <row r="196962" spans="8:8">
      <c r="H196962" s="12"/>
    </row>
    <row r="196963" spans="8:8">
      <c r="H196963" s="12"/>
    </row>
    <row r="196964" spans="8:8">
      <c r="H196964" s="12"/>
    </row>
    <row r="196965" spans="8:8">
      <c r="H196965" s="12"/>
    </row>
    <row r="196966" spans="8:8">
      <c r="H196966" s="12"/>
    </row>
    <row r="196967" spans="8:8">
      <c r="H196967" s="12"/>
    </row>
    <row r="196968" spans="8:8">
      <c r="H196968" s="12"/>
    </row>
    <row r="196969" spans="8:8">
      <c r="H196969" s="12"/>
    </row>
    <row r="196970" spans="8:8">
      <c r="H196970" s="12"/>
    </row>
    <row r="196971" spans="8:8">
      <c r="H196971" s="12"/>
    </row>
    <row r="196972" spans="8:8">
      <c r="H196972" s="12"/>
    </row>
    <row r="196973" spans="8:8">
      <c r="H196973" s="12"/>
    </row>
    <row r="196974" spans="8:8">
      <c r="H196974" s="12"/>
    </row>
    <row r="196975" spans="8:8">
      <c r="H196975" s="12"/>
    </row>
    <row r="196976" spans="8:8">
      <c r="H196976" s="12"/>
    </row>
    <row r="196977" spans="8:8">
      <c r="H196977" s="12"/>
    </row>
    <row r="196978" spans="8:8">
      <c r="H196978" s="12"/>
    </row>
    <row r="196979" spans="8:8">
      <c r="H196979" s="12"/>
    </row>
    <row r="196980" spans="8:8">
      <c r="H196980" s="12"/>
    </row>
    <row r="196981" spans="8:8">
      <c r="H196981" s="12"/>
    </row>
    <row r="196982" spans="8:8">
      <c r="H196982" s="12"/>
    </row>
    <row r="196983" spans="8:8">
      <c r="H196983" s="12"/>
    </row>
    <row r="196984" spans="8:8">
      <c r="H196984" s="12"/>
    </row>
    <row r="196985" spans="8:8">
      <c r="H196985" s="12"/>
    </row>
    <row r="196986" spans="8:8">
      <c r="H196986" s="12"/>
    </row>
    <row r="196987" spans="8:8">
      <c r="H196987" s="12"/>
    </row>
    <row r="196988" spans="8:8">
      <c r="H196988" s="12"/>
    </row>
    <row r="196989" spans="8:8">
      <c r="H196989" s="12"/>
    </row>
    <row r="196990" spans="8:8">
      <c r="H196990" s="12"/>
    </row>
    <row r="196991" spans="8:8">
      <c r="H196991" s="12"/>
    </row>
    <row r="196992" spans="8:8">
      <c r="H196992" s="12"/>
    </row>
    <row r="196993" spans="8:8">
      <c r="H196993" s="12"/>
    </row>
    <row r="196994" spans="8:8">
      <c r="H196994" s="12"/>
    </row>
    <row r="196995" spans="8:8">
      <c r="H196995" s="12"/>
    </row>
    <row r="196996" spans="8:8">
      <c r="H196996" s="12"/>
    </row>
    <row r="196997" spans="8:8">
      <c r="H196997" s="12"/>
    </row>
    <row r="196998" spans="8:8">
      <c r="H196998" s="12"/>
    </row>
    <row r="196999" spans="8:8">
      <c r="H196999" s="12"/>
    </row>
    <row r="197000" spans="8:8">
      <c r="H197000" s="12"/>
    </row>
    <row r="197001" spans="8:8">
      <c r="H197001" s="12"/>
    </row>
    <row r="197002" spans="8:8">
      <c r="H197002" s="12"/>
    </row>
    <row r="197003" spans="8:8">
      <c r="H197003" s="12"/>
    </row>
    <row r="197004" spans="8:8">
      <c r="H197004" s="12"/>
    </row>
    <row r="197005" spans="8:8">
      <c r="H197005" s="12"/>
    </row>
    <row r="197006" spans="8:8">
      <c r="H197006" s="12"/>
    </row>
    <row r="197007" spans="8:8">
      <c r="H197007" s="12"/>
    </row>
    <row r="197008" spans="8:8">
      <c r="H197008" s="12"/>
    </row>
    <row r="197009" spans="8:8">
      <c r="H197009" s="12"/>
    </row>
    <row r="197010" spans="8:8">
      <c r="H197010" s="12"/>
    </row>
    <row r="197011" spans="8:8">
      <c r="H197011" s="12"/>
    </row>
    <row r="197012" spans="8:8">
      <c r="H197012" s="12"/>
    </row>
    <row r="197013" spans="8:8">
      <c r="H197013" s="12"/>
    </row>
    <row r="197014" spans="8:8">
      <c r="H197014" s="12"/>
    </row>
    <row r="197015" spans="8:8">
      <c r="H197015" s="12"/>
    </row>
    <row r="197016" spans="8:8">
      <c r="H197016" s="12"/>
    </row>
    <row r="197017" spans="8:8">
      <c r="H197017" s="12"/>
    </row>
    <row r="197018" spans="8:8">
      <c r="H197018" s="12"/>
    </row>
    <row r="197019" spans="8:8">
      <c r="H197019" s="12"/>
    </row>
    <row r="197020" spans="8:8">
      <c r="H197020" s="12"/>
    </row>
    <row r="197021" spans="8:8">
      <c r="H197021" s="12"/>
    </row>
    <row r="197022" spans="8:8">
      <c r="H197022" s="12"/>
    </row>
    <row r="197023" spans="8:8">
      <c r="H197023" s="12"/>
    </row>
    <row r="197024" spans="8:8">
      <c r="H197024" s="12"/>
    </row>
    <row r="197025" spans="8:8">
      <c r="H197025" s="12"/>
    </row>
    <row r="197026" spans="8:8">
      <c r="H197026" s="12"/>
    </row>
    <row r="197027" spans="8:8">
      <c r="H197027" s="12"/>
    </row>
    <row r="197028" spans="8:8">
      <c r="H197028" s="12"/>
    </row>
    <row r="197029" spans="8:8">
      <c r="H197029" s="12"/>
    </row>
    <row r="197030" spans="8:8">
      <c r="H197030" s="12"/>
    </row>
    <row r="197031" spans="8:8">
      <c r="H197031" s="12"/>
    </row>
    <row r="197032" spans="8:8">
      <c r="H197032" s="12"/>
    </row>
    <row r="197033" spans="8:8">
      <c r="H197033" s="12"/>
    </row>
    <row r="197034" spans="8:8">
      <c r="H197034" s="12"/>
    </row>
    <row r="197035" spans="8:8">
      <c r="H197035" s="12"/>
    </row>
    <row r="197036" spans="8:8">
      <c r="H197036" s="12"/>
    </row>
    <row r="197037" spans="8:8">
      <c r="H197037" s="12"/>
    </row>
    <row r="197038" spans="8:8">
      <c r="H197038" s="12"/>
    </row>
    <row r="197039" spans="8:8">
      <c r="H197039" s="12"/>
    </row>
    <row r="197040" spans="8:8">
      <c r="H197040" s="12"/>
    </row>
    <row r="197041" spans="8:8">
      <c r="H197041" s="12"/>
    </row>
    <row r="197042" spans="8:8">
      <c r="H197042" s="12"/>
    </row>
    <row r="197043" spans="8:8">
      <c r="H197043" s="12"/>
    </row>
    <row r="197044" spans="8:8">
      <c r="H197044" s="12"/>
    </row>
    <row r="197045" spans="8:8">
      <c r="H197045" s="12"/>
    </row>
    <row r="197046" spans="8:8">
      <c r="H197046" s="12"/>
    </row>
    <row r="197047" spans="8:8">
      <c r="H197047" s="12"/>
    </row>
    <row r="197048" spans="8:8">
      <c r="H197048" s="12"/>
    </row>
    <row r="197049" spans="8:8">
      <c r="H197049" s="12"/>
    </row>
    <row r="197050" spans="8:8">
      <c r="H197050" s="12"/>
    </row>
    <row r="197051" spans="8:8">
      <c r="H197051" s="12"/>
    </row>
    <row r="197052" spans="8:8">
      <c r="H197052" s="12"/>
    </row>
    <row r="197053" spans="8:8">
      <c r="H197053" s="12"/>
    </row>
    <row r="197054" spans="8:8">
      <c r="H197054" s="12"/>
    </row>
    <row r="197055" spans="8:8">
      <c r="H197055" s="12"/>
    </row>
    <row r="197056" spans="8:8">
      <c r="H197056" s="12"/>
    </row>
    <row r="197057" spans="8:8">
      <c r="H197057" s="12"/>
    </row>
    <row r="197058" spans="8:8">
      <c r="H197058" s="12"/>
    </row>
    <row r="197059" spans="8:8">
      <c r="H197059" s="12"/>
    </row>
    <row r="197060" spans="8:8">
      <c r="H197060" s="12"/>
    </row>
    <row r="197061" spans="8:8">
      <c r="H197061" s="12"/>
    </row>
    <row r="197062" spans="8:8">
      <c r="H197062" s="12"/>
    </row>
    <row r="197063" spans="8:8">
      <c r="H197063" s="12"/>
    </row>
    <row r="197064" spans="8:8">
      <c r="H197064" s="12"/>
    </row>
    <row r="197065" spans="8:8">
      <c r="H197065" s="12"/>
    </row>
    <row r="197066" spans="8:8">
      <c r="H197066" s="12"/>
    </row>
    <row r="197067" spans="8:8">
      <c r="H197067" s="12"/>
    </row>
    <row r="197068" spans="8:8">
      <c r="H197068" s="12"/>
    </row>
    <row r="197069" spans="8:8">
      <c r="H197069" s="12"/>
    </row>
    <row r="197070" spans="8:8">
      <c r="H197070" s="12"/>
    </row>
    <row r="197071" spans="8:8">
      <c r="H197071" s="12"/>
    </row>
    <row r="197072" spans="8:8">
      <c r="H197072" s="12"/>
    </row>
    <row r="197073" spans="8:8">
      <c r="H197073" s="12"/>
    </row>
    <row r="197074" spans="8:8">
      <c r="H197074" s="12"/>
    </row>
    <row r="197075" spans="8:8">
      <c r="H197075" s="12"/>
    </row>
    <row r="197076" spans="8:8">
      <c r="H197076" s="12"/>
    </row>
    <row r="197077" spans="8:8">
      <c r="H197077" s="12"/>
    </row>
    <row r="197078" spans="8:8">
      <c r="H197078" s="12"/>
    </row>
    <row r="197079" spans="8:8">
      <c r="H197079" s="12"/>
    </row>
    <row r="197080" spans="8:8">
      <c r="H197080" s="12"/>
    </row>
    <row r="197081" spans="8:8">
      <c r="H197081" s="12"/>
    </row>
    <row r="197082" spans="8:8">
      <c r="H197082" s="12"/>
    </row>
    <row r="197083" spans="8:8">
      <c r="H197083" s="12"/>
    </row>
    <row r="197084" spans="8:8">
      <c r="H197084" s="12"/>
    </row>
    <row r="197085" spans="8:8">
      <c r="H197085" s="12"/>
    </row>
    <row r="197086" spans="8:8">
      <c r="H197086" s="12"/>
    </row>
    <row r="197087" spans="8:8">
      <c r="H197087" s="12"/>
    </row>
    <row r="197088" spans="8:8">
      <c r="H197088" s="12"/>
    </row>
    <row r="197089" spans="8:8">
      <c r="H197089" s="12"/>
    </row>
    <row r="197090" spans="8:8">
      <c r="H197090" s="12"/>
    </row>
    <row r="197091" spans="8:8">
      <c r="H197091" s="12"/>
    </row>
    <row r="197092" spans="8:8">
      <c r="H197092" s="12"/>
    </row>
    <row r="197093" spans="8:8">
      <c r="H197093" s="12"/>
    </row>
    <row r="197094" spans="8:8">
      <c r="H197094" s="12"/>
    </row>
    <row r="197095" spans="8:8">
      <c r="H197095" s="12"/>
    </row>
    <row r="197096" spans="8:8">
      <c r="H197096" s="12"/>
    </row>
    <row r="197097" spans="8:8">
      <c r="H197097" s="12"/>
    </row>
    <row r="197098" spans="8:8">
      <c r="H197098" s="12"/>
    </row>
    <row r="197099" spans="8:8">
      <c r="H197099" s="12"/>
    </row>
    <row r="197100" spans="8:8">
      <c r="H197100" s="12"/>
    </row>
    <row r="197101" spans="8:8">
      <c r="H197101" s="12"/>
    </row>
    <row r="197102" spans="8:8">
      <c r="H197102" s="12"/>
    </row>
    <row r="197103" spans="8:8">
      <c r="H197103" s="12"/>
    </row>
    <row r="197104" spans="8:8">
      <c r="H197104" s="12"/>
    </row>
    <row r="197105" spans="8:8">
      <c r="H197105" s="12"/>
    </row>
    <row r="197106" spans="8:8">
      <c r="H197106" s="12"/>
    </row>
    <row r="197107" spans="8:8">
      <c r="H197107" s="12"/>
    </row>
    <row r="197108" spans="8:8">
      <c r="H197108" s="12"/>
    </row>
    <row r="197109" spans="8:8">
      <c r="H197109" s="12"/>
    </row>
    <row r="197110" spans="8:8">
      <c r="H197110" s="12"/>
    </row>
    <row r="197111" spans="8:8">
      <c r="H197111" s="12"/>
    </row>
    <row r="197112" spans="8:8">
      <c r="H197112" s="12"/>
    </row>
    <row r="197113" spans="8:8">
      <c r="H197113" s="12"/>
    </row>
    <row r="197114" spans="8:8">
      <c r="H197114" s="12"/>
    </row>
    <row r="197115" spans="8:8">
      <c r="H197115" s="12"/>
    </row>
    <row r="197116" spans="8:8">
      <c r="H197116" s="12"/>
    </row>
    <row r="197117" spans="8:8">
      <c r="H197117" s="12"/>
    </row>
    <row r="197118" spans="8:8">
      <c r="H197118" s="12"/>
    </row>
    <row r="197119" spans="8:8">
      <c r="H197119" s="12"/>
    </row>
    <row r="197120" spans="8:8">
      <c r="H197120" s="12"/>
    </row>
    <row r="197121" spans="8:8">
      <c r="H197121" s="12"/>
    </row>
    <row r="197122" spans="8:8">
      <c r="H197122" s="12"/>
    </row>
    <row r="197123" spans="8:8">
      <c r="H197123" s="12"/>
    </row>
    <row r="197124" spans="8:8">
      <c r="H197124" s="12"/>
    </row>
    <row r="197125" spans="8:8">
      <c r="H197125" s="12"/>
    </row>
    <row r="197126" spans="8:8">
      <c r="H197126" s="12"/>
    </row>
    <row r="197127" spans="8:8">
      <c r="H197127" s="12"/>
    </row>
    <row r="197128" spans="8:8">
      <c r="H197128" s="12"/>
    </row>
    <row r="197129" spans="8:8">
      <c r="H197129" s="12"/>
    </row>
    <row r="197130" spans="8:8">
      <c r="H197130" s="12"/>
    </row>
    <row r="197131" spans="8:8">
      <c r="H197131" s="12"/>
    </row>
    <row r="197132" spans="8:8">
      <c r="H197132" s="12"/>
    </row>
    <row r="197133" spans="8:8">
      <c r="H197133" s="12"/>
    </row>
    <row r="197134" spans="8:8">
      <c r="H197134" s="12"/>
    </row>
    <row r="197135" spans="8:8">
      <c r="H197135" s="12"/>
    </row>
    <row r="197136" spans="8:8">
      <c r="H197136" s="12"/>
    </row>
    <row r="197137" spans="8:8">
      <c r="H197137" s="12"/>
    </row>
    <row r="197138" spans="8:8">
      <c r="H197138" s="12"/>
    </row>
    <row r="197139" spans="8:8">
      <c r="H197139" s="12"/>
    </row>
    <row r="197140" spans="8:8">
      <c r="H197140" s="12"/>
    </row>
    <row r="197141" spans="8:8">
      <c r="H197141" s="12"/>
    </row>
    <row r="197142" spans="8:8">
      <c r="H197142" s="12"/>
    </row>
    <row r="197143" spans="8:8">
      <c r="H197143" s="12"/>
    </row>
    <row r="197144" spans="8:8">
      <c r="H197144" s="12"/>
    </row>
    <row r="197145" spans="8:8">
      <c r="H197145" s="12"/>
    </row>
    <row r="197146" spans="8:8">
      <c r="H197146" s="12"/>
    </row>
    <row r="197147" spans="8:8">
      <c r="H197147" s="12"/>
    </row>
    <row r="197148" spans="8:8">
      <c r="H197148" s="12"/>
    </row>
    <row r="197149" spans="8:8">
      <c r="H197149" s="12"/>
    </row>
    <row r="197150" spans="8:8">
      <c r="H197150" s="12"/>
    </row>
    <row r="197151" spans="8:8">
      <c r="H197151" s="12"/>
    </row>
    <row r="197152" spans="8:8">
      <c r="H197152" s="12"/>
    </row>
    <row r="197153" spans="8:8">
      <c r="H197153" s="12"/>
    </row>
    <row r="197154" spans="8:8">
      <c r="H197154" s="12"/>
    </row>
    <row r="197155" spans="8:8">
      <c r="H197155" s="12"/>
    </row>
    <row r="197156" spans="8:8">
      <c r="H197156" s="12"/>
    </row>
    <row r="197157" spans="8:8">
      <c r="H197157" s="12"/>
    </row>
    <row r="197158" spans="8:8">
      <c r="H197158" s="12"/>
    </row>
    <row r="197159" spans="8:8">
      <c r="H197159" s="12"/>
    </row>
    <row r="197160" spans="8:8">
      <c r="H197160" s="12"/>
    </row>
    <row r="197161" spans="8:8">
      <c r="H197161" s="12"/>
    </row>
    <row r="197162" spans="8:8">
      <c r="H197162" s="12"/>
    </row>
    <row r="197163" spans="8:8">
      <c r="H197163" s="12"/>
    </row>
    <row r="197164" spans="8:8">
      <c r="H197164" s="12"/>
    </row>
    <row r="197165" spans="8:8">
      <c r="H197165" s="12"/>
    </row>
    <row r="197166" spans="8:8">
      <c r="H197166" s="12"/>
    </row>
    <row r="197167" spans="8:8">
      <c r="H197167" s="12"/>
    </row>
    <row r="197168" spans="8:8">
      <c r="H197168" s="12"/>
    </row>
    <row r="197169" spans="8:8">
      <c r="H197169" s="12"/>
    </row>
    <row r="197170" spans="8:8">
      <c r="H197170" s="12"/>
    </row>
    <row r="197171" spans="8:8">
      <c r="H197171" s="12"/>
    </row>
    <row r="197172" spans="8:8">
      <c r="H197172" s="12"/>
    </row>
    <row r="197173" spans="8:8">
      <c r="H197173" s="12"/>
    </row>
    <row r="197174" spans="8:8">
      <c r="H197174" s="12"/>
    </row>
    <row r="197175" spans="8:8">
      <c r="H197175" s="12"/>
    </row>
    <row r="197176" spans="8:8">
      <c r="H197176" s="12"/>
    </row>
    <row r="197177" spans="8:8">
      <c r="H197177" s="12"/>
    </row>
    <row r="197178" spans="8:8">
      <c r="H197178" s="12"/>
    </row>
    <row r="197179" spans="8:8">
      <c r="H197179" s="12"/>
    </row>
    <row r="197180" spans="8:8">
      <c r="H197180" s="12"/>
    </row>
    <row r="197181" spans="8:8">
      <c r="H197181" s="12"/>
    </row>
    <row r="197182" spans="8:8">
      <c r="H197182" s="12"/>
    </row>
    <row r="197183" spans="8:8">
      <c r="H197183" s="12"/>
    </row>
    <row r="197184" spans="8:8">
      <c r="H197184" s="12"/>
    </row>
    <row r="197185" spans="8:8">
      <c r="H197185" s="12"/>
    </row>
    <row r="197186" spans="8:8">
      <c r="H197186" s="12"/>
    </row>
    <row r="197187" spans="8:8">
      <c r="H197187" s="12"/>
    </row>
    <row r="197188" spans="8:8">
      <c r="H197188" s="12"/>
    </row>
    <row r="197189" spans="8:8">
      <c r="H197189" s="12"/>
    </row>
    <row r="197190" spans="8:8">
      <c r="H197190" s="12"/>
    </row>
    <row r="197191" spans="8:8">
      <c r="H197191" s="12"/>
    </row>
    <row r="197192" spans="8:8">
      <c r="H197192" s="12"/>
    </row>
    <row r="197193" spans="8:8">
      <c r="H197193" s="12"/>
    </row>
    <row r="197194" spans="8:8">
      <c r="H197194" s="12"/>
    </row>
    <row r="197195" spans="8:8">
      <c r="H197195" s="12"/>
    </row>
    <row r="197196" spans="8:8">
      <c r="H197196" s="12"/>
    </row>
    <row r="197197" spans="8:8">
      <c r="H197197" s="12"/>
    </row>
    <row r="197198" spans="8:8">
      <c r="H197198" s="12"/>
    </row>
    <row r="197199" spans="8:8">
      <c r="H197199" s="12"/>
    </row>
    <row r="197200" spans="8:8">
      <c r="H197200" s="12"/>
    </row>
    <row r="197201" spans="8:8">
      <c r="H197201" s="12"/>
    </row>
    <row r="197202" spans="8:8">
      <c r="H197202" s="12"/>
    </row>
    <row r="197203" spans="8:8">
      <c r="H197203" s="12"/>
    </row>
    <row r="197204" spans="8:8">
      <c r="H197204" s="12"/>
    </row>
    <row r="197205" spans="8:8">
      <c r="H197205" s="12"/>
    </row>
    <row r="197206" spans="8:8">
      <c r="H197206" s="12"/>
    </row>
    <row r="197207" spans="8:8">
      <c r="H197207" s="12"/>
    </row>
    <row r="197208" spans="8:8">
      <c r="H197208" s="12"/>
    </row>
    <row r="197209" spans="8:8">
      <c r="H197209" s="12"/>
    </row>
    <row r="197210" spans="8:8">
      <c r="H197210" s="12"/>
    </row>
    <row r="197211" spans="8:8">
      <c r="H197211" s="12"/>
    </row>
    <row r="197212" spans="8:8">
      <c r="H197212" s="12"/>
    </row>
    <row r="197213" spans="8:8">
      <c r="H197213" s="12"/>
    </row>
    <row r="197214" spans="8:8">
      <c r="H197214" s="12"/>
    </row>
    <row r="197215" spans="8:8">
      <c r="H197215" s="12"/>
    </row>
    <row r="197216" spans="8:8">
      <c r="H197216" s="12"/>
    </row>
    <row r="197217" spans="8:8">
      <c r="H197217" s="12"/>
    </row>
    <row r="197218" spans="8:8">
      <c r="H197218" s="12"/>
    </row>
    <row r="197219" spans="8:8">
      <c r="H197219" s="12"/>
    </row>
    <row r="197220" spans="8:8">
      <c r="H197220" s="12"/>
    </row>
    <row r="197221" spans="8:8">
      <c r="H197221" s="12"/>
    </row>
    <row r="197222" spans="8:8">
      <c r="H197222" s="12"/>
    </row>
    <row r="197223" spans="8:8">
      <c r="H197223" s="12"/>
    </row>
    <row r="197224" spans="8:8">
      <c r="H197224" s="12"/>
    </row>
    <row r="197225" spans="8:8">
      <c r="H197225" s="12"/>
    </row>
    <row r="197226" spans="8:8">
      <c r="H197226" s="12"/>
    </row>
    <row r="197227" spans="8:8">
      <c r="H197227" s="12"/>
    </row>
    <row r="197228" spans="8:8">
      <c r="H197228" s="12"/>
    </row>
    <row r="197229" spans="8:8">
      <c r="H197229" s="12"/>
    </row>
    <row r="197230" spans="8:8">
      <c r="H197230" s="12"/>
    </row>
    <row r="197231" spans="8:8">
      <c r="H197231" s="12"/>
    </row>
    <row r="197232" spans="8:8">
      <c r="H197232" s="12"/>
    </row>
    <row r="197233" spans="8:8">
      <c r="H197233" s="12"/>
    </row>
    <row r="197234" spans="8:8">
      <c r="H197234" s="12"/>
    </row>
    <row r="197235" spans="8:8">
      <c r="H197235" s="12"/>
    </row>
    <row r="197236" spans="8:8">
      <c r="H197236" s="12"/>
    </row>
    <row r="197237" spans="8:8">
      <c r="H197237" s="12"/>
    </row>
    <row r="197238" spans="8:8">
      <c r="H197238" s="12"/>
    </row>
    <row r="197239" spans="8:8">
      <c r="H197239" s="12"/>
    </row>
    <row r="197240" spans="8:8">
      <c r="H197240" s="12"/>
    </row>
    <row r="197241" spans="8:8">
      <c r="H197241" s="12"/>
    </row>
    <row r="197242" spans="8:8">
      <c r="H197242" s="12"/>
    </row>
    <row r="197243" spans="8:8">
      <c r="H197243" s="12"/>
    </row>
    <row r="197244" spans="8:8">
      <c r="H197244" s="12"/>
    </row>
    <row r="197245" spans="8:8">
      <c r="H197245" s="12"/>
    </row>
    <row r="197246" spans="8:8">
      <c r="H197246" s="12"/>
    </row>
    <row r="197247" spans="8:8">
      <c r="H197247" s="12"/>
    </row>
    <row r="197248" spans="8:8">
      <c r="H197248" s="12"/>
    </row>
    <row r="197249" spans="8:8">
      <c r="H197249" s="12"/>
    </row>
    <row r="197250" spans="8:8">
      <c r="H197250" s="12"/>
    </row>
    <row r="197251" spans="8:8">
      <c r="H197251" s="12"/>
    </row>
    <row r="197252" spans="8:8">
      <c r="H197252" s="12"/>
    </row>
    <row r="197253" spans="8:8">
      <c r="H197253" s="12"/>
    </row>
    <row r="197254" spans="8:8">
      <c r="H197254" s="12"/>
    </row>
    <row r="197255" spans="8:8">
      <c r="H197255" s="12"/>
    </row>
    <row r="197256" spans="8:8">
      <c r="H197256" s="12"/>
    </row>
    <row r="197257" spans="8:8">
      <c r="H197257" s="12"/>
    </row>
    <row r="197258" spans="8:8">
      <c r="H197258" s="12"/>
    </row>
    <row r="197259" spans="8:8">
      <c r="H197259" s="12"/>
    </row>
    <row r="197260" spans="8:8">
      <c r="H197260" s="12"/>
    </row>
    <row r="197261" spans="8:8">
      <c r="H197261" s="12"/>
    </row>
    <row r="197262" spans="8:8">
      <c r="H197262" s="12"/>
    </row>
    <row r="197263" spans="8:8">
      <c r="H197263" s="12"/>
    </row>
    <row r="197264" spans="8:8">
      <c r="H197264" s="12"/>
    </row>
    <row r="197265" spans="8:8">
      <c r="H197265" s="12"/>
    </row>
    <row r="197266" spans="8:8">
      <c r="H197266" s="12"/>
    </row>
    <row r="197267" spans="8:8">
      <c r="H197267" s="12"/>
    </row>
    <row r="197268" spans="8:8">
      <c r="H197268" s="12"/>
    </row>
    <row r="197269" spans="8:8">
      <c r="H197269" s="12"/>
    </row>
    <row r="197270" spans="8:8">
      <c r="H197270" s="12"/>
    </row>
    <row r="197271" spans="8:8">
      <c r="H197271" s="12"/>
    </row>
    <row r="197272" spans="8:8">
      <c r="H197272" s="12"/>
    </row>
    <row r="197273" spans="8:8">
      <c r="H197273" s="12"/>
    </row>
    <row r="197274" spans="8:8">
      <c r="H197274" s="12"/>
    </row>
    <row r="197275" spans="8:8">
      <c r="H197275" s="12"/>
    </row>
    <row r="197276" spans="8:8">
      <c r="H197276" s="12"/>
    </row>
    <row r="197277" spans="8:8">
      <c r="H197277" s="12"/>
    </row>
    <row r="197278" spans="8:8">
      <c r="H197278" s="12"/>
    </row>
    <row r="197279" spans="8:8">
      <c r="H197279" s="12"/>
    </row>
    <row r="197280" spans="8:8">
      <c r="H197280" s="12"/>
    </row>
    <row r="197281" spans="8:8">
      <c r="H197281" s="12"/>
    </row>
    <row r="197282" spans="8:8">
      <c r="H197282" s="12"/>
    </row>
    <row r="197283" spans="8:8">
      <c r="H197283" s="12"/>
    </row>
    <row r="197284" spans="8:8">
      <c r="H197284" s="12"/>
    </row>
    <row r="197285" spans="8:8">
      <c r="H197285" s="12"/>
    </row>
    <row r="197286" spans="8:8">
      <c r="H197286" s="12"/>
    </row>
    <row r="197287" spans="8:8">
      <c r="H197287" s="12"/>
    </row>
    <row r="197288" spans="8:8">
      <c r="H197288" s="12"/>
    </row>
    <row r="197289" spans="8:8">
      <c r="H197289" s="12"/>
    </row>
    <row r="197290" spans="8:8">
      <c r="H197290" s="12"/>
    </row>
    <row r="197291" spans="8:8">
      <c r="H197291" s="12"/>
    </row>
    <row r="197292" spans="8:8">
      <c r="H197292" s="12"/>
    </row>
    <row r="197293" spans="8:8">
      <c r="H197293" s="12"/>
    </row>
    <row r="197294" spans="8:8">
      <c r="H197294" s="12"/>
    </row>
    <row r="197295" spans="8:8">
      <c r="H197295" s="12"/>
    </row>
    <row r="197296" spans="8:8">
      <c r="H197296" s="12"/>
    </row>
    <row r="197297" spans="8:8">
      <c r="H197297" s="12"/>
    </row>
    <row r="197298" spans="8:8">
      <c r="H197298" s="12"/>
    </row>
    <row r="197299" spans="8:8">
      <c r="H197299" s="12"/>
    </row>
    <row r="197300" spans="8:8">
      <c r="H197300" s="12"/>
    </row>
    <row r="197301" spans="8:8">
      <c r="H197301" s="12"/>
    </row>
    <row r="197302" spans="8:8">
      <c r="H197302" s="12"/>
    </row>
    <row r="197303" spans="8:8">
      <c r="H197303" s="12"/>
    </row>
    <row r="197304" spans="8:8">
      <c r="H197304" s="12"/>
    </row>
    <row r="197305" spans="8:8">
      <c r="H197305" s="12"/>
    </row>
    <row r="197306" spans="8:8">
      <c r="H197306" s="12"/>
    </row>
    <row r="197307" spans="8:8">
      <c r="H197307" s="12"/>
    </row>
    <row r="197308" spans="8:8">
      <c r="H197308" s="12"/>
    </row>
    <row r="197309" spans="8:8">
      <c r="H197309" s="12"/>
    </row>
    <row r="197310" spans="8:8">
      <c r="H197310" s="12"/>
    </row>
    <row r="197311" spans="8:8">
      <c r="H197311" s="12"/>
    </row>
    <row r="197312" spans="8:8">
      <c r="H197312" s="12"/>
    </row>
    <row r="197313" spans="8:8">
      <c r="H197313" s="12"/>
    </row>
    <row r="197314" spans="8:8">
      <c r="H197314" s="12"/>
    </row>
    <row r="197315" spans="8:8">
      <c r="H197315" s="12"/>
    </row>
    <row r="197316" spans="8:8">
      <c r="H197316" s="12"/>
    </row>
    <row r="197317" spans="8:8">
      <c r="H197317" s="12"/>
    </row>
    <row r="197318" spans="8:8">
      <c r="H197318" s="12"/>
    </row>
    <row r="197319" spans="8:8">
      <c r="H197319" s="12"/>
    </row>
    <row r="197320" spans="8:8">
      <c r="H197320" s="12"/>
    </row>
    <row r="197321" spans="8:8">
      <c r="H197321" s="12"/>
    </row>
    <row r="197322" spans="8:8">
      <c r="H197322" s="12"/>
    </row>
    <row r="197323" spans="8:8">
      <c r="H197323" s="12"/>
    </row>
    <row r="197324" spans="8:8">
      <c r="H197324" s="12"/>
    </row>
    <row r="197325" spans="8:8">
      <c r="H197325" s="12"/>
    </row>
    <row r="197326" spans="8:8">
      <c r="H197326" s="12"/>
    </row>
    <row r="197327" spans="8:8">
      <c r="H197327" s="12"/>
    </row>
    <row r="197328" spans="8:8">
      <c r="H197328" s="12"/>
    </row>
    <row r="197329" spans="8:8">
      <c r="H197329" s="12"/>
    </row>
    <row r="197330" spans="8:8">
      <c r="H197330" s="12"/>
    </row>
    <row r="197331" spans="8:8">
      <c r="H197331" s="12"/>
    </row>
    <row r="197332" spans="8:8">
      <c r="H197332" s="12"/>
    </row>
    <row r="197333" spans="8:8">
      <c r="H197333" s="12"/>
    </row>
    <row r="197334" spans="8:8">
      <c r="H197334" s="12"/>
    </row>
    <row r="197335" spans="8:8">
      <c r="H197335" s="12"/>
    </row>
    <row r="197336" spans="8:8">
      <c r="H197336" s="12"/>
    </row>
    <row r="197337" spans="8:8">
      <c r="H197337" s="12"/>
    </row>
    <row r="197338" spans="8:8">
      <c r="H197338" s="12"/>
    </row>
    <row r="197339" spans="8:8">
      <c r="H197339" s="12"/>
    </row>
    <row r="197340" spans="8:8">
      <c r="H197340" s="12"/>
    </row>
    <row r="197341" spans="8:8">
      <c r="H197341" s="12"/>
    </row>
    <row r="197342" spans="8:8">
      <c r="H197342" s="12"/>
    </row>
    <row r="197343" spans="8:8">
      <c r="H197343" s="12"/>
    </row>
    <row r="197344" spans="8:8">
      <c r="H197344" s="12"/>
    </row>
    <row r="197345" spans="8:8">
      <c r="H197345" s="12"/>
    </row>
    <row r="197346" spans="8:8">
      <c r="H197346" s="12"/>
    </row>
    <row r="197347" spans="8:8">
      <c r="H197347" s="12"/>
    </row>
    <row r="197348" spans="8:8">
      <c r="H197348" s="12"/>
    </row>
    <row r="197349" spans="8:8">
      <c r="H197349" s="12"/>
    </row>
    <row r="197350" spans="8:8">
      <c r="H197350" s="12"/>
    </row>
    <row r="197351" spans="8:8">
      <c r="H197351" s="12"/>
    </row>
    <row r="197352" spans="8:8">
      <c r="H197352" s="12"/>
    </row>
    <row r="197353" spans="8:8">
      <c r="H197353" s="12"/>
    </row>
    <row r="197354" spans="8:8">
      <c r="H197354" s="12"/>
    </row>
    <row r="197355" spans="8:8">
      <c r="H197355" s="12"/>
    </row>
    <row r="197356" spans="8:8">
      <c r="H197356" s="12"/>
    </row>
    <row r="197357" spans="8:8">
      <c r="H197357" s="12"/>
    </row>
    <row r="197358" spans="8:8">
      <c r="H197358" s="12"/>
    </row>
    <row r="197359" spans="8:8">
      <c r="H197359" s="12"/>
    </row>
    <row r="197360" spans="8:8">
      <c r="H197360" s="12"/>
    </row>
    <row r="197361" spans="8:8">
      <c r="H197361" s="12"/>
    </row>
    <row r="197362" spans="8:8">
      <c r="H197362" s="12"/>
    </row>
    <row r="197363" spans="8:8">
      <c r="H197363" s="12"/>
    </row>
    <row r="197364" spans="8:8">
      <c r="H197364" s="12"/>
    </row>
    <row r="197365" spans="8:8">
      <c r="H197365" s="12"/>
    </row>
    <row r="197366" spans="8:8">
      <c r="H197366" s="12"/>
    </row>
    <row r="197367" spans="8:8">
      <c r="H197367" s="12"/>
    </row>
    <row r="197368" spans="8:8">
      <c r="H197368" s="12"/>
    </row>
    <row r="197369" spans="8:8">
      <c r="H197369" s="12"/>
    </row>
    <row r="197370" spans="8:8">
      <c r="H197370" s="12"/>
    </row>
    <row r="197371" spans="8:8">
      <c r="H197371" s="12"/>
    </row>
    <row r="197372" spans="8:8">
      <c r="H197372" s="12"/>
    </row>
    <row r="197373" spans="8:8">
      <c r="H197373" s="12"/>
    </row>
    <row r="197374" spans="8:8">
      <c r="H197374" s="12"/>
    </row>
    <row r="197375" spans="8:8">
      <c r="H197375" s="12"/>
    </row>
    <row r="197376" spans="8:8">
      <c r="H197376" s="12"/>
    </row>
    <row r="197377" spans="8:8">
      <c r="H197377" s="12"/>
    </row>
    <row r="197378" spans="8:8">
      <c r="H197378" s="12"/>
    </row>
    <row r="197379" spans="8:8">
      <c r="H197379" s="12"/>
    </row>
    <row r="197380" spans="8:8">
      <c r="H197380" s="12"/>
    </row>
    <row r="197381" spans="8:8">
      <c r="H197381" s="12"/>
    </row>
    <row r="197382" spans="8:8">
      <c r="H197382" s="12"/>
    </row>
    <row r="197383" spans="8:8">
      <c r="H197383" s="12"/>
    </row>
    <row r="197384" spans="8:8">
      <c r="H197384" s="12"/>
    </row>
    <row r="197385" spans="8:8">
      <c r="H197385" s="12"/>
    </row>
    <row r="197386" spans="8:8">
      <c r="H197386" s="12"/>
    </row>
    <row r="197387" spans="8:8">
      <c r="H197387" s="12"/>
    </row>
    <row r="197388" spans="8:8">
      <c r="H197388" s="12"/>
    </row>
    <row r="197389" spans="8:8">
      <c r="H197389" s="12"/>
    </row>
    <row r="197390" spans="8:8">
      <c r="H197390" s="12"/>
    </row>
    <row r="197391" spans="8:8">
      <c r="H197391" s="12"/>
    </row>
    <row r="197392" spans="8:8">
      <c r="H197392" s="12"/>
    </row>
    <row r="197393" spans="8:8">
      <c r="H197393" s="12"/>
    </row>
    <row r="197394" spans="8:8">
      <c r="H197394" s="12"/>
    </row>
    <row r="197395" spans="8:8">
      <c r="H197395" s="12"/>
    </row>
    <row r="197396" spans="8:8">
      <c r="H197396" s="12"/>
    </row>
    <row r="197397" spans="8:8">
      <c r="H197397" s="12"/>
    </row>
    <row r="197398" spans="8:8">
      <c r="H197398" s="12"/>
    </row>
    <row r="197399" spans="8:8">
      <c r="H197399" s="12"/>
    </row>
    <row r="197400" spans="8:8">
      <c r="H197400" s="12"/>
    </row>
    <row r="197401" spans="8:8">
      <c r="H197401" s="12"/>
    </row>
    <row r="197402" spans="8:8">
      <c r="H197402" s="12"/>
    </row>
    <row r="197403" spans="8:8">
      <c r="H197403" s="12"/>
    </row>
    <row r="197404" spans="8:8">
      <c r="H197404" s="12"/>
    </row>
    <row r="197405" spans="8:8">
      <c r="H197405" s="12"/>
    </row>
    <row r="197406" spans="8:8">
      <c r="H197406" s="12"/>
    </row>
    <row r="197407" spans="8:8">
      <c r="H197407" s="12"/>
    </row>
    <row r="197408" spans="8:8">
      <c r="H197408" s="12"/>
    </row>
    <row r="197409" spans="8:8">
      <c r="H197409" s="12"/>
    </row>
    <row r="197410" spans="8:8">
      <c r="H197410" s="12"/>
    </row>
    <row r="197411" spans="8:8">
      <c r="H197411" s="12"/>
    </row>
    <row r="197412" spans="8:8">
      <c r="H197412" s="12"/>
    </row>
    <row r="197413" spans="8:8">
      <c r="H197413" s="12"/>
    </row>
    <row r="197414" spans="8:8">
      <c r="H197414" s="12"/>
    </row>
    <row r="197415" spans="8:8">
      <c r="H197415" s="12"/>
    </row>
    <row r="197416" spans="8:8">
      <c r="H197416" s="12"/>
    </row>
    <row r="197417" spans="8:8">
      <c r="H197417" s="12"/>
    </row>
    <row r="197418" spans="8:8">
      <c r="H197418" s="12"/>
    </row>
    <row r="197419" spans="8:8">
      <c r="H197419" s="12"/>
    </row>
    <row r="197420" spans="8:8">
      <c r="H197420" s="12"/>
    </row>
    <row r="197421" spans="8:8">
      <c r="H197421" s="12"/>
    </row>
    <row r="197422" spans="8:8">
      <c r="H197422" s="12"/>
    </row>
    <row r="197423" spans="8:8">
      <c r="H197423" s="12"/>
    </row>
    <row r="197424" spans="8:8">
      <c r="H197424" s="12"/>
    </row>
    <row r="197425" spans="8:8">
      <c r="H197425" s="12"/>
    </row>
    <row r="197426" spans="8:8">
      <c r="H197426" s="12"/>
    </row>
    <row r="197427" spans="8:8">
      <c r="H197427" s="12"/>
    </row>
    <row r="197428" spans="8:8">
      <c r="H197428" s="12"/>
    </row>
    <row r="197429" spans="8:8">
      <c r="H197429" s="12"/>
    </row>
    <row r="197430" spans="8:8">
      <c r="H197430" s="12"/>
    </row>
    <row r="197431" spans="8:8">
      <c r="H197431" s="12"/>
    </row>
    <row r="197432" spans="8:8">
      <c r="H197432" s="12"/>
    </row>
    <row r="197433" spans="8:8">
      <c r="H197433" s="12"/>
    </row>
    <row r="197434" spans="8:8">
      <c r="H197434" s="12"/>
    </row>
    <row r="197435" spans="8:8">
      <c r="H197435" s="12"/>
    </row>
    <row r="197436" spans="8:8">
      <c r="H197436" s="12"/>
    </row>
    <row r="197437" spans="8:8">
      <c r="H197437" s="12"/>
    </row>
    <row r="197438" spans="8:8">
      <c r="H197438" s="12"/>
    </row>
    <row r="197439" spans="8:8">
      <c r="H197439" s="12"/>
    </row>
    <row r="197440" spans="8:8">
      <c r="H197440" s="12"/>
    </row>
    <row r="197441" spans="8:8">
      <c r="H197441" s="12"/>
    </row>
    <row r="197442" spans="8:8">
      <c r="H197442" s="12"/>
    </row>
    <row r="197443" spans="8:8">
      <c r="H197443" s="12"/>
    </row>
    <row r="197444" spans="8:8">
      <c r="H197444" s="12"/>
    </row>
    <row r="197445" spans="8:8">
      <c r="H197445" s="12"/>
    </row>
    <row r="197446" spans="8:8">
      <c r="H197446" s="12"/>
    </row>
    <row r="197447" spans="8:8">
      <c r="H197447" s="12"/>
    </row>
    <row r="197448" spans="8:8">
      <c r="H197448" s="12"/>
    </row>
    <row r="197449" spans="8:8">
      <c r="H197449" s="12"/>
    </row>
    <row r="197450" spans="8:8">
      <c r="H197450" s="12"/>
    </row>
    <row r="197451" spans="8:8">
      <c r="H197451" s="12"/>
    </row>
    <row r="197452" spans="8:8">
      <c r="H197452" s="12"/>
    </row>
    <row r="197453" spans="8:8">
      <c r="H197453" s="12"/>
    </row>
    <row r="197454" spans="8:8">
      <c r="H197454" s="12"/>
    </row>
    <row r="197455" spans="8:8">
      <c r="H197455" s="12"/>
    </row>
    <row r="197456" spans="8:8">
      <c r="H197456" s="12"/>
    </row>
    <row r="197457" spans="8:8">
      <c r="H197457" s="12"/>
    </row>
    <row r="197458" spans="8:8">
      <c r="H197458" s="12"/>
    </row>
    <row r="197459" spans="8:8">
      <c r="H197459" s="12"/>
    </row>
    <row r="197460" spans="8:8">
      <c r="H197460" s="12"/>
    </row>
    <row r="197461" spans="8:8">
      <c r="H197461" s="12"/>
    </row>
    <row r="197462" spans="8:8">
      <c r="H197462" s="12"/>
    </row>
    <row r="197463" spans="8:8">
      <c r="H197463" s="12"/>
    </row>
    <row r="197464" spans="8:8">
      <c r="H197464" s="12"/>
    </row>
    <row r="197465" spans="8:8">
      <c r="H197465" s="12"/>
    </row>
    <row r="197466" spans="8:8">
      <c r="H197466" s="12"/>
    </row>
    <row r="197467" spans="8:8">
      <c r="H197467" s="12"/>
    </row>
    <row r="197468" spans="8:8">
      <c r="H197468" s="12"/>
    </row>
    <row r="197469" spans="8:8">
      <c r="H197469" s="12"/>
    </row>
    <row r="197470" spans="8:8">
      <c r="H197470" s="12"/>
    </row>
    <row r="197471" spans="8:8">
      <c r="H197471" s="12"/>
    </row>
    <row r="197472" spans="8:8">
      <c r="H197472" s="12"/>
    </row>
    <row r="197473" spans="8:8">
      <c r="H197473" s="12"/>
    </row>
    <row r="197474" spans="8:8">
      <c r="H197474" s="12"/>
    </row>
    <row r="197475" spans="8:8">
      <c r="H197475" s="12"/>
    </row>
    <row r="197476" spans="8:8">
      <c r="H197476" s="12"/>
    </row>
    <row r="197477" spans="8:8">
      <c r="H197477" s="12"/>
    </row>
    <row r="197478" spans="8:8">
      <c r="H197478" s="12"/>
    </row>
    <row r="197479" spans="8:8">
      <c r="H197479" s="12"/>
    </row>
    <row r="197480" spans="8:8">
      <c r="H197480" s="12"/>
    </row>
    <row r="197481" spans="8:8">
      <c r="H197481" s="12"/>
    </row>
    <row r="197482" spans="8:8">
      <c r="H197482" s="12"/>
    </row>
    <row r="197483" spans="8:8">
      <c r="H197483" s="12"/>
    </row>
    <row r="197484" spans="8:8">
      <c r="H197484" s="12"/>
    </row>
    <row r="197485" spans="8:8">
      <c r="H197485" s="12"/>
    </row>
    <row r="197486" spans="8:8">
      <c r="H197486" s="12"/>
    </row>
    <row r="197487" spans="8:8">
      <c r="H197487" s="12"/>
    </row>
    <row r="197488" spans="8:8">
      <c r="H197488" s="12"/>
    </row>
    <row r="197489" spans="8:8">
      <c r="H197489" s="12"/>
    </row>
    <row r="197490" spans="8:8">
      <c r="H197490" s="12"/>
    </row>
    <row r="197491" spans="8:8">
      <c r="H197491" s="12"/>
    </row>
    <row r="197492" spans="8:8">
      <c r="H197492" s="12"/>
    </row>
    <row r="197493" spans="8:8">
      <c r="H197493" s="12"/>
    </row>
    <row r="197494" spans="8:8">
      <c r="H197494" s="12"/>
    </row>
    <row r="197495" spans="8:8">
      <c r="H197495" s="12"/>
    </row>
    <row r="197496" spans="8:8">
      <c r="H197496" s="12"/>
    </row>
    <row r="197497" spans="8:8">
      <c r="H197497" s="12"/>
    </row>
    <row r="197498" spans="8:8">
      <c r="H197498" s="12"/>
    </row>
    <row r="197499" spans="8:8">
      <c r="H197499" s="12"/>
    </row>
    <row r="197500" spans="8:8">
      <c r="H197500" s="12"/>
    </row>
    <row r="197501" spans="8:8">
      <c r="H197501" s="12"/>
    </row>
    <row r="197502" spans="8:8">
      <c r="H197502" s="12"/>
    </row>
    <row r="197503" spans="8:8">
      <c r="H197503" s="12"/>
    </row>
    <row r="197504" spans="8:8">
      <c r="H197504" s="12"/>
    </row>
    <row r="197505" spans="8:8">
      <c r="H197505" s="12"/>
    </row>
    <row r="197506" spans="8:8">
      <c r="H197506" s="12"/>
    </row>
    <row r="197507" spans="8:8">
      <c r="H197507" s="12"/>
    </row>
    <row r="197508" spans="8:8">
      <c r="H197508" s="12"/>
    </row>
    <row r="197509" spans="8:8">
      <c r="H197509" s="12"/>
    </row>
    <row r="197510" spans="8:8">
      <c r="H197510" s="12"/>
    </row>
    <row r="197511" spans="8:8">
      <c r="H197511" s="12"/>
    </row>
    <row r="197512" spans="8:8">
      <c r="H197512" s="12"/>
    </row>
    <row r="197513" spans="8:8">
      <c r="H197513" s="12"/>
    </row>
    <row r="197514" spans="8:8">
      <c r="H197514" s="12"/>
    </row>
    <row r="197515" spans="8:8">
      <c r="H197515" s="12"/>
    </row>
    <row r="197516" spans="8:8">
      <c r="H197516" s="12"/>
    </row>
    <row r="197517" spans="8:8">
      <c r="H197517" s="12"/>
    </row>
    <row r="197518" spans="8:8">
      <c r="H197518" s="12"/>
    </row>
    <row r="197519" spans="8:8">
      <c r="H197519" s="12"/>
    </row>
    <row r="197520" spans="8:8">
      <c r="H197520" s="12"/>
    </row>
    <row r="197521" spans="8:8">
      <c r="H197521" s="12"/>
    </row>
    <row r="197522" spans="8:8">
      <c r="H197522" s="12"/>
    </row>
    <row r="197523" spans="8:8">
      <c r="H197523" s="12"/>
    </row>
    <row r="197524" spans="8:8">
      <c r="H197524" s="12"/>
    </row>
    <row r="197525" spans="8:8">
      <c r="H197525" s="12"/>
    </row>
    <row r="197526" spans="8:8">
      <c r="H197526" s="12"/>
    </row>
    <row r="197527" spans="8:8">
      <c r="H197527" s="12"/>
    </row>
    <row r="197528" spans="8:8">
      <c r="H197528" s="12"/>
    </row>
    <row r="197529" spans="8:8">
      <c r="H197529" s="12"/>
    </row>
    <row r="197530" spans="8:8">
      <c r="H197530" s="12"/>
    </row>
    <row r="197531" spans="8:8">
      <c r="H197531" s="12"/>
    </row>
    <row r="197532" spans="8:8">
      <c r="H197532" s="12"/>
    </row>
    <row r="197533" spans="8:8">
      <c r="H197533" s="12"/>
    </row>
    <row r="197534" spans="8:8">
      <c r="H197534" s="12"/>
    </row>
    <row r="197535" spans="8:8">
      <c r="H197535" s="12"/>
    </row>
    <row r="197536" spans="8:8">
      <c r="H197536" s="12"/>
    </row>
    <row r="197537" spans="8:8">
      <c r="H197537" s="12"/>
    </row>
    <row r="197538" spans="8:8">
      <c r="H197538" s="12"/>
    </row>
    <row r="197539" spans="8:8">
      <c r="H197539" s="12"/>
    </row>
    <row r="197540" spans="8:8">
      <c r="H197540" s="12"/>
    </row>
    <row r="197541" spans="8:8">
      <c r="H197541" s="12"/>
    </row>
    <row r="197542" spans="8:8">
      <c r="H197542" s="12"/>
    </row>
    <row r="197543" spans="8:8">
      <c r="H197543" s="12"/>
    </row>
    <row r="197544" spans="8:8">
      <c r="H197544" s="12"/>
    </row>
    <row r="197545" spans="8:8">
      <c r="H197545" s="12"/>
    </row>
    <row r="197546" spans="8:8">
      <c r="H197546" s="12"/>
    </row>
    <row r="197547" spans="8:8">
      <c r="H197547" s="12"/>
    </row>
    <row r="197548" spans="8:8">
      <c r="H197548" s="12"/>
    </row>
    <row r="197549" spans="8:8">
      <c r="H197549" s="12"/>
    </row>
    <row r="197550" spans="8:8">
      <c r="H197550" s="12"/>
    </row>
    <row r="197551" spans="8:8">
      <c r="H197551" s="12"/>
    </row>
    <row r="197552" spans="8:8">
      <c r="H197552" s="12"/>
    </row>
    <row r="197553" spans="8:8">
      <c r="H197553" s="12"/>
    </row>
    <row r="197554" spans="8:8">
      <c r="H197554" s="12"/>
    </row>
    <row r="197555" spans="8:8">
      <c r="H197555" s="12"/>
    </row>
    <row r="197556" spans="8:8">
      <c r="H197556" s="12"/>
    </row>
    <row r="197557" spans="8:8">
      <c r="H197557" s="12"/>
    </row>
    <row r="197558" spans="8:8">
      <c r="H197558" s="12"/>
    </row>
    <row r="197559" spans="8:8">
      <c r="H197559" s="12"/>
    </row>
    <row r="197560" spans="8:8">
      <c r="H197560" s="12"/>
    </row>
    <row r="197561" spans="8:8">
      <c r="H197561" s="12"/>
    </row>
    <row r="197562" spans="8:8">
      <c r="H197562" s="12"/>
    </row>
    <row r="197563" spans="8:8">
      <c r="H197563" s="12"/>
    </row>
    <row r="197564" spans="8:8">
      <c r="H197564" s="12"/>
    </row>
    <row r="197565" spans="8:8">
      <c r="H197565" s="12"/>
    </row>
    <row r="197566" spans="8:8">
      <c r="H197566" s="12"/>
    </row>
    <row r="197567" spans="8:8">
      <c r="H197567" s="12"/>
    </row>
    <row r="197568" spans="8:8">
      <c r="H197568" s="12"/>
    </row>
    <row r="197569" spans="8:8">
      <c r="H197569" s="12"/>
    </row>
    <row r="197570" spans="8:8">
      <c r="H197570" s="12"/>
    </row>
    <row r="197571" spans="8:8">
      <c r="H197571" s="12"/>
    </row>
    <row r="197572" spans="8:8">
      <c r="H197572" s="12"/>
    </row>
    <row r="197573" spans="8:8">
      <c r="H197573" s="12"/>
    </row>
    <row r="197574" spans="8:8">
      <c r="H197574" s="12"/>
    </row>
    <row r="197575" spans="8:8">
      <c r="H197575" s="12"/>
    </row>
    <row r="197576" spans="8:8">
      <c r="H197576" s="12"/>
    </row>
    <row r="197577" spans="8:8">
      <c r="H197577" s="12"/>
    </row>
    <row r="197578" spans="8:8">
      <c r="H197578" s="12"/>
    </row>
    <row r="197579" spans="8:8">
      <c r="H197579" s="12"/>
    </row>
    <row r="197580" spans="8:8">
      <c r="H197580" s="12"/>
    </row>
    <row r="197581" spans="8:8">
      <c r="H197581" s="12"/>
    </row>
    <row r="197582" spans="8:8">
      <c r="H197582" s="12"/>
    </row>
    <row r="197583" spans="8:8">
      <c r="H197583" s="12"/>
    </row>
    <row r="197584" spans="8:8">
      <c r="H197584" s="12"/>
    </row>
    <row r="197585" spans="8:8">
      <c r="H197585" s="12"/>
    </row>
    <row r="197586" spans="8:8">
      <c r="H197586" s="12"/>
    </row>
    <row r="197587" spans="8:8">
      <c r="H197587" s="12"/>
    </row>
    <row r="197588" spans="8:8">
      <c r="H197588" s="12"/>
    </row>
    <row r="197589" spans="8:8">
      <c r="H197589" s="12"/>
    </row>
    <row r="197590" spans="8:8">
      <c r="H197590" s="12"/>
    </row>
    <row r="197591" spans="8:8">
      <c r="H197591" s="12"/>
    </row>
    <row r="197592" spans="8:8">
      <c r="H197592" s="12"/>
    </row>
    <row r="197593" spans="8:8">
      <c r="H197593" s="12"/>
    </row>
    <row r="197594" spans="8:8">
      <c r="H197594" s="12"/>
    </row>
    <row r="197595" spans="8:8">
      <c r="H197595" s="12"/>
    </row>
    <row r="197596" spans="8:8">
      <c r="H197596" s="12"/>
    </row>
    <row r="197597" spans="8:8">
      <c r="H197597" s="12"/>
    </row>
    <row r="197598" spans="8:8">
      <c r="H197598" s="12"/>
    </row>
    <row r="197599" spans="8:8">
      <c r="H197599" s="12"/>
    </row>
    <row r="197600" spans="8:8">
      <c r="H197600" s="12"/>
    </row>
    <row r="197601" spans="8:8">
      <c r="H197601" s="12"/>
    </row>
    <row r="197602" spans="8:8">
      <c r="H197602" s="12"/>
    </row>
    <row r="197603" spans="8:8">
      <c r="H197603" s="12"/>
    </row>
    <row r="197604" spans="8:8">
      <c r="H197604" s="12"/>
    </row>
    <row r="197605" spans="8:8">
      <c r="H197605" s="12"/>
    </row>
    <row r="197606" spans="8:8">
      <c r="H197606" s="12"/>
    </row>
    <row r="197607" spans="8:8">
      <c r="H197607" s="12"/>
    </row>
    <row r="197608" spans="8:8">
      <c r="H197608" s="12"/>
    </row>
    <row r="197609" spans="8:8">
      <c r="H197609" s="12"/>
    </row>
    <row r="197610" spans="8:8">
      <c r="H197610" s="12"/>
    </row>
    <row r="197611" spans="8:8">
      <c r="H197611" s="12"/>
    </row>
    <row r="197612" spans="8:8">
      <c r="H197612" s="12"/>
    </row>
    <row r="197613" spans="8:8">
      <c r="H197613" s="12"/>
    </row>
    <row r="197614" spans="8:8">
      <c r="H197614" s="12"/>
    </row>
    <row r="197615" spans="8:8">
      <c r="H197615" s="12"/>
    </row>
    <row r="197616" spans="8:8">
      <c r="H197616" s="12"/>
    </row>
    <row r="197617" spans="8:8">
      <c r="H197617" s="12"/>
    </row>
    <row r="197618" spans="8:8">
      <c r="H197618" s="12"/>
    </row>
    <row r="197619" spans="8:8">
      <c r="H197619" s="12"/>
    </row>
    <row r="197620" spans="8:8">
      <c r="H197620" s="12"/>
    </row>
    <row r="197621" spans="8:8">
      <c r="H197621" s="12"/>
    </row>
    <row r="197622" spans="8:8">
      <c r="H197622" s="12"/>
    </row>
    <row r="197623" spans="8:8">
      <c r="H197623" s="12"/>
    </row>
    <row r="197624" spans="8:8">
      <c r="H197624" s="12"/>
    </row>
    <row r="197625" spans="8:8">
      <c r="H197625" s="12"/>
    </row>
    <row r="197626" spans="8:8">
      <c r="H197626" s="12"/>
    </row>
    <row r="197627" spans="8:8">
      <c r="H197627" s="12"/>
    </row>
    <row r="197628" spans="8:8">
      <c r="H197628" s="12"/>
    </row>
    <row r="197629" spans="8:8">
      <c r="H197629" s="12"/>
    </row>
    <row r="197630" spans="8:8">
      <c r="H197630" s="12"/>
    </row>
    <row r="197631" spans="8:8">
      <c r="H197631" s="12"/>
    </row>
    <row r="197632" spans="8:8">
      <c r="H197632" s="12"/>
    </row>
    <row r="197633" spans="8:8">
      <c r="H197633" s="12"/>
    </row>
    <row r="197634" spans="8:8">
      <c r="H197634" s="12"/>
    </row>
    <row r="197635" spans="8:8">
      <c r="H197635" s="12"/>
    </row>
    <row r="197636" spans="8:8">
      <c r="H197636" s="12"/>
    </row>
    <row r="197637" spans="8:8">
      <c r="H197637" s="12"/>
    </row>
    <row r="197638" spans="8:8">
      <c r="H197638" s="12"/>
    </row>
    <row r="197639" spans="8:8">
      <c r="H197639" s="12"/>
    </row>
    <row r="197640" spans="8:8">
      <c r="H197640" s="12"/>
    </row>
    <row r="197641" spans="8:8">
      <c r="H197641" s="12"/>
    </row>
    <row r="197642" spans="8:8">
      <c r="H197642" s="12"/>
    </row>
    <row r="197643" spans="8:8">
      <c r="H197643" s="12"/>
    </row>
    <row r="197644" spans="8:8">
      <c r="H197644" s="12"/>
    </row>
    <row r="197645" spans="8:8">
      <c r="H197645" s="12"/>
    </row>
    <row r="197646" spans="8:8">
      <c r="H197646" s="12"/>
    </row>
    <row r="197647" spans="8:8">
      <c r="H197647" s="12"/>
    </row>
    <row r="197648" spans="8:8">
      <c r="H197648" s="12"/>
    </row>
    <row r="197649" spans="8:8">
      <c r="H197649" s="12"/>
    </row>
    <row r="197650" spans="8:8">
      <c r="H197650" s="12"/>
    </row>
    <row r="197651" spans="8:8">
      <c r="H197651" s="12"/>
    </row>
    <row r="197652" spans="8:8">
      <c r="H197652" s="12"/>
    </row>
    <row r="197653" spans="8:8">
      <c r="H197653" s="12"/>
    </row>
    <row r="197654" spans="8:8">
      <c r="H197654" s="12"/>
    </row>
    <row r="197655" spans="8:8">
      <c r="H197655" s="12"/>
    </row>
    <row r="197656" spans="8:8">
      <c r="H197656" s="12"/>
    </row>
    <row r="197657" spans="8:8">
      <c r="H197657" s="12"/>
    </row>
    <row r="197658" spans="8:8">
      <c r="H197658" s="12"/>
    </row>
    <row r="197659" spans="8:8">
      <c r="H197659" s="12"/>
    </row>
    <row r="197660" spans="8:8">
      <c r="H197660" s="12"/>
    </row>
    <row r="197661" spans="8:8">
      <c r="H197661" s="12"/>
    </row>
    <row r="197662" spans="8:8">
      <c r="H197662" s="12"/>
    </row>
    <row r="197663" spans="8:8">
      <c r="H197663" s="12"/>
    </row>
    <row r="197664" spans="8:8">
      <c r="H197664" s="12"/>
    </row>
    <row r="197665" spans="8:8">
      <c r="H197665" s="12"/>
    </row>
    <row r="197666" spans="8:8">
      <c r="H197666" s="12"/>
    </row>
    <row r="197667" spans="8:8">
      <c r="H197667" s="12"/>
    </row>
    <row r="197668" spans="8:8">
      <c r="H197668" s="12"/>
    </row>
    <row r="197669" spans="8:8">
      <c r="H197669" s="12"/>
    </row>
    <row r="197670" spans="8:8">
      <c r="H197670" s="12"/>
    </row>
    <row r="197671" spans="8:8">
      <c r="H197671" s="12"/>
    </row>
    <row r="197672" spans="8:8">
      <c r="H197672" s="12"/>
    </row>
    <row r="197673" spans="8:8">
      <c r="H197673" s="12"/>
    </row>
    <row r="197674" spans="8:8">
      <c r="H197674" s="12"/>
    </row>
    <row r="197675" spans="8:8">
      <c r="H197675" s="12"/>
    </row>
    <row r="197676" spans="8:8">
      <c r="H197676" s="12"/>
    </row>
    <row r="197677" spans="8:8">
      <c r="H197677" s="12"/>
    </row>
    <row r="197678" spans="8:8">
      <c r="H197678" s="12"/>
    </row>
    <row r="197679" spans="8:8">
      <c r="H197679" s="12"/>
    </row>
    <row r="197680" spans="8:8">
      <c r="H197680" s="12"/>
    </row>
    <row r="197681" spans="8:8">
      <c r="H197681" s="12"/>
    </row>
    <row r="197682" spans="8:8">
      <c r="H197682" s="12"/>
    </row>
    <row r="197683" spans="8:8">
      <c r="H197683" s="12"/>
    </row>
    <row r="197684" spans="8:8">
      <c r="H197684" s="12"/>
    </row>
    <row r="197685" spans="8:8">
      <c r="H197685" s="12"/>
    </row>
    <row r="197686" spans="8:8">
      <c r="H197686" s="12"/>
    </row>
    <row r="197687" spans="8:8">
      <c r="H197687" s="12"/>
    </row>
    <row r="197688" spans="8:8">
      <c r="H197688" s="12"/>
    </row>
    <row r="197689" spans="8:8">
      <c r="H197689" s="12"/>
    </row>
    <row r="197690" spans="8:8">
      <c r="H197690" s="12"/>
    </row>
    <row r="197691" spans="8:8">
      <c r="H197691" s="12"/>
    </row>
    <row r="197692" spans="8:8">
      <c r="H197692" s="12"/>
    </row>
    <row r="197693" spans="8:8">
      <c r="H197693" s="12"/>
    </row>
    <row r="197694" spans="8:8">
      <c r="H197694" s="12"/>
    </row>
    <row r="197695" spans="8:8">
      <c r="H197695" s="12"/>
    </row>
    <row r="197696" spans="8:8">
      <c r="H197696" s="12"/>
    </row>
    <row r="197697" spans="8:8">
      <c r="H197697" s="12"/>
    </row>
    <row r="197698" spans="8:8">
      <c r="H197698" s="12"/>
    </row>
    <row r="197699" spans="8:8">
      <c r="H197699" s="12"/>
    </row>
    <row r="197700" spans="8:8">
      <c r="H197700" s="12"/>
    </row>
    <row r="197701" spans="8:8">
      <c r="H197701" s="12"/>
    </row>
    <row r="197702" spans="8:8">
      <c r="H197702" s="12"/>
    </row>
    <row r="197703" spans="8:8">
      <c r="H197703" s="12"/>
    </row>
    <row r="197704" spans="8:8">
      <c r="H197704" s="12"/>
    </row>
    <row r="197705" spans="8:8">
      <c r="H197705" s="12"/>
    </row>
    <row r="197706" spans="8:8">
      <c r="H197706" s="12"/>
    </row>
    <row r="197707" spans="8:8">
      <c r="H197707" s="12"/>
    </row>
    <row r="197708" spans="8:8">
      <c r="H197708" s="12"/>
    </row>
    <row r="197709" spans="8:8">
      <c r="H197709" s="12"/>
    </row>
    <row r="197710" spans="8:8">
      <c r="H197710" s="12"/>
    </row>
    <row r="197711" spans="8:8">
      <c r="H197711" s="12"/>
    </row>
    <row r="197712" spans="8:8">
      <c r="H197712" s="12"/>
    </row>
    <row r="197713" spans="8:8">
      <c r="H197713" s="12"/>
    </row>
    <row r="197714" spans="8:8">
      <c r="H197714" s="12"/>
    </row>
    <row r="197715" spans="8:8">
      <c r="H197715" s="12"/>
    </row>
    <row r="197716" spans="8:8">
      <c r="H197716" s="12"/>
    </row>
    <row r="197717" spans="8:8">
      <c r="H197717" s="12"/>
    </row>
    <row r="197718" spans="8:8">
      <c r="H197718" s="12"/>
    </row>
    <row r="197719" spans="8:8">
      <c r="H197719" s="12"/>
    </row>
    <row r="197720" spans="8:8">
      <c r="H197720" s="12"/>
    </row>
    <row r="197721" spans="8:8">
      <c r="H197721" s="12"/>
    </row>
    <row r="197722" spans="8:8">
      <c r="H197722" s="12"/>
    </row>
    <row r="197723" spans="8:8">
      <c r="H197723" s="12"/>
    </row>
    <row r="197724" spans="8:8">
      <c r="H197724" s="12"/>
    </row>
    <row r="197725" spans="8:8">
      <c r="H197725" s="12"/>
    </row>
    <row r="197726" spans="8:8">
      <c r="H197726" s="12"/>
    </row>
    <row r="197727" spans="8:8">
      <c r="H197727" s="12"/>
    </row>
    <row r="197728" spans="8:8">
      <c r="H197728" s="12"/>
    </row>
    <row r="197729" spans="8:8">
      <c r="H197729" s="12"/>
    </row>
    <row r="197730" spans="8:8">
      <c r="H197730" s="12"/>
    </row>
    <row r="197731" spans="8:8">
      <c r="H197731" s="12"/>
    </row>
    <row r="197732" spans="8:8">
      <c r="H197732" s="12"/>
    </row>
    <row r="197733" spans="8:8">
      <c r="H197733" s="12"/>
    </row>
    <row r="197734" spans="8:8">
      <c r="H197734" s="12"/>
    </row>
    <row r="197735" spans="8:8">
      <c r="H197735" s="12"/>
    </row>
    <row r="197736" spans="8:8">
      <c r="H197736" s="12"/>
    </row>
    <row r="197737" spans="8:8">
      <c r="H197737" s="12"/>
    </row>
    <row r="197738" spans="8:8">
      <c r="H197738" s="12"/>
    </row>
    <row r="197739" spans="8:8">
      <c r="H197739" s="12"/>
    </row>
    <row r="197740" spans="8:8">
      <c r="H197740" s="12"/>
    </row>
    <row r="197741" spans="8:8">
      <c r="H197741" s="12"/>
    </row>
    <row r="197742" spans="8:8">
      <c r="H197742" s="12"/>
    </row>
    <row r="197743" spans="8:8">
      <c r="H197743" s="12"/>
    </row>
    <row r="197744" spans="8:8">
      <c r="H197744" s="12"/>
    </row>
    <row r="197745" spans="8:8">
      <c r="H197745" s="12"/>
    </row>
    <row r="197746" spans="8:8">
      <c r="H197746" s="12"/>
    </row>
    <row r="197747" spans="8:8">
      <c r="H197747" s="12"/>
    </row>
    <row r="197748" spans="8:8">
      <c r="H197748" s="12"/>
    </row>
    <row r="197749" spans="8:8">
      <c r="H197749" s="12"/>
    </row>
    <row r="197750" spans="8:8">
      <c r="H197750" s="12"/>
    </row>
    <row r="197751" spans="8:8">
      <c r="H197751" s="12"/>
    </row>
    <row r="197752" spans="8:8">
      <c r="H197752" s="12"/>
    </row>
    <row r="197753" spans="8:8">
      <c r="H197753" s="12"/>
    </row>
    <row r="197754" spans="8:8">
      <c r="H197754" s="12"/>
    </row>
    <row r="197755" spans="8:8">
      <c r="H197755" s="12"/>
    </row>
    <row r="197756" spans="8:8">
      <c r="H197756" s="12"/>
    </row>
    <row r="197757" spans="8:8">
      <c r="H197757" s="12"/>
    </row>
    <row r="197758" spans="8:8">
      <c r="H197758" s="12"/>
    </row>
    <row r="197759" spans="8:8">
      <c r="H197759" s="12"/>
    </row>
    <row r="197760" spans="8:8">
      <c r="H197760" s="12"/>
    </row>
    <row r="197761" spans="8:8">
      <c r="H197761" s="12"/>
    </row>
    <row r="197762" spans="8:8">
      <c r="H197762" s="12"/>
    </row>
    <row r="197763" spans="8:8">
      <c r="H197763" s="12"/>
    </row>
    <row r="197764" spans="8:8">
      <c r="H197764" s="12"/>
    </row>
    <row r="197765" spans="8:8">
      <c r="H197765" s="12"/>
    </row>
    <row r="197766" spans="8:8">
      <c r="H197766" s="12"/>
    </row>
    <row r="197767" spans="8:8">
      <c r="H197767" s="12"/>
    </row>
    <row r="197768" spans="8:8">
      <c r="H197768" s="12"/>
    </row>
    <row r="197769" spans="8:8">
      <c r="H197769" s="12"/>
    </row>
    <row r="197770" spans="8:8">
      <c r="H197770" s="12"/>
    </row>
    <row r="197771" spans="8:8">
      <c r="H197771" s="12"/>
    </row>
    <row r="197772" spans="8:8">
      <c r="H197772" s="12"/>
    </row>
    <row r="197773" spans="8:8">
      <c r="H197773" s="12"/>
    </row>
    <row r="197774" spans="8:8">
      <c r="H197774" s="12"/>
    </row>
    <row r="197775" spans="8:8">
      <c r="H197775" s="12"/>
    </row>
    <row r="197776" spans="8:8">
      <c r="H197776" s="12"/>
    </row>
    <row r="197777" spans="8:8">
      <c r="H197777" s="12"/>
    </row>
    <row r="197778" spans="8:8">
      <c r="H197778" s="12"/>
    </row>
    <row r="197779" spans="8:8">
      <c r="H197779" s="12"/>
    </row>
    <row r="197780" spans="8:8">
      <c r="H197780" s="12"/>
    </row>
    <row r="197781" spans="8:8">
      <c r="H197781" s="12"/>
    </row>
    <row r="197782" spans="8:8">
      <c r="H197782" s="12"/>
    </row>
    <row r="197783" spans="8:8">
      <c r="H197783" s="12"/>
    </row>
    <row r="197784" spans="8:8">
      <c r="H197784" s="12"/>
    </row>
    <row r="197785" spans="8:8">
      <c r="H197785" s="12"/>
    </row>
    <row r="197786" spans="8:8">
      <c r="H197786" s="12"/>
    </row>
    <row r="197787" spans="8:8">
      <c r="H197787" s="12"/>
    </row>
    <row r="197788" spans="8:8">
      <c r="H197788" s="12"/>
    </row>
    <row r="197789" spans="8:8">
      <c r="H197789" s="12"/>
    </row>
    <row r="197790" spans="8:8">
      <c r="H197790" s="12"/>
    </row>
    <row r="197791" spans="8:8">
      <c r="H197791" s="12"/>
    </row>
    <row r="197792" spans="8:8">
      <c r="H197792" s="12"/>
    </row>
    <row r="197793" spans="8:8">
      <c r="H197793" s="12"/>
    </row>
    <row r="197794" spans="8:8">
      <c r="H197794" s="12"/>
    </row>
    <row r="197795" spans="8:8">
      <c r="H197795" s="12"/>
    </row>
    <row r="197796" spans="8:8">
      <c r="H197796" s="12"/>
    </row>
    <row r="197797" spans="8:8">
      <c r="H197797" s="12"/>
    </row>
    <row r="197798" spans="8:8">
      <c r="H197798" s="12"/>
    </row>
    <row r="197799" spans="8:8">
      <c r="H197799" s="12"/>
    </row>
    <row r="197800" spans="8:8">
      <c r="H197800" s="12"/>
    </row>
    <row r="197801" spans="8:8">
      <c r="H197801" s="12"/>
    </row>
    <row r="197802" spans="8:8">
      <c r="H197802" s="12"/>
    </row>
    <row r="197803" spans="8:8">
      <c r="H197803" s="12"/>
    </row>
    <row r="197804" spans="8:8">
      <c r="H197804" s="12"/>
    </row>
    <row r="197805" spans="8:8">
      <c r="H197805" s="12"/>
    </row>
    <row r="197806" spans="8:8">
      <c r="H197806" s="12"/>
    </row>
    <row r="197807" spans="8:8">
      <c r="H197807" s="12"/>
    </row>
    <row r="197808" spans="8:8">
      <c r="H197808" s="12"/>
    </row>
    <row r="197809" spans="8:8">
      <c r="H197809" s="12"/>
    </row>
    <row r="197810" spans="8:8">
      <c r="H197810" s="12"/>
    </row>
    <row r="197811" spans="8:8">
      <c r="H197811" s="12"/>
    </row>
    <row r="197812" spans="8:8">
      <c r="H197812" s="12"/>
    </row>
    <row r="197813" spans="8:8">
      <c r="H197813" s="12"/>
    </row>
    <row r="197814" spans="8:8">
      <c r="H197814" s="12"/>
    </row>
    <row r="197815" spans="8:8">
      <c r="H197815" s="12"/>
    </row>
    <row r="197816" spans="8:8">
      <c r="H197816" s="12"/>
    </row>
    <row r="197817" spans="8:8">
      <c r="H197817" s="12"/>
    </row>
    <row r="197818" spans="8:8">
      <c r="H197818" s="12"/>
    </row>
    <row r="197819" spans="8:8">
      <c r="H197819" s="12"/>
    </row>
    <row r="197820" spans="8:8">
      <c r="H197820" s="12"/>
    </row>
    <row r="197821" spans="8:8">
      <c r="H197821" s="12"/>
    </row>
    <row r="197822" spans="8:8">
      <c r="H197822" s="12"/>
    </row>
    <row r="197823" spans="8:8">
      <c r="H197823" s="12"/>
    </row>
    <row r="197824" spans="8:8">
      <c r="H197824" s="12"/>
    </row>
    <row r="197825" spans="8:8">
      <c r="H197825" s="12"/>
    </row>
    <row r="197826" spans="8:8">
      <c r="H197826" s="12"/>
    </row>
    <row r="197827" spans="8:8">
      <c r="H197827" s="12"/>
    </row>
    <row r="197828" spans="8:8">
      <c r="H197828" s="12"/>
    </row>
    <row r="197829" spans="8:8">
      <c r="H197829" s="12"/>
    </row>
    <row r="197830" spans="8:8">
      <c r="H197830" s="12"/>
    </row>
    <row r="197831" spans="8:8">
      <c r="H197831" s="12"/>
    </row>
    <row r="197832" spans="8:8">
      <c r="H197832" s="12"/>
    </row>
    <row r="197833" spans="8:8">
      <c r="H197833" s="12"/>
    </row>
    <row r="197834" spans="8:8">
      <c r="H197834" s="12"/>
    </row>
    <row r="197835" spans="8:8">
      <c r="H197835" s="12"/>
    </row>
    <row r="197836" spans="8:8">
      <c r="H197836" s="12"/>
    </row>
    <row r="197837" spans="8:8">
      <c r="H197837" s="12"/>
    </row>
    <row r="197838" spans="8:8">
      <c r="H197838" s="12"/>
    </row>
    <row r="197839" spans="8:8">
      <c r="H197839" s="12"/>
    </row>
    <row r="197840" spans="8:8">
      <c r="H197840" s="12"/>
    </row>
    <row r="197841" spans="8:8">
      <c r="H197841" s="12"/>
    </row>
    <row r="197842" spans="8:8">
      <c r="H197842" s="12"/>
    </row>
    <row r="197843" spans="8:8">
      <c r="H197843" s="12"/>
    </row>
    <row r="197844" spans="8:8">
      <c r="H197844" s="12"/>
    </row>
    <row r="197845" spans="8:8">
      <c r="H197845" s="12"/>
    </row>
    <row r="197846" spans="8:8">
      <c r="H197846" s="12"/>
    </row>
    <row r="197847" spans="8:8">
      <c r="H197847" s="12"/>
    </row>
    <row r="197848" spans="8:8">
      <c r="H197848" s="12"/>
    </row>
    <row r="197849" spans="8:8">
      <c r="H197849" s="12"/>
    </row>
    <row r="197850" spans="8:8">
      <c r="H197850" s="12"/>
    </row>
    <row r="197851" spans="8:8">
      <c r="H197851" s="12"/>
    </row>
    <row r="197852" spans="8:8">
      <c r="H197852" s="12"/>
    </row>
    <row r="197853" spans="8:8">
      <c r="H197853" s="12"/>
    </row>
    <row r="197854" spans="8:8">
      <c r="H197854" s="12"/>
    </row>
    <row r="197855" spans="8:8">
      <c r="H197855" s="12"/>
    </row>
    <row r="197856" spans="8:8">
      <c r="H197856" s="12"/>
    </row>
    <row r="197857" spans="8:8">
      <c r="H197857" s="12"/>
    </row>
    <row r="197858" spans="8:8">
      <c r="H197858" s="12"/>
    </row>
    <row r="197859" spans="8:8">
      <c r="H197859" s="12"/>
    </row>
    <row r="197860" spans="8:8">
      <c r="H197860" s="12"/>
    </row>
    <row r="197861" spans="8:8">
      <c r="H197861" s="12"/>
    </row>
    <row r="197862" spans="8:8">
      <c r="H197862" s="12"/>
    </row>
    <row r="197863" spans="8:8">
      <c r="H197863" s="12"/>
    </row>
    <row r="197864" spans="8:8">
      <c r="H197864" s="12"/>
    </row>
    <row r="197865" spans="8:8">
      <c r="H197865" s="12"/>
    </row>
    <row r="197866" spans="8:8">
      <c r="H197866" s="12"/>
    </row>
    <row r="197867" spans="8:8">
      <c r="H197867" s="12"/>
    </row>
    <row r="197868" spans="8:8">
      <c r="H197868" s="12"/>
    </row>
    <row r="197869" spans="8:8">
      <c r="H197869" s="12"/>
    </row>
    <row r="197870" spans="8:8">
      <c r="H197870" s="12"/>
    </row>
    <row r="197871" spans="8:8">
      <c r="H197871" s="12"/>
    </row>
    <row r="197872" spans="8:8">
      <c r="H197872" s="12"/>
    </row>
    <row r="197873" spans="8:8">
      <c r="H197873" s="12"/>
    </row>
    <row r="197874" spans="8:8">
      <c r="H197874" s="12"/>
    </row>
    <row r="197875" spans="8:8">
      <c r="H197875" s="12"/>
    </row>
    <row r="197876" spans="8:8">
      <c r="H197876" s="12"/>
    </row>
    <row r="197877" spans="8:8">
      <c r="H197877" s="12"/>
    </row>
    <row r="197878" spans="8:8">
      <c r="H197878" s="12"/>
    </row>
    <row r="197879" spans="8:8">
      <c r="H197879" s="12"/>
    </row>
    <row r="197880" spans="8:8">
      <c r="H197880" s="12"/>
    </row>
    <row r="197881" spans="8:8">
      <c r="H197881" s="12"/>
    </row>
    <row r="197882" spans="8:8">
      <c r="H197882" s="12"/>
    </row>
    <row r="197883" spans="8:8">
      <c r="H197883" s="12"/>
    </row>
    <row r="197884" spans="8:8">
      <c r="H197884" s="12"/>
    </row>
    <row r="197885" spans="8:8">
      <c r="H197885" s="12"/>
    </row>
    <row r="197886" spans="8:8">
      <c r="H197886" s="12"/>
    </row>
    <row r="197887" spans="8:8">
      <c r="H197887" s="12"/>
    </row>
    <row r="197888" spans="8:8">
      <c r="H197888" s="12"/>
    </row>
    <row r="197889" spans="8:8">
      <c r="H197889" s="12"/>
    </row>
    <row r="197890" spans="8:8">
      <c r="H197890" s="12"/>
    </row>
    <row r="197891" spans="8:8">
      <c r="H197891" s="12"/>
    </row>
    <row r="197892" spans="8:8">
      <c r="H197892" s="12"/>
    </row>
    <row r="197893" spans="8:8">
      <c r="H197893" s="12"/>
    </row>
    <row r="197894" spans="8:8">
      <c r="H197894" s="12"/>
    </row>
    <row r="197895" spans="8:8">
      <c r="H197895" s="12"/>
    </row>
    <row r="197896" spans="8:8">
      <c r="H197896" s="12"/>
    </row>
    <row r="197897" spans="8:8">
      <c r="H197897" s="12"/>
    </row>
    <row r="197898" spans="8:8">
      <c r="H197898" s="12"/>
    </row>
    <row r="197899" spans="8:8">
      <c r="H197899" s="12"/>
    </row>
    <row r="197900" spans="8:8">
      <c r="H197900" s="12"/>
    </row>
    <row r="197901" spans="8:8">
      <c r="H197901" s="12"/>
    </row>
    <row r="197902" spans="8:8">
      <c r="H197902" s="12"/>
    </row>
    <row r="197903" spans="8:8">
      <c r="H197903" s="12"/>
    </row>
    <row r="197904" spans="8:8">
      <c r="H197904" s="12"/>
    </row>
    <row r="197905" spans="8:8">
      <c r="H197905" s="12"/>
    </row>
    <row r="197906" spans="8:8">
      <c r="H197906" s="12"/>
    </row>
    <row r="197907" spans="8:8">
      <c r="H197907" s="12"/>
    </row>
    <row r="197908" spans="8:8">
      <c r="H197908" s="12"/>
    </row>
    <row r="197909" spans="8:8">
      <c r="H197909" s="12"/>
    </row>
    <row r="197910" spans="8:8">
      <c r="H197910" s="12"/>
    </row>
    <row r="197911" spans="8:8">
      <c r="H197911" s="12"/>
    </row>
    <row r="197912" spans="8:8">
      <c r="H197912" s="12"/>
    </row>
    <row r="197913" spans="8:8">
      <c r="H197913" s="12"/>
    </row>
    <row r="197914" spans="8:8">
      <c r="H197914" s="12"/>
    </row>
    <row r="197915" spans="8:8">
      <c r="H197915" s="12"/>
    </row>
    <row r="197916" spans="8:8">
      <c r="H197916" s="12"/>
    </row>
    <row r="197917" spans="8:8">
      <c r="H197917" s="12"/>
    </row>
    <row r="197918" spans="8:8">
      <c r="H197918" s="12"/>
    </row>
    <row r="197919" spans="8:8">
      <c r="H197919" s="12"/>
    </row>
    <row r="197920" spans="8:8">
      <c r="H197920" s="12"/>
    </row>
    <row r="197921" spans="8:8">
      <c r="H197921" s="12"/>
    </row>
    <row r="197922" spans="8:8">
      <c r="H197922" s="12"/>
    </row>
    <row r="197923" spans="8:8">
      <c r="H197923" s="12"/>
    </row>
    <row r="197924" spans="8:8">
      <c r="H197924" s="12"/>
    </row>
    <row r="197925" spans="8:8">
      <c r="H197925" s="12"/>
    </row>
    <row r="197926" spans="8:8">
      <c r="H197926" s="12"/>
    </row>
    <row r="197927" spans="8:8">
      <c r="H197927" s="12"/>
    </row>
    <row r="197928" spans="8:8">
      <c r="H197928" s="12"/>
    </row>
    <row r="197929" spans="8:8">
      <c r="H197929" s="12"/>
    </row>
    <row r="197930" spans="8:8">
      <c r="H197930" s="12"/>
    </row>
    <row r="197931" spans="8:8">
      <c r="H197931" s="12"/>
    </row>
    <row r="197932" spans="8:8">
      <c r="H197932" s="12"/>
    </row>
    <row r="197933" spans="8:8">
      <c r="H197933" s="12"/>
    </row>
    <row r="197934" spans="8:8">
      <c r="H197934" s="12"/>
    </row>
    <row r="197935" spans="8:8">
      <c r="H197935" s="12"/>
    </row>
    <row r="197936" spans="8:8">
      <c r="H197936" s="12"/>
    </row>
    <row r="197937" spans="8:8">
      <c r="H197937" s="12"/>
    </row>
    <row r="197938" spans="8:8">
      <c r="H197938" s="12"/>
    </row>
    <row r="197939" spans="8:8">
      <c r="H197939" s="12"/>
    </row>
    <row r="197940" spans="8:8">
      <c r="H197940" s="12"/>
    </row>
    <row r="197941" spans="8:8">
      <c r="H197941" s="12"/>
    </row>
    <row r="197942" spans="8:8">
      <c r="H197942" s="12"/>
    </row>
    <row r="197943" spans="8:8">
      <c r="H197943" s="12"/>
    </row>
    <row r="197944" spans="8:8">
      <c r="H197944" s="12"/>
    </row>
    <row r="197945" spans="8:8">
      <c r="H197945" s="12"/>
    </row>
    <row r="197946" spans="8:8">
      <c r="H197946" s="12"/>
    </row>
    <row r="197947" spans="8:8">
      <c r="H197947" s="12"/>
    </row>
    <row r="197948" spans="8:8">
      <c r="H197948" s="12"/>
    </row>
    <row r="197949" spans="8:8">
      <c r="H197949" s="12"/>
    </row>
    <row r="197950" spans="8:8">
      <c r="H197950" s="12"/>
    </row>
    <row r="197951" spans="8:8">
      <c r="H197951" s="12"/>
    </row>
    <row r="197952" spans="8:8">
      <c r="H197952" s="12"/>
    </row>
    <row r="197953" spans="8:8">
      <c r="H197953" s="12"/>
    </row>
    <row r="197954" spans="8:8">
      <c r="H197954" s="12"/>
    </row>
    <row r="197955" spans="8:8">
      <c r="H197955" s="12"/>
    </row>
    <row r="197956" spans="8:8">
      <c r="H197956" s="12"/>
    </row>
    <row r="197957" spans="8:8">
      <c r="H197957" s="12"/>
    </row>
    <row r="197958" spans="8:8">
      <c r="H197958" s="12"/>
    </row>
    <row r="197959" spans="8:8">
      <c r="H197959" s="12"/>
    </row>
    <row r="197960" spans="8:8">
      <c r="H197960" s="12"/>
    </row>
    <row r="197961" spans="8:8">
      <c r="H197961" s="12"/>
    </row>
    <row r="197962" spans="8:8">
      <c r="H197962" s="12"/>
    </row>
    <row r="197963" spans="8:8">
      <c r="H197963" s="12"/>
    </row>
    <row r="197964" spans="8:8">
      <c r="H197964" s="12"/>
    </row>
    <row r="197965" spans="8:8">
      <c r="H197965" s="12"/>
    </row>
    <row r="197966" spans="8:8">
      <c r="H197966" s="12"/>
    </row>
    <row r="197967" spans="8:8">
      <c r="H197967" s="12"/>
    </row>
    <row r="197968" spans="8:8">
      <c r="H197968" s="12"/>
    </row>
    <row r="197969" spans="8:8">
      <c r="H197969" s="12"/>
    </row>
    <row r="197970" spans="8:8">
      <c r="H197970" s="12"/>
    </row>
    <row r="197971" spans="8:8">
      <c r="H197971" s="12"/>
    </row>
    <row r="197972" spans="8:8">
      <c r="H197972" s="12"/>
    </row>
    <row r="197973" spans="8:8">
      <c r="H197973" s="12"/>
    </row>
    <row r="197974" spans="8:8">
      <c r="H197974" s="12"/>
    </row>
    <row r="197975" spans="8:8">
      <c r="H197975" s="12"/>
    </row>
    <row r="197976" spans="8:8">
      <c r="H197976" s="12"/>
    </row>
    <row r="197977" spans="8:8">
      <c r="H197977" s="12"/>
    </row>
    <row r="197978" spans="8:8">
      <c r="H197978" s="12"/>
    </row>
    <row r="197979" spans="8:8">
      <c r="H197979" s="12"/>
    </row>
    <row r="197980" spans="8:8">
      <c r="H197980" s="12"/>
    </row>
    <row r="197981" spans="8:8">
      <c r="H197981" s="12"/>
    </row>
    <row r="197982" spans="8:8">
      <c r="H197982" s="12"/>
    </row>
    <row r="197983" spans="8:8">
      <c r="H197983" s="12"/>
    </row>
    <row r="197984" spans="8:8">
      <c r="H197984" s="12"/>
    </row>
    <row r="197985" spans="8:8">
      <c r="H197985" s="12"/>
    </row>
    <row r="197986" spans="8:8">
      <c r="H197986" s="12"/>
    </row>
    <row r="197987" spans="8:8">
      <c r="H197987" s="12"/>
    </row>
    <row r="197988" spans="8:8">
      <c r="H197988" s="12"/>
    </row>
    <row r="197989" spans="8:8">
      <c r="H197989" s="12"/>
    </row>
    <row r="197990" spans="8:8">
      <c r="H197990" s="12"/>
    </row>
    <row r="197991" spans="8:8">
      <c r="H197991" s="12"/>
    </row>
    <row r="197992" spans="8:8">
      <c r="H197992" s="12"/>
    </row>
    <row r="197993" spans="8:8">
      <c r="H197993" s="12"/>
    </row>
    <row r="197994" spans="8:8">
      <c r="H197994" s="12"/>
    </row>
    <row r="197995" spans="8:8">
      <c r="H197995" s="12"/>
    </row>
    <row r="197996" spans="8:8">
      <c r="H197996" s="12"/>
    </row>
    <row r="197997" spans="8:8">
      <c r="H197997" s="12"/>
    </row>
    <row r="197998" spans="8:8">
      <c r="H197998" s="12"/>
    </row>
    <row r="197999" spans="8:8">
      <c r="H197999" s="12"/>
    </row>
    <row r="198000" spans="8:8">
      <c r="H198000" s="12"/>
    </row>
    <row r="198001" spans="8:8">
      <c r="H198001" s="12"/>
    </row>
    <row r="198002" spans="8:8">
      <c r="H198002" s="12"/>
    </row>
    <row r="198003" spans="8:8">
      <c r="H198003" s="12"/>
    </row>
    <row r="198004" spans="8:8">
      <c r="H198004" s="12"/>
    </row>
    <row r="198005" spans="8:8">
      <c r="H198005" s="12"/>
    </row>
    <row r="198006" spans="8:8">
      <c r="H198006" s="12"/>
    </row>
    <row r="198007" spans="8:8">
      <c r="H198007" s="12"/>
    </row>
    <row r="198008" spans="8:8">
      <c r="H198008" s="12"/>
    </row>
    <row r="198009" spans="8:8">
      <c r="H198009" s="12"/>
    </row>
    <row r="198010" spans="8:8">
      <c r="H198010" s="12"/>
    </row>
    <row r="198011" spans="8:8">
      <c r="H198011" s="12"/>
    </row>
    <row r="198012" spans="8:8">
      <c r="H198012" s="12"/>
    </row>
    <row r="198013" spans="8:8">
      <c r="H198013" s="12"/>
    </row>
    <row r="198014" spans="8:8">
      <c r="H198014" s="12"/>
    </row>
    <row r="198015" spans="8:8">
      <c r="H198015" s="12"/>
    </row>
    <row r="198016" spans="8:8">
      <c r="H198016" s="12"/>
    </row>
    <row r="198017" spans="8:8">
      <c r="H198017" s="12"/>
    </row>
    <row r="198018" spans="8:8">
      <c r="H198018" s="12"/>
    </row>
    <row r="198019" spans="8:8">
      <c r="H198019" s="12"/>
    </row>
    <row r="198020" spans="8:8">
      <c r="H198020" s="12"/>
    </row>
    <row r="198021" spans="8:8">
      <c r="H198021" s="12"/>
    </row>
    <row r="198022" spans="8:8">
      <c r="H198022" s="12"/>
    </row>
    <row r="198023" spans="8:8">
      <c r="H198023" s="12"/>
    </row>
    <row r="198024" spans="8:8">
      <c r="H198024" s="12"/>
    </row>
    <row r="198025" spans="8:8">
      <c r="H198025" s="12"/>
    </row>
    <row r="198026" spans="8:8">
      <c r="H198026" s="12"/>
    </row>
    <row r="198027" spans="8:8">
      <c r="H198027" s="12"/>
    </row>
    <row r="198028" spans="8:8">
      <c r="H198028" s="12"/>
    </row>
    <row r="198029" spans="8:8">
      <c r="H198029" s="12"/>
    </row>
    <row r="198030" spans="8:8">
      <c r="H198030" s="12"/>
    </row>
    <row r="198031" spans="8:8">
      <c r="H198031" s="12"/>
    </row>
    <row r="198032" spans="8:8">
      <c r="H198032" s="12"/>
    </row>
    <row r="198033" spans="8:8">
      <c r="H198033" s="12"/>
    </row>
    <row r="198034" spans="8:8">
      <c r="H198034" s="12"/>
    </row>
    <row r="198035" spans="8:8">
      <c r="H198035" s="12"/>
    </row>
    <row r="198036" spans="8:8">
      <c r="H198036" s="12"/>
    </row>
    <row r="198037" spans="8:8">
      <c r="H198037" s="12"/>
    </row>
    <row r="198038" spans="8:8">
      <c r="H198038" s="12"/>
    </row>
    <row r="198039" spans="8:8">
      <c r="H198039" s="12"/>
    </row>
    <row r="198040" spans="8:8">
      <c r="H198040" s="12"/>
    </row>
    <row r="198041" spans="8:8">
      <c r="H198041" s="12"/>
    </row>
    <row r="198042" spans="8:8">
      <c r="H198042" s="12"/>
    </row>
    <row r="198043" spans="8:8">
      <c r="H198043" s="12"/>
    </row>
    <row r="198044" spans="8:8">
      <c r="H198044" s="12"/>
    </row>
    <row r="198045" spans="8:8">
      <c r="H198045" s="12"/>
    </row>
    <row r="198046" spans="8:8">
      <c r="H198046" s="12"/>
    </row>
    <row r="198047" spans="8:8">
      <c r="H198047" s="12"/>
    </row>
    <row r="198048" spans="8:8">
      <c r="H198048" s="12"/>
    </row>
    <row r="198049" spans="8:8">
      <c r="H198049" s="12"/>
    </row>
    <row r="198050" spans="8:8">
      <c r="H198050" s="12"/>
    </row>
    <row r="198051" spans="8:8">
      <c r="H198051" s="12"/>
    </row>
    <row r="198052" spans="8:8">
      <c r="H198052" s="12"/>
    </row>
    <row r="198053" spans="8:8">
      <c r="H198053" s="12"/>
    </row>
    <row r="198054" spans="8:8">
      <c r="H198054" s="12"/>
    </row>
    <row r="198055" spans="8:8">
      <c r="H198055" s="12"/>
    </row>
    <row r="198056" spans="8:8">
      <c r="H198056" s="12"/>
    </row>
    <row r="198057" spans="8:8">
      <c r="H198057" s="12"/>
    </row>
    <row r="198058" spans="8:8">
      <c r="H198058" s="12"/>
    </row>
    <row r="198059" spans="8:8">
      <c r="H198059" s="12"/>
    </row>
    <row r="198060" spans="8:8">
      <c r="H198060" s="12"/>
    </row>
    <row r="198061" spans="8:8">
      <c r="H198061" s="12"/>
    </row>
    <row r="198062" spans="8:8">
      <c r="H198062" s="12"/>
    </row>
    <row r="198063" spans="8:8">
      <c r="H198063" s="12"/>
    </row>
    <row r="198064" spans="8:8">
      <c r="H198064" s="12"/>
    </row>
    <row r="198065" spans="8:8">
      <c r="H198065" s="12"/>
    </row>
    <row r="198066" spans="8:8">
      <c r="H198066" s="12"/>
    </row>
    <row r="198067" spans="8:8">
      <c r="H198067" s="12"/>
    </row>
    <row r="198068" spans="8:8">
      <c r="H198068" s="12"/>
    </row>
    <row r="198069" spans="8:8">
      <c r="H198069" s="12"/>
    </row>
    <row r="198070" spans="8:8">
      <c r="H198070" s="12"/>
    </row>
    <row r="198071" spans="8:8">
      <c r="H198071" s="12"/>
    </row>
    <row r="198072" spans="8:8">
      <c r="H198072" s="12"/>
    </row>
    <row r="198073" spans="8:8">
      <c r="H198073" s="12"/>
    </row>
    <row r="198074" spans="8:8">
      <c r="H198074" s="12"/>
    </row>
    <row r="198075" spans="8:8">
      <c r="H198075" s="12"/>
    </row>
    <row r="198076" spans="8:8">
      <c r="H198076" s="12"/>
    </row>
    <row r="198077" spans="8:8">
      <c r="H198077" s="12"/>
    </row>
    <row r="198078" spans="8:8">
      <c r="H198078" s="12"/>
    </row>
    <row r="198079" spans="8:8">
      <c r="H198079" s="12"/>
    </row>
    <row r="198080" spans="8:8">
      <c r="H198080" s="12"/>
    </row>
    <row r="198081" spans="8:8">
      <c r="H198081" s="12"/>
    </row>
    <row r="198082" spans="8:8">
      <c r="H198082" s="12"/>
    </row>
    <row r="198083" spans="8:8">
      <c r="H198083" s="12"/>
    </row>
    <row r="198084" spans="8:8">
      <c r="H198084" s="12"/>
    </row>
    <row r="198085" spans="8:8">
      <c r="H198085" s="12"/>
    </row>
    <row r="198086" spans="8:8">
      <c r="H198086" s="12"/>
    </row>
    <row r="198087" spans="8:8">
      <c r="H198087" s="12"/>
    </row>
    <row r="198088" spans="8:8">
      <c r="H198088" s="12"/>
    </row>
    <row r="198089" spans="8:8">
      <c r="H198089" s="12"/>
    </row>
    <row r="198090" spans="8:8">
      <c r="H198090" s="12"/>
    </row>
    <row r="198091" spans="8:8">
      <c r="H198091" s="12"/>
    </row>
    <row r="198092" spans="8:8">
      <c r="H198092" s="12"/>
    </row>
    <row r="198093" spans="8:8">
      <c r="H198093" s="12"/>
    </row>
    <row r="198094" spans="8:8">
      <c r="H198094" s="12"/>
    </row>
    <row r="198095" spans="8:8">
      <c r="H198095" s="12"/>
    </row>
    <row r="198096" spans="8:8">
      <c r="H198096" s="12"/>
    </row>
    <row r="198097" spans="8:8">
      <c r="H198097" s="12"/>
    </row>
    <row r="198098" spans="8:8">
      <c r="H198098" s="12"/>
    </row>
    <row r="198099" spans="8:8">
      <c r="H198099" s="12"/>
    </row>
    <row r="198100" spans="8:8">
      <c r="H198100" s="12"/>
    </row>
    <row r="198101" spans="8:8">
      <c r="H198101" s="12"/>
    </row>
    <row r="198102" spans="8:8">
      <c r="H198102" s="12"/>
    </row>
    <row r="198103" spans="8:8">
      <c r="H198103" s="12"/>
    </row>
    <row r="198104" spans="8:8">
      <c r="H198104" s="12"/>
    </row>
    <row r="198105" spans="8:8">
      <c r="H198105" s="12"/>
    </row>
    <row r="198106" spans="8:8">
      <c r="H198106" s="12"/>
    </row>
    <row r="198107" spans="8:8">
      <c r="H198107" s="12"/>
    </row>
    <row r="198108" spans="8:8">
      <c r="H198108" s="12"/>
    </row>
    <row r="198109" spans="8:8">
      <c r="H198109" s="12"/>
    </row>
    <row r="198110" spans="8:8">
      <c r="H198110" s="12"/>
    </row>
    <row r="198111" spans="8:8">
      <c r="H198111" s="12"/>
    </row>
    <row r="198112" spans="8:8">
      <c r="H198112" s="12"/>
    </row>
    <row r="198113" spans="8:8">
      <c r="H198113" s="12"/>
    </row>
    <row r="198114" spans="8:8">
      <c r="H198114" s="12"/>
    </row>
    <row r="198115" spans="8:8">
      <c r="H198115" s="12"/>
    </row>
    <row r="198116" spans="8:8">
      <c r="H198116" s="12"/>
    </row>
    <row r="198117" spans="8:8">
      <c r="H198117" s="12"/>
    </row>
    <row r="198118" spans="8:8">
      <c r="H198118" s="12"/>
    </row>
    <row r="198119" spans="8:8">
      <c r="H198119" s="12"/>
    </row>
    <row r="198120" spans="8:8">
      <c r="H198120" s="12"/>
    </row>
    <row r="198121" spans="8:8">
      <c r="H198121" s="12"/>
    </row>
    <row r="198122" spans="8:8">
      <c r="H198122" s="12"/>
    </row>
    <row r="198123" spans="8:8">
      <c r="H198123" s="12"/>
    </row>
    <row r="198124" spans="8:8">
      <c r="H198124" s="12"/>
    </row>
    <row r="198125" spans="8:8">
      <c r="H198125" s="12"/>
    </row>
    <row r="198126" spans="8:8">
      <c r="H198126" s="12"/>
    </row>
    <row r="198127" spans="8:8">
      <c r="H198127" s="12"/>
    </row>
    <row r="198128" spans="8:8">
      <c r="H198128" s="12"/>
    </row>
    <row r="198129" spans="8:8">
      <c r="H198129" s="12"/>
    </row>
    <row r="198130" spans="8:8">
      <c r="H198130" s="12"/>
    </row>
    <row r="198131" spans="8:8">
      <c r="H198131" s="12"/>
    </row>
    <row r="198132" spans="8:8">
      <c r="H198132" s="12"/>
    </row>
    <row r="198133" spans="8:8">
      <c r="H198133" s="12"/>
    </row>
    <row r="198134" spans="8:8">
      <c r="H198134" s="12"/>
    </row>
    <row r="198135" spans="8:8">
      <c r="H198135" s="12"/>
    </row>
    <row r="198136" spans="8:8">
      <c r="H198136" s="12"/>
    </row>
    <row r="198137" spans="8:8">
      <c r="H198137" s="12"/>
    </row>
    <row r="198138" spans="8:8">
      <c r="H198138" s="12"/>
    </row>
    <row r="198139" spans="8:8">
      <c r="H198139" s="12"/>
    </row>
    <row r="198140" spans="8:8">
      <c r="H198140" s="12"/>
    </row>
    <row r="198141" spans="8:8">
      <c r="H198141" s="12"/>
    </row>
    <row r="198142" spans="8:8">
      <c r="H198142" s="12"/>
    </row>
    <row r="198143" spans="8:8">
      <c r="H198143" s="12"/>
    </row>
    <row r="198144" spans="8:8">
      <c r="H198144" s="12"/>
    </row>
    <row r="198145" spans="8:8">
      <c r="H198145" s="12"/>
    </row>
    <row r="198146" spans="8:8">
      <c r="H198146" s="12"/>
    </row>
    <row r="198147" spans="8:8">
      <c r="H198147" s="12"/>
    </row>
    <row r="198148" spans="8:8">
      <c r="H198148" s="12"/>
    </row>
    <row r="198149" spans="8:8">
      <c r="H198149" s="12"/>
    </row>
    <row r="198150" spans="8:8">
      <c r="H198150" s="12"/>
    </row>
    <row r="198151" spans="8:8">
      <c r="H198151" s="12"/>
    </row>
    <row r="198152" spans="8:8">
      <c r="H198152" s="12"/>
    </row>
    <row r="198153" spans="8:8">
      <c r="H198153" s="12"/>
    </row>
    <row r="198154" spans="8:8">
      <c r="H198154" s="12"/>
    </row>
    <row r="198155" spans="8:8">
      <c r="H198155" s="12"/>
    </row>
    <row r="198156" spans="8:8">
      <c r="H198156" s="12"/>
    </row>
    <row r="198157" spans="8:8">
      <c r="H198157" s="12"/>
    </row>
    <row r="198158" spans="8:8">
      <c r="H198158" s="12"/>
    </row>
    <row r="198159" spans="8:8">
      <c r="H198159" s="12"/>
    </row>
    <row r="198160" spans="8:8">
      <c r="H198160" s="12"/>
    </row>
    <row r="198161" spans="8:8">
      <c r="H198161" s="12"/>
    </row>
    <row r="198162" spans="8:8">
      <c r="H198162" s="12"/>
    </row>
    <row r="198163" spans="8:8">
      <c r="H198163" s="12"/>
    </row>
    <row r="198164" spans="8:8">
      <c r="H198164" s="12"/>
    </row>
    <row r="198165" spans="8:8">
      <c r="H198165" s="12"/>
    </row>
    <row r="198166" spans="8:8">
      <c r="H198166" s="12"/>
    </row>
    <row r="198167" spans="8:8">
      <c r="H198167" s="12"/>
    </row>
    <row r="198168" spans="8:8">
      <c r="H198168" s="12"/>
    </row>
    <row r="198169" spans="8:8">
      <c r="H198169" s="12"/>
    </row>
    <row r="198170" spans="8:8">
      <c r="H198170" s="12"/>
    </row>
    <row r="198171" spans="8:8">
      <c r="H198171" s="12"/>
    </row>
    <row r="198172" spans="8:8">
      <c r="H198172" s="12"/>
    </row>
    <row r="198173" spans="8:8">
      <c r="H198173" s="12"/>
    </row>
    <row r="198174" spans="8:8">
      <c r="H198174" s="12"/>
    </row>
    <row r="198175" spans="8:8">
      <c r="H198175" s="12"/>
    </row>
    <row r="198176" spans="8:8">
      <c r="H198176" s="12"/>
    </row>
    <row r="198177" spans="8:8">
      <c r="H198177" s="12"/>
    </row>
    <row r="198178" spans="8:8">
      <c r="H198178" s="12"/>
    </row>
    <row r="198179" spans="8:8">
      <c r="H198179" s="12"/>
    </row>
    <row r="198180" spans="8:8">
      <c r="H198180" s="12"/>
    </row>
    <row r="198181" spans="8:8">
      <c r="H198181" s="12"/>
    </row>
    <row r="198182" spans="8:8">
      <c r="H198182" s="12"/>
    </row>
    <row r="198183" spans="8:8">
      <c r="H198183" s="12"/>
    </row>
    <row r="198184" spans="8:8">
      <c r="H198184" s="12"/>
    </row>
    <row r="198185" spans="8:8">
      <c r="H198185" s="12"/>
    </row>
    <row r="198186" spans="8:8">
      <c r="H198186" s="12"/>
    </row>
    <row r="198187" spans="8:8">
      <c r="H198187" s="12"/>
    </row>
    <row r="198188" spans="8:8">
      <c r="H198188" s="12"/>
    </row>
    <row r="198189" spans="8:8">
      <c r="H198189" s="12"/>
    </row>
    <row r="198190" spans="8:8">
      <c r="H198190" s="12"/>
    </row>
    <row r="198191" spans="8:8">
      <c r="H198191" s="12"/>
    </row>
    <row r="198192" spans="8:8">
      <c r="H198192" s="12"/>
    </row>
    <row r="198193" spans="8:8">
      <c r="H198193" s="12"/>
    </row>
    <row r="198194" spans="8:8">
      <c r="H198194" s="12"/>
    </row>
    <row r="198195" spans="8:8">
      <c r="H198195" s="12"/>
    </row>
    <row r="198196" spans="8:8">
      <c r="H198196" s="12"/>
    </row>
    <row r="198197" spans="8:8">
      <c r="H198197" s="12"/>
    </row>
    <row r="198198" spans="8:8">
      <c r="H198198" s="12"/>
    </row>
    <row r="198199" spans="8:8">
      <c r="H198199" s="12"/>
    </row>
    <row r="198200" spans="8:8">
      <c r="H198200" s="12"/>
    </row>
    <row r="198201" spans="8:8">
      <c r="H198201" s="12"/>
    </row>
    <row r="198202" spans="8:8">
      <c r="H198202" s="12"/>
    </row>
    <row r="198203" spans="8:8">
      <c r="H198203" s="12"/>
    </row>
    <row r="198204" spans="8:8">
      <c r="H198204" s="12"/>
    </row>
    <row r="198205" spans="8:8">
      <c r="H198205" s="12"/>
    </row>
    <row r="198206" spans="8:8">
      <c r="H198206" s="12"/>
    </row>
    <row r="198207" spans="8:8">
      <c r="H198207" s="12"/>
    </row>
    <row r="198208" spans="8:8">
      <c r="H198208" s="12"/>
    </row>
    <row r="198209" spans="8:8">
      <c r="H198209" s="12"/>
    </row>
    <row r="198210" spans="8:8">
      <c r="H198210" s="12"/>
    </row>
    <row r="198211" spans="8:8">
      <c r="H198211" s="12"/>
    </row>
    <row r="198212" spans="8:8">
      <c r="H198212" s="12"/>
    </row>
    <row r="198213" spans="8:8">
      <c r="H198213" s="12"/>
    </row>
    <row r="198214" spans="8:8">
      <c r="H198214" s="12"/>
    </row>
    <row r="198215" spans="8:8">
      <c r="H198215" s="12"/>
    </row>
    <row r="198216" spans="8:8">
      <c r="H198216" s="12"/>
    </row>
    <row r="198217" spans="8:8">
      <c r="H198217" s="12"/>
    </row>
    <row r="198218" spans="8:8">
      <c r="H198218" s="12"/>
    </row>
    <row r="198219" spans="8:8">
      <c r="H198219" s="12"/>
    </row>
    <row r="198220" spans="8:8">
      <c r="H198220" s="12"/>
    </row>
    <row r="198221" spans="8:8">
      <c r="H198221" s="12"/>
    </row>
    <row r="198222" spans="8:8">
      <c r="H198222" s="12"/>
    </row>
    <row r="198223" spans="8:8">
      <c r="H198223" s="12"/>
    </row>
    <row r="198224" spans="8:8">
      <c r="H198224" s="12"/>
    </row>
    <row r="198225" spans="8:8">
      <c r="H198225" s="12"/>
    </row>
    <row r="198226" spans="8:8">
      <c r="H198226" s="12"/>
    </row>
    <row r="198227" spans="8:8">
      <c r="H198227" s="12"/>
    </row>
    <row r="198228" spans="8:8">
      <c r="H198228" s="12"/>
    </row>
    <row r="198229" spans="8:8">
      <c r="H198229" s="12"/>
    </row>
    <row r="198230" spans="8:8">
      <c r="H198230" s="12"/>
    </row>
    <row r="198231" spans="8:8">
      <c r="H198231" s="12"/>
    </row>
    <row r="198232" spans="8:8">
      <c r="H198232" s="12"/>
    </row>
    <row r="198233" spans="8:8">
      <c r="H198233" s="12"/>
    </row>
    <row r="198234" spans="8:8">
      <c r="H198234" s="12"/>
    </row>
    <row r="198235" spans="8:8">
      <c r="H198235" s="12"/>
    </row>
    <row r="198236" spans="8:8">
      <c r="H198236" s="12"/>
    </row>
    <row r="198237" spans="8:8">
      <c r="H198237" s="12"/>
    </row>
    <row r="198238" spans="8:8">
      <c r="H198238" s="12"/>
    </row>
    <row r="198239" spans="8:8">
      <c r="H198239" s="12"/>
    </row>
    <row r="198240" spans="8:8">
      <c r="H198240" s="12"/>
    </row>
    <row r="198241" spans="8:8">
      <c r="H198241" s="12"/>
    </row>
    <row r="198242" spans="8:8">
      <c r="H198242" s="12"/>
    </row>
    <row r="198243" spans="8:8">
      <c r="H198243" s="12"/>
    </row>
    <row r="198244" spans="8:8">
      <c r="H198244" s="12"/>
    </row>
    <row r="198245" spans="8:8">
      <c r="H198245" s="12"/>
    </row>
    <row r="198246" spans="8:8">
      <c r="H198246" s="12"/>
    </row>
    <row r="198247" spans="8:8">
      <c r="H198247" s="12"/>
    </row>
    <row r="198248" spans="8:8">
      <c r="H198248" s="12"/>
    </row>
    <row r="198249" spans="8:8">
      <c r="H198249" s="12"/>
    </row>
    <row r="198250" spans="8:8">
      <c r="H198250" s="12"/>
    </row>
    <row r="198251" spans="8:8">
      <c r="H198251" s="12"/>
    </row>
    <row r="198252" spans="8:8">
      <c r="H198252" s="12"/>
    </row>
    <row r="198253" spans="8:8">
      <c r="H198253" s="12"/>
    </row>
    <row r="198254" spans="8:8">
      <c r="H198254" s="12"/>
    </row>
    <row r="198255" spans="8:8">
      <c r="H198255" s="12"/>
    </row>
    <row r="198256" spans="8:8">
      <c r="H198256" s="12"/>
    </row>
    <row r="198257" spans="8:8">
      <c r="H198257" s="12"/>
    </row>
    <row r="198258" spans="8:8">
      <c r="H198258" s="12"/>
    </row>
    <row r="198259" spans="8:8">
      <c r="H198259" s="12"/>
    </row>
    <row r="198260" spans="8:8">
      <c r="H198260" s="12"/>
    </row>
    <row r="198261" spans="8:8">
      <c r="H198261" s="12"/>
    </row>
    <row r="198262" spans="8:8">
      <c r="H198262" s="12"/>
    </row>
    <row r="198263" spans="8:8">
      <c r="H198263" s="12"/>
    </row>
    <row r="198264" spans="8:8">
      <c r="H198264" s="12"/>
    </row>
    <row r="198265" spans="8:8">
      <c r="H198265" s="12"/>
    </row>
    <row r="198266" spans="8:8">
      <c r="H198266" s="12"/>
    </row>
    <row r="198267" spans="8:8">
      <c r="H198267" s="12"/>
    </row>
    <row r="198268" spans="8:8">
      <c r="H198268" s="12"/>
    </row>
    <row r="198269" spans="8:8">
      <c r="H198269" s="12"/>
    </row>
    <row r="198270" spans="8:8">
      <c r="H198270" s="12"/>
    </row>
    <row r="198271" spans="8:8">
      <c r="H198271" s="12"/>
    </row>
    <row r="198272" spans="8:8">
      <c r="H198272" s="12"/>
    </row>
    <row r="198273" spans="8:8">
      <c r="H198273" s="12"/>
    </row>
    <row r="198274" spans="8:8">
      <c r="H198274" s="12"/>
    </row>
    <row r="198275" spans="8:8">
      <c r="H198275" s="12"/>
    </row>
    <row r="198276" spans="8:8">
      <c r="H198276" s="12"/>
    </row>
    <row r="198277" spans="8:8">
      <c r="H198277" s="12"/>
    </row>
    <row r="198278" spans="8:8">
      <c r="H198278" s="12"/>
    </row>
    <row r="198279" spans="8:8">
      <c r="H198279" s="12"/>
    </row>
    <row r="198280" spans="8:8">
      <c r="H198280" s="12"/>
    </row>
    <row r="198281" spans="8:8">
      <c r="H198281" s="12"/>
    </row>
    <row r="198282" spans="8:8">
      <c r="H198282" s="12"/>
    </row>
    <row r="198283" spans="8:8">
      <c r="H198283" s="12"/>
    </row>
    <row r="198284" spans="8:8">
      <c r="H198284" s="12"/>
    </row>
    <row r="198285" spans="8:8">
      <c r="H198285" s="12"/>
    </row>
    <row r="198286" spans="8:8">
      <c r="H198286" s="12"/>
    </row>
    <row r="198287" spans="8:8">
      <c r="H198287" s="12"/>
    </row>
    <row r="198288" spans="8:8">
      <c r="H198288" s="12"/>
    </row>
    <row r="198289" spans="8:8">
      <c r="H198289" s="12"/>
    </row>
    <row r="198290" spans="8:8">
      <c r="H198290" s="12"/>
    </row>
    <row r="198291" spans="8:8">
      <c r="H198291" s="12"/>
    </row>
    <row r="198292" spans="8:8">
      <c r="H198292" s="12"/>
    </row>
    <row r="198293" spans="8:8">
      <c r="H198293" s="12"/>
    </row>
    <row r="198294" spans="8:8">
      <c r="H198294" s="12"/>
    </row>
    <row r="198295" spans="8:8">
      <c r="H198295" s="12"/>
    </row>
    <row r="198296" spans="8:8">
      <c r="H198296" s="12"/>
    </row>
    <row r="198297" spans="8:8">
      <c r="H198297" s="12"/>
    </row>
    <row r="198298" spans="8:8">
      <c r="H198298" s="12"/>
    </row>
    <row r="198299" spans="8:8">
      <c r="H198299" s="12"/>
    </row>
    <row r="198300" spans="8:8">
      <c r="H198300" s="12"/>
    </row>
    <row r="198301" spans="8:8">
      <c r="H198301" s="12"/>
    </row>
    <row r="198302" spans="8:8">
      <c r="H198302" s="12"/>
    </row>
    <row r="198303" spans="8:8">
      <c r="H198303" s="12"/>
    </row>
    <row r="198304" spans="8:8">
      <c r="H198304" s="12"/>
    </row>
    <row r="198305" spans="8:8">
      <c r="H198305" s="12"/>
    </row>
    <row r="198306" spans="8:8">
      <c r="H198306" s="12"/>
    </row>
    <row r="198307" spans="8:8">
      <c r="H198307" s="12"/>
    </row>
    <row r="198308" spans="8:8">
      <c r="H198308" s="12"/>
    </row>
    <row r="198309" spans="8:8">
      <c r="H198309" s="12"/>
    </row>
    <row r="198310" spans="8:8">
      <c r="H198310" s="12"/>
    </row>
    <row r="198311" spans="8:8">
      <c r="H198311" s="12"/>
    </row>
    <row r="198312" spans="8:8">
      <c r="H198312" s="12"/>
    </row>
    <row r="198313" spans="8:8">
      <c r="H198313" s="12"/>
    </row>
    <row r="198314" spans="8:8">
      <c r="H198314" s="12"/>
    </row>
    <row r="198315" spans="8:8">
      <c r="H198315" s="12"/>
    </row>
    <row r="198316" spans="8:8">
      <c r="H198316" s="12"/>
    </row>
    <row r="198317" spans="8:8">
      <c r="H198317" s="12"/>
    </row>
    <row r="198318" spans="8:8">
      <c r="H198318" s="12"/>
    </row>
    <row r="198319" spans="8:8">
      <c r="H198319" s="12"/>
    </row>
    <row r="198320" spans="8:8">
      <c r="H198320" s="12"/>
    </row>
    <row r="198321" spans="8:8">
      <c r="H198321" s="12"/>
    </row>
    <row r="198322" spans="8:8">
      <c r="H198322" s="12"/>
    </row>
    <row r="198323" spans="8:8">
      <c r="H198323" s="12"/>
    </row>
    <row r="198324" spans="8:8">
      <c r="H198324" s="12"/>
    </row>
    <row r="198325" spans="8:8">
      <c r="H198325" s="12"/>
    </row>
    <row r="198326" spans="8:8">
      <c r="H198326" s="12"/>
    </row>
    <row r="198327" spans="8:8">
      <c r="H198327" s="12"/>
    </row>
    <row r="198328" spans="8:8">
      <c r="H198328" s="12"/>
    </row>
    <row r="198329" spans="8:8">
      <c r="H198329" s="12"/>
    </row>
    <row r="198330" spans="8:8">
      <c r="H198330" s="12"/>
    </row>
    <row r="198331" spans="8:8">
      <c r="H198331" s="12"/>
    </row>
    <row r="198332" spans="8:8">
      <c r="H198332" s="12"/>
    </row>
    <row r="198333" spans="8:8">
      <c r="H198333" s="12"/>
    </row>
    <row r="198334" spans="8:8">
      <c r="H198334" s="12"/>
    </row>
    <row r="198335" spans="8:8">
      <c r="H198335" s="12"/>
    </row>
    <row r="198336" spans="8:8">
      <c r="H198336" s="12"/>
    </row>
    <row r="198337" spans="8:8">
      <c r="H198337" s="12"/>
    </row>
    <row r="198338" spans="8:8">
      <c r="H198338" s="12"/>
    </row>
    <row r="198339" spans="8:8">
      <c r="H198339" s="12"/>
    </row>
    <row r="198340" spans="8:8">
      <c r="H198340" s="12"/>
    </row>
    <row r="198341" spans="8:8">
      <c r="H198341" s="12"/>
    </row>
    <row r="198342" spans="8:8">
      <c r="H198342" s="12"/>
    </row>
    <row r="198343" spans="8:8">
      <c r="H198343" s="12"/>
    </row>
    <row r="198344" spans="8:8">
      <c r="H198344" s="12"/>
    </row>
    <row r="198345" spans="8:8">
      <c r="H198345" s="12"/>
    </row>
    <row r="198346" spans="8:8">
      <c r="H198346" s="12"/>
    </row>
    <row r="198347" spans="8:8">
      <c r="H198347" s="12"/>
    </row>
    <row r="198348" spans="8:8">
      <c r="H198348" s="12"/>
    </row>
    <row r="198349" spans="8:8">
      <c r="H198349" s="12"/>
    </row>
    <row r="198350" spans="8:8">
      <c r="H198350" s="12"/>
    </row>
    <row r="198351" spans="8:8">
      <c r="H198351" s="12"/>
    </row>
    <row r="198352" spans="8:8">
      <c r="H198352" s="12"/>
    </row>
    <row r="198353" spans="8:8">
      <c r="H198353" s="12"/>
    </row>
    <row r="198354" spans="8:8">
      <c r="H198354" s="12"/>
    </row>
    <row r="198355" spans="8:8">
      <c r="H198355" s="12"/>
    </row>
    <row r="198356" spans="8:8">
      <c r="H198356" s="12"/>
    </row>
    <row r="198357" spans="8:8">
      <c r="H198357" s="12"/>
    </row>
    <row r="198358" spans="8:8">
      <c r="H198358" s="12"/>
    </row>
    <row r="198359" spans="8:8">
      <c r="H198359" s="12"/>
    </row>
    <row r="198360" spans="8:8">
      <c r="H198360" s="12"/>
    </row>
    <row r="198361" spans="8:8">
      <c r="H198361" s="12"/>
    </row>
    <row r="198362" spans="8:8">
      <c r="H198362" s="12"/>
    </row>
    <row r="198363" spans="8:8">
      <c r="H198363" s="12"/>
    </row>
    <row r="198364" spans="8:8">
      <c r="H198364" s="12"/>
    </row>
    <row r="198365" spans="8:8">
      <c r="H198365" s="12"/>
    </row>
    <row r="198366" spans="8:8">
      <c r="H198366" s="12"/>
    </row>
    <row r="198367" spans="8:8">
      <c r="H198367" s="12"/>
    </row>
    <row r="198368" spans="8:8">
      <c r="H198368" s="12"/>
    </row>
    <row r="198369" spans="8:8">
      <c r="H198369" s="12"/>
    </row>
    <row r="198370" spans="8:8">
      <c r="H198370" s="12"/>
    </row>
    <row r="198371" spans="8:8">
      <c r="H198371" s="12"/>
    </row>
    <row r="198372" spans="8:8">
      <c r="H198372" s="12"/>
    </row>
    <row r="198373" spans="8:8">
      <c r="H198373" s="12"/>
    </row>
    <row r="198374" spans="8:8">
      <c r="H198374" s="12"/>
    </row>
    <row r="198375" spans="8:8">
      <c r="H198375" s="12"/>
    </row>
    <row r="198376" spans="8:8">
      <c r="H198376" s="12"/>
    </row>
    <row r="198377" spans="8:8">
      <c r="H198377" s="12"/>
    </row>
    <row r="198378" spans="8:8">
      <c r="H198378" s="12"/>
    </row>
    <row r="198379" spans="8:8">
      <c r="H198379" s="12"/>
    </row>
    <row r="198380" spans="8:8">
      <c r="H198380" s="12"/>
    </row>
    <row r="198381" spans="8:8">
      <c r="H198381" s="12"/>
    </row>
    <row r="198382" spans="8:8">
      <c r="H198382" s="12"/>
    </row>
    <row r="198383" spans="8:8">
      <c r="H198383" s="12"/>
    </row>
    <row r="198384" spans="8:8">
      <c r="H198384" s="12"/>
    </row>
    <row r="198385" spans="8:8">
      <c r="H198385" s="12"/>
    </row>
    <row r="198386" spans="8:8">
      <c r="H198386" s="12"/>
    </row>
    <row r="198387" spans="8:8">
      <c r="H198387" s="12"/>
    </row>
    <row r="198388" spans="8:8">
      <c r="H198388" s="12"/>
    </row>
    <row r="198389" spans="8:8">
      <c r="H198389" s="12"/>
    </row>
    <row r="198390" spans="8:8">
      <c r="H198390" s="12"/>
    </row>
    <row r="198391" spans="8:8">
      <c r="H198391" s="12"/>
    </row>
    <row r="198392" spans="8:8">
      <c r="H198392" s="12"/>
    </row>
    <row r="198393" spans="8:8">
      <c r="H198393" s="12"/>
    </row>
    <row r="198394" spans="8:8">
      <c r="H198394" s="12"/>
    </row>
    <row r="198395" spans="8:8">
      <c r="H198395" s="12"/>
    </row>
    <row r="198396" spans="8:8">
      <c r="H198396" s="12"/>
    </row>
    <row r="198397" spans="8:8">
      <c r="H198397" s="12"/>
    </row>
    <row r="198398" spans="8:8">
      <c r="H198398" s="12"/>
    </row>
    <row r="198399" spans="8:8">
      <c r="H198399" s="12"/>
    </row>
    <row r="198400" spans="8:8">
      <c r="H198400" s="12"/>
    </row>
    <row r="198401" spans="8:8">
      <c r="H198401" s="12"/>
    </row>
    <row r="198402" spans="8:8">
      <c r="H198402" s="12"/>
    </row>
    <row r="198403" spans="8:8">
      <c r="H198403" s="12"/>
    </row>
    <row r="198404" spans="8:8">
      <c r="H198404" s="12"/>
    </row>
    <row r="198405" spans="8:8">
      <c r="H198405" s="12"/>
    </row>
    <row r="198406" spans="8:8">
      <c r="H198406" s="12"/>
    </row>
    <row r="198407" spans="8:8">
      <c r="H198407" s="12"/>
    </row>
    <row r="198408" spans="8:8">
      <c r="H198408" s="12"/>
    </row>
    <row r="198409" spans="8:8">
      <c r="H198409" s="12"/>
    </row>
    <row r="198410" spans="8:8">
      <c r="H198410" s="12"/>
    </row>
    <row r="198411" spans="8:8">
      <c r="H198411" s="12"/>
    </row>
    <row r="198412" spans="8:8">
      <c r="H198412" s="12"/>
    </row>
    <row r="198413" spans="8:8">
      <c r="H198413" s="12"/>
    </row>
    <row r="198414" spans="8:8">
      <c r="H198414" s="12"/>
    </row>
    <row r="198415" spans="8:8">
      <c r="H198415" s="12"/>
    </row>
    <row r="198416" spans="8:8">
      <c r="H198416" s="12"/>
    </row>
    <row r="198417" spans="8:8">
      <c r="H198417" s="12"/>
    </row>
    <row r="198418" spans="8:8">
      <c r="H198418" s="12"/>
    </row>
    <row r="198419" spans="8:8">
      <c r="H198419" s="12"/>
    </row>
    <row r="198420" spans="8:8">
      <c r="H198420" s="12"/>
    </row>
    <row r="198421" spans="8:8">
      <c r="H198421" s="12"/>
    </row>
    <row r="198422" spans="8:8">
      <c r="H198422" s="12"/>
    </row>
    <row r="198423" spans="8:8">
      <c r="H198423" s="12"/>
    </row>
    <row r="198424" spans="8:8">
      <c r="H198424" s="12"/>
    </row>
    <row r="198425" spans="8:8">
      <c r="H198425" s="12"/>
    </row>
    <row r="198426" spans="8:8">
      <c r="H198426" s="12"/>
    </row>
    <row r="198427" spans="8:8">
      <c r="H198427" s="12"/>
    </row>
    <row r="198428" spans="8:8">
      <c r="H198428" s="12"/>
    </row>
    <row r="198429" spans="8:8">
      <c r="H198429" s="12"/>
    </row>
    <row r="198430" spans="8:8">
      <c r="H198430" s="12"/>
    </row>
    <row r="198431" spans="8:8">
      <c r="H198431" s="12"/>
    </row>
    <row r="198432" spans="8:8">
      <c r="H198432" s="12"/>
    </row>
    <row r="198433" spans="8:8">
      <c r="H198433" s="12"/>
    </row>
    <row r="198434" spans="8:8">
      <c r="H198434" s="12"/>
    </row>
    <row r="198435" spans="8:8">
      <c r="H198435" s="12"/>
    </row>
    <row r="198436" spans="8:8">
      <c r="H198436" s="12"/>
    </row>
    <row r="198437" spans="8:8">
      <c r="H198437" s="12"/>
    </row>
    <row r="198438" spans="8:8">
      <c r="H198438" s="12"/>
    </row>
    <row r="198439" spans="8:8">
      <c r="H198439" s="12"/>
    </row>
    <row r="198440" spans="8:8">
      <c r="H198440" s="12"/>
    </row>
    <row r="198441" spans="8:8">
      <c r="H198441" s="12"/>
    </row>
    <row r="198442" spans="8:8">
      <c r="H198442" s="12"/>
    </row>
    <row r="198443" spans="8:8">
      <c r="H198443" s="12"/>
    </row>
    <row r="198444" spans="8:8">
      <c r="H198444" s="12"/>
    </row>
    <row r="198445" spans="8:8">
      <c r="H198445" s="12"/>
    </row>
    <row r="198446" spans="8:8">
      <c r="H198446" s="12"/>
    </row>
    <row r="198447" spans="8:8">
      <c r="H198447" s="12"/>
    </row>
    <row r="198448" spans="8:8">
      <c r="H198448" s="12"/>
    </row>
    <row r="198449" spans="8:8">
      <c r="H198449" s="12"/>
    </row>
    <row r="198450" spans="8:8">
      <c r="H198450" s="12"/>
    </row>
    <row r="198451" spans="8:8">
      <c r="H198451" s="12"/>
    </row>
    <row r="198452" spans="8:8">
      <c r="H198452" s="12"/>
    </row>
    <row r="198453" spans="8:8">
      <c r="H198453" s="12"/>
    </row>
    <row r="198454" spans="8:8">
      <c r="H198454" s="12"/>
    </row>
    <row r="198455" spans="8:8">
      <c r="H198455" s="12"/>
    </row>
    <row r="198456" spans="8:8">
      <c r="H198456" s="12"/>
    </row>
    <row r="198457" spans="8:8">
      <c r="H198457" s="12"/>
    </row>
    <row r="198458" spans="8:8">
      <c r="H198458" s="12"/>
    </row>
    <row r="198459" spans="8:8">
      <c r="H198459" s="12"/>
    </row>
    <row r="198460" spans="8:8">
      <c r="H198460" s="12"/>
    </row>
    <row r="198461" spans="8:8">
      <c r="H198461" s="12"/>
    </row>
    <row r="198462" spans="8:8">
      <c r="H198462" s="12"/>
    </row>
    <row r="198463" spans="8:8">
      <c r="H198463" s="12"/>
    </row>
    <row r="198464" spans="8:8">
      <c r="H198464" s="12"/>
    </row>
    <row r="198465" spans="8:8">
      <c r="H198465" s="12"/>
    </row>
    <row r="198466" spans="8:8">
      <c r="H198466" s="12"/>
    </row>
    <row r="198467" spans="8:8">
      <c r="H198467" s="12"/>
    </row>
    <row r="198468" spans="8:8">
      <c r="H198468" s="12"/>
    </row>
    <row r="198469" spans="8:8">
      <c r="H198469" s="12"/>
    </row>
    <row r="198470" spans="8:8">
      <c r="H198470" s="12"/>
    </row>
    <row r="198471" spans="8:8">
      <c r="H198471" s="12"/>
    </row>
    <row r="198472" spans="8:8">
      <c r="H198472" s="12"/>
    </row>
    <row r="198473" spans="8:8">
      <c r="H198473" s="12"/>
    </row>
    <row r="198474" spans="8:8">
      <c r="H198474" s="12"/>
    </row>
    <row r="198475" spans="8:8">
      <c r="H198475" s="12"/>
    </row>
    <row r="198476" spans="8:8">
      <c r="H198476" s="12"/>
    </row>
    <row r="198477" spans="8:8">
      <c r="H198477" s="12"/>
    </row>
    <row r="198478" spans="8:8">
      <c r="H198478" s="12"/>
    </row>
    <row r="198479" spans="8:8">
      <c r="H198479" s="12"/>
    </row>
    <row r="198480" spans="8:8">
      <c r="H198480" s="12"/>
    </row>
    <row r="198481" spans="8:8">
      <c r="H198481" s="12"/>
    </row>
    <row r="198482" spans="8:8">
      <c r="H198482" s="12"/>
    </row>
    <row r="198483" spans="8:8">
      <c r="H198483" s="12"/>
    </row>
    <row r="198484" spans="8:8">
      <c r="H198484" s="12"/>
    </row>
    <row r="198485" spans="8:8">
      <c r="H198485" s="12"/>
    </row>
    <row r="198486" spans="8:8">
      <c r="H198486" s="12"/>
    </row>
    <row r="198487" spans="8:8">
      <c r="H198487" s="12"/>
    </row>
    <row r="198488" spans="8:8">
      <c r="H198488" s="12"/>
    </row>
    <row r="198489" spans="8:8">
      <c r="H198489" s="12"/>
    </row>
    <row r="198490" spans="8:8">
      <c r="H198490" s="12"/>
    </row>
    <row r="198491" spans="8:8">
      <c r="H198491" s="12"/>
    </row>
    <row r="198492" spans="8:8">
      <c r="H198492" s="12"/>
    </row>
    <row r="198493" spans="8:8">
      <c r="H198493" s="12"/>
    </row>
    <row r="198494" spans="8:8">
      <c r="H198494" s="12"/>
    </row>
    <row r="198495" spans="8:8">
      <c r="H198495" s="12"/>
    </row>
    <row r="198496" spans="8:8">
      <c r="H198496" s="12"/>
    </row>
    <row r="198497" spans="8:8">
      <c r="H198497" s="12"/>
    </row>
    <row r="198498" spans="8:8">
      <c r="H198498" s="12"/>
    </row>
    <row r="198499" spans="8:8">
      <c r="H198499" s="12"/>
    </row>
    <row r="198500" spans="8:8">
      <c r="H198500" s="12"/>
    </row>
    <row r="198501" spans="8:8">
      <c r="H198501" s="12"/>
    </row>
    <row r="198502" spans="8:8">
      <c r="H198502" s="12"/>
    </row>
    <row r="198503" spans="8:8">
      <c r="H198503" s="12"/>
    </row>
    <row r="198504" spans="8:8">
      <c r="H198504" s="12"/>
    </row>
    <row r="198505" spans="8:8">
      <c r="H198505" s="12"/>
    </row>
    <row r="198506" spans="8:8">
      <c r="H198506" s="12"/>
    </row>
    <row r="198507" spans="8:8">
      <c r="H198507" s="12"/>
    </row>
    <row r="198508" spans="8:8">
      <c r="H198508" s="12"/>
    </row>
    <row r="198509" spans="8:8">
      <c r="H198509" s="12"/>
    </row>
    <row r="198510" spans="8:8">
      <c r="H198510" s="12"/>
    </row>
    <row r="198511" spans="8:8">
      <c r="H198511" s="12"/>
    </row>
    <row r="198512" spans="8:8">
      <c r="H198512" s="12"/>
    </row>
    <row r="198513" spans="8:8">
      <c r="H198513" s="12"/>
    </row>
    <row r="198514" spans="8:8">
      <c r="H198514" s="12"/>
    </row>
    <row r="198515" spans="8:8">
      <c r="H198515" s="12"/>
    </row>
    <row r="198516" spans="8:8">
      <c r="H198516" s="12"/>
    </row>
    <row r="198517" spans="8:8">
      <c r="H198517" s="12"/>
    </row>
    <row r="198518" spans="8:8">
      <c r="H198518" s="12"/>
    </row>
    <row r="198519" spans="8:8">
      <c r="H198519" s="12"/>
    </row>
    <row r="198520" spans="8:8">
      <c r="H198520" s="12"/>
    </row>
    <row r="198521" spans="8:8">
      <c r="H198521" s="12"/>
    </row>
    <row r="198522" spans="8:8">
      <c r="H198522" s="12"/>
    </row>
    <row r="198523" spans="8:8">
      <c r="H198523" s="12"/>
    </row>
    <row r="198524" spans="8:8">
      <c r="H198524" s="12"/>
    </row>
    <row r="198525" spans="8:8">
      <c r="H198525" s="12"/>
    </row>
    <row r="198526" spans="8:8">
      <c r="H198526" s="12"/>
    </row>
    <row r="198527" spans="8:8">
      <c r="H198527" s="12"/>
    </row>
    <row r="198528" spans="8:8">
      <c r="H198528" s="12"/>
    </row>
    <row r="198529" spans="8:8">
      <c r="H198529" s="12"/>
    </row>
    <row r="198530" spans="8:8">
      <c r="H198530" s="12"/>
    </row>
    <row r="198531" spans="8:8">
      <c r="H198531" s="12"/>
    </row>
    <row r="198532" spans="8:8">
      <c r="H198532" s="12"/>
    </row>
    <row r="198533" spans="8:8">
      <c r="H198533" s="12"/>
    </row>
    <row r="198534" spans="8:8">
      <c r="H198534" s="12"/>
    </row>
    <row r="198535" spans="8:8">
      <c r="H198535" s="12"/>
    </row>
    <row r="198536" spans="8:8">
      <c r="H198536" s="12"/>
    </row>
    <row r="198537" spans="8:8">
      <c r="H198537" s="12"/>
    </row>
    <row r="198538" spans="8:8">
      <c r="H198538" s="12"/>
    </row>
    <row r="198539" spans="8:8">
      <c r="H198539" s="12"/>
    </row>
    <row r="198540" spans="8:8">
      <c r="H198540" s="12"/>
    </row>
    <row r="198541" spans="8:8">
      <c r="H198541" s="12"/>
    </row>
    <row r="198542" spans="8:8">
      <c r="H198542" s="12"/>
    </row>
    <row r="198543" spans="8:8">
      <c r="H198543" s="12"/>
    </row>
    <row r="198544" spans="8:8">
      <c r="H198544" s="12"/>
    </row>
    <row r="198545" spans="8:8">
      <c r="H198545" s="12"/>
    </row>
    <row r="198546" spans="8:8">
      <c r="H198546" s="12"/>
    </row>
    <row r="198547" spans="8:8">
      <c r="H198547" s="12"/>
    </row>
    <row r="198548" spans="8:8">
      <c r="H198548" s="12"/>
    </row>
    <row r="198549" spans="8:8">
      <c r="H198549" s="12"/>
    </row>
    <row r="198550" spans="8:8">
      <c r="H198550" s="12"/>
    </row>
    <row r="198551" spans="8:8">
      <c r="H198551" s="12"/>
    </row>
    <row r="198552" spans="8:8">
      <c r="H198552" s="12"/>
    </row>
    <row r="198553" spans="8:8">
      <c r="H198553" s="12"/>
    </row>
    <row r="198554" spans="8:8">
      <c r="H198554" s="12"/>
    </row>
    <row r="198555" spans="8:8">
      <c r="H198555" s="12"/>
    </row>
    <row r="198556" spans="8:8">
      <c r="H198556" s="12"/>
    </row>
    <row r="198557" spans="8:8">
      <c r="H198557" s="12"/>
    </row>
    <row r="198558" spans="8:8">
      <c r="H198558" s="12"/>
    </row>
    <row r="198559" spans="8:8">
      <c r="H198559" s="12"/>
    </row>
    <row r="198560" spans="8:8">
      <c r="H198560" s="12"/>
    </row>
    <row r="198561" spans="8:8">
      <c r="H198561" s="12"/>
    </row>
    <row r="198562" spans="8:8">
      <c r="H198562" s="12"/>
    </row>
    <row r="198563" spans="8:8">
      <c r="H198563" s="12"/>
    </row>
    <row r="198564" spans="8:8">
      <c r="H198564" s="12"/>
    </row>
    <row r="198565" spans="8:8">
      <c r="H198565" s="12"/>
    </row>
    <row r="198566" spans="8:8">
      <c r="H198566" s="12"/>
    </row>
    <row r="198567" spans="8:8">
      <c r="H198567" s="12"/>
    </row>
    <row r="198568" spans="8:8">
      <c r="H198568" s="12"/>
    </row>
    <row r="198569" spans="8:8">
      <c r="H198569" s="12"/>
    </row>
    <row r="198570" spans="8:8">
      <c r="H198570" s="12"/>
    </row>
    <row r="198571" spans="8:8">
      <c r="H198571" s="12"/>
    </row>
    <row r="198572" spans="8:8">
      <c r="H198572" s="12"/>
    </row>
    <row r="198573" spans="8:8">
      <c r="H198573" s="12"/>
    </row>
    <row r="198574" spans="8:8">
      <c r="H198574" s="12"/>
    </row>
    <row r="198575" spans="8:8">
      <c r="H198575" s="12"/>
    </row>
    <row r="198576" spans="8:8">
      <c r="H198576" s="12"/>
    </row>
    <row r="198577" spans="8:8">
      <c r="H198577" s="12"/>
    </row>
    <row r="198578" spans="8:8">
      <c r="H198578" s="12"/>
    </row>
    <row r="198579" spans="8:8">
      <c r="H198579" s="12"/>
    </row>
    <row r="198580" spans="8:8">
      <c r="H198580" s="12"/>
    </row>
    <row r="198581" spans="8:8">
      <c r="H198581" s="12"/>
    </row>
    <row r="198582" spans="8:8">
      <c r="H198582" s="12"/>
    </row>
    <row r="198583" spans="8:8">
      <c r="H198583" s="12"/>
    </row>
    <row r="198584" spans="8:8">
      <c r="H198584" s="12"/>
    </row>
    <row r="198585" spans="8:8">
      <c r="H198585" s="12"/>
    </row>
    <row r="198586" spans="8:8">
      <c r="H198586" s="12"/>
    </row>
    <row r="198587" spans="8:8">
      <c r="H198587" s="12"/>
    </row>
    <row r="198588" spans="8:8">
      <c r="H198588" s="12"/>
    </row>
    <row r="198589" spans="8:8">
      <c r="H198589" s="12"/>
    </row>
    <row r="198590" spans="8:8">
      <c r="H198590" s="12"/>
    </row>
    <row r="198591" spans="8:8">
      <c r="H198591" s="12"/>
    </row>
    <row r="198592" spans="8:8">
      <c r="H198592" s="12"/>
    </row>
    <row r="198593" spans="8:8">
      <c r="H198593" s="12"/>
    </row>
    <row r="198594" spans="8:8">
      <c r="H198594" s="12"/>
    </row>
    <row r="198595" spans="8:8">
      <c r="H198595" s="12"/>
    </row>
    <row r="198596" spans="8:8">
      <c r="H198596" s="12"/>
    </row>
    <row r="198597" spans="8:8">
      <c r="H198597" s="12"/>
    </row>
    <row r="198598" spans="8:8">
      <c r="H198598" s="12"/>
    </row>
    <row r="198599" spans="8:8">
      <c r="H198599" s="12"/>
    </row>
    <row r="198600" spans="8:8">
      <c r="H198600" s="12"/>
    </row>
    <row r="198601" spans="8:8">
      <c r="H198601" s="12"/>
    </row>
    <row r="198602" spans="8:8">
      <c r="H198602" s="12"/>
    </row>
    <row r="198603" spans="8:8">
      <c r="H198603" s="12"/>
    </row>
    <row r="198604" spans="8:8">
      <c r="H198604" s="12"/>
    </row>
    <row r="198605" spans="8:8">
      <c r="H198605" s="12"/>
    </row>
    <row r="198606" spans="8:8">
      <c r="H198606" s="12"/>
    </row>
    <row r="198607" spans="8:8">
      <c r="H198607" s="12"/>
    </row>
    <row r="198608" spans="8:8">
      <c r="H198608" s="12"/>
    </row>
    <row r="198609" spans="8:8">
      <c r="H198609" s="12"/>
    </row>
    <row r="198610" spans="8:8">
      <c r="H198610" s="12"/>
    </row>
    <row r="198611" spans="8:8">
      <c r="H198611" s="12"/>
    </row>
    <row r="198612" spans="8:8">
      <c r="H198612" s="12"/>
    </row>
    <row r="198613" spans="8:8">
      <c r="H198613" s="12"/>
    </row>
    <row r="198614" spans="8:8">
      <c r="H198614" s="12"/>
    </row>
    <row r="198615" spans="8:8">
      <c r="H198615" s="12"/>
    </row>
    <row r="198616" spans="8:8">
      <c r="H198616" s="12"/>
    </row>
    <row r="198617" spans="8:8">
      <c r="H198617" s="12"/>
    </row>
    <row r="198618" spans="8:8">
      <c r="H198618" s="12"/>
    </row>
    <row r="198619" spans="8:8">
      <c r="H198619" s="12"/>
    </row>
    <row r="198620" spans="8:8">
      <c r="H198620" s="12"/>
    </row>
    <row r="198621" spans="8:8">
      <c r="H198621" s="12"/>
    </row>
    <row r="198622" spans="8:8">
      <c r="H198622" s="12"/>
    </row>
    <row r="198623" spans="8:8">
      <c r="H198623" s="12"/>
    </row>
    <row r="198624" spans="8:8">
      <c r="H198624" s="12"/>
    </row>
    <row r="198625" spans="8:8">
      <c r="H198625" s="12"/>
    </row>
    <row r="198626" spans="8:8">
      <c r="H198626" s="12"/>
    </row>
    <row r="198627" spans="8:8">
      <c r="H198627" s="12"/>
    </row>
    <row r="198628" spans="8:8">
      <c r="H198628" s="12"/>
    </row>
    <row r="198629" spans="8:8">
      <c r="H198629" s="12"/>
    </row>
    <row r="198630" spans="8:8">
      <c r="H198630" s="12"/>
    </row>
    <row r="198631" spans="8:8">
      <c r="H198631" s="12"/>
    </row>
    <row r="198632" spans="8:8">
      <c r="H198632" s="12"/>
    </row>
    <row r="198633" spans="8:8">
      <c r="H198633" s="12"/>
    </row>
    <row r="198634" spans="8:8">
      <c r="H198634" s="12"/>
    </row>
    <row r="198635" spans="8:8">
      <c r="H198635" s="12"/>
    </row>
    <row r="198636" spans="8:8">
      <c r="H198636" s="12"/>
    </row>
    <row r="198637" spans="8:8">
      <c r="H198637" s="12"/>
    </row>
    <row r="198638" spans="8:8">
      <c r="H198638" s="12"/>
    </row>
    <row r="198639" spans="8:8">
      <c r="H198639" s="12"/>
    </row>
    <row r="198640" spans="8:8">
      <c r="H198640" s="12"/>
    </row>
    <row r="198641" spans="8:8">
      <c r="H198641" s="12"/>
    </row>
    <row r="198642" spans="8:8">
      <c r="H198642" s="12"/>
    </row>
    <row r="198643" spans="8:8">
      <c r="H198643" s="12"/>
    </row>
    <row r="198644" spans="8:8">
      <c r="H198644" s="12"/>
    </row>
    <row r="198645" spans="8:8">
      <c r="H198645" s="12"/>
    </row>
    <row r="198646" spans="8:8">
      <c r="H198646" s="12"/>
    </row>
    <row r="198647" spans="8:8">
      <c r="H198647" s="12"/>
    </row>
    <row r="198648" spans="8:8">
      <c r="H198648" s="12"/>
    </row>
    <row r="198649" spans="8:8">
      <c r="H198649" s="12"/>
    </row>
    <row r="198650" spans="8:8">
      <c r="H198650" s="12"/>
    </row>
    <row r="198651" spans="8:8">
      <c r="H198651" s="12"/>
    </row>
    <row r="198652" spans="8:8">
      <c r="H198652" s="12"/>
    </row>
    <row r="198653" spans="8:8">
      <c r="H198653" s="12"/>
    </row>
    <row r="198654" spans="8:8">
      <c r="H198654" s="12"/>
    </row>
    <row r="198655" spans="8:8">
      <c r="H198655" s="12"/>
    </row>
    <row r="198656" spans="8:8">
      <c r="H198656" s="12"/>
    </row>
    <row r="198657" spans="8:8">
      <c r="H198657" s="12"/>
    </row>
    <row r="198658" spans="8:8">
      <c r="H198658" s="12"/>
    </row>
    <row r="198659" spans="8:8">
      <c r="H198659" s="12"/>
    </row>
    <row r="198660" spans="8:8">
      <c r="H198660" s="12"/>
    </row>
    <row r="198661" spans="8:8">
      <c r="H198661" s="12"/>
    </row>
    <row r="198662" spans="8:8">
      <c r="H198662" s="12"/>
    </row>
    <row r="198663" spans="8:8">
      <c r="H198663" s="12"/>
    </row>
    <row r="198664" spans="8:8">
      <c r="H198664" s="12"/>
    </row>
    <row r="198665" spans="8:8">
      <c r="H198665" s="12"/>
    </row>
    <row r="198666" spans="8:8">
      <c r="H198666" s="12"/>
    </row>
    <row r="198667" spans="8:8">
      <c r="H198667" s="12"/>
    </row>
    <row r="198668" spans="8:8">
      <c r="H198668" s="12"/>
    </row>
    <row r="198669" spans="8:8">
      <c r="H198669" s="12"/>
    </row>
    <row r="198670" spans="8:8">
      <c r="H198670" s="12"/>
    </row>
    <row r="198671" spans="8:8">
      <c r="H198671" s="12"/>
    </row>
    <row r="198672" spans="8:8">
      <c r="H198672" s="12"/>
    </row>
    <row r="198673" spans="8:8">
      <c r="H198673" s="12"/>
    </row>
    <row r="198674" spans="8:8">
      <c r="H198674" s="12"/>
    </row>
    <row r="198675" spans="8:8">
      <c r="H198675" s="12"/>
    </row>
    <row r="198676" spans="8:8">
      <c r="H198676" s="12"/>
    </row>
    <row r="198677" spans="8:8">
      <c r="H198677" s="12"/>
    </row>
    <row r="198678" spans="8:8">
      <c r="H198678" s="12"/>
    </row>
    <row r="198679" spans="8:8">
      <c r="H198679" s="12"/>
    </row>
    <row r="198680" spans="8:8">
      <c r="H198680" s="12"/>
    </row>
    <row r="198681" spans="8:8">
      <c r="H198681" s="12"/>
    </row>
    <row r="198682" spans="8:8">
      <c r="H198682" s="12"/>
    </row>
    <row r="198683" spans="8:8">
      <c r="H198683" s="12"/>
    </row>
    <row r="198684" spans="8:8">
      <c r="H198684" s="12"/>
    </row>
    <row r="198685" spans="8:8">
      <c r="H198685" s="12"/>
    </row>
    <row r="198686" spans="8:8">
      <c r="H198686" s="12"/>
    </row>
    <row r="198687" spans="8:8">
      <c r="H198687" s="12"/>
    </row>
    <row r="198688" spans="8:8">
      <c r="H198688" s="12"/>
    </row>
    <row r="198689" spans="8:8">
      <c r="H198689" s="12"/>
    </row>
    <row r="198690" spans="8:8">
      <c r="H198690" s="12"/>
    </row>
    <row r="198691" spans="8:8">
      <c r="H198691" s="12"/>
    </row>
    <row r="198692" spans="8:8">
      <c r="H198692" s="12"/>
    </row>
    <row r="198693" spans="8:8">
      <c r="H198693" s="12"/>
    </row>
    <row r="198694" spans="8:8">
      <c r="H198694" s="12"/>
    </row>
    <row r="198695" spans="8:8">
      <c r="H198695" s="12"/>
    </row>
    <row r="198696" spans="8:8">
      <c r="H198696" s="12"/>
    </row>
    <row r="198697" spans="8:8">
      <c r="H198697" s="12"/>
    </row>
    <row r="198698" spans="8:8">
      <c r="H198698" s="12"/>
    </row>
    <row r="198699" spans="8:8">
      <c r="H198699" s="12"/>
    </row>
    <row r="198700" spans="8:8">
      <c r="H198700" s="12"/>
    </row>
    <row r="198701" spans="8:8">
      <c r="H198701" s="12"/>
    </row>
    <row r="198702" spans="8:8">
      <c r="H198702" s="12"/>
    </row>
    <row r="198703" spans="8:8">
      <c r="H198703" s="12"/>
    </row>
    <row r="198704" spans="8:8">
      <c r="H198704" s="12"/>
    </row>
    <row r="198705" spans="8:8">
      <c r="H198705" s="12"/>
    </row>
    <row r="198706" spans="8:8">
      <c r="H198706" s="12"/>
    </row>
    <row r="198707" spans="8:8">
      <c r="H198707" s="12"/>
    </row>
    <row r="198708" spans="8:8">
      <c r="H198708" s="12"/>
    </row>
    <row r="198709" spans="8:8">
      <c r="H198709" s="12"/>
    </row>
    <row r="198710" spans="8:8">
      <c r="H198710" s="12"/>
    </row>
    <row r="198711" spans="8:8">
      <c r="H198711" s="12"/>
    </row>
    <row r="198712" spans="8:8">
      <c r="H198712" s="12"/>
    </row>
    <row r="198713" spans="8:8">
      <c r="H198713" s="12"/>
    </row>
    <row r="198714" spans="8:8">
      <c r="H198714" s="12"/>
    </row>
    <row r="198715" spans="8:8">
      <c r="H198715" s="12"/>
    </row>
    <row r="198716" spans="8:8">
      <c r="H198716" s="12"/>
    </row>
    <row r="198717" spans="8:8">
      <c r="H198717" s="12"/>
    </row>
    <row r="198718" spans="8:8">
      <c r="H198718" s="12"/>
    </row>
    <row r="198719" spans="8:8">
      <c r="H198719" s="12"/>
    </row>
    <row r="198720" spans="8:8">
      <c r="H198720" s="12"/>
    </row>
    <row r="198721" spans="8:8">
      <c r="H198721" s="12"/>
    </row>
    <row r="198722" spans="8:8">
      <c r="H198722" s="12"/>
    </row>
    <row r="198723" spans="8:8">
      <c r="H198723" s="12"/>
    </row>
    <row r="198724" spans="8:8">
      <c r="H198724" s="12"/>
    </row>
    <row r="198725" spans="8:8">
      <c r="H198725" s="12"/>
    </row>
    <row r="198726" spans="8:8">
      <c r="H198726" s="12"/>
    </row>
    <row r="198727" spans="8:8">
      <c r="H198727" s="12"/>
    </row>
    <row r="198728" spans="8:8">
      <c r="H198728" s="12"/>
    </row>
    <row r="198729" spans="8:8">
      <c r="H198729" s="12"/>
    </row>
    <row r="198730" spans="8:8">
      <c r="H198730" s="12"/>
    </row>
    <row r="198731" spans="8:8">
      <c r="H198731" s="12"/>
    </row>
    <row r="198732" spans="8:8">
      <c r="H198732" s="12"/>
    </row>
    <row r="198733" spans="8:8">
      <c r="H198733" s="12"/>
    </row>
    <row r="198734" spans="8:8">
      <c r="H198734" s="12"/>
    </row>
    <row r="198735" spans="8:8">
      <c r="H198735" s="12"/>
    </row>
    <row r="198736" spans="8:8">
      <c r="H198736" s="12"/>
    </row>
    <row r="198737" spans="8:8">
      <c r="H198737" s="12"/>
    </row>
    <row r="198738" spans="8:8">
      <c r="H198738" s="12"/>
    </row>
    <row r="198739" spans="8:8">
      <c r="H198739" s="12"/>
    </row>
    <row r="198740" spans="8:8">
      <c r="H198740" s="12"/>
    </row>
    <row r="198741" spans="8:8">
      <c r="H198741" s="12"/>
    </row>
    <row r="198742" spans="8:8">
      <c r="H198742" s="12"/>
    </row>
    <row r="198743" spans="8:8">
      <c r="H198743" s="12"/>
    </row>
    <row r="198744" spans="8:8">
      <c r="H198744" s="12"/>
    </row>
    <row r="198745" spans="8:8">
      <c r="H198745" s="12"/>
    </row>
    <row r="198746" spans="8:8">
      <c r="H198746" s="12"/>
    </row>
    <row r="198747" spans="8:8">
      <c r="H198747" s="12"/>
    </row>
    <row r="198748" spans="8:8">
      <c r="H198748" s="12"/>
    </row>
    <row r="198749" spans="8:8">
      <c r="H198749" s="12"/>
    </row>
    <row r="198750" spans="8:8">
      <c r="H198750" s="12"/>
    </row>
    <row r="198751" spans="8:8">
      <c r="H198751" s="12"/>
    </row>
    <row r="198752" spans="8:8">
      <c r="H198752" s="12"/>
    </row>
    <row r="198753" spans="8:8">
      <c r="H198753" s="12"/>
    </row>
    <row r="198754" spans="8:8">
      <c r="H198754" s="12"/>
    </row>
    <row r="198755" spans="8:8">
      <c r="H198755" s="12"/>
    </row>
    <row r="198756" spans="8:8">
      <c r="H198756" s="12"/>
    </row>
    <row r="198757" spans="8:8">
      <c r="H198757" s="12"/>
    </row>
    <row r="198758" spans="8:8">
      <c r="H198758" s="12"/>
    </row>
    <row r="198759" spans="8:8">
      <c r="H198759" s="12"/>
    </row>
    <row r="198760" spans="8:8">
      <c r="H198760" s="12"/>
    </row>
    <row r="198761" spans="8:8">
      <c r="H198761" s="12"/>
    </row>
    <row r="198762" spans="8:8">
      <c r="H198762" s="12"/>
    </row>
    <row r="198763" spans="8:8">
      <c r="H198763" s="12"/>
    </row>
    <row r="198764" spans="8:8">
      <c r="H198764" s="12"/>
    </row>
    <row r="198765" spans="8:8">
      <c r="H198765" s="12"/>
    </row>
    <row r="198766" spans="8:8">
      <c r="H198766" s="12"/>
    </row>
    <row r="198767" spans="8:8">
      <c r="H198767" s="12"/>
    </row>
    <row r="198768" spans="8:8">
      <c r="H198768" s="12"/>
    </row>
    <row r="198769" spans="8:8">
      <c r="H198769" s="12"/>
    </row>
    <row r="198770" spans="8:8">
      <c r="H198770" s="12"/>
    </row>
    <row r="198771" spans="8:8">
      <c r="H198771" s="12"/>
    </row>
    <row r="198772" spans="8:8">
      <c r="H198772" s="12"/>
    </row>
    <row r="198773" spans="8:8">
      <c r="H198773" s="12"/>
    </row>
    <row r="198774" spans="8:8">
      <c r="H198774" s="12"/>
    </row>
    <row r="198775" spans="8:8">
      <c r="H198775" s="12"/>
    </row>
    <row r="198776" spans="8:8">
      <c r="H198776" s="12"/>
    </row>
    <row r="198777" spans="8:8">
      <c r="H198777" s="12"/>
    </row>
    <row r="198778" spans="8:8">
      <c r="H198778" s="12"/>
    </row>
    <row r="198779" spans="8:8">
      <c r="H198779" s="12"/>
    </row>
    <row r="198780" spans="8:8">
      <c r="H198780" s="12"/>
    </row>
    <row r="198781" spans="8:8">
      <c r="H198781" s="12"/>
    </row>
    <row r="198782" spans="8:8">
      <c r="H198782" s="12"/>
    </row>
    <row r="198783" spans="8:8">
      <c r="H198783" s="12"/>
    </row>
    <row r="198784" spans="8:8">
      <c r="H198784" s="12"/>
    </row>
    <row r="198785" spans="8:8">
      <c r="H198785" s="12"/>
    </row>
    <row r="198786" spans="8:8">
      <c r="H198786" s="12"/>
    </row>
    <row r="198787" spans="8:8">
      <c r="H198787" s="12"/>
    </row>
    <row r="198788" spans="8:8">
      <c r="H198788" s="12"/>
    </row>
    <row r="198789" spans="8:8">
      <c r="H198789" s="12"/>
    </row>
    <row r="198790" spans="8:8">
      <c r="H198790" s="12"/>
    </row>
    <row r="198791" spans="8:8">
      <c r="H198791" s="12"/>
    </row>
    <row r="198792" spans="8:8">
      <c r="H198792" s="12"/>
    </row>
    <row r="198793" spans="8:8">
      <c r="H198793" s="12"/>
    </row>
    <row r="198794" spans="8:8">
      <c r="H198794" s="12"/>
    </row>
    <row r="198795" spans="8:8">
      <c r="H198795" s="12"/>
    </row>
    <row r="198796" spans="8:8">
      <c r="H198796" s="12"/>
    </row>
    <row r="198797" spans="8:8">
      <c r="H198797" s="12"/>
    </row>
    <row r="198798" spans="8:8">
      <c r="H198798" s="12"/>
    </row>
    <row r="198799" spans="8:8">
      <c r="H198799" s="12"/>
    </row>
    <row r="198800" spans="8:8">
      <c r="H198800" s="12"/>
    </row>
    <row r="198801" spans="8:8">
      <c r="H198801" s="12"/>
    </row>
    <row r="198802" spans="8:8">
      <c r="H198802" s="12"/>
    </row>
    <row r="198803" spans="8:8">
      <c r="H198803" s="12"/>
    </row>
    <row r="198804" spans="8:8">
      <c r="H198804" s="12"/>
    </row>
    <row r="198805" spans="8:8">
      <c r="H198805" s="12"/>
    </row>
    <row r="198806" spans="8:8">
      <c r="H198806" s="12"/>
    </row>
    <row r="198807" spans="8:8">
      <c r="H198807" s="12"/>
    </row>
    <row r="198808" spans="8:8">
      <c r="H198808" s="12"/>
    </row>
    <row r="198809" spans="8:8">
      <c r="H198809" s="12"/>
    </row>
    <row r="198810" spans="8:8">
      <c r="H198810" s="12"/>
    </row>
    <row r="198811" spans="8:8">
      <c r="H198811" s="12"/>
    </row>
    <row r="198812" spans="8:8">
      <c r="H198812" s="12"/>
    </row>
    <row r="198813" spans="8:8">
      <c r="H198813" s="12"/>
    </row>
    <row r="198814" spans="8:8">
      <c r="H198814" s="12"/>
    </row>
    <row r="198815" spans="8:8">
      <c r="H198815" s="12"/>
    </row>
    <row r="198816" spans="8:8">
      <c r="H198816" s="12"/>
    </row>
    <row r="198817" spans="8:8">
      <c r="H198817" s="12"/>
    </row>
    <row r="198818" spans="8:8">
      <c r="H198818" s="12"/>
    </row>
    <row r="198819" spans="8:8">
      <c r="H198819" s="12"/>
    </row>
    <row r="198820" spans="8:8">
      <c r="H198820" s="12"/>
    </row>
    <row r="198821" spans="8:8">
      <c r="H198821" s="12"/>
    </row>
    <row r="198822" spans="8:8">
      <c r="H198822" s="12"/>
    </row>
    <row r="198823" spans="8:8">
      <c r="H198823" s="12"/>
    </row>
    <row r="198824" spans="8:8">
      <c r="H198824" s="12"/>
    </row>
    <row r="198825" spans="8:8">
      <c r="H198825" s="12"/>
    </row>
    <row r="198826" spans="8:8">
      <c r="H198826" s="12"/>
    </row>
    <row r="198827" spans="8:8">
      <c r="H198827" s="12"/>
    </row>
    <row r="198828" spans="8:8">
      <c r="H198828" s="12"/>
    </row>
    <row r="198829" spans="8:8">
      <c r="H198829" s="12"/>
    </row>
    <row r="198830" spans="8:8">
      <c r="H198830" s="12"/>
    </row>
    <row r="198831" spans="8:8">
      <c r="H198831" s="12"/>
    </row>
    <row r="198832" spans="8:8">
      <c r="H198832" s="12"/>
    </row>
    <row r="198833" spans="8:8">
      <c r="H198833" s="12"/>
    </row>
    <row r="198834" spans="8:8">
      <c r="H198834" s="12"/>
    </row>
    <row r="198835" spans="8:8">
      <c r="H198835" s="12"/>
    </row>
    <row r="198836" spans="8:8">
      <c r="H198836" s="12"/>
    </row>
    <row r="198837" spans="8:8">
      <c r="H198837" s="12"/>
    </row>
    <row r="198838" spans="8:8">
      <c r="H198838" s="12"/>
    </row>
    <row r="198839" spans="8:8">
      <c r="H198839" s="12"/>
    </row>
    <row r="198840" spans="8:8">
      <c r="H198840" s="12"/>
    </row>
    <row r="198841" spans="8:8">
      <c r="H198841" s="12"/>
    </row>
    <row r="198842" spans="8:8">
      <c r="H198842" s="12"/>
    </row>
    <row r="198843" spans="8:8">
      <c r="H198843" s="12"/>
    </row>
    <row r="198844" spans="8:8">
      <c r="H198844" s="12"/>
    </row>
    <row r="198845" spans="8:8">
      <c r="H198845" s="12"/>
    </row>
    <row r="198846" spans="8:8">
      <c r="H198846" s="12"/>
    </row>
    <row r="198847" spans="8:8">
      <c r="H198847" s="12"/>
    </row>
    <row r="198848" spans="8:8">
      <c r="H198848" s="12"/>
    </row>
    <row r="198849" spans="8:8">
      <c r="H198849" s="12"/>
    </row>
    <row r="198850" spans="8:8">
      <c r="H198850" s="12"/>
    </row>
    <row r="198851" spans="8:8">
      <c r="H198851" s="12"/>
    </row>
    <row r="198852" spans="8:8">
      <c r="H198852" s="12"/>
    </row>
    <row r="198853" spans="8:8">
      <c r="H198853" s="12"/>
    </row>
    <row r="198854" spans="8:8">
      <c r="H198854" s="12"/>
    </row>
    <row r="198855" spans="8:8">
      <c r="H198855" s="12"/>
    </row>
    <row r="198856" spans="8:8">
      <c r="H198856" s="12"/>
    </row>
    <row r="198857" spans="8:8">
      <c r="H198857" s="12"/>
    </row>
    <row r="198858" spans="8:8">
      <c r="H198858" s="12"/>
    </row>
    <row r="198859" spans="8:8">
      <c r="H198859" s="12"/>
    </row>
    <row r="198860" spans="8:8">
      <c r="H198860" s="12"/>
    </row>
    <row r="198861" spans="8:8">
      <c r="H198861" s="12"/>
    </row>
    <row r="198862" spans="8:8">
      <c r="H198862" s="12"/>
    </row>
    <row r="198863" spans="8:8">
      <c r="H198863" s="12"/>
    </row>
    <row r="198864" spans="8:8">
      <c r="H198864" s="12"/>
    </row>
    <row r="198865" spans="8:8">
      <c r="H198865" s="12"/>
    </row>
    <row r="198866" spans="8:8">
      <c r="H198866" s="12"/>
    </row>
    <row r="198867" spans="8:8">
      <c r="H198867" s="12"/>
    </row>
    <row r="198868" spans="8:8">
      <c r="H198868" s="12"/>
    </row>
    <row r="198869" spans="8:8">
      <c r="H198869" s="12"/>
    </row>
    <row r="198870" spans="8:8">
      <c r="H198870" s="12"/>
    </row>
    <row r="198871" spans="8:8">
      <c r="H198871" s="12"/>
    </row>
    <row r="198872" spans="8:8">
      <c r="H198872" s="12"/>
    </row>
    <row r="198873" spans="8:8">
      <c r="H198873" s="12"/>
    </row>
    <row r="198874" spans="8:8">
      <c r="H198874" s="12"/>
    </row>
    <row r="198875" spans="8:8">
      <c r="H198875" s="12"/>
    </row>
    <row r="198876" spans="8:8">
      <c r="H198876" s="12"/>
    </row>
    <row r="198877" spans="8:8">
      <c r="H198877" s="12"/>
    </row>
    <row r="198878" spans="8:8">
      <c r="H198878" s="12"/>
    </row>
    <row r="198879" spans="8:8">
      <c r="H198879" s="12"/>
    </row>
    <row r="198880" spans="8:8">
      <c r="H198880" s="12"/>
    </row>
    <row r="198881" spans="8:8">
      <c r="H198881" s="12"/>
    </row>
    <row r="198882" spans="8:8">
      <c r="H198882" s="12"/>
    </row>
    <row r="198883" spans="8:8">
      <c r="H198883" s="12"/>
    </row>
    <row r="198884" spans="8:8">
      <c r="H198884" s="12"/>
    </row>
    <row r="198885" spans="8:8">
      <c r="H198885" s="12"/>
    </row>
    <row r="198886" spans="8:8">
      <c r="H198886" s="12"/>
    </row>
    <row r="198887" spans="8:8">
      <c r="H198887" s="12"/>
    </row>
    <row r="198888" spans="8:8">
      <c r="H198888" s="12"/>
    </row>
    <row r="198889" spans="8:8">
      <c r="H198889" s="12"/>
    </row>
    <row r="198890" spans="8:8">
      <c r="H198890" s="12"/>
    </row>
    <row r="198891" spans="8:8">
      <c r="H198891" s="12"/>
    </row>
    <row r="198892" spans="8:8">
      <c r="H198892" s="12"/>
    </row>
    <row r="198893" spans="8:8">
      <c r="H198893" s="12"/>
    </row>
    <row r="198894" spans="8:8">
      <c r="H198894" s="12"/>
    </row>
    <row r="198895" spans="8:8">
      <c r="H198895" s="12"/>
    </row>
    <row r="198896" spans="8:8">
      <c r="H198896" s="12"/>
    </row>
    <row r="198897" spans="8:8">
      <c r="H198897" s="12"/>
    </row>
    <row r="198898" spans="8:8">
      <c r="H198898" s="12"/>
    </row>
    <row r="198899" spans="8:8">
      <c r="H198899" s="12"/>
    </row>
    <row r="198900" spans="8:8">
      <c r="H198900" s="12"/>
    </row>
    <row r="198901" spans="8:8">
      <c r="H198901" s="12"/>
    </row>
    <row r="198902" spans="8:8">
      <c r="H198902" s="12"/>
    </row>
    <row r="198903" spans="8:8">
      <c r="H198903" s="12"/>
    </row>
    <row r="198904" spans="8:8">
      <c r="H198904" s="12"/>
    </row>
    <row r="198905" spans="8:8">
      <c r="H198905" s="12"/>
    </row>
    <row r="198906" spans="8:8">
      <c r="H198906" s="12"/>
    </row>
    <row r="198907" spans="8:8">
      <c r="H198907" s="12"/>
    </row>
    <row r="198908" spans="8:8">
      <c r="H198908" s="12"/>
    </row>
    <row r="198909" spans="8:8">
      <c r="H198909" s="12"/>
    </row>
    <row r="198910" spans="8:8">
      <c r="H198910" s="12"/>
    </row>
    <row r="198911" spans="8:8">
      <c r="H198911" s="12"/>
    </row>
    <row r="198912" spans="8:8">
      <c r="H198912" s="12"/>
    </row>
    <row r="198913" spans="8:8">
      <c r="H198913" s="12"/>
    </row>
    <row r="198914" spans="8:8">
      <c r="H198914" s="12"/>
    </row>
    <row r="198915" spans="8:8">
      <c r="H198915" s="12"/>
    </row>
    <row r="198916" spans="8:8">
      <c r="H198916" s="12"/>
    </row>
    <row r="198917" spans="8:8">
      <c r="H198917" s="12"/>
    </row>
    <row r="198918" spans="8:8">
      <c r="H198918" s="12"/>
    </row>
    <row r="198919" spans="8:8">
      <c r="H198919" s="12"/>
    </row>
    <row r="198920" spans="8:8">
      <c r="H198920" s="12"/>
    </row>
    <row r="198921" spans="8:8">
      <c r="H198921" s="12"/>
    </row>
    <row r="198922" spans="8:8">
      <c r="H198922" s="12"/>
    </row>
    <row r="198923" spans="8:8">
      <c r="H198923" s="12"/>
    </row>
    <row r="198924" spans="8:8">
      <c r="H198924" s="12"/>
    </row>
    <row r="198925" spans="8:8">
      <c r="H198925" s="12"/>
    </row>
    <row r="198926" spans="8:8">
      <c r="H198926" s="12"/>
    </row>
    <row r="198927" spans="8:8">
      <c r="H198927" s="12"/>
    </row>
    <row r="198928" spans="8:8">
      <c r="H198928" s="12"/>
    </row>
    <row r="198929" spans="8:8">
      <c r="H198929" s="12"/>
    </row>
    <row r="198930" spans="8:8">
      <c r="H198930" s="12"/>
    </row>
    <row r="198931" spans="8:8">
      <c r="H198931" s="12"/>
    </row>
    <row r="198932" spans="8:8">
      <c r="H198932" s="12"/>
    </row>
    <row r="198933" spans="8:8">
      <c r="H198933" s="12"/>
    </row>
    <row r="198934" spans="8:8">
      <c r="H198934" s="12"/>
    </row>
    <row r="198935" spans="8:8">
      <c r="H198935" s="12"/>
    </row>
    <row r="198936" spans="8:8">
      <c r="H198936" s="12"/>
    </row>
    <row r="198937" spans="8:8">
      <c r="H198937" s="12"/>
    </row>
    <row r="198938" spans="8:8">
      <c r="H198938" s="12"/>
    </row>
    <row r="198939" spans="8:8">
      <c r="H198939" s="12"/>
    </row>
    <row r="198940" spans="8:8">
      <c r="H198940" s="12"/>
    </row>
    <row r="198941" spans="8:8">
      <c r="H198941" s="12"/>
    </row>
    <row r="198942" spans="8:8">
      <c r="H198942" s="12"/>
    </row>
    <row r="198943" spans="8:8">
      <c r="H198943" s="12"/>
    </row>
    <row r="198944" spans="8:8">
      <c r="H198944" s="12"/>
    </row>
    <row r="198945" spans="8:8">
      <c r="H198945" s="12"/>
    </row>
    <row r="198946" spans="8:8">
      <c r="H198946" s="12"/>
    </row>
    <row r="198947" spans="8:8">
      <c r="H198947" s="12"/>
    </row>
    <row r="198948" spans="8:8">
      <c r="H198948" s="12"/>
    </row>
    <row r="198949" spans="8:8">
      <c r="H198949" s="12"/>
    </row>
    <row r="198950" spans="8:8">
      <c r="H198950" s="12"/>
    </row>
    <row r="198951" spans="8:8">
      <c r="H198951" s="12"/>
    </row>
    <row r="198952" spans="8:8">
      <c r="H198952" s="12"/>
    </row>
    <row r="198953" spans="8:8">
      <c r="H198953" s="12"/>
    </row>
    <row r="198954" spans="8:8">
      <c r="H198954" s="12"/>
    </row>
    <row r="198955" spans="8:8">
      <c r="H198955" s="12"/>
    </row>
    <row r="198956" spans="8:8">
      <c r="H198956" s="12"/>
    </row>
    <row r="198957" spans="8:8">
      <c r="H198957" s="12"/>
    </row>
    <row r="198958" spans="8:8">
      <c r="H198958" s="12"/>
    </row>
    <row r="198959" spans="8:8">
      <c r="H198959" s="12"/>
    </row>
    <row r="198960" spans="8:8">
      <c r="H198960" s="12"/>
    </row>
    <row r="198961" spans="8:8">
      <c r="H198961" s="12"/>
    </row>
    <row r="198962" spans="8:8">
      <c r="H198962" s="12"/>
    </row>
    <row r="198963" spans="8:8">
      <c r="H198963" s="12"/>
    </row>
    <row r="198964" spans="8:8">
      <c r="H198964" s="12"/>
    </row>
    <row r="198965" spans="8:8">
      <c r="H198965" s="12"/>
    </row>
    <row r="198966" spans="8:8">
      <c r="H198966" s="12"/>
    </row>
    <row r="198967" spans="8:8">
      <c r="H198967" s="12"/>
    </row>
    <row r="198968" spans="8:8">
      <c r="H198968" s="12"/>
    </row>
    <row r="198969" spans="8:8">
      <c r="H198969" s="12"/>
    </row>
    <row r="198970" spans="8:8">
      <c r="H198970" s="12"/>
    </row>
    <row r="198971" spans="8:8">
      <c r="H198971" s="12"/>
    </row>
    <row r="198972" spans="8:8">
      <c r="H198972" s="12"/>
    </row>
    <row r="198973" spans="8:8">
      <c r="H198973" s="12"/>
    </row>
    <row r="198974" spans="8:8">
      <c r="H198974" s="12"/>
    </row>
    <row r="198975" spans="8:8">
      <c r="H198975" s="12"/>
    </row>
    <row r="198976" spans="8:8">
      <c r="H198976" s="12"/>
    </row>
    <row r="198977" spans="8:8">
      <c r="H198977" s="12"/>
    </row>
    <row r="198978" spans="8:8">
      <c r="H198978" s="12"/>
    </row>
    <row r="198979" spans="8:8">
      <c r="H198979" s="12"/>
    </row>
    <row r="198980" spans="8:8">
      <c r="H198980" s="12"/>
    </row>
    <row r="198981" spans="8:8">
      <c r="H198981" s="12"/>
    </row>
    <row r="198982" spans="8:8">
      <c r="H198982" s="12"/>
    </row>
    <row r="198983" spans="8:8">
      <c r="H198983" s="12"/>
    </row>
    <row r="198984" spans="8:8">
      <c r="H198984" s="12"/>
    </row>
    <row r="198985" spans="8:8">
      <c r="H198985" s="12"/>
    </row>
    <row r="198986" spans="8:8">
      <c r="H198986" s="12"/>
    </row>
    <row r="198987" spans="8:8">
      <c r="H198987" s="12"/>
    </row>
    <row r="198988" spans="8:8">
      <c r="H198988" s="12"/>
    </row>
    <row r="198989" spans="8:8">
      <c r="H198989" s="12"/>
    </row>
    <row r="198990" spans="8:8">
      <c r="H198990" s="12"/>
    </row>
    <row r="198991" spans="8:8">
      <c r="H198991" s="12"/>
    </row>
    <row r="198992" spans="8:8">
      <c r="H198992" s="12"/>
    </row>
    <row r="198993" spans="8:8">
      <c r="H198993" s="12"/>
    </row>
    <row r="198994" spans="8:8">
      <c r="H198994" s="12"/>
    </row>
    <row r="198995" spans="8:8">
      <c r="H198995" s="12"/>
    </row>
    <row r="198996" spans="8:8">
      <c r="H198996" s="12"/>
    </row>
    <row r="198997" spans="8:8">
      <c r="H198997" s="12"/>
    </row>
    <row r="198998" spans="8:8">
      <c r="H198998" s="12"/>
    </row>
    <row r="198999" spans="8:8">
      <c r="H198999" s="12"/>
    </row>
    <row r="199000" spans="8:8">
      <c r="H199000" s="12"/>
    </row>
    <row r="199001" spans="8:8">
      <c r="H199001" s="12"/>
    </row>
    <row r="199002" spans="8:8">
      <c r="H199002" s="12"/>
    </row>
    <row r="199003" spans="8:8">
      <c r="H199003" s="12"/>
    </row>
    <row r="199004" spans="8:8">
      <c r="H199004" s="12"/>
    </row>
    <row r="199005" spans="8:8">
      <c r="H199005" s="12"/>
    </row>
    <row r="199006" spans="8:8">
      <c r="H199006" s="12"/>
    </row>
    <row r="199007" spans="8:8">
      <c r="H199007" s="12"/>
    </row>
    <row r="199008" spans="8:8">
      <c r="H199008" s="12"/>
    </row>
    <row r="199009" spans="8:8">
      <c r="H199009" s="12"/>
    </row>
    <row r="199010" spans="8:8">
      <c r="H199010" s="12"/>
    </row>
    <row r="199011" spans="8:8">
      <c r="H199011" s="12"/>
    </row>
    <row r="199012" spans="8:8">
      <c r="H199012" s="12"/>
    </row>
    <row r="199013" spans="8:8">
      <c r="H199013" s="12"/>
    </row>
    <row r="199014" spans="8:8">
      <c r="H199014" s="12"/>
    </row>
    <row r="199015" spans="8:8">
      <c r="H199015" s="12"/>
    </row>
    <row r="199016" spans="8:8">
      <c r="H199016" s="12"/>
    </row>
    <row r="199017" spans="8:8">
      <c r="H199017" s="12"/>
    </row>
    <row r="199018" spans="8:8">
      <c r="H199018" s="12"/>
    </row>
    <row r="199019" spans="8:8">
      <c r="H199019" s="12"/>
    </row>
    <row r="199020" spans="8:8">
      <c r="H199020" s="12"/>
    </row>
    <row r="199021" spans="8:8">
      <c r="H199021" s="12"/>
    </row>
    <row r="199022" spans="8:8">
      <c r="H199022" s="12"/>
    </row>
    <row r="199023" spans="8:8">
      <c r="H199023" s="12"/>
    </row>
    <row r="199024" spans="8:8">
      <c r="H199024" s="12"/>
    </row>
    <row r="199025" spans="8:8">
      <c r="H199025" s="12"/>
    </row>
    <row r="199026" spans="8:8">
      <c r="H199026" s="12"/>
    </row>
    <row r="199027" spans="8:8">
      <c r="H199027" s="12"/>
    </row>
    <row r="199028" spans="8:8">
      <c r="H199028" s="12"/>
    </row>
    <row r="199029" spans="8:8">
      <c r="H199029" s="12"/>
    </row>
    <row r="199030" spans="8:8">
      <c r="H199030" s="12"/>
    </row>
    <row r="199031" spans="8:8">
      <c r="H199031" s="12"/>
    </row>
    <row r="199032" spans="8:8">
      <c r="H199032" s="12"/>
    </row>
    <row r="199033" spans="8:8">
      <c r="H199033" s="12"/>
    </row>
    <row r="199034" spans="8:8">
      <c r="H199034" s="12"/>
    </row>
    <row r="199035" spans="8:8">
      <c r="H199035" s="12"/>
    </row>
    <row r="199036" spans="8:8">
      <c r="H199036" s="12"/>
    </row>
    <row r="199037" spans="8:8">
      <c r="H199037" s="12"/>
    </row>
    <row r="199038" spans="8:8">
      <c r="H199038" s="12"/>
    </row>
    <row r="199039" spans="8:8">
      <c r="H199039" s="12"/>
    </row>
    <row r="199040" spans="8:8">
      <c r="H199040" s="12"/>
    </row>
    <row r="199041" spans="8:8">
      <c r="H199041" s="12"/>
    </row>
    <row r="199042" spans="8:8">
      <c r="H199042" s="12"/>
    </row>
    <row r="199043" spans="8:8">
      <c r="H199043" s="12"/>
    </row>
    <row r="199044" spans="8:8">
      <c r="H199044" s="12"/>
    </row>
    <row r="199045" spans="8:8">
      <c r="H199045" s="12"/>
    </row>
    <row r="199046" spans="8:8">
      <c r="H199046" s="12"/>
    </row>
    <row r="199047" spans="8:8">
      <c r="H199047" s="12"/>
    </row>
    <row r="199048" spans="8:8">
      <c r="H199048" s="12"/>
    </row>
    <row r="199049" spans="8:8">
      <c r="H199049" s="12"/>
    </row>
    <row r="199050" spans="8:8">
      <c r="H199050" s="12"/>
    </row>
    <row r="199051" spans="8:8">
      <c r="H199051" s="12"/>
    </row>
    <row r="199052" spans="8:8">
      <c r="H199052" s="12"/>
    </row>
    <row r="199053" spans="8:8">
      <c r="H199053" s="12"/>
    </row>
    <row r="199054" spans="8:8">
      <c r="H199054" s="12"/>
    </row>
    <row r="199055" spans="8:8">
      <c r="H199055" s="12"/>
    </row>
    <row r="199056" spans="8:8">
      <c r="H199056" s="12"/>
    </row>
    <row r="199057" spans="8:8">
      <c r="H199057" s="12"/>
    </row>
    <row r="199058" spans="8:8">
      <c r="H199058" s="12"/>
    </row>
    <row r="199059" spans="8:8">
      <c r="H199059" s="12"/>
    </row>
    <row r="199060" spans="8:8">
      <c r="H199060" s="12"/>
    </row>
    <row r="199061" spans="8:8">
      <c r="H199061" s="12"/>
    </row>
    <row r="199062" spans="8:8">
      <c r="H199062" s="12"/>
    </row>
    <row r="199063" spans="8:8">
      <c r="H199063" s="12"/>
    </row>
    <row r="199064" spans="8:8">
      <c r="H199064" s="12"/>
    </row>
    <row r="199065" spans="8:8">
      <c r="H199065" s="12"/>
    </row>
    <row r="199066" spans="8:8">
      <c r="H199066" s="12"/>
    </row>
    <row r="199067" spans="8:8">
      <c r="H199067" s="12"/>
    </row>
    <row r="199068" spans="8:8">
      <c r="H199068" s="12"/>
    </row>
    <row r="199069" spans="8:8">
      <c r="H199069" s="12"/>
    </row>
    <row r="199070" spans="8:8">
      <c r="H199070" s="12"/>
    </row>
    <row r="199071" spans="8:8">
      <c r="H199071" s="12"/>
    </row>
    <row r="199072" spans="8:8">
      <c r="H199072" s="12"/>
    </row>
    <row r="199073" spans="8:8">
      <c r="H199073" s="12"/>
    </row>
    <row r="199074" spans="8:8">
      <c r="H199074" s="12"/>
    </row>
    <row r="199075" spans="8:8">
      <c r="H199075" s="12"/>
    </row>
    <row r="199076" spans="8:8">
      <c r="H199076" s="12"/>
    </row>
    <row r="199077" spans="8:8">
      <c r="H199077" s="12"/>
    </row>
    <row r="199078" spans="8:8">
      <c r="H199078" s="12"/>
    </row>
    <row r="199079" spans="8:8">
      <c r="H199079" s="12"/>
    </row>
    <row r="199080" spans="8:8">
      <c r="H199080" s="12"/>
    </row>
    <row r="199081" spans="8:8">
      <c r="H199081" s="12"/>
    </row>
    <row r="199082" spans="8:8">
      <c r="H199082" s="12"/>
    </row>
    <row r="199083" spans="8:8">
      <c r="H199083" s="12"/>
    </row>
    <row r="199084" spans="8:8">
      <c r="H199084" s="12"/>
    </row>
    <row r="199085" spans="8:8">
      <c r="H199085" s="12"/>
    </row>
    <row r="199086" spans="8:8">
      <c r="H199086" s="12"/>
    </row>
    <row r="199087" spans="8:8">
      <c r="H199087" s="12"/>
    </row>
    <row r="199088" spans="8:8">
      <c r="H199088" s="12"/>
    </row>
    <row r="199089" spans="8:8">
      <c r="H199089" s="12"/>
    </row>
    <row r="199090" spans="8:8">
      <c r="H199090" s="12"/>
    </row>
    <row r="199091" spans="8:8">
      <c r="H199091" s="12"/>
    </row>
    <row r="199092" spans="8:8">
      <c r="H199092" s="12"/>
    </row>
    <row r="199093" spans="8:8">
      <c r="H199093" s="12"/>
    </row>
    <row r="199094" spans="8:8">
      <c r="H199094" s="12"/>
    </row>
    <row r="199095" spans="8:8">
      <c r="H199095" s="12"/>
    </row>
    <row r="199096" spans="8:8">
      <c r="H199096" s="12"/>
    </row>
    <row r="199097" spans="8:8">
      <c r="H199097" s="12"/>
    </row>
    <row r="199098" spans="8:8">
      <c r="H199098" s="12"/>
    </row>
    <row r="199099" spans="8:8">
      <c r="H199099" s="12"/>
    </row>
    <row r="199100" spans="8:8">
      <c r="H199100" s="12"/>
    </row>
    <row r="199101" spans="8:8">
      <c r="H199101" s="12"/>
    </row>
    <row r="199102" spans="8:8">
      <c r="H199102" s="12"/>
    </row>
    <row r="199103" spans="8:8">
      <c r="H199103" s="12"/>
    </row>
    <row r="199104" spans="8:8">
      <c r="H199104" s="12"/>
    </row>
    <row r="199105" spans="8:8">
      <c r="H199105" s="12"/>
    </row>
    <row r="199106" spans="8:8">
      <c r="H199106" s="12"/>
    </row>
    <row r="199107" spans="8:8">
      <c r="H199107" s="12"/>
    </row>
    <row r="199108" spans="8:8">
      <c r="H199108" s="12"/>
    </row>
    <row r="199109" spans="8:8">
      <c r="H199109" s="12"/>
    </row>
    <row r="199110" spans="8:8">
      <c r="H199110" s="12"/>
    </row>
    <row r="199111" spans="8:8">
      <c r="H199111" s="12"/>
    </row>
    <row r="199112" spans="8:8">
      <c r="H199112" s="12"/>
    </row>
    <row r="199113" spans="8:8">
      <c r="H199113" s="12"/>
    </row>
    <row r="199114" spans="8:8">
      <c r="H199114" s="12"/>
    </row>
    <row r="199115" spans="8:8">
      <c r="H199115" s="12"/>
    </row>
    <row r="199116" spans="8:8">
      <c r="H199116" s="12"/>
    </row>
    <row r="199117" spans="8:8">
      <c r="H199117" s="12"/>
    </row>
    <row r="199118" spans="8:8">
      <c r="H199118" s="12"/>
    </row>
    <row r="199119" spans="8:8">
      <c r="H199119" s="12"/>
    </row>
    <row r="199120" spans="8:8">
      <c r="H199120" s="12"/>
    </row>
    <row r="199121" spans="8:8">
      <c r="H199121" s="12"/>
    </row>
    <row r="199122" spans="8:8">
      <c r="H199122" s="12"/>
    </row>
    <row r="199123" spans="8:8">
      <c r="H199123" s="12"/>
    </row>
    <row r="199124" spans="8:8">
      <c r="H199124" s="12"/>
    </row>
    <row r="199125" spans="8:8">
      <c r="H199125" s="12"/>
    </row>
    <row r="199126" spans="8:8">
      <c r="H199126" s="12"/>
    </row>
    <row r="199127" spans="8:8">
      <c r="H199127" s="12"/>
    </row>
    <row r="199128" spans="8:8">
      <c r="H199128" s="12"/>
    </row>
    <row r="199129" spans="8:8">
      <c r="H199129" s="12"/>
    </row>
    <row r="199130" spans="8:8">
      <c r="H199130" s="12"/>
    </row>
    <row r="199131" spans="8:8">
      <c r="H199131" s="12"/>
    </row>
    <row r="199132" spans="8:8">
      <c r="H199132" s="12"/>
    </row>
    <row r="199133" spans="8:8">
      <c r="H199133" s="12"/>
    </row>
    <row r="199134" spans="8:8">
      <c r="H199134" s="12"/>
    </row>
    <row r="199135" spans="8:8">
      <c r="H199135" s="12"/>
    </row>
    <row r="199136" spans="8:8">
      <c r="H199136" s="12"/>
    </row>
    <row r="199137" spans="8:8">
      <c r="H199137" s="12"/>
    </row>
    <row r="199138" spans="8:8">
      <c r="H199138" s="12"/>
    </row>
    <row r="199139" spans="8:8">
      <c r="H199139" s="12"/>
    </row>
    <row r="199140" spans="8:8">
      <c r="H199140" s="12"/>
    </row>
    <row r="199141" spans="8:8">
      <c r="H199141" s="12"/>
    </row>
    <row r="199142" spans="8:8">
      <c r="H199142" s="12"/>
    </row>
    <row r="199143" spans="8:8">
      <c r="H199143" s="12"/>
    </row>
    <row r="199144" spans="8:8">
      <c r="H199144" s="12"/>
    </row>
    <row r="199145" spans="8:8">
      <c r="H199145" s="12"/>
    </row>
    <row r="199146" spans="8:8">
      <c r="H199146" s="12"/>
    </row>
    <row r="199147" spans="8:8">
      <c r="H199147" s="12"/>
    </row>
    <row r="199148" spans="8:8">
      <c r="H199148" s="12"/>
    </row>
    <row r="199149" spans="8:8">
      <c r="H199149" s="12"/>
    </row>
    <row r="199150" spans="8:8">
      <c r="H199150" s="12"/>
    </row>
    <row r="199151" spans="8:8">
      <c r="H199151" s="12"/>
    </row>
    <row r="199152" spans="8:8">
      <c r="H199152" s="12"/>
    </row>
    <row r="199153" spans="8:8">
      <c r="H199153" s="12"/>
    </row>
    <row r="199154" spans="8:8">
      <c r="H199154" s="12"/>
    </row>
    <row r="199155" spans="8:8">
      <c r="H199155" s="12"/>
    </row>
    <row r="199156" spans="8:8">
      <c r="H199156" s="12"/>
    </row>
    <row r="199157" spans="8:8">
      <c r="H199157" s="12"/>
    </row>
    <row r="199158" spans="8:8">
      <c r="H199158" s="12"/>
    </row>
    <row r="199159" spans="8:8">
      <c r="H199159" s="12"/>
    </row>
    <row r="199160" spans="8:8">
      <c r="H199160" s="12"/>
    </row>
    <row r="199161" spans="8:8">
      <c r="H199161" s="12"/>
    </row>
    <row r="199162" spans="8:8">
      <c r="H199162" s="12"/>
    </row>
    <row r="199163" spans="8:8">
      <c r="H199163" s="12"/>
    </row>
    <row r="199164" spans="8:8">
      <c r="H199164" s="12"/>
    </row>
    <row r="199165" spans="8:8">
      <c r="H199165" s="12"/>
    </row>
    <row r="199166" spans="8:8">
      <c r="H199166" s="12"/>
    </row>
    <row r="199167" spans="8:8">
      <c r="H199167" s="12"/>
    </row>
    <row r="199168" spans="8:8">
      <c r="H199168" s="12"/>
    </row>
    <row r="199169" spans="8:8">
      <c r="H199169" s="12"/>
    </row>
    <row r="199170" spans="8:8">
      <c r="H199170" s="12"/>
    </row>
    <row r="199171" spans="8:8">
      <c r="H199171" s="12"/>
    </row>
    <row r="199172" spans="8:8">
      <c r="H199172" s="12"/>
    </row>
    <row r="199173" spans="8:8">
      <c r="H199173" s="12"/>
    </row>
    <row r="199174" spans="8:8">
      <c r="H199174" s="12"/>
    </row>
    <row r="199175" spans="8:8">
      <c r="H199175" s="12"/>
    </row>
    <row r="199176" spans="8:8">
      <c r="H199176" s="12"/>
    </row>
    <row r="199177" spans="8:8">
      <c r="H199177" s="12"/>
    </row>
    <row r="199178" spans="8:8">
      <c r="H199178" s="12"/>
    </row>
    <row r="199179" spans="8:8">
      <c r="H199179" s="12"/>
    </row>
    <row r="199180" spans="8:8">
      <c r="H199180" s="12"/>
    </row>
    <row r="199181" spans="8:8">
      <c r="H199181" s="12"/>
    </row>
    <row r="199182" spans="8:8">
      <c r="H199182" s="12"/>
    </row>
    <row r="199183" spans="8:8">
      <c r="H199183" s="12"/>
    </row>
    <row r="199184" spans="8:8">
      <c r="H199184" s="12"/>
    </row>
    <row r="199185" spans="8:8">
      <c r="H199185" s="12"/>
    </row>
    <row r="199186" spans="8:8">
      <c r="H199186" s="12"/>
    </row>
    <row r="199187" spans="8:8">
      <c r="H199187" s="12"/>
    </row>
    <row r="199188" spans="8:8">
      <c r="H199188" s="12"/>
    </row>
    <row r="199189" spans="8:8">
      <c r="H199189" s="12"/>
    </row>
    <row r="199190" spans="8:8">
      <c r="H199190" s="12"/>
    </row>
    <row r="199191" spans="8:8">
      <c r="H199191" s="12"/>
    </row>
    <row r="199192" spans="8:8">
      <c r="H199192" s="12"/>
    </row>
    <row r="199193" spans="8:8">
      <c r="H199193" s="12"/>
    </row>
    <row r="199194" spans="8:8">
      <c r="H199194" s="12"/>
    </row>
    <row r="199195" spans="8:8">
      <c r="H199195" s="12"/>
    </row>
    <row r="199196" spans="8:8">
      <c r="H199196" s="12"/>
    </row>
    <row r="199197" spans="8:8">
      <c r="H199197" s="12"/>
    </row>
    <row r="199198" spans="8:8">
      <c r="H199198" s="12"/>
    </row>
    <row r="199199" spans="8:8">
      <c r="H199199" s="12"/>
    </row>
    <row r="199200" spans="8:8">
      <c r="H199200" s="12"/>
    </row>
    <row r="199201" spans="8:8">
      <c r="H199201" s="12"/>
    </row>
    <row r="199202" spans="8:8">
      <c r="H199202" s="12"/>
    </row>
    <row r="199203" spans="8:8">
      <c r="H199203" s="12"/>
    </row>
    <row r="199204" spans="8:8">
      <c r="H199204" s="12"/>
    </row>
    <row r="199205" spans="8:8">
      <c r="H199205" s="12"/>
    </row>
    <row r="199206" spans="8:8">
      <c r="H199206" s="12"/>
    </row>
    <row r="199207" spans="8:8">
      <c r="H199207" s="12"/>
    </row>
    <row r="199208" spans="8:8">
      <c r="H199208" s="12"/>
    </row>
    <row r="199209" spans="8:8">
      <c r="H199209" s="12"/>
    </row>
    <row r="199210" spans="8:8">
      <c r="H199210" s="12"/>
    </row>
    <row r="199211" spans="8:8">
      <c r="H199211" s="12"/>
    </row>
    <row r="199212" spans="8:8">
      <c r="H199212" s="12"/>
    </row>
    <row r="199213" spans="8:8">
      <c r="H199213" s="12"/>
    </row>
    <row r="199214" spans="8:8">
      <c r="H199214" s="12"/>
    </row>
    <row r="199215" spans="8:8">
      <c r="H199215" s="12"/>
    </row>
    <row r="199216" spans="8:8">
      <c r="H199216" s="12"/>
    </row>
    <row r="199217" spans="8:8">
      <c r="H199217" s="12"/>
    </row>
    <row r="199218" spans="8:8">
      <c r="H199218" s="12"/>
    </row>
    <row r="199219" spans="8:8">
      <c r="H199219" s="12"/>
    </row>
    <row r="199220" spans="8:8">
      <c r="H199220" s="12"/>
    </row>
    <row r="199221" spans="8:8">
      <c r="H199221" s="12"/>
    </row>
    <row r="199222" spans="8:8">
      <c r="H199222" s="12"/>
    </row>
    <row r="199223" spans="8:8">
      <c r="H199223" s="12"/>
    </row>
    <row r="199224" spans="8:8">
      <c r="H199224" s="12"/>
    </row>
    <row r="199225" spans="8:8">
      <c r="H199225" s="12"/>
    </row>
    <row r="199226" spans="8:8">
      <c r="H199226" s="12"/>
    </row>
    <row r="199227" spans="8:8">
      <c r="H199227" s="12"/>
    </row>
    <row r="199228" spans="8:8">
      <c r="H199228" s="12"/>
    </row>
    <row r="199229" spans="8:8">
      <c r="H199229" s="12"/>
    </row>
    <row r="199230" spans="8:8">
      <c r="H199230" s="12"/>
    </row>
    <row r="199231" spans="8:8">
      <c r="H199231" s="12"/>
    </row>
    <row r="199232" spans="8:8">
      <c r="H199232" s="12"/>
    </row>
    <row r="199233" spans="8:8">
      <c r="H199233" s="12"/>
    </row>
    <row r="199234" spans="8:8">
      <c r="H199234" s="12"/>
    </row>
    <row r="199235" spans="8:8">
      <c r="H199235" s="12"/>
    </row>
    <row r="199236" spans="8:8">
      <c r="H199236" s="12"/>
    </row>
    <row r="199237" spans="8:8">
      <c r="H199237" s="12"/>
    </row>
    <row r="199238" spans="8:8">
      <c r="H199238" s="12"/>
    </row>
    <row r="199239" spans="8:8">
      <c r="H199239" s="12"/>
    </row>
    <row r="199240" spans="8:8">
      <c r="H199240" s="12"/>
    </row>
    <row r="199241" spans="8:8">
      <c r="H199241" s="12"/>
    </row>
    <row r="199242" spans="8:8">
      <c r="H199242" s="12"/>
    </row>
    <row r="199243" spans="8:8">
      <c r="H199243" s="12"/>
    </row>
    <row r="199244" spans="8:8">
      <c r="H199244" s="12"/>
    </row>
    <row r="199245" spans="8:8">
      <c r="H199245" s="12"/>
    </row>
    <row r="199246" spans="8:8">
      <c r="H199246" s="12"/>
    </row>
    <row r="199247" spans="8:8">
      <c r="H199247" s="12"/>
    </row>
    <row r="199248" spans="8:8">
      <c r="H199248" s="12"/>
    </row>
    <row r="199249" spans="8:8">
      <c r="H199249" s="12"/>
    </row>
    <row r="199250" spans="8:8">
      <c r="H199250" s="12"/>
    </row>
    <row r="199251" spans="8:8">
      <c r="H199251" s="12"/>
    </row>
    <row r="199252" spans="8:8">
      <c r="H199252" s="12"/>
    </row>
    <row r="199253" spans="8:8">
      <c r="H199253" s="12"/>
    </row>
    <row r="199254" spans="8:8">
      <c r="H199254" s="12"/>
    </row>
    <row r="199255" spans="8:8">
      <c r="H199255" s="12"/>
    </row>
    <row r="199256" spans="8:8">
      <c r="H199256" s="12"/>
    </row>
    <row r="199257" spans="8:8">
      <c r="H199257" s="12"/>
    </row>
    <row r="199258" spans="8:8">
      <c r="H199258" s="12"/>
    </row>
    <row r="199259" spans="8:8">
      <c r="H199259" s="12"/>
    </row>
    <row r="199260" spans="8:8">
      <c r="H199260" s="12"/>
    </row>
    <row r="199261" spans="8:8">
      <c r="H199261" s="12"/>
    </row>
    <row r="199262" spans="8:8">
      <c r="H199262" s="12"/>
    </row>
    <row r="199263" spans="8:8">
      <c r="H199263" s="12"/>
    </row>
    <row r="199264" spans="8:8">
      <c r="H199264" s="12"/>
    </row>
    <row r="199265" spans="8:8">
      <c r="H199265" s="12"/>
    </row>
    <row r="199266" spans="8:8">
      <c r="H199266" s="12"/>
    </row>
    <row r="199267" spans="8:8">
      <c r="H199267" s="12"/>
    </row>
    <row r="199268" spans="8:8">
      <c r="H199268" s="12"/>
    </row>
    <row r="199269" spans="8:8">
      <c r="H199269" s="12"/>
    </row>
    <row r="199270" spans="8:8">
      <c r="H199270" s="12"/>
    </row>
    <row r="199271" spans="8:8">
      <c r="H199271" s="12"/>
    </row>
    <row r="199272" spans="8:8">
      <c r="H199272" s="12"/>
    </row>
    <row r="199273" spans="8:8">
      <c r="H199273" s="12"/>
    </row>
    <row r="199274" spans="8:8">
      <c r="H199274" s="12"/>
    </row>
    <row r="199275" spans="8:8">
      <c r="H199275" s="12"/>
    </row>
    <row r="199276" spans="8:8">
      <c r="H199276" s="12"/>
    </row>
    <row r="199277" spans="8:8">
      <c r="H199277" s="12"/>
    </row>
    <row r="199278" spans="8:8">
      <c r="H199278" s="12"/>
    </row>
    <row r="199279" spans="8:8">
      <c r="H199279" s="12"/>
    </row>
    <row r="199280" spans="8:8">
      <c r="H199280" s="12"/>
    </row>
    <row r="199281" spans="8:8">
      <c r="H199281" s="12"/>
    </row>
    <row r="199282" spans="8:8">
      <c r="H199282" s="12"/>
    </row>
    <row r="199283" spans="8:8">
      <c r="H199283" s="12"/>
    </row>
    <row r="199284" spans="8:8">
      <c r="H199284" s="12"/>
    </row>
    <row r="199285" spans="8:8">
      <c r="H199285" s="12"/>
    </row>
    <row r="199286" spans="8:8">
      <c r="H199286" s="12"/>
    </row>
    <row r="199287" spans="8:8">
      <c r="H199287" s="12"/>
    </row>
    <row r="199288" spans="8:8">
      <c r="H199288" s="12"/>
    </row>
    <row r="199289" spans="8:8">
      <c r="H199289" s="12"/>
    </row>
    <row r="199290" spans="8:8">
      <c r="H199290" s="12"/>
    </row>
    <row r="199291" spans="8:8">
      <c r="H199291" s="12"/>
    </row>
    <row r="199292" spans="8:8">
      <c r="H199292" s="12"/>
    </row>
    <row r="199293" spans="8:8">
      <c r="H199293" s="12"/>
    </row>
    <row r="199294" spans="8:8">
      <c r="H199294" s="12"/>
    </row>
    <row r="199295" spans="8:8">
      <c r="H199295" s="12"/>
    </row>
    <row r="199296" spans="8:8">
      <c r="H199296" s="12"/>
    </row>
    <row r="199297" spans="8:8">
      <c r="H199297" s="12"/>
    </row>
    <row r="199298" spans="8:8">
      <c r="H199298" s="12"/>
    </row>
    <row r="199299" spans="8:8">
      <c r="H199299" s="12"/>
    </row>
    <row r="199300" spans="8:8">
      <c r="H199300" s="12"/>
    </row>
    <row r="199301" spans="8:8">
      <c r="H199301" s="12"/>
    </row>
    <row r="199302" spans="8:8">
      <c r="H199302" s="12"/>
    </row>
    <row r="199303" spans="8:8">
      <c r="H199303" s="12"/>
    </row>
    <row r="199304" spans="8:8">
      <c r="H199304" s="12"/>
    </row>
    <row r="199305" spans="8:8">
      <c r="H199305" s="12"/>
    </row>
    <row r="199306" spans="8:8">
      <c r="H199306" s="12"/>
    </row>
    <row r="199307" spans="8:8">
      <c r="H199307" s="12"/>
    </row>
    <row r="199308" spans="8:8">
      <c r="H199308" s="12"/>
    </row>
    <row r="199309" spans="8:8">
      <c r="H199309" s="12"/>
    </row>
    <row r="199310" spans="8:8">
      <c r="H199310" s="12"/>
    </row>
    <row r="199311" spans="8:8">
      <c r="H199311" s="12"/>
    </row>
    <row r="199312" spans="8:8">
      <c r="H199312" s="12"/>
    </row>
    <row r="199313" spans="8:8">
      <c r="H199313" s="12"/>
    </row>
    <row r="199314" spans="8:8">
      <c r="H199314" s="12"/>
    </row>
    <row r="199315" spans="8:8">
      <c r="H199315" s="12"/>
    </row>
    <row r="199316" spans="8:8">
      <c r="H199316" s="12"/>
    </row>
    <row r="199317" spans="8:8">
      <c r="H199317" s="12"/>
    </row>
    <row r="199318" spans="8:8">
      <c r="H199318" s="12"/>
    </row>
    <row r="199319" spans="8:8">
      <c r="H199319" s="12"/>
    </row>
    <row r="199320" spans="8:8">
      <c r="H199320" s="12"/>
    </row>
    <row r="199321" spans="8:8">
      <c r="H199321" s="12"/>
    </row>
    <row r="199322" spans="8:8">
      <c r="H199322" s="12"/>
    </row>
    <row r="199323" spans="8:8">
      <c r="H199323" s="12"/>
    </row>
    <row r="199324" spans="8:8">
      <c r="H199324" s="12"/>
    </row>
    <row r="199325" spans="8:8">
      <c r="H199325" s="12"/>
    </row>
    <row r="199326" spans="8:8">
      <c r="H199326" s="12"/>
    </row>
    <row r="199327" spans="8:8">
      <c r="H199327" s="12"/>
    </row>
    <row r="199328" spans="8:8">
      <c r="H199328" s="12"/>
    </row>
    <row r="199329" spans="8:8">
      <c r="H199329" s="12"/>
    </row>
    <row r="199330" spans="8:8">
      <c r="H199330" s="12"/>
    </row>
    <row r="199331" spans="8:8">
      <c r="H199331" s="12"/>
    </row>
    <row r="199332" spans="8:8">
      <c r="H199332" s="12"/>
    </row>
    <row r="199333" spans="8:8">
      <c r="H199333" s="12"/>
    </row>
    <row r="199334" spans="8:8">
      <c r="H199334" s="12"/>
    </row>
    <row r="199335" spans="8:8">
      <c r="H199335" s="12"/>
    </row>
    <row r="199336" spans="8:8">
      <c r="H199336" s="12"/>
    </row>
    <row r="199337" spans="8:8">
      <c r="H199337" s="12"/>
    </row>
    <row r="199338" spans="8:8">
      <c r="H199338" s="12"/>
    </row>
    <row r="199339" spans="8:8">
      <c r="H199339" s="12"/>
    </row>
    <row r="199340" spans="8:8">
      <c r="H199340" s="12"/>
    </row>
    <row r="199341" spans="8:8">
      <c r="H199341" s="12"/>
    </row>
    <row r="199342" spans="8:8">
      <c r="H199342" s="12"/>
    </row>
    <row r="199343" spans="8:8">
      <c r="H199343" s="12"/>
    </row>
    <row r="199344" spans="8:8">
      <c r="H199344" s="12"/>
    </row>
    <row r="199345" spans="8:8">
      <c r="H199345" s="12"/>
    </row>
    <row r="199346" spans="8:8">
      <c r="H199346" s="12"/>
    </row>
    <row r="199347" spans="8:8">
      <c r="H199347" s="12"/>
    </row>
    <row r="199348" spans="8:8">
      <c r="H199348" s="12"/>
    </row>
    <row r="199349" spans="8:8">
      <c r="H199349" s="12"/>
    </row>
    <row r="199350" spans="8:8">
      <c r="H199350" s="12"/>
    </row>
    <row r="199351" spans="8:8">
      <c r="H199351" s="12"/>
    </row>
    <row r="199352" spans="8:8">
      <c r="H199352" s="12"/>
    </row>
    <row r="199353" spans="8:8">
      <c r="H199353" s="12"/>
    </row>
    <row r="199354" spans="8:8">
      <c r="H199354" s="12"/>
    </row>
    <row r="199355" spans="8:8">
      <c r="H199355" s="12"/>
    </row>
    <row r="199356" spans="8:8">
      <c r="H199356" s="12"/>
    </row>
    <row r="199357" spans="8:8">
      <c r="H199357" s="12"/>
    </row>
    <row r="199358" spans="8:8">
      <c r="H199358" s="12"/>
    </row>
    <row r="199359" spans="8:8">
      <c r="H199359" s="12"/>
    </row>
    <row r="199360" spans="8:8">
      <c r="H199360" s="12"/>
    </row>
    <row r="199361" spans="8:8">
      <c r="H199361" s="12"/>
    </row>
    <row r="199362" spans="8:8">
      <c r="H199362" s="12"/>
    </row>
    <row r="199363" spans="8:8">
      <c r="H199363" s="12"/>
    </row>
    <row r="199364" spans="8:8">
      <c r="H199364" s="12"/>
    </row>
    <row r="199365" spans="8:8">
      <c r="H199365" s="12"/>
    </row>
    <row r="199366" spans="8:8">
      <c r="H199366" s="12"/>
    </row>
    <row r="199367" spans="8:8">
      <c r="H199367" s="12"/>
    </row>
    <row r="199368" spans="8:8">
      <c r="H199368" s="12"/>
    </row>
    <row r="199369" spans="8:8">
      <c r="H199369" s="12"/>
    </row>
    <row r="199370" spans="8:8">
      <c r="H199370" s="12"/>
    </row>
    <row r="199371" spans="8:8">
      <c r="H199371" s="12"/>
    </row>
    <row r="199372" spans="8:8">
      <c r="H199372" s="12"/>
    </row>
    <row r="199373" spans="8:8">
      <c r="H199373" s="12"/>
    </row>
    <row r="199374" spans="8:8">
      <c r="H199374" s="12"/>
    </row>
    <row r="199375" spans="8:8">
      <c r="H199375" s="12"/>
    </row>
    <row r="199376" spans="8:8">
      <c r="H199376" s="12"/>
    </row>
    <row r="199377" spans="8:8">
      <c r="H199377" s="12"/>
    </row>
    <row r="199378" spans="8:8">
      <c r="H199378" s="12"/>
    </row>
    <row r="199379" spans="8:8">
      <c r="H199379" s="12"/>
    </row>
    <row r="199380" spans="8:8">
      <c r="H199380" s="12"/>
    </row>
    <row r="199381" spans="8:8">
      <c r="H199381" s="12"/>
    </row>
    <row r="199382" spans="8:8">
      <c r="H199382" s="12"/>
    </row>
    <row r="199383" spans="8:8">
      <c r="H199383" s="12"/>
    </row>
    <row r="199384" spans="8:8">
      <c r="H199384" s="12"/>
    </row>
    <row r="199385" spans="8:8">
      <c r="H199385" s="12"/>
    </row>
    <row r="199386" spans="8:8">
      <c r="H199386" s="12"/>
    </row>
    <row r="199387" spans="8:8">
      <c r="H199387" s="12"/>
    </row>
    <row r="199388" spans="8:8">
      <c r="H199388" s="12"/>
    </row>
    <row r="199389" spans="8:8">
      <c r="H199389" s="12"/>
    </row>
    <row r="199390" spans="8:8">
      <c r="H199390" s="12"/>
    </row>
    <row r="199391" spans="8:8">
      <c r="H199391" s="12"/>
    </row>
    <row r="199392" spans="8:8">
      <c r="H199392" s="12"/>
    </row>
    <row r="199393" spans="8:8">
      <c r="H199393" s="12"/>
    </row>
    <row r="199394" spans="8:8">
      <c r="H199394" s="12"/>
    </row>
    <row r="199395" spans="8:8">
      <c r="H199395" s="12"/>
    </row>
    <row r="199396" spans="8:8">
      <c r="H199396" s="12"/>
    </row>
    <row r="199397" spans="8:8">
      <c r="H199397" s="12"/>
    </row>
    <row r="199398" spans="8:8">
      <c r="H199398" s="12"/>
    </row>
    <row r="199399" spans="8:8">
      <c r="H199399" s="12"/>
    </row>
    <row r="199400" spans="8:8">
      <c r="H199400" s="12"/>
    </row>
    <row r="199401" spans="8:8">
      <c r="H199401" s="12"/>
    </row>
    <row r="199402" spans="8:8">
      <c r="H199402" s="12"/>
    </row>
    <row r="199403" spans="8:8">
      <c r="H199403" s="12"/>
    </row>
    <row r="199404" spans="8:8">
      <c r="H199404" s="12"/>
    </row>
    <row r="199405" spans="8:8">
      <c r="H199405" s="12"/>
    </row>
    <row r="199406" spans="8:8">
      <c r="H199406" s="12"/>
    </row>
    <row r="199407" spans="8:8">
      <c r="H199407" s="12"/>
    </row>
    <row r="199408" spans="8:8">
      <c r="H199408" s="12"/>
    </row>
    <row r="199409" spans="8:8">
      <c r="H199409" s="12"/>
    </row>
    <row r="199410" spans="8:8">
      <c r="H199410" s="12"/>
    </row>
    <row r="199411" spans="8:8">
      <c r="H199411" s="12"/>
    </row>
    <row r="199412" spans="8:8">
      <c r="H199412" s="12"/>
    </row>
    <row r="199413" spans="8:8">
      <c r="H199413" s="12"/>
    </row>
    <row r="199414" spans="8:8">
      <c r="H199414" s="12"/>
    </row>
    <row r="199415" spans="8:8">
      <c r="H199415" s="12"/>
    </row>
    <row r="199416" spans="8:8">
      <c r="H199416" s="12"/>
    </row>
    <row r="199417" spans="8:8">
      <c r="H199417" s="12"/>
    </row>
    <row r="199418" spans="8:8">
      <c r="H199418" s="12"/>
    </row>
    <row r="199419" spans="8:8">
      <c r="H199419" s="12"/>
    </row>
    <row r="199420" spans="8:8">
      <c r="H199420" s="12"/>
    </row>
    <row r="199421" spans="8:8">
      <c r="H199421" s="12"/>
    </row>
    <row r="199422" spans="8:8">
      <c r="H199422" s="12"/>
    </row>
    <row r="199423" spans="8:8">
      <c r="H199423" s="12"/>
    </row>
    <row r="199424" spans="8:8">
      <c r="H199424" s="12"/>
    </row>
    <row r="199425" spans="8:8">
      <c r="H199425" s="12"/>
    </row>
    <row r="199426" spans="8:8">
      <c r="H199426" s="12"/>
    </row>
    <row r="199427" spans="8:8">
      <c r="H199427" s="12"/>
    </row>
    <row r="199428" spans="8:8">
      <c r="H199428" s="12"/>
    </row>
    <row r="199429" spans="8:8">
      <c r="H199429" s="12"/>
    </row>
    <row r="199430" spans="8:8">
      <c r="H199430" s="12"/>
    </row>
    <row r="199431" spans="8:8">
      <c r="H199431" s="12"/>
    </row>
    <row r="199432" spans="8:8">
      <c r="H199432" s="12"/>
    </row>
    <row r="199433" spans="8:8">
      <c r="H199433" s="12"/>
    </row>
    <row r="199434" spans="8:8">
      <c r="H199434" s="12"/>
    </row>
    <row r="199435" spans="8:8">
      <c r="H199435" s="12"/>
    </row>
    <row r="199436" spans="8:8">
      <c r="H199436" s="12"/>
    </row>
    <row r="199437" spans="8:8">
      <c r="H199437" s="12"/>
    </row>
    <row r="199438" spans="8:8">
      <c r="H199438" s="12"/>
    </row>
    <row r="199439" spans="8:8">
      <c r="H199439" s="12"/>
    </row>
    <row r="199440" spans="8:8">
      <c r="H199440" s="12"/>
    </row>
    <row r="199441" spans="8:8">
      <c r="H199441" s="12"/>
    </row>
    <row r="199442" spans="8:8">
      <c r="H199442" s="12"/>
    </row>
    <row r="199443" spans="8:8">
      <c r="H199443" s="12"/>
    </row>
    <row r="199444" spans="8:8">
      <c r="H199444" s="12"/>
    </row>
    <row r="199445" spans="8:8">
      <c r="H199445" s="12"/>
    </row>
    <row r="199446" spans="8:8">
      <c r="H199446" s="12"/>
    </row>
    <row r="199447" spans="8:8">
      <c r="H199447" s="12"/>
    </row>
    <row r="199448" spans="8:8">
      <c r="H199448" s="12"/>
    </row>
    <row r="199449" spans="8:8">
      <c r="H199449" s="12"/>
    </row>
    <row r="199450" spans="8:8">
      <c r="H199450" s="12"/>
    </row>
    <row r="199451" spans="8:8">
      <c r="H199451" s="12"/>
    </row>
    <row r="199452" spans="8:8">
      <c r="H199452" s="12"/>
    </row>
    <row r="199453" spans="8:8">
      <c r="H199453" s="12"/>
    </row>
    <row r="199454" spans="8:8">
      <c r="H199454" s="12"/>
    </row>
    <row r="199455" spans="8:8">
      <c r="H199455" s="12"/>
    </row>
    <row r="199456" spans="8:8">
      <c r="H199456" s="12"/>
    </row>
    <row r="199457" spans="8:8">
      <c r="H199457" s="12"/>
    </row>
    <row r="199458" spans="8:8">
      <c r="H199458" s="12"/>
    </row>
    <row r="199459" spans="8:8">
      <c r="H199459" s="12"/>
    </row>
    <row r="199460" spans="8:8">
      <c r="H199460" s="12"/>
    </row>
    <row r="199461" spans="8:8">
      <c r="H199461" s="12"/>
    </row>
    <row r="199462" spans="8:8">
      <c r="H199462" s="12"/>
    </row>
    <row r="199463" spans="8:8">
      <c r="H199463" s="12"/>
    </row>
    <row r="199464" spans="8:8">
      <c r="H199464" s="12"/>
    </row>
    <row r="199465" spans="8:8">
      <c r="H199465" s="12"/>
    </row>
    <row r="199466" spans="8:8">
      <c r="H199466" s="12"/>
    </row>
    <row r="199467" spans="8:8">
      <c r="H199467" s="12"/>
    </row>
    <row r="199468" spans="8:8">
      <c r="H199468" s="12"/>
    </row>
    <row r="199469" spans="8:8">
      <c r="H199469" s="12"/>
    </row>
    <row r="199470" spans="8:8">
      <c r="H199470" s="12"/>
    </row>
    <row r="199471" spans="8:8">
      <c r="H199471" s="12"/>
    </row>
    <row r="199472" spans="8:8">
      <c r="H199472" s="12"/>
    </row>
    <row r="199473" spans="8:8">
      <c r="H199473" s="12"/>
    </row>
    <row r="199474" spans="8:8">
      <c r="H199474" s="12"/>
    </row>
    <row r="199475" spans="8:8">
      <c r="H199475" s="12"/>
    </row>
    <row r="199476" spans="8:8">
      <c r="H199476" s="12"/>
    </row>
    <row r="199477" spans="8:8">
      <c r="H199477" s="12"/>
    </row>
    <row r="199478" spans="8:8">
      <c r="H199478" s="12"/>
    </row>
    <row r="199479" spans="8:8">
      <c r="H199479" s="12"/>
    </row>
    <row r="199480" spans="8:8">
      <c r="H199480" s="12"/>
    </row>
    <row r="199481" spans="8:8">
      <c r="H199481" s="12"/>
    </row>
    <row r="199482" spans="8:8">
      <c r="H199482" s="12"/>
    </row>
    <row r="199483" spans="8:8">
      <c r="H199483" s="12"/>
    </row>
    <row r="199484" spans="8:8">
      <c r="H199484" s="12"/>
    </row>
    <row r="199485" spans="8:8">
      <c r="H199485" s="12"/>
    </row>
    <row r="199486" spans="8:8">
      <c r="H199486" s="12"/>
    </row>
    <row r="199487" spans="8:8">
      <c r="H199487" s="12"/>
    </row>
    <row r="199488" spans="8:8">
      <c r="H199488" s="12"/>
    </row>
    <row r="199489" spans="8:8">
      <c r="H199489" s="12"/>
    </row>
    <row r="199490" spans="8:8">
      <c r="H199490" s="12"/>
    </row>
    <row r="199491" spans="8:8">
      <c r="H199491" s="12"/>
    </row>
    <row r="199492" spans="8:8">
      <c r="H199492" s="12"/>
    </row>
    <row r="199493" spans="8:8">
      <c r="H199493" s="12"/>
    </row>
    <row r="199494" spans="8:8">
      <c r="H199494" s="12"/>
    </row>
    <row r="199495" spans="8:8">
      <c r="H199495" s="12"/>
    </row>
    <row r="199496" spans="8:8">
      <c r="H199496" s="12"/>
    </row>
    <row r="199497" spans="8:8">
      <c r="H199497" s="12"/>
    </row>
    <row r="199498" spans="8:8">
      <c r="H199498" s="12"/>
    </row>
    <row r="199499" spans="8:8">
      <c r="H199499" s="12"/>
    </row>
    <row r="199500" spans="8:8">
      <c r="H199500" s="12"/>
    </row>
    <row r="199501" spans="8:8">
      <c r="H199501" s="12"/>
    </row>
    <row r="199502" spans="8:8">
      <c r="H199502" s="12"/>
    </row>
    <row r="199503" spans="8:8">
      <c r="H199503" s="12"/>
    </row>
    <row r="199504" spans="8:8">
      <c r="H199504" s="12"/>
    </row>
    <row r="199505" spans="8:8">
      <c r="H199505" s="12"/>
    </row>
    <row r="199506" spans="8:8">
      <c r="H199506" s="12"/>
    </row>
    <row r="199507" spans="8:8">
      <c r="H199507" s="12"/>
    </row>
    <row r="199508" spans="8:8">
      <c r="H199508" s="12"/>
    </row>
    <row r="199509" spans="8:8">
      <c r="H199509" s="12"/>
    </row>
    <row r="199510" spans="8:8">
      <c r="H199510" s="12"/>
    </row>
    <row r="199511" spans="8:8">
      <c r="H199511" s="12"/>
    </row>
    <row r="199512" spans="8:8">
      <c r="H199512" s="12"/>
    </row>
    <row r="199513" spans="8:8">
      <c r="H199513" s="12"/>
    </row>
    <row r="199514" spans="8:8">
      <c r="H199514" s="12"/>
    </row>
    <row r="199515" spans="8:8">
      <c r="H199515" s="12"/>
    </row>
    <row r="199516" spans="8:8">
      <c r="H199516" s="12"/>
    </row>
    <row r="199517" spans="8:8">
      <c r="H199517" s="12"/>
    </row>
    <row r="199518" spans="8:8">
      <c r="H199518" s="12"/>
    </row>
    <row r="199519" spans="8:8">
      <c r="H199519" s="12"/>
    </row>
    <row r="199520" spans="8:8">
      <c r="H199520" s="12"/>
    </row>
    <row r="199521" spans="8:8">
      <c r="H199521" s="12"/>
    </row>
    <row r="199522" spans="8:8">
      <c r="H199522" s="12"/>
    </row>
    <row r="199523" spans="8:8">
      <c r="H199523" s="12"/>
    </row>
    <row r="199524" spans="8:8">
      <c r="H199524" s="12"/>
    </row>
    <row r="199525" spans="8:8">
      <c r="H199525" s="12"/>
    </row>
    <row r="199526" spans="8:8">
      <c r="H199526" s="12"/>
    </row>
    <row r="199527" spans="8:8">
      <c r="H199527" s="12"/>
    </row>
    <row r="199528" spans="8:8">
      <c r="H199528" s="12"/>
    </row>
    <row r="199529" spans="8:8">
      <c r="H199529" s="12"/>
    </row>
    <row r="199530" spans="8:8">
      <c r="H199530" s="12"/>
    </row>
    <row r="199531" spans="8:8">
      <c r="H199531" s="12"/>
    </row>
    <row r="199532" spans="8:8">
      <c r="H199532" s="12"/>
    </row>
    <row r="199533" spans="8:8">
      <c r="H199533" s="12"/>
    </row>
    <row r="199534" spans="8:8">
      <c r="H199534" s="12"/>
    </row>
    <row r="199535" spans="8:8">
      <c r="H199535" s="12"/>
    </row>
    <row r="199536" spans="8:8">
      <c r="H199536" s="12"/>
    </row>
    <row r="199537" spans="8:8">
      <c r="H199537" s="12"/>
    </row>
    <row r="199538" spans="8:8">
      <c r="H199538" s="12"/>
    </row>
    <row r="199539" spans="8:8">
      <c r="H199539" s="12"/>
    </row>
    <row r="199540" spans="8:8">
      <c r="H199540" s="12"/>
    </row>
    <row r="199541" spans="8:8">
      <c r="H199541" s="12"/>
    </row>
    <row r="199542" spans="8:8">
      <c r="H199542" s="12"/>
    </row>
    <row r="199543" spans="8:8">
      <c r="H199543" s="12"/>
    </row>
    <row r="199544" spans="8:8">
      <c r="H199544" s="12"/>
    </row>
    <row r="199545" spans="8:8">
      <c r="H199545" s="12"/>
    </row>
    <row r="199546" spans="8:8">
      <c r="H199546" s="12"/>
    </row>
    <row r="199547" spans="8:8">
      <c r="H199547" s="12"/>
    </row>
    <row r="199548" spans="8:8">
      <c r="H199548" s="12"/>
    </row>
    <row r="199549" spans="8:8">
      <c r="H199549" s="12"/>
    </row>
    <row r="199550" spans="8:8">
      <c r="H199550" s="12"/>
    </row>
    <row r="199551" spans="8:8">
      <c r="H199551" s="12"/>
    </row>
    <row r="199552" spans="8:8">
      <c r="H199552" s="12"/>
    </row>
    <row r="199553" spans="8:8">
      <c r="H199553" s="12"/>
    </row>
    <row r="199554" spans="8:8">
      <c r="H199554" s="12"/>
    </row>
    <row r="199555" spans="8:8">
      <c r="H199555" s="12"/>
    </row>
    <row r="199556" spans="8:8">
      <c r="H199556" s="12"/>
    </row>
    <row r="199557" spans="8:8">
      <c r="H199557" s="12"/>
    </row>
    <row r="199558" spans="8:8">
      <c r="H199558" s="12"/>
    </row>
    <row r="199559" spans="8:8">
      <c r="H199559" s="12"/>
    </row>
    <row r="199560" spans="8:8">
      <c r="H199560" s="12"/>
    </row>
    <row r="199561" spans="8:8">
      <c r="H199561" s="12"/>
    </row>
    <row r="199562" spans="8:8">
      <c r="H199562" s="12"/>
    </row>
    <row r="199563" spans="8:8">
      <c r="H199563" s="12"/>
    </row>
    <row r="199564" spans="8:8">
      <c r="H199564" s="12"/>
    </row>
    <row r="199565" spans="8:8">
      <c r="H199565" s="12"/>
    </row>
    <row r="199566" spans="8:8">
      <c r="H199566" s="12"/>
    </row>
    <row r="199567" spans="8:8">
      <c r="H199567" s="12"/>
    </row>
    <row r="199568" spans="8:8">
      <c r="H199568" s="12"/>
    </row>
    <row r="199569" spans="8:8">
      <c r="H199569" s="12"/>
    </row>
    <row r="199570" spans="8:8">
      <c r="H199570" s="12"/>
    </row>
    <row r="199571" spans="8:8">
      <c r="H199571" s="12"/>
    </row>
    <row r="199572" spans="8:8">
      <c r="H199572" s="12"/>
    </row>
    <row r="199573" spans="8:8">
      <c r="H199573" s="12"/>
    </row>
    <row r="199574" spans="8:8">
      <c r="H199574" s="12"/>
    </row>
    <row r="199575" spans="8:8">
      <c r="H199575" s="12"/>
    </row>
    <row r="199576" spans="8:8">
      <c r="H199576" s="12"/>
    </row>
    <row r="199577" spans="8:8">
      <c r="H199577" s="12"/>
    </row>
    <row r="199578" spans="8:8">
      <c r="H199578" s="12"/>
    </row>
    <row r="199579" spans="8:8">
      <c r="H199579" s="12"/>
    </row>
    <row r="199580" spans="8:8">
      <c r="H199580" s="12"/>
    </row>
    <row r="199581" spans="8:8">
      <c r="H199581" s="12"/>
    </row>
    <row r="199582" spans="8:8">
      <c r="H199582" s="12"/>
    </row>
    <row r="199583" spans="8:8">
      <c r="H199583" s="12"/>
    </row>
    <row r="199584" spans="8:8">
      <c r="H199584" s="12"/>
    </row>
    <row r="199585" spans="8:8">
      <c r="H199585" s="12"/>
    </row>
    <row r="199586" spans="8:8">
      <c r="H199586" s="12"/>
    </row>
    <row r="199587" spans="8:8">
      <c r="H199587" s="12"/>
    </row>
    <row r="199588" spans="8:8">
      <c r="H199588" s="12"/>
    </row>
    <row r="199589" spans="8:8">
      <c r="H199589" s="12"/>
    </row>
    <row r="199590" spans="8:8">
      <c r="H199590" s="12"/>
    </row>
    <row r="199591" spans="8:8">
      <c r="H199591" s="12"/>
    </row>
    <row r="199592" spans="8:8">
      <c r="H199592" s="12"/>
    </row>
    <row r="199593" spans="8:8">
      <c r="H199593" s="12"/>
    </row>
    <row r="199594" spans="8:8">
      <c r="H199594" s="12"/>
    </row>
    <row r="199595" spans="8:8">
      <c r="H199595" s="12"/>
    </row>
    <row r="199596" spans="8:8">
      <c r="H199596" s="12"/>
    </row>
    <row r="199597" spans="8:8">
      <c r="H199597" s="12"/>
    </row>
    <row r="199598" spans="8:8">
      <c r="H199598" s="12"/>
    </row>
    <row r="199599" spans="8:8">
      <c r="H199599" s="12"/>
    </row>
    <row r="199600" spans="8:8">
      <c r="H199600" s="12"/>
    </row>
    <row r="199601" spans="8:8">
      <c r="H199601" s="12"/>
    </row>
    <row r="199602" spans="8:8">
      <c r="H199602" s="12"/>
    </row>
    <row r="199603" spans="8:8">
      <c r="H199603" s="12"/>
    </row>
    <row r="199604" spans="8:8">
      <c r="H199604" s="12"/>
    </row>
    <row r="199605" spans="8:8">
      <c r="H199605" s="12"/>
    </row>
    <row r="199606" spans="8:8">
      <c r="H199606" s="12"/>
    </row>
    <row r="199607" spans="8:8">
      <c r="H199607" s="12"/>
    </row>
    <row r="199608" spans="8:8">
      <c r="H199608" s="12"/>
    </row>
    <row r="199609" spans="8:8">
      <c r="H199609" s="12"/>
    </row>
    <row r="199610" spans="8:8">
      <c r="H199610" s="12"/>
    </row>
    <row r="199611" spans="8:8">
      <c r="H199611" s="12"/>
    </row>
    <row r="199612" spans="8:8">
      <c r="H199612" s="12"/>
    </row>
    <row r="199613" spans="8:8">
      <c r="H199613" s="12"/>
    </row>
    <row r="199614" spans="8:8">
      <c r="H199614" s="12"/>
    </row>
    <row r="199615" spans="8:8">
      <c r="H199615" s="12"/>
    </row>
    <row r="199616" spans="8:8">
      <c r="H199616" s="12"/>
    </row>
    <row r="199617" spans="8:8">
      <c r="H199617" s="12"/>
    </row>
    <row r="199618" spans="8:8">
      <c r="H199618" s="12"/>
    </row>
    <row r="199619" spans="8:8">
      <c r="H199619" s="12"/>
    </row>
    <row r="199620" spans="8:8">
      <c r="H199620" s="12"/>
    </row>
    <row r="199621" spans="8:8">
      <c r="H199621" s="12"/>
    </row>
    <row r="199622" spans="8:8">
      <c r="H199622" s="12"/>
    </row>
    <row r="199623" spans="8:8">
      <c r="H199623" s="12"/>
    </row>
    <row r="199624" spans="8:8">
      <c r="H199624" s="12"/>
    </row>
    <row r="199625" spans="8:8">
      <c r="H199625" s="12"/>
    </row>
    <row r="199626" spans="8:8">
      <c r="H199626" s="12"/>
    </row>
    <row r="199627" spans="8:8">
      <c r="H199627" s="12"/>
    </row>
    <row r="199628" spans="8:8">
      <c r="H199628" s="12"/>
    </row>
    <row r="199629" spans="8:8">
      <c r="H199629" s="12"/>
    </row>
    <row r="199630" spans="8:8">
      <c r="H199630" s="12"/>
    </row>
    <row r="199631" spans="8:8">
      <c r="H199631" s="12"/>
    </row>
    <row r="199632" spans="8:8">
      <c r="H199632" s="12"/>
    </row>
    <row r="199633" spans="8:8">
      <c r="H199633" s="12"/>
    </row>
    <row r="199634" spans="8:8">
      <c r="H199634" s="12"/>
    </row>
    <row r="199635" spans="8:8">
      <c r="H199635" s="12"/>
    </row>
    <row r="199636" spans="8:8">
      <c r="H199636" s="12"/>
    </row>
    <row r="199637" spans="8:8">
      <c r="H199637" s="12"/>
    </row>
    <row r="199638" spans="8:8">
      <c r="H199638" s="12"/>
    </row>
    <row r="199639" spans="8:8">
      <c r="H199639" s="12"/>
    </row>
    <row r="199640" spans="8:8">
      <c r="H199640" s="12"/>
    </row>
    <row r="199641" spans="8:8">
      <c r="H199641" s="12"/>
    </row>
    <row r="199642" spans="8:8">
      <c r="H199642" s="12"/>
    </row>
    <row r="199643" spans="8:8">
      <c r="H199643" s="12"/>
    </row>
    <row r="199644" spans="8:8">
      <c r="H199644" s="12"/>
    </row>
    <row r="199645" spans="8:8">
      <c r="H199645" s="12"/>
    </row>
    <row r="199646" spans="8:8">
      <c r="H199646" s="12"/>
    </row>
    <row r="199647" spans="8:8">
      <c r="H199647" s="12"/>
    </row>
    <row r="199648" spans="8:8">
      <c r="H199648" s="12"/>
    </row>
    <row r="199649" spans="8:8">
      <c r="H199649" s="12"/>
    </row>
    <row r="199650" spans="8:8">
      <c r="H199650" s="12"/>
    </row>
    <row r="199651" spans="8:8">
      <c r="H199651" s="12"/>
    </row>
    <row r="199652" spans="8:8">
      <c r="H199652" s="12"/>
    </row>
    <row r="199653" spans="8:8">
      <c r="H199653" s="12"/>
    </row>
    <row r="199654" spans="8:8">
      <c r="H199654" s="12"/>
    </row>
    <row r="199655" spans="8:8">
      <c r="H199655" s="12"/>
    </row>
    <row r="199656" spans="8:8">
      <c r="H199656" s="12"/>
    </row>
    <row r="199657" spans="8:8">
      <c r="H199657" s="12"/>
    </row>
    <row r="199658" spans="8:8">
      <c r="H199658" s="12"/>
    </row>
    <row r="199659" spans="8:8">
      <c r="H199659" s="12"/>
    </row>
    <row r="199660" spans="8:8">
      <c r="H199660" s="12"/>
    </row>
    <row r="199661" spans="8:8">
      <c r="H199661" s="12"/>
    </row>
    <row r="199662" spans="8:8">
      <c r="H199662" s="12"/>
    </row>
    <row r="199663" spans="8:8">
      <c r="H199663" s="12"/>
    </row>
    <row r="199664" spans="8:8">
      <c r="H199664" s="12"/>
    </row>
    <row r="199665" spans="8:8">
      <c r="H199665" s="12"/>
    </row>
    <row r="199666" spans="8:8">
      <c r="H199666" s="12"/>
    </row>
    <row r="199667" spans="8:8">
      <c r="H199667" s="12"/>
    </row>
    <row r="199668" spans="8:8">
      <c r="H199668" s="12"/>
    </row>
    <row r="199669" spans="8:8">
      <c r="H199669" s="12"/>
    </row>
    <row r="199670" spans="8:8">
      <c r="H199670" s="12"/>
    </row>
    <row r="199671" spans="8:8">
      <c r="H199671" s="12"/>
    </row>
    <row r="199672" spans="8:8">
      <c r="H199672" s="12"/>
    </row>
    <row r="199673" spans="8:8">
      <c r="H199673" s="12"/>
    </row>
    <row r="199674" spans="8:8">
      <c r="H199674" s="12"/>
    </row>
    <row r="199675" spans="8:8">
      <c r="H199675" s="12"/>
    </row>
    <row r="199676" spans="8:8">
      <c r="H199676" s="12"/>
    </row>
    <row r="199677" spans="8:8">
      <c r="H199677" s="12"/>
    </row>
    <row r="199678" spans="8:8">
      <c r="H199678" s="12"/>
    </row>
    <row r="199679" spans="8:8">
      <c r="H199679" s="12"/>
    </row>
    <row r="199680" spans="8:8">
      <c r="H199680" s="12"/>
    </row>
    <row r="199681" spans="8:8">
      <c r="H199681" s="12"/>
    </row>
    <row r="199682" spans="8:8">
      <c r="H199682" s="12"/>
    </row>
    <row r="199683" spans="8:8">
      <c r="H199683" s="12"/>
    </row>
    <row r="199684" spans="8:8">
      <c r="H199684" s="12"/>
    </row>
    <row r="199685" spans="8:8">
      <c r="H199685" s="12"/>
    </row>
    <row r="199686" spans="8:8">
      <c r="H199686" s="12"/>
    </row>
    <row r="199687" spans="8:8">
      <c r="H199687" s="12"/>
    </row>
    <row r="199688" spans="8:8">
      <c r="H199688" s="12"/>
    </row>
    <row r="199689" spans="8:8">
      <c r="H199689" s="12"/>
    </row>
    <row r="199690" spans="8:8">
      <c r="H199690" s="12"/>
    </row>
    <row r="199691" spans="8:8">
      <c r="H199691" s="12"/>
    </row>
    <row r="199692" spans="8:8">
      <c r="H199692" s="12"/>
    </row>
    <row r="199693" spans="8:8">
      <c r="H199693" s="12"/>
    </row>
    <row r="199694" spans="8:8">
      <c r="H199694" s="12"/>
    </row>
    <row r="199695" spans="8:8">
      <c r="H199695" s="12"/>
    </row>
    <row r="199696" spans="8:8">
      <c r="H199696" s="12"/>
    </row>
    <row r="199697" spans="8:8">
      <c r="H199697" s="12"/>
    </row>
    <row r="199698" spans="8:8">
      <c r="H199698" s="12"/>
    </row>
    <row r="199699" spans="8:8">
      <c r="H199699" s="12"/>
    </row>
    <row r="199700" spans="8:8">
      <c r="H199700" s="12"/>
    </row>
    <row r="199701" spans="8:8">
      <c r="H199701" s="12"/>
    </row>
    <row r="199702" spans="8:8">
      <c r="H199702" s="12"/>
    </row>
    <row r="199703" spans="8:8">
      <c r="H199703" s="12"/>
    </row>
    <row r="199704" spans="8:8">
      <c r="H199704" s="12"/>
    </row>
    <row r="199705" spans="8:8">
      <c r="H199705" s="12"/>
    </row>
    <row r="199706" spans="8:8">
      <c r="H199706" s="12"/>
    </row>
    <row r="199707" spans="8:8">
      <c r="H199707" s="12"/>
    </row>
    <row r="199708" spans="8:8">
      <c r="H199708" s="12"/>
    </row>
    <row r="199709" spans="8:8">
      <c r="H199709" s="12"/>
    </row>
    <row r="199710" spans="8:8">
      <c r="H199710" s="12"/>
    </row>
    <row r="199711" spans="8:8">
      <c r="H199711" s="12"/>
    </row>
    <row r="199712" spans="8:8">
      <c r="H199712" s="12"/>
    </row>
    <row r="199713" spans="8:8">
      <c r="H199713" s="12"/>
    </row>
    <row r="199714" spans="8:8">
      <c r="H199714" s="12"/>
    </row>
    <row r="199715" spans="8:8">
      <c r="H199715" s="12"/>
    </row>
    <row r="199716" spans="8:8">
      <c r="H199716" s="12"/>
    </row>
    <row r="199717" spans="8:8">
      <c r="H199717" s="12"/>
    </row>
    <row r="199718" spans="8:8">
      <c r="H199718" s="12"/>
    </row>
    <row r="199719" spans="8:8">
      <c r="H199719" s="12"/>
    </row>
    <row r="199720" spans="8:8">
      <c r="H199720" s="12"/>
    </row>
    <row r="199721" spans="8:8">
      <c r="H199721" s="12"/>
    </row>
    <row r="199722" spans="8:8">
      <c r="H199722" s="12"/>
    </row>
    <row r="199723" spans="8:8">
      <c r="H199723" s="12"/>
    </row>
    <row r="199724" spans="8:8">
      <c r="H199724" s="12"/>
    </row>
    <row r="199725" spans="8:8">
      <c r="H199725" s="12"/>
    </row>
    <row r="199726" spans="8:8">
      <c r="H199726" s="12"/>
    </row>
    <row r="199727" spans="8:8">
      <c r="H199727" s="12"/>
    </row>
    <row r="199728" spans="8:8">
      <c r="H199728" s="12"/>
    </row>
    <row r="199729" spans="8:8">
      <c r="H199729" s="12"/>
    </row>
    <row r="199730" spans="8:8">
      <c r="H199730" s="12"/>
    </row>
    <row r="199731" spans="8:8">
      <c r="H199731" s="12"/>
    </row>
    <row r="199732" spans="8:8">
      <c r="H199732" s="12"/>
    </row>
    <row r="199733" spans="8:8">
      <c r="H199733" s="12"/>
    </row>
    <row r="199734" spans="8:8">
      <c r="H199734" s="12"/>
    </row>
    <row r="199735" spans="8:8">
      <c r="H199735" s="12"/>
    </row>
    <row r="199736" spans="8:8">
      <c r="H199736" s="12"/>
    </row>
    <row r="199737" spans="8:8">
      <c r="H199737" s="12"/>
    </row>
    <row r="199738" spans="8:8">
      <c r="H199738" s="12"/>
    </row>
    <row r="199739" spans="8:8">
      <c r="H199739" s="12"/>
    </row>
    <row r="199740" spans="8:8">
      <c r="H199740" s="12"/>
    </row>
    <row r="199741" spans="8:8">
      <c r="H199741" s="12"/>
    </row>
    <row r="199742" spans="8:8">
      <c r="H199742" s="12"/>
    </row>
    <row r="199743" spans="8:8">
      <c r="H199743" s="12"/>
    </row>
    <row r="199744" spans="8:8">
      <c r="H199744" s="12"/>
    </row>
    <row r="199745" spans="8:8">
      <c r="H199745" s="12"/>
    </row>
    <row r="199746" spans="8:8">
      <c r="H199746" s="12"/>
    </row>
    <row r="199747" spans="8:8">
      <c r="H199747" s="12"/>
    </row>
    <row r="199748" spans="8:8">
      <c r="H199748" s="12"/>
    </row>
    <row r="199749" spans="8:8">
      <c r="H199749" s="12"/>
    </row>
    <row r="199750" spans="8:8">
      <c r="H199750" s="12"/>
    </row>
    <row r="199751" spans="8:8">
      <c r="H199751" s="12"/>
    </row>
    <row r="199752" spans="8:8">
      <c r="H199752" s="12"/>
    </row>
    <row r="199753" spans="8:8">
      <c r="H199753" s="12"/>
    </row>
    <row r="199754" spans="8:8">
      <c r="H199754" s="12"/>
    </row>
    <row r="199755" spans="8:8">
      <c r="H199755" s="12"/>
    </row>
    <row r="199756" spans="8:8">
      <c r="H199756" s="12"/>
    </row>
    <row r="199757" spans="8:8">
      <c r="H199757" s="12"/>
    </row>
    <row r="199758" spans="8:8">
      <c r="H199758" s="12"/>
    </row>
    <row r="199759" spans="8:8">
      <c r="H199759" s="12"/>
    </row>
    <row r="199760" spans="8:8">
      <c r="H199760" s="12"/>
    </row>
    <row r="199761" spans="8:8">
      <c r="H199761" s="12"/>
    </row>
    <row r="199762" spans="8:8">
      <c r="H199762" s="12"/>
    </row>
    <row r="199763" spans="8:8">
      <c r="H199763" s="12"/>
    </row>
    <row r="199764" spans="8:8">
      <c r="H199764" s="12"/>
    </row>
    <row r="199765" spans="8:8">
      <c r="H199765" s="12"/>
    </row>
    <row r="199766" spans="8:8">
      <c r="H199766" s="12"/>
    </row>
    <row r="199767" spans="8:8">
      <c r="H199767" s="12"/>
    </row>
    <row r="199768" spans="8:8">
      <c r="H199768" s="12"/>
    </row>
    <row r="199769" spans="8:8">
      <c r="H199769" s="12"/>
    </row>
    <row r="199770" spans="8:8">
      <c r="H199770" s="12"/>
    </row>
    <row r="199771" spans="8:8">
      <c r="H199771" s="12"/>
    </row>
    <row r="199772" spans="8:8">
      <c r="H199772" s="12"/>
    </row>
    <row r="199773" spans="8:8">
      <c r="H199773" s="12"/>
    </row>
    <row r="199774" spans="8:8">
      <c r="H199774" s="12"/>
    </row>
    <row r="199775" spans="8:8">
      <c r="H199775" s="12"/>
    </row>
    <row r="199776" spans="8:8">
      <c r="H199776" s="12"/>
    </row>
    <row r="199777" spans="8:8">
      <c r="H199777" s="12"/>
    </row>
    <row r="199778" spans="8:8">
      <c r="H199778" s="12"/>
    </row>
    <row r="199779" spans="8:8">
      <c r="H199779" s="12"/>
    </row>
    <row r="199780" spans="8:8">
      <c r="H199780" s="12"/>
    </row>
    <row r="199781" spans="8:8">
      <c r="H199781" s="12"/>
    </row>
    <row r="199782" spans="8:8">
      <c r="H199782" s="12"/>
    </row>
    <row r="199783" spans="8:8">
      <c r="H199783" s="12"/>
    </row>
    <row r="199784" spans="8:8">
      <c r="H199784" s="12"/>
    </row>
    <row r="199785" spans="8:8">
      <c r="H199785" s="12"/>
    </row>
    <row r="199786" spans="8:8">
      <c r="H199786" s="12"/>
    </row>
    <row r="199787" spans="8:8">
      <c r="H199787" s="12"/>
    </row>
    <row r="199788" spans="8:8">
      <c r="H199788" s="12"/>
    </row>
    <row r="199789" spans="8:8">
      <c r="H199789" s="12"/>
    </row>
    <row r="199790" spans="8:8">
      <c r="H199790" s="12"/>
    </row>
    <row r="199791" spans="8:8">
      <c r="H199791" s="12"/>
    </row>
    <row r="199792" spans="8:8">
      <c r="H199792" s="12"/>
    </row>
    <row r="199793" spans="8:8">
      <c r="H199793" s="12"/>
    </row>
    <row r="199794" spans="8:8">
      <c r="H199794" s="12"/>
    </row>
    <row r="199795" spans="8:8">
      <c r="H199795" s="12"/>
    </row>
    <row r="199796" spans="8:8">
      <c r="H199796" s="12"/>
    </row>
    <row r="199797" spans="8:8">
      <c r="H199797" s="12"/>
    </row>
    <row r="199798" spans="8:8">
      <c r="H199798" s="12"/>
    </row>
    <row r="199799" spans="8:8">
      <c r="H199799" s="12"/>
    </row>
    <row r="199800" spans="8:8">
      <c r="H199800" s="12"/>
    </row>
    <row r="199801" spans="8:8">
      <c r="H199801" s="12"/>
    </row>
    <row r="199802" spans="8:8">
      <c r="H199802" s="12"/>
    </row>
    <row r="199803" spans="8:8">
      <c r="H199803" s="12"/>
    </row>
    <row r="199804" spans="8:8">
      <c r="H199804" s="12"/>
    </row>
    <row r="199805" spans="8:8">
      <c r="H199805" s="12"/>
    </row>
    <row r="199806" spans="8:8">
      <c r="H199806" s="12"/>
    </row>
    <row r="199807" spans="8:8">
      <c r="H199807" s="12"/>
    </row>
    <row r="199808" spans="8:8">
      <c r="H199808" s="12"/>
    </row>
    <row r="199809" spans="8:8">
      <c r="H199809" s="12"/>
    </row>
    <row r="199810" spans="8:8">
      <c r="H199810" s="12"/>
    </row>
    <row r="199811" spans="8:8">
      <c r="H199811" s="12"/>
    </row>
    <row r="199812" spans="8:8">
      <c r="H199812" s="12"/>
    </row>
    <row r="199813" spans="8:8">
      <c r="H199813" s="12"/>
    </row>
    <row r="199814" spans="8:8">
      <c r="H199814" s="12"/>
    </row>
    <row r="199815" spans="8:8">
      <c r="H199815" s="12"/>
    </row>
    <row r="199816" spans="8:8">
      <c r="H199816" s="12"/>
    </row>
    <row r="199817" spans="8:8">
      <c r="H199817" s="12"/>
    </row>
    <row r="199818" spans="8:8">
      <c r="H199818" s="12"/>
    </row>
    <row r="199819" spans="8:8">
      <c r="H199819" s="12"/>
    </row>
    <row r="199820" spans="8:8">
      <c r="H199820" s="12"/>
    </row>
    <row r="199821" spans="8:8">
      <c r="H199821" s="12"/>
    </row>
    <row r="199822" spans="8:8">
      <c r="H199822" s="12"/>
    </row>
    <row r="199823" spans="8:8">
      <c r="H199823" s="12"/>
    </row>
    <row r="199824" spans="8:8">
      <c r="H199824" s="12"/>
    </row>
    <row r="199825" spans="8:8">
      <c r="H199825" s="12"/>
    </row>
    <row r="199826" spans="8:8">
      <c r="H199826" s="12"/>
    </row>
    <row r="199827" spans="8:8">
      <c r="H199827" s="12"/>
    </row>
    <row r="199828" spans="8:8">
      <c r="H199828" s="12"/>
    </row>
    <row r="199829" spans="8:8">
      <c r="H199829" s="12"/>
    </row>
    <row r="199830" spans="8:8">
      <c r="H199830" s="12"/>
    </row>
    <row r="199831" spans="8:8">
      <c r="H199831" s="12"/>
    </row>
    <row r="199832" spans="8:8">
      <c r="H199832" s="12"/>
    </row>
    <row r="199833" spans="8:8">
      <c r="H199833" s="12"/>
    </row>
    <row r="199834" spans="8:8">
      <c r="H199834" s="12"/>
    </row>
    <row r="199835" spans="8:8">
      <c r="H199835" s="12"/>
    </row>
    <row r="199836" spans="8:8">
      <c r="H199836" s="12"/>
    </row>
    <row r="199837" spans="8:8">
      <c r="H199837" s="12"/>
    </row>
    <row r="199838" spans="8:8">
      <c r="H199838" s="12"/>
    </row>
    <row r="199839" spans="8:8">
      <c r="H199839" s="12"/>
    </row>
    <row r="199840" spans="8:8">
      <c r="H199840" s="12"/>
    </row>
    <row r="199841" spans="8:8">
      <c r="H199841" s="12"/>
    </row>
    <row r="199842" spans="8:8">
      <c r="H199842" s="12"/>
    </row>
    <row r="199843" spans="8:8">
      <c r="H199843" s="12"/>
    </row>
    <row r="199844" spans="8:8">
      <c r="H199844" s="12"/>
    </row>
    <row r="199845" spans="8:8">
      <c r="H199845" s="12"/>
    </row>
    <row r="199846" spans="8:8">
      <c r="H199846" s="12"/>
    </row>
    <row r="199847" spans="8:8">
      <c r="H199847" s="12"/>
    </row>
    <row r="199848" spans="8:8">
      <c r="H199848" s="12"/>
    </row>
    <row r="199849" spans="8:8">
      <c r="H199849" s="12"/>
    </row>
    <row r="199850" spans="8:8">
      <c r="H199850" s="12"/>
    </row>
    <row r="199851" spans="8:8">
      <c r="H199851" s="12"/>
    </row>
    <row r="199852" spans="8:8">
      <c r="H199852" s="12"/>
    </row>
    <row r="199853" spans="8:8">
      <c r="H199853" s="12"/>
    </row>
    <row r="199854" spans="8:8">
      <c r="H199854" s="12"/>
    </row>
    <row r="199855" spans="8:8">
      <c r="H199855" s="12"/>
    </row>
    <row r="199856" spans="8:8">
      <c r="H199856" s="12"/>
    </row>
    <row r="199857" spans="8:8">
      <c r="H199857" s="12"/>
    </row>
    <row r="199858" spans="8:8">
      <c r="H199858" s="12"/>
    </row>
    <row r="199859" spans="8:8">
      <c r="H199859" s="12"/>
    </row>
    <row r="199860" spans="8:8">
      <c r="H199860" s="12"/>
    </row>
    <row r="199861" spans="8:8">
      <c r="H199861" s="12"/>
    </row>
    <row r="199862" spans="8:8">
      <c r="H199862" s="12"/>
    </row>
    <row r="199863" spans="8:8">
      <c r="H199863" s="12"/>
    </row>
    <row r="199864" spans="8:8">
      <c r="H199864" s="12"/>
    </row>
    <row r="199865" spans="8:8">
      <c r="H199865" s="12"/>
    </row>
    <row r="199866" spans="8:8">
      <c r="H199866" s="12"/>
    </row>
    <row r="199867" spans="8:8">
      <c r="H199867" s="12"/>
    </row>
    <row r="199868" spans="8:8">
      <c r="H199868" s="12"/>
    </row>
    <row r="199869" spans="8:8">
      <c r="H199869" s="12"/>
    </row>
    <row r="199870" spans="8:8">
      <c r="H199870" s="12"/>
    </row>
    <row r="199871" spans="8:8">
      <c r="H199871" s="12"/>
    </row>
    <row r="199872" spans="8:8">
      <c r="H199872" s="12"/>
    </row>
    <row r="199873" spans="8:8">
      <c r="H199873" s="12"/>
    </row>
    <row r="199874" spans="8:8">
      <c r="H199874" s="12"/>
    </row>
    <row r="199875" spans="8:8">
      <c r="H199875" s="12"/>
    </row>
    <row r="199876" spans="8:8">
      <c r="H199876" s="12"/>
    </row>
    <row r="199877" spans="8:8">
      <c r="H199877" s="12"/>
    </row>
    <row r="199878" spans="8:8">
      <c r="H199878" s="12"/>
    </row>
    <row r="199879" spans="8:8">
      <c r="H199879" s="12"/>
    </row>
    <row r="199880" spans="8:8">
      <c r="H199880" s="12"/>
    </row>
    <row r="199881" spans="8:8">
      <c r="H199881" s="12"/>
    </row>
    <row r="199882" spans="8:8">
      <c r="H199882" s="12"/>
    </row>
    <row r="199883" spans="8:8">
      <c r="H199883" s="12"/>
    </row>
    <row r="199884" spans="8:8">
      <c r="H199884" s="12"/>
    </row>
    <row r="199885" spans="8:8">
      <c r="H199885" s="12"/>
    </row>
    <row r="199886" spans="8:8">
      <c r="H199886" s="12"/>
    </row>
    <row r="199887" spans="8:8">
      <c r="H199887" s="12"/>
    </row>
    <row r="199888" spans="8:8">
      <c r="H199888" s="12"/>
    </row>
    <row r="199889" spans="8:8">
      <c r="H199889" s="12"/>
    </row>
    <row r="199890" spans="8:8">
      <c r="H199890" s="12"/>
    </row>
    <row r="199891" spans="8:8">
      <c r="H199891" s="12"/>
    </row>
    <row r="199892" spans="8:8">
      <c r="H199892" s="12"/>
    </row>
    <row r="199893" spans="8:8">
      <c r="H199893" s="12"/>
    </row>
    <row r="199894" spans="8:8">
      <c r="H199894" s="12"/>
    </row>
    <row r="199895" spans="8:8">
      <c r="H199895" s="12"/>
    </row>
    <row r="199896" spans="8:8">
      <c r="H199896" s="12"/>
    </row>
    <row r="199897" spans="8:8">
      <c r="H199897" s="12"/>
    </row>
    <row r="199898" spans="8:8">
      <c r="H199898" s="12"/>
    </row>
    <row r="199899" spans="8:8">
      <c r="H199899" s="12"/>
    </row>
    <row r="199900" spans="8:8">
      <c r="H199900" s="12"/>
    </row>
    <row r="199901" spans="8:8">
      <c r="H199901" s="12"/>
    </row>
    <row r="199902" spans="8:8">
      <c r="H199902" s="12"/>
    </row>
    <row r="199903" spans="8:8">
      <c r="H199903" s="12"/>
    </row>
    <row r="199904" spans="8:8">
      <c r="H199904" s="12"/>
    </row>
    <row r="199905" spans="8:8">
      <c r="H199905" s="12"/>
    </row>
    <row r="199906" spans="8:8">
      <c r="H199906" s="12"/>
    </row>
    <row r="199907" spans="8:8">
      <c r="H199907" s="12"/>
    </row>
    <row r="199908" spans="8:8">
      <c r="H199908" s="12"/>
    </row>
    <row r="199909" spans="8:8">
      <c r="H199909" s="12"/>
    </row>
    <row r="199910" spans="8:8">
      <c r="H199910" s="12"/>
    </row>
    <row r="199911" spans="8:8">
      <c r="H199911" s="12"/>
    </row>
    <row r="199912" spans="8:8">
      <c r="H199912" s="12"/>
    </row>
    <row r="199913" spans="8:8">
      <c r="H199913" s="12"/>
    </row>
    <row r="199914" spans="8:8">
      <c r="H199914" s="12"/>
    </row>
    <row r="199915" spans="8:8">
      <c r="H199915" s="12"/>
    </row>
    <row r="199916" spans="8:8">
      <c r="H199916" s="12"/>
    </row>
    <row r="199917" spans="8:8">
      <c r="H199917" s="12"/>
    </row>
    <row r="199918" spans="8:8">
      <c r="H199918" s="12"/>
    </row>
    <row r="199919" spans="8:8">
      <c r="H199919" s="12"/>
    </row>
    <row r="199920" spans="8:8">
      <c r="H199920" s="12"/>
    </row>
    <row r="199921" spans="8:8">
      <c r="H199921" s="12"/>
    </row>
    <row r="199922" spans="8:8">
      <c r="H199922" s="12"/>
    </row>
    <row r="199923" spans="8:8">
      <c r="H199923" s="12"/>
    </row>
    <row r="199924" spans="8:8">
      <c r="H199924" s="12"/>
    </row>
    <row r="199925" spans="8:8">
      <c r="H199925" s="12"/>
    </row>
    <row r="199926" spans="8:8">
      <c r="H199926" s="12"/>
    </row>
    <row r="199927" spans="8:8">
      <c r="H199927" s="12"/>
    </row>
    <row r="199928" spans="8:8">
      <c r="H199928" s="12"/>
    </row>
    <row r="199929" spans="8:8">
      <c r="H199929" s="12"/>
    </row>
    <row r="199930" spans="8:8">
      <c r="H199930" s="12"/>
    </row>
    <row r="199931" spans="8:8">
      <c r="H199931" s="12"/>
    </row>
    <row r="199932" spans="8:8">
      <c r="H199932" s="12"/>
    </row>
    <row r="199933" spans="8:8">
      <c r="H199933" s="12"/>
    </row>
    <row r="199934" spans="8:8">
      <c r="H199934" s="12"/>
    </row>
    <row r="199935" spans="8:8">
      <c r="H199935" s="12"/>
    </row>
    <row r="199936" spans="8:8">
      <c r="H199936" s="12"/>
    </row>
    <row r="199937" spans="8:8">
      <c r="H199937" s="12"/>
    </row>
    <row r="199938" spans="8:8">
      <c r="H199938" s="12"/>
    </row>
    <row r="199939" spans="8:8">
      <c r="H199939" s="12"/>
    </row>
    <row r="199940" spans="8:8">
      <c r="H199940" s="12"/>
    </row>
    <row r="199941" spans="8:8">
      <c r="H199941" s="12"/>
    </row>
    <row r="199942" spans="8:8">
      <c r="H199942" s="12"/>
    </row>
    <row r="199943" spans="8:8">
      <c r="H199943" s="12"/>
    </row>
    <row r="199944" spans="8:8">
      <c r="H199944" s="12"/>
    </row>
    <row r="199945" spans="8:8">
      <c r="H199945" s="12"/>
    </row>
    <row r="199946" spans="8:8">
      <c r="H199946" s="12"/>
    </row>
    <row r="199947" spans="8:8">
      <c r="H199947" s="12"/>
    </row>
    <row r="199948" spans="8:8">
      <c r="H199948" s="12"/>
    </row>
    <row r="199949" spans="8:8">
      <c r="H199949" s="12"/>
    </row>
    <row r="199950" spans="8:8">
      <c r="H199950" s="12"/>
    </row>
    <row r="199951" spans="8:8">
      <c r="H199951" s="12"/>
    </row>
    <row r="199952" spans="8:8">
      <c r="H199952" s="12"/>
    </row>
    <row r="199953" spans="8:8">
      <c r="H199953" s="12"/>
    </row>
    <row r="199954" spans="8:8">
      <c r="H199954" s="12"/>
    </row>
    <row r="199955" spans="8:8">
      <c r="H199955" s="12"/>
    </row>
    <row r="199956" spans="8:8">
      <c r="H199956" s="12"/>
    </row>
    <row r="199957" spans="8:8">
      <c r="H199957" s="12"/>
    </row>
    <row r="199958" spans="8:8">
      <c r="H199958" s="12"/>
    </row>
    <row r="199959" spans="8:8">
      <c r="H199959" s="12"/>
    </row>
    <row r="199960" spans="8:8">
      <c r="H199960" s="12"/>
    </row>
    <row r="199961" spans="8:8">
      <c r="H199961" s="12"/>
    </row>
    <row r="199962" spans="8:8">
      <c r="H199962" s="12"/>
    </row>
    <row r="199963" spans="8:8">
      <c r="H199963" s="12"/>
    </row>
    <row r="199964" spans="8:8">
      <c r="H199964" s="12"/>
    </row>
    <row r="199965" spans="8:8">
      <c r="H199965" s="12"/>
    </row>
    <row r="199966" spans="8:8">
      <c r="H199966" s="12"/>
    </row>
    <row r="199967" spans="8:8">
      <c r="H199967" s="12"/>
    </row>
    <row r="199968" spans="8:8">
      <c r="H199968" s="12"/>
    </row>
    <row r="199969" spans="8:8">
      <c r="H199969" s="12"/>
    </row>
    <row r="199970" spans="8:8">
      <c r="H199970" s="12"/>
    </row>
    <row r="199971" spans="8:8">
      <c r="H199971" s="12"/>
    </row>
    <row r="199972" spans="8:8">
      <c r="H199972" s="12"/>
    </row>
    <row r="199973" spans="8:8">
      <c r="H199973" s="12"/>
    </row>
    <row r="199974" spans="8:8">
      <c r="H199974" s="12"/>
    </row>
    <row r="199975" spans="8:8">
      <c r="H199975" s="12"/>
    </row>
    <row r="199976" spans="8:8">
      <c r="H199976" s="12"/>
    </row>
    <row r="199977" spans="8:8">
      <c r="H199977" s="12"/>
    </row>
    <row r="199978" spans="8:8">
      <c r="H199978" s="12"/>
    </row>
    <row r="199979" spans="8:8">
      <c r="H199979" s="12"/>
    </row>
    <row r="199980" spans="8:8">
      <c r="H199980" s="12"/>
    </row>
    <row r="199981" spans="8:8">
      <c r="H199981" s="12"/>
    </row>
    <row r="199982" spans="8:8">
      <c r="H199982" s="12"/>
    </row>
    <row r="199983" spans="8:8">
      <c r="H199983" s="12"/>
    </row>
    <row r="199984" spans="8:8">
      <c r="H199984" s="12"/>
    </row>
    <row r="199985" spans="8:8">
      <c r="H199985" s="12"/>
    </row>
    <row r="199986" spans="8:8">
      <c r="H199986" s="12"/>
    </row>
    <row r="199987" spans="8:8">
      <c r="H199987" s="12"/>
    </row>
    <row r="199988" spans="8:8">
      <c r="H199988" s="12"/>
    </row>
    <row r="199989" spans="8:8">
      <c r="H199989" s="12"/>
    </row>
    <row r="199990" spans="8:8">
      <c r="H199990" s="12"/>
    </row>
    <row r="199991" spans="8:8">
      <c r="H199991" s="12"/>
    </row>
    <row r="199992" spans="8:8">
      <c r="H199992" s="12"/>
    </row>
    <row r="199993" spans="8:8">
      <c r="H199993" s="12"/>
    </row>
    <row r="199994" spans="8:8">
      <c r="H199994" s="12"/>
    </row>
    <row r="199995" spans="8:8">
      <c r="H199995" s="12"/>
    </row>
    <row r="199996" spans="8:8">
      <c r="H199996" s="12"/>
    </row>
    <row r="199997" spans="8:8">
      <c r="H199997" s="12"/>
    </row>
    <row r="199998" spans="8:8">
      <c r="H199998" s="12"/>
    </row>
    <row r="199999" spans="8:8">
      <c r="H199999" s="12"/>
    </row>
    <row r="200000" spans="8:8">
      <c r="H200000" s="12"/>
    </row>
    <row r="200001" spans="8:8">
      <c r="H200001" s="12"/>
    </row>
    <row r="200002" spans="8:8">
      <c r="H200002" s="12"/>
    </row>
    <row r="200003" spans="8:8">
      <c r="H200003" s="12"/>
    </row>
    <row r="200004" spans="8:8">
      <c r="H200004" s="12"/>
    </row>
    <row r="200005" spans="8:8">
      <c r="H200005" s="12"/>
    </row>
    <row r="200006" spans="8:8">
      <c r="H200006" s="12"/>
    </row>
    <row r="200007" spans="8:8">
      <c r="H200007" s="12"/>
    </row>
    <row r="200008" spans="8:8">
      <c r="H200008" s="12"/>
    </row>
    <row r="200009" spans="8:8">
      <c r="H200009" s="12"/>
    </row>
    <row r="200010" spans="8:8">
      <c r="H200010" s="12"/>
    </row>
    <row r="200011" spans="8:8">
      <c r="H200011" s="12"/>
    </row>
    <row r="200012" spans="8:8">
      <c r="H200012" s="12"/>
    </row>
    <row r="200013" spans="8:8">
      <c r="H200013" s="12"/>
    </row>
    <row r="200014" spans="8:8">
      <c r="H200014" s="12"/>
    </row>
    <row r="200015" spans="8:8">
      <c r="H200015" s="12"/>
    </row>
    <row r="200016" spans="8:8">
      <c r="H200016" s="12"/>
    </row>
    <row r="200017" spans="8:8">
      <c r="H200017" s="12"/>
    </row>
    <row r="200018" spans="8:8">
      <c r="H200018" s="12"/>
    </row>
    <row r="200019" spans="8:8">
      <c r="H200019" s="12"/>
    </row>
    <row r="200020" spans="8:8">
      <c r="H200020" s="12"/>
    </row>
    <row r="200021" spans="8:8">
      <c r="H200021" s="12"/>
    </row>
    <row r="200022" spans="8:8">
      <c r="H200022" s="12"/>
    </row>
    <row r="200023" spans="8:8">
      <c r="H200023" s="12"/>
    </row>
    <row r="200024" spans="8:8">
      <c r="H200024" s="12"/>
    </row>
    <row r="200025" spans="8:8">
      <c r="H200025" s="12"/>
    </row>
    <row r="200026" spans="8:8">
      <c r="H200026" s="12"/>
    </row>
    <row r="200027" spans="8:8">
      <c r="H200027" s="12"/>
    </row>
    <row r="200028" spans="8:8">
      <c r="H200028" s="12"/>
    </row>
    <row r="200029" spans="8:8">
      <c r="H200029" s="12"/>
    </row>
    <row r="200030" spans="8:8">
      <c r="H200030" s="12"/>
    </row>
    <row r="200031" spans="8:8">
      <c r="H200031" s="12"/>
    </row>
    <row r="200032" spans="8:8">
      <c r="H200032" s="12"/>
    </row>
    <row r="200033" spans="8:8">
      <c r="H200033" s="12"/>
    </row>
    <row r="200034" spans="8:8">
      <c r="H200034" s="12"/>
    </row>
    <row r="200035" spans="8:8">
      <c r="H200035" s="12"/>
    </row>
    <row r="200036" spans="8:8">
      <c r="H200036" s="12"/>
    </row>
    <row r="200037" spans="8:8">
      <c r="H200037" s="12"/>
    </row>
    <row r="200038" spans="8:8">
      <c r="H200038" s="12"/>
    </row>
    <row r="200039" spans="8:8">
      <c r="H200039" s="12"/>
    </row>
    <row r="200040" spans="8:8">
      <c r="H200040" s="12"/>
    </row>
    <row r="200041" spans="8:8">
      <c r="H200041" s="12"/>
    </row>
    <row r="200042" spans="8:8">
      <c r="H200042" s="12"/>
    </row>
    <row r="200043" spans="8:8">
      <c r="H200043" s="12"/>
    </row>
    <row r="200044" spans="8:8">
      <c r="H200044" s="12"/>
    </row>
    <row r="200045" spans="8:8">
      <c r="H200045" s="12"/>
    </row>
    <row r="200046" spans="8:8">
      <c r="H200046" s="12"/>
    </row>
    <row r="200047" spans="8:8">
      <c r="H200047" s="12"/>
    </row>
    <row r="200048" spans="8:8">
      <c r="H200048" s="12"/>
    </row>
    <row r="200049" spans="8:8">
      <c r="H200049" s="12"/>
    </row>
    <row r="200050" spans="8:8">
      <c r="H200050" s="12"/>
    </row>
    <row r="200051" spans="8:8">
      <c r="H200051" s="12"/>
    </row>
    <row r="200052" spans="8:8">
      <c r="H200052" s="12"/>
    </row>
    <row r="200053" spans="8:8">
      <c r="H200053" s="12"/>
    </row>
    <row r="200054" spans="8:8">
      <c r="H200054" s="12"/>
    </row>
    <row r="200055" spans="8:8">
      <c r="H200055" s="12"/>
    </row>
    <row r="200056" spans="8:8">
      <c r="H200056" s="12"/>
    </row>
    <row r="200057" spans="8:8">
      <c r="H200057" s="12"/>
    </row>
    <row r="200058" spans="8:8">
      <c r="H200058" s="12"/>
    </row>
    <row r="200059" spans="8:8">
      <c r="H200059" s="12"/>
    </row>
    <row r="200060" spans="8:8">
      <c r="H200060" s="12"/>
    </row>
    <row r="200061" spans="8:8">
      <c r="H200061" s="12"/>
    </row>
    <row r="200062" spans="8:8">
      <c r="H200062" s="12"/>
    </row>
    <row r="200063" spans="8:8">
      <c r="H200063" s="12"/>
    </row>
    <row r="200064" spans="8:8">
      <c r="H200064" s="12"/>
    </row>
    <row r="200065" spans="8:8">
      <c r="H200065" s="12"/>
    </row>
    <row r="200066" spans="8:8">
      <c r="H200066" s="12"/>
    </row>
    <row r="200067" spans="8:8">
      <c r="H200067" s="12"/>
    </row>
    <row r="200068" spans="8:8">
      <c r="H200068" s="12"/>
    </row>
    <row r="200069" spans="8:8">
      <c r="H200069" s="12"/>
    </row>
    <row r="200070" spans="8:8">
      <c r="H200070" s="12"/>
    </row>
    <row r="200071" spans="8:8">
      <c r="H200071" s="12"/>
    </row>
    <row r="200072" spans="8:8">
      <c r="H200072" s="12"/>
    </row>
    <row r="200073" spans="8:8">
      <c r="H200073" s="12"/>
    </row>
    <row r="200074" spans="8:8">
      <c r="H200074" s="12"/>
    </row>
    <row r="200075" spans="8:8">
      <c r="H200075" s="12"/>
    </row>
    <row r="200076" spans="8:8">
      <c r="H200076" s="12"/>
    </row>
    <row r="200077" spans="8:8">
      <c r="H200077" s="12"/>
    </row>
    <row r="200078" spans="8:8">
      <c r="H200078" s="12"/>
    </row>
    <row r="200079" spans="8:8">
      <c r="H200079" s="12"/>
    </row>
    <row r="200080" spans="8:8">
      <c r="H200080" s="12"/>
    </row>
    <row r="200081" spans="8:8">
      <c r="H200081" s="12"/>
    </row>
    <row r="200082" spans="8:8">
      <c r="H200082" s="12"/>
    </row>
    <row r="200083" spans="8:8">
      <c r="H200083" s="12"/>
    </row>
    <row r="200084" spans="8:8">
      <c r="H200084" s="12"/>
    </row>
    <row r="200085" spans="8:8">
      <c r="H200085" s="12"/>
    </row>
    <row r="200086" spans="8:8">
      <c r="H200086" s="12"/>
    </row>
    <row r="200087" spans="8:8">
      <c r="H200087" s="12"/>
    </row>
    <row r="200088" spans="8:8">
      <c r="H200088" s="12"/>
    </row>
    <row r="200089" spans="8:8">
      <c r="H200089" s="12"/>
    </row>
    <row r="200090" spans="8:8">
      <c r="H200090" s="12"/>
    </row>
    <row r="200091" spans="8:8">
      <c r="H200091" s="12"/>
    </row>
    <row r="200092" spans="8:8">
      <c r="H200092" s="12"/>
    </row>
    <row r="200093" spans="8:8">
      <c r="H200093" s="12"/>
    </row>
    <row r="200094" spans="8:8">
      <c r="H200094" s="12"/>
    </row>
    <row r="200095" spans="8:8">
      <c r="H200095" s="12"/>
    </row>
    <row r="200096" spans="8:8">
      <c r="H200096" s="12"/>
    </row>
    <row r="200097" spans="8:8">
      <c r="H200097" s="12"/>
    </row>
    <row r="200098" spans="8:8">
      <c r="H200098" s="12"/>
    </row>
    <row r="200099" spans="8:8">
      <c r="H200099" s="12"/>
    </row>
    <row r="200100" spans="8:8">
      <c r="H200100" s="12"/>
    </row>
    <row r="200101" spans="8:8">
      <c r="H200101" s="12"/>
    </row>
    <row r="200102" spans="8:8">
      <c r="H200102" s="12"/>
    </row>
    <row r="200103" spans="8:8">
      <c r="H200103" s="12"/>
    </row>
    <row r="200104" spans="8:8">
      <c r="H200104" s="12"/>
    </row>
    <row r="200105" spans="8:8">
      <c r="H200105" s="12"/>
    </row>
    <row r="200106" spans="8:8">
      <c r="H200106" s="12"/>
    </row>
    <row r="200107" spans="8:8">
      <c r="H200107" s="12"/>
    </row>
    <row r="200108" spans="8:8">
      <c r="H200108" s="12"/>
    </row>
    <row r="200109" spans="8:8">
      <c r="H200109" s="12"/>
    </row>
    <row r="200110" spans="8:8">
      <c r="H200110" s="12"/>
    </row>
    <row r="200111" spans="8:8">
      <c r="H200111" s="12"/>
    </row>
    <row r="200112" spans="8:8">
      <c r="H200112" s="12"/>
    </row>
    <row r="200113" spans="8:8">
      <c r="H200113" s="12"/>
    </row>
    <row r="200114" spans="8:8">
      <c r="H200114" s="12"/>
    </row>
    <row r="200115" spans="8:8">
      <c r="H200115" s="12"/>
    </row>
    <row r="200116" spans="8:8">
      <c r="H200116" s="12"/>
    </row>
    <row r="200117" spans="8:8">
      <c r="H200117" s="12"/>
    </row>
    <row r="200118" spans="8:8">
      <c r="H200118" s="12"/>
    </row>
    <row r="200119" spans="8:8">
      <c r="H200119" s="12"/>
    </row>
    <row r="200120" spans="8:8">
      <c r="H200120" s="12"/>
    </row>
    <row r="200121" spans="8:8">
      <c r="H200121" s="12"/>
    </row>
    <row r="200122" spans="8:8">
      <c r="H200122" s="12"/>
    </row>
    <row r="200123" spans="8:8">
      <c r="H200123" s="12"/>
    </row>
    <row r="200124" spans="8:8">
      <c r="H200124" s="12"/>
    </row>
    <row r="200125" spans="8:8">
      <c r="H200125" s="12"/>
    </row>
    <row r="200126" spans="8:8">
      <c r="H200126" s="12"/>
    </row>
    <row r="200127" spans="8:8">
      <c r="H200127" s="12"/>
    </row>
    <row r="200128" spans="8:8">
      <c r="H200128" s="12"/>
    </row>
    <row r="200129" spans="8:8">
      <c r="H200129" s="12"/>
    </row>
    <row r="200130" spans="8:8">
      <c r="H200130" s="12"/>
    </row>
    <row r="200131" spans="8:8">
      <c r="H200131" s="12"/>
    </row>
    <row r="200132" spans="8:8">
      <c r="H200132" s="12"/>
    </row>
    <row r="200133" spans="8:8">
      <c r="H200133" s="12"/>
    </row>
    <row r="200134" spans="8:8">
      <c r="H200134" s="12"/>
    </row>
    <row r="200135" spans="8:8">
      <c r="H200135" s="12"/>
    </row>
    <row r="200136" spans="8:8">
      <c r="H200136" s="12"/>
    </row>
    <row r="200137" spans="8:8">
      <c r="H200137" s="12"/>
    </row>
    <row r="200138" spans="8:8">
      <c r="H200138" s="12"/>
    </row>
    <row r="200139" spans="8:8">
      <c r="H200139" s="12"/>
    </row>
    <row r="200140" spans="8:8">
      <c r="H200140" s="12"/>
    </row>
    <row r="200141" spans="8:8">
      <c r="H200141" s="12"/>
    </row>
    <row r="200142" spans="8:8">
      <c r="H200142" s="12"/>
    </row>
    <row r="200143" spans="8:8">
      <c r="H200143" s="12"/>
    </row>
    <row r="200144" spans="8:8">
      <c r="H200144" s="12"/>
    </row>
    <row r="200145" spans="8:8">
      <c r="H200145" s="12"/>
    </row>
    <row r="200146" spans="8:8">
      <c r="H200146" s="12"/>
    </row>
    <row r="200147" spans="8:8">
      <c r="H200147" s="12"/>
    </row>
    <row r="200148" spans="8:8">
      <c r="H200148" s="12"/>
    </row>
    <row r="200149" spans="8:8">
      <c r="H200149" s="12"/>
    </row>
    <row r="200150" spans="8:8">
      <c r="H200150" s="12"/>
    </row>
    <row r="200151" spans="8:8">
      <c r="H200151" s="12"/>
    </row>
    <row r="200152" spans="8:8">
      <c r="H200152" s="12"/>
    </row>
    <row r="200153" spans="8:8">
      <c r="H200153" s="12"/>
    </row>
    <row r="200154" spans="8:8">
      <c r="H200154" s="12"/>
    </row>
    <row r="200155" spans="8:8">
      <c r="H200155" s="12"/>
    </row>
    <row r="200156" spans="8:8">
      <c r="H200156" s="12"/>
    </row>
    <row r="200157" spans="8:8">
      <c r="H200157" s="12"/>
    </row>
    <row r="200158" spans="8:8">
      <c r="H200158" s="12"/>
    </row>
    <row r="200159" spans="8:8">
      <c r="H200159" s="12"/>
    </row>
    <row r="200160" spans="8:8">
      <c r="H200160" s="12"/>
    </row>
    <row r="200161" spans="8:8">
      <c r="H200161" s="12"/>
    </row>
    <row r="200162" spans="8:8">
      <c r="H200162" s="12"/>
    </row>
    <row r="200163" spans="8:8">
      <c r="H200163" s="12"/>
    </row>
    <row r="200164" spans="8:8">
      <c r="H200164" s="12"/>
    </row>
    <row r="200165" spans="8:8">
      <c r="H200165" s="12"/>
    </row>
    <row r="200166" spans="8:8">
      <c r="H200166" s="12"/>
    </row>
    <row r="200167" spans="8:8">
      <c r="H200167" s="12"/>
    </row>
    <row r="200168" spans="8:8">
      <c r="H200168" s="12"/>
    </row>
    <row r="200169" spans="8:8">
      <c r="H200169" s="12"/>
    </row>
    <row r="200170" spans="8:8">
      <c r="H200170" s="12"/>
    </row>
    <row r="200171" spans="8:8">
      <c r="H200171" s="12"/>
    </row>
    <row r="200172" spans="8:8">
      <c r="H200172" s="12"/>
    </row>
    <row r="200173" spans="8:8">
      <c r="H200173" s="12"/>
    </row>
    <row r="200174" spans="8:8">
      <c r="H200174" s="12"/>
    </row>
    <row r="200175" spans="8:8">
      <c r="H200175" s="12"/>
    </row>
    <row r="200176" spans="8:8">
      <c r="H200176" s="12"/>
    </row>
    <row r="200177" spans="8:8">
      <c r="H200177" s="12"/>
    </row>
    <row r="200178" spans="8:8">
      <c r="H200178" s="12"/>
    </row>
    <row r="200179" spans="8:8">
      <c r="H200179" s="12"/>
    </row>
    <row r="200180" spans="8:8">
      <c r="H200180" s="12"/>
    </row>
    <row r="200181" spans="8:8">
      <c r="H200181" s="12"/>
    </row>
    <row r="200182" spans="8:8">
      <c r="H200182" s="12"/>
    </row>
    <row r="200183" spans="8:8">
      <c r="H200183" s="12"/>
    </row>
    <row r="200184" spans="8:8">
      <c r="H200184" s="12"/>
    </row>
    <row r="200185" spans="8:8">
      <c r="H200185" s="12"/>
    </row>
    <row r="200186" spans="8:8">
      <c r="H200186" s="12"/>
    </row>
    <row r="200187" spans="8:8">
      <c r="H200187" s="12"/>
    </row>
    <row r="200188" spans="8:8">
      <c r="H200188" s="12"/>
    </row>
    <row r="200189" spans="8:8">
      <c r="H200189" s="12"/>
    </row>
    <row r="200190" spans="8:8">
      <c r="H200190" s="12"/>
    </row>
    <row r="200191" spans="8:8">
      <c r="H200191" s="12"/>
    </row>
    <row r="200192" spans="8:8">
      <c r="H200192" s="12"/>
    </row>
    <row r="200193" spans="8:8">
      <c r="H200193" s="12"/>
    </row>
    <row r="200194" spans="8:8">
      <c r="H200194" s="12"/>
    </row>
    <row r="200195" spans="8:8">
      <c r="H200195" s="12"/>
    </row>
    <row r="200196" spans="8:8">
      <c r="H200196" s="12"/>
    </row>
    <row r="200197" spans="8:8">
      <c r="H200197" s="12"/>
    </row>
    <row r="200198" spans="8:8">
      <c r="H200198" s="12"/>
    </row>
    <row r="200199" spans="8:8">
      <c r="H200199" s="12"/>
    </row>
    <row r="200200" spans="8:8">
      <c r="H200200" s="12"/>
    </row>
    <row r="200201" spans="8:8">
      <c r="H200201" s="12"/>
    </row>
    <row r="200202" spans="8:8">
      <c r="H200202" s="12"/>
    </row>
    <row r="200203" spans="8:8">
      <c r="H200203" s="12"/>
    </row>
    <row r="200204" spans="8:8">
      <c r="H200204" s="12"/>
    </row>
    <row r="200205" spans="8:8">
      <c r="H200205" s="12"/>
    </row>
    <row r="200206" spans="8:8">
      <c r="H200206" s="12"/>
    </row>
    <row r="200207" spans="8:8">
      <c r="H200207" s="12"/>
    </row>
    <row r="200208" spans="8:8">
      <c r="H200208" s="12"/>
    </row>
    <row r="200209" spans="8:8">
      <c r="H200209" s="12"/>
    </row>
    <row r="200210" spans="8:8">
      <c r="H200210" s="12"/>
    </row>
    <row r="200211" spans="8:8">
      <c r="H200211" s="12"/>
    </row>
    <row r="200212" spans="8:8">
      <c r="H200212" s="12"/>
    </row>
    <row r="200213" spans="8:8">
      <c r="H200213" s="12"/>
    </row>
    <row r="200214" spans="8:8">
      <c r="H200214" s="12"/>
    </row>
    <row r="200215" spans="8:8">
      <c r="H200215" s="12"/>
    </row>
    <row r="200216" spans="8:8">
      <c r="H200216" s="12"/>
    </row>
    <row r="200217" spans="8:8">
      <c r="H200217" s="12"/>
    </row>
    <row r="200218" spans="8:8">
      <c r="H200218" s="12"/>
    </row>
    <row r="200219" spans="8:8">
      <c r="H200219" s="12"/>
    </row>
    <row r="200220" spans="8:8">
      <c r="H200220" s="12"/>
    </row>
    <row r="200221" spans="8:8">
      <c r="H200221" s="12"/>
    </row>
    <row r="200222" spans="8:8">
      <c r="H200222" s="12"/>
    </row>
    <row r="200223" spans="8:8">
      <c r="H200223" s="12"/>
    </row>
    <row r="200224" spans="8:8">
      <c r="H200224" s="12"/>
    </row>
    <row r="200225" spans="8:8">
      <c r="H200225" s="12"/>
    </row>
    <row r="200226" spans="8:8">
      <c r="H200226" s="12"/>
    </row>
    <row r="200227" spans="8:8">
      <c r="H200227" s="12"/>
    </row>
    <row r="200228" spans="8:8">
      <c r="H200228" s="12"/>
    </row>
    <row r="200229" spans="8:8">
      <c r="H200229" s="12"/>
    </row>
    <row r="200230" spans="8:8">
      <c r="H200230" s="12"/>
    </row>
    <row r="200231" spans="8:8">
      <c r="H200231" s="12"/>
    </row>
    <row r="200232" spans="8:8">
      <c r="H200232" s="12"/>
    </row>
    <row r="200233" spans="8:8">
      <c r="H200233" s="12"/>
    </row>
    <row r="200234" spans="8:8">
      <c r="H200234" s="12"/>
    </row>
    <row r="200235" spans="8:8">
      <c r="H200235" s="12"/>
    </row>
    <row r="200236" spans="8:8">
      <c r="H200236" s="12"/>
    </row>
    <row r="200237" spans="8:8">
      <c r="H200237" s="12"/>
    </row>
    <row r="200238" spans="8:8">
      <c r="H200238" s="12"/>
    </row>
    <row r="200239" spans="8:8">
      <c r="H200239" s="12"/>
    </row>
    <row r="200240" spans="8:8">
      <c r="H200240" s="12"/>
    </row>
    <row r="200241" spans="8:8">
      <c r="H200241" s="12"/>
    </row>
    <row r="200242" spans="8:8">
      <c r="H200242" s="12"/>
    </row>
    <row r="200243" spans="8:8">
      <c r="H200243" s="12"/>
    </row>
    <row r="200244" spans="8:8">
      <c r="H200244" s="12"/>
    </row>
    <row r="200245" spans="8:8">
      <c r="H200245" s="12"/>
    </row>
    <row r="200246" spans="8:8">
      <c r="H200246" s="12"/>
    </row>
    <row r="200247" spans="8:8">
      <c r="H200247" s="12"/>
    </row>
    <row r="200248" spans="8:8">
      <c r="H200248" s="12"/>
    </row>
    <row r="200249" spans="8:8">
      <c r="H200249" s="12"/>
    </row>
    <row r="200250" spans="8:8">
      <c r="H200250" s="12"/>
    </row>
    <row r="200251" spans="8:8">
      <c r="H200251" s="12"/>
    </row>
    <row r="200252" spans="8:8">
      <c r="H200252" s="12"/>
    </row>
    <row r="200253" spans="8:8">
      <c r="H200253" s="12"/>
    </row>
    <row r="200254" spans="8:8">
      <c r="H200254" s="12"/>
    </row>
    <row r="200255" spans="8:8">
      <c r="H200255" s="12"/>
    </row>
    <row r="200256" spans="8:8">
      <c r="H200256" s="12"/>
    </row>
    <row r="200257" spans="8:8">
      <c r="H200257" s="12"/>
    </row>
    <row r="200258" spans="8:8">
      <c r="H200258" s="12"/>
    </row>
    <row r="200259" spans="8:8">
      <c r="H200259" s="12"/>
    </row>
    <row r="200260" spans="8:8">
      <c r="H200260" s="12"/>
    </row>
    <row r="200261" spans="8:8">
      <c r="H200261" s="12"/>
    </row>
    <row r="200262" spans="8:8">
      <c r="H200262" s="12"/>
    </row>
    <row r="200263" spans="8:8">
      <c r="H200263" s="12"/>
    </row>
    <row r="200264" spans="8:8">
      <c r="H200264" s="12"/>
    </row>
    <row r="200265" spans="8:8">
      <c r="H200265" s="12"/>
    </row>
    <row r="200266" spans="8:8">
      <c r="H200266" s="12"/>
    </row>
    <row r="200267" spans="8:8">
      <c r="H200267" s="12"/>
    </row>
    <row r="200268" spans="8:8">
      <c r="H200268" s="12"/>
    </row>
    <row r="200269" spans="8:8">
      <c r="H200269" s="12"/>
    </row>
    <row r="200270" spans="8:8">
      <c r="H200270" s="12"/>
    </row>
    <row r="200271" spans="8:8">
      <c r="H200271" s="12"/>
    </row>
    <row r="200272" spans="8:8">
      <c r="H200272" s="12"/>
    </row>
    <row r="200273" spans="8:8">
      <c r="H200273" s="12"/>
    </row>
    <row r="200274" spans="8:8">
      <c r="H200274" s="12"/>
    </row>
    <row r="200275" spans="8:8">
      <c r="H200275" s="12"/>
    </row>
    <row r="200276" spans="8:8">
      <c r="H200276" s="12"/>
    </row>
    <row r="200277" spans="8:8">
      <c r="H200277" s="12"/>
    </row>
    <row r="200278" spans="8:8">
      <c r="H200278" s="12"/>
    </row>
    <row r="200279" spans="8:8">
      <c r="H200279" s="12"/>
    </row>
    <row r="200280" spans="8:8">
      <c r="H200280" s="12"/>
    </row>
    <row r="200281" spans="8:8">
      <c r="H200281" s="12"/>
    </row>
    <row r="200282" spans="8:8">
      <c r="H200282" s="12"/>
    </row>
    <row r="200283" spans="8:8">
      <c r="H200283" s="12"/>
    </row>
    <row r="200284" spans="8:8">
      <c r="H200284" s="12"/>
    </row>
    <row r="200285" spans="8:8">
      <c r="H200285" s="12"/>
    </row>
    <row r="200286" spans="8:8">
      <c r="H200286" s="12"/>
    </row>
    <row r="200287" spans="8:8">
      <c r="H200287" s="12"/>
    </row>
    <row r="200288" spans="8:8">
      <c r="H200288" s="12"/>
    </row>
    <row r="200289" spans="8:8">
      <c r="H200289" s="12"/>
    </row>
    <row r="200290" spans="8:8">
      <c r="H200290" s="12"/>
    </row>
    <row r="200291" spans="8:8">
      <c r="H200291" s="12"/>
    </row>
    <row r="200292" spans="8:8">
      <c r="H200292" s="12"/>
    </row>
    <row r="200293" spans="8:8">
      <c r="H200293" s="12"/>
    </row>
    <row r="200294" spans="8:8">
      <c r="H200294" s="12"/>
    </row>
    <row r="200295" spans="8:8">
      <c r="H200295" s="12"/>
    </row>
    <row r="200296" spans="8:8">
      <c r="H200296" s="12"/>
    </row>
    <row r="200297" spans="8:8">
      <c r="H200297" s="12"/>
    </row>
    <row r="200298" spans="8:8">
      <c r="H200298" s="12"/>
    </row>
    <row r="200299" spans="8:8">
      <c r="H200299" s="12"/>
    </row>
    <row r="200300" spans="8:8">
      <c r="H200300" s="12"/>
    </row>
    <row r="200301" spans="8:8">
      <c r="H200301" s="12"/>
    </row>
    <row r="200302" spans="8:8">
      <c r="H200302" s="12"/>
    </row>
    <row r="200303" spans="8:8">
      <c r="H200303" s="12"/>
    </row>
    <row r="200304" spans="8:8">
      <c r="H200304" s="12"/>
    </row>
    <row r="200305" spans="8:8">
      <c r="H200305" s="12"/>
    </row>
    <row r="200306" spans="8:8">
      <c r="H200306" s="12"/>
    </row>
    <row r="200307" spans="8:8">
      <c r="H200307" s="12"/>
    </row>
    <row r="200308" spans="8:8">
      <c r="H200308" s="12"/>
    </row>
    <row r="200309" spans="8:8">
      <c r="H200309" s="12"/>
    </row>
    <row r="200310" spans="8:8">
      <c r="H200310" s="12"/>
    </row>
    <row r="200311" spans="8:8">
      <c r="H200311" s="12"/>
    </row>
    <row r="200312" spans="8:8">
      <c r="H200312" s="12"/>
    </row>
    <row r="200313" spans="8:8">
      <c r="H200313" s="12"/>
    </row>
    <row r="200314" spans="8:8">
      <c r="H200314" s="12"/>
    </row>
    <row r="200315" spans="8:8">
      <c r="H200315" s="12"/>
    </row>
    <row r="200316" spans="8:8">
      <c r="H200316" s="12"/>
    </row>
    <row r="200317" spans="8:8">
      <c r="H200317" s="12"/>
    </row>
    <row r="200318" spans="8:8">
      <c r="H200318" s="12"/>
    </row>
    <row r="200319" spans="8:8">
      <c r="H200319" s="12"/>
    </row>
    <row r="200320" spans="8:8">
      <c r="H200320" s="12"/>
    </row>
    <row r="200321" spans="8:8">
      <c r="H200321" s="12"/>
    </row>
    <row r="200322" spans="8:8">
      <c r="H200322" s="12"/>
    </row>
    <row r="200323" spans="8:8">
      <c r="H200323" s="12"/>
    </row>
    <row r="200324" spans="8:8">
      <c r="H200324" s="12"/>
    </row>
    <row r="200325" spans="8:8">
      <c r="H200325" s="12"/>
    </row>
    <row r="200326" spans="8:8">
      <c r="H200326" s="12"/>
    </row>
    <row r="200327" spans="8:8">
      <c r="H200327" s="12"/>
    </row>
    <row r="200328" spans="8:8">
      <c r="H200328" s="12"/>
    </row>
    <row r="200329" spans="8:8">
      <c r="H200329" s="12"/>
    </row>
    <row r="200330" spans="8:8">
      <c r="H200330" s="12"/>
    </row>
    <row r="200331" spans="8:8">
      <c r="H200331" s="12"/>
    </row>
    <row r="200332" spans="8:8">
      <c r="H200332" s="12"/>
    </row>
    <row r="200333" spans="8:8">
      <c r="H200333" s="12"/>
    </row>
    <row r="200334" spans="8:8">
      <c r="H200334" s="12"/>
    </row>
    <row r="200335" spans="8:8">
      <c r="H200335" s="12"/>
    </row>
    <row r="200336" spans="8:8">
      <c r="H200336" s="12"/>
    </row>
    <row r="200337" spans="8:8">
      <c r="H200337" s="12"/>
    </row>
    <row r="200338" spans="8:8">
      <c r="H200338" s="12"/>
    </row>
    <row r="200339" spans="8:8">
      <c r="H200339" s="12"/>
    </row>
    <row r="200340" spans="8:8">
      <c r="H200340" s="12"/>
    </row>
    <row r="200341" spans="8:8">
      <c r="H200341" s="12"/>
    </row>
    <row r="200342" spans="8:8">
      <c r="H200342" s="12"/>
    </row>
    <row r="200343" spans="8:8">
      <c r="H200343" s="12"/>
    </row>
    <row r="200344" spans="8:8">
      <c r="H200344" s="12"/>
    </row>
    <row r="200345" spans="8:8">
      <c r="H200345" s="12"/>
    </row>
    <row r="200346" spans="8:8">
      <c r="H200346" s="12"/>
    </row>
    <row r="200347" spans="8:8">
      <c r="H200347" s="12"/>
    </row>
    <row r="200348" spans="8:8">
      <c r="H200348" s="12"/>
    </row>
    <row r="200349" spans="8:8">
      <c r="H200349" s="12"/>
    </row>
    <row r="200350" spans="8:8">
      <c r="H200350" s="12"/>
    </row>
    <row r="200351" spans="8:8">
      <c r="H200351" s="12"/>
    </row>
    <row r="200352" spans="8:8">
      <c r="H200352" s="12"/>
    </row>
    <row r="200353" spans="8:8">
      <c r="H200353" s="12"/>
    </row>
    <row r="200354" spans="8:8">
      <c r="H200354" s="12"/>
    </row>
    <row r="200355" spans="8:8">
      <c r="H200355" s="12"/>
    </row>
    <row r="200356" spans="8:8">
      <c r="H200356" s="12"/>
    </row>
    <row r="200357" spans="8:8">
      <c r="H200357" s="12"/>
    </row>
    <row r="200358" spans="8:8">
      <c r="H200358" s="12"/>
    </row>
    <row r="200359" spans="8:8">
      <c r="H200359" s="12"/>
    </row>
    <row r="200360" spans="8:8">
      <c r="H200360" s="12"/>
    </row>
    <row r="200361" spans="8:8">
      <c r="H200361" s="12"/>
    </row>
    <row r="200362" spans="8:8">
      <c r="H200362" s="12"/>
    </row>
    <row r="200363" spans="8:8">
      <c r="H200363" s="12"/>
    </row>
    <row r="200364" spans="8:8">
      <c r="H200364" s="12"/>
    </row>
    <row r="200365" spans="8:8">
      <c r="H200365" s="12"/>
    </row>
    <row r="200366" spans="8:8">
      <c r="H200366" s="12"/>
    </row>
    <row r="200367" spans="8:8">
      <c r="H200367" s="12"/>
    </row>
    <row r="200368" spans="8:8">
      <c r="H200368" s="12"/>
    </row>
    <row r="200369" spans="8:8">
      <c r="H200369" s="12"/>
    </row>
    <row r="200370" spans="8:8">
      <c r="H200370" s="12"/>
    </row>
    <row r="200371" spans="8:8">
      <c r="H200371" s="12"/>
    </row>
    <row r="200372" spans="8:8">
      <c r="H200372" s="12"/>
    </row>
    <row r="200373" spans="8:8">
      <c r="H200373" s="12"/>
    </row>
    <row r="200374" spans="8:8">
      <c r="H200374" s="12"/>
    </row>
    <row r="200375" spans="8:8">
      <c r="H200375" s="12"/>
    </row>
    <row r="200376" spans="8:8">
      <c r="H200376" s="12"/>
    </row>
    <row r="200377" spans="8:8">
      <c r="H200377" s="12"/>
    </row>
    <row r="200378" spans="8:8">
      <c r="H200378" s="12"/>
    </row>
    <row r="200379" spans="8:8">
      <c r="H200379" s="12"/>
    </row>
    <row r="200380" spans="8:8">
      <c r="H200380" s="12"/>
    </row>
    <row r="200381" spans="8:8">
      <c r="H200381" s="12"/>
    </row>
    <row r="200382" spans="8:8">
      <c r="H200382" s="12"/>
    </row>
    <row r="200383" spans="8:8">
      <c r="H200383" s="12"/>
    </row>
    <row r="200384" spans="8:8">
      <c r="H200384" s="12"/>
    </row>
    <row r="200385" spans="8:8">
      <c r="H200385" s="12"/>
    </row>
    <row r="200386" spans="8:8">
      <c r="H200386" s="12"/>
    </row>
    <row r="200387" spans="8:8">
      <c r="H200387" s="12"/>
    </row>
    <row r="200388" spans="8:8">
      <c r="H200388" s="12"/>
    </row>
    <row r="200389" spans="8:8">
      <c r="H200389" s="12"/>
    </row>
    <row r="200390" spans="8:8">
      <c r="H200390" s="12"/>
    </row>
    <row r="200391" spans="8:8">
      <c r="H200391" s="12"/>
    </row>
    <row r="200392" spans="8:8">
      <c r="H200392" s="12"/>
    </row>
    <row r="200393" spans="8:8">
      <c r="H200393" s="12"/>
    </row>
    <row r="200394" spans="8:8">
      <c r="H200394" s="12"/>
    </row>
    <row r="200395" spans="8:8">
      <c r="H200395" s="12"/>
    </row>
    <row r="200396" spans="8:8">
      <c r="H200396" s="12"/>
    </row>
    <row r="200397" spans="8:8">
      <c r="H200397" s="12"/>
    </row>
    <row r="200398" spans="8:8">
      <c r="H200398" s="12"/>
    </row>
    <row r="200399" spans="8:8">
      <c r="H200399" s="12"/>
    </row>
    <row r="200400" spans="8:8">
      <c r="H200400" s="12"/>
    </row>
    <row r="200401" spans="8:8">
      <c r="H200401" s="12"/>
    </row>
    <row r="200402" spans="8:8">
      <c r="H200402" s="12"/>
    </row>
    <row r="200403" spans="8:8">
      <c r="H200403" s="12"/>
    </row>
    <row r="200404" spans="8:8">
      <c r="H200404" s="12"/>
    </row>
    <row r="200405" spans="8:8">
      <c r="H200405" s="12"/>
    </row>
    <row r="200406" spans="8:8">
      <c r="H200406" s="12"/>
    </row>
    <row r="200407" spans="8:8">
      <c r="H200407" s="12"/>
    </row>
    <row r="200408" spans="8:8">
      <c r="H200408" s="12"/>
    </row>
    <row r="200409" spans="8:8">
      <c r="H200409" s="12"/>
    </row>
    <row r="200410" spans="8:8">
      <c r="H200410" s="12"/>
    </row>
    <row r="200411" spans="8:8">
      <c r="H200411" s="12"/>
    </row>
    <row r="200412" spans="8:8">
      <c r="H200412" s="12"/>
    </row>
    <row r="200413" spans="8:8">
      <c r="H200413" s="12"/>
    </row>
    <row r="200414" spans="8:8">
      <c r="H200414" s="12"/>
    </row>
    <row r="200415" spans="8:8">
      <c r="H200415" s="12"/>
    </row>
    <row r="200416" spans="8:8">
      <c r="H200416" s="12"/>
    </row>
    <row r="200417" spans="8:8">
      <c r="H200417" s="12"/>
    </row>
    <row r="200418" spans="8:8">
      <c r="H200418" s="12"/>
    </row>
    <row r="200419" spans="8:8">
      <c r="H200419" s="12"/>
    </row>
    <row r="200420" spans="8:8">
      <c r="H200420" s="12"/>
    </row>
    <row r="200421" spans="8:8">
      <c r="H200421" s="12"/>
    </row>
    <row r="200422" spans="8:8">
      <c r="H200422" s="12"/>
    </row>
    <row r="200423" spans="8:8">
      <c r="H200423" s="12"/>
    </row>
    <row r="200424" spans="8:8">
      <c r="H200424" s="12"/>
    </row>
    <row r="200425" spans="8:8">
      <c r="H200425" s="12"/>
    </row>
    <row r="200426" spans="8:8">
      <c r="H200426" s="12"/>
    </row>
    <row r="200427" spans="8:8">
      <c r="H200427" s="12"/>
    </row>
    <row r="200428" spans="8:8">
      <c r="H200428" s="12"/>
    </row>
    <row r="200429" spans="8:8">
      <c r="H200429" s="12"/>
    </row>
    <row r="200430" spans="8:8">
      <c r="H200430" s="12"/>
    </row>
    <row r="200431" spans="8:8">
      <c r="H200431" s="12"/>
    </row>
    <row r="200432" spans="8:8">
      <c r="H200432" s="12"/>
    </row>
    <row r="200433" spans="8:8">
      <c r="H200433" s="12"/>
    </row>
    <row r="200434" spans="8:8">
      <c r="H200434" s="12"/>
    </row>
    <row r="200435" spans="8:8">
      <c r="H200435" s="12"/>
    </row>
    <row r="200436" spans="8:8">
      <c r="H200436" s="12"/>
    </row>
    <row r="200437" spans="8:8">
      <c r="H200437" s="12"/>
    </row>
    <row r="200438" spans="8:8">
      <c r="H200438" s="12"/>
    </row>
    <row r="200439" spans="8:8">
      <c r="H200439" s="12"/>
    </row>
    <row r="200440" spans="8:8">
      <c r="H200440" s="12"/>
    </row>
    <row r="200441" spans="8:8">
      <c r="H200441" s="12"/>
    </row>
    <row r="200442" spans="8:8">
      <c r="H200442" s="12"/>
    </row>
    <row r="200443" spans="8:8">
      <c r="H200443" s="12"/>
    </row>
    <row r="200444" spans="8:8">
      <c r="H200444" s="12"/>
    </row>
    <row r="200445" spans="8:8">
      <c r="H200445" s="12"/>
    </row>
    <row r="200446" spans="8:8">
      <c r="H200446" s="12"/>
    </row>
    <row r="200447" spans="8:8">
      <c r="H200447" s="12"/>
    </row>
    <row r="200448" spans="8:8">
      <c r="H200448" s="12"/>
    </row>
    <row r="200449" spans="8:8">
      <c r="H200449" s="12"/>
    </row>
    <row r="200450" spans="8:8">
      <c r="H200450" s="12"/>
    </row>
    <row r="200451" spans="8:8">
      <c r="H200451" s="12"/>
    </row>
    <row r="200452" spans="8:8">
      <c r="H200452" s="12"/>
    </row>
    <row r="200453" spans="8:8">
      <c r="H200453" s="12"/>
    </row>
    <row r="200454" spans="8:8">
      <c r="H200454" s="12"/>
    </row>
    <row r="200455" spans="8:8">
      <c r="H200455" s="12"/>
    </row>
    <row r="200456" spans="8:8">
      <c r="H200456" s="12"/>
    </row>
    <row r="200457" spans="8:8">
      <c r="H200457" s="12"/>
    </row>
    <row r="200458" spans="8:8">
      <c r="H200458" s="12"/>
    </row>
    <row r="200459" spans="8:8">
      <c r="H200459" s="12"/>
    </row>
    <row r="200460" spans="8:8">
      <c r="H200460" s="12"/>
    </row>
    <row r="200461" spans="8:8">
      <c r="H200461" s="12"/>
    </row>
    <row r="200462" spans="8:8">
      <c r="H200462" s="12"/>
    </row>
    <row r="200463" spans="8:8">
      <c r="H200463" s="12"/>
    </row>
    <row r="200464" spans="8:8">
      <c r="H200464" s="12"/>
    </row>
    <row r="200465" spans="8:8">
      <c r="H200465" s="12"/>
    </row>
    <row r="200466" spans="8:8">
      <c r="H200466" s="12"/>
    </row>
    <row r="200467" spans="8:8">
      <c r="H200467" s="12"/>
    </row>
    <row r="200468" spans="8:8">
      <c r="H200468" s="12"/>
    </row>
    <row r="200469" spans="8:8">
      <c r="H200469" s="12"/>
    </row>
    <row r="200470" spans="8:8">
      <c r="H200470" s="12"/>
    </row>
    <row r="200471" spans="8:8">
      <c r="H200471" s="12"/>
    </row>
    <row r="200472" spans="8:8">
      <c r="H200472" s="12"/>
    </row>
    <row r="200473" spans="8:8">
      <c r="H200473" s="12"/>
    </row>
    <row r="200474" spans="8:8">
      <c r="H200474" s="12"/>
    </row>
    <row r="200475" spans="8:8">
      <c r="H200475" s="12"/>
    </row>
    <row r="200476" spans="8:8">
      <c r="H200476" s="12"/>
    </row>
    <row r="200477" spans="8:8">
      <c r="H200477" s="12"/>
    </row>
    <row r="200478" spans="8:8">
      <c r="H200478" s="12"/>
    </row>
    <row r="200479" spans="8:8">
      <c r="H200479" s="12"/>
    </row>
    <row r="200480" spans="8:8">
      <c r="H200480" s="12"/>
    </row>
    <row r="200481" spans="8:8">
      <c r="H200481" s="12"/>
    </row>
    <row r="200482" spans="8:8">
      <c r="H200482" s="12"/>
    </row>
    <row r="200483" spans="8:8">
      <c r="H200483" s="12"/>
    </row>
    <row r="200484" spans="8:8">
      <c r="H200484" s="12"/>
    </row>
    <row r="200485" spans="8:8">
      <c r="H200485" s="12"/>
    </row>
    <row r="200486" spans="8:8">
      <c r="H200486" s="12"/>
    </row>
    <row r="200487" spans="8:8">
      <c r="H200487" s="12"/>
    </row>
    <row r="200488" spans="8:8">
      <c r="H200488" s="12"/>
    </row>
    <row r="200489" spans="8:8">
      <c r="H200489" s="12"/>
    </row>
    <row r="200490" spans="8:8">
      <c r="H200490" s="12"/>
    </row>
    <row r="200491" spans="8:8">
      <c r="H200491" s="12"/>
    </row>
    <row r="200492" spans="8:8">
      <c r="H200492" s="12"/>
    </row>
    <row r="200493" spans="8:8">
      <c r="H200493" s="12"/>
    </row>
    <row r="200494" spans="8:8">
      <c r="H200494" s="12"/>
    </row>
    <row r="200495" spans="8:8">
      <c r="H200495" s="12"/>
    </row>
    <row r="200496" spans="8:8">
      <c r="H200496" s="12"/>
    </row>
    <row r="200497" spans="8:8">
      <c r="H200497" s="12"/>
    </row>
    <row r="200498" spans="8:8">
      <c r="H200498" s="12"/>
    </row>
    <row r="200499" spans="8:8">
      <c r="H200499" s="12"/>
    </row>
    <row r="200500" spans="8:8">
      <c r="H200500" s="12"/>
    </row>
    <row r="200501" spans="8:8">
      <c r="H200501" s="12"/>
    </row>
    <row r="200502" spans="8:8">
      <c r="H200502" s="12"/>
    </row>
    <row r="200503" spans="8:8">
      <c r="H200503" s="12"/>
    </row>
    <row r="200504" spans="8:8">
      <c r="H200504" s="12"/>
    </row>
    <row r="200505" spans="8:8">
      <c r="H200505" s="12"/>
    </row>
    <row r="200506" spans="8:8">
      <c r="H200506" s="12"/>
    </row>
    <row r="200507" spans="8:8">
      <c r="H200507" s="12"/>
    </row>
    <row r="200508" spans="8:8">
      <c r="H200508" s="12"/>
    </row>
    <row r="200509" spans="8:8">
      <c r="H200509" s="12"/>
    </row>
    <row r="200510" spans="8:8">
      <c r="H200510" s="12"/>
    </row>
    <row r="200511" spans="8:8">
      <c r="H200511" s="12"/>
    </row>
    <row r="200512" spans="8:8">
      <c r="H200512" s="12"/>
    </row>
    <row r="200513" spans="8:8">
      <c r="H200513" s="12"/>
    </row>
    <row r="200514" spans="8:8">
      <c r="H200514" s="12"/>
    </row>
    <row r="200515" spans="8:8">
      <c r="H200515" s="12"/>
    </row>
    <row r="200516" spans="8:8">
      <c r="H200516" s="12"/>
    </row>
    <row r="200517" spans="8:8">
      <c r="H200517" s="12"/>
    </row>
    <row r="200518" spans="8:8">
      <c r="H200518" s="12"/>
    </row>
    <row r="200519" spans="8:8">
      <c r="H200519" s="12"/>
    </row>
    <row r="200520" spans="8:8">
      <c r="H200520" s="12"/>
    </row>
    <row r="200521" spans="8:8">
      <c r="H200521" s="12"/>
    </row>
    <row r="200522" spans="8:8">
      <c r="H200522" s="12"/>
    </row>
    <row r="200523" spans="8:8">
      <c r="H200523" s="12"/>
    </row>
    <row r="200524" spans="8:8">
      <c r="H200524" s="12"/>
    </row>
    <row r="200525" spans="8:8">
      <c r="H200525" s="12"/>
    </row>
    <row r="200526" spans="8:8">
      <c r="H200526" s="12"/>
    </row>
    <row r="200527" spans="8:8">
      <c r="H200527" s="12"/>
    </row>
    <row r="200528" spans="8:8">
      <c r="H200528" s="12"/>
    </row>
    <row r="200529" spans="8:8">
      <c r="H200529" s="12"/>
    </row>
    <row r="200530" spans="8:8">
      <c r="H200530" s="12"/>
    </row>
    <row r="200531" spans="8:8">
      <c r="H200531" s="12"/>
    </row>
    <row r="200532" spans="8:8">
      <c r="H200532" s="12"/>
    </row>
    <row r="200533" spans="8:8">
      <c r="H200533" s="12"/>
    </row>
    <row r="200534" spans="8:8">
      <c r="H200534" s="12"/>
    </row>
    <row r="200535" spans="8:8">
      <c r="H200535" s="12"/>
    </row>
    <row r="200536" spans="8:8">
      <c r="H200536" s="12"/>
    </row>
    <row r="200537" spans="8:8">
      <c r="H200537" s="12"/>
    </row>
    <row r="200538" spans="8:8">
      <c r="H200538" s="12"/>
    </row>
    <row r="200539" spans="8:8">
      <c r="H200539" s="12"/>
    </row>
    <row r="200540" spans="8:8">
      <c r="H200540" s="12"/>
    </row>
    <row r="200541" spans="8:8">
      <c r="H200541" s="12"/>
    </row>
    <row r="200542" spans="8:8">
      <c r="H200542" s="12"/>
    </row>
    <row r="200543" spans="8:8">
      <c r="H200543" s="12"/>
    </row>
    <row r="200544" spans="8:8">
      <c r="H200544" s="12"/>
    </row>
    <row r="200545" spans="8:8">
      <c r="H200545" s="12"/>
    </row>
    <row r="200546" spans="8:8">
      <c r="H200546" s="12"/>
    </row>
    <row r="200547" spans="8:8">
      <c r="H200547" s="12"/>
    </row>
    <row r="200548" spans="8:8">
      <c r="H200548" s="12"/>
    </row>
    <row r="200549" spans="8:8">
      <c r="H200549" s="12"/>
    </row>
    <row r="200550" spans="8:8">
      <c r="H200550" s="12"/>
    </row>
    <row r="200551" spans="8:8">
      <c r="H200551" s="12"/>
    </row>
    <row r="200552" spans="8:8">
      <c r="H200552" s="12"/>
    </row>
    <row r="200553" spans="8:8">
      <c r="H200553" s="12"/>
    </row>
    <row r="200554" spans="8:8">
      <c r="H200554" s="12"/>
    </row>
    <row r="200555" spans="8:8">
      <c r="H200555" s="12"/>
    </row>
    <row r="200556" spans="8:8">
      <c r="H200556" s="12"/>
    </row>
    <row r="200557" spans="8:8">
      <c r="H200557" s="12"/>
    </row>
    <row r="200558" spans="8:8">
      <c r="H200558" s="12"/>
    </row>
    <row r="200559" spans="8:8">
      <c r="H200559" s="12"/>
    </row>
    <row r="200560" spans="8:8">
      <c r="H200560" s="12"/>
    </row>
    <row r="200561" spans="8:8">
      <c r="H200561" s="12"/>
    </row>
    <row r="200562" spans="8:8">
      <c r="H200562" s="12"/>
    </row>
    <row r="200563" spans="8:8">
      <c r="H200563" s="12"/>
    </row>
    <row r="200564" spans="8:8">
      <c r="H200564" s="12"/>
    </row>
    <row r="200565" spans="8:8">
      <c r="H200565" s="12"/>
    </row>
    <row r="200566" spans="8:8">
      <c r="H200566" s="12"/>
    </row>
    <row r="200567" spans="8:8">
      <c r="H200567" s="12"/>
    </row>
    <row r="200568" spans="8:8">
      <c r="H200568" s="12"/>
    </row>
    <row r="200569" spans="8:8">
      <c r="H200569" s="12"/>
    </row>
    <row r="200570" spans="8:8">
      <c r="H200570" s="12"/>
    </row>
    <row r="200571" spans="8:8">
      <c r="H200571" s="12"/>
    </row>
    <row r="200572" spans="8:8">
      <c r="H200572" s="12"/>
    </row>
    <row r="200573" spans="8:8">
      <c r="H200573" s="12"/>
    </row>
    <row r="200574" spans="8:8">
      <c r="H200574" s="12"/>
    </row>
    <row r="200575" spans="8:8">
      <c r="H200575" s="12"/>
    </row>
    <row r="200576" spans="8:8">
      <c r="H200576" s="12"/>
    </row>
    <row r="200577" spans="8:8">
      <c r="H200577" s="12"/>
    </row>
    <row r="200578" spans="8:8">
      <c r="H200578" s="12"/>
    </row>
    <row r="200579" spans="8:8">
      <c r="H200579" s="12"/>
    </row>
    <row r="200580" spans="8:8">
      <c r="H200580" s="12"/>
    </row>
    <row r="200581" spans="8:8">
      <c r="H200581" s="12"/>
    </row>
    <row r="200582" spans="8:8">
      <c r="H200582" s="12"/>
    </row>
    <row r="200583" spans="8:8">
      <c r="H200583" s="12"/>
    </row>
    <row r="200584" spans="8:8">
      <c r="H200584" s="12"/>
    </row>
    <row r="200585" spans="8:8">
      <c r="H200585" s="12"/>
    </row>
    <row r="200586" spans="8:8">
      <c r="H200586" s="12"/>
    </row>
    <row r="200587" spans="8:8">
      <c r="H200587" s="12"/>
    </row>
    <row r="200588" spans="8:8">
      <c r="H200588" s="12"/>
    </row>
    <row r="200589" spans="8:8">
      <c r="H200589" s="12"/>
    </row>
    <row r="200590" spans="8:8">
      <c r="H200590" s="12"/>
    </row>
    <row r="200591" spans="8:8">
      <c r="H200591" s="12"/>
    </row>
    <row r="200592" spans="8:8">
      <c r="H200592" s="12"/>
    </row>
    <row r="200593" spans="8:8">
      <c r="H200593" s="12"/>
    </row>
    <row r="200594" spans="8:8">
      <c r="H200594" s="12"/>
    </row>
    <row r="200595" spans="8:8">
      <c r="H200595" s="12"/>
    </row>
    <row r="200596" spans="8:8">
      <c r="H200596" s="12"/>
    </row>
    <row r="200597" spans="8:8">
      <c r="H200597" s="12"/>
    </row>
    <row r="200598" spans="8:8">
      <c r="H200598" s="12"/>
    </row>
    <row r="200599" spans="8:8">
      <c r="H200599" s="12"/>
    </row>
    <row r="200600" spans="8:8">
      <c r="H200600" s="12"/>
    </row>
    <row r="200601" spans="8:8">
      <c r="H200601" s="12"/>
    </row>
    <row r="200602" spans="8:8">
      <c r="H200602" s="12"/>
    </row>
    <row r="200603" spans="8:8">
      <c r="H200603" s="12"/>
    </row>
    <row r="200604" spans="8:8">
      <c r="H200604" s="12"/>
    </row>
    <row r="200605" spans="8:8">
      <c r="H200605" s="12"/>
    </row>
    <row r="200606" spans="8:8">
      <c r="H200606" s="12"/>
    </row>
    <row r="200607" spans="8:8">
      <c r="H200607" s="12"/>
    </row>
    <row r="200608" spans="8:8">
      <c r="H200608" s="12"/>
    </row>
    <row r="200609" spans="8:8">
      <c r="H200609" s="12"/>
    </row>
    <row r="200610" spans="8:8">
      <c r="H200610" s="12"/>
    </row>
    <row r="200611" spans="8:8">
      <c r="H200611" s="12"/>
    </row>
    <row r="200612" spans="8:8">
      <c r="H200612" s="12"/>
    </row>
    <row r="200613" spans="8:8">
      <c r="H200613" s="12"/>
    </row>
    <row r="200614" spans="8:8">
      <c r="H200614" s="12"/>
    </row>
    <row r="200615" spans="8:8">
      <c r="H200615" s="12"/>
    </row>
    <row r="200616" spans="8:8">
      <c r="H200616" s="12"/>
    </row>
    <row r="200617" spans="8:8">
      <c r="H200617" s="12"/>
    </row>
    <row r="200618" spans="8:8">
      <c r="H200618" s="12"/>
    </row>
    <row r="200619" spans="8:8">
      <c r="H200619" s="12"/>
    </row>
    <row r="200620" spans="8:8">
      <c r="H200620" s="12"/>
    </row>
    <row r="200621" spans="8:8">
      <c r="H200621" s="12"/>
    </row>
    <row r="200622" spans="8:8">
      <c r="H200622" s="12"/>
    </row>
    <row r="200623" spans="8:8">
      <c r="H200623" s="12"/>
    </row>
    <row r="200624" spans="8:8">
      <c r="H200624" s="12"/>
    </row>
    <row r="200625" spans="8:8">
      <c r="H200625" s="12"/>
    </row>
    <row r="200626" spans="8:8">
      <c r="H200626" s="12"/>
    </row>
    <row r="200627" spans="8:8">
      <c r="H200627" s="12"/>
    </row>
    <row r="200628" spans="8:8">
      <c r="H200628" s="12"/>
    </row>
    <row r="200629" spans="8:8">
      <c r="H200629" s="12"/>
    </row>
    <row r="200630" spans="8:8">
      <c r="H200630" s="12"/>
    </row>
    <row r="200631" spans="8:8">
      <c r="H200631" s="12"/>
    </row>
    <row r="200632" spans="8:8">
      <c r="H200632" s="12"/>
    </row>
    <row r="200633" spans="8:8">
      <c r="H200633" s="12"/>
    </row>
    <row r="200634" spans="8:8">
      <c r="H200634" s="12"/>
    </row>
    <row r="200635" spans="8:8">
      <c r="H200635" s="12"/>
    </row>
    <row r="200636" spans="8:8">
      <c r="H200636" s="12"/>
    </row>
    <row r="200637" spans="8:8">
      <c r="H200637" s="12"/>
    </row>
    <row r="200638" spans="8:8">
      <c r="H200638" s="12"/>
    </row>
    <row r="200639" spans="8:8">
      <c r="H200639" s="12"/>
    </row>
    <row r="200640" spans="8:8">
      <c r="H200640" s="12"/>
    </row>
    <row r="200641" spans="8:8">
      <c r="H200641" s="12"/>
    </row>
    <row r="200642" spans="8:8">
      <c r="H200642" s="12"/>
    </row>
    <row r="200643" spans="8:8">
      <c r="H200643" s="12"/>
    </row>
    <row r="200644" spans="8:8">
      <c r="H200644" s="12"/>
    </row>
    <row r="200645" spans="8:8">
      <c r="H200645" s="12"/>
    </row>
    <row r="200646" spans="8:8">
      <c r="H200646" s="12"/>
    </row>
    <row r="200647" spans="8:8">
      <c r="H200647" s="12"/>
    </row>
    <row r="200648" spans="8:8">
      <c r="H200648" s="12"/>
    </row>
    <row r="200649" spans="8:8">
      <c r="H200649" s="12"/>
    </row>
    <row r="200650" spans="8:8">
      <c r="H200650" s="12"/>
    </row>
    <row r="200651" spans="8:8">
      <c r="H200651" s="12"/>
    </row>
    <row r="200652" spans="8:8">
      <c r="H200652" s="12"/>
    </row>
    <row r="200653" spans="8:8">
      <c r="H200653" s="12"/>
    </row>
    <row r="200654" spans="8:8">
      <c r="H200654" s="12"/>
    </row>
    <row r="200655" spans="8:8">
      <c r="H200655" s="12"/>
    </row>
    <row r="200656" spans="8:8">
      <c r="H200656" s="12"/>
    </row>
    <row r="200657" spans="8:8">
      <c r="H200657" s="12"/>
    </row>
    <row r="200658" spans="8:8">
      <c r="H200658" s="12"/>
    </row>
    <row r="200659" spans="8:8">
      <c r="H200659" s="12"/>
    </row>
    <row r="200660" spans="8:8">
      <c r="H200660" s="12"/>
    </row>
    <row r="200661" spans="8:8">
      <c r="H200661" s="12"/>
    </row>
    <row r="200662" spans="8:8">
      <c r="H200662" s="12"/>
    </row>
    <row r="200663" spans="8:8">
      <c r="H200663" s="12"/>
    </row>
    <row r="200664" spans="8:8">
      <c r="H200664" s="12"/>
    </row>
    <row r="200665" spans="8:8">
      <c r="H200665" s="12"/>
    </row>
    <row r="200666" spans="8:8">
      <c r="H200666" s="12"/>
    </row>
    <row r="200667" spans="8:8">
      <c r="H200667" s="12"/>
    </row>
    <row r="200668" spans="8:8">
      <c r="H200668" s="12"/>
    </row>
    <row r="200669" spans="8:8">
      <c r="H200669" s="12"/>
    </row>
    <row r="200670" spans="8:8">
      <c r="H200670" s="12"/>
    </row>
    <row r="200671" spans="8:8">
      <c r="H200671" s="12"/>
    </row>
    <row r="200672" spans="8:8">
      <c r="H200672" s="12"/>
    </row>
    <row r="200673" spans="8:8">
      <c r="H200673" s="12"/>
    </row>
    <row r="200674" spans="8:8">
      <c r="H200674" s="12"/>
    </row>
    <row r="200675" spans="8:8">
      <c r="H200675" s="12"/>
    </row>
    <row r="200676" spans="8:8">
      <c r="H200676" s="12"/>
    </row>
    <row r="200677" spans="8:8">
      <c r="H200677" s="12"/>
    </row>
    <row r="200678" spans="8:8">
      <c r="H200678" s="12"/>
    </row>
    <row r="200679" spans="8:8">
      <c r="H200679" s="12"/>
    </row>
    <row r="200680" spans="8:8">
      <c r="H200680" s="12"/>
    </row>
    <row r="200681" spans="8:8">
      <c r="H200681" s="12"/>
    </row>
    <row r="200682" spans="8:8">
      <c r="H200682" s="12"/>
    </row>
    <row r="200683" spans="8:8">
      <c r="H200683" s="12"/>
    </row>
    <row r="200684" spans="8:8">
      <c r="H200684" s="12"/>
    </row>
    <row r="200685" spans="8:8">
      <c r="H200685" s="12"/>
    </row>
    <row r="200686" spans="8:8">
      <c r="H200686" s="12"/>
    </row>
    <row r="200687" spans="8:8">
      <c r="H200687" s="12"/>
    </row>
    <row r="200688" spans="8:8">
      <c r="H200688" s="12"/>
    </row>
    <row r="200689" spans="8:8">
      <c r="H200689" s="12"/>
    </row>
    <row r="200690" spans="8:8">
      <c r="H200690" s="12"/>
    </row>
    <row r="200691" spans="8:8">
      <c r="H200691" s="12"/>
    </row>
    <row r="200692" spans="8:8">
      <c r="H200692" s="12"/>
    </row>
    <row r="200693" spans="8:8">
      <c r="H200693" s="12"/>
    </row>
    <row r="200694" spans="8:8">
      <c r="H200694" s="12"/>
    </row>
    <row r="200695" spans="8:8">
      <c r="H200695" s="12"/>
    </row>
    <row r="200696" spans="8:8">
      <c r="H200696" s="12"/>
    </row>
    <row r="200697" spans="8:8">
      <c r="H200697" s="12"/>
    </row>
    <row r="200698" spans="8:8">
      <c r="H200698" s="12"/>
    </row>
    <row r="200699" spans="8:8">
      <c r="H200699" s="12"/>
    </row>
    <row r="200700" spans="8:8">
      <c r="H200700" s="12"/>
    </row>
    <row r="200701" spans="8:8">
      <c r="H200701" s="12"/>
    </row>
    <row r="200702" spans="8:8">
      <c r="H200702" s="12"/>
    </row>
    <row r="200703" spans="8:8">
      <c r="H200703" s="12"/>
    </row>
    <row r="200704" spans="8:8">
      <c r="H200704" s="12"/>
    </row>
    <row r="200705" spans="8:8">
      <c r="H200705" s="12"/>
    </row>
    <row r="200706" spans="8:8">
      <c r="H200706" s="12"/>
    </row>
    <row r="200707" spans="8:8">
      <c r="H200707" s="12"/>
    </row>
    <row r="200708" spans="8:8">
      <c r="H200708" s="12"/>
    </row>
    <row r="200709" spans="8:8">
      <c r="H200709" s="12"/>
    </row>
    <row r="200710" spans="8:8">
      <c r="H200710" s="12"/>
    </row>
    <row r="200711" spans="8:8">
      <c r="H200711" s="12"/>
    </row>
    <row r="200712" spans="8:8">
      <c r="H200712" s="12"/>
    </row>
    <row r="200713" spans="8:8">
      <c r="H200713" s="12"/>
    </row>
    <row r="200714" spans="8:8">
      <c r="H200714" s="12"/>
    </row>
    <row r="200715" spans="8:8">
      <c r="H200715" s="12"/>
    </row>
    <row r="200716" spans="8:8">
      <c r="H200716" s="12"/>
    </row>
    <row r="200717" spans="8:8">
      <c r="H200717" s="12"/>
    </row>
    <row r="200718" spans="8:8">
      <c r="H200718" s="12"/>
    </row>
    <row r="200719" spans="8:8">
      <c r="H200719" s="12"/>
    </row>
    <row r="200720" spans="8:8">
      <c r="H200720" s="12"/>
    </row>
    <row r="200721" spans="8:8">
      <c r="H200721" s="12"/>
    </row>
    <row r="200722" spans="8:8">
      <c r="H200722" s="12"/>
    </row>
    <row r="200723" spans="8:8">
      <c r="H200723" s="12"/>
    </row>
    <row r="200724" spans="8:8">
      <c r="H200724" s="12"/>
    </row>
    <row r="200725" spans="8:8">
      <c r="H200725" s="12"/>
    </row>
    <row r="200726" spans="8:8">
      <c r="H200726" s="12"/>
    </row>
    <row r="200727" spans="8:8">
      <c r="H200727" s="12"/>
    </row>
    <row r="200728" spans="8:8">
      <c r="H200728" s="12"/>
    </row>
    <row r="200729" spans="8:8">
      <c r="H200729" s="12"/>
    </row>
    <row r="200730" spans="8:8">
      <c r="H200730" s="12"/>
    </row>
    <row r="200731" spans="8:8">
      <c r="H200731" s="12"/>
    </row>
    <row r="200732" spans="8:8">
      <c r="H200732" s="12"/>
    </row>
    <row r="200733" spans="8:8">
      <c r="H200733" s="12"/>
    </row>
    <row r="200734" spans="8:8">
      <c r="H200734" s="12"/>
    </row>
    <row r="200735" spans="8:8">
      <c r="H200735" s="12"/>
    </row>
    <row r="200736" spans="8:8">
      <c r="H200736" s="12"/>
    </row>
    <row r="200737" spans="8:8">
      <c r="H200737" s="12"/>
    </row>
    <row r="200738" spans="8:8">
      <c r="H200738" s="12"/>
    </row>
    <row r="200739" spans="8:8">
      <c r="H200739" s="12"/>
    </row>
    <row r="200740" spans="8:8">
      <c r="H200740" s="12"/>
    </row>
    <row r="200741" spans="8:8">
      <c r="H200741" s="12"/>
    </row>
    <row r="200742" spans="8:8">
      <c r="H200742" s="12"/>
    </row>
    <row r="200743" spans="8:8">
      <c r="H200743" s="12"/>
    </row>
    <row r="200744" spans="8:8">
      <c r="H200744" s="12"/>
    </row>
    <row r="200745" spans="8:8">
      <c r="H200745" s="12"/>
    </row>
    <row r="200746" spans="8:8">
      <c r="H200746" s="12"/>
    </row>
    <row r="200747" spans="8:8">
      <c r="H200747" s="12"/>
    </row>
    <row r="200748" spans="8:8">
      <c r="H200748" s="12"/>
    </row>
    <row r="200749" spans="8:8">
      <c r="H200749" s="12"/>
    </row>
    <row r="200750" spans="8:8">
      <c r="H200750" s="12"/>
    </row>
    <row r="200751" spans="8:8">
      <c r="H200751" s="12"/>
    </row>
    <row r="200752" spans="8:8">
      <c r="H200752" s="12"/>
    </row>
    <row r="200753" spans="8:8">
      <c r="H200753" s="12"/>
    </row>
    <row r="200754" spans="8:8">
      <c r="H200754" s="12"/>
    </row>
    <row r="200755" spans="8:8">
      <c r="H200755" s="12"/>
    </row>
    <row r="200756" spans="8:8">
      <c r="H200756" s="12"/>
    </row>
    <row r="200757" spans="8:8">
      <c r="H200757" s="12"/>
    </row>
    <row r="200758" spans="8:8">
      <c r="H200758" s="12"/>
    </row>
    <row r="200759" spans="8:8">
      <c r="H200759" s="12"/>
    </row>
    <row r="200760" spans="8:8">
      <c r="H200760" s="12"/>
    </row>
    <row r="200761" spans="8:8">
      <c r="H200761" s="12"/>
    </row>
    <row r="200762" spans="8:8">
      <c r="H200762" s="12"/>
    </row>
    <row r="200763" spans="8:8">
      <c r="H200763" s="12"/>
    </row>
    <row r="200764" spans="8:8">
      <c r="H200764" s="12"/>
    </row>
    <row r="200765" spans="8:8">
      <c r="H200765" s="12"/>
    </row>
    <row r="200766" spans="8:8">
      <c r="H200766" s="12"/>
    </row>
    <row r="200767" spans="8:8">
      <c r="H200767" s="12"/>
    </row>
    <row r="200768" spans="8:8">
      <c r="H200768" s="12"/>
    </row>
    <row r="200769" spans="8:8">
      <c r="H200769" s="12"/>
    </row>
    <row r="200770" spans="8:8">
      <c r="H200770" s="12"/>
    </row>
    <row r="200771" spans="8:8">
      <c r="H200771" s="12"/>
    </row>
    <row r="200772" spans="8:8">
      <c r="H200772" s="12"/>
    </row>
    <row r="200773" spans="8:8">
      <c r="H200773" s="12"/>
    </row>
    <row r="200774" spans="8:8">
      <c r="H200774" s="12"/>
    </row>
    <row r="200775" spans="8:8">
      <c r="H200775" s="12"/>
    </row>
    <row r="200776" spans="8:8">
      <c r="H200776" s="12"/>
    </row>
    <row r="200777" spans="8:8">
      <c r="H200777" s="12"/>
    </row>
    <row r="200778" spans="8:8">
      <c r="H200778" s="12"/>
    </row>
    <row r="200779" spans="8:8">
      <c r="H200779" s="12"/>
    </row>
    <row r="200780" spans="8:8">
      <c r="H200780" s="12"/>
    </row>
    <row r="200781" spans="8:8">
      <c r="H200781" s="12"/>
    </row>
    <row r="200782" spans="8:8">
      <c r="H200782" s="12"/>
    </row>
    <row r="200783" spans="8:8">
      <c r="H200783" s="12"/>
    </row>
    <row r="200784" spans="8:8">
      <c r="H200784" s="12"/>
    </row>
    <row r="200785" spans="8:8">
      <c r="H200785" s="12"/>
    </row>
    <row r="200786" spans="8:8">
      <c r="H200786" s="12"/>
    </row>
    <row r="200787" spans="8:8">
      <c r="H200787" s="12"/>
    </row>
    <row r="200788" spans="8:8">
      <c r="H200788" s="12"/>
    </row>
    <row r="200789" spans="8:8">
      <c r="H200789" s="12"/>
    </row>
    <row r="200790" spans="8:8">
      <c r="H200790" s="12"/>
    </row>
    <row r="200791" spans="8:8">
      <c r="H200791" s="12"/>
    </row>
    <row r="200792" spans="8:8">
      <c r="H200792" s="12"/>
    </row>
    <row r="200793" spans="8:8">
      <c r="H200793" s="12"/>
    </row>
    <row r="200794" spans="8:8">
      <c r="H200794" s="12"/>
    </row>
    <row r="200795" spans="8:8">
      <c r="H200795" s="12"/>
    </row>
    <row r="200796" spans="8:8">
      <c r="H200796" s="12"/>
    </row>
    <row r="200797" spans="8:8">
      <c r="H200797" s="12"/>
    </row>
    <row r="200798" spans="8:8">
      <c r="H200798" s="12"/>
    </row>
    <row r="200799" spans="8:8">
      <c r="H200799" s="12"/>
    </row>
    <row r="200800" spans="8:8">
      <c r="H200800" s="12"/>
    </row>
    <row r="200801" spans="8:8">
      <c r="H200801" s="12"/>
    </row>
    <row r="200802" spans="8:8">
      <c r="H200802" s="12"/>
    </row>
    <row r="200803" spans="8:8">
      <c r="H200803" s="12"/>
    </row>
    <row r="200804" spans="8:8">
      <c r="H200804" s="12"/>
    </row>
    <row r="200805" spans="8:8">
      <c r="H200805" s="12"/>
    </row>
    <row r="200806" spans="8:8">
      <c r="H200806" s="12"/>
    </row>
    <row r="200807" spans="8:8">
      <c r="H200807" s="12"/>
    </row>
    <row r="200808" spans="8:8">
      <c r="H200808" s="12"/>
    </row>
    <row r="200809" spans="8:8">
      <c r="H200809" s="12"/>
    </row>
    <row r="200810" spans="8:8">
      <c r="H200810" s="12"/>
    </row>
    <row r="200811" spans="8:8">
      <c r="H200811" s="12"/>
    </row>
    <row r="200812" spans="8:8">
      <c r="H200812" s="12"/>
    </row>
    <row r="200813" spans="8:8">
      <c r="H200813" s="12"/>
    </row>
    <row r="200814" spans="8:8">
      <c r="H200814" s="12"/>
    </row>
    <row r="200815" spans="8:8">
      <c r="H200815" s="12"/>
    </row>
    <row r="200816" spans="8:8">
      <c r="H200816" s="12"/>
    </row>
    <row r="200817" spans="8:8">
      <c r="H200817" s="12"/>
    </row>
    <row r="200818" spans="8:8">
      <c r="H200818" s="12"/>
    </row>
    <row r="200819" spans="8:8">
      <c r="H200819" s="12"/>
    </row>
    <row r="200820" spans="8:8">
      <c r="H200820" s="12"/>
    </row>
    <row r="200821" spans="8:8">
      <c r="H200821" s="12"/>
    </row>
    <row r="200822" spans="8:8">
      <c r="H200822" s="12"/>
    </row>
    <row r="200823" spans="8:8">
      <c r="H200823" s="12"/>
    </row>
    <row r="200824" spans="8:8">
      <c r="H200824" s="12"/>
    </row>
    <row r="200825" spans="8:8">
      <c r="H200825" s="12"/>
    </row>
    <row r="200826" spans="8:8">
      <c r="H200826" s="12"/>
    </row>
    <row r="200827" spans="8:8">
      <c r="H200827" s="12"/>
    </row>
    <row r="200828" spans="8:8">
      <c r="H200828" s="12"/>
    </row>
    <row r="200829" spans="8:8">
      <c r="H200829" s="12"/>
    </row>
    <row r="200830" spans="8:8">
      <c r="H200830" s="12"/>
    </row>
    <row r="200831" spans="8:8">
      <c r="H200831" s="12"/>
    </row>
    <row r="200832" spans="8:8">
      <c r="H200832" s="12"/>
    </row>
    <row r="200833" spans="8:8">
      <c r="H200833" s="12"/>
    </row>
    <row r="200834" spans="8:8">
      <c r="H200834" s="12"/>
    </row>
    <row r="200835" spans="8:8">
      <c r="H200835" s="12"/>
    </row>
    <row r="200836" spans="8:8">
      <c r="H200836" s="12"/>
    </row>
    <row r="200837" spans="8:8">
      <c r="H200837" s="12"/>
    </row>
    <row r="200838" spans="8:8">
      <c r="H200838" s="12"/>
    </row>
    <row r="200839" spans="8:8">
      <c r="H200839" s="12"/>
    </row>
    <row r="200840" spans="8:8">
      <c r="H200840" s="12"/>
    </row>
    <row r="200841" spans="8:8">
      <c r="H200841" s="12"/>
    </row>
    <row r="200842" spans="8:8">
      <c r="H200842" s="12"/>
    </row>
    <row r="200843" spans="8:8">
      <c r="H200843" s="12"/>
    </row>
    <row r="200844" spans="8:8">
      <c r="H200844" s="12"/>
    </row>
    <row r="200845" spans="8:8">
      <c r="H200845" s="12"/>
    </row>
    <row r="200846" spans="8:8">
      <c r="H200846" s="12"/>
    </row>
    <row r="200847" spans="8:8">
      <c r="H200847" s="12"/>
    </row>
    <row r="200848" spans="8:8">
      <c r="H200848" s="12"/>
    </row>
    <row r="200849" spans="8:8">
      <c r="H200849" s="12"/>
    </row>
    <row r="200850" spans="8:8">
      <c r="H200850" s="12"/>
    </row>
    <row r="200851" spans="8:8">
      <c r="H200851" s="12"/>
    </row>
    <row r="200852" spans="8:8">
      <c r="H200852" s="12"/>
    </row>
    <row r="200853" spans="8:8">
      <c r="H200853" s="12"/>
    </row>
    <row r="200854" spans="8:8">
      <c r="H200854" s="12"/>
    </row>
    <row r="200855" spans="8:8">
      <c r="H200855" s="12"/>
    </row>
    <row r="200856" spans="8:8">
      <c r="H200856" s="12"/>
    </row>
    <row r="200857" spans="8:8">
      <c r="H200857" s="12"/>
    </row>
    <row r="200858" spans="8:8">
      <c r="H200858" s="12"/>
    </row>
    <row r="200859" spans="8:8">
      <c r="H200859" s="12"/>
    </row>
    <row r="200860" spans="8:8">
      <c r="H200860" s="12"/>
    </row>
    <row r="200861" spans="8:8">
      <c r="H200861" s="12"/>
    </row>
    <row r="200862" spans="8:8">
      <c r="H200862" s="12"/>
    </row>
    <row r="200863" spans="8:8">
      <c r="H200863" s="12"/>
    </row>
    <row r="200864" spans="8:8">
      <c r="H200864" s="12"/>
    </row>
    <row r="200865" spans="8:8">
      <c r="H200865" s="12"/>
    </row>
    <row r="200866" spans="8:8">
      <c r="H200866" s="12"/>
    </row>
    <row r="200867" spans="8:8">
      <c r="H200867" s="12"/>
    </row>
    <row r="200868" spans="8:8">
      <c r="H200868" s="12"/>
    </row>
    <row r="200869" spans="8:8">
      <c r="H200869" s="12"/>
    </row>
    <row r="200870" spans="8:8">
      <c r="H200870" s="12"/>
    </row>
    <row r="200871" spans="8:8">
      <c r="H200871" s="12"/>
    </row>
    <row r="200872" spans="8:8">
      <c r="H200872" s="12"/>
    </row>
    <row r="200873" spans="8:8">
      <c r="H200873" s="12"/>
    </row>
    <row r="200874" spans="8:8">
      <c r="H200874" s="12"/>
    </row>
    <row r="200875" spans="8:8">
      <c r="H200875" s="12"/>
    </row>
    <row r="200876" spans="8:8">
      <c r="H200876" s="12"/>
    </row>
    <row r="200877" spans="8:8">
      <c r="H200877" s="12"/>
    </row>
    <row r="200878" spans="8:8">
      <c r="H200878" s="12"/>
    </row>
    <row r="200879" spans="8:8">
      <c r="H200879" s="12"/>
    </row>
    <row r="200880" spans="8:8">
      <c r="H200880" s="12"/>
    </row>
    <row r="200881" spans="8:8">
      <c r="H200881" s="12"/>
    </row>
    <row r="200882" spans="8:8">
      <c r="H200882" s="12"/>
    </row>
    <row r="200883" spans="8:8">
      <c r="H200883" s="12"/>
    </row>
    <row r="200884" spans="8:8">
      <c r="H200884" s="12"/>
    </row>
    <row r="200885" spans="8:8">
      <c r="H200885" s="12"/>
    </row>
    <row r="200886" spans="8:8">
      <c r="H200886" s="12"/>
    </row>
    <row r="200887" spans="8:8">
      <c r="H200887" s="12"/>
    </row>
    <row r="200888" spans="8:8">
      <c r="H200888" s="12"/>
    </row>
    <row r="200889" spans="8:8">
      <c r="H200889" s="12"/>
    </row>
    <row r="200890" spans="8:8">
      <c r="H200890" s="12"/>
    </row>
    <row r="200891" spans="8:8">
      <c r="H200891" s="12"/>
    </row>
    <row r="200892" spans="8:8">
      <c r="H200892" s="12"/>
    </row>
    <row r="200893" spans="8:8">
      <c r="H200893" s="12"/>
    </row>
    <row r="200894" spans="8:8">
      <c r="H200894" s="12"/>
    </row>
    <row r="200895" spans="8:8">
      <c r="H200895" s="12"/>
    </row>
    <row r="200896" spans="8:8">
      <c r="H200896" s="12"/>
    </row>
    <row r="200897" spans="8:8">
      <c r="H200897" s="12"/>
    </row>
    <row r="200898" spans="8:8">
      <c r="H200898" s="12"/>
    </row>
    <row r="200899" spans="8:8">
      <c r="H200899" s="12"/>
    </row>
    <row r="200900" spans="8:8">
      <c r="H200900" s="12"/>
    </row>
    <row r="200901" spans="8:8">
      <c r="H200901" s="12"/>
    </row>
    <row r="200902" spans="8:8">
      <c r="H200902" s="12"/>
    </row>
    <row r="200903" spans="8:8">
      <c r="H200903" s="12"/>
    </row>
    <row r="200904" spans="8:8">
      <c r="H200904" s="12"/>
    </row>
    <row r="200905" spans="8:8">
      <c r="H200905" s="12"/>
    </row>
    <row r="200906" spans="8:8">
      <c r="H200906" s="12"/>
    </row>
    <row r="200907" spans="8:8">
      <c r="H200907" s="12"/>
    </row>
    <row r="200908" spans="8:8">
      <c r="H200908" s="12"/>
    </row>
    <row r="200909" spans="8:8">
      <c r="H200909" s="12"/>
    </row>
    <row r="200910" spans="8:8">
      <c r="H200910" s="12"/>
    </row>
    <row r="200911" spans="8:8">
      <c r="H200911" s="12"/>
    </row>
    <row r="200912" spans="8:8">
      <c r="H200912" s="12"/>
    </row>
    <row r="200913" spans="8:8">
      <c r="H200913" s="12"/>
    </row>
    <row r="200914" spans="8:8">
      <c r="H200914" s="12"/>
    </row>
    <row r="200915" spans="8:8">
      <c r="H200915" s="12"/>
    </row>
    <row r="200916" spans="8:8">
      <c r="H200916" s="12"/>
    </row>
    <row r="200917" spans="8:8">
      <c r="H200917" s="12"/>
    </row>
    <row r="200918" spans="8:8">
      <c r="H200918" s="12"/>
    </row>
    <row r="200919" spans="8:8">
      <c r="H200919" s="12"/>
    </row>
    <row r="200920" spans="8:8">
      <c r="H200920" s="12"/>
    </row>
    <row r="200921" spans="8:8">
      <c r="H200921" s="12"/>
    </row>
    <row r="200922" spans="8:8">
      <c r="H200922" s="12"/>
    </row>
    <row r="200923" spans="8:8">
      <c r="H200923" s="12"/>
    </row>
    <row r="200924" spans="8:8">
      <c r="H200924" s="12"/>
    </row>
    <row r="200925" spans="8:8">
      <c r="H200925" s="12"/>
    </row>
    <row r="200926" spans="8:8">
      <c r="H200926" s="12"/>
    </row>
    <row r="200927" spans="8:8">
      <c r="H200927" s="12"/>
    </row>
    <row r="200928" spans="8:8">
      <c r="H200928" s="12"/>
    </row>
    <row r="200929" spans="8:8">
      <c r="H200929" s="12"/>
    </row>
    <row r="200930" spans="8:8">
      <c r="H200930" s="12"/>
    </row>
    <row r="200931" spans="8:8">
      <c r="H200931" s="12"/>
    </row>
    <row r="200932" spans="8:8">
      <c r="H200932" s="12"/>
    </row>
    <row r="200933" spans="8:8">
      <c r="H200933" s="12"/>
    </row>
    <row r="200934" spans="8:8">
      <c r="H200934" s="12"/>
    </row>
    <row r="200935" spans="8:8">
      <c r="H200935" s="12"/>
    </row>
    <row r="200936" spans="8:8">
      <c r="H200936" s="12"/>
    </row>
    <row r="200937" spans="8:8">
      <c r="H200937" s="12"/>
    </row>
    <row r="200938" spans="8:8">
      <c r="H200938" s="12"/>
    </row>
    <row r="200939" spans="8:8">
      <c r="H200939" s="12"/>
    </row>
    <row r="200940" spans="8:8">
      <c r="H200940" s="12"/>
    </row>
    <row r="200941" spans="8:8">
      <c r="H200941" s="12"/>
    </row>
    <row r="200942" spans="8:8">
      <c r="H200942" s="12"/>
    </row>
    <row r="200943" spans="8:8">
      <c r="H200943" s="12"/>
    </row>
    <row r="200944" spans="8:8">
      <c r="H200944" s="12"/>
    </row>
    <row r="200945" spans="8:8">
      <c r="H200945" s="12"/>
    </row>
    <row r="200946" spans="8:8">
      <c r="H200946" s="12"/>
    </row>
    <row r="200947" spans="8:8">
      <c r="H200947" s="12"/>
    </row>
    <row r="200948" spans="8:8">
      <c r="H200948" s="12"/>
    </row>
    <row r="200949" spans="8:8">
      <c r="H200949" s="12"/>
    </row>
    <row r="200950" spans="8:8">
      <c r="H200950" s="12"/>
    </row>
    <row r="200951" spans="8:8">
      <c r="H200951" s="12"/>
    </row>
    <row r="200952" spans="8:8">
      <c r="H200952" s="12"/>
    </row>
    <row r="200953" spans="8:8">
      <c r="H200953" s="12"/>
    </row>
    <row r="200954" spans="8:8">
      <c r="H200954" s="12"/>
    </row>
    <row r="200955" spans="8:8">
      <c r="H200955" s="12"/>
    </row>
    <row r="200956" spans="8:8">
      <c r="H200956" s="12"/>
    </row>
    <row r="200957" spans="8:8">
      <c r="H200957" s="12"/>
    </row>
    <row r="200958" spans="8:8">
      <c r="H200958" s="12"/>
    </row>
    <row r="200959" spans="8:8">
      <c r="H200959" s="12"/>
    </row>
    <row r="200960" spans="8:8">
      <c r="H200960" s="12"/>
    </row>
    <row r="200961" spans="8:8">
      <c r="H200961" s="12"/>
    </row>
    <row r="200962" spans="8:8">
      <c r="H200962" s="12"/>
    </row>
    <row r="200963" spans="8:8">
      <c r="H200963" s="12"/>
    </row>
    <row r="200964" spans="8:8">
      <c r="H200964" s="12"/>
    </row>
    <row r="200965" spans="8:8">
      <c r="H200965" s="12"/>
    </row>
    <row r="200966" spans="8:8">
      <c r="H200966" s="12"/>
    </row>
    <row r="200967" spans="8:8">
      <c r="H200967" s="12"/>
    </row>
    <row r="200968" spans="8:8">
      <c r="H200968" s="12"/>
    </row>
    <row r="200969" spans="8:8">
      <c r="H200969" s="12"/>
    </row>
    <row r="200970" spans="8:8">
      <c r="H200970" s="12"/>
    </row>
    <row r="200971" spans="8:8">
      <c r="H200971" s="12"/>
    </row>
    <row r="200972" spans="8:8">
      <c r="H200972" s="12"/>
    </row>
    <row r="200973" spans="8:8">
      <c r="H200973" s="12"/>
    </row>
    <row r="200974" spans="8:8">
      <c r="H200974" s="12"/>
    </row>
    <row r="200975" spans="8:8">
      <c r="H200975" s="12"/>
    </row>
    <row r="200976" spans="8:8">
      <c r="H200976" s="12"/>
    </row>
    <row r="200977" spans="8:8">
      <c r="H200977" s="12"/>
    </row>
    <row r="200978" spans="8:8">
      <c r="H200978" s="12"/>
    </row>
    <row r="200979" spans="8:8">
      <c r="H200979" s="12"/>
    </row>
    <row r="200980" spans="8:8">
      <c r="H200980" s="12"/>
    </row>
    <row r="200981" spans="8:8">
      <c r="H200981" s="12"/>
    </row>
    <row r="200982" spans="8:8">
      <c r="H200982" s="12"/>
    </row>
    <row r="200983" spans="8:8">
      <c r="H200983" s="12"/>
    </row>
    <row r="200984" spans="8:8">
      <c r="H200984" s="12"/>
    </row>
    <row r="200985" spans="8:8">
      <c r="H200985" s="12"/>
    </row>
    <row r="200986" spans="8:8">
      <c r="H200986" s="12"/>
    </row>
    <row r="200987" spans="8:8">
      <c r="H200987" s="12"/>
    </row>
    <row r="200988" spans="8:8">
      <c r="H200988" s="12"/>
    </row>
    <row r="200989" spans="8:8">
      <c r="H200989" s="12"/>
    </row>
    <row r="200990" spans="8:8">
      <c r="H200990" s="12"/>
    </row>
    <row r="200991" spans="8:8">
      <c r="H200991" s="12"/>
    </row>
    <row r="200992" spans="8:8">
      <c r="H200992" s="12"/>
    </row>
    <row r="200993" spans="8:8">
      <c r="H200993" s="12"/>
    </row>
    <row r="200994" spans="8:8">
      <c r="H200994" s="12"/>
    </row>
    <row r="200995" spans="8:8">
      <c r="H200995" s="12"/>
    </row>
    <row r="200996" spans="8:8">
      <c r="H200996" s="12"/>
    </row>
    <row r="200997" spans="8:8">
      <c r="H200997" s="12"/>
    </row>
    <row r="200998" spans="8:8">
      <c r="H200998" s="12"/>
    </row>
    <row r="200999" spans="8:8">
      <c r="H200999" s="12"/>
    </row>
    <row r="201000" spans="8:8">
      <c r="H201000" s="12"/>
    </row>
    <row r="201001" spans="8:8">
      <c r="H201001" s="12"/>
    </row>
    <row r="201002" spans="8:8">
      <c r="H201002" s="12"/>
    </row>
    <row r="201003" spans="8:8">
      <c r="H201003" s="12"/>
    </row>
    <row r="201004" spans="8:8">
      <c r="H201004" s="12"/>
    </row>
    <row r="201005" spans="8:8">
      <c r="H201005" s="12"/>
    </row>
    <row r="201006" spans="8:8">
      <c r="H201006" s="12"/>
    </row>
    <row r="201007" spans="8:8">
      <c r="H201007" s="12"/>
    </row>
    <row r="201008" spans="8:8">
      <c r="H201008" s="12"/>
    </row>
    <row r="201009" spans="8:8">
      <c r="H201009" s="12"/>
    </row>
    <row r="201010" spans="8:8">
      <c r="H201010" s="12"/>
    </row>
    <row r="201011" spans="8:8">
      <c r="H201011" s="12"/>
    </row>
    <row r="201012" spans="8:8">
      <c r="H201012" s="12"/>
    </row>
    <row r="201013" spans="8:8">
      <c r="H201013" s="12"/>
    </row>
    <row r="201014" spans="8:8">
      <c r="H201014" s="12"/>
    </row>
    <row r="201015" spans="8:8">
      <c r="H201015" s="12"/>
    </row>
    <row r="201016" spans="8:8">
      <c r="H201016" s="12"/>
    </row>
    <row r="201017" spans="8:8">
      <c r="H201017" s="12"/>
    </row>
    <row r="201018" spans="8:8">
      <c r="H201018" s="12"/>
    </row>
    <row r="201019" spans="8:8">
      <c r="H201019" s="12"/>
    </row>
    <row r="201020" spans="8:8">
      <c r="H201020" s="12"/>
    </row>
    <row r="201021" spans="8:8">
      <c r="H201021" s="12"/>
    </row>
    <row r="201022" spans="8:8">
      <c r="H201022" s="12"/>
    </row>
    <row r="201023" spans="8:8">
      <c r="H201023" s="12"/>
    </row>
    <row r="201024" spans="8:8">
      <c r="H201024" s="12"/>
    </row>
    <row r="201025" spans="8:8">
      <c r="H201025" s="12"/>
    </row>
    <row r="201026" spans="8:8">
      <c r="H201026" s="12"/>
    </row>
    <row r="201027" spans="8:8">
      <c r="H201027" s="12"/>
    </row>
    <row r="201028" spans="8:8">
      <c r="H201028" s="12"/>
    </row>
    <row r="201029" spans="8:8">
      <c r="H201029" s="12"/>
    </row>
    <row r="201030" spans="8:8">
      <c r="H201030" s="12"/>
    </row>
    <row r="201031" spans="8:8">
      <c r="H201031" s="12"/>
    </row>
    <row r="201032" spans="8:8">
      <c r="H201032" s="12"/>
    </row>
    <row r="201033" spans="8:8">
      <c r="H201033" s="12"/>
    </row>
    <row r="201034" spans="8:8">
      <c r="H201034" s="12"/>
    </row>
    <row r="201035" spans="8:8">
      <c r="H201035" s="12"/>
    </row>
    <row r="201036" spans="8:8">
      <c r="H201036" s="12"/>
    </row>
    <row r="201037" spans="8:8">
      <c r="H201037" s="12"/>
    </row>
    <row r="201038" spans="8:8">
      <c r="H201038" s="12"/>
    </row>
    <row r="201039" spans="8:8">
      <c r="H201039" s="12"/>
    </row>
    <row r="201040" spans="8:8">
      <c r="H201040" s="12"/>
    </row>
    <row r="201041" spans="8:8">
      <c r="H201041" s="12"/>
    </row>
    <row r="201042" spans="8:8">
      <c r="H201042" s="12"/>
    </row>
    <row r="201043" spans="8:8">
      <c r="H201043" s="12"/>
    </row>
    <row r="201044" spans="8:8">
      <c r="H201044" s="12"/>
    </row>
    <row r="201045" spans="8:8">
      <c r="H201045" s="12"/>
    </row>
    <row r="201046" spans="8:8">
      <c r="H201046" s="12"/>
    </row>
    <row r="201047" spans="8:8">
      <c r="H201047" s="12"/>
    </row>
    <row r="201048" spans="8:8">
      <c r="H201048" s="12"/>
    </row>
    <row r="201049" spans="8:8">
      <c r="H201049" s="12"/>
    </row>
    <row r="201050" spans="8:8">
      <c r="H201050" s="12"/>
    </row>
    <row r="201051" spans="8:8">
      <c r="H201051" s="12"/>
    </row>
    <row r="201052" spans="8:8">
      <c r="H201052" s="12"/>
    </row>
    <row r="201053" spans="8:8">
      <c r="H201053" s="12"/>
    </row>
    <row r="201054" spans="8:8">
      <c r="H201054" s="12"/>
    </row>
    <row r="201055" spans="8:8">
      <c r="H201055" s="12"/>
    </row>
    <row r="201056" spans="8:8">
      <c r="H201056" s="12"/>
    </row>
    <row r="201057" spans="8:8">
      <c r="H201057" s="12"/>
    </row>
    <row r="201058" spans="8:8">
      <c r="H201058" s="12"/>
    </row>
    <row r="201059" spans="8:8">
      <c r="H201059" s="12"/>
    </row>
    <row r="201060" spans="8:8">
      <c r="H201060" s="12"/>
    </row>
    <row r="201061" spans="8:8">
      <c r="H201061" s="12"/>
    </row>
    <row r="201062" spans="8:8">
      <c r="H201062" s="12"/>
    </row>
    <row r="201063" spans="8:8">
      <c r="H201063" s="12"/>
    </row>
    <row r="201064" spans="8:8">
      <c r="H201064" s="12"/>
    </row>
    <row r="201065" spans="8:8">
      <c r="H201065" s="12"/>
    </row>
    <row r="201066" spans="8:8">
      <c r="H201066" s="12"/>
    </row>
    <row r="201067" spans="8:8">
      <c r="H201067" s="12"/>
    </row>
    <row r="201068" spans="8:8">
      <c r="H201068" s="12"/>
    </row>
    <row r="201069" spans="8:8">
      <c r="H201069" s="12"/>
    </row>
    <row r="201070" spans="8:8">
      <c r="H201070" s="12"/>
    </row>
    <row r="201071" spans="8:8">
      <c r="H201071" s="12"/>
    </row>
    <row r="201072" spans="8:8">
      <c r="H201072" s="12"/>
    </row>
    <row r="201073" spans="8:8">
      <c r="H201073" s="12"/>
    </row>
    <row r="201074" spans="8:8">
      <c r="H201074" s="12"/>
    </row>
    <row r="201075" spans="8:8">
      <c r="H201075" s="12"/>
    </row>
    <row r="201076" spans="8:8">
      <c r="H201076" s="12"/>
    </row>
    <row r="201077" spans="8:8">
      <c r="H201077" s="12"/>
    </row>
    <row r="201078" spans="8:8">
      <c r="H201078" s="12"/>
    </row>
    <row r="201079" spans="8:8">
      <c r="H201079" s="12"/>
    </row>
    <row r="201080" spans="8:8">
      <c r="H201080" s="12"/>
    </row>
    <row r="201081" spans="8:8">
      <c r="H201081" s="12"/>
    </row>
    <row r="201082" spans="8:8">
      <c r="H201082" s="12"/>
    </row>
    <row r="201083" spans="8:8">
      <c r="H201083" s="12"/>
    </row>
    <row r="201084" spans="8:8">
      <c r="H201084" s="12"/>
    </row>
    <row r="201085" spans="8:8">
      <c r="H201085" s="12"/>
    </row>
    <row r="201086" spans="8:8">
      <c r="H201086" s="12"/>
    </row>
    <row r="201087" spans="8:8">
      <c r="H201087" s="12"/>
    </row>
    <row r="201088" spans="8:8">
      <c r="H201088" s="12"/>
    </row>
    <row r="201089" spans="8:8">
      <c r="H201089" s="12"/>
    </row>
    <row r="201090" spans="8:8">
      <c r="H201090" s="12"/>
    </row>
    <row r="201091" spans="8:8">
      <c r="H201091" s="12"/>
    </row>
    <row r="201092" spans="8:8">
      <c r="H201092" s="12"/>
    </row>
    <row r="201093" spans="8:8">
      <c r="H201093" s="12"/>
    </row>
    <row r="201094" spans="8:8">
      <c r="H201094" s="12"/>
    </row>
    <row r="201095" spans="8:8">
      <c r="H201095" s="12"/>
    </row>
    <row r="201096" spans="8:8">
      <c r="H201096" s="12"/>
    </row>
    <row r="201097" spans="8:8">
      <c r="H201097" s="12"/>
    </row>
    <row r="201098" spans="8:8">
      <c r="H201098" s="12"/>
    </row>
    <row r="201099" spans="8:8">
      <c r="H201099" s="12"/>
    </row>
    <row r="201100" spans="8:8">
      <c r="H201100" s="12"/>
    </row>
    <row r="201101" spans="8:8">
      <c r="H201101" s="12"/>
    </row>
    <row r="201102" spans="8:8">
      <c r="H201102" s="12"/>
    </row>
    <row r="201103" spans="8:8">
      <c r="H201103" s="12"/>
    </row>
    <row r="201104" spans="8:8">
      <c r="H201104" s="12"/>
    </row>
    <row r="201105" spans="8:8">
      <c r="H201105" s="12"/>
    </row>
    <row r="201106" spans="8:8">
      <c r="H201106" s="12"/>
    </row>
    <row r="201107" spans="8:8">
      <c r="H201107" s="12"/>
    </row>
    <row r="201108" spans="8:8">
      <c r="H201108" s="12"/>
    </row>
    <row r="201109" spans="8:8">
      <c r="H201109" s="12"/>
    </row>
    <row r="201110" spans="8:8">
      <c r="H201110" s="12"/>
    </row>
    <row r="201111" spans="8:8">
      <c r="H201111" s="12"/>
    </row>
    <row r="201112" spans="8:8">
      <c r="H201112" s="12"/>
    </row>
    <row r="201113" spans="8:8">
      <c r="H201113" s="12"/>
    </row>
    <row r="201114" spans="8:8">
      <c r="H201114" s="12"/>
    </row>
    <row r="201115" spans="8:8">
      <c r="H201115" s="12"/>
    </row>
    <row r="201116" spans="8:8">
      <c r="H201116" s="12"/>
    </row>
    <row r="201117" spans="8:8">
      <c r="H201117" s="12"/>
    </row>
    <row r="201118" spans="8:8">
      <c r="H201118" s="12"/>
    </row>
    <row r="201119" spans="8:8">
      <c r="H201119" s="12"/>
    </row>
    <row r="201120" spans="8:8">
      <c r="H201120" s="12"/>
    </row>
    <row r="201121" spans="8:8">
      <c r="H201121" s="12"/>
    </row>
    <row r="201122" spans="8:8">
      <c r="H201122" s="12"/>
    </row>
    <row r="201123" spans="8:8">
      <c r="H201123" s="12"/>
    </row>
    <row r="201124" spans="8:8">
      <c r="H201124" s="12"/>
    </row>
    <row r="201125" spans="8:8">
      <c r="H201125" s="12"/>
    </row>
    <row r="201126" spans="8:8">
      <c r="H201126" s="12"/>
    </row>
    <row r="201127" spans="8:8">
      <c r="H201127" s="12"/>
    </row>
    <row r="201128" spans="8:8">
      <c r="H201128" s="12"/>
    </row>
    <row r="201129" spans="8:8">
      <c r="H201129" s="12"/>
    </row>
    <row r="201130" spans="8:8">
      <c r="H201130" s="12"/>
    </row>
    <row r="201131" spans="8:8">
      <c r="H201131" s="12"/>
    </row>
    <row r="201132" spans="8:8">
      <c r="H201132" s="12"/>
    </row>
    <row r="201133" spans="8:8">
      <c r="H201133" s="12"/>
    </row>
    <row r="201134" spans="8:8">
      <c r="H201134" s="12"/>
    </row>
    <row r="201135" spans="8:8">
      <c r="H201135" s="12"/>
    </row>
    <row r="201136" spans="8:8">
      <c r="H201136" s="12"/>
    </row>
    <row r="201137" spans="8:8">
      <c r="H201137" s="12"/>
    </row>
    <row r="201138" spans="8:8">
      <c r="H201138" s="12"/>
    </row>
    <row r="201139" spans="8:8">
      <c r="H201139" s="12"/>
    </row>
    <row r="201140" spans="8:8">
      <c r="H201140" s="12"/>
    </row>
    <row r="201141" spans="8:8">
      <c r="H201141" s="12"/>
    </row>
    <row r="201142" spans="8:8">
      <c r="H201142" s="12"/>
    </row>
    <row r="201143" spans="8:8">
      <c r="H201143" s="12"/>
    </row>
    <row r="201144" spans="8:8">
      <c r="H201144" s="12"/>
    </row>
    <row r="201145" spans="8:8">
      <c r="H201145" s="12"/>
    </row>
    <row r="201146" spans="8:8">
      <c r="H201146" s="12"/>
    </row>
    <row r="201147" spans="8:8">
      <c r="H201147" s="12"/>
    </row>
    <row r="201148" spans="8:8">
      <c r="H201148" s="12"/>
    </row>
    <row r="201149" spans="8:8">
      <c r="H201149" s="12"/>
    </row>
    <row r="201150" spans="8:8">
      <c r="H201150" s="12"/>
    </row>
    <row r="201151" spans="8:8">
      <c r="H201151" s="12"/>
    </row>
    <row r="201152" spans="8:8">
      <c r="H201152" s="12"/>
    </row>
    <row r="201153" spans="8:8">
      <c r="H201153" s="12"/>
    </row>
    <row r="201154" spans="8:8">
      <c r="H201154" s="12"/>
    </row>
    <row r="201155" spans="8:8">
      <c r="H201155" s="12"/>
    </row>
    <row r="201156" spans="8:8">
      <c r="H201156" s="12"/>
    </row>
    <row r="201157" spans="8:8">
      <c r="H201157" s="12"/>
    </row>
    <row r="201158" spans="8:8">
      <c r="H201158" s="12"/>
    </row>
    <row r="201159" spans="8:8">
      <c r="H201159" s="12"/>
    </row>
    <row r="201160" spans="8:8">
      <c r="H201160" s="12"/>
    </row>
    <row r="201161" spans="8:8">
      <c r="H201161" s="12"/>
    </row>
    <row r="201162" spans="8:8">
      <c r="H201162" s="12"/>
    </row>
    <row r="201163" spans="8:8">
      <c r="H201163" s="12"/>
    </row>
    <row r="201164" spans="8:8">
      <c r="H201164" s="12"/>
    </row>
    <row r="201165" spans="8:8">
      <c r="H201165" s="12"/>
    </row>
    <row r="201166" spans="8:8">
      <c r="H201166" s="12"/>
    </row>
    <row r="201167" spans="8:8">
      <c r="H201167" s="12"/>
    </row>
    <row r="201168" spans="8:8">
      <c r="H201168" s="12"/>
    </row>
    <row r="201169" spans="8:8">
      <c r="H201169" s="12"/>
    </row>
    <row r="201170" spans="8:8">
      <c r="H201170" s="12"/>
    </row>
    <row r="201171" spans="8:8">
      <c r="H201171" s="12"/>
    </row>
    <row r="201172" spans="8:8">
      <c r="H201172" s="12"/>
    </row>
    <row r="201173" spans="8:8">
      <c r="H201173" s="12"/>
    </row>
    <row r="201174" spans="8:8">
      <c r="H201174" s="12"/>
    </row>
    <row r="201175" spans="8:8">
      <c r="H201175" s="12"/>
    </row>
    <row r="201176" spans="8:8">
      <c r="H201176" s="12"/>
    </row>
    <row r="201177" spans="8:8">
      <c r="H201177" s="12"/>
    </row>
    <row r="201178" spans="8:8">
      <c r="H201178" s="12"/>
    </row>
    <row r="201179" spans="8:8">
      <c r="H201179" s="12"/>
    </row>
    <row r="201180" spans="8:8">
      <c r="H201180" s="12"/>
    </row>
    <row r="201181" spans="8:8">
      <c r="H201181" s="12"/>
    </row>
    <row r="201182" spans="8:8">
      <c r="H201182" s="12"/>
    </row>
    <row r="201183" spans="8:8">
      <c r="H201183" s="12"/>
    </row>
    <row r="201184" spans="8:8">
      <c r="H201184" s="12"/>
    </row>
    <row r="201185" spans="8:8">
      <c r="H201185" s="12"/>
    </row>
    <row r="201186" spans="8:8">
      <c r="H201186" s="12"/>
    </row>
    <row r="201187" spans="8:8">
      <c r="H201187" s="12"/>
    </row>
    <row r="201188" spans="8:8">
      <c r="H201188" s="12"/>
    </row>
    <row r="201189" spans="8:8">
      <c r="H201189" s="12"/>
    </row>
    <row r="201190" spans="8:8">
      <c r="H201190" s="12"/>
    </row>
    <row r="201191" spans="8:8">
      <c r="H201191" s="12"/>
    </row>
    <row r="201192" spans="8:8">
      <c r="H201192" s="12"/>
    </row>
    <row r="201193" spans="8:8">
      <c r="H201193" s="12"/>
    </row>
    <row r="201194" spans="8:8">
      <c r="H201194" s="12"/>
    </row>
    <row r="201195" spans="8:8">
      <c r="H201195" s="12"/>
    </row>
    <row r="201196" spans="8:8">
      <c r="H201196" s="12"/>
    </row>
    <row r="201197" spans="8:8">
      <c r="H201197" s="12"/>
    </row>
    <row r="201198" spans="8:8">
      <c r="H201198" s="12"/>
    </row>
    <row r="201199" spans="8:8">
      <c r="H201199" s="12"/>
    </row>
    <row r="201200" spans="8:8">
      <c r="H201200" s="12"/>
    </row>
    <row r="201201" spans="8:8">
      <c r="H201201" s="12"/>
    </row>
    <row r="201202" spans="8:8">
      <c r="H201202" s="12"/>
    </row>
    <row r="201203" spans="8:8">
      <c r="H201203" s="12"/>
    </row>
    <row r="201204" spans="8:8">
      <c r="H201204" s="12"/>
    </row>
    <row r="201205" spans="8:8">
      <c r="H201205" s="12"/>
    </row>
    <row r="201206" spans="8:8">
      <c r="H201206" s="12"/>
    </row>
    <row r="201207" spans="8:8">
      <c r="H201207" s="12"/>
    </row>
    <row r="201208" spans="8:8">
      <c r="H201208" s="12"/>
    </row>
    <row r="201209" spans="8:8">
      <c r="H201209" s="12"/>
    </row>
    <row r="201210" spans="8:8">
      <c r="H201210" s="12"/>
    </row>
    <row r="201211" spans="8:8">
      <c r="H201211" s="12"/>
    </row>
    <row r="201212" spans="8:8">
      <c r="H201212" s="12"/>
    </row>
    <row r="201213" spans="8:8">
      <c r="H201213" s="12"/>
    </row>
    <row r="201214" spans="8:8">
      <c r="H201214" s="12"/>
    </row>
    <row r="201215" spans="8:8">
      <c r="H201215" s="12"/>
    </row>
    <row r="201216" spans="8:8">
      <c r="H201216" s="12"/>
    </row>
    <row r="201217" spans="8:8">
      <c r="H201217" s="12"/>
    </row>
    <row r="201218" spans="8:8">
      <c r="H201218" s="12"/>
    </row>
    <row r="201219" spans="8:8">
      <c r="H201219" s="12"/>
    </row>
    <row r="201220" spans="8:8">
      <c r="H201220" s="12"/>
    </row>
    <row r="201221" spans="8:8">
      <c r="H201221" s="12"/>
    </row>
    <row r="201222" spans="8:8">
      <c r="H201222" s="12"/>
    </row>
    <row r="201223" spans="8:8">
      <c r="H201223" s="12"/>
    </row>
    <row r="201224" spans="8:8">
      <c r="H201224" s="12"/>
    </row>
    <row r="201225" spans="8:8">
      <c r="H201225" s="12"/>
    </row>
    <row r="201226" spans="8:8">
      <c r="H201226" s="12"/>
    </row>
    <row r="201227" spans="8:8">
      <c r="H201227" s="12"/>
    </row>
    <row r="201228" spans="8:8">
      <c r="H201228" s="12"/>
    </row>
    <row r="201229" spans="8:8">
      <c r="H201229" s="12"/>
    </row>
    <row r="201230" spans="8:8">
      <c r="H201230" s="12"/>
    </row>
    <row r="201231" spans="8:8">
      <c r="H201231" s="12"/>
    </row>
    <row r="201232" spans="8:8">
      <c r="H201232" s="12"/>
    </row>
    <row r="201233" spans="8:8">
      <c r="H201233" s="12"/>
    </row>
    <row r="201234" spans="8:8">
      <c r="H201234" s="12"/>
    </row>
    <row r="201235" spans="8:8">
      <c r="H201235" s="12"/>
    </row>
    <row r="201236" spans="8:8">
      <c r="H201236" s="12"/>
    </row>
    <row r="201237" spans="8:8">
      <c r="H201237" s="12"/>
    </row>
    <row r="201238" spans="8:8">
      <c r="H201238" s="12"/>
    </row>
    <row r="201239" spans="8:8">
      <c r="H201239" s="12"/>
    </row>
    <row r="201240" spans="8:8">
      <c r="H201240" s="12"/>
    </row>
    <row r="201241" spans="8:8">
      <c r="H201241" s="12"/>
    </row>
    <row r="201242" spans="8:8">
      <c r="H201242" s="12"/>
    </row>
    <row r="201243" spans="8:8">
      <c r="H201243" s="12"/>
    </row>
    <row r="201244" spans="8:8">
      <c r="H201244" s="12"/>
    </row>
    <row r="201245" spans="8:8">
      <c r="H201245" s="12"/>
    </row>
    <row r="201246" spans="8:8">
      <c r="H201246" s="12"/>
    </row>
    <row r="201247" spans="8:8">
      <c r="H201247" s="12"/>
    </row>
    <row r="201248" spans="8:8">
      <c r="H201248" s="12"/>
    </row>
    <row r="201249" spans="8:8">
      <c r="H201249" s="12"/>
    </row>
    <row r="201250" spans="8:8">
      <c r="H201250" s="12"/>
    </row>
    <row r="201251" spans="8:8">
      <c r="H201251" s="12"/>
    </row>
    <row r="201252" spans="8:8">
      <c r="H201252" s="12"/>
    </row>
    <row r="201253" spans="8:8">
      <c r="H201253" s="12"/>
    </row>
    <row r="201254" spans="8:8">
      <c r="H201254" s="12"/>
    </row>
    <row r="201255" spans="8:8">
      <c r="H201255" s="12"/>
    </row>
    <row r="201256" spans="8:8">
      <c r="H201256" s="12"/>
    </row>
    <row r="201257" spans="8:8">
      <c r="H201257" s="12"/>
    </row>
    <row r="201258" spans="8:8">
      <c r="H201258" s="12"/>
    </row>
    <row r="201259" spans="8:8">
      <c r="H201259" s="12"/>
    </row>
    <row r="201260" spans="8:8">
      <c r="H201260" s="12"/>
    </row>
    <row r="201261" spans="8:8">
      <c r="H201261" s="12"/>
    </row>
    <row r="201262" spans="8:8">
      <c r="H201262" s="12"/>
    </row>
    <row r="201263" spans="8:8">
      <c r="H201263" s="12"/>
    </row>
    <row r="201264" spans="8:8">
      <c r="H201264" s="12"/>
    </row>
    <row r="201265" spans="8:8">
      <c r="H201265" s="12"/>
    </row>
    <row r="201266" spans="8:8">
      <c r="H201266" s="12"/>
    </row>
    <row r="201267" spans="8:8">
      <c r="H201267" s="12"/>
    </row>
    <row r="201268" spans="8:8">
      <c r="H201268" s="12"/>
    </row>
    <row r="201269" spans="8:8">
      <c r="H201269" s="12"/>
    </row>
    <row r="201270" spans="8:8">
      <c r="H201270" s="12"/>
    </row>
    <row r="201271" spans="8:8">
      <c r="H201271" s="12"/>
    </row>
    <row r="201272" spans="8:8">
      <c r="H201272" s="12"/>
    </row>
    <row r="201273" spans="8:8">
      <c r="H201273" s="12"/>
    </row>
    <row r="201274" spans="8:8">
      <c r="H201274" s="12"/>
    </row>
    <row r="201275" spans="8:8">
      <c r="H201275" s="12"/>
    </row>
    <row r="201276" spans="8:8">
      <c r="H201276" s="12"/>
    </row>
    <row r="201277" spans="8:8">
      <c r="H201277" s="12"/>
    </row>
    <row r="201278" spans="8:8">
      <c r="H201278" s="12"/>
    </row>
    <row r="201279" spans="8:8">
      <c r="H201279" s="12"/>
    </row>
    <row r="201280" spans="8:8">
      <c r="H201280" s="12"/>
    </row>
    <row r="201281" spans="8:8">
      <c r="H201281" s="12"/>
    </row>
    <row r="201282" spans="8:8">
      <c r="H201282" s="12"/>
    </row>
    <row r="201283" spans="8:8">
      <c r="H201283" s="12"/>
    </row>
    <row r="201284" spans="8:8">
      <c r="H201284" s="12"/>
    </row>
    <row r="201285" spans="8:8">
      <c r="H201285" s="12"/>
    </row>
    <row r="201286" spans="8:8">
      <c r="H201286" s="12"/>
    </row>
    <row r="201287" spans="8:8">
      <c r="H201287" s="12"/>
    </row>
    <row r="201288" spans="8:8">
      <c r="H201288" s="12"/>
    </row>
    <row r="201289" spans="8:8">
      <c r="H201289" s="12"/>
    </row>
    <row r="201290" spans="8:8">
      <c r="H201290" s="12"/>
    </row>
    <row r="201291" spans="8:8">
      <c r="H201291" s="12"/>
    </row>
    <row r="201292" spans="8:8">
      <c r="H201292" s="12"/>
    </row>
    <row r="201293" spans="8:8">
      <c r="H201293" s="12"/>
    </row>
    <row r="201294" spans="8:8">
      <c r="H201294" s="12"/>
    </row>
    <row r="201295" spans="8:8">
      <c r="H201295" s="12"/>
    </row>
    <row r="201296" spans="8:8">
      <c r="H201296" s="12"/>
    </row>
    <row r="201297" spans="8:8">
      <c r="H201297" s="12"/>
    </row>
    <row r="201298" spans="8:8">
      <c r="H201298" s="12"/>
    </row>
    <row r="201299" spans="8:8">
      <c r="H201299" s="12"/>
    </row>
    <row r="201300" spans="8:8">
      <c r="H201300" s="12"/>
    </row>
    <row r="201301" spans="8:8">
      <c r="H201301" s="12"/>
    </row>
    <row r="201302" spans="8:8">
      <c r="H201302" s="12"/>
    </row>
    <row r="201303" spans="8:8">
      <c r="H201303" s="12"/>
    </row>
    <row r="201304" spans="8:8">
      <c r="H201304" s="12"/>
    </row>
    <row r="201305" spans="8:8">
      <c r="H201305" s="12"/>
    </row>
    <row r="201306" spans="8:8">
      <c r="H201306" s="12"/>
    </row>
    <row r="201307" spans="8:8">
      <c r="H201307" s="12"/>
    </row>
    <row r="201308" spans="8:8">
      <c r="H201308" s="12"/>
    </row>
    <row r="201309" spans="8:8">
      <c r="H201309" s="12"/>
    </row>
    <row r="201310" spans="8:8">
      <c r="H201310" s="12"/>
    </row>
    <row r="201311" spans="8:8">
      <c r="H201311" s="12"/>
    </row>
    <row r="201312" spans="8:8">
      <c r="H201312" s="12"/>
    </row>
    <row r="201313" spans="8:8">
      <c r="H201313" s="12"/>
    </row>
    <row r="201314" spans="8:8">
      <c r="H201314" s="12"/>
    </row>
    <row r="201315" spans="8:8">
      <c r="H201315" s="12"/>
    </row>
    <row r="201316" spans="8:8">
      <c r="H201316" s="12"/>
    </row>
    <row r="201317" spans="8:8">
      <c r="H201317" s="12"/>
    </row>
    <row r="201318" spans="8:8">
      <c r="H201318" s="12"/>
    </row>
    <row r="201319" spans="8:8">
      <c r="H201319" s="12"/>
    </row>
    <row r="201320" spans="8:8">
      <c r="H201320" s="12"/>
    </row>
    <row r="201321" spans="8:8">
      <c r="H201321" s="12"/>
    </row>
    <row r="201322" spans="8:8">
      <c r="H201322" s="12"/>
    </row>
    <row r="201323" spans="8:8">
      <c r="H201323" s="12"/>
    </row>
    <row r="201324" spans="8:8">
      <c r="H201324" s="12"/>
    </row>
    <row r="201325" spans="8:8">
      <c r="H201325" s="12"/>
    </row>
    <row r="201326" spans="8:8">
      <c r="H201326" s="12"/>
    </row>
    <row r="201327" spans="8:8">
      <c r="H201327" s="12"/>
    </row>
    <row r="201328" spans="8:8">
      <c r="H201328" s="12"/>
    </row>
    <row r="201329" spans="8:8">
      <c r="H201329" s="12"/>
    </row>
    <row r="201330" spans="8:8">
      <c r="H201330" s="12"/>
    </row>
    <row r="201331" spans="8:8">
      <c r="H201331" s="12"/>
    </row>
    <row r="201332" spans="8:8">
      <c r="H201332" s="12"/>
    </row>
    <row r="201333" spans="8:8">
      <c r="H201333" s="12"/>
    </row>
    <row r="201334" spans="8:8">
      <c r="H201334" s="12"/>
    </row>
    <row r="201335" spans="8:8">
      <c r="H201335" s="12"/>
    </row>
    <row r="201336" spans="8:8">
      <c r="H201336" s="12"/>
    </row>
    <row r="201337" spans="8:8">
      <c r="H201337" s="12"/>
    </row>
    <row r="201338" spans="8:8">
      <c r="H201338" s="12"/>
    </row>
    <row r="201339" spans="8:8">
      <c r="H201339" s="12"/>
    </row>
    <row r="201340" spans="8:8">
      <c r="H201340" s="12"/>
    </row>
    <row r="201341" spans="8:8">
      <c r="H201341" s="12"/>
    </row>
    <row r="201342" spans="8:8">
      <c r="H201342" s="12"/>
    </row>
    <row r="201343" spans="8:8">
      <c r="H201343" s="12"/>
    </row>
    <row r="201344" spans="8:8">
      <c r="H201344" s="12"/>
    </row>
    <row r="201345" spans="8:8">
      <c r="H201345" s="12"/>
    </row>
    <row r="201346" spans="8:8">
      <c r="H201346" s="12"/>
    </row>
    <row r="201347" spans="8:8">
      <c r="H201347" s="12"/>
    </row>
    <row r="201348" spans="8:8">
      <c r="H201348" s="12"/>
    </row>
    <row r="201349" spans="8:8">
      <c r="H201349" s="12"/>
    </row>
    <row r="201350" spans="8:8">
      <c r="H201350" s="12"/>
    </row>
    <row r="201351" spans="8:8">
      <c r="H201351" s="12"/>
    </row>
    <row r="201352" spans="8:8">
      <c r="H201352" s="12"/>
    </row>
    <row r="201353" spans="8:8">
      <c r="H201353" s="12"/>
    </row>
    <row r="201354" spans="8:8">
      <c r="H201354" s="12"/>
    </row>
    <row r="201355" spans="8:8">
      <c r="H201355" s="12"/>
    </row>
    <row r="201356" spans="8:8">
      <c r="H201356" s="12"/>
    </row>
    <row r="201357" spans="8:8">
      <c r="H201357" s="12"/>
    </row>
    <row r="201358" spans="8:8">
      <c r="H201358" s="12"/>
    </row>
    <row r="201359" spans="8:8">
      <c r="H201359" s="12"/>
    </row>
    <row r="201360" spans="8:8">
      <c r="H201360" s="12"/>
    </row>
    <row r="201361" spans="8:8">
      <c r="H201361" s="12"/>
    </row>
    <row r="201362" spans="8:8">
      <c r="H201362" s="12"/>
    </row>
    <row r="201363" spans="8:8">
      <c r="H201363" s="12"/>
    </row>
    <row r="201364" spans="8:8">
      <c r="H201364" s="12"/>
    </row>
    <row r="201365" spans="8:8">
      <c r="H201365" s="12"/>
    </row>
    <row r="201366" spans="8:8">
      <c r="H201366" s="12"/>
    </row>
    <row r="201367" spans="8:8">
      <c r="H201367" s="12"/>
    </row>
    <row r="201368" spans="8:8">
      <c r="H201368" s="12"/>
    </row>
    <row r="201369" spans="8:8">
      <c r="H201369" s="12"/>
    </row>
    <row r="201370" spans="8:8">
      <c r="H201370" s="12"/>
    </row>
    <row r="201371" spans="8:8">
      <c r="H201371" s="12"/>
    </row>
    <row r="201372" spans="8:8">
      <c r="H201372" s="12"/>
    </row>
    <row r="201373" spans="8:8">
      <c r="H201373" s="12"/>
    </row>
    <row r="201374" spans="8:8">
      <c r="H201374" s="12"/>
    </row>
    <row r="201375" spans="8:8">
      <c r="H201375" s="12"/>
    </row>
    <row r="201376" spans="8:8">
      <c r="H201376" s="12"/>
    </row>
    <row r="201377" spans="8:8">
      <c r="H201377" s="12"/>
    </row>
    <row r="201378" spans="8:8">
      <c r="H201378" s="12"/>
    </row>
    <row r="201379" spans="8:8">
      <c r="H201379" s="12"/>
    </row>
    <row r="201380" spans="8:8">
      <c r="H201380" s="12"/>
    </row>
    <row r="201381" spans="8:8">
      <c r="H201381" s="12"/>
    </row>
    <row r="201382" spans="8:8">
      <c r="H201382" s="12"/>
    </row>
    <row r="201383" spans="8:8">
      <c r="H201383" s="12"/>
    </row>
    <row r="201384" spans="8:8">
      <c r="H201384" s="12"/>
    </row>
    <row r="201385" spans="8:8">
      <c r="H201385" s="12"/>
    </row>
    <row r="201386" spans="8:8">
      <c r="H201386" s="12"/>
    </row>
    <row r="201387" spans="8:8">
      <c r="H201387" s="12"/>
    </row>
    <row r="201388" spans="8:8">
      <c r="H201388" s="12"/>
    </row>
    <row r="201389" spans="8:8">
      <c r="H201389" s="12"/>
    </row>
    <row r="201390" spans="8:8">
      <c r="H201390" s="12"/>
    </row>
    <row r="201391" spans="8:8">
      <c r="H201391" s="12"/>
    </row>
    <row r="201392" spans="8:8">
      <c r="H201392" s="12"/>
    </row>
    <row r="201393" spans="8:8">
      <c r="H201393" s="12"/>
    </row>
    <row r="201394" spans="8:8">
      <c r="H201394" s="12"/>
    </row>
    <row r="201395" spans="8:8">
      <c r="H201395" s="12"/>
    </row>
    <row r="201396" spans="8:8">
      <c r="H201396" s="12"/>
    </row>
    <row r="201397" spans="8:8">
      <c r="H201397" s="12"/>
    </row>
    <row r="201398" spans="8:8">
      <c r="H201398" s="12"/>
    </row>
    <row r="201399" spans="8:8">
      <c r="H201399" s="12"/>
    </row>
    <row r="201400" spans="8:8">
      <c r="H201400" s="12"/>
    </row>
    <row r="201401" spans="8:8">
      <c r="H201401" s="12"/>
    </row>
    <row r="201402" spans="8:8">
      <c r="H201402" s="12"/>
    </row>
    <row r="201403" spans="8:8">
      <c r="H201403" s="12"/>
    </row>
    <row r="201404" spans="8:8">
      <c r="H201404" s="12"/>
    </row>
    <row r="201405" spans="8:8">
      <c r="H201405" s="12"/>
    </row>
    <row r="201406" spans="8:8">
      <c r="H201406" s="12"/>
    </row>
    <row r="201407" spans="8:8">
      <c r="H201407" s="12"/>
    </row>
    <row r="201408" spans="8:8">
      <c r="H201408" s="12"/>
    </row>
    <row r="201409" spans="8:8">
      <c r="H201409" s="12"/>
    </row>
    <row r="201410" spans="8:8">
      <c r="H201410" s="12"/>
    </row>
    <row r="201411" spans="8:8">
      <c r="H201411" s="12"/>
    </row>
    <row r="201412" spans="8:8">
      <c r="H201412" s="12"/>
    </row>
    <row r="201413" spans="8:8">
      <c r="H201413" s="12"/>
    </row>
    <row r="201414" spans="8:8">
      <c r="H201414" s="12"/>
    </row>
    <row r="201415" spans="8:8">
      <c r="H201415" s="12"/>
    </row>
    <row r="201416" spans="8:8">
      <c r="H201416" s="12"/>
    </row>
    <row r="201417" spans="8:8">
      <c r="H201417" s="12"/>
    </row>
    <row r="201418" spans="8:8">
      <c r="H201418" s="12"/>
    </row>
    <row r="201419" spans="8:8">
      <c r="H201419" s="12"/>
    </row>
    <row r="201420" spans="8:8">
      <c r="H201420" s="12"/>
    </row>
    <row r="201421" spans="8:8">
      <c r="H201421" s="12"/>
    </row>
    <row r="201422" spans="8:8">
      <c r="H201422" s="12"/>
    </row>
    <row r="201423" spans="8:8">
      <c r="H201423" s="12"/>
    </row>
    <row r="201424" spans="8:8">
      <c r="H201424" s="12"/>
    </row>
    <row r="201425" spans="8:8">
      <c r="H201425" s="12"/>
    </row>
    <row r="201426" spans="8:8">
      <c r="H201426" s="12"/>
    </row>
    <row r="201427" spans="8:8">
      <c r="H201427" s="12"/>
    </row>
    <row r="201428" spans="8:8">
      <c r="H201428" s="12"/>
    </row>
    <row r="201429" spans="8:8">
      <c r="H201429" s="12"/>
    </row>
    <row r="201430" spans="8:8">
      <c r="H201430" s="12"/>
    </row>
    <row r="201431" spans="8:8">
      <c r="H201431" s="12"/>
    </row>
    <row r="201432" spans="8:8">
      <c r="H201432" s="12"/>
    </row>
    <row r="201433" spans="8:8">
      <c r="H201433" s="12"/>
    </row>
    <row r="201434" spans="8:8">
      <c r="H201434" s="12"/>
    </row>
    <row r="201435" spans="8:8">
      <c r="H201435" s="12"/>
    </row>
    <row r="201436" spans="8:8">
      <c r="H201436" s="12"/>
    </row>
    <row r="201437" spans="8:8">
      <c r="H201437" s="12"/>
    </row>
    <row r="201438" spans="8:8">
      <c r="H201438" s="12"/>
    </row>
    <row r="201439" spans="8:8">
      <c r="H201439" s="12"/>
    </row>
    <row r="201440" spans="8:8">
      <c r="H201440" s="12"/>
    </row>
    <row r="201441" spans="8:8">
      <c r="H201441" s="12"/>
    </row>
    <row r="201442" spans="8:8">
      <c r="H201442" s="12"/>
    </row>
    <row r="201443" spans="8:8">
      <c r="H201443" s="12"/>
    </row>
    <row r="201444" spans="8:8">
      <c r="H201444" s="12"/>
    </row>
    <row r="201445" spans="8:8">
      <c r="H201445" s="12"/>
    </row>
    <row r="201446" spans="8:8">
      <c r="H201446" s="12"/>
    </row>
    <row r="201447" spans="8:8">
      <c r="H201447" s="12"/>
    </row>
    <row r="201448" spans="8:8">
      <c r="H201448" s="12"/>
    </row>
    <row r="201449" spans="8:8">
      <c r="H201449" s="12"/>
    </row>
    <row r="201450" spans="8:8">
      <c r="H201450" s="12"/>
    </row>
    <row r="201451" spans="8:8">
      <c r="H201451" s="12"/>
    </row>
    <row r="201452" spans="8:8">
      <c r="H201452" s="12"/>
    </row>
    <row r="201453" spans="8:8">
      <c r="H201453" s="12"/>
    </row>
    <row r="201454" spans="8:8">
      <c r="H201454" s="12"/>
    </row>
    <row r="201455" spans="8:8">
      <c r="H201455" s="12"/>
    </row>
    <row r="201456" spans="8:8">
      <c r="H201456" s="12"/>
    </row>
    <row r="201457" spans="8:8">
      <c r="H201457" s="12"/>
    </row>
    <row r="201458" spans="8:8">
      <c r="H201458" s="12"/>
    </row>
    <row r="201459" spans="8:8">
      <c r="H201459" s="12"/>
    </row>
    <row r="201460" spans="8:8">
      <c r="H201460" s="12"/>
    </row>
    <row r="201461" spans="8:8">
      <c r="H201461" s="12"/>
    </row>
    <row r="201462" spans="8:8">
      <c r="H201462" s="12"/>
    </row>
    <row r="201463" spans="8:8">
      <c r="H201463" s="12"/>
    </row>
    <row r="201464" spans="8:8">
      <c r="H201464" s="12"/>
    </row>
    <row r="201465" spans="8:8">
      <c r="H201465" s="12"/>
    </row>
    <row r="201466" spans="8:8">
      <c r="H201466" s="12"/>
    </row>
    <row r="201467" spans="8:8">
      <c r="H201467" s="12"/>
    </row>
    <row r="201468" spans="8:8">
      <c r="H201468" s="12"/>
    </row>
    <row r="201469" spans="8:8">
      <c r="H201469" s="12"/>
    </row>
    <row r="201470" spans="8:8">
      <c r="H201470" s="12"/>
    </row>
    <row r="201471" spans="8:8">
      <c r="H201471" s="12"/>
    </row>
    <row r="201472" spans="8:8">
      <c r="H201472" s="12"/>
    </row>
    <row r="201473" spans="8:8">
      <c r="H201473" s="12"/>
    </row>
    <row r="201474" spans="8:8">
      <c r="H201474" s="12"/>
    </row>
    <row r="201475" spans="8:8">
      <c r="H201475" s="12"/>
    </row>
    <row r="201476" spans="8:8">
      <c r="H201476" s="12"/>
    </row>
    <row r="201477" spans="8:8">
      <c r="H201477" s="12"/>
    </row>
    <row r="201478" spans="8:8">
      <c r="H201478" s="12"/>
    </row>
    <row r="201479" spans="8:8">
      <c r="H201479" s="12"/>
    </row>
    <row r="201480" spans="8:8">
      <c r="H201480" s="12"/>
    </row>
    <row r="201481" spans="8:8">
      <c r="H201481" s="12"/>
    </row>
    <row r="201482" spans="8:8">
      <c r="H201482" s="12"/>
    </row>
    <row r="201483" spans="8:8">
      <c r="H201483" s="12"/>
    </row>
    <row r="201484" spans="8:8">
      <c r="H201484" s="12"/>
    </row>
    <row r="201485" spans="8:8">
      <c r="H201485" s="12"/>
    </row>
    <row r="201486" spans="8:8">
      <c r="H201486" s="12"/>
    </row>
    <row r="201487" spans="8:8">
      <c r="H201487" s="12"/>
    </row>
    <row r="201488" spans="8:8">
      <c r="H201488" s="12"/>
    </row>
    <row r="201489" spans="8:8">
      <c r="H201489" s="12"/>
    </row>
    <row r="201490" spans="8:8">
      <c r="H201490" s="12"/>
    </row>
    <row r="201491" spans="8:8">
      <c r="H201491" s="12"/>
    </row>
    <row r="201492" spans="8:8">
      <c r="H201492" s="12"/>
    </row>
    <row r="201493" spans="8:8">
      <c r="H201493" s="12"/>
    </row>
    <row r="201494" spans="8:8">
      <c r="H201494" s="12"/>
    </row>
    <row r="201495" spans="8:8">
      <c r="H201495" s="12"/>
    </row>
    <row r="201496" spans="8:8">
      <c r="H201496" s="12"/>
    </row>
    <row r="201497" spans="8:8">
      <c r="H201497" s="12"/>
    </row>
    <row r="201498" spans="8:8">
      <c r="H201498" s="12"/>
    </row>
    <row r="201499" spans="8:8">
      <c r="H201499" s="12"/>
    </row>
    <row r="201500" spans="8:8">
      <c r="H201500" s="12"/>
    </row>
    <row r="201501" spans="8:8">
      <c r="H201501" s="12"/>
    </row>
    <row r="201502" spans="8:8">
      <c r="H201502" s="12"/>
    </row>
    <row r="201503" spans="8:8">
      <c r="H201503" s="12"/>
    </row>
    <row r="201504" spans="8:8">
      <c r="H201504" s="12"/>
    </row>
    <row r="201505" spans="8:8">
      <c r="H201505" s="12"/>
    </row>
    <row r="201506" spans="8:8">
      <c r="H201506" s="12"/>
    </row>
    <row r="201507" spans="8:8">
      <c r="H201507" s="12"/>
    </row>
    <row r="201508" spans="8:8">
      <c r="H201508" s="12"/>
    </row>
    <row r="201509" spans="8:8">
      <c r="H201509" s="12"/>
    </row>
    <row r="201510" spans="8:8">
      <c r="H201510" s="12"/>
    </row>
    <row r="201511" spans="8:8">
      <c r="H201511" s="12"/>
    </row>
    <row r="201512" spans="8:8">
      <c r="H201512" s="12"/>
    </row>
    <row r="201513" spans="8:8">
      <c r="H201513" s="12"/>
    </row>
    <row r="201514" spans="8:8">
      <c r="H201514" s="12"/>
    </row>
    <row r="201515" spans="8:8">
      <c r="H201515" s="12"/>
    </row>
    <row r="201516" spans="8:8">
      <c r="H201516" s="12"/>
    </row>
    <row r="201517" spans="8:8">
      <c r="H201517" s="12"/>
    </row>
    <row r="201518" spans="8:8">
      <c r="H201518" s="12"/>
    </row>
    <row r="201519" spans="8:8">
      <c r="H201519" s="12"/>
    </row>
    <row r="201520" spans="8:8">
      <c r="H201520" s="12"/>
    </row>
    <row r="201521" spans="8:8">
      <c r="H201521" s="12"/>
    </row>
    <row r="201522" spans="8:8">
      <c r="H201522" s="12"/>
    </row>
    <row r="201523" spans="8:8">
      <c r="H201523" s="12"/>
    </row>
    <row r="201524" spans="8:8">
      <c r="H201524" s="12"/>
    </row>
    <row r="201525" spans="8:8">
      <c r="H201525" s="12"/>
    </row>
    <row r="201526" spans="8:8">
      <c r="H201526" s="12"/>
    </row>
    <row r="201527" spans="8:8">
      <c r="H201527" s="12"/>
    </row>
    <row r="201528" spans="8:8">
      <c r="H201528" s="12"/>
    </row>
    <row r="201529" spans="8:8">
      <c r="H201529" s="12"/>
    </row>
    <row r="201530" spans="8:8">
      <c r="H201530" s="12"/>
    </row>
    <row r="201531" spans="8:8">
      <c r="H201531" s="12"/>
    </row>
    <row r="201532" spans="8:8">
      <c r="H201532" s="12"/>
    </row>
    <row r="201533" spans="8:8">
      <c r="H201533" s="12"/>
    </row>
    <row r="201534" spans="8:8">
      <c r="H201534" s="12"/>
    </row>
    <row r="201535" spans="8:8">
      <c r="H201535" s="12"/>
    </row>
    <row r="201536" spans="8:8">
      <c r="H201536" s="12"/>
    </row>
    <row r="201537" spans="8:8">
      <c r="H201537" s="12"/>
    </row>
    <row r="201538" spans="8:8">
      <c r="H201538" s="12"/>
    </row>
    <row r="201539" spans="8:8">
      <c r="H201539" s="12"/>
    </row>
    <row r="201540" spans="8:8">
      <c r="H201540" s="12"/>
    </row>
    <row r="201541" spans="8:8">
      <c r="H201541" s="12"/>
    </row>
    <row r="201542" spans="8:8">
      <c r="H201542" s="12"/>
    </row>
    <row r="201543" spans="8:8">
      <c r="H201543" s="12"/>
    </row>
    <row r="201544" spans="8:8">
      <c r="H201544" s="12"/>
    </row>
    <row r="201545" spans="8:8">
      <c r="H201545" s="12"/>
    </row>
    <row r="201546" spans="8:8">
      <c r="H201546" s="12"/>
    </row>
    <row r="201547" spans="8:8">
      <c r="H201547" s="12"/>
    </row>
    <row r="201548" spans="8:8">
      <c r="H201548" s="12"/>
    </row>
    <row r="201549" spans="8:8">
      <c r="H201549" s="12"/>
    </row>
    <row r="201550" spans="8:8">
      <c r="H201550" s="12"/>
    </row>
    <row r="201551" spans="8:8">
      <c r="H201551" s="12"/>
    </row>
    <row r="201552" spans="8:8">
      <c r="H201552" s="12"/>
    </row>
    <row r="201553" spans="8:8">
      <c r="H201553" s="12"/>
    </row>
    <row r="201554" spans="8:8">
      <c r="H201554" s="12"/>
    </row>
    <row r="201555" spans="8:8">
      <c r="H201555" s="12"/>
    </row>
    <row r="201556" spans="8:8">
      <c r="H201556" s="12"/>
    </row>
    <row r="201557" spans="8:8">
      <c r="H201557" s="12"/>
    </row>
    <row r="201558" spans="8:8">
      <c r="H201558" s="12"/>
    </row>
    <row r="201559" spans="8:8">
      <c r="H201559" s="12"/>
    </row>
    <row r="201560" spans="8:8">
      <c r="H201560" s="12"/>
    </row>
    <row r="201561" spans="8:8">
      <c r="H201561" s="12"/>
    </row>
    <row r="201562" spans="8:8">
      <c r="H201562" s="12"/>
    </row>
    <row r="201563" spans="8:8">
      <c r="H201563" s="12"/>
    </row>
    <row r="201564" spans="8:8">
      <c r="H201564" s="12"/>
    </row>
    <row r="201565" spans="8:8">
      <c r="H201565" s="12"/>
    </row>
    <row r="201566" spans="8:8">
      <c r="H201566" s="12"/>
    </row>
    <row r="201567" spans="8:8">
      <c r="H201567" s="12"/>
    </row>
    <row r="201568" spans="8:8">
      <c r="H201568" s="12"/>
    </row>
    <row r="201569" spans="8:8">
      <c r="H201569" s="12"/>
    </row>
    <row r="201570" spans="8:8">
      <c r="H201570" s="12"/>
    </row>
    <row r="201571" spans="8:8">
      <c r="H201571" s="12"/>
    </row>
    <row r="201572" spans="8:8">
      <c r="H201572" s="12"/>
    </row>
    <row r="201573" spans="8:8">
      <c r="H201573" s="12"/>
    </row>
    <row r="201574" spans="8:8">
      <c r="H201574" s="12"/>
    </row>
    <row r="201575" spans="8:8">
      <c r="H201575" s="12"/>
    </row>
    <row r="201576" spans="8:8">
      <c r="H201576" s="12"/>
    </row>
    <row r="201577" spans="8:8">
      <c r="H201577" s="12"/>
    </row>
    <row r="201578" spans="8:8">
      <c r="H201578" s="12"/>
    </row>
    <row r="201579" spans="8:8">
      <c r="H201579" s="12"/>
    </row>
    <row r="201580" spans="8:8">
      <c r="H201580" s="12"/>
    </row>
    <row r="201581" spans="8:8">
      <c r="H201581" s="12"/>
    </row>
    <row r="201582" spans="8:8">
      <c r="H201582" s="12"/>
    </row>
    <row r="201583" spans="8:8">
      <c r="H201583" s="12"/>
    </row>
    <row r="201584" spans="8:8">
      <c r="H201584" s="12"/>
    </row>
    <row r="201585" spans="8:8">
      <c r="H201585" s="12"/>
    </row>
    <row r="201586" spans="8:8">
      <c r="H201586" s="12"/>
    </row>
    <row r="201587" spans="8:8">
      <c r="H201587" s="12"/>
    </row>
    <row r="201588" spans="8:8">
      <c r="H201588" s="12"/>
    </row>
    <row r="201589" spans="8:8">
      <c r="H201589" s="12"/>
    </row>
    <row r="201590" spans="8:8">
      <c r="H201590" s="12"/>
    </row>
    <row r="201591" spans="8:8">
      <c r="H201591" s="12"/>
    </row>
    <row r="201592" spans="8:8">
      <c r="H201592" s="12"/>
    </row>
    <row r="201593" spans="8:8">
      <c r="H201593" s="12"/>
    </row>
    <row r="201594" spans="8:8">
      <c r="H201594" s="12"/>
    </row>
    <row r="201595" spans="8:8">
      <c r="H201595" s="12"/>
    </row>
    <row r="201596" spans="8:8">
      <c r="H201596" s="12"/>
    </row>
    <row r="201597" spans="8:8">
      <c r="H201597" s="12"/>
    </row>
    <row r="201598" spans="8:8">
      <c r="H201598" s="12"/>
    </row>
    <row r="201599" spans="8:8">
      <c r="H201599" s="12"/>
    </row>
    <row r="201600" spans="8:8">
      <c r="H201600" s="12"/>
    </row>
    <row r="201601" spans="8:8">
      <c r="H201601" s="12"/>
    </row>
    <row r="201602" spans="8:8">
      <c r="H201602" s="12"/>
    </row>
    <row r="201603" spans="8:8">
      <c r="H201603" s="12"/>
    </row>
    <row r="201604" spans="8:8">
      <c r="H201604" s="12"/>
    </row>
    <row r="201605" spans="8:8">
      <c r="H201605" s="12"/>
    </row>
    <row r="201606" spans="8:8">
      <c r="H201606" s="12"/>
    </row>
    <row r="201607" spans="8:8">
      <c r="H201607" s="12"/>
    </row>
    <row r="201608" spans="8:8">
      <c r="H201608" s="12"/>
    </row>
    <row r="201609" spans="8:8">
      <c r="H201609" s="12"/>
    </row>
    <row r="201610" spans="8:8">
      <c r="H201610" s="12"/>
    </row>
    <row r="201611" spans="8:8">
      <c r="H201611" s="12"/>
    </row>
    <row r="201612" spans="8:8">
      <c r="H201612" s="12"/>
    </row>
    <row r="201613" spans="8:8">
      <c r="H201613" s="12"/>
    </row>
    <row r="201614" spans="8:8">
      <c r="H201614" s="12"/>
    </row>
    <row r="201615" spans="8:8">
      <c r="H201615" s="12"/>
    </row>
    <row r="201616" spans="8:8">
      <c r="H201616" s="12"/>
    </row>
    <row r="201617" spans="8:8">
      <c r="H201617" s="12"/>
    </row>
    <row r="201618" spans="8:8">
      <c r="H201618" s="12"/>
    </row>
    <row r="201619" spans="8:8">
      <c r="H201619" s="12"/>
    </row>
    <row r="201620" spans="8:8">
      <c r="H201620" s="12"/>
    </row>
    <row r="201621" spans="8:8">
      <c r="H201621" s="12"/>
    </row>
    <row r="201622" spans="8:8">
      <c r="H201622" s="12"/>
    </row>
    <row r="201623" spans="8:8">
      <c r="H201623" s="12"/>
    </row>
    <row r="201624" spans="8:8">
      <c r="H201624" s="12"/>
    </row>
    <row r="201625" spans="8:8">
      <c r="H201625" s="12"/>
    </row>
    <row r="201626" spans="8:8">
      <c r="H201626" s="12"/>
    </row>
    <row r="201627" spans="8:8">
      <c r="H201627" s="12"/>
    </row>
    <row r="201628" spans="8:8">
      <c r="H201628" s="12"/>
    </row>
    <row r="201629" spans="8:8">
      <c r="H201629" s="12"/>
    </row>
    <row r="201630" spans="8:8">
      <c r="H201630" s="12"/>
    </row>
    <row r="201631" spans="8:8">
      <c r="H201631" s="12"/>
    </row>
    <row r="201632" spans="8:8">
      <c r="H201632" s="12"/>
    </row>
    <row r="201633" spans="8:8">
      <c r="H201633" s="12"/>
    </row>
    <row r="201634" spans="8:8">
      <c r="H201634" s="12"/>
    </row>
    <row r="201635" spans="8:8">
      <c r="H201635" s="12"/>
    </row>
    <row r="201636" spans="8:8">
      <c r="H201636" s="12"/>
    </row>
    <row r="201637" spans="8:8">
      <c r="H201637" s="12"/>
    </row>
    <row r="201638" spans="8:8">
      <c r="H201638" s="12"/>
    </row>
    <row r="201639" spans="8:8">
      <c r="H201639" s="12"/>
    </row>
    <row r="201640" spans="8:8">
      <c r="H201640" s="12"/>
    </row>
    <row r="201641" spans="8:8">
      <c r="H201641" s="12"/>
    </row>
    <row r="201642" spans="8:8">
      <c r="H201642" s="12"/>
    </row>
    <row r="201643" spans="8:8">
      <c r="H201643" s="12"/>
    </row>
    <row r="201644" spans="8:8">
      <c r="H201644" s="12"/>
    </row>
    <row r="201645" spans="8:8">
      <c r="H201645" s="12"/>
    </row>
    <row r="201646" spans="8:8">
      <c r="H201646" s="12"/>
    </row>
    <row r="201647" spans="8:8">
      <c r="H201647" s="12"/>
    </row>
    <row r="201648" spans="8:8">
      <c r="H201648" s="12"/>
    </row>
    <row r="201649" spans="8:8">
      <c r="H201649" s="12"/>
    </row>
    <row r="201650" spans="8:8">
      <c r="H201650" s="12"/>
    </row>
    <row r="201651" spans="8:8">
      <c r="H201651" s="12"/>
    </row>
    <row r="201652" spans="8:8">
      <c r="H201652" s="12"/>
    </row>
    <row r="201653" spans="8:8">
      <c r="H201653" s="12"/>
    </row>
    <row r="201654" spans="8:8">
      <c r="H201654" s="12"/>
    </row>
    <row r="201655" spans="8:8">
      <c r="H201655" s="12"/>
    </row>
    <row r="201656" spans="8:8">
      <c r="H201656" s="12"/>
    </row>
    <row r="201657" spans="8:8">
      <c r="H201657" s="12"/>
    </row>
    <row r="201658" spans="8:8">
      <c r="H201658" s="12"/>
    </row>
    <row r="201659" spans="8:8">
      <c r="H201659" s="12"/>
    </row>
    <row r="201660" spans="8:8">
      <c r="H201660" s="12"/>
    </row>
    <row r="201661" spans="8:8">
      <c r="H201661" s="12"/>
    </row>
    <row r="201662" spans="8:8">
      <c r="H201662" s="12"/>
    </row>
    <row r="201663" spans="8:8">
      <c r="H201663" s="12"/>
    </row>
    <row r="201664" spans="8:8">
      <c r="H201664" s="12"/>
    </row>
    <row r="201665" spans="8:8">
      <c r="H201665" s="12"/>
    </row>
    <row r="201666" spans="8:8">
      <c r="H201666" s="12"/>
    </row>
    <row r="201667" spans="8:8">
      <c r="H201667" s="12"/>
    </row>
    <row r="201668" spans="8:8">
      <c r="H201668" s="12"/>
    </row>
    <row r="201669" spans="8:8">
      <c r="H201669" s="12"/>
    </row>
    <row r="201670" spans="8:8">
      <c r="H201670" s="12"/>
    </row>
    <row r="201671" spans="8:8">
      <c r="H201671" s="12"/>
    </row>
    <row r="201672" spans="8:8">
      <c r="H201672" s="12"/>
    </row>
    <row r="201673" spans="8:8">
      <c r="H201673" s="12"/>
    </row>
    <row r="201674" spans="8:8">
      <c r="H201674" s="12"/>
    </row>
    <row r="201675" spans="8:8">
      <c r="H201675" s="12"/>
    </row>
    <row r="201676" spans="8:8">
      <c r="H201676" s="12"/>
    </row>
    <row r="201677" spans="8:8">
      <c r="H201677" s="12"/>
    </row>
    <row r="201678" spans="8:8">
      <c r="H201678" s="12"/>
    </row>
    <row r="201679" spans="8:8">
      <c r="H201679" s="12"/>
    </row>
    <row r="201680" spans="8:8">
      <c r="H201680" s="12"/>
    </row>
    <row r="201681" spans="8:8">
      <c r="H201681" s="12"/>
    </row>
    <row r="201682" spans="8:8">
      <c r="H201682" s="12"/>
    </row>
    <row r="201683" spans="8:8">
      <c r="H201683" s="12"/>
    </row>
    <row r="201684" spans="8:8">
      <c r="H201684" s="12"/>
    </row>
    <row r="201685" spans="8:8">
      <c r="H201685" s="12"/>
    </row>
    <row r="201686" spans="8:8">
      <c r="H201686" s="12"/>
    </row>
    <row r="201687" spans="8:8">
      <c r="H201687" s="12"/>
    </row>
    <row r="201688" spans="8:8">
      <c r="H201688" s="12"/>
    </row>
    <row r="201689" spans="8:8">
      <c r="H201689" s="12"/>
    </row>
    <row r="201690" spans="8:8">
      <c r="H201690" s="12"/>
    </row>
    <row r="201691" spans="8:8">
      <c r="H201691" s="12"/>
    </row>
    <row r="201692" spans="8:8">
      <c r="H201692" s="12"/>
    </row>
    <row r="201693" spans="8:8">
      <c r="H201693" s="12"/>
    </row>
    <row r="201694" spans="8:8">
      <c r="H201694" s="12"/>
    </row>
    <row r="201695" spans="8:8">
      <c r="H201695" s="12"/>
    </row>
    <row r="201696" spans="8:8">
      <c r="H201696" s="12"/>
    </row>
    <row r="201697" spans="8:8">
      <c r="H201697" s="12"/>
    </row>
    <row r="201698" spans="8:8">
      <c r="H201698" s="12"/>
    </row>
    <row r="201699" spans="8:8">
      <c r="H201699" s="12"/>
    </row>
    <row r="201700" spans="8:8">
      <c r="H201700" s="12"/>
    </row>
    <row r="201701" spans="8:8">
      <c r="H201701" s="12"/>
    </row>
    <row r="201702" spans="8:8">
      <c r="H201702" s="12"/>
    </row>
    <row r="201703" spans="8:8">
      <c r="H201703" s="12"/>
    </row>
    <row r="201704" spans="8:8">
      <c r="H201704" s="12"/>
    </row>
    <row r="201705" spans="8:8">
      <c r="H201705" s="12"/>
    </row>
    <row r="201706" spans="8:8">
      <c r="H201706" s="12"/>
    </row>
    <row r="201707" spans="8:8">
      <c r="H201707" s="12"/>
    </row>
    <row r="201708" spans="8:8">
      <c r="H201708" s="12"/>
    </row>
    <row r="201709" spans="8:8">
      <c r="H201709" s="12"/>
    </row>
    <row r="201710" spans="8:8">
      <c r="H201710" s="12"/>
    </row>
    <row r="201711" spans="8:8">
      <c r="H201711" s="12"/>
    </row>
    <row r="201712" spans="8:8">
      <c r="H201712" s="12"/>
    </row>
    <row r="201713" spans="8:8">
      <c r="H201713" s="12"/>
    </row>
    <row r="201714" spans="8:8">
      <c r="H201714" s="12"/>
    </row>
    <row r="201715" spans="8:8">
      <c r="H201715" s="12"/>
    </row>
    <row r="201716" spans="8:8">
      <c r="H201716" s="12"/>
    </row>
    <row r="201717" spans="8:8">
      <c r="H201717" s="12"/>
    </row>
    <row r="201718" spans="8:8">
      <c r="H201718" s="12"/>
    </row>
    <row r="201719" spans="8:8">
      <c r="H201719" s="12"/>
    </row>
    <row r="201720" spans="8:8">
      <c r="H201720" s="12"/>
    </row>
    <row r="201721" spans="8:8">
      <c r="H201721" s="12"/>
    </row>
    <row r="201722" spans="8:8">
      <c r="H201722" s="12"/>
    </row>
    <row r="201723" spans="8:8">
      <c r="H201723" s="12"/>
    </row>
    <row r="201724" spans="8:8">
      <c r="H201724" s="12"/>
    </row>
    <row r="201725" spans="8:8">
      <c r="H201725" s="12"/>
    </row>
    <row r="201726" spans="8:8">
      <c r="H201726" s="12"/>
    </row>
    <row r="201727" spans="8:8">
      <c r="H201727" s="12"/>
    </row>
    <row r="201728" spans="8:8">
      <c r="H201728" s="12"/>
    </row>
    <row r="201729" spans="8:8">
      <c r="H201729" s="12"/>
    </row>
    <row r="201730" spans="8:8">
      <c r="H201730" s="12"/>
    </row>
    <row r="201731" spans="8:8">
      <c r="H201731" s="12"/>
    </row>
    <row r="201732" spans="8:8">
      <c r="H201732" s="12"/>
    </row>
    <row r="201733" spans="8:8">
      <c r="H201733" s="12"/>
    </row>
    <row r="201734" spans="8:8">
      <c r="H201734" s="12"/>
    </row>
    <row r="201735" spans="8:8">
      <c r="H201735" s="12"/>
    </row>
    <row r="201736" spans="8:8">
      <c r="H201736" s="12"/>
    </row>
    <row r="201737" spans="8:8">
      <c r="H201737" s="12"/>
    </row>
    <row r="201738" spans="8:8">
      <c r="H201738" s="12"/>
    </row>
    <row r="201739" spans="8:8">
      <c r="H201739" s="12"/>
    </row>
    <row r="201740" spans="8:8">
      <c r="H201740" s="12"/>
    </row>
    <row r="201741" spans="8:8">
      <c r="H201741" s="12"/>
    </row>
    <row r="201742" spans="8:8">
      <c r="H201742" s="12"/>
    </row>
    <row r="201743" spans="8:8">
      <c r="H201743" s="12"/>
    </row>
    <row r="201744" spans="8:8">
      <c r="H201744" s="12"/>
    </row>
    <row r="201745" spans="8:8">
      <c r="H201745" s="12"/>
    </row>
    <row r="201746" spans="8:8">
      <c r="H201746" s="12"/>
    </row>
    <row r="201747" spans="8:8">
      <c r="H201747" s="12"/>
    </row>
    <row r="201748" spans="8:8">
      <c r="H201748" s="12"/>
    </row>
    <row r="201749" spans="8:8">
      <c r="H201749" s="12"/>
    </row>
    <row r="201750" spans="8:8">
      <c r="H201750" s="12"/>
    </row>
    <row r="201751" spans="8:8">
      <c r="H201751" s="12"/>
    </row>
    <row r="201752" spans="8:8">
      <c r="H201752" s="12"/>
    </row>
    <row r="201753" spans="8:8">
      <c r="H201753" s="12"/>
    </row>
    <row r="201754" spans="8:8">
      <c r="H201754" s="12"/>
    </row>
    <row r="201755" spans="8:8">
      <c r="H201755" s="12"/>
    </row>
    <row r="201756" spans="8:8">
      <c r="H201756" s="12"/>
    </row>
    <row r="201757" spans="8:8">
      <c r="H201757" s="12"/>
    </row>
    <row r="201758" spans="8:8">
      <c r="H201758" s="12"/>
    </row>
    <row r="201759" spans="8:8">
      <c r="H201759" s="12"/>
    </row>
    <row r="201760" spans="8:8">
      <c r="H201760" s="12"/>
    </row>
    <row r="201761" spans="8:8">
      <c r="H201761" s="12"/>
    </row>
    <row r="201762" spans="8:8">
      <c r="H201762" s="12"/>
    </row>
    <row r="201763" spans="8:8">
      <c r="H201763" s="12"/>
    </row>
    <row r="201764" spans="8:8">
      <c r="H201764" s="12"/>
    </row>
    <row r="201765" spans="8:8">
      <c r="H201765" s="12"/>
    </row>
    <row r="201766" spans="8:8">
      <c r="H201766" s="12"/>
    </row>
    <row r="201767" spans="8:8">
      <c r="H201767" s="12"/>
    </row>
    <row r="201768" spans="8:8">
      <c r="H201768" s="12"/>
    </row>
    <row r="201769" spans="8:8">
      <c r="H201769" s="12"/>
    </row>
    <row r="201770" spans="8:8">
      <c r="H201770" s="12"/>
    </row>
    <row r="201771" spans="8:8">
      <c r="H201771" s="12"/>
    </row>
    <row r="201772" spans="8:8">
      <c r="H201772" s="12"/>
    </row>
    <row r="201773" spans="8:8">
      <c r="H201773" s="12"/>
    </row>
    <row r="201774" spans="8:8">
      <c r="H201774" s="12"/>
    </row>
    <row r="201775" spans="8:8">
      <c r="H201775" s="12"/>
    </row>
    <row r="201776" spans="8:8">
      <c r="H201776" s="12"/>
    </row>
    <row r="201777" spans="8:8">
      <c r="H201777" s="12"/>
    </row>
    <row r="201778" spans="8:8">
      <c r="H201778" s="12"/>
    </row>
    <row r="201779" spans="8:8">
      <c r="H201779" s="12"/>
    </row>
    <row r="201780" spans="8:8">
      <c r="H201780" s="12"/>
    </row>
    <row r="201781" spans="8:8">
      <c r="H201781" s="12"/>
    </row>
    <row r="201782" spans="8:8">
      <c r="H201782" s="12"/>
    </row>
    <row r="201783" spans="8:8">
      <c r="H201783" s="12"/>
    </row>
    <row r="201784" spans="8:8">
      <c r="H201784" s="12"/>
    </row>
    <row r="201785" spans="8:8">
      <c r="H201785" s="12"/>
    </row>
    <row r="201786" spans="8:8">
      <c r="H201786" s="12"/>
    </row>
    <row r="201787" spans="8:8">
      <c r="H201787" s="12"/>
    </row>
    <row r="201788" spans="8:8">
      <c r="H201788" s="12"/>
    </row>
    <row r="201789" spans="8:8">
      <c r="H201789" s="12"/>
    </row>
    <row r="201790" spans="8:8">
      <c r="H201790" s="12"/>
    </row>
    <row r="201791" spans="8:8">
      <c r="H201791" s="12"/>
    </row>
    <row r="201792" spans="8:8">
      <c r="H201792" s="12"/>
    </row>
    <row r="201793" spans="8:8">
      <c r="H201793" s="12"/>
    </row>
    <row r="201794" spans="8:8">
      <c r="H201794" s="12"/>
    </row>
    <row r="201795" spans="8:8">
      <c r="H201795" s="12"/>
    </row>
    <row r="201796" spans="8:8">
      <c r="H201796" s="12"/>
    </row>
    <row r="201797" spans="8:8">
      <c r="H201797" s="12"/>
    </row>
    <row r="201798" spans="8:8">
      <c r="H201798" s="12"/>
    </row>
    <row r="201799" spans="8:8">
      <c r="H201799" s="12"/>
    </row>
    <row r="201800" spans="8:8">
      <c r="H201800" s="12"/>
    </row>
    <row r="201801" spans="8:8">
      <c r="H201801" s="12"/>
    </row>
    <row r="201802" spans="8:8">
      <c r="H201802" s="12"/>
    </row>
    <row r="201803" spans="8:8">
      <c r="H201803" s="12"/>
    </row>
    <row r="201804" spans="8:8">
      <c r="H201804" s="12"/>
    </row>
    <row r="201805" spans="8:8">
      <c r="H201805" s="12"/>
    </row>
    <row r="201806" spans="8:8">
      <c r="H201806" s="12"/>
    </row>
    <row r="201807" spans="8:8">
      <c r="H201807" s="12"/>
    </row>
    <row r="201808" spans="8:8">
      <c r="H201808" s="12"/>
    </row>
    <row r="201809" spans="8:8">
      <c r="H201809" s="12"/>
    </row>
    <row r="201810" spans="8:8">
      <c r="H201810" s="12"/>
    </row>
    <row r="201811" spans="8:8">
      <c r="H201811" s="12"/>
    </row>
    <row r="201812" spans="8:8">
      <c r="H201812" s="12"/>
    </row>
    <row r="201813" spans="8:8">
      <c r="H201813" s="12"/>
    </row>
    <row r="201814" spans="8:8">
      <c r="H201814" s="12"/>
    </row>
    <row r="201815" spans="8:8">
      <c r="H201815" s="12"/>
    </row>
    <row r="201816" spans="8:8">
      <c r="H201816" s="12"/>
    </row>
    <row r="201817" spans="8:8">
      <c r="H201817" s="12"/>
    </row>
    <row r="201818" spans="8:8">
      <c r="H201818" s="12"/>
    </row>
    <row r="201819" spans="8:8">
      <c r="H201819" s="12"/>
    </row>
    <row r="201820" spans="8:8">
      <c r="H201820" s="12"/>
    </row>
    <row r="201821" spans="8:8">
      <c r="H201821" s="12"/>
    </row>
    <row r="201822" spans="8:8">
      <c r="H201822" s="12"/>
    </row>
    <row r="201823" spans="8:8">
      <c r="H201823" s="12"/>
    </row>
    <row r="201824" spans="8:8">
      <c r="H201824" s="12"/>
    </row>
    <row r="201825" spans="8:8">
      <c r="H201825" s="12"/>
    </row>
    <row r="201826" spans="8:8">
      <c r="H201826" s="12"/>
    </row>
    <row r="201827" spans="8:8">
      <c r="H201827" s="12"/>
    </row>
    <row r="201828" spans="8:8">
      <c r="H201828" s="12"/>
    </row>
    <row r="201829" spans="8:8">
      <c r="H201829" s="12"/>
    </row>
    <row r="201830" spans="8:8">
      <c r="H201830" s="12"/>
    </row>
    <row r="201831" spans="8:8">
      <c r="H201831" s="12"/>
    </row>
    <row r="201832" spans="8:8">
      <c r="H201832" s="12"/>
    </row>
    <row r="201833" spans="8:8">
      <c r="H201833" s="12"/>
    </row>
    <row r="201834" spans="8:8">
      <c r="H201834" s="12"/>
    </row>
    <row r="201835" spans="8:8">
      <c r="H201835" s="12"/>
    </row>
    <row r="201836" spans="8:8">
      <c r="H201836" s="12"/>
    </row>
    <row r="201837" spans="8:8">
      <c r="H201837" s="12"/>
    </row>
    <row r="201838" spans="8:8">
      <c r="H201838" s="12"/>
    </row>
    <row r="201839" spans="8:8">
      <c r="H201839" s="12"/>
    </row>
    <row r="201840" spans="8:8">
      <c r="H201840" s="12"/>
    </row>
    <row r="201841" spans="8:8">
      <c r="H201841" s="12"/>
    </row>
    <row r="201842" spans="8:8">
      <c r="H201842" s="12"/>
    </row>
    <row r="201843" spans="8:8">
      <c r="H201843" s="12"/>
    </row>
    <row r="201844" spans="8:8">
      <c r="H201844" s="12"/>
    </row>
    <row r="201845" spans="8:8">
      <c r="H201845" s="12"/>
    </row>
    <row r="201846" spans="8:8">
      <c r="H201846" s="12"/>
    </row>
    <row r="201847" spans="8:8">
      <c r="H201847" s="12"/>
    </row>
    <row r="201848" spans="8:8">
      <c r="H201848" s="12"/>
    </row>
    <row r="201849" spans="8:8">
      <c r="H201849" s="12"/>
    </row>
    <row r="201850" spans="8:8">
      <c r="H201850" s="12"/>
    </row>
    <row r="201851" spans="8:8">
      <c r="H201851" s="12"/>
    </row>
    <row r="201852" spans="8:8">
      <c r="H201852" s="12"/>
    </row>
    <row r="201853" spans="8:8">
      <c r="H201853" s="12"/>
    </row>
    <row r="201854" spans="8:8">
      <c r="H201854" s="12"/>
    </row>
    <row r="201855" spans="8:8">
      <c r="H201855" s="12"/>
    </row>
    <row r="201856" spans="8:8">
      <c r="H201856" s="12"/>
    </row>
    <row r="201857" spans="8:8">
      <c r="H201857" s="12"/>
    </row>
    <row r="201858" spans="8:8">
      <c r="H201858" s="12"/>
    </row>
    <row r="201859" spans="8:8">
      <c r="H201859" s="12"/>
    </row>
    <row r="201860" spans="8:8">
      <c r="H201860" s="12"/>
    </row>
    <row r="201861" spans="8:8">
      <c r="H201861" s="12"/>
    </row>
    <row r="201862" spans="8:8">
      <c r="H201862" s="12"/>
    </row>
    <row r="201863" spans="8:8">
      <c r="H201863" s="12"/>
    </row>
    <row r="201864" spans="8:8">
      <c r="H201864" s="12"/>
    </row>
    <row r="201865" spans="8:8">
      <c r="H201865" s="12"/>
    </row>
    <row r="201866" spans="8:8">
      <c r="H201866" s="12"/>
    </row>
    <row r="201867" spans="8:8">
      <c r="H201867" s="12"/>
    </row>
    <row r="201868" spans="8:8">
      <c r="H201868" s="12"/>
    </row>
    <row r="201869" spans="8:8">
      <c r="H201869" s="12"/>
    </row>
    <row r="201870" spans="8:8">
      <c r="H201870" s="12"/>
    </row>
    <row r="201871" spans="8:8">
      <c r="H201871" s="12"/>
    </row>
    <row r="201872" spans="8:8">
      <c r="H201872" s="12"/>
    </row>
    <row r="201873" spans="8:8">
      <c r="H201873" s="12"/>
    </row>
    <row r="201874" spans="8:8">
      <c r="H201874" s="12"/>
    </row>
    <row r="201875" spans="8:8">
      <c r="H201875" s="12"/>
    </row>
    <row r="201876" spans="8:8">
      <c r="H201876" s="12"/>
    </row>
    <row r="201877" spans="8:8">
      <c r="H201877" s="12"/>
    </row>
    <row r="201878" spans="8:8">
      <c r="H201878" s="12"/>
    </row>
    <row r="201879" spans="8:8">
      <c r="H201879" s="12"/>
    </row>
    <row r="201880" spans="8:8">
      <c r="H201880" s="12"/>
    </row>
    <row r="201881" spans="8:8">
      <c r="H201881" s="12"/>
    </row>
    <row r="201882" spans="8:8">
      <c r="H201882" s="12"/>
    </row>
    <row r="201883" spans="8:8">
      <c r="H201883" s="12"/>
    </row>
    <row r="201884" spans="8:8">
      <c r="H201884" s="12"/>
    </row>
    <row r="201885" spans="8:8">
      <c r="H201885" s="12"/>
    </row>
    <row r="201886" spans="8:8">
      <c r="H201886" s="12"/>
    </row>
    <row r="201887" spans="8:8">
      <c r="H201887" s="12"/>
    </row>
    <row r="201888" spans="8:8">
      <c r="H201888" s="12"/>
    </row>
    <row r="201889" spans="8:8">
      <c r="H201889" s="12"/>
    </row>
    <row r="201890" spans="8:8">
      <c r="H201890" s="12"/>
    </row>
    <row r="201891" spans="8:8">
      <c r="H201891" s="12"/>
    </row>
    <row r="201892" spans="8:8">
      <c r="H201892" s="12"/>
    </row>
    <row r="201893" spans="8:8">
      <c r="H201893" s="12"/>
    </row>
    <row r="201894" spans="8:8">
      <c r="H201894" s="12"/>
    </row>
    <row r="201895" spans="8:8">
      <c r="H201895" s="12"/>
    </row>
    <row r="201896" spans="8:8">
      <c r="H201896" s="12"/>
    </row>
    <row r="201897" spans="8:8">
      <c r="H201897" s="12"/>
    </row>
    <row r="201898" spans="8:8">
      <c r="H201898" s="12"/>
    </row>
    <row r="201899" spans="8:8">
      <c r="H201899" s="12"/>
    </row>
    <row r="201900" spans="8:8">
      <c r="H201900" s="12"/>
    </row>
    <row r="201901" spans="8:8">
      <c r="H201901" s="12"/>
    </row>
    <row r="201902" spans="8:8">
      <c r="H201902" s="12"/>
    </row>
    <row r="201903" spans="8:8">
      <c r="H201903" s="12"/>
    </row>
    <row r="201904" spans="8:8">
      <c r="H201904" s="12"/>
    </row>
    <row r="201905" spans="8:8">
      <c r="H201905" s="12"/>
    </row>
    <row r="201906" spans="8:8">
      <c r="H201906" s="12"/>
    </row>
    <row r="201907" spans="8:8">
      <c r="H201907" s="12"/>
    </row>
    <row r="201908" spans="8:8">
      <c r="H201908" s="12"/>
    </row>
    <row r="201909" spans="8:8">
      <c r="H201909" s="12"/>
    </row>
    <row r="201910" spans="8:8">
      <c r="H201910" s="12"/>
    </row>
    <row r="201911" spans="8:8">
      <c r="H201911" s="12"/>
    </row>
    <row r="201912" spans="8:8">
      <c r="H201912" s="12"/>
    </row>
    <row r="201913" spans="8:8">
      <c r="H201913" s="12"/>
    </row>
    <row r="201914" spans="8:8">
      <c r="H201914" s="12"/>
    </row>
    <row r="201915" spans="8:8">
      <c r="H201915" s="12"/>
    </row>
    <row r="201916" spans="8:8">
      <c r="H201916" s="12"/>
    </row>
    <row r="201917" spans="8:8">
      <c r="H201917" s="12"/>
    </row>
    <row r="201918" spans="8:8">
      <c r="H201918" s="12"/>
    </row>
    <row r="201919" spans="8:8">
      <c r="H201919" s="12"/>
    </row>
    <row r="201920" spans="8:8">
      <c r="H201920" s="12"/>
    </row>
    <row r="201921" spans="8:8">
      <c r="H201921" s="12"/>
    </row>
    <row r="201922" spans="8:8">
      <c r="H201922" s="12"/>
    </row>
    <row r="201923" spans="8:8">
      <c r="H201923" s="12"/>
    </row>
    <row r="201924" spans="8:8">
      <c r="H201924" s="12"/>
    </row>
    <row r="201925" spans="8:8">
      <c r="H201925" s="12"/>
    </row>
    <row r="201926" spans="8:8">
      <c r="H201926" s="12"/>
    </row>
    <row r="201927" spans="8:8">
      <c r="H201927" s="12"/>
    </row>
    <row r="201928" spans="8:8">
      <c r="H201928" s="12"/>
    </row>
    <row r="201929" spans="8:8">
      <c r="H201929" s="12"/>
    </row>
    <row r="201930" spans="8:8">
      <c r="H201930" s="12"/>
    </row>
    <row r="201931" spans="8:8">
      <c r="H201931" s="12"/>
    </row>
    <row r="201932" spans="8:8">
      <c r="H201932" s="12"/>
    </row>
    <row r="201933" spans="8:8">
      <c r="H201933" s="12"/>
    </row>
    <row r="201934" spans="8:8">
      <c r="H201934" s="12"/>
    </row>
    <row r="201935" spans="8:8">
      <c r="H201935" s="12"/>
    </row>
    <row r="201936" spans="8:8">
      <c r="H201936" s="12"/>
    </row>
    <row r="201937" spans="8:8">
      <c r="H201937" s="12"/>
    </row>
    <row r="201938" spans="8:8">
      <c r="H201938" s="12"/>
    </row>
    <row r="201939" spans="8:8">
      <c r="H201939" s="12"/>
    </row>
    <row r="201940" spans="8:8">
      <c r="H201940" s="12"/>
    </row>
    <row r="201941" spans="8:8">
      <c r="H201941" s="12"/>
    </row>
    <row r="201942" spans="8:8">
      <c r="H201942" s="12"/>
    </row>
    <row r="201943" spans="8:8">
      <c r="H201943" s="12"/>
    </row>
    <row r="201944" spans="8:8">
      <c r="H201944" s="12"/>
    </row>
    <row r="201945" spans="8:8">
      <c r="H201945" s="12"/>
    </row>
    <row r="201946" spans="8:8">
      <c r="H201946" s="12"/>
    </row>
    <row r="201947" spans="8:8">
      <c r="H201947" s="12"/>
    </row>
    <row r="201948" spans="8:8">
      <c r="H201948" s="12"/>
    </row>
    <row r="201949" spans="8:8">
      <c r="H201949" s="12"/>
    </row>
    <row r="201950" spans="8:8">
      <c r="H201950" s="12"/>
    </row>
    <row r="201951" spans="8:8">
      <c r="H201951" s="12"/>
    </row>
    <row r="201952" spans="8:8">
      <c r="H201952" s="12"/>
    </row>
    <row r="201953" spans="8:8">
      <c r="H201953" s="12"/>
    </row>
    <row r="201954" spans="8:8">
      <c r="H201954" s="12"/>
    </row>
    <row r="201955" spans="8:8">
      <c r="H201955" s="12"/>
    </row>
    <row r="201956" spans="8:8">
      <c r="H201956" s="12"/>
    </row>
    <row r="201957" spans="8:8">
      <c r="H201957" s="12"/>
    </row>
    <row r="201958" spans="8:8">
      <c r="H201958" s="12"/>
    </row>
    <row r="201959" spans="8:8">
      <c r="H201959" s="12"/>
    </row>
    <row r="201960" spans="8:8">
      <c r="H201960" s="12"/>
    </row>
    <row r="201961" spans="8:8">
      <c r="H201961" s="12"/>
    </row>
    <row r="201962" spans="8:8">
      <c r="H201962" s="12"/>
    </row>
    <row r="201963" spans="8:8">
      <c r="H201963" s="12"/>
    </row>
    <row r="201964" spans="8:8">
      <c r="H201964" s="12"/>
    </row>
    <row r="201965" spans="8:8">
      <c r="H201965" s="12"/>
    </row>
    <row r="201966" spans="8:8">
      <c r="H201966" s="12"/>
    </row>
    <row r="201967" spans="8:8">
      <c r="H201967" s="12"/>
    </row>
    <row r="201968" spans="8:8">
      <c r="H201968" s="12"/>
    </row>
    <row r="201969" spans="8:8">
      <c r="H201969" s="12"/>
    </row>
    <row r="201970" spans="8:8">
      <c r="H201970" s="12"/>
    </row>
    <row r="201971" spans="8:8">
      <c r="H201971" s="12"/>
    </row>
    <row r="201972" spans="8:8">
      <c r="H201972" s="12"/>
    </row>
    <row r="201973" spans="8:8">
      <c r="H201973" s="12"/>
    </row>
    <row r="201974" spans="8:8">
      <c r="H201974" s="12"/>
    </row>
    <row r="201975" spans="8:8">
      <c r="H201975" s="12"/>
    </row>
    <row r="201976" spans="8:8">
      <c r="H201976" s="12"/>
    </row>
    <row r="201977" spans="8:8">
      <c r="H201977" s="12"/>
    </row>
    <row r="201978" spans="8:8">
      <c r="H201978" s="12"/>
    </row>
    <row r="201979" spans="8:8">
      <c r="H201979" s="12"/>
    </row>
    <row r="201980" spans="8:8">
      <c r="H201980" s="12"/>
    </row>
    <row r="201981" spans="8:8">
      <c r="H201981" s="12"/>
    </row>
    <row r="201982" spans="8:8">
      <c r="H201982" s="12"/>
    </row>
    <row r="201983" spans="8:8">
      <c r="H201983" s="12"/>
    </row>
    <row r="201984" spans="8:8">
      <c r="H201984" s="12"/>
    </row>
    <row r="201985" spans="8:8">
      <c r="H201985" s="12"/>
    </row>
    <row r="201986" spans="8:8">
      <c r="H201986" s="12"/>
    </row>
    <row r="201987" spans="8:8">
      <c r="H201987" s="12"/>
    </row>
    <row r="201988" spans="8:8">
      <c r="H201988" s="12"/>
    </row>
    <row r="201989" spans="8:8">
      <c r="H201989" s="12"/>
    </row>
    <row r="201990" spans="8:8">
      <c r="H201990" s="12"/>
    </row>
    <row r="201991" spans="8:8">
      <c r="H201991" s="12"/>
    </row>
    <row r="201992" spans="8:8">
      <c r="H201992" s="12"/>
    </row>
    <row r="201993" spans="8:8">
      <c r="H201993" s="12"/>
    </row>
    <row r="201994" spans="8:8">
      <c r="H201994" s="12"/>
    </row>
    <row r="201995" spans="8:8">
      <c r="H201995" s="12"/>
    </row>
    <row r="201996" spans="8:8">
      <c r="H201996" s="12"/>
    </row>
    <row r="201997" spans="8:8">
      <c r="H201997" s="12"/>
    </row>
    <row r="201998" spans="8:8">
      <c r="H201998" s="12"/>
    </row>
    <row r="201999" spans="8:8">
      <c r="H201999" s="12"/>
    </row>
    <row r="202000" spans="8:8">
      <c r="H202000" s="12"/>
    </row>
    <row r="202001" spans="8:8">
      <c r="H202001" s="12"/>
    </row>
    <row r="202002" spans="8:8">
      <c r="H202002" s="12"/>
    </row>
    <row r="202003" spans="8:8">
      <c r="H202003" s="12"/>
    </row>
    <row r="202004" spans="8:8">
      <c r="H202004" s="12"/>
    </row>
    <row r="202005" spans="8:8">
      <c r="H202005" s="12"/>
    </row>
    <row r="202006" spans="8:8">
      <c r="H202006" s="12"/>
    </row>
    <row r="202007" spans="8:8">
      <c r="H202007" s="12"/>
    </row>
    <row r="202008" spans="8:8">
      <c r="H202008" s="12"/>
    </row>
    <row r="202009" spans="8:8">
      <c r="H202009" s="12"/>
    </row>
    <row r="202010" spans="8:8">
      <c r="H202010" s="12"/>
    </row>
    <row r="202011" spans="8:8">
      <c r="H202011" s="12"/>
    </row>
    <row r="202012" spans="8:8">
      <c r="H202012" s="12"/>
    </row>
    <row r="202013" spans="8:8">
      <c r="H202013" s="12"/>
    </row>
    <row r="202014" spans="8:8">
      <c r="H202014" s="12"/>
    </row>
    <row r="202015" spans="8:8">
      <c r="H202015" s="12"/>
    </row>
    <row r="202016" spans="8:8">
      <c r="H202016" s="12"/>
    </row>
    <row r="202017" spans="8:8">
      <c r="H202017" s="12"/>
    </row>
    <row r="202018" spans="8:8">
      <c r="H202018" s="12"/>
    </row>
    <row r="202019" spans="8:8">
      <c r="H202019" s="12"/>
    </row>
    <row r="202020" spans="8:8">
      <c r="H202020" s="12"/>
    </row>
    <row r="202021" spans="8:8">
      <c r="H202021" s="12"/>
    </row>
    <row r="202022" spans="8:8">
      <c r="H202022" s="12"/>
    </row>
    <row r="202023" spans="8:8">
      <c r="H202023" s="12"/>
    </row>
    <row r="202024" spans="8:8">
      <c r="H202024" s="12"/>
    </row>
    <row r="202025" spans="8:8">
      <c r="H202025" s="12"/>
    </row>
    <row r="202026" spans="8:8">
      <c r="H202026" s="12"/>
    </row>
    <row r="202027" spans="8:8">
      <c r="H202027" s="12"/>
    </row>
    <row r="202028" spans="8:8">
      <c r="H202028" s="12"/>
    </row>
    <row r="202029" spans="8:8">
      <c r="H202029" s="12"/>
    </row>
    <row r="202030" spans="8:8">
      <c r="H202030" s="12"/>
    </row>
    <row r="202031" spans="8:8">
      <c r="H202031" s="12"/>
    </row>
    <row r="202032" spans="8:8">
      <c r="H202032" s="12"/>
    </row>
    <row r="202033" spans="8:8">
      <c r="H202033" s="12"/>
    </row>
    <row r="202034" spans="8:8">
      <c r="H202034" s="12"/>
    </row>
    <row r="202035" spans="8:8">
      <c r="H202035" s="12"/>
    </row>
    <row r="202036" spans="8:8">
      <c r="H202036" s="12"/>
    </row>
    <row r="202037" spans="8:8">
      <c r="H202037" s="12"/>
    </row>
    <row r="202038" spans="8:8">
      <c r="H202038" s="12"/>
    </row>
    <row r="202039" spans="8:8">
      <c r="H202039" s="12"/>
    </row>
    <row r="202040" spans="8:8">
      <c r="H202040" s="12"/>
    </row>
    <row r="202041" spans="8:8">
      <c r="H202041" s="12"/>
    </row>
    <row r="202042" spans="8:8">
      <c r="H202042" s="12"/>
    </row>
    <row r="202043" spans="8:8">
      <c r="H202043" s="12"/>
    </row>
    <row r="202044" spans="8:8">
      <c r="H202044" s="12"/>
    </row>
    <row r="202045" spans="8:8">
      <c r="H202045" s="12"/>
    </row>
    <row r="202046" spans="8:8">
      <c r="H202046" s="12"/>
    </row>
    <row r="202047" spans="8:8">
      <c r="H202047" s="12"/>
    </row>
    <row r="202048" spans="8:8">
      <c r="H202048" s="12"/>
    </row>
    <row r="202049" spans="8:8">
      <c r="H202049" s="12"/>
    </row>
    <row r="202050" spans="8:8">
      <c r="H202050" s="12"/>
    </row>
    <row r="202051" spans="8:8">
      <c r="H202051" s="12"/>
    </row>
    <row r="202052" spans="8:8">
      <c r="H202052" s="12"/>
    </row>
    <row r="202053" spans="8:8">
      <c r="H202053" s="12"/>
    </row>
    <row r="202054" spans="8:8">
      <c r="H202054" s="12"/>
    </row>
    <row r="202055" spans="8:8">
      <c r="H202055" s="12"/>
    </row>
    <row r="202056" spans="8:8">
      <c r="H202056" s="12"/>
    </row>
    <row r="202057" spans="8:8">
      <c r="H202057" s="12"/>
    </row>
    <row r="202058" spans="8:8">
      <c r="H202058" s="12"/>
    </row>
    <row r="202059" spans="8:8">
      <c r="H202059" s="12"/>
    </row>
    <row r="202060" spans="8:8">
      <c r="H202060" s="12"/>
    </row>
    <row r="202061" spans="8:8">
      <c r="H202061" s="12"/>
    </row>
    <row r="202062" spans="8:8">
      <c r="H202062" s="12"/>
    </row>
    <row r="202063" spans="8:8">
      <c r="H202063" s="12"/>
    </row>
    <row r="202064" spans="8:8">
      <c r="H202064" s="12"/>
    </row>
    <row r="202065" spans="8:8">
      <c r="H202065" s="12"/>
    </row>
    <row r="202066" spans="8:8">
      <c r="H202066" s="12"/>
    </row>
    <row r="202067" spans="8:8">
      <c r="H202067" s="12"/>
    </row>
    <row r="202068" spans="8:8">
      <c r="H202068" s="12"/>
    </row>
    <row r="202069" spans="8:8">
      <c r="H202069" s="12"/>
    </row>
    <row r="202070" spans="8:8">
      <c r="H202070" s="12"/>
    </row>
    <row r="202071" spans="8:8">
      <c r="H202071" s="12"/>
    </row>
    <row r="202072" spans="8:8">
      <c r="H202072" s="12"/>
    </row>
    <row r="202073" spans="8:8">
      <c r="H202073" s="12"/>
    </row>
    <row r="202074" spans="8:8">
      <c r="H202074" s="12"/>
    </row>
    <row r="202075" spans="8:8">
      <c r="H202075" s="12"/>
    </row>
    <row r="202076" spans="8:8">
      <c r="H202076" s="12"/>
    </row>
    <row r="202077" spans="8:8">
      <c r="H202077" s="12"/>
    </row>
    <row r="202078" spans="8:8">
      <c r="H202078" s="12"/>
    </row>
    <row r="202079" spans="8:8">
      <c r="H202079" s="12"/>
    </row>
    <row r="202080" spans="8:8">
      <c r="H202080" s="12"/>
    </row>
    <row r="202081" spans="8:8">
      <c r="H202081" s="12"/>
    </row>
    <row r="202082" spans="8:8">
      <c r="H202082" s="12"/>
    </row>
    <row r="202083" spans="8:8">
      <c r="H202083" s="12"/>
    </row>
    <row r="202084" spans="8:8">
      <c r="H202084" s="12"/>
    </row>
    <row r="202085" spans="8:8">
      <c r="H202085" s="12"/>
    </row>
    <row r="202086" spans="8:8">
      <c r="H202086" s="12"/>
    </row>
    <row r="202087" spans="8:8">
      <c r="H202087" s="12"/>
    </row>
    <row r="202088" spans="8:8">
      <c r="H202088" s="12"/>
    </row>
    <row r="202089" spans="8:8">
      <c r="H202089" s="12"/>
    </row>
    <row r="202090" spans="8:8">
      <c r="H202090" s="12"/>
    </row>
    <row r="202091" spans="8:8">
      <c r="H202091" s="12"/>
    </row>
    <row r="202092" spans="8:8">
      <c r="H202092" s="12"/>
    </row>
    <row r="202093" spans="8:8">
      <c r="H202093" s="12"/>
    </row>
    <row r="202094" spans="8:8">
      <c r="H202094" s="12"/>
    </row>
    <row r="202095" spans="8:8">
      <c r="H202095" s="12"/>
    </row>
    <row r="202096" spans="8:8">
      <c r="H202096" s="12"/>
    </row>
    <row r="202097" spans="8:8">
      <c r="H202097" s="12"/>
    </row>
    <row r="202098" spans="8:8">
      <c r="H202098" s="12"/>
    </row>
    <row r="202099" spans="8:8">
      <c r="H202099" s="12"/>
    </row>
    <row r="202100" spans="8:8">
      <c r="H202100" s="12"/>
    </row>
    <row r="202101" spans="8:8">
      <c r="H202101" s="12"/>
    </row>
    <row r="202102" spans="8:8">
      <c r="H202102" s="12"/>
    </row>
    <row r="202103" spans="8:8">
      <c r="H202103" s="12"/>
    </row>
    <row r="202104" spans="8:8">
      <c r="H202104" s="12"/>
    </row>
    <row r="202105" spans="8:8">
      <c r="H202105" s="12"/>
    </row>
    <row r="202106" spans="8:8">
      <c r="H202106" s="12"/>
    </row>
    <row r="202107" spans="8:8">
      <c r="H202107" s="12"/>
    </row>
    <row r="202108" spans="8:8">
      <c r="H202108" s="12"/>
    </row>
    <row r="202109" spans="8:8">
      <c r="H202109" s="12"/>
    </row>
    <row r="202110" spans="8:8">
      <c r="H202110" s="12"/>
    </row>
    <row r="202111" spans="8:8">
      <c r="H202111" s="12"/>
    </row>
    <row r="202112" spans="8:8">
      <c r="H202112" s="12"/>
    </row>
    <row r="202113" spans="8:8">
      <c r="H202113" s="12"/>
    </row>
    <row r="202114" spans="8:8">
      <c r="H202114" s="12"/>
    </row>
    <row r="202115" spans="8:8">
      <c r="H202115" s="12"/>
    </row>
    <row r="202116" spans="8:8">
      <c r="H202116" s="12"/>
    </row>
    <row r="202117" spans="8:8">
      <c r="H202117" s="12"/>
    </row>
    <row r="202118" spans="8:8">
      <c r="H202118" s="12"/>
    </row>
    <row r="202119" spans="8:8">
      <c r="H202119" s="12"/>
    </row>
    <row r="202120" spans="8:8">
      <c r="H202120" s="12"/>
    </row>
    <row r="202121" spans="8:8">
      <c r="H202121" s="12"/>
    </row>
    <row r="202122" spans="8:8">
      <c r="H202122" s="12"/>
    </row>
    <row r="202123" spans="8:8">
      <c r="H202123" s="12"/>
    </row>
    <row r="202124" spans="8:8">
      <c r="H202124" s="12"/>
    </row>
    <row r="202125" spans="8:8">
      <c r="H202125" s="12"/>
    </row>
    <row r="202126" spans="8:8">
      <c r="H202126" s="12"/>
    </row>
    <row r="202127" spans="8:8">
      <c r="H202127" s="12"/>
    </row>
    <row r="202128" spans="8:8">
      <c r="H202128" s="12"/>
    </row>
    <row r="202129" spans="8:8">
      <c r="H202129" s="12"/>
    </row>
    <row r="202130" spans="8:8">
      <c r="H202130" s="12"/>
    </row>
    <row r="202131" spans="8:8">
      <c r="H202131" s="12"/>
    </row>
    <row r="202132" spans="8:8">
      <c r="H202132" s="12"/>
    </row>
    <row r="202133" spans="8:8">
      <c r="H202133" s="12"/>
    </row>
    <row r="202134" spans="8:8">
      <c r="H202134" s="12"/>
    </row>
    <row r="202135" spans="8:8">
      <c r="H202135" s="12"/>
    </row>
    <row r="202136" spans="8:8">
      <c r="H202136" s="12"/>
    </row>
    <row r="202137" spans="8:8">
      <c r="H202137" s="12"/>
    </row>
    <row r="202138" spans="8:8">
      <c r="H202138" s="12"/>
    </row>
    <row r="202139" spans="8:8">
      <c r="H202139" s="12"/>
    </row>
    <row r="202140" spans="8:8">
      <c r="H202140" s="12"/>
    </row>
    <row r="202141" spans="8:8">
      <c r="H202141" s="12"/>
    </row>
    <row r="202142" spans="8:8">
      <c r="H202142" s="12"/>
    </row>
    <row r="202143" spans="8:8">
      <c r="H202143" s="12"/>
    </row>
    <row r="202144" spans="8:8">
      <c r="H202144" s="12"/>
    </row>
    <row r="202145" spans="8:8">
      <c r="H202145" s="12"/>
    </row>
    <row r="202146" spans="8:8">
      <c r="H202146" s="12"/>
    </row>
    <row r="202147" spans="8:8">
      <c r="H202147" s="12"/>
    </row>
    <row r="202148" spans="8:8">
      <c r="H202148" s="12"/>
    </row>
    <row r="202149" spans="8:8">
      <c r="H202149" s="12"/>
    </row>
    <row r="202150" spans="8:8">
      <c r="H202150" s="12"/>
    </row>
    <row r="202151" spans="8:8">
      <c r="H202151" s="12"/>
    </row>
    <row r="202152" spans="8:8">
      <c r="H202152" s="12"/>
    </row>
    <row r="202153" spans="8:8">
      <c r="H202153" s="12"/>
    </row>
    <row r="202154" spans="8:8">
      <c r="H202154" s="12"/>
    </row>
    <row r="202155" spans="8:8">
      <c r="H202155" s="12"/>
    </row>
    <row r="202156" spans="8:8">
      <c r="H202156" s="12"/>
    </row>
    <row r="202157" spans="8:8">
      <c r="H202157" s="12"/>
    </row>
    <row r="202158" spans="8:8">
      <c r="H202158" s="12"/>
    </row>
    <row r="202159" spans="8:8">
      <c r="H202159" s="12"/>
    </row>
    <row r="202160" spans="8:8">
      <c r="H202160" s="12"/>
    </row>
    <row r="202161" spans="8:8">
      <c r="H202161" s="12"/>
    </row>
    <row r="202162" spans="8:8">
      <c r="H202162" s="12"/>
    </row>
    <row r="202163" spans="8:8">
      <c r="H202163" s="12"/>
    </row>
    <row r="202164" spans="8:8">
      <c r="H202164" s="12"/>
    </row>
    <row r="202165" spans="8:8">
      <c r="H202165" s="12"/>
    </row>
    <row r="202166" spans="8:8">
      <c r="H202166" s="12"/>
    </row>
    <row r="202167" spans="8:8">
      <c r="H202167" s="12"/>
    </row>
    <row r="202168" spans="8:8">
      <c r="H202168" s="12"/>
    </row>
    <row r="202169" spans="8:8">
      <c r="H202169" s="12"/>
    </row>
    <row r="202170" spans="8:8">
      <c r="H202170" s="12"/>
    </row>
    <row r="202171" spans="8:8">
      <c r="H202171" s="12"/>
    </row>
    <row r="202172" spans="8:8">
      <c r="H202172" s="12"/>
    </row>
    <row r="202173" spans="8:8">
      <c r="H202173" s="12"/>
    </row>
    <row r="202174" spans="8:8">
      <c r="H202174" s="12"/>
    </row>
    <row r="202175" spans="8:8">
      <c r="H202175" s="12"/>
    </row>
    <row r="202176" spans="8:8">
      <c r="H202176" s="12"/>
    </row>
    <row r="202177" spans="8:8">
      <c r="H202177" s="12"/>
    </row>
    <row r="202178" spans="8:8">
      <c r="H202178" s="12"/>
    </row>
    <row r="202179" spans="8:8">
      <c r="H202179" s="12"/>
    </row>
    <row r="202180" spans="8:8">
      <c r="H202180" s="12"/>
    </row>
    <row r="202181" spans="8:8">
      <c r="H202181" s="12"/>
    </row>
    <row r="202182" spans="8:8">
      <c r="H202182" s="12"/>
    </row>
    <row r="202183" spans="8:8">
      <c r="H202183" s="12"/>
    </row>
    <row r="202184" spans="8:8">
      <c r="H202184" s="12"/>
    </row>
    <row r="202185" spans="8:8">
      <c r="H202185" s="12"/>
    </row>
    <row r="202186" spans="8:8">
      <c r="H202186" s="12"/>
    </row>
    <row r="202187" spans="8:8">
      <c r="H202187" s="12"/>
    </row>
    <row r="202188" spans="8:8">
      <c r="H202188" s="12"/>
    </row>
    <row r="202189" spans="8:8">
      <c r="H202189" s="12"/>
    </row>
    <row r="202190" spans="8:8">
      <c r="H202190" s="12"/>
    </row>
    <row r="202191" spans="8:8">
      <c r="H202191" s="12"/>
    </row>
    <row r="202192" spans="8:8">
      <c r="H202192" s="12"/>
    </row>
    <row r="202193" spans="8:8">
      <c r="H202193" s="12"/>
    </row>
    <row r="202194" spans="8:8">
      <c r="H202194" s="12"/>
    </row>
    <row r="202195" spans="8:8">
      <c r="H202195" s="12"/>
    </row>
    <row r="202196" spans="8:8">
      <c r="H202196" s="12"/>
    </row>
    <row r="202197" spans="8:8">
      <c r="H202197" s="12"/>
    </row>
    <row r="202198" spans="8:8">
      <c r="H202198" s="12"/>
    </row>
    <row r="202199" spans="8:8">
      <c r="H202199" s="12"/>
    </row>
    <row r="202200" spans="8:8">
      <c r="H202200" s="12"/>
    </row>
    <row r="202201" spans="8:8">
      <c r="H202201" s="12"/>
    </row>
    <row r="202202" spans="8:8">
      <c r="H202202" s="12"/>
    </row>
    <row r="202203" spans="8:8">
      <c r="H202203" s="12"/>
    </row>
    <row r="202204" spans="8:8">
      <c r="H202204" s="12"/>
    </row>
    <row r="202205" spans="8:8">
      <c r="H202205" s="12"/>
    </row>
    <row r="202206" spans="8:8">
      <c r="H202206" s="12"/>
    </row>
    <row r="202207" spans="8:8">
      <c r="H202207" s="12"/>
    </row>
    <row r="202208" spans="8:8">
      <c r="H202208" s="12"/>
    </row>
    <row r="202209" spans="8:8">
      <c r="H202209" s="12"/>
    </row>
    <row r="202210" spans="8:8">
      <c r="H202210" s="12"/>
    </row>
    <row r="202211" spans="8:8">
      <c r="H202211" s="12"/>
    </row>
    <row r="202212" spans="8:8">
      <c r="H202212" s="12"/>
    </row>
    <row r="202213" spans="8:8">
      <c r="H202213" s="12"/>
    </row>
    <row r="202214" spans="8:8">
      <c r="H202214" s="12"/>
    </row>
    <row r="202215" spans="8:8">
      <c r="H202215" s="12"/>
    </row>
    <row r="202216" spans="8:8">
      <c r="H202216" s="12"/>
    </row>
    <row r="202217" spans="8:8">
      <c r="H202217" s="12"/>
    </row>
    <row r="202218" spans="8:8">
      <c r="H202218" s="12"/>
    </row>
    <row r="202219" spans="8:8">
      <c r="H202219" s="12"/>
    </row>
    <row r="202220" spans="8:8">
      <c r="H202220" s="12"/>
    </row>
    <row r="202221" spans="8:8">
      <c r="H202221" s="12"/>
    </row>
    <row r="202222" spans="8:8">
      <c r="H202222" s="12"/>
    </row>
    <row r="202223" spans="8:8">
      <c r="H202223" s="12"/>
    </row>
    <row r="202224" spans="8:8">
      <c r="H202224" s="12"/>
    </row>
    <row r="202225" spans="8:8">
      <c r="H202225" s="12"/>
    </row>
    <row r="202226" spans="8:8">
      <c r="H202226" s="12"/>
    </row>
    <row r="202227" spans="8:8">
      <c r="H202227" s="12"/>
    </row>
    <row r="202228" spans="8:8">
      <c r="H202228" s="12"/>
    </row>
    <row r="202229" spans="8:8">
      <c r="H202229" s="12"/>
    </row>
    <row r="202230" spans="8:8">
      <c r="H202230" s="12"/>
    </row>
    <row r="202231" spans="8:8">
      <c r="H202231" s="12"/>
    </row>
    <row r="202232" spans="8:8">
      <c r="H202232" s="12"/>
    </row>
    <row r="202233" spans="8:8">
      <c r="H202233" s="12"/>
    </row>
    <row r="202234" spans="8:8">
      <c r="H202234" s="12"/>
    </row>
    <row r="202235" spans="8:8">
      <c r="H202235" s="12"/>
    </row>
    <row r="202236" spans="8:8">
      <c r="H202236" s="12"/>
    </row>
    <row r="202237" spans="8:8">
      <c r="H202237" s="12"/>
    </row>
    <row r="202238" spans="8:8">
      <c r="H202238" s="12"/>
    </row>
    <row r="202239" spans="8:8">
      <c r="H202239" s="12"/>
    </row>
    <row r="202240" spans="8:8">
      <c r="H202240" s="12"/>
    </row>
    <row r="202241" spans="8:8">
      <c r="H202241" s="12"/>
    </row>
    <row r="202242" spans="8:8">
      <c r="H202242" s="12"/>
    </row>
    <row r="202243" spans="8:8">
      <c r="H202243" s="12"/>
    </row>
    <row r="202244" spans="8:8">
      <c r="H202244" s="12"/>
    </row>
    <row r="202245" spans="8:8">
      <c r="H202245" s="12"/>
    </row>
    <row r="202246" spans="8:8">
      <c r="H202246" s="12"/>
    </row>
    <row r="202247" spans="8:8">
      <c r="H202247" s="12"/>
    </row>
    <row r="202248" spans="8:8">
      <c r="H202248" s="12"/>
    </row>
    <row r="202249" spans="8:8">
      <c r="H202249" s="12"/>
    </row>
    <row r="202250" spans="8:8">
      <c r="H202250" s="12"/>
    </row>
    <row r="202251" spans="8:8">
      <c r="H202251" s="12"/>
    </row>
    <row r="202252" spans="8:8">
      <c r="H202252" s="12"/>
    </row>
    <row r="202253" spans="8:8">
      <c r="H202253" s="12"/>
    </row>
    <row r="202254" spans="8:8">
      <c r="H202254" s="12"/>
    </row>
    <row r="202255" spans="8:8">
      <c r="H202255" s="12"/>
    </row>
    <row r="202256" spans="8:8">
      <c r="H202256" s="12"/>
    </row>
    <row r="202257" spans="8:8">
      <c r="H202257" s="12"/>
    </row>
    <row r="202258" spans="8:8">
      <c r="H202258" s="12"/>
    </row>
    <row r="202259" spans="8:8">
      <c r="H202259" s="12"/>
    </row>
    <row r="202260" spans="8:8">
      <c r="H202260" s="12"/>
    </row>
    <row r="202261" spans="8:8">
      <c r="H202261" s="12"/>
    </row>
    <row r="202262" spans="8:8">
      <c r="H202262" s="12"/>
    </row>
    <row r="202263" spans="8:8">
      <c r="H202263" s="12"/>
    </row>
    <row r="202264" spans="8:8">
      <c r="H202264" s="12"/>
    </row>
    <row r="202265" spans="8:8">
      <c r="H202265" s="12"/>
    </row>
    <row r="202266" spans="8:8">
      <c r="H202266" s="12"/>
    </row>
    <row r="202267" spans="8:8">
      <c r="H202267" s="12"/>
    </row>
    <row r="202268" spans="8:8">
      <c r="H202268" s="12"/>
    </row>
    <row r="202269" spans="8:8">
      <c r="H202269" s="12"/>
    </row>
    <row r="202270" spans="8:8">
      <c r="H202270" s="12"/>
    </row>
    <row r="202271" spans="8:8">
      <c r="H202271" s="12"/>
    </row>
    <row r="202272" spans="8:8">
      <c r="H202272" s="12"/>
    </row>
    <row r="202273" spans="8:8">
      <c r="H202273" s="12"/>
    </row>
    <row r="202274" spans="8:8">
      <c r="H202274" s="12"/>
    </row>
    <row r="202275" spans="8:8">
      <c r="H202275" s="12"/>
    </row>
    <row r="202276" spans="8:8">
      <c r="H202276" s="12"/>
    </row>
    <row r="202277" spans="8:8">
      <c r="H202277" s="12"/>
    </row>
    <row r="202278" spans="8:8">
      <c r="H202278" s="12"/>
    </row>
    <row r="202279" spans="8:8">
      <c r="H202279" s="12"/>
    </row>
    <row r="202280" spans="8:8">
      <c r="H202280" s="12"/>
    </row>
    <row r="202281" spans="8:8">
      <c r="H202281" s="12"/>
    </row>
    <row r="202282" spans="8:8">
      <c r="H202282" s="12"/>
    </row>
    <row r="202283" spans="8:8">
      <c r="H202283" s="12"/>
    </row>
    <row r="202284" spans="8:8">
      <c r="H202284" s="12"/>
    </row>
    <row r="202285" spans="8:8">
      <c r="H202285" s="12"/>
    </row>
    <row r="202286" spans="8:8">
      <c r="H202286" s="12"/>
    </row>
    <row r="202287" spans="8:8">
      <c r="H202287" s="12"/>
    </row>
    <row r="202288" spans="8:8">
      <c r="H202288" s="12"/>
    </row>
    <row r="202289" spans="8:8">
      <c r="H202289" s="12"/>
    </row>
    <row r="202290" spans="8:8">
      <c r="H202290" s="12"/>
    </row>
    <row r="202291" spans="8:8">
      <c r="H202291" s="12"/>
    </row>
    <row r="202292" spans="8:8">
      <c r="H202292" s="12"/>
    </row>
    <row r="202293" spans="8:8">
      <c r="H202293" s="12"/>
    </row>
    <row r="202294" spans="8:8">
      <c r="H202294" s="12"/>
    </row>
    <row r="202295" spans="8:8">
      <c r="H202295" s="12"/>
    </row>
    <row r="202296" spans="8:8">
      <c r="H202296" s="12"/>
    </row>
    <row r="202297" spans="8:8">
      <c r="H202297" s="12"/>
    </row>
    <row r="202298" spans="8:8">
      <c r="H202298" s="12"/>
    </row>
    <row r="202299" spans="8:8">
      <c r="H202299" s="12"/>
    </row>
    <row r="202300" spans="8:8">
      <c r="H202300" s="12"/>
    </row>
    <row r="202301" spans="8:8">
      <c r="H202301" s="12"/>
    </row>
    <row r="202302" spans="8:8">
      <c r="H202302" s="12"/>
    </row>
    <row r="202303" spans="8:8">
      <c r="H202303" s="12"/>
    </row>
    <row r="202304" spans="8:8">
      <c r="H202304" s="12"/>
    </row>
    <row r="202305" spans="8:8">
      <c r="H202305" s="12"/>
    </row>
    <row r="202306" spans="8:8">
      <c r="H202306" s="12"/>
    </row>
    <row r="202307" spans="8:8">
      <c r="H202307" s="12"/>
    </row>
    <row r="202308" spans="8:8">
      <c r="H202308" s="12"/>
    </row>
    <row r="202309" spans="8:8">
      <c r="H202309" s="12"/>
    </row>
    <row r="202310" spans="8:8">
      <c r="H202310" s="12"/>
    </row>
    <row r="202311" spans="8:8">
      <c r="H202311" s="12"/>
    </row>
    <row r="202312" spans="8:8">
      <c r="H202312" s="12"/>
    </row>
    <row r="202313" spans="8:8">
      <c r="H202313" s="12"/>
    </row>
    <row r="202314" spans="8:8">
      <c r="H202314" s="12"/>
    </row>
    <row r="202315" spans="8:8">
      <c r="H202315" s="12"/>
    </row>
    <row r="202316" spans="8:8">
      <c r="H202316" s="12"/>
    </row>
    <row r="202317" spans="8:8">
      <c r="H202317" s="12"/>
    </row>
    <row r="202318" spans="8:8">
      <c r="H202318" s="12"/>
    </row>
    <row r="202319" spans="8:8">
      <c r="H202319" s="12"/>
    </row>
    <row r="202320" spans="8:8">
      <c r="H202320" s="12"/>
    </row>
    <row r="202321" spans="8:8">
      <c r="H202321" s="12"/>
    </row>
    <row r="202322" spans="8:8">
      <c r="H202322" s="12"/>
    </row>
    <row r="202323" spans="8:8">
      <c r="H202323" s="12"/>
    </row>
    <row r="202324" spans="8:8">
      <c r="H202324" s="12"/>
    </row>
    <row r="202325" spans="8:8">
      <c r="H202325" s="12"/>
    </row>
    <row r="202326" spans="8:8">
      <c r="H202326" s="12"/>
    </row>
    <row r="202327" spans="8:8">
      <c r="H202327" s="12"/>
    </row>
    <row r="202328" spans="8:8">
      <c r="H202328" s="12"/>
    </row>
    <row r="202329" spans="8:8">
      <c r="H202329" s="12"/>
    </row>
    <row r="202330" spans="8:8">
      <c r="H202330" s="12"/>
    </row>
    <row r="202331" spans="8:8">
      <c r="H202331" s="12"/>
    </row>
    <row r="202332" spans="8:8">
      <c r="H202332" s="12"/>
    </row>
    <row r="202333" spans="8:8">
      <c r="H202333" s="12"/>
    </row>
    <row r="202334" spans="8:8">
      <c r="H202334" s="12"/>
    </row>
    <row r="202335" spans="8:8">
      <c r="H202335" s="12"/>
    </row>
    <row r="202336" spans="8:8">
      <c r="H202336" s="12"/>
    </row>
    <row r="202337" spans="8:8">
      <c r="H202337" s="12"/>
    </row>
    <row r="202338" spans="8:8">
      <c r="H202338" s="12"/>
    </row>
    <row r="202339" spans="8:8">
      <c r="H202339" s="12"/>
    </row>
    <row r="202340" spans="8:8">
      <c r="H202340" s="12"/>
    </row>
    <row r="202341" spans="8:8">
      <c r="H202341" s="12"/>
    </row>
    <row r="202342" spans="8:8">
      <c r="H202342" s="12"/>
    </row>
    <row r="202343" spans="8:8">
      <c r="H202343" s="12"/>
    </row>
    <row r="202344" spans="8:8">
      <c r="H202344" s="12"/>
    </row>
    <row r="202345" spans="8:8">
      <c r="H202345" s="12"/>
    </row>
    <row r="202346" spans="8:8">
      <c r="H202346" s="12"/>
    </row>
    <row r="202347" spans="8:8">
      <c r="H202347" s="12"/>
    </row>
    <row r="202348" spans="8:8">
      <c r="H202348" s="12"/>
    </row>
    <row r="202349" spans="8:8">
      <c r="H202349" s="12"/>
    </row>
    <row r="202350" spans="8:8">
      <c r="H202350" s="12"/>
    </row>
    <row r="202351" spans="8:8">
      <c r="H202351" s="12"/>
    </row>
    <row r="202352" spans="8:8">
      <c r="H202352" s="12"/>
    </row>
    <row r="202353" spans="8:8">
      <c r="H202353" s="12"/>
    </row>
    <row r="202354" spans="8:8">
      <c r="H202354" s="12"/>
    </row>
    <row r="202355" spans="8:8">
      <c r="H202355" s="12"/>
    </row>
    <row r="202356" spans="8:8">
      <c r="H202356" s="12"/>
    </row>
    <row r="202357" spans="8:8">
      <c r="H202357" s="12"/>
    </row>
    <row r="202358" spans="8:8">
      <c r="H202358" s="12"/>
    </row>
    <row r="202359" spans="8:8">
      <c r="H202359" s="12"/>
    </row>
    <row r="202360" spans="8:8">
      <c r="H202360" s="12"/>
    </row>
    <row r="202361" spans="8:8">
      <c r="H202361" s="12"/>
    </row>
    <row r="202362" spans="8:8">
      <c r="H202362" s="12"/>
    </row>
    <row r="202363" spans="8:8">
      <c r="H202363" s="12"/>
    </row>
    <row r="202364" spans="8:8">
      <c r="H202364" s="12"/>
    </row>
    <row r="202365" spans="8:8">
      <c r="H202365" s="12"/>
    </row>
    <row r="202366" spans="8:8">
      <c r="H202366" s="12"/>
    </row>
    <row r="202367" spans="8:8">
      <c r="H202367" s="12"/>
    </row>
    <row r="202368" spans="8:8">
      <c r="H202368" s="12"/>
    </row>
    <row r="202369" spans="8:8">
      <c r="H202369" s="12"/>
    </row>
    <row r="202370" spans="8:8">
      <c r="H202370" s="12"/>
    </row>
    <row r="202371" spans="8:8">
      <c r="H202371" s="12"/>
    </row>
    <row r="202372" spans="8:8">
      <c r="H202372" s="12"/>
    </row>
    <row r="202373" spans="8:8">
      <c r="H202373" s="12"/>
    </row>
    <row r="202374" spans="8:8">
      <c r="H202374" s="12"/>
    </row>
    <row r="202375" spans="8:8">
      <c r="H202375" s="12"/>
    </row>
    <row r="202376" spans="8:8">
      <c r="H202376" s="12"/>
    </row>
    <row r="202377" spans="8:8">
      <c r="H202377" s="12"/>
    </row>
    <row r="202378" spans="8:8">
      <c r="H202378" s="12"/>
    </row>
    <row r="202379" spans="8:8">
      <c r="H202379" s="12"/>
    </row>
    <row r="202380" spans="8:8">
      <c r="H202380" s="12"/>
    </row>
    <row r="202381" spans="8:8">
      <c r="H202381" s="12"/>
    </row>
    <row r="202382" spans="8:8">
      <c r="H202382" s="12"/>
    </row>
    <row r="202383" spans="8:8">
      <c r="H202383" s="12"/>
    </row>
    <row r="202384" spans="8:8">
      <c r="H202384" s="12"/>
    </row>
    <row r="202385" spans="8:8">
      <c r="H202385" s="12"/>
    </row>
    <row r="202386" spans="8:8">
      <c r="H202386" s="12"/>
    </row>
    <row r="202387" spans="8:8">
      <c r="H202387" s="12"/>
    </row>
    <row r="202388" spans="8:8">
      <c r="H202388" s="12"/>
    </row>
    <row r="202389" spans="8:8">
      <c r="H202389" s="12"/>
    </row>
    <row r="202390" spans="8:8">
      <c r="H202390" s="12"/>
    </row>
    <row r="202391" spans="8:8">
      <c r="H202391" s="12"/>
    </row>
    <row r="202392" spans="8:8">
      <c r="H202392" s="12"/>
    </row>
    <row r="202393" spans="8:8">
      <c r="H202393" s="12"/>
    </row>
    <row r="202394" spans="8:8">
      <c r="H202394" s="12"/>
    </row>
    <row r="202395" spans="8:8">
      <c r="H202395" s="12"/>
    </row>
    <row r="202396" spans="8:8">
      <c r="H202396" s="12"/>
    </row>
    <row r="202397" spans="8:8">
      <c r="H202397" s="12"/>
    </row>
    <row r="202398" spans="8:8">
      <c r="H202398" s="12"/>
    </row>
    <row r="202399" spans="8:8">
      <c r="H202399" s="12"/>
    </row>
    <row r="202400" spans="8:8">
      <c r="H202400" s="12"/>
    </row>
    <row r="202401" spans="8:8">
      <c r="H202401" s="12"/>
    </row>
    <row r="202402" spans="8:8">
      <c r="H202402" s="12"/>
    </row>
    <row r="202403" spans="8:8">
      <c r="H202403" s="12"/>
    </row>
    <row r="202404" spans="8:8">
      <c r="H202404" s="12"/>
    </row>
    <row r="202405" spans="8:8">
      <c r="H202405" s="12"/>
    </row>
    <row r="202406" spans="8:8">
      <c r="H202406" s="12"/>
    </row>
    <row r="202407" spans="8:8">
      <c r="H202407" s="12"/>
    </row>
    <row r="202408" spans="8:8">
      <c r="H202408" s="12"/>
    </row>
    <row r="202409" spans="8:8">
      <c r="H202409" s="12"/>
    </row>
    <row r="202410" spans="8:8">
      <c r="H202410" s="12"/>
    </row>
    <row r="202411" spans="8:8">
      <c r="H202411" s="12"/>
    </row>
    <row r="202412" spans="8:8">
      <c r="H202412" s="12"/>
    </row>
    <row r="202413" spans="8:8">
      <c r="H202413" s="12"/>
    </row>
    <row r="202414" spans="8:8">
      <c r="H202414" s="12"/>
    </row>
    <row r="202415" spans="8:8">
      <c r="H202415" s="12"/>
    </row>
    <row r="202416" spans="8:8">
      <c r="H202416" s="12"/>
    </row>
    <row r="202417" spans="8:8">
      <c r="H202417" s="12"/>
    </row>
    <row r="202418" spans="8:8">
      <c r="H202418" s="12"/>
    </row>
    <row r="202419" spans="8:8">
      <c r="H202419" s="12"/>
    </row>
    <row r="202420" spans="8:8">
      <c r="H202420" s="12"/>
    </row>
    <row r="202421" spans="8:8">
      <c r="H202421" s="12"/>
    </row>
    <row r="202422" spans="8:8">
      <c r="H202422" s="12"/>
    </row>
    <row r="202423" spans="8:8">
      <c r="H202423" s="12"/>
    </row>
    <row r="202424" spans="8:8">
      <c r="H202424" s="12"/>
    </row>
    <row r="202425" spans="8:8">
      <c r="H202425" s="12"/>
    </row>
    <row r="202426" spans="8:8">
      <c r="H202426" s="12"/>
    </row>
    <row r="202427" spans="8:8">
      <c r="H202427" s="12"/>
    </row>
    <row r="202428" spans="8:8">
      <c r="H202428" s="12"/>
    </row>
    <row r="202429" spans="8:8">
      <c r="H202429" s="12"/>
    </row>
    <row r="202430" spans="8:8">
      <c r="H202430" s="12"/>
    </row>
    <row r="202431" spans="8:8">
      <c r="H202431" s="12"/>
    </row>
    <row r="202432" spans="8:8">
      <c r="H202432" s="12"/>
    </row>
    <row r="202433" spans="8:8">
      <c r="H202433" s="12"/>
    </row>
    <row r="202434" spans="8:8">
      <c r="H202434" s="12"/>
    </row>
    <row r="202435" spans="8:8">
      <c r="H202435" s="12"/>
    </row>
    <row r="202436" spans="8:8">
      <c r="H202436" s="12"/>
    </row>
    <row r="202437" spans="8:8">
      <c r="H202437" s="12"/>
    </row>
    <row r="202438" spans="8:8">
      <c r="H202438" s="12"/>
    </row>
    <row r="202439" spans="8:8">
      <c r="H202439" s="12"/>
    </row>
    <row r="202440" spans="8:8">
      <c r="H202440" s="12"/>
    </row>
    <row r="202441" spans="8:8">
      <c r="H202441" s="12"/>
    </row>
    <row r="202442" spans="8:8">
      <c r="H202442" s="12"/>
    </row>
    <row r="202443" spans="8:8">
      <c r="H202443" s="12"/>
    </row>
    <row r="202444" spans="8:8">
      <c r="H202444" s="12"/>
    </row>
    <row r="202445" spans="8:8">
      <c r="H202445" s="12"/>
    </row>
    <row r="202446" spans="8:8">
      <c r="H202446" s="12"/>
    </row>
    <row r="202447" spans="8:8">
      <c r="H202447" s="12"/>
    </row>
    <row r="202448" spans="8:8">
      <c r="H202448" s="12"/>
    </row>
    <row r="202449" spans="8:8">
      <c r="H202449" s="12"/>
    </row>
    <row r="202450" spans="8:8">
      <c r="H202450" s="12"/>
    </row>
    <row r="202451" spans="8:8">
      <c r="H202451" s="12"/>
    </row>
    <row r="202452" spans="8:8">
      <c r="H202452" s="12"/>
    </row>
    <row r="202453" spans="8:8">
      <c r="H202453" s="12"/>
    </row>
    <row r="202454" spans="8:8">
      <c r="H202454" s="12"/>
    </row>
    <row r="202455" spans="8:8">
      <c r="H202455" s="12"/>
    </row>
    <row r="202456" spans="8:8">
      <c r="H202456" s="12"/>
    </row>
    <row r="202457" spans="8:8">
      <c r="H202457" s="12"/>
    </row>
    <row r="202458" spans="8:8">
      <c r="H202458" s="12"/>
    </row>
    <row r="202459" spans="8:8">
      <c r="H202459" s="12"/>
    </row>
    <row r="202460" spans="8:8">
      <c r="H202460" s="12"/>
    </row>
    <row r="202461" spans="8:8">
      <c r="H202461" s="12"/>
    </row>
    <row r="202462" spans="8:8">
      <c r="H202462" s="12"/>
    </row>
    <row r="202463" spans="8:8">
      <c r="H202463" s="12"/>
    </row>
    <row r="202464" spans="8:8">
      <c r="H202464" s="12"/>
    </row>
    <row r="202465" spans="8:8">
      <c r="H202465" s="12"/>
    </row>
    <row r="202466" spans="8:8">
      <c r="H202466" s="12"/>
    </row>
    <row r="202467" spans="8:8">
      <c r="H202467" s="12"/>
    </row>
    <row r="202468" spans="8:8">
      <c r="H202468" s="12"/>
    </row>
    <row r="202469" spans="8:8">
      <c r="H202469" s="12"/>
    </row>
    <row r="202470" spans="8:8">
      <c r="H202470" s="12"/>
    </row>
    <row r="202471" spans="8:8">
      <c r="H202471" s="12"/>
    </row>
    <row r="202472" spans="8:8">
      <c r="H202472" s="12"/>
    </row>
    <row r="202473" spans="8:8">
      <c r="H202473" s="12"/>
    </row>
    <row r="202474" spans="8:8">
      <c r="H202474" s="12"/>
    </row>
    <row r="202475" spans="8:8">
      <c r="H202475" s="12"/>
    </row>
    <row r="202476" spans="8:8">
      <c r="H202476" s="12"/>
    </row>
    <row r="202477" spans="8:8">
      <c r="H202477" s="12"/>
    </row>
    <row r="202478" spans="8:8">
      <c r="H202478" s="12"/>
    </row>
    <row r="202479" spans="8:8">
      <c r="H202479" s="12"/>
    </row>
    <row r="202480" spans="8:8">
      <c r="H202480" s="12"/>
    </row>
    <row r="202481" spans="8:8">
      <c r="H202481" s="12"/>
    </row>
    <row r="202482" spans="8:8">
      <c r="H202482" s="12"/>
    </row>
    <row r="202483" spans="8:8">
      <c r="H202483" s="12"/>
    </row>
    <row r="202484" spans="8:8">
      <c r="H202484" s="12"/>
    </row>
    <row r="202485" spans="8:8">
      <c r="H202485" s="12"/>
    </row>
    <row r="202486" spans="8:8">
      <c r="H202486" s="12"/>
    </row>
    <row r="202487" spans="8:8">
      <c r="H202487" s="12"/>
    </row>
    <row r="202488" spans="8:8">
      <c r="H202488" s="12"/>
    </row>
    <row r="202489" spans="8:8">
      <c r="H202489" s="12"/>
    </row>
    <row r="202490" spans="8:8">
      <c r="H202490" s="12"/>
    </row>
    <row r="202491" spans="8:8">
      <c r="H202491" s="12"/>
    </row>
    <row r="202492" spans="8:8">
      <c r="H202492" s="12"/>
    </row>
    <row r="202493" spans="8:8">
      <c r="H202493" s="12"/>
    </row>
    <row r="202494" spans="8:8">
      <c r="H202494" s="12"/>
    </row>
    <row r="202495" spans="8:8">
      <c r="H202495" s="12"/>
    </row>
    <row r="202496" spans="8:8">
      <c r="H202496" s="12"/>
    </row>
    <row r="202497" spans="8:8">
      <c r="H202497" s="12"/>
    </row>
    <row r="202498" spans="8:8">
      <c r="H202498" s="12"/>
    </row>
    <row r="202499" spans="8:8">
      <c r="H202499" s="12"/>
    </row>
    <row r="202500" spans="8:8">
      <c r="H202500" s="12"/>
    </row>
    <row r="202501" spans="8:8">
      <c r="H202501" s="12"/>
    </row>
    <row r="202502" spans="8:8">
      <c r="H202502" s="12"/>
    </row>
    <row r="202503" spans="8:8">
      <c r="H202503" s="12"/>
    </row>
    <row r="202504" spans="8:8">
      <c r="H202504" s="12"/>
    </row>
    <row r="202505" spans="8:8">
      <c r="H202505" s="12"/>
    </row>
    <row r="202506" spans="8:8">
      <c r="H202506" s="12"/>
    </row>
    <row r="202507" spans="8:8">
      <c r="H202507" s="12"/>
    </row>
    <row r="202508" spans="8:8">
      <c r="H202508" s="12"/>
    </row>
    <row r="202509" spans="8:8">
      <c r="H202509" s="12"/>
    </row>
    <row r="202510" spans="8:8">
      <c r="H202510" s="12"/>
    </row>
    <row r="202511" spans="8:8">
      <c r="H202511" s="12"/>
    </row>
    <row r="202512" spans="8:8">
      <c r="H202512" s="12"/>
    </row>
    <row r="202513" spans="8:8">
      <c r="H202513" s="12"/>
    </row>
    <row r="202514" spans="8:8">
      <c r="H202514" s="12"/>
    </row>
    <row r="202515" spans="8:8">
      <c r="H202515" s="12"/>
    </row>
    <row r="202516" spans="8:8">
      <c r="H202516" s="12"/>
    </row>
    <row r="202517" spans="8:8">
      <c r="H202517" s="12"/>
    </row>
    <row r="202518" spans="8:8">
      <c r="H202518" s="12"/>
    </row>
    <row r="202519" spans="8:8">
      <c r="H202519" s="12"/>
    </row>
    <row r="202520" spans="8:8">
      <c r="H202520" s="12"/>
    </row>
    <row r="202521" spans="8:8">
      <c r="H202521" s="12"/>
    </row>
    <row r="202522" spans="8:8">
      <c r="H202522" s="12"/>
    </row>
    <row r="202523" spans="8:8">
      <c r="H202523" s="12"/>
    </row>
    <row r="202524" spans="8:8">
      <c r="H202524" s="12"/>
    </row>
    <row r="202525" spans="8:8">
      <c r="H202525" s="12"/>
    </row>
    <row r="202526" spans="8:8">
      <c r="H202526" s="12"/>
    </row>
    <row r="202527" spans="8:8">
      <c r="H202527" s="12"/>
    </row>
    <row r="202528" spans="8:8">
      <c r="H202528" s="12"/>
    </row>
    <row r="202529" spans="8:8">
      <c r="H202529" s="12"/>
    </row>
    <row r="202530" spans="8:8">
      <c r="H202530" s="12"/>
    </row>
    <row r="202531" spans="8:8">
      <c r="H202531" s="12"/>
    </row>
    <row r="202532" spans="8:8">
      <c r="H202532" s="12"/>
    </row>
    <row r="202533" spans="8:8">
      <c r="H202533" s="12"/>
    </row>
    <row r="202534" spans="8:8">
      <c r="H202534" s="12"/>
    </row>
    <row r="202535" spans="8:8">
      <c r="H202535" s="12"/>
    </row>
    <row r="202536" spans="8:8">
      <c r="H202536" s="12"/>
    </row>
    <row r="202537" spans="8:8">
      <c r="H202537" s="12"/>
    </row>
    <row r="202538" spans="8:8">
      <c r="H202538" s="12"/>
    </row>
    <row r="202539" spans="8:8">
      <c r="H202539" s="12"/>
    </row>
    <row r="202540" spans="8:8">
      <c r="H202540" s="12"/>
    </row>
    <row r="202541" spans="8:8">
      <c r="H202541" s="12"/>
    </row>
    <row r="202542" spans="8:8">
      <c r="H202542" s="12"/>
    </row>
    <row r="202543" spans="8:8">
      <c r="H202543" s="12"/>
    </row>
    <row r="202544" spans="8:8">
      <c r="H202544" s="12"/>
    </row>
    <row r="202545" spans="8:8">
      <c r="H202545" s="12"/>
    </row>
    <row r="202546" spans="8:8">
      <c r="H202546" s="12"/>
    </row>
    <row r="202547" spans="8:8">
      <c r="H202547" s="12"/>
    </row>
    <row r="202548" spans="8:8">
      <c r="H202548" s="12"/>
    </row>
    <row r="202549" spans="8:8">
      <c r="H202549" s="12"/>
    </row>
    <row r="202550" spans="8:8">
      <c r="H202550" s="12"/>
    </row>
    <row r="202551" spans="8:8">
      <c r="H202551" s="12"/>
    </row>
    <row r="202552" spans="8:8">
      <c r="H202552" s="12"/>
    </row>
    <row r="202553" spans="8:8">
      <c r="H202553" s="12"/>
    </row>
    <row r="202554" spans="8:8">
      <c r="H202554" s="12"/>
    </row>
    <row r="202555" spans="8:8">
      <c r="H202555" s="12"/>
    </row>
    <row r="202556" spans="8:8">
      <c r="H202556" s="12"/>
    </row>
    <row r="202557" spans="8:8">
      <c r="H202557" s="12"/>
    </row>
    <row r="202558" spans="8:8">
      <c r="H202558" s="12"/>
    </row>
    <row r="202559" spans="8:8">
      <c r="H202559" s="12"/>
    </row>
    <row r="202560" spans="8:8">
      <c r="H202560" s="12"/>
    </row>
    <row r="202561" spans="8:8">
      <c r="H202561" s="12"/>
    </row>
    <row r="202562" spans="8:8">
      <c r="H202562" s="12"/>
    </row>
    <row r="202563" spans="8:8">
      <c r="H202563" s="12"/>
    </row>
    <row r="202564" spans="8:8">
      <c r="H202564" s="12"/>
    </row>
    <row r="202565" spans="8:8">
      <c r="H202565" s="12"/>
    </row>
    <row r="202566" spans="8:8">
      <c r="H202566" s="12"/>
    </row>
    <row r="202567" spans="8:8">
      <c r="H202567" s="12"/>
    </row>
    <row r="202568" spans="8:8">
      <c r="H202568" s="12"/>
    </row>
    <row r="202569" spans="8:8">
      <c r="H202569" s="12"/>
    </row>
    <row r="202570" spans="8:8">
      <c r="H202570" s="12"/>
    </row>
    <row r="202571" spans="8:8">
      <c r="H202571" s="12"/>
    </row>
    <row r="202572" spans="8:8">
      <c r="H202572" s="12"/>
    </row>
    <row r="202573" spans="8:8">
      <c r="H202573" s="12"/>
    </row>
    <row r="202574" spans="8:8">
      <c r="H202574" s="12"/>
    </row>
    <row r="202575" spans="8:8">
      <c r="H202575" s="12"/>
    </row>
    <row r="202576" spans="8:8">
      <c r="H202576" s="12"/>
    </row>
    <row r="202577" spans="8:8">
      <c r="H202577" s="12"/>
    </row>
    <row r="202578" spans="8:8">
      <c r="H202578" s="12"/>
    </row>
    <row r="202579" spans="8:8">
      <c r="H202579" s="12"/>
    </row>
    <row r="202580" spans="8:8">
      <c r="H202580" s="12"/>
    </row>
    <row r="202581" spans="8:8">
      <c r="H202581" s="12"/>
    </row>
    <row r="202582" spans="8:8">
      <c r="H202582" s="12"/>
    </row>
    <row r="202583" spans="8:8">
      <c r="H202583" s="12"/>
    </row>
    <row r="202584" spans="8:8">
      <c r="H202584" s="12"/>
    </row>
    <row r="202585" spans="8:8">
      <c r="H202585" s="12"/>
    </row>
    <row r="202586" spans="8:8">
      <c r="H202586" s="12"/>
    </row>
    <row r="202587" spans="8:8">
      <c r="H202587" s="12"/>
    </row>
    <row r="202588" spans="8:8">
      <c r="H202588" s="12"/>
    </row>
    <row r="202589" spans="8:8">
      <c r="H202589" s="12"/>
    </row>
    <row r="202590" spans="8:8">
      <c r="H202590" s="12"/>
    </row>
    <row r="202591" spans="8:8">
      <c r="H202591" s="12"/>
    </row>
    <row r="202592" spans="8:8">
      <c r="H202592" s="12"/>
    </row>
    <row r="202593" spans="8:8">
      <c r="H202593" s="12"/>
    </row>
    <row r="202594" spans="8:8">
      <c r="H202594" s="12"/>
    </row>
    <row r="202595" spans="8:8">
      <c r="H202595" s="12"/>
    </row>
    <row r="202596" spans="8:8">
      <c r="H202596" s="12"/>
    </row>
    <row r="202597" spans="8:8">
      <c r="H202597" s="12"/>
    </row>
    <row r="202598" spans="8:8">
      <c r="H202598" s="12"/>
    </row>
    <row r="202599" spans="8:8">
      <c r="H202599" s="12"/>
    </row>
    <row r="202600" spans="8:8">
      <c r="H202600" s="12"/>
    </row>
    <row r="202601" spans="8:8">
      <c r="H202601" s="12"/>
    </row>
    <row r="202602" spans="8:8">
      <c r="H202602" s="12"/>
    </row>
    <row r="202603" spans="8:8">
      <c r="H202603" s="12"/>
    </row>
    <row r="202604" spans="8:8">
      <c r="H202604" s="12"/>
    </row>
    <row r="202605" spans="8:8">
      <c r="H202605" s="12"/>
    </row>
    <row r="202606" spans="8:8">
      <c r="H202606" s="12"/>
    </row>
    <row r="202607" spans="8:8">
      <c r="H202607" s="12"/>
    </row>
    <row r="202608" spans="8:8">
      <c r="H202608" s="12"/>
    </row>
    <row r="202609" spans="8:8">
      <c r="H202609" s="12"/>
    </row>
    <row r="202610" spans="8:8">
      <c r="H202610" s="12"/>
    </row>
    <row r="202611" spans="8:8">
      <c r="H202611" s="12"/>
    </row>
    <row r="202612" spans="8:8">
      <c r="H202612" s="12"/>
    </row>
    <row r="202613" spans="8:8">
      <c r="H202613" s="12"/>
    </row>
    <row r="202614" spans="8:8">
      <c r="H202614" s="12"/>
    </row>
    <row r="202615" spans="8:8">
      <c r="H202615" s="12"/>
    </row>
    <row r="202616" spans="8:8">
      <c r="H202616" s="12"/>
    </row>
    <row r="202617" spans="8:8">
      <c r="H202617" s="12"/>
    </row>
    <row r="202618" spans="8:8">
      <c r="H202618" s="12"/>
    </row>
    <row r="202619" spans="8:8">
      <c r="H202619" s="12"/>
    </row>
    <row r="202620" spans="8:8">
      <c r="H202620" s="12"/>
    </row>
    <row r="202621" spans="8:8">
      <c r="H202621" s="12"/>
    </row>
    <row r="202622" spans="8:8">
      <c r="H202622" s="12"/>
    </row>
    <row r="202623" spans="8:8">
      <c r="H202623" s="12"/>
    </row>
    <row r="202624" spans="8:8">
      <c r="H202624" s="12"/>
    </row>
    <row r="202625" spans="8:8">
      <c r="H202625" s="12"/>
    </row>
    <row r="202626" spans="8:8">
      <c r="H202626" s="12"/>
    </row>
    <row r="202627" spans="8:8">
      <c r="H202627" s="12"/>
    </row>
    <row r="202628" spans="8:8">
      <c r="H202628" s="12"/>
    </row>
    <row r="202629" spans="8:8">
      <c r="H202629" s="12"/>
    </row>
    <row r="202630" spans="8:8">
      <c r="H202630" s="12"/>
    </row>
    <row r="202631" spans="8:8">
      <c r="H202631" s="12"/>
    </row>
    <row r="202632" spans="8:8">
      <c r="H202632" s="12"/>
    </row>
    <row r="202633" spans="8:8">
      <c r="H202633" s="12"/>
    </row>
    <row r="202634" spans="8:8">
      <c r="H202634" s="12"/>
    </row>
    <row r="202635" spans="8:8">
      <c r="H202635" s="12"/>
    </row>
    <row r="202636" spans="8:8">
      <c r="H202636" s="12"/>
    </row>
    <row r="202637" spans="8:8">
      <c r="H202637" s="12"/>
    </row>
    <row r="202638" spans="8:8">
      <c r="H202638" s="12"/>
    </row>
    <row r="202639" spans="8:8">
      <c r="H202639" s="12"/>
    </row>
    <row r="202640" spans="8:8">
      <c r="H202640" s="12"/>
    </row>
    <row r="202641" spans="8:8">
      <c r="H202641" s="12"/>
    </row>
    <row r="202642" spans="8:8">
      <c r="H202642" s="12"/>
    </row>
    <row r="202643" spans="8:8">
      <c r="H202643" s="12"/>
    </row>
    <row r="202644" spans="8:8">
      <c r="H202644" s="12"/>
    </row>
    <row r="202645" spans="8:8">
      <c r="H202645" s="12"/>
    </row>
    <row r="202646" spans="8:8">
      <c r="H202646" s="12"/>
    </row>
    <row r="202647" spans="8:8">
      <c r="H202647" s="12"/>
    </row>
    <row r="202648" spans="8:8">
      <c r="H202648" s="12"/>
    </row>
    <row r="202649" spans="8:8">
      <c r="H202649" s="12"/>
    </row>
    <row r="202650" spans="8:8">
      <c r="H202650" s="12"/>
    </row>
    <row r="202651" spans="8:8">
      <c r="H202651" s="12"/>
    </row>
    <row r="202652" spans="8:8">
      <c r="H202652" s="12"/>
    </row>
    <row r="202653" spans="8:8">
      <c r="H202653" s="12"/>
    </row>
    <row r="202654" spans="8:8">
      <c r="H202654" s="12"/>
    </row>
    <row r="202655" spans="8:8">
      <c r="H202655" s="12"/>
    </row>
    <row r="202656" spans="8:8">
      <c r="H202656" s="12"/>
    </row>
    <row r="202657" spans="8:8">
      <c r="H202657" s="12"/>
    </row>
    <row r="202658" spans="8:8">
      <c r="H202658" s="12"/>
    </row>
    <row r="202659" spans="8:8">
      <c r="H202659" s="12"/>
    </row>
    <row r="202660" spans="8:8">
      <c r="H202660" s="12"/>
    </row>
    <row r="202661" spans="8:8">
      <c r="H202661" s="12"/>
    </row>
    <row r="202662" spans="8:8">
      <c r="H202662" s="12"/>
    </row>
    <row r="202663" spans="8:8">
      <c r="H202663" s="12"/>
    </row>
    <row r="202664" spans="8:8">
      <c r="H202664" s="12"/>
    </row>
    <row r="202665" spans="8:8">
      <c r="H202665" s="12"/>
    </row>
    <row r="202666" spans="8:8">
      <c r="H202666" s="12"/>
    </row>
    <row r="202667" spans="8:8">
      <c r="H202667" s="12"/>
    </row>
    <row r="202668" spans="8:8">
      <c r="H202668" s="12"/>
    </row>
    <row r="202669" spans="8:8">
      <c r="H202669" s="12"/>
    </row>
    <row r="202670" spans="8:8">
      <c r="H202670" s="12"/>
    </row>
    <row r="202671" spans="8:8">
      <c r="H202671" s="12"/>
    </row>
    <row r="202672" spans="8:8">
      <c r="H202672" s="12"/>
    </row>
    <row r="202673" spans="8:8">
      <c r="H202673" s="12"/>
    </row>
    <row r="202674" spans="8:8">
      <c r="H202674" s="12"/>
    </row>
    <row r="202675" spans="8:8">
      <c r="H202675" s="12"/>
    </row>
    <row r="202676" spans="8:8">
      <c r="H202676" s="12"/>
    </row>
    <row r="202677" spans="8:8">
      <c r="H202677" s="12"/>
    </row>
    <row r="202678" spans="8:8">
      <c r="H202678" s="12"/>
    </row>
    <row r="202679" spans="8:8">
      <c r="H202679" s="12"/>
    </row>
    <row r="202680" spans="8:8">
      <c r="H202680" s="12"/>
    </row>
    <row r="202681" spans="8:8">
      <c r="H202681" s="12"/>
    </row>
    <row r="202682" spans="8:8">
      <c r="H202682" s="12"/>
    </row>
    <row r="202683" spans="8:8">
      <c r="H202683" s="12"/>
    </row>
    <row r="202684" spans="8:8">
      <c r="H202684" s="12"/>
    </row>
    <row r="202685" spans="8:8">
      <c r="H202685" s="12"/>
    </row>
    <row r="202686" spans="8:8">
      <c r="H202686" s="12"/>
    </row>
    <row r="202687" spans="8:8">
      <c r="H202687" s="12"/>
    </row>
    <row r="202688" spans="8:8">
      <c r="H202688" s="12"/>
    </row>
    <row r="202689" spans="8:8">
      <c r="H202689" s="12"/>
    </row>
    <row r="202690" spans="8:8">
      <c r="H202690" s="12"/>
    </row>
    <row r="202691" spans="8:8">
      <c r="H202691" s="12"/>
    </row>
    <row r="202692" spans="8:8">
      <c r="H202692" s="12"/>
    </row>
    <row r="202693" spans="8:8">
      <c r="H202693" s="12"/>
    </row>
    <row r="202694" spans="8:8">
      <c r="H202694" s="12"/>
    </row>
    <row r="202695" spans="8:8">
      <c r="H202695" s="12"/>
    </row>
    <row r="202696" spans="8:8">
      <c r="H202696" s="12"/>
    </row>
    <row r="202697" spans="8:8">
      <c r="H202697" s="12"/>
    </row>
    <row r="202698" spans="8:8">
      <c r="H202698" s="12"/>
    </row>
    <row r="202699" spans="8:8">
      <c r="H202699" s="12"/>
    </row>
    <row r="202700" spans="8:8">
      <c r="H202700" s="12"/>
    </row>
    <row r="202701" spans="8:8">
      <c r="H202701" s="12"/>
    </row>
    <row r="202702" spans="8:8">
      <c r="H202702" s="12"/>
    </row>
    <row r="202703" spans="8:8">
      <c r="H202703" s="12"/>
    </row>
    <row r="202704" spans="8:8">
      <c r="H202704" s="12"/>
    </row>
    <row r="202705" spans="8:8">
      <c r="H202705" s="12"/>
    </row>
    <row r="202706" spans="8:8">
      <c r="H202706" s="12"/>
    </row>
    <row r="202707" spans="8:8">
      <c r="H202707" s="12"/>
    </row>
    <row r="202708" spans="8:8">
      <c r="H202708" s="12"/>
    </row>
    <row r="202709" spans="8:8">
      <c r="H202709" s="12"/>
    </row>
    <row r="202710" spans="8:8">
      <c r="H202710" s="12"/>
    </row>
    <row r="202711" spans="8:8">
      <c r="H202711" s="12"/>
    </row>
    <row r="202712" spans="8:8">
      <c r="H202712" s="12"/>
    </row>
    <row r="202713" spans="8:8">
      <c r="H202713" s="12"/>
    </row>
    <row r="202714" spans="8:8">
      <c r="H202714" s="12"/>
    </row>
    <row r="202715" spans="8:8">
      <c r="H202715" s="12"/>
    </row>
    <row r="202716" spans="8:8">
      <c r="H202716" s="12"/>
    </row>
    <row r="202717" spans="8:8">
      <c r="H202717" s="12"/>
    </row>
    <row r="202718" spans="8:8">
      <c r="H202718" s="12"/>
    </row>
    <row r="202719" spans="8:8">
      <c r="H202719" s="12"/>
    </row>
    <row r="202720" spans="8:8">
      <c r="H202720" s="12"/>
    </row>
    <row r="202721" spans="8:8">
      <c r="H202721" s="12"/>
    </row>
    <row r="202722" spans="8:8">
      <c r="H202722" s="12"/>
    </row>
    <row r="202723" spans="8:8">
      <c r="H202723" s="12"/>
    </row>
    <row r="202724" spans="8:8">
      <c r="H202724" s="12"/>
    </row>
    <row r="202725" spans="8:8">
      <c r="H202725" s="12"/>
    </row>
    <row r="202726" spans="8:8">
      <c r="H202726" s="12"/>
    </row>
    <row r="202727" spans="8:8">
      <c r="H202727" s="12"/>
    </row>
    <row r="202728" spans="8:8">
      <c r="H202728" s="12"/>
    </row>
    <row r="202729" spans="8:8">
      <c r="H202729" s="12"/>
    </row>
    <row r="202730" spans="8:8">
      <c r="H202730" s="12"/>
    </row>
    <row r="202731" spans="8:8">
      <c r="H202731" s="12"/>
    </row>
    <row r="202732" spans="8:8">
      <c r="H202732" s="12"/>
    </row>
    <row r="202733" spans="8:8">
      <c r="H202733" s="12"/>
    </row>
    <row r="202734" spans="8:8">
      <c r="H202734" s="12"/>
    </row>
    <row r="202735" spans="8:8">
      <c r="H202735" s="12"/>
    </row>
    <row r="202736" spans="8:8">
      <c r="H202736" s="12"/>
    </row>
    <row r="202737" spans="8:8">
      <c r="H202737" s="12"/>
    </row>
    <row r="202738" spans="8:8">
      <c r="H202738" s="12"/>
    </row>
    <row r="202739" spans="8:8">
      <c r="H202739" s="12"/>
    </row>
    <row r="202740" spans="8:8">
      <c r="H202740" s="12"/>
    </row>
    <row r="202741" spans="8:8">
      <c r="H202741" s="12"/>
    </row>
    <row r="202742" spans="8:8">
      <c r="H202742" s="12"/>
    </row>
    <row r="202743" spans="8:8">
      <c r="H202743" s="12"/>
    </row>
    <row r="202744" spans="8:8">
      <c r="H202744" s="12"/>
    </row>
    <row r="202745" spans="8:8">
      <c r="H202745" s="12"/>
    </row>
    <row r="202746" spans="8:8">
      <c r="H202746" s="12"/>
    </row>
    <row r="202747" spans="8:8">
      <c r="H202747" s="12"/>
    </row>
    <row r="202748" spans="8:8">
      <c r="H202748" s="12"/>
    </row>
    <row r="202749" spans="8:8">
      <c r="H202749" s="12"/>
    </row>
    <row r="202750" spans="8:8">
      <c r="H202750" s="12"/>
    </row>
    <row r="202751" spans="8:8">
      <c r="H202751" s="12"/>
    </row>
    <row r="202752" spans="8:8">
      <c r="H202752" s="12"/>
    </row>
    <row r="202753" spans="8:8">
      <c r="H202753" s="12"/>
    </row>
    <row r="202754" spans="8:8">
      <c r="H202754" s="12"/>
    </row>
    <row r="202755" spans="8:8">
      <c r="H202755" s="12"/>
    </row>
    <row r="202756" spans="8:8">
      <c r="H202756" s="12"/>
    </row>
    <row r="202757" spans="8:8">
      <c r="H202757" s="12"/>
    </row>
    <row r="202758" spans="8:8">
      <c r="H202758" s="12"/>
    </row>
    <row r="202759" spans="8:8">
      <c r="H202759" s="12"/>
    </row>
    <row r="202760" spans="8:8">
      <c r="H202760" s="12"/>
    </row>
    <row r="202761" spans="8:8">
      <c r="H202761" s="12"/>
    </row>
    <row r="202762" spans="8:8">
      <c r="H202762" s="12"/>
    </row>
    <row r="202763" spans="8:8">
      <c r="H202763" s="12"/>
    </row>
    <row r="202764" spans="8:8">
      <c r="H202764" s="12"/>
    </row>
    <row r="202765" spans="8:8">
      <c r="H202765" s="12"/>
    </row>
    <row r="202766" spans="8:8">
      <c r="H202766" s="12"/>
    </row>
    <row r="202767" spans="8:8">
      <c r="H202767" s="12"/>
    </row>
    <row r="202768" spans="8:8">
      <c r="H202768" s="12"/>
    </row>
    <row r="202769" spans="8:8">
      <c r="H202769" s="12"/>
    </row>
    <row r="202770" spans="8:8">
      <c r="H202770" s="12"/>
    </row>
    <row r="202771" spans="8:8">
      <c r="H202771" s="12"/>
    </row>
    <row r="202772" spans="8:8">
      <c r="H202772" s="12"/>
    </row>
    <row r="202773" spans="8:8">
      <c r="H202773" s="12"/>
    </row>
    <row r="202774" spans="8:8">
      <c r="H202774" s="12"/>
    </row>
    <row r="202775" spans="8:8">
      <c r="H202775" s="12"/>
    </row>
    <row r="202776" spans="8:8">
      <c r="H202776" s="12"/>
    </row>
    <row r="202777" spans="8:8">
      <c r="H202777" s="12"/>
    </row>
    <row r="202778" spans="8:8">
      <c r="H202778" s="12"/>
    </row>
    <row r="202779" spans="8:8">
      <c r="H202779" s="12"/>
    </row>
    <row r="202780" spans="8:8">
      <c r="H202780" s="12"/>
    </row>
    <row r="202781" spans="8:8">
      <c r="H202781" s="12"/>
    </row>
    <row r="202782" spans="8:8">
      <c r="H202782" s="12"/>
    </row>
    <row r="202783" spans="8:8">
      <c r="H202783" s="12"/>
    </row>
    <row r="202784" spans="8:8">
      <c r="H202784" s="12"/>
    </row>
    <row r="202785" spans="8:8">
      <c r="H202785" s="12"/>
    </row>
    <row r="202786" spans="8:8">
      <c r="H202786" s="12"/>
    </row>
    <row r="202787" spans="8:8">
      <c r="H202787" s="12"/>
    </row>
    <row r="202788" spans="8:8">
      <c r="H202788" s="12"/>
    </row>
    <row r="202789" spans="8:8">
      <c r="H202789" s="12"/>
    </row>
    <row r="202790" spans="8:8">
      <c r="H202790" s="12"/>
    </row>
    <row r="202791" spans="8:8">
      <c r="H202791" s="12"/>
    </row>
    <row r="202792" spans="8:8">
      <c r="H202792" s="12"/>
    </row>
    <row r="202793" spans="8:8">
      <c r="H202793" s="12"/>
    </row>
    <row r="202794" spans="8:8">
      <c r="H202794" s="12"/>
    </row>
    <row r="202795" spans="8:8">
      <c r="H202795" s="12"/>
    </row>
    <row r="202796" spans="8:8">
      <c r="H202796" s="12"/>
    </row>
    <row r="202797" spans="8:8">
      <c r="H202797" s="12"/>
    </row>
    <row r="202798" spans="8:8">
      <c r="H202798" s="12"/>
    </row>
    <row r="202799" spans="8:8">
      <c r="H202799" s="12"/>
    </row>
    <row r="202800" spans="8:8">
      <c r="H202800" s="12"/>
    </row>
    <row r="202801" spans="8:8">
      <c r="H202801" s="12"/>
    </row>
    <row r="202802" spans="8:8">
      <c r="H202802" s="12"/>
    </row>
    <row r="202803" spans="8:8">
      <c r="H202803" s="12"/>
    </row>
    <row r="202804" spans="8:8">
      <c r="H202804" s="12"/>
    </row>
    <row r="202805" spans="8:8">
      <c r="H202805" s="12"/>
    </row>
    <row r="202806" spans="8:8">
      <c r="H202806" s="12"/>
    </row>
    <row r="202807" spans="8:8">
      <c r="H202807" s="12"/>
    </row>
    <row r="202808" spans="8:8">
      <c r="H202808" s="12"/>
    </row>
    <row r="202809" spans="8:8">
      <c r="H202809" s="12"/>
    </row>
    <row r="202810" spans="8:8">
      <c r="H202810" s="12"/>
    </row>
    <row r="202811" spans="8:8">
      <c r="H202811" s="12"/>
    </row>
    <row r="202812" spans="8:8">
      <c r="H202812" s="12"/>
    </row>
    <row r="202813" spans="8:8">
      <c r="H202813" s="12"/>
    </row>
    <row r="202814" spans="8:8">
      <c r="H202814" s="12"/>
    </row>
    <row r="202815" spans="8:8">
      <c r="H202815" s="12"/>
    </row>
    <row r="202816" spans="8:8">
      <c r="H202816" s="12"/>
    </row>
    <row r="202817" spans="8:8">
      <c r="H202817" s="12"/>
    </row>
    <row r="202818" spans="8:8">
      <c r="H202818" s="12"/>
    </row>
    <row r="202819" spans="8:8">
      <c r="H202819" s="12"/>
    </row>
    <row r="202820" spans="8:8">
      <c r="H202820" s="12"/>
    </row>
    <row r="202821" spans="8:8">
      <c r="H202821" s="12"/>
    </row>
    <row r="202822" spans="8:8">
      <c r="H202822" s="12"/>
    </row>
    <row r="202823" spans="8:8">
      <c r="H202823" s="12"/>
    </row>
    <row r="202824" spans="8:8">
      <c r="H202824" s="12"/>
    </row>
    <row r="202825" spans="8:8">
      <c r="H202825" s="12"/>
    </row>
    <row r="202826" spans="8:8">
      <c r="H202826" s="12"/>
    </row>
    <row r="202827" spans="8:8">
      <c r="H202827" s="12"/>
    </row>
    <row r="202828" spans="8:8">
      <c r="H202828" s="12"/>
    </row>
    <row r="202829" spans="8:8">
      <c r="H202829" s="12"/>
    </row>
    <row r="202830" spans="8:8">
      <c r="H202830" s="12"/>
    </row>
    <row r="202831" spans="8:8">
      <c r="H202831" s="12"/>
    </row>
    <row r="202832" spans="8:8">
      <c r="H202832" s="12"/>
    </row>
    <row r="202833" spans="8:8">
      <c r="H202833" s="12"/>
    </row>
    <row r="202834" spans="8:8">
      <c r="H202834" s="12"/>
    </row>
    <row r="202835" spans="8:8">
      <c r="H202835" s="12"/>
    </row>
    <row r="202836" spans="8:8">
      <c r="H202836" s="12"/>
    </row>
    <row r="202837" spans="8:8">
      <c r="H202837" s="12"/>
    </row>
    <row r="202838" spans="8:8">
      <c r="H202838" s="12"/>
    </row>
    <row r="202839" spans="8:8">
      <c r="H202839" s="12"/>
    </row>
    <row r="202840" spans="8:8">
      <c r="H202840" s="12"/>
    </row>
    <row r="202841" spans="8:8">
      <c r="H202841" s="12"/>
    </row>
    <row r="202842" spans="8:8">
      <c r="H202842" s="12"/>
    </row>
    <row r="202843" spans="8:8">
      <c r="H202843" s="12"/>
    </row>
    <row r="202844" spans="8:8">
      <c r="H202844" s="12"/>
    </row>
    <row r="202845" spans="8:8">
      <c r="H202845" s="12"/>
    </row>
    <row r="202846" spans="8:8">
      <c r="H202846" s="12"/>
    </row>
    <row r="202847" spans="8:8">
      <c r="H202847" s="12"/>
    </row>
    <row r="202848" spans="8:8">
      <c r="H202848" s="12"/>
    </row>
    <row r="202849" spans="8:8">
      <c r="H202849" s="12"/>
    </row>
    <row r="202850" spans="8:8">
      <c r="H202850" s="12"/>
    </row>
    <row r="202851" spans="8:8">
      <c r="H202851" s="12"/>
    </row>
    <row r="202852" spans="8:8">
      <c r="H202852" s="12"/>
    </row>
    <row r="202853" spans="8:8">
      <c r="H202853" s="12"/>
    </row>
    <row r="202854" spans="8:8">
      <c r="H202854" s="12"/>
    </row>
    <row r="202855" spans="8:8">
      <c r="H202855" s="12"/>
    </row>
    <row r="202856" spans="8:8">
      <c r="H202856" s="12"/>
    </row>
    <row r="202857" spans="8:8">
      <c r="H202857" s="12"/>
    </row>
    <row r="202858" spans="8:8">
      <c r="H202858" s="12"/>
    </row>
    <row r="202859" spans="8:8">
      <c r="H202859" s="12"/>
    </row>
    <row r="202860" spans="8:8">
      <c r="H202860" s="12"/>
    </row>
    <row r="202861" spans="8:8">
      <c r="H202861" s="12"/>
    </row>
    <row r="202862" spans="8:8">
      <c r="H202862" s="12"/>
    </row>
    <row r="202863" spans="8:8">
      <c r="H202863" s="12"/>
    </row>
    <row r="202864" spans="8:8">
      <c r="H202864" s="12"/>
    </row>
    <row r="202865" spans="8:8">
      <c r="H202865" s="12"/>
    </row>
    <row r="202866" spans="8:8">
      <c r="H202866" s="12"/>
    </row>
    <row r="202867" spans="8:8">
      <c r="H202867" s="12"/>
    </row>
    <row r="202868" spans="8:8">
      <c r="H202868" s="12"/>
    </row>
    <row r="202869" spans="8:8">
      <c r="H202869" s="12"/>
    </row>
    <row r="202870" spans="8:8">
      <c r="H202870" s="12"/>
    </row>
    <row r="202871" spans="8:8">
      <c r="H202871" s="12"/>
    </row>
    <row r="202872" spans="8:8">
      <c r="H202872" s="12"/>
    </row>
    <row r="202873" spans="8:8">
      <c r="H202873" s="12"/>
    </row>
    <row r="202874" spans="8:8">
      <c r="H202874" s="12"/>
    </row>
    <row r="202875" spans="8:8">
      <c r="H202875" s="12"/>
    </row>
    <row r="202876" spans="8:8">
      <c r="H202876" s="12"/>
    </row>
    <row r="202877" spans="8:8">
      <c r="H202877" s="12"/>
    </row>
    <row r="202878" spans="8:8">
      <c r="H202878" s="12"/>
    </row>
    <row r="202879" spans="8:8">
      <c r="H202879" s="12"/>
    </row>
    <row r="202880" spans="8:8">
      <c r="H202880" s="12"/>
    </row>
    <row r="202881" spans="8:8">
      <c r="H202881" s="12"/>
    </row>
    <row r="202882" spans="8:8">
      <c r="H202882" s="12"/>
    </row>
    <row r="202883" spans="8:8">
      <c r="H202883" s="12"/>
    </row>
    <row r="202884" spans="8:8">
      <c r="H202884" s="12"/>
    </row>
    <row r="202885" spans="8:8">
      <c r="H202885" s="12"/>
    </row>
    <row r="202886" spans="8:8">
      <c r="H202886" s="12"/>
    </row>
    <row r="202887" spans="8:8">
      <c r="H202887" s="12"/>
    </row>
    <row r="202888" spans="8:8">
      <c r="H202888" s="12"/>
    </row>
    <row r="202889" spans="8:8">
      <c r="H202889" s="12"/>
    </row>
    <row r="202890" spans="8:8">
      <c r="H202890" s="12"/>
    </row>
    <row r="202891" spans="8:8">
      <c r="H202891" s="12"/>
    </row>
    <row r="202892" spans="8:8">
      <c r="H202892" s="12"/>
    </row>
    <row r="202893" spans="8:8">
      <c r="H202893" s="12"/>
    </row>
    <row r="202894" spans="8:8">
      <c r="H202894" s="12"/>
    </row>
    <row r="202895" spans="8:8">
      <c r="H202895" s="12"/>
    </row>
    <row r="202896" spans="8:8">
      <c r="H202896" s="12"/>
    </row>
    <row r="202897" spans="8:8">
      <c r="H202897" s="12"/>
    </row>
    <row r="202898" spans="8:8">
      <c r="H202898" s="12"/>
    </row>
    <row r="202899" spans="8:8">
      <c r="H202899" s="12"/>
    </row>
    <row r="202900" spans="8:8">
      <c r="H202900" s="12"/>
    </row>
    <row r="202901" spans="8:8">
      <c r="H202901" s="12"/>
    </row>
    <row r="202902" spans="8:8">
      <c r="H202902" s="12"/>
    </row>
    <row r="202903" spans="8:8">
      <c r="H202903" s="12"/>
    </row>
    <row r="202904" spans="8:8">
      <c r="H202904" s="12"/>
    </row>
    <row r="202905" spans="8:8">
      <c r="H202905" s="12"/>
    </row>
    <row r="202906" spans="8:8">
      <c r="H202906" s="12"/>
    </row>
    <row r="202907" spans="8:8">
      <c r="H202907" s="12"/>
    </row>
    <row r="202908" spans="8:8">
      <c r="H202908" s="12"/>
    </row>
    <row r="202909" spans="8:8">
      <c r="H202909" s="12"/>
    </row>
    <row r="202910" spans="8:8">
      <c r="H202910" s="12"/>
    </row>
    <row r="202911" spans="8:8">
      <c r="H202911" s="12"/>
    </row>
    <row r="202912" spans="8:8">
      <c r="H202912" s="12"/>
    </row>
    <row r="202913" spans="8:8">
      <c r="H202913" s="12"/>
    </row>
    <row r="202914" spans="8:8">
      <c r="H202914" s="12"/>
    </row>
    <row r="202915" spans="8:8">
      <c r="H202915" s="12"/>
    </row>
    <row r="202916" spans="8:8">
      <c r="H202916" s="12"/>
    </row>
    <row r="202917" spans="8:8">
      <c r="H202917" s="12"/>
    </row>
    <row r="202918" spans="8:8">
      <c r="H202918" s="12"/>
    </row>
    <row r="202919" spans="8:8">
      <c r="H202919" s="12"/>
    </row>
    <row r="202920" spans="8:8">
      <c r="H202920" s="12"/>
    </row>
    <row r="202921" spans="8:8">
      <c r="H202921" s="12"/>
    </row>
    <row r="202922" spans="8:8">
      <c r="H202922" s="12"/>
    </row>
    <row r="202923" spans="8:8">
      <c r="H202923" s="12"/>
    </row>
    <row r="202924" spans="8:8">
      <c r="H202924" s="12"/>
    </row>
    <row r="202925" spans="8:8">
      <c r="H202925" s="12"/>
    </row>
    <row r="202926" spans="8:8">
      <c r="H202926" s="12"/>
    </row>
    <row r="202927" spans="8:8">
      <c r="H202927" s="12"/>
    </row>
    <row r="202928" spans="8:8">
      <c r="H202928" s="12"/>
    </row>
    <row r="202929" spans="8:8">
      <c r="H202929" s="12"/>
    </row>
    <row r="202930" spans="8:8">
      <c r="H202930" s="12"/>
    </row>
    <row r="202931" spans="8:8">
      <c r="H202931" s="12"/>
    </row>
    <row r="202932" spans="8:8">
      <c r="H202932" s="12"/>
    </row>
    <row r="202933" spans="8:8">
      <c r="H202933" s="12"/>
    </row>
    <row r="202934" spans="8:8">
      <c r="H202934" s="12"/>
    </row>
    <row r="202935" spans="8:8">
      <c r="H202935" s="12"/>
    </row>
    <row r="202936" spans="8:8">
      <c r="H202936" s="12"/>
    </row>
    <row r="202937" spans="8:8">
      <c r="H202937" s="12"/>
    </row>
    <row r="202938" spans="8:8">
      <c r="H202938" s="12"/>
    </row>
    <row r="202939" spans="8:8">
      <c r="H202939" s="12"/>
    </row>
    <row r="202940" spans="8:8">
      <c r="H202940" s="12"/>
    </row>
    <row r="202941" spans="8:8">
      <c r="H202941" s="12"/>
    </row>
    <row r="202942" spans="8:8">
      <c r="H202942" s="12"/>
    </row>
    <row r="202943" spans="8:8">
      <c r="H202943" s="12"/>
    </row>
    <row r="202944" spans="8:8">
      <c r="H202944" s="12"/>
    </row>
    <row r="202945" spans="8:8">
      <c r="H202945" s="12"/>
    </row>
    <row r="202946" spans="8:8">
      <c r="H202946" s="12"/>
    </row>
    <row r="202947" spans="8:8">
      <c r="H202947" s="12"/>
    </row>
    <row r="202948" spans="8:8">
      <c r="H202948" s="12"/>
    </row>
    <row r="202949" spans="8:8">
      <c r="H202949" s="12"/>
    </row>
    <row r="202950" spans="8:8">
      <c r="H202950" s="12"/>
    </row>
    <row r="202951" spans="8:8">
      <c r="H202951" s="12"/>
    </row>
    <row r="202952" spans="8:8">
      <c r="H202952" s="12"/>
    </row>
    <row r="202953" spans="8:8">
      <c r="H202953" s="12"/>
    </row>
    <row r="202954" spans="8:8">
      <c r="H202954" s="12"/>
    </row>
    <row r="202955" spans="8:8">
      <c r="H202955" s="12"/>
    </row>
    <row r="202956" spans="8:8">
      <c r="H202956" s="12"/>
    </row>
    <row r="202957" spans="8:8">
      <c r="H202957" s="12"/>
    </row>
    <row r="202958" spans="8:8">
      <c r="H202958" s="12"/>
    </row>
    <row r="202959" spans="8:8">
      <c r="H202959" s="12"/>
    </row>
    <row r="202960" spans="8:8">
      <c r="H202960" s="12"/>
    </row>
    <row r="202961" spans="8:8">
      <c r="H202961" s="12"/>
    </row>
    <row r="202962" spans="8:8">
      <c r="H202962" s="12"/>
    </row>
    <row r="202963" spans="8:8">
      <c r="H202963" s="12"/>
    </row>
    <row r="202964" spans="8:8">
      <c r="H202964" s="12"/>
    </row>
    <row r="202965" spans="8:8">
      <c r="H202965" s="12"/>
    </row>
    <row r="202966" spans="8:8">
      <c r="H202966" s="12"/>
    </row>
    <row r="202967" spans="8:8">
      <c r="H202967" s="12"/>
    </row>
    <row r="202968" spans="8:8">
      <c r="H202968" s="12"/>
    </row>
    <row r="202969" spans="8:8">
      <c r="H202969" s="12"/>
    </row>
    <row r="202970" spans="8:8">
      <c r="H202970" s="12"/>
    </row>
    <row r="202971" spans="8:8">
      <c r="H202971" s="12"/>
    </row>
    <row r="202972" spans="8:8">
      <c r="H202972" s="12"/>
    </row>
    <row r="202973" spans="8:8">
      <c r="H202973" s="12"/>
    </row>
    <row r="202974" spans="8:8">
      <c r="H202974" s="12"/>
    </row>
    <row r="202975" spans="8:8">
      <c r="H202975" s="12"/>
    </row>
    <row r="202976" spans="8:8">
      <c r="H202976" s="12"/>
    </row>
    <row r="202977" spans="8:8">
      <c r="H202977" s="12"/>
    </row>
    <row r="202978" spans="8:8">
      <c r="H202978" s="12"/>
    </row>
    <row r="202979" spans="8:8">
      <c r="H202979" s="12"/>
    </row>
    <row r="202980" spans="8:8">
      <c r="H202980" s="12"/>
    </row>
    <row r="202981" spans="8:8">
      <c r="H202981" s="12"/>
    </row>
    <row r="202982" spans="8:8">
      <c r="H202982" s="12"/>
    </row>
    <row r="202983" spans="8:8">
      <c r="H202983" s="12"/>
    </row>
    <row r="202984" spans="8:8">
      <c r="H202984" s="12"/>
    </row>
    <row r="202985" spans="8:8">
      <c r="H202985" s="12"/>
    </row>
    <row r="202986" spans="8:8">
      <c r="H202986" s="12"/>
    </row>
    <row r="202987" spans="8:8">
      <c r="H202987" s="12"/>
    </row>
    <row r="202988" spans="8:8">
      <c r="H202988" s="12"/>
    </row>
    <row r="202989" spans="8:8">
      <c r="H202989" s="12"/>
    </row>
    <row r="202990" spans="8:8">
      <c r="H202990" s="12"/>
    </row>
    <row r="202991" spans="8:8">
      <c r="H202991" s="12"/>
    </row>
    <row r="202992" spans="8:8">
      <c r="H202992" s="12"/>
    </row>
    <row r="202993" spans="8:8">
      <c r="H202993" s="12"/>
    </row>
    <row r="202994" spans="8:8">
      <c r="H202994" s="12"/>
    </row>
    <row r="202995" spans="8:8">
      <c r="H202995" s="12"/>
    </row>
    <row r="202996" spans="8:8">
      <c r="H202996" s="12"/>
    </row>
    <row r="202997" spans="8:8">
      <c r="H202997" s="12"/>
    </row>
    <row r="202998" spans="8:8">
      <c r="H202998" s="12"/>
    </row>
    <row r="202999" spans="8:8">
      <c r="H202999" s="12"/>
    </row>
    <row r="203000" spans="8:8">
      <c r="H203000" s="12"/>
    </row>
    <row r="203001" spans="8:8">
      <c r="H203001" s="12"/>
    </row>
    <row r="203002" spans="8:8">
      <c r="H203002" s="12"/>
    </row>
    <row r="203003" spans="8:8">
      <c r="H203003" s="12"/>
    </row>
    <row r="203004" spans="8:8">
      <c r="H203004" s="12"/>
    </row>
    <row r="203005" spans="8:8">
      <c r="H203005" s="12"/>
    </row>
    <row r="203006" spans="8:8">
      <c r="H203006" s="12"/>
    </row>
    <row r="203007" spans="8:8">
      <c r="H203007" s="12"/>
    </row>
    <row r="203008" spans="8:8">
      <c r="H203008" s="12"/>
    </row>
    <row r="203009" spans="8:8">
      <c r="H203009" s="12"/>
    </row>
    <row r="203010" spans="8:8">
      <c r="H203010" s="12"/>
    </row>
    <row r="203011" spans="8:8">
      <c r="H203011" s="12"/>
    </row>
    <row r="203012" spans="8:8">
      <c r="H203012" s="12"/>
    </row>
    <row r="203013" spans="8:8">
      <c r="H203013" s="12"/>
    </row>
    <row r="203014" spans="8:8">
      <c r="H203014" s="12"/>
    </row>
    <row r="203015" spans="8:8">
      <c r="H203015" s="12"/>
    </row>
    <row r="203016" spans="8:8">
      <c r="H203016" s="12"/>
    </row>
    <row r="203017" spans="8:8">
      <c r="H203017" s="12"/>
    </row>
    <row r="203018" spans="8:8">
      <c r="H203018" s="12"/>
    </row>
    <row r="203019" spans="8:8">
      <c r="H203019" s="12"/>
    </row>
    <row r="203020" spans="8:8">
      <c r="H203020" s="12"/>
    </row>
    <row r="203021" spans="8:8">
      <c r="H203021" s="12"/>
    </row>
    <row r="203022" spans="8:8">
      <c r="H203022" s="12"/>
    </row>
    <row r="203023" spans="8:8">
      <c r="H203023" s="12"/>
    </row>
    <row r="203024" spans="8:8">
      <c r="H203024" s="12"/>
    </row>
    <row r="203025" spans="8:8">
      <c r="H203025" s="12"/>
    </row>
    <row r="203026" spans="8:8">
      <c r="H203026" s="12"/>
    </row>
    <row r="203027" spans="8:8">
      <c r="H203027" s="12"/>
    </row>
    <row r="203028" spans="8:8">
      <c r="H203028" s="12"/>
    </row>
    <row r="203029" spans="8:8">
      <c r="H203029" s="12"/>
    </row>
    <row r="203030" spans="8:8">
      <c r="H203030" s="12"/>
    </row>
    <row r="203031" spans="8:8">
      <c r="H203031" s="12"/>
    </row>
    <row r="203032" spans="8:8">
      <c r="H203032" s="12"/>
    </row>
    <row r="203033" spans="8:8">
      <c r="H203033" s="12"/>
    </row>
    <row r="203034" spans="8:8">
      <c r="H203034" s="12"/>
    </row>
    <row r="203035" spans="8:8">
      <c r="H203035" s="12"/>
    </row>
    <row r="203036" spans="8:8">
      <c r="H203036" s="12"/>
    </row>
    <row r="203037" spans="8:8">
      <c r="H203037" s="12"/>
    </row>
    <row r="203038" spans="8:8">
      <c r="H203038" s="12"/>
    </row>
    <row r="203039" spans="8:8">
      <c r="H203039" s="12"/>
    </row>
    <row r="203040" spans="8:8">
      <c r="H203040" s="12"/>
    </row>
    <row r="203041" spans="8:8">
      <c r="H203041" s="12"/>
    </row>
    <row r="203042" spans="8:8">
      <c r="H203042" s="12"/>
    </row>
    <row r="203043" spans="8:8">
      <c r="H203043" s="12"/>
    </row>
    <row r="203044" spans="8:8">
      <c r="H203044" s="12"/>
    </row>
    <row r="203045" spans="8:8">
      <c r="H203045" s="12"/>
    </row>
    <row r="203046" spans="8:8">
      <c r="H203046" s="12"/>
    </row>
    <row r="203047" spans="8:8">
      <c r="H203047" s="12"/>
    </row>
    <row r="203048" spans="8:8">
      <c r="H203048" s="12"/>
    </row>
    <row r="203049" spans="8:8">
      <c r="H203049" s="12"/>
    </row>
    <row r="203050" spans="8:8">
      <c r="H203050" s="12"/>
    </row>
    <row r="203051" spans="8:8">
      <c r="H203051" s="12"/>
    </row>
    <row r="203052" spans="8:8">
      <c r="H203052" s="12"/>
    </row>
    <row r="203053" spans="8:8">
      <c r="H203053" s="12"/>
    </row>
    <row r="203054" spans="8:8">
      <c r="H203054" s="12"/>
    </row>
    <row r="203055" spans="8:8">
      <c r="H203055" s="12"/>
    </row>
    <row r="203056" spans="8:8">
      <c r="H203056" s="12"/>
    </row>
    <row r="203057" spans="8:8">
      <c r="H203057" s="12"/>
    </row>
    <row r="203058" spans="8:8">
      <c r="H203058" s="12"/>
    </row>
    <row r="203059" spans="8:8">
      <c r="H203059" s="12"/>
    </row>
    <row r="203060" spans="8:8">
      <c r="H203060" s="12"/>
    </row>
    <row r="203061" spans="8:8">
      <c r="H203061" s="12"/>
    </row>
    <row r="203062" spans="8:8">
      <c r="H203062" s="12"/>
    </row>
    <row r="203063" spans="8:8">
      <c r="H203063" s="12"/>
    </row>
    <row r="203064" spans="8:8">
      <c r="H203064" s="12"/>
    </row>
    <row r="203065" spans="8:8">
      <c r="H203065" s="12"/>
    </row>
    <row r="203066" spans="8:8">
      <c r="H203066" s="12"/>
    </row>
    <row r="203067" spans="8:8">
      <c r="H203067" s="12"/>
    </row>
    <row r="203068" spans="8:8">
      <c r="H203068" s="12"/>
    </row>
    <row r="203069" spans="8:8">
      <c r="H203069" s="12"/>
    </row>
    <row r="203070" spans="8:8">
      <c r="H203070" s="12"/>
    </row>
    <row r="203071" spans="8:8">
      <c r="H203071" s="12"/>
    </row>
    <row r="203072" spans="8:8">
      <c r="H203072" s="12"/>
    </row>
    <row r="203073" spans="8:8">
      <c r="H203073" s="12"/>
    </row>
    <row r="203074" spans="8:8">
      <c r="H203074" s="12"/>
    </row>
    <row r="203075" spans="8:8">
      <c r="H203075" s="12"/>
    </row>
    <row r="203076" spans="8:8">
      <c r="H203076" s="12"/>
    </row>
    <row r="203077" spans="8:8">
      <c r="H203077" s="12"/>
    </row>
    <row r="203078" spans="8:8">
      <c r="H203078" s="12"/>
    </row>
    <row r="203079" spans="8:8">
      <c r="H203079" s="12"/>
    </row>
    <row r="203080" spans="8:8">
      <c r="H203080" s="12"/>
    </row>
    <row r="203081" spans="8:8">
      <c r="H203081" s="12"/>
    </row>
    <row r="203082" spans="8:8">
      <c r="H203082" s="12"/>
    </row>
    <row r="203083" spans="8:8">
      <c r="H203083" s="12"/>
    </row>
    <row r="203084" spans="8:8">
      <c r="H203084" s="12"/>
    </row>
    <row r="203085" spans="8:8">
      <c r="H203085" s="12"/>
    </row>
    <row r="203086" spans="8:8">
      <c r="H203086" s="12"/>
    </row>
    <row r="203087" spans="8:8">
      <c r="H203087" s="12"/>
    </row>
    <row r="203088" spans="8:8">
      <c r="H203088" s="12"/>
    </row>
    <row r="203089" spans="8:8">
      <c r="H203089" s="12"/>
    </row>
    <row r="203090" spans="8:8">
      <c r="H203090" s="12"/>
    </row>
    <row r="203091" spans="8:8">
      <c r="H203091" s="12"/>
    </row>
    <row r="203092" spans="8:8">
      <c r="H203092" s="12"/>
    </row>
    <row r="203093" spans="8:8">
      <c r="H203093" s="12"/>
    </row>
    <row r="203094" spans="8:8">
      <c r="H203094" s="12"/>
    </row>
    <row r="203095" spans="8:8">
      <c r="H203095" s="12"/>
    </row>
    <row r="203096" spans="8:8">
      <c r="H203096" s="12"/>
    </row>
    <row r="203097" spans="8:8">
      <c r="H203097" s="12"/>
    </row>
    <row r="203098" spans="8:8">
      <c r="H203098" s="12"/>
    </row>
    <row r="203099" spans="8:8">
      <c r="H203099" s="12"/>
    </row>
    <row r="203100" spans="8:8">
      <c r="H203100" s="12"/>
    </row>
    <row r="203101" spans="8:8">
      <c r="H203101" s="12"/>
    </row>
    <row r="203102" spans="8:8">
      <c r="H203102" s="12"/>
    </row>
    <row r="203103" spans="8:8">
      <c r="H203103" s="12"/>
    </row>
    <row r="203104" spans="8:8">
      <c r="H203104" s="12"/>
    </row>
    <row r="203105" spans="8:8">
      <c r="H203105" s="12"/>
    </row>
    <row r="203106" spans="8:8">
      <c r="H203106" s="12"/>
    </row>
    <row r="203107" spans="8:8">
      <c r="H203107" s="12"/>
    </row>
    <row r="203108" spans="8:8">
      <c r="H203108" s="12"/>
    </row>
    <row r="203109" spans="8:8">
      <c r="H203109" s="12"/>
    </row>
    <row r="203110" spans="8:8">
      <c r="H203110" s="12"/>
    </row>
    <row r="203111" spans="8:8">
      <c r="H203111" s="12"/>
    </row>
    <row r="203112" spans="8:8">
      <c r="H203112" s="12"/>
    </row>
    <row r="203113" spans="8:8">
      <c r="H203113" s="12"/>
    </row>
    <row r="203114" spans="8:8">
      <c r="H203114" s="12"/>
    </row>
    <row r="203115" spans="8:8">
      <c r="H203115" s="12"/>
    </row>
    <row r="203116" spans="8:8">
      <c r="H203116" s="12"/>
    </row>
    <row r="203117" spans="8:8">
      <c r="H203117" s="12"/>
    </row>
    <row r="203118" spans="8:8">
      <c r="H203118" s="12"/>
    </row>
    <row r="203119" spans="8:8">
      <c r="H203119" s="12"/>
    </row>
    <row r="203120" spans="8:8">
      <c r="H203120" s="12"/>
    </row>
    <row r="203121" spans="8:8">
      <c r="H203121" s="12"/>
    </row>
    <row r="203122" spans="8:8">
      <c r="H203122" s="12"/>
    </row>
    <row r="203123" spans="8:8">
      <c r="H203123" s="12"/>
    </row>
    <row r="203124" spans="8:8">
      <c r="H203124" s="12"/>
    </row>
    <row r="203125" spans="8:8">
      <c r="H203125" s="12"/>
    </row>
    <row r="203126" spans="8:8">
      <c r="H203126" s="12"/>
    </row>
    <row r="203127" spans="8:8">
      <c r="H203127" s="12"/>
    </row>
    <row r="203128" spans="8:8">
      <c r="H203128" s="12"/>
    </row>
    <row r="203129" spans="8:8">
      <c r="H203129" s="12"/>
    </row>
    <row r="203130" spans="8:8">
      <c r="H203130" s="12"/>
    </row>
    <row r="203131" spans="8:8">
      <c r="H203131" s="12"/>
    </row>
    <row r="203132" spans="8:8">
      <c r="H203132" s="12"/>
    </row>
    <row r="203133" spans="8:8">
      <c r="H203133" s="12"/>
    </row>
    <row r="203134" spans="8:8">
      <c r="H203134" s="12"/>
    </row>
    <row r="203135" spans="8:8">
      <c r="H203135" s="12"/>
    </row>
    <row r="203136" spans="8:8">
      <c r="H203136" s="12"/>
    </row>
    <row r="203137" spans="8:8">
      <c r="H203137" s="12"/>
    </row>
    <row r="203138" spans="8:8">
      <c r="H203138" s="12"/>
    </row>
    <row r="203139" spans="8:8">
      <c r="H203139" s="12"/>
    </row>
    <row r="203140" spans="8:8">
      <c r="H203140" s="12"/>
    </row>
    <row r="203141" spans="8:8">
      <c r="H203141" s="12"/>
    </row>
    <row r="203142" spans="8:8">
      <c r="H203142" s="12"/>
    </row>
    <row r="203143" spans="8:8">
      <c r="H203143" s="12"/>
    </row>
    <row r="203144" spans="8:8">
      <c r="H203144" s="12"/>
    </row>
    <row r="203145" spans="8:8">
      <c r="H203145" s="12"/>
    </row>
    <row r="203146" spans="8:8">
      <c r="H203146" s="12"/>
    </row>
    <row r="203147" spans="8:8">
      <c r="H203147" s="12"/>
    </row>
    <row r="203148" spans="8:8">
      <c r="H203148" s="12"/>
    </row>
    <row r="203149" spans="8:8">
      <c r="H203149" s="12"/>
    </row>
    <row r="203150" spans="8:8">
      <c r="H203150" s="12"/>
    </row>
    <row r="203151" spans="8:8">
      <c r="H203151" s="12"/>
    </row>
    <row r="203152" spans="8:8">
      <c r="H203152" s="12"/>
    </row>
    <row r="203153" spans="8:8">
      <c r="H203153" s="12"/>
    </row>
    <row r="203154" spans="8:8">
      <c r="H203154" s="12"/>
    </row>
    <row r="203155" spans="8:8">
      <c r="H203155" s="12"/>
    </row>
    <row r="203156" spans="8:8">
      <c r="H203156" s="12"/>
    </row>
    <row r="203157" spans="8:8">
      <c r="H203157" s="12"/>
    </row>
    <row r="203158" spans="8:8">
      <c r="H203158" s="12"/>
    </row>
    <row r="203159" spans="8:8">
      <c r="H203159" s="12"/>
    </row>
    <row r="203160" spans="8:8">
      <c r="H203160" s="12"/>
    </row>
    <row r="203161" spans="8:8">
      <c r="H203161" s="12"/>
    </row>
    <row r="203162" spans="8:8">
      <c r="H203162" s="12"/>
    </row>
    <row r="203163" spans="8:8">
      <c r="H203163" s="12"/>
    </row>
    <row r="203164" spans="8:8">
      <c r="H203164" s="12"/>
    </row>
    <row r="203165" spans="8:8">
      <c r="H203165" s="12"/>
    </row>
    <row r="203166" spans="8:8">
      <c r="H203166" s="12"/>
    </row>
    <row r="203167" spans="8:8">
      <c r="H203167" s="12"/>
    </row>
    <row r="203168" spans="8:8">
      <c r="H203168" s="12"/>
    </row>
    <row r="203169" spans="8:8">
      <c r="H203169" s="12"/>
    </row>
    <row r="203170" spans="8:8">
      <c r="H203170" s="12"/>
    </row>
    <row r="203171" spans="8:8">
      <c r="H203171" s="12"/>
    </row>
    <row r="203172" spans="8:8">
      <c r="H203172" s="12"/>
    </row>
    <row r="203173" spans="8:8">
      <c r="H203173" s="12"/>
    </row>
    <row r="203174" spans="8:8">
      <c r="H203174" s="12"/>
    </row>
    <row r="203175" spans="8:8">
      <c r="H203175" s="12"/>
    </row>
    <row r="203176" spans="8:8">
      <c r="H203176" s="12"/>
    </row>
    <row r="203177" spans="8:8">
      <c r="H203177" s="12"/>
    </row>
    <row r="203178" spans="8:8">
      <c r="H203178" s="12"/>
    </row>
    <row r="203179" spans="8:8">
      <c r="H203179" s="12"/>
    </row>
    <row r="203180" spans="8:8">
      <c r="H203180" s="12"/>
    </row>
    <row r="203181" spans="8:8">
      <c r="H203181" s="12"/>
    </row>
    <row r="203182" spans="8:8">
      <c r="H203182" s="12"/>
    </row>
    <row r="203183" spans="8:8">
      <c r="H203183" s="12"/>
    </row>
    <row r="203184" spans="8:8">
      <c r="H203184" s="12"/>
    </row>
    <row r="203185" spans="8:8">
      <c r="H203185" s="12"/>
    </row>
    <row r="203186" spans="8:8">
      <c r="H203186" s="12"/>
    </row>
    <row r="203187" spans="8:8">
      <c r="H203187" s="12"/>
    </row>
    <row r="203188" spans="8:8">
      <c r="H203188" s="12"/>
    </row>
    <row r="203189" spans="8:8">
      <c r="H203189" s="12"/>
    </row>
    <row r="203190" spans="8:8">
      <c r="H203190" s="12"/>
    </row>
    <row r="203191" spans="8:8">
      <c r="H203191" s="12"/>
    </row>
    <row r="203192" spans="8:8">
      <c r="H203192" s="12"/>
    </row>
    <row r="203193" spans="8:8">
      <c r="H203193" s="12"/>
    </row>
    <row r="203194" spans="8:8">
      <c r="H203194" s="12"/>
    </row>
    <row r="203195" spans="8:8">
      <c r="H203195" s="12"/>
    </row>
    <row r="203196" spans="8:8">
      <c r="H203196" s="12"/>
    </row>
    <row r="203197" spans="8:8">
      <c r="H203197" s="12"/>
    </row>
    <row r="203198" spans="8:8">
      <c r="H203198" s="12"/>
    </row>
    <row r="203199" spans="8:8">
      <c r="H203199" s="12"/>
    </row>
    <row r="203200" spans="8:8">
      <c r="H203200" s="12"/>
    </row>
    <row r="203201" spans="8:8">
      <c r="H203201" s="12"/>
    </row>
    <row r="203202" spans="8:8">
      <c r="H203202" s="12"/>
    </row>
    <row r="203203" spans="8:8">
      <c r="H203203" s="12"/>
    </row>
    <row r="203204" spans="8:8">
      <c r="H203204" s="12"/>
    </row>
    <row r="203205" spans="8:8">
      <c r="H203205" s="12"/>
    </row>
    <row r="203206" spans="8:8">
      <c r="H203206" s="12"/>
    </row>
    <row r="203207" spans="8:8">
      <c r="H203207" s="12"/>
    </row>
    <row r="203208" spans="8:8">
      <c r="H203208" s="12"/>
    </row>
    <row r="203209" spans="8:8">
      <c r="H203209" s="12"/>
    </row>
    <row r="203210" spans="8:8">
      <c r="H203210" s="12"/>
    </row>
    <row r="203211" spans="8:8">
      <c r="H203211" s="12"/>
    </row>
    <row r="203212" spans="8:8">
      <c r="H203212" s="12"/>
    </row>
    <row r="203213" spans="8:8">
      <c r="H203213" s="12"/>
    </row>
    <row r="203214" spans="8:8">
      <c r="H203214" s="12"/>
    </row>
    <row r="203215" spans="8:8">
      <c r="H203215" s="12"/>
    </row>
    <row r="203216" spans="8:8">
      <c r="H203216" s="12"/>
    </row>
    <row r="203217" spans="8:8">
      <c r="H203217" s="12"/>
    </row>
    <row r="203218" spans="8:8">
      <c r="H203218" s="12"/>
    </row>
    <row r="203219" spans="8:8">
      <c r="H203219" s="12"/>
    </row>
    <row r="203220" spans="8:8">
      <c r="H203220" s="12"/>
    </row>
    <row r="203221" spans="8:8">
      <c r="H203221" s="12"/>
    </row>
    <row r="203222" spans="8:8">
      <c r="H203222" s="12"/>
    </row>
    <row r="203223" spans="8:8">
      <c r="H203223" s="12"/>
    </row>
    <row r="203224" spans="8:8">
      <c r="H203224" s="12"/>
    </row>
    <row r="203225" spans="8:8">
      <c r="H203225" s="12"/>
    </row>
    <row r="203226" spans="8:8">
      <c r="H203226" s="12"/>
    </row>
    <row r="203227" spans="8:8">
      <c r="H203227" s="12"/>
    </row>
    <row r="203228" spans="8:8">
      <c r="H203228" s="12"/>
    </row>
    <row r="203229" spans="8:8">
      <c r="H203229" s="12"/>
    </row>
    <row r="203230" spans="8:8">
      <c r="H203230" s="12"/>
    </row>
    <row r="203231" spans="8:8">
      <c r="H203231" s="12"/>
    </row>
    <row r="203232" spans="8:8">
      <c r="H203232" s="12"/>
    </row>
    <row r="203233" spans="8:8">
      <c r="H203233" s="12"/>
    </row>
    <row r="203234" spans="8:8">
      <c r="H203234" s="12"/>
    </row>
    <row r="203235" spans="8:8">
      <c r="H203235" s="12"/>
    </row>
    <row r="203236" spans="8:8">
      <c r="H203236" s="12"/>
    </row>
    <row r="203237" spans="8:8">
      <c r="H203237" s="12"/>
    </row>
    <row r="203238" spans="8:8">
      <c r="H203238" s="12"/>
    </row>
    <row r="203239" spans="8:8">
      <c r="H203239" s="12"/>
    </row>
    <row r="203240" spans="8:8">
      <c r="H203240" s="12"/>
    </row>
    <row r="203241" spans="8:8">
      <c r="H203241" s="12"/>
    </row>
    <row r="203242" spans="8:8">
      <c r="H203242" s="12"/>
    </row>
    <row r="203243" spans="8:8">
      <c r="H203243" s="12"/>
    </row>
    <row r="203244" spans="8:8">
      <c r="H203244" s="12"/>
    </row>
    <row r="203245" spans="8:8">
      <c r="H203245" s="12"/>
    </row>
    <row r="203246" spans="8:8">
      <c r="H203246" s="12"/>
    </row>
    <row r="203247" spans="8:8">
      <c r="H203247" s="12"/>
    </row>
    <row r="203248" spans="8:8">
      <c r="H203248" s="12"/>
    </row>
    <row r="203249" spans="8:8">
      <c r="H203249" s="12"/>
    </row>
    <row r="203250" spans="8:8">
      <c r="H203250" s="12"/>
    </row>
    <row r="203251" spans="8:8">
      <c r="H203251" s="12"/>
    </row>
    <row r="203252" spans="8:8">
      <c r="H203252" s="12"/>
    </row>
    <row r="203253" spans="8:8">
      <c r="H203253" s="12"/>
    </row>
    <row r="203254" spans="8:8">
      <c r="H203254" s="12"/>
    </row>
    <row r="203255" spans="8:8">
      <c r="H203255" s="12"/>
    </row>
    <row r="203256" spans="8:8">
      <c r="H203256" s="12"/>
    </row>
    <row r="203257" spans="8:8">
      <c r="H203257" s="12"/>
    </row>
    <row r="203258" spans="8:8">
      <c r="H203258" s="12"/>
    </row>
    <row r="203259" spans="8:8">
      <c r="H203259" s="12"/>
    </row>
    <row r="203260" spans="8:8">
      <c r="H203260" s="12"/>
    </row>
    <row r="203261" spans="8:8">
      <c r="H203261" s="12"/>
    </row>
    <row r="203262" spans="8:8">
      <c r="H203262" s="12"/>
    </row>
    <row r="203263" spans="8:8">
      <c r="H203263" s="12"/>
    </row>
    <row r="203264" spans="8:8">
      <c r="H203264" s="12"/>
    </row>
    <row r="203265" spans="8:8">
      <c r="H203265" s="12"/>
    </row>
    <row r="203266" spans="8:8">
      <c r="H203266" s="12"/>
    </row>
    <row r="203267" spans="8:8">
      <c r="H203267" s="12"/>
    </row>
    <row r="203268" spans="8:8">
      <c r="H203268" s="12"/>
    </row>
    <row r="203269" spans="8:8">
      <c r="H203269" s="12"/>
    </row>
    <row r="203270" spans="8:8">
      <c r="H203270" s="12"/>
    </row>
    <row r="203271" spans="8:8">
      <c r="H203271" s="12"/>
    </row>
    <row r="203272" spans="8:8">
      <c r="H203272" s="12"/>
    </row>
    <row r="203273" spans="8:8">
      <c r="H203273" s="12"/>
    </row>
    <row r="203274" spans="8:8">
      <c r="H203274" s="12"/>
    </row>
    <row r="203275" spans="8:8">
      <c r="H203275" s="12"/>
    </row>
    <row r="203276" spans="8:8">
      <c r="H203276" s="12"/>
    </row>
    <row r="203277" spans="8:8">
      <c r="H203277" s="12"/>
    </row>
    <row r="203278" spans="8:8">
      <c r="H203278" s="12"/>
    </row>
    <row r="203279" spans="8:8">
      <c r="H203279" s="12"/>
    </row>
    <row r="203280" spans="8:8">
      <c r="H203280" s="12"/>
    </row>
    <row r="203281" spans="8:8">
      <c r="H203281" s="12"/>
    </row>
    <row r="203282" spans="8:8">
      <c r="H203282" s="12"/>
    </row>
    <row r="203283" spans="8:8">
      <c r="H203283" s="12"/>
    </row>
    <row r="203284" spans="8:8">
      <c r="H203284" s="12"/>
    </row>
    <row r="203285" spans="8:8">
      <c r="H203285" s="12"/>
    </row>
    <row r="203286" spans="8:8">
      <c r="H203286" s="12"/>
    </row>
    <row r="203287" spans="8:8">
      <c r="H203287" s="12"/>
    </row>
    <row r="203288" spans="8:8">
      <c r="H203288" s="12"/>
    </row>
    <row r="203289" spans="8:8">
      <c r="H203289" s="12"/>
    </row>
    <row r="203290" spans="8:8">
      <c r="H203290" s="12"/>
    </row>
    <row r="203291" spans="8:8">
      <c r="H203291" s="12"/>
    </row>
    <row r="203292" spans="8:8">
      <c r="H203292" s="12"/>
    </row>
    <row r="203293" spans="8:8">
      <c r="H203293" s="12"/>
    </row>
    <row r="203294" spans="8:8">
      <c r="H203294" s="12"/>
    </row>
    <row r="203295" spans="8:8">
      <c r="H203295" s="12"/>
    </row>
    <row r="203296" spans="8:8">
      <c r="H203296" s="12"/>
    </row>
    <row r="203297" spans="8:8">
      <c r="H203297" s="12"/>
    </row>
    <row r="203298" spans="8:8">
      <c r="H203298" s="12"/>
    </row>
    <row r="203299" spans="8:8">
      <c r="H203299" s="12"/>
    </row>
    <row r="203300" spans="8:8">
      <c r="H203300" s="12"/>
    </row>
    <row r="203301" spans="8:8">
      <c r="H203301" s="12"/>
    </row>
    <row r="203302" spans="8:8">
      <c r="H203302" s="12"/>
    </row>
    <row r="203303" spans="8:8">
      <c r="H203303" s="12"/>
    </row>
    <row r="203304" spans="8:8">
      <c r="H203304" s="12"/>
    </row>
    <row r="203305" spans="8:8">
      <c r="H203305" s="12"/>
    </row>
    <row r="203306" spans="8:8">
      <c r="H203306" s="12"/>
    </row>
    <row r="203307" spans="8:8">
      <c r="H203307" s="12"/>
    </row>
    <row r="203308" spans="8:8">
      <c r="H203308" s="12"/>
    </row>
    <row r="203309" spans="8:8">
      <c r="H203309" s="12"/>
    </row>
    <row r="203310" spans="8:8">
      <c r="H203310" s="12"/>
    </row>
    <row r="203311" spans="8:8">
      <c r="H203311" s="12"/>
    </row>
    <row r="203312" spans="8:8">
      <c r="H203312" s="12"/>
    </row>
    <row r="203313" spans="8:8">
      <c r="H203313" s="12"/>
    </row>
    <row r="203314" spans="8:8">
      <c r="H203314" s="12"/>
    </row>
    <row r="203315" spans="8:8">
      <c r="H203315" s="12"/>
    </row>
    <row r="203316" spans="8:8">
      <c r="H203316" s="12"/>
    </row>
    <row r="203317" spans="8:8">
      <c r="H203317" s="12"/>
    </row>
    <row r="203318" spans="8:8">
      <c r="H203318" s="12"/>
    </row>
    <row r="203319" spans="8:8">
      <c r="H203319" s="12"/>
    </row>
    <row r="203320" spans="8:8">
      <c r="H203320" s="12"/>
    </row>
    <row r="203321" spans="8:8">
      <c r="H203321" s="12"/>
    </row>
    <row r="203322" spans="8:8">
      <c r="H203322" s="12"/>
    </row>
    <row r="203323" spans="8:8">
      <c r="H203323" s="12"/>
    </row>
    <row r="203324" spans="8:8">
      <c r="H203324" s="12"/>
    </row>
    <row r="203325" spans="8:8">
      <c r="H203325" s="12"/>
    </row>
    <row r="203326" spans="8:8">
      <c r="H203326" s="12"/>
    </row>
    <row r="203327" spans="8:8">
      <c r="H203327" s="12"/>
    </row>
    <row r="203328" spans="8:8">
      <c r="H203328" s="12"/>
    </row>
    <row r="203329" spans="8:8">
      <c r="H203329" s="12"/>
    </row>
    <row r="203330" spans="8:8">
      <c r="H203330" s="12"/>
    </row>
    <row r="203331" spans="8:8">
      <c r="H203331" s="12"/>
    </row>
    <row r="203332" spans="8:8">
      <c r="H203332" s="12"/>
    </row>
    <row r="203333" spans="8:8">
      <c r="H203333" s="12"/>
    </row>
    <row r="203334" spans="8:8">
      <c r="H203334" s="12"/>
    </row>
    <row r="203335" spans="8:8">
      <c r="H203335" s="12"/>
    </row>
    <row r="203336" spans="8:8">
      <c r="H203336" s="12"/>
    </row>
    <row r="203337" spans="8:8">
      <c r="H203337" s="12"/>
    </row>
    <row r="203338" spans="8:8">
      <c r="H203338" s="12"/>
    </row>
    <row r="203339" spans="8:8">
      <c r="H203339" s="12"/>
    </row>
    <row r="203340" spans="8:8">
      <c r="H203340" s="12"/>
    </row>
    <row r="203341" spans="8:8">
      <c r="H203341" s="12"/>
    </row>
    <row r="203342" spans="8:8">
      <c r="H203342" s="12"/>
    </row>
    <row r="203343" spans="8:8">
      <c r="H203343" s="12"/>
    </row>
    <row r="203344" spans="8:8">
      <c r="H203344" s="12"/>
    </row>
    <row r="203345" spans="8:8">
      <c r="H203345" s="12"/>
    </row>
    <row r="203346" spans="8:8">
      <c r="H203346" s="12"/>
    </row>
    <row r="203347" spans="8:8">
      <c r="H203347" s="12"/>
    </row>
    <row r="203348" spans="8:8">
      <c r="H203348" s="12"/>
    </row>
    <row r="203349" spans="8:8">
      <c r="H203349" s="12"/>
    </row>
    <row r="203350" spans="8:8">
      <c r="H203350" s="12"/>
    </row>
    <row r="203351" spans="8:8">
      <c r="H203351" s="12"/>
    </row>
    <row r="203352" spans="8:8">
      <c r="H203352" s="12"/>
    </row>
    <row r="203353" spans="8:8">
      <c r="H203353" s="12"/>
    </row>
    <row r="203354" spans="8:8">
      <c r="H203354" s="12"/>
    </row>
    <row r="203355" spans="8:8">
      <c r="H203355" s="12"/>
    </row>
    <row r="203356" spans="8:8">
      <c r="H203356" s="12"/>
    </row>
    <row r="203357" spans="8:8">
      <c r="H203357" s="12"/>
    </row>
    <row r="203358" spans="8:8">
      <c r="H203358" s="12"/>
    </row>
    <row r="203359" spans="8:8">
      <c r="H203359" s="12"/>
    </row>
    <row r="203360" spans="8:8">
      <c r="H203360" s="12"/>
    </row>
    <row r="203361" spans="8:8">
      <c r="H203361" s="12"/>
    </row>
    <row r="203362" spans="8:8">
      <c r="H203362" s="12"/>
    </row>
    <row r="203363" spans="8:8">
      <c r="H203363" s="12"/>
    </row>
    <row r="203364" spans="8:8">
      <c r="H203364" s="12"/>
    </row>
    <row r="203365" spans="8:8">
      <c r="H203365" s="12"/>
    </row>
    <row r="203366" spans="8:8">
      <c r="H203366" s="12"/>
    </row>
    <row r="203367" spans="8:8">
      <c r="H203367" s="12"/>
    </row>
    <row r="203368" spans="8:8">
      <c r="H203368" s="12"/>
    </row>
    <row r="203369" spans="8:8">
      <c r="H203369" s="12"/>
    </row>
    <row r="203370" spans="8:8">
      <c r="H203370" s="12"/>
    </row>
    <row r="203371" spans="8:8">
      <c r="H203371" s="12"/>
    </row>
    <row r="203372" spans="8:8">
      <c r="H203372" s="12"/>
    </row>
    <row r="203373" spans="8:8">
      <c r="H203373" s="12"/>
    </row>
    <row r="203374" spans="8:8">
      <c r="H203374" s="12"/>
    </row>
    <row r="203375" spans="8:8">
      <c r="H203375" s="12"/>
    </row>
    <row r="203376" spans="8:8">
      <c r="H203376" s="12"/>
    </row>
    <row r="203377" spans="8:8">
      <c r="H203377" s="12"/>
    </row>
    <row r="203378" spans="8:8">
      <c r="H203378" s="12"/>
    </row>
    <row r="203379" spans="8:8">
      <c r="H203379" s="12"/>
    </row>
    <row r="203380" spans="8:8">
      <c r="H203380" s="12"/>
    </row>
    <row r="203381" spans="8:8">
      <c r="H203381" s="12"/>
    </row>
    <row r="203382" spans="8:8">
      <c r="H203382" s="12"/>
    </row>
    <row r="203383" spans="8:8">
      <c r="H203383" s="12"/>
    </row>
    <row r="203384" spans="8:8">
      <c r="H203384" s="12"/>
    </row>
    <row r="203385" spans="8:8">
      <c r="H203385" s="12"/>
    </row>
    <row r="203386" spans="8:8">
      <c r="H203386" s="12"/>
    </row>
    <row r="203387" spans="8:8">
      <c r="H203387" s="12"/>
    </row>
    <row r="203388" spans="8:8">
      <c r="H203388" s="12"/>
    </row>
    <row r="203389" spans="8:8">
      <c r="H203389" s="12"/>
    </row>
    <row r="203390" spans="8:8">
      <c r="H203390" s="12"/>
    </row>
    <row r="203391" spans="8:8">
      <c r="H203391" s="12"/>
    </row>
    <row r="203392" spans="8:8">
      <c r="H203392" s="12"/>
    </row>
    <row r="203393" spans="8:8">
      <c r="H203393" s="12"/>
    </row>
    <row r="203394" spans="8:8">
      <c r="H203394" s="12"/>
    </row>
    <row r="203395" spans="8:8">
      <c r="H203395" s="12"/>
    </row>
    <row r="203396" spans="8:8">
      <c r="H203396" s="12"/>
    </row>
    <row r="203397" spans="8:8">
      <c r="H203397" s="12"/>
    </row>
    <row r="203398" spans="8:8">
      <c r="H203398" s="12"/>
    </row>
    <row r="203399" spans="8:8">
      <c r="H203399" s="12"/>
    </row>
    <row r="203400" spans="8:8">
      <c r="H203400" s="12"/>
    </row>
    <row r="203401" spans="8:8">
      <c r="H203401" s="12"/>
    </row>
    <row r="203402" spans="8:8">
      <c r="H203402" s="12"/>
    </row>
    <row r="203403" spans="8:8">
      <c r="H203403" s="12"/>
    </row>
    <row r="203404" spans="8:8">
      <c r="H203404" s="12"/>
    </row>
    <row r="203405" spans="8:8">
      <c r="H203405" s="12"/>
    </row>
    <row r="203406" spans="8:8">
      <c r="H203406" s="12"/>
    </row>
    <row r="203407" spans="8:8">
      <c r="H203407" s="12"/>
    </row>
    <row r="203408" spans="8:8">
      <c r="H203408" s="12"/>
    </row>
    <row r="203409" spans="8:8">
      <c r="H203409" s="12"/>
    </row>
    <row r="203410" spans="8:8">
      <c r="H203410" s="12"/>
    </row>
    <row r="203411" spans="8:8">
      <c r="H203411" s="12"/>
    </row>
    <row r="203412" spans="8:8">
      <c r="H203412" s="12"/>
    </row>
    <row r="203413" spans="8:8">
      <c r="H203413" s="12"/>
    </row>
    <row r="203414" spans="8:8">
      <c r="H203414" s="12"/>
    </row>
    <row r="203415" spans="8:8">
      <c r="H203415" s="12"/>
    </row>
    <row r="203416" spans="8:8">
      <c r="H203416" s="12"/>
    </row>
    <row r="203417" spans="8:8">
      <c r="H203417" s="12"/>
    </row>
    <row r="203418" spans="8:8">
      <c r="H203418" s="12"/>
    </row>
    <row r="203419" spans="8:8">
      <c r="H203419" s="12"/>
    </row>
    <row r="203420" spans="8:8">
      <c r="H203420" s="12"/>
    </row>
    <row r="203421" spans="8:8">
      <c r="H203421" s="12"/>
    </row>
    <row r="203422" spans="8:8">
      <c r="H203422" s="12"/>
    </row>
    <row r="203423" spans="8:8">
      <c r="H203423" s="12"/>
    </row>
    <row r="203424" spans="8:8">
      <c r="H203424" s="12"/>
    </row>
    <row r="203425" spans="8:8">
      <c r="H203425" s="12"/>
    </row>
    <row r="203426" spans="8:8">
      <c r="H203426" s="12"/>
    </row>
    <row r="203427" spans="8:8">
      <c r="H203427" s="12"/>
    </row>
    <row r="203428" spans="8:8">
      <c r="H203428" s="12"/>
    </row>
    <row r="203429" spans="8:8">
      <c r="H203429" s="12"/>
    </row>
    <row r="203430" spans="8:8">
      <c r="H203430" s="12"/>
    </row>
    <row r="203431" spans="8:8">
      <c r="H203431" s="12"/>
    </row>
    <row r="203432" spans="8:8">
      <c r="H203432" s="12"/>
    </row>
    <row r="203433" spans="8:8">
      <c r="H203433" s="12"/>
    </row>
    <row r="203434" spans="8:8">
      <c r="H203434" s="12"/>
    </row>
    <row r="203435" spans="8:8">
      <c r="H203435" s="12"/>
    </row>
    <row r="203436" spans="8:8">
      <c r="H203436" s="12"/>
    </row>
    <row r="203437" spans="8:8">
      <c r="H203437" s="12"/>
    </row>
    <row r="203438" spans="8:8">
      <c r="H203438" s="12"/>
    </row>
    <row r="203439" spans="8:8">
      <c r="H203439" s="12"/>
    </row>
    <row r="203440" spans="8:8">
      <c r="H203440" s="12"/>
    </row>
    <row r="203441" spans="8:8">
      <c r="H203441" s="12"/>
    </row>
    <row r="203442" spans="8:8">
      <c r="H203442" s="12"/>
    </row>
    <row r="203443" spans="8:8">
      <c r="H203443" s="12"/>
    </row>
    <row r="203444" spans="8:8">
      <c r="H203444" s="12"/>
    </row>
    <row r="203445" spans="8:8">
      <c r="H203445" s="12"/>
    </row>
    <row r="203446" spans="8:8">
      <c r="H203446" s="12"/>
    </row>
    <row r="203447" spans="8:8">
      <c r="H203447" s="12"/>
    </row>
    <row r="203448" spans="8:8">
      <c r="H203448" s="12"/>
    </row>
    <row r="203449" spans="8:8">
      <c r="H203449" s="12"/>
    </row>
    <row r="203450" spans="8:8">
      <c r="H203450" s="12"/>
    </row>
    <row r="203451" spans="8:8">
      <c r="H203451" s="12"/>
    </row>
    <row r="203452" spans="8:8">
      <c r="H203452" s="12"/>
    </row>
    <row r="203453" spans="8:8">
      <c r="H203453" s="12"/>
    </row>
    <row r="203454" spans="8:8">
      <c r="H203454" s="12"/>
    </row>
    <row r="203455" spans="8:8">
      <c r="H203455" s="12"/>
    </row>
    <row r="203456" spans="8:8">
      <c r="H203456" s="12"/>
    </row>
    <row r="203457" spans="8:8">
      <c r="H203457" s="12"/>
    </row>
    <row r="203458" spans="8:8">
      <c r="H203458" s="12"/>
    </row>
    <row r="203459" spans="8:8">
      <c r="H203459" s="12"/>
    </row>
    <row r="203460" spans="8:8">
      <c r="H203460" s="12"/>
    </row>
    <row r="203461" spans="8:8">
      <c r="H203461" s="12"/>
    </row>
    <row r="203462" spans="8:8">
      <c r="H203462" s="12"/>
    </row>
    <row r="203463" spans="8:8">
      <c r="H203463" s="12"/>
    </row>
    <row r="203464" spans="8:8">
      <c r="H203464" s="12"/>
    </row>
    <row r="203465" spans="8:8">
      <c r="H203465" s="12"/>
    </row>
    <row r="203466" spans="8:8">
      <c r="H203466" s="12"/>
    </row>
    <row r="203467" spans="8:8">
      <c r="H203467" s="12"/>
    </row>
    <row r="203468" spans="8:8">
      <c r="H203468" s="12"/>
    </row>
    <row r="203469" spans="8:8">
      <c r="H203469" s="12"/>
    </row>
    <row r="203470" spans="8:8">
      <c r="H203470" s="12"/>
    </row>
    <row r="203471" spans="8:8">
      <c r="H203471" s="12"/>
    </row>
    <row r="203472" spans="8:8">
      <c r="H203472" s="12"/>
    </row>
    <row r="203473" spans="8:8">
      <c r="H203473" s="12"/>
    </row>
    <row r="203474" spans="8:8">
      <c r="H203474" s="12"/>
    </row>
    <row r="203475" spans="8:8">
      <c r="H203475" s="12"/>
    </row>
    <row r="203476" spans="8:8">
      <c r="H203476" s="12"/>
    </row>
    <row r="203477" spans="8:8">
      <c r="H203477" s="12"/>
    </row>
    <row r="203478" spans="8:8">
      <c r="H203478" s="12"/>
    </row>
    <row r="203479" spans="8:8">
      <c r="H203479" s="12"/>
    </row>
    <row r="203480" spans="8:8">
      <c r="H203480" s="12"/>
    </row>
    <row r="203481" spans="8:8">
      <c r="H203481" s="12"/>
    </row>
    <row r="203482" spans="8:8">
      <c r="H203482" s="12"/>
    </row>
    <row r="203483" spans="8:8">
      <c r="H203483" s="12"/>
    </row>
    <row r="203484" spans="8:8">
      <c r="H203484" s="12"/>
    </row>
    <row r="203485" spans="8:8">
      <c r="H203485" s="12"/>
    </row>
    <row r="203486" spans="8:8">
      <c r="H203486" s="12"/>
    </row>
    <row r="203487" spans="8:8">
      <c r="H203487" s="12"/>
    </row>
    <row r="203488" spans="8:8">
      <c r="H203488" s="12"/>
    </row>
    <row r="203489" spans="8:8">
      <c r="H203489" s="12"/>
    </row>
    <row r="203490" spans="8:8">
      <c r="H203490" s="12"/>
    </row>
    <row r="203491" spans="8:8">
      <c r="H203491" s="12"/>
    </row>
    <row r="203492" spans="8:8">
      <c r="H203492" s="12"/>
    </row>
    <row r="203493" spans="8:8">
      <c r="H203493" s="12"/>
    </row>
    <row r="203494" spans="8:8">
      <c r="H203494" s="12"/>
    </row>
    <row r="203495" spans="8:8">
      <c r="H203495" s="12"/>
    </row>
    <row r="203496" spans="8:8">
      <c r="H203496" s="12"/>
    </row>
    <row r="203497" spans="8:8">
      <c r="H203497" s="12"/>
    </row>
    <row r="203498" spans="8:8">
      <c r="H203498" s="12"/>
    </row>
    <row r="203499" spans="8:8">
      <c r="H203499" s="12"/>
    </row>
    <row r="203500" spans="8:8">
      <c r="H203500" s="12"/>
    </row>
    <row r="203501" spans="8:8">
      <c r="H203501" s="12"/>
    </row>
    <row r="203502" spans="8:8">
      <c r="H203502" s="12"/>
    </row>
    <row r="203503" spans="8:8">
      <c r="H203503" s="12"/>
    </row>
    <row r="203504" spans="8:8">
      <c r="H203504" s="12"/>
    </row>
    <row r="203505" spans="8:8">
      <c r="H203505" s="12"/>
    </row>
    <row r="203506" spans="8:8">
      <c r="H203506" s="12"/>
    </row>
    <row r="203507" spans="8:8">
      <c r="H203507" s="12"/>
    </row>
    <row r="203508" spans="8:8">
      <c r="H203508" s="12"/>
    </row>
    <row r="203509" spans="8:8">
      <c r="H203509" s="12"/>
    </row>
    <row r="203510" spans="8:8">
      <c r="H203510" s="12"/>
    </row>
    <row r="203511" spans="8:8">
      <c r="H203511" s="12"/>
    </row>
    <row r="203512" spans="8:8">
      <c r="H203512" s="12"/>
    </row>
    <row r="203513" spans="8:8">
      <c r="H203513" s="12"/>
    </row>
    <row r="203514" spans="8:8">
      <c r="H203514" s="12"/>
    </row>
    <row r="203515" spans="8:8">
      <c r="H203515" s="12"/>
    </row>
    <row r="203516" spans="8:8">
      <c r="H203516" s="12"/>
    </row>
    <row r="203517" spans="8:8">
      <c r="H203517" s="12"/>
    </row>
    <row r="203518" spans="8:8">
      <c r="H203518" s="12"/>
    </row>
    <row r="203519" spans="8:8">
      <c r="H203519" s="12"/>
    </row>
    <row r="203520" spans="8:8">
      <c r="H203520" s="12"/>
    </row>
    <row r="203521" spans="8:8">
      <c r="H203521" s="12"/>
    </row>
    <row r="203522" spans="8:8">
      <c r="H203522" s="12"/>
    </row>
    <row r="203523" spans="8:8">
      <c r="H203523" s="12"/>
    </row>
    <row r="203524" spans="8:8">
      <c r="H203524" s="12"/>
    </row>
    <row r="203525" spans="8:8">
      <c r="H203525" s="12"/>
    </row>
    <row r="203526" spans="8:8">
      <c r="H203526" s="12"/>
    </row>
    <row r="203527" spans="8:8">
      <c r="H203527" s="12"/>
    </row>
    <row r="203528" spans="8:8">
      <c r="H203528" s="12"/>
    </row>
    <row r="203529" spans="8:8">
      <c r="H203529" s="12"/>
    </row>
    <row r="203530" spans="8:8">
      <c r="H203530" s="12"/>
    </row>
    <row r="203531" spans="8:8">
      <c r="H203531" s="12"/>
    </row>
    <row r="203532" spans="8:8">
      <c r="H203532" s="12"/>
    </row>
    <row r="203533" spans="8:8">
      <c r="H203533" s="12"/>
    </row>
    <row r="203534" spans="8:8">
      <c r="H203534" s="12"/>
    </row>
    <row r="203535" spans="8:8">
      <c r="H203535" s="12"/>
    </row>
    <row r="203536" spans="8:8">
      <c r="H203536" s="12"/>
    </row>
    <row r="203537" spans="8:8">
      <c r="H203537" s="12"/>
    </row>
    <row r="203538" spans="8:8">
      <c r="H203538" s="12"/>
    </row>
    <row r="203539" spans="8:8">
      <c r="H203539" s="12"/>
    </row>
    <row r="203540" spans="8:8">
      <c r="H203540" s="12"/>
    </row>
    <row r="203541" spans="8:8">
      <c r="H203541" s="12"/>
    </row>
    <row r="203542" spans="8:8">
      <c r="H203542" s="12"/>
    </row>
    <row r="203543" spans="8:8">
      <c r="H203543" s="12"/>
    </row>
    <row r="203544" spans="8:8">
      <c r="H203544" s="12"/>
    </row>
    <row r="203545" spans="8:8">
      <c r="H203545" s="12"/>
    </row>
    <row r="203546" spans="8:8">
      <c r="H203546" s="12"/>
    </row>
    <row r="203547" spans="8:8">
      <c r="H203547" s="12"/>
    </row>
    <row r="203548" spans="8:8">
      <c r="H203548" s="12"/>
    </row>
    <row r="203549" spans="8:8">
      <c r="H203549" s="12"/>
    </row>
    <row r="203550" spans="8:8">
      <c r="H203550" s="12"/>
    </row>
    <row r="203551" spans="8:8">
      <c r="H203551" s="12"/>
    </row>
    <row r="203552" spans="8:8">
      <c r="H203552" s="12"/>
    </row>
    <row r="203553" spans="8:8">
      <c r="H203553" s="12"/>
    </row>
    <row r="203554" spans="8:8">
      <c r="H203554" s="12"/>
    </row>
    <row r="203555" spans="8:8">
      <c r="H203555" s="12"/>
    </row>
    <row r="203556" spans="8:8">
      <c r="H203556" s="12"/>
    </row>
    <row r="203557" spans="8:8">
      <c r="H203557" s="12"/>
    </row>
    <row r="203558" spans="8:8">
      <c r="H203558" s="12"/>
    </row>
    <row r="203559" spans="8:8">
      <c r="H203559" s="12"/>
    </row>
    <row r="203560" spans="8:8">
      <c r="H203560" s="12"/>
    </row>
    <row r="203561" spans="8:8">
      <c r="H203561" s="12"/>
    </row>
    <row r="203562" spans="8:8">
      <c r="H203562" s="12"/>
    </row>
    <row r="203563" spans="8:8">
      <c r="H203563" s="12"/>
    </row>
    <row r="203564" spans="8:8">
      <c r="H203564" s="12"/>
    </row>
    <row r="203565" spans="8:8">
      <c r="H203565" s="12"/>
    </row>
    <row r="203566" spans="8:8">
      <c r="H203566" s="12"/>
    </row>
    <row r="203567" spans="8:8">
      <c r="H203567" s="12"/>
    </row>
    <row r="203568" spans="8:8">
      <c r="H203568" s="12"/>
    </row>
    <row r="203569" spans="8:8">
      <c r="H203569" s="12"/>
    </row>
    <row r="203570" spans="8:8">
      <c r="H203570" s="12"/>
    </row>
    <row r="203571" spans="8:8">
      <c r="H203571" s="12"/>
    </row>
    <row r="203572" spans="8:8">
      <c r="H203572" s="12"/>
    </row>
    <row r="203573" spans="8:8">
      <c r="H203573" s="12"/>
    </row>
    <row r="203574" spans="8:8">
      <c r="H203574" s="12"/>
    </row>
    <row r="203575" spans="8:8">
      <c r="H203575" s="12"/>
    </row>
    <row r="203576" spans="8:8">
      <c r="H203576" s="12"/>
    </row>
    <row r="203577" spans="8:8">
      <c r="H203577" s="12"/>
    </row>
    <row r="203578" spans="8:8">
      <c r="H203578" s="12"/>
    </row>
    <row r="203579" spans="8:8">
      <c r="H203579" s="12"/>
    </row>
    <row r="203580" spans="8:8">
      <c r="H203580" s="12"/>
    </row>
    <row r="203581" spans="8:8">
      <c r="H203581" s="12"/>
    </row>
    <row r="203582" spans="8:8">
      <c r="H203582" s="12"/>
    </row>
    <row r="203583" spans="8:8">
      <c r="H203583" s="12"/>
    </row>
    <row r="203584" spans="8:8">
      <c r="H203584" s="12"/>
    </row>
    <row r="203585" spans="8:8">
      <c r="H203585" s="12"/>
    </row>
    <row r="203586" spans="8:8">
      <c r="H203586" s="12"/>
    </row>
    <row r="203587" spans="8:8">
      <c r="H203587" s="12"/>
    </row>
    <row r="203588" spans="8:8">
      <c r="H203588" s="12"/>
    </row>
    <row r="203589" spans="8:8">
      <c r="H203589" s="12"/>
    </row>
    <row r="203590" spans="8:8">
      <c r="H203590" s="12"/>
    </row>
    <row r="203591" spans="8:8">
      <c r="H203591" s="12"/>
    </row>
    <row r="203592" spans="8:8">
      <c r="H203592" s="12"/>
    </row>
    <row r="203593" spans="8:8">
      <c r="H203593" s="12"/>
    </row>
    <row r="203594" spans="8:8">
      <c r="H203594" s="12"/>
    </row>
    <row r="203595" spans="8:8">
      <c r="H203595" s="12"/>
    </row>
    <row r="203596" spans="8:8">
      <c r="H203596" s="12"/>
    </row>
    <row r="203597" spans="8:8">
      <c r="H203597" s="12"/>
    </row>
    <row r="203598" spans="8:8">
      <c r="H203598" s="12"/>
    </row>
    <row r="203599" spans="8:8">
      <c r="H203599" s="12"/>
    </row>
    <row r="203600" spans="8:8">
      <c r="H203600" s="12"/>
    </row>
    <row r="203601" spans="8:8">
      <c r="H203601" s="12"/>
    </row>
    <row r="203602" spans="8:8">
      <c r="H203602" s="12"/>
    </row>
    <row r="203603" spans="8:8">
      <c r="H203603" s="12"/>
    </row>
    <row r="203604" spans="8:8">
      <c r="H203604" s="12"/>
    </row>
    <row r="203605" spans="8:8">
      <c r="H203605" s="12"/>
    </row>
    <row r="203606" spans="8:8">
      <c r="H203606" s="12"/>
    </row>
    <row r="203607" spans="8:8">
      <c r="H203607" s="12"/>
    </row>
    <row r="203608" spans="8:8">
      <c r="H203608" s="12"/>
    </row>
    <row r="203609" spans="8:8">
      <c r="H203609" s="12"/>
    </row>
    <row r="203610" spans="8:8">
      <c r="H203610" s="12"/>
    </row>
    <row r="203611" spans="8:8">
      <c r="H203611" s="12"/>
    </row>
    <row r="203612" spans="8:8">
      <c r="H203612" s="12"/>
    </row>
    <row r="203613" spans="8:8">
      <c r="H203613" s="12"/>
    </row>
    <row r="203614" spans="8:8">
      <c r="H203614" s="12"/>
    </row>
    <row r="203615" spans="8:8">
      <c r="H203615" s="12"/>
    </row>
    <row r="203616" spans="8:8">
      <c r="H203616" s="12"/>
    </row>
    <row r="203617" spans="8:8">
      <c r="H203617" s="12"/>
    </row>
    <row r="203618" spans="8:8">
      <c r="H203618" s="12"/>
    </row>
    <row r="203619" spans="8:8">
      <c r="H203619" s="12"/>
    </row>
    <row r="203620" spans="8:8">
      <c r="H203620" s="12"/>
    </row>
    <row r="203621" spans="8:8">
      <c r="H203621" s="12"/>
    </row>
    <row r="203622" spans="8:8">
      <c r="H203622" s="12"/>
    </row>
    <row r="203623" spans="8:8">
      <c r="H203623" s="12"/>
    </row>
    <row r="203624" spans="8:8">
      <c r="H203624" s="12"/>
    </row>
    <row r="203625" spans="8:8">
      <c r="H203625" s="12"/>
    </row>
    <row r="203626" spans="8:8">
      <c r="H203626" s="12"/>
    </row>
    <row r="203627" spans="8:8">
      <c r="H203627" s="12"/>
    </row>
    <row r="203628" spans="8:8">
      <c r="H203628" s="12"/>
    </row>
    <row r="203629" spans="8:8">
      <c r="H203629" s="12"/>
    </row>
    <row r="203630" spans="8:8">
      <c r="H203630" s="12"/>
    </row>
    <row r="203631" spans="8:8">
      <c r="H203631" s="12"/>
    </row>
    <row r="203632" spans="8:8">
      <c r="H203632" s="12"/>
    </row>
    <row r="203633" spans="8:8">
      <c r="H203633" s="12"/>
    </row>
    <row r="203634" spans="8:8">
      <c r="H203634" s="12"/>
    </row>
    <row r="203635" spans="8:8">
      <c r="H203635" s="12"/>
    </row>
    <row r="203636" spans="8:8">
      <c r="H203636" s="12"/>
    </row>
    <row r="203637" spans="8:8">
      <c r="H203637" s="12"/>
    </row>
    <row r="203638" spans="8:8">
      <c r="H203638" s="12"/>
    </row>
    <row r="203639" spans="8:8">
      <c r="H203639" s="12"/>
    </row>
    <row r="203640" spans="8:8">
      <c r="H203640" s="12"/>
    </row>
    <row r="203641" spans="8:8">
      <c r="H203641" s="12"/>
    </row>
    <row r="203642" spans="8:8">
      <c r="H203642" s="12"/>
    </row>
    <row r="203643" spans="8:8">
      <c r="H203643" s="12"/>
    </row>
    <row r="203644" spans="8:8">
      <c r="H203644" s="12"/>
    </row>
    <row r="203645" spans="8:8">
      <c r="H203645" s="12"/>
    </row>
    <row r="203646" spans="8:8">
      <c r="H203646" s="12"/>
    </row>
    <row r="203647" spans="8:8">
      <c r="H203647" s="12"/>
    </row>
    <row r="203648" spans="8:8">
      <c r="H203648" s="12"/>
    </row>
    <row r="203649" spans="8:8">
      <c r="H203649" s="12"/>
    </row>
    <row r="203650" spans="8:8">
      <c r="H203650" s="12"/>
    </row>
    <row r="203651" spans="8:8">
      <c r="H203651" s="12"/>
    </row>
    <row r="203652" spans="8:8">
      <c r="H203652" s="12"/>
    </row>
    <row r="203653" spans="8:8">
      <c r="H203653" s="12"/>
    </row>
    <row r="203654" spans="8:8">
      <c r="H203654" s="12"/>
    </row>
    <row r="203655" spans="8:8">
      <c r="H203655" s="12"/>
    </row>
    <row r="203656" spans="8:8">
      <c r="H203656" s="12"/>
    </row>
    <row r="203657" spans="8:8">
      <c r="H203657" s="12"/>
    </row>
    <row r="203658" spans="8:8">
      <c r="H203658" s="12"/>
    </row>
    <row r="203659" spans="8:8">
      <c r="H203659" s="12"/>
    </row>
    <row r="203660" spans="8:8">
      <c r="H203660" s="12"/>
    </row>
    <row r="203661" spans="8:8">
      <c r="H203661" s="12"/>
    </row>
    <row r="203662" spans="8:8">
      <c r="H203662" s="12"/>
    </row>
    <row r="203663" spans="8:8">
      <c r="H203663" s="12"/>
    </row>
    <row r="203664" spans="8:8">
      <c r="H203664" s="12"/>
    </row>
    <row r="203665" spans="8:8">
      <c r="H203665" s="12"/>
    </row>
    <row r="203666" spans="8:8">
      <c r="H203666" s="12"/>
    </row>
    <row r="203667" spans="8:8">
      <c r="H203667" s="12"/>
    </row>
    <row r="203668" spans="8:8">
      <c r="H203668" s="12"/>
    </row>
    <row r="203669" spans="8:8">
      <c r="H203669" s="12"/>
    </row>
    <row r="203670" spans="8:8">
      <c r="H203670" s="12"/>
    </row>
    <row r="203671" spans="8:8">
      <c r="H203671" s="12"/>
    </row>
    <row r="203672" spans="8:8">
      <c r="H203672" s="12"/>
    </row>
    <row r="203673" spans="8:8">
      <c r="H203673" s="12"/>
    </row>
    <row r="203674" spans="8:8">
      <c r="H203674" s="12"/>
    </row>
    <row r="203675" spans="8:8">
      <c r="H203675" s="12"/>
    </row>
    <row r="203676" spans="8:8">
      <c r="H203676" s="12"/>
    </row>
    <row r="203677" spans="8:8">
      <c r="H203677" s="12"/>
    </row>
    <row r="203678" spans="8:8">
      <c r="H203678" s="12"/>
    </row>
    <row r="203679" spans="8:8">
      <c r="H203679" s="12"/>
    </row>
    <row r="203680" spans="8:8">
      <c r="H203680" s="12"/>
    </row>
    <row r="203681" spans="8:8">
      <c r="H203681" s="12"/>
    </row>
    <row r="203682" spans="8:8">
      <c r="H203682" s="12"/>
    </row>
    <row r="203683" spans="8:8">
      <c r="H203683" s="12"/>
    </row>
    <row r="203684" spans="8:8">
      <c r="H203684" s="12"/>
    </row>
    <row r="203685" spans="8:8">
      <c r="H203685" s="12"/>
    </row>
    <row r="203686" spans="8:8">
      <c r="H203686" s="12"/>
    </row>
    <row r="203687" spans="8:8">
      <c r="H203687" s="12"/>
    </row>
    <row r="203688" spans="8:8">
      <c r="H203688" s="12"/>
    </row>
    <row r="203689" spans="8:8">
      <c r="H203689" s="12"/>
    </row>
    <row r="203690" spans="8:8">
      <c r="H203690" s="12"/>
    </row>
    <row r="203691" spans="8:8">
      <c r="H203691" s="12"/>
    </row>
    <row r="203692" spans="8:8">
      <c r="H203692" s="12"/>
    </row>
    <row r="203693" spans="8:8">
      <c r="H203693" s="12"/>
    </row>
    <row r="203694" spans="8:8">
      <c r="H203694" s="12"/>
    </row>
    <row r="203695" spans="8:8">
      <c r="H203695" s="12"/>
    </row>
    <row r="203696" spans="8:8">
      <c r="H203696" s="12"/>
    </row>
    <row r="203697" spans="8:8">
      <c r="H203697" s="12"/>
    </row>
    <row r="203698" spans="8:8">
      <c r="H203698" s="12"/>
    </row>
    <row r="203699" spans="8:8">
      <c r="H203699" s="12"/>
    </row>
    <row r="203700" spans="8:8">
      <c r="H203700" s="12"/>
    </row>
    <row r="203701" spans="8:8">
      <c r="H203701" s="12"/>
    </row>
    <row r="203702" spans="8:8">
      <c r="H203702" s="12"/>
    </row>
    <row r="203703" spans="8:8">
      <c r="H203703" s="12"/>
    </row>
    <row r="203704" spans="8:8">
      <c r="H203704" s="12"/>
    </row>
    <row r="203705" spans="8:8">
      <c r="H203705" s="12"/>
    </row>
    <row r="203706" spans="8:8">
      <c r="H203706" s="12"/>
    </row>
    <row r="203707" spans="8:8">
      <c r="H203707" s="12"/>
    </row>
    <row r="203708" spans="8:8">
      <c r="H203708" s="12"/>
    </row>
    <row r="203709" spans="8:8">
      <c r="H203709" s="12"/>
    </row>
    <row r="203710" spans="8:8">
      <c r="H203710" s="12"/>
    </row>
    <row r="203711" spans="8:8">
      <c r="H203711" s="12"/>
    </row>
    <row r="203712" spans="8:8">
      <c r="H203712" s="12"/>
    </row>
    <row r="203713" spans="8:8">
      <c r="H203713" s="12"/>
    </row>
    <row r="203714" spans="8:8">
      <c r="H203714" s="12"/>
    </row>
    <row r="203715" spans="8:8">
      <c r="H203715" s="12"/>
    </row>
    <row r="203716" spans="8:8">
      <c r="H203716" s="12"/>
    </row>
    <row r="203717" spans="8:8">
      <c r="H203717" s="12"/>
    </row>
    <row r="203718" spans="8:8">
      <c r="H203718" s="12"/>
    </row>
    <row r="203719" spans="8:8">
      <c r="H203719" s="12"/>
    </row>
    <row r="203720" spans="8:8">
      <c r="H203720" s="12"/>
    </row>
    <row r="203721" spans="8:8">
      <c r="H203721" s="12"/>
    </row>
    <row r="203722" spans="8:8">
      <c r="H203722" s="12"/>
    </row>
    <row r="203723" spans="8:8">
      <c r="H203723" s="12"/>
    </row>
    <row r="203724" spans="8:8">
      <c r="H203724" s="12"/>
    </row>
    <row r="203725" spans="8:8">
      <c r="H203725" s="12"/>
    </row>
    <row r="203726" spans="8:8">
      <c r="H203726" s="12"/>
    </row>
    <row r="203727" spans="8:8">
      <c r="H203727" s="12"/>
    </row>
    <row r="203728" spans="8:8">
      <c r="H203728" s="12"/>
    </row>
    <row r="203729" spans="8:8">
      <c r="H203729" s="12"/>
    </row>
    <row r="203730" spans="8:8">
      <c r="H203730" s="12"/>
    </row>
    <row r="203731" spans="8:8">
      <c r="H203731" s="12"/>
    </row>
    <row r="203732" spans="8:8">
      <c r="H203732" s="12"/>
    </row>
    <row r="203733" spans="8:8">
      <c r="H203733" s="12"/>
    </row>
    <row r="203734" spans="8:8">
      <c r="H203734" s="12"/>
    </row>
    <row r="203735" spans="8:8">
      <c r="H203735" s="12"/>
    </row>
    <row r="203736" spans="8:8">
      <c r="H203736" s="12"/>
    </row>
    <row r="203737" spans="8:8">
      <c r="H203737" s="12"/>
    </row>
    <row r="203738" spans="8:8">
      <c r="H203738" s="12"/>
    </row>
    <row r="203739" spans="8:8">
      <c r="H203739" s="12"/>
    </row>
    <row r="203740" spans="8:8">
      <c r="H203740" s="12"/>
    </row>
    <row r="203741" spans="8:8">
      <c r="H203741" s="12"/>
    </row>
    <row r="203742" spans="8:8">
      <c r="H203742" s="12"/>
    </row>
    <row r="203743" spans="8:8">
      <c r="H203743" s="12"/>
    </row>
    <row r="203744" spans="8:8">
      <c r="H203744" s="12"/>
    </row>
    <row r="203745" spans="8:8">
      <c r="H203745" s="12"/>
    </row>
    <row r="203746" spans="8:8">
      <c r="H203746" s="12"/>
    </row>
    <row r="203747" spans="8:8">
      <c r="H203747" s="12"/>
    </row>
    <row r="203748" spans="8:8">
      <c r="H203748" s="12"/>
    </row>
    <row r="203749" spans="8:8">
      <c r="H203749" s="12"/>
    </row>
    <row r="203750" spans="8:8">
      <c r="H203750" s="12"/>
    </row>
    <row r="203751" spans="8:8">
      <c r="H203751" s="12"/>
    </row>
    <row r="203752" spans="8:8">
      <c r="H203752" s="12"/>
    </row>
    <row r="203753" spans="8:8">
      <c r="H203753" s="12"/>
    </row>
    <row r="203754" spans="8:8">
      <c r="H203754" s="12"/>
    </row>
    <row r="203755" spans="8:8">
      <c r="H203755" s="12"/>
    </row>
    <row r="203756" spans="8:8">
      <c r="H203756" s="12"/>
    </row>
    <row r="203757" spans="8:8">
      <c r="H203757" s="12"/>
    </row>
    <row r="203758" spans="8:8">
      <c r="H203758" s="12"/>
    </row>
    <row r="203759" spans="8:8">
      <c r="H203759" s="12"/>
    </row>
    <row r="203760" spans="8:8">
      <c r="H203760" s="12"/>
    </row>
    <row r="203761" spans="8:8">
      <c r="H203761" s="12"/>
    </row>
    <row r="203762" spans="8:8">
      <c r="H203762" s="12"/>
    </row>
    <row r="203763" spans="8:8">
      <c r="H203763" s="12"/>
    </row>
    <row r="203764" spans="8:8">
      <c r="H203764" s="12"/>
    </row>
    <row r="203765" spans="8:8">
      <c r="H203765" s="12"/>
    </row>
    <row r="203766" spans="8:8">
      <c r="H203766" s="12"/>
    </row>
    <row r="203767" spans="8:8">
      <c r="H203767" s="12"/>
    </row>
    <row r="203768" spans="8:8">
      <c r="H203768" s="12"/>
    </row>
    <row r="203769" spans="8:8">
      <c r="H203769" s="12"/>
    </row>
    <row r="203770" spans="8:8">
      <c r="H203770" s="12"/>
    </row>
    <row r="203771" spans="8:8">
      <c r="H203771" s="12"/>
    </row>
    <row r="203772" spans="8:8">
      <c r="H203772" s="12"/>
    </row>
    <row r="203773" spans="8:8">
      <c r="H203773" s="12"/>
    </row>
    <row r="203774" spans="8:8">
      <c r="H203774" s="12"/>
    </row>
    <row r="203775" spans="8:8">
      <c r="H203775" s="12"/>
    </row>
    <row r="203776" spans="8:8">
      <c r="H203776" s="12"/>
    </row>
    <row r="203777" spans="8:8">
      <c r="H203777" s="12"/>
    </row>
    <row r="203778" spans="8:8">
      <c r="H203778" s="12"/>
    </row>
    <row r="203779" spans="8:8">
      <c r="H203779" s="12"/>
    </row>
    <row r="203780" spans="8:8">
      <c r="H203780" s="12"/>
    </row>
    <row r="203781" spans="8:8">
      <c r="H203781" s="12"/>
    </row>
    <row r="203782" spans="8:8">
      <c r="H203782" s="12"/>
    </row>
    <row r="203783" spans="8:8">
      <c r="H203783" s="12"/>
    </row>
    <row r="203784" spans="8:8">
      <c r="H203784" s="12"/>
    </row>
    <row r="203785" spans="8:8">
      <c r="H203785" s="12"/>
    </row>
    <row r="203786" spans="8:8">
      <c r="H203786" s="12"/>
    </row>
    <row r="203787" spans="8:8">
      <c r="H203787" s="12"/>
    </row>
    <row r="203788" spans="8:8">
      <c r="H203788" s="12"/>
    </row>
    <row r="203789" spans="8:8">
      <c r="H203789" s="12"/>
    </row>
    <row r="203790" spans="8:8">
      <c r="H203790" s="12"/>
    </row>
    <row r="203791" spans="8:8">
      <c r="H203791" s="12"/>
    </row>
    <row r="203792" spans="8:8">
      <c r="H203792" s="12"/>
    </row>
    <row r="203793" spans="8:8">
      <c r="H203793" s="12"/>
    </row>
    <row r="203794" spans="8:8">
      <c r="H203794" s="12"/>
    </row>
    <row r="203795" spans="8:8">
      <c r="H203795" s="12"/>
    </row>
    <row r="203796" spans="8:8">
      <c r="H203796" s="12"/>
    </row>
    <row r="203797" spans="8:8">
      <c r="H203797" s="12"/>
    </row>
    <row r="203798" spans="8:8">
      <c r="H203798" s="12"/>
    </row>
    <row r="203799" spans="8:8">
      <c r="H203799" s="12"/>
    </row>
    <row r="203800" spans="8:8">
      <c r="H203800" s="12"/>
    </row>
    <row r="203801" spans="8:8">
      <c r="H203801" s="12"/>
    </row>
    <row r="203802" spans="8:8">
      <c r="H203802" s="12"/>
    </row>
    <row r="203803" spans="8:8">
      <c r="H203803" s="12"/>
    </row>
    <row r="203804" spans="8:8">
      <c r="H203804" s="12"/>
    </row>
    <row r="203805" spans="8:8">
      <c r="H203805" s="12"/>
    </row>
    <row r="203806" spans="8:8">
      <c r="H203806" s="12"/>
    </row>
    <row r="203807" spans="8:8">
      <c r="H203807" s="12"/>
    </row>
    <row r="203808" spans="8:8">
      <c r="H203808" s="12"/>
    </row>
    <row r="203809" spans="8:8">
      <c r="H203809" s="12"/>
    </row>
    <row r="203810" spans="8:8">
      <c r="H203810" s="12"/>
    </row>
    <row r="203811" spans="8:8">
      <c r="H203811" s="12"/>
    </row>
    <row r="203812" spans="8:8">
      <c r="H203812" s="12"/>
    </row>
    <row r="203813" spans="8:8">
      <c r="H203813" s="12"/>
    </row>
    <row r="203814" spans="8:8">
      <c r="H203814" s="12"/>
    </row>
    <row r="203815" spans="8:8">
      <c r="H203815" s="12"/>
    </row>
    <row r="203816" spans="8:8">
      <c r="H203816" s="12"/>
    </row>
    <row r="203817" spans="8:8">
      <c r="H203817" s="12"/>
    </row>
    <row r="203818" spans="8:8">
      <c r="H203818" s="12"/>
    </row>
    <row r="203819" spans="8:8">
      <c r="H203819" s="12"/>
    </row>
    <row r="203820" spans="8:8">
      <c r="H203820" s="12"/>
    </row>
    <row r="203821" spans="8:8">
      <c r="H203821" s="12"/>
    </row>
    <row r="203822" spans="8:8">
      <c r="H203822" s="12"/>
    </row>
    <row r="203823" spans="8:8">
      <c r="H203823" s="12"/>
    </row>
    <row r="203824" spans="8:8">
      <c r="H203824" s="12"/>
    </row>
    <row r="203825" spans="8:8">
      <c r="H203825" s="12"/>
    </row>
    <row r="203826" spans="8:8">
      <c r="H203826" s="12"/>
    </row>
    <row r="203827" spans="8:8">
      <c r="H203827" s="12"/>
    </row>
    <row r="203828" spans="8:8">
      <c r="H203828" s="12"/>
    </row>
    <row r="203829" spans="8:8">
      <c r="H203829" s="12"/>
    </row>
    <row r="203830" spans="8:8">
      <c r="H203830" s="12"/>
    </row>
    <row r="203831" spans="8:8">
      <c r="H203831" s="12"/>
    </row>
    <row r="203832" spans="8:8">
      <c r="H203832" s="12"/>
    </row>
    <row r="203833" spans="8:8">
      <c r="H203833" s="12"/>
    </row>
    <row r="203834" spans="8:8">
      <c r="H203834" s="12"/>
    </row>
    <row r="203835" spans="8:8">
      <c r="H203835" s="12"/>
    </row>
    <row r="203836" spans="8:8">
      <c r="H203836" s="12"/>
    </row>
    <row r="203837" spans="8:8">
      <c r="H203837" s="12"/>
    </row>
    <row r="203838" spans="8:8">
      <c r="H203838" s="12"/>
    </row>
    <row r="203839" spans="8:8">
      <c r="H203839" s="12"/>
    </row>
    <row r="203840" spans="8:8">
      <c r="H203840" s="12"/>
    </row>
    <row r="203841" spans="8:8">
      <c r="H203841" s="12"/>
    </row>
    <row r="203842" spans="8:8">
      <c r="H203842" s="12"/>
    </row>
    <row r="203843" spans="8:8">
      <c r="H203843" s="12"/>
    </row>
    <row r="203844" spans="8:8">
      <c r="H203844" s="12"/>
    </row>
    <row r="203845" spans="8:8">
      <c r="H203845" s="12"/>
    </row>
    <row r="203846" spans="8:8">
      <c r="H203846" s="12"/>
    </row>
    <row r="203847" spans="8:8">
      <c r="H203847" s="12"/>
    </row>
    <row r="203848" spans="8:8">
      <c r="H203848" s="12"/>
    </row>
    <row r="203849" spans="8:8">
      <c r="H203849" s="12"/>
    </row>
    <row r="203850" spans="8:8">
      <c r="H203850" s="12"/>
    </row>
    <row r="203851" spans="8:8">
      <c r="H203851" s="12"/>
    </row>
    <row r="203852" spans="8:8">
      <c r="H203852" s="12"/>
    </row>
    <row r="203853" spans="8:8">
      <c r="H203853" s="12"/>
    </row>
    <row r="203854" spans="8:8">
      <c r="H203854" s="12"/>
    </row>
    <row r="203855" spans="8:8">
      <c r="H203855" s="12"/>
    </row>
    <row r="203856" spans="8:8">
      <c r="H203856" s="12"/>
    </row>
    <row r="203857" spans="8:8">
      <c r="H203857" s="12"/>
    </row>
    <row r="203858" spans="8:8">
      <c r="H203858" s="12"/>
    </row>
    <row r="203859" spans="8:8">
      <c r="H203859" s="12"/>
    </row>
    <row r="203860" spans="8:8">
      <c r="H203860" s="12"/>
    </row>
    <row r="203861" spans="8:8">
      <c r="H203861" s="12"/>
    </row>
    <row r="203862" spans="8:8">
      <c r="H203862" s="12"/>
    </row>
    <row r="203863" spans="8:8">
      <c r="H203863" s="12"/>
    </row>
    <row r="203864" spans="8:8">
      <c r="H203864" s="12"/>
    </row>
    <row r="203865" spans="8:8">
      <c r="H203865" s="12"/>
    </row>
    <row r="203866" spans="8:8">
      <c r="H203866" s="12"/>
    </row>
    <row r="203867" spans="8:8">
      <c r="H203867" s="12"/>
    </row>
    <row r="203868" spans="8:8">
      <c r="H203868" s="12"/>
    </row>
    <row r="203869" spans="8:8">
      <c r="H203869" s="12"/>
    </row>
    <row r="203870" spans="8:8">
      <c r="H203870" s="12"/>
    </row>
    <row r="203871" spans="8:8">
      <c r="H203871" s="12"/>
    </row>
    <row r="203872" spans="8:8">
      <c r="H203872" s="12"/>
    </row>
    <row r="203873" spans="8:8">
      <c r="H203873" s="12"/>
    </row>
    <row r="203874" spans="8:8">
      <c r="H203874" s="12"/>
    </row>
    <row r="203875" spans="8:8">
      <c r="H203875" s="12"/>
    </row>
    <row r="203876" spans="8:8">
      <c r="H203876" s="12"/>
    </row>
    <row r="203877" spans="8:8">
      <c r="H203877" s="12"/>
    </row>
    <row r="203878" spans="8:8">
      <c r="H203878" s="12"/>
    </row>
    <row r="203879" spans="8:8">
      <c r="H203879" s="12"/>
    </row>
    <row r="203880" spans="8:8">
      <c r="H203880" s="12"/>
    </row>
    <row r="203881" spans="8:8">
      <c r="H203881" s="12"/>
    </row>
    <row r="203882" spans="8:8">
      <c r="H203882" s="12"/>
    </row>
    <row r="203883" spans="8:8">
      <c r="H203883" s="12"/>
    </row>
    <row r="203884" spans="8:8">
      <c r="H203884" s="12"/>
    </row>
    <row r="203885" spans="8:8">
      <c r="H203885" s="12"/>
    </row>
    <row r="203886" spans="8:8">
      <c r="H203886" s="12"/>
    </row>
    <row r="203887" spans="8:8">
      <c r="H203887" s="12"/>
    </row>
    <row r="203888" spans="8:8">
      <c r="H203888" s="12"/>
    </row>
    <row r="203889" spans="8:8">
      <c r="H203889" s="12"/>
    </row>
    <row r="203890" spans="8:8">
      <c r="H203890" s="12"/>
    </row>
    <row r="203891" spans="8:8">
      <c r="H203891" s="12"/>
    </row>
    <row r="203892" spans="8:8">
      <c r="H203892" s="12"/>
    </row>
    <row r="203893" spans="8:8">
      <c r="H203893" s="12"/>
    </row>
    <row r="203894" spans="8:8">
      <c r="H203894" s="12"/>
    </row>
    <row r="203895" spans="8:8">
      <c r="H203895" s="12"/>
    </row>
    <row r="203896" spans="8:8">
      <c r="H203896" s="12"/>
    </row>
    <row r="203897" spans="8:8">
      <c r="H203897" s="12"/>
    </row>
    <row r="203898" spans="8:8">
      <c r="H203898" s="12"/>
    </row>
    <row r="203899" spans="8:8">
      <c r="H203899" s="12"/>
    </row>
    <row r="203900" spans="8:8">
      <c r="H203900" s="12"/>
    </row>
    <row r="203901" spans="8:8">
      <c r="H203901" s="12"/>
    </row>
    <row r="203902" spans="8:8">
      <c r="H203902" s="12"/>
    </row>
    <row r="203903" spans="8:8">
      <c r="H203903" s="12"/>
    </row>
    <row r="203904" spans="8:8">
      <c r="H203904" s="12"/>
    </row>
    <row r="203905" spans="8:8">
      <c r="H203905" s="12"/>
    </row>
    <row r="203906" spans="8:8">
      <c r="H203906" s="12"/>
    </row>
    <row r="203907" spans="8:8">
      <c r="H203907" s="12"/>
    </row>
    <row r="203908" spans="8:8">
      <c r="H203908" s="12"/>
    </row>
    <row r="203909" spans="8:8">
      <c r="H203909" s="12"/>
    </row>
    <row r="203910" spans="8:8">
      <c r="H203910" s="12"/>
    </row>
    <row r="203911" spans="8:8">
      <c r="H203911" s="12"/>
    </row>
    <row r="203912" spans="8:8">
      <c r="H203912" s="12"/>
    </row>
    <row r="203913" spans="8:8">
      <c r="H203913" s="12"/>
    </row>
    <row r="203914" spans="8:8">
      <c r="H203914" s="12"/>
    </row>
    <row r="203915" spans="8:8">
      <c r="H203915" s="12"/>
    </row>
    <row r="203916" spans="8:8">
      <c r="H203916" s="12"/>
    </row>
    <row r="203917" spans="8:8">
      <c r="H203917" s="12"/>
    </row>
    <row r="203918" spans="8:8">
      <c r="H203918" s="12"/>
    </row>
    <row r="203919" spans="8:8">
      <c r="H203919" s="12"/>
    </row>
    <row r="203920" spans="8:8">
      <c r="H203920" s="12"/>
    </row>
    <row r="203921" spans="8:8">
      <c r="H203921" s="12"/>
    </row>
    <row r="203922" spans="8:8">
      <c r="H203922" s="12"/>
    </row>
    <row r="203923" spans="8:8">
      <c r="H203923" s="12"/>
    </row>
    <row r="203924" spans="8:8">
      <c r="H203924" s="12"/>
    </row>
    <row r="203925" spans="8:8">
      <c r="H203925" s="12"/>
    </row>
    <row r="203926" spans="8:8">
      <c r="H203926" s="12"/>
    </row>
    <row r="203927" spans="8:8">
      <c r="H203927" s="12"/>
    </row>
    <row r="203928" spans="8:8">
      <c r="H203928" s="12"/>
    </row>
    <row r="203929" spans="8:8">
      <c r="H203929" s="12"/>
    </row>
    <row r="203930" spans="8:8">
      <c r="H203930" s="12"/>
    </row>
    <row r="203931" spans="8:8">
      <c r="H203931" s="12"/>
    </row>
    <row r="203932" spans="8:8">
      <c r="H203932" s="12"/>
    </row>
    <row r="203933" spans="8:8">
      <c r="H203933" s="12"/>
    </row>
    <row r="203934" spans="8:8">
      <c r="H203934" s="12"/>
    </row>
    <row r="203935" spans="8:8">
      <c r="H203935" s="12"/>
    </row>
    <row r="203936" spans="8:8">
      <c r="H203936" s="12"/>
    </row>
    <row r="203937" spans="8:8">
      <c r="H203937" s="12"/>
    </row>
    <row r="203938" spans="8:8">
      <c r="H203938" s="12"/>
    </row>
    <row r="203939" spans="8:8">
      <c r="H203939" s="12"/>
    </row>
    <row r="203940" spans="8:8">
      <c r="H203940" s="12"/>
    </row>
    <row r="203941" spans="8:8">
      <c r="H203941" s="12"/>
    </row>
    <row r="203942" spans="8:8">
      <c r="H203942" s="12"/>
    </row>
    <row r="203943" spans="8:8">
      <c r="H203943" s="12"/>
    </row>
    <row r="203944" spans="8:8">
      <c r="H203944" s="12"/>
    </row>
    <row r="203945" spans="8:8">
      <c r="H203945" s="12"/>
    </row>
    <row r="203946" spans="8:8">
      <c r="H203946" s="12"/>
    </row>
    <row r="203947" spans="8:8">
      <c r="H203947" s="12"/>
    </row>
    <row r="203948" spans="8:8">
      <c r="H203948" s="12"/>
    </row>
    <row r="203949" spans="8:8">
      <c r="H203949" s="12"/>
    </row>
    <row r="203950" spans="8:8">
      <c r="H203950" s="12"/>
    </row>
    <row r="203951" spans="8:8">
      <c r="H203951" s="12"/>
    </row>
    <row r="203952" spans="8:8">
      <c r="H203952" s="12"/>
    </row>
    <row r="203953" spans="8:8">
      <c r="H203953" s="12"/>
    </row>
    <row r="203954" spans="8:8">
      <c r="H203954" s="12"/>
    </row>
    <row r="203955" spans="8:8">
      <c r="H203955" s="12"/>
    </row>
    <row r="203956" spans="8:8">
      <c r="H203956" s="12"/>
    </row>
    <row r="203957" spans="8:8">
      <c r="H203957" s="12"/>
    </row>
    <row r="203958" spans="8:8">
      <c r="H203958" s="12"/>
    </row>
    <row r="203959" spans="8:8">
      <c r="H203959" s="12"/>
    </row>
    <row r="203960" spans="8:8">
      <c r="H203960" s="12"/>
    </row>
    <row r="203961" spans="8:8">
      <c r="H203961" s="12"/>
    </row>
    <row r="203962" spans="8:8">
      <c r="H203962" s="12"/>
    </row>
    <row r="203963" spans="8:8">
      <c r="H203963" s="12"/>
    </row>
    <row r="203964" spans="8:8">
      <c r="H203964" s="12"/>
    </row>
    <row r="203965" spans="8:8">
      <c r="H203965" s="12"/>
    </row>
    <row r="203966" spans="8:8">
      <c r="H203966" s="12"/>
    </row>
    <row r="203967" spans="8:8">
      <c r="H203967" s="12"/>
    </row>
    <row r="203968" spans="8:8">
      <c r="H203968" s="12"/>
    </row>
    <row r="203969" spans="8:8">
      <c r="H203969" s="12"/>
    </row>
    <row r="203970" spans="8:8">
      <c r="H203970" s="12"/>
    </row>
    <row r="203971" spans="8:8">
      <c r="H203971" s="12"/>
    </row>
    <row r="203972" spans="8:8">
      <c r="H203972" s="12"/>
    </row>
    <row r="203973" spans="8:8">
      <c r="H203973" s="12"/>
    </row>
    <row r="203974" spans="8:8">
      <c r="H203974" s="12"/>
    </row>
    <row r="203975" spans="8:8">
      <c r="H203975" s="12"/>
    </row>
    <row r="203976" spans="8:8">
      <c r="H203976" s="12"/>
    </row>
    <row r="203977" spans="8:8">
      <c r="H203977" s="12"/>
    </row>
    <row r="203978" spans="8:8">
      <c r="H203978" s="12"/>
    </row>
    <row r="203979" spans="8:8">
      <c r="H203979" s="12"/>
    </row>
    <row r="203980" spans="8:8">
      <c r="H203980" s="12"/>
    </row>
    <row r="203981" spans="8:8">
      <c r="H203981" s="12"/>
    </row>
    <row r="203982" spans="8:8">
      <c r="H203982" s="12"/>
    </row>
    <row r="203983" spans="8:8">
      <c r="H203983" s="12"/>
    </row>
    <row r="203984" spans="8:8">
      <c r="H203984" s="12"/>
    </row>
    <row r="203985" spans="8:8">
      <c r="H203985" s="12"/>
    </row>
    <row r="203986" spans="8:8">
      <c r="H203986" s="12"/>
    </row>
    <row r="203987" spans="8:8">
      <c r="H203987" s="12"/>
    </row>
    <row r="203988" spans="8:8">
      <c r="H203988" s="12"/>
    </row>
    <row r="203989" spans="8:8">
      <c r="H203989" s="12"/>
    </row>
    <row r="203990" spans="8:8">
      <c r="H203990" s="12"/>
    </row>
    <row r="203991" spans="8:8">
      <c r="H203991" s="12"/>
    </row>
    <row r="203992" spans="8:8">
      <c r="H203992" s="12"/>
    </row>
    <row r="203993" spans="8:8">
      <c r="H203993" s="12"/>
    </row>
    <row r="203994" spans="8:8">
      <c r="H203994" s="12"/>
    </row>
    <row r="203995" spans="8:8">
      <c r="H203995" s="12"/>
    </row>
    <row r="203996" spans="8:8">
      <c r="H203996" s="12"/>
    </row>
    <row r="203997" spans="8:8">
      <c r="H203997" s="12"/>
    </row>
    <row r="203998" spans="8:8">
      <c r="H203998" s="12"/>
    </row>
    <row r="203999" spans="8:8">
      <c r="H203999" s="12"/>
    </row>
    <row r="204000" spans="8:8">
      <c r="H204000" s="12"/>
    </row>
    <row r="204001" spans="8:8">
      <c r="H204001" s="12"/>
    </row>
    <row r="204002" spans="8:8">
      <c r="H204002" s="12"/>
    </row>
    <row r="204003" spans="8:8">
      <c r="H204003" s="12"/>
    </row>
    <row r="204004" spans="8:8">
      <c r="H204004" s="12"/>
    </row>
    <row r="204005" spans="8:8">
      <c r="H204005" s="12"/>
    </row>
    <row r="204006" spans="8:8">
      <c r="H204006" s="12"/>
    </row>
    <row r="204007" spans="8:8">
      <c r="H204007" s="12"/>
    </row>
    <row r="204008" spans="8:8">
      <c r="H204008" s="12"/>
    </row>
    <row r="204009" spans="8:8">
      <c r="H204009" s="12"/>
    </row>
    <row r="204010" spans="8:8">
      <c r="H204010" s="12"/>
    </row>
    <row r="204011" spans="8:8">
      <c r="H204011" s="12"/>
    </row>
    <row r="204012" spans="8:8">
      <c r="H204012" s="12"/>
    </row>
    <row r="204013" spans="8:8">
      <c r="H204013" s="12"/>
    </row>
    <row r="204014" spans="8:8">
      <c r="H204014" s="12"/>
    </row>
    <row r="204015" spans="8:8">
      <c r="H204015" s="12"/>
    </row>
    <row r="204016" spans="8:8">
      <c r="H204016" s="12"/>
    </row>
    <row r="204017" spans="8:8">
      <c r="H204017" s="12"/>
    </row>
    <row r="204018" spans="8:8">
      <c r="H204018" s="12"/>
    </row>
    <row r="204019" spans="8:8">
      <c r="H204019" s="12"/>
    </row>
    <row r="204020" spans="8:8">
      <c r="H204020" s="12"/>
    </row>
    <row r="204021" spans="8:8">
      <c r="H204021" s="12"/>
    </row>
    <row r="204022" spans="8:8">
      <c r="H204022" s="12"/>
    </row>
    <row r="204023" spans="8:8">
      <c r="H204023" s="12"/>
    </row>
    <row r="204024" spans="8:8">
      <c r="H204024" s="12"/>
    </row>
    <row r="204025" spans="8:8">
      <c r="H204025" s="12"/>
    </row>
    <row r="204026" spans="8:8">
      <c r="H204026" s="12"/>
    </row>
    <row r="204027" spans="8:8">
      <c r="H204027" s="12"/>
    </row>
    <row r="204028" spans="8:8">
      <c r="H204028" s="12"/>
    </row>
    <row r="204029" spans="8:8">
      <c r="H204029" s="12"/>
    </row>
    <row r="204030" spans="8:8">
      <c r="H204030" s="12"/>
    </row>
    <row r="204031" spans="8:8">
      <c r="H204031" s="12"/>
    </row>
    <row r="204032" spans="8:8">
      <c r="H204032" s="12"/>
    </row>
    <row r="204033" spans="8:8">
      <c r="H204033" s="12"/>
    </row>
    <row r="204034" spans="8:8">
      <c r="H204034" s="12"/>
    </row>
    <row r="204035" spans="8:8">
      <c r="H204035" s="12"/>
    </row>
    <row r="204036" spans="8:8">
      <c r="H204036" s="12"/>
    </row>
    <row r="204037" spans="8:8">
      <c r="H204037" s="12"/>
    </row>
    <row r="204038" spans="8:8">
      <c r="H204038" s="12"/>
    </row>
    <row r="204039" spans="8:8">
      <c r="H204039" s="12"/>
    </row>
    <row r="204040" spans="8:8">
      <c r="H204040" s="12"/>
    </row>
    <row r="204041" spans="8:8">
      <c r="H204041" s="12"/>
    </row>
    <row r="204042" spans="8:8">
      <c r="H204042" s="12"/>
    </row>
    <row r="204043" spans="8:8">
      <c r="H204043" s="12"/>
    </row>
    <row r="204044" spans="8:8">
      <c r="H204044" s="12"/>
    </row>
    <row r="204045" spans="8:8">
      <c r="H204045" s="12"/>
    </row>
    <row r="204046" spans="8:8">
      <c r="H204046" s="12"/>
    </row>
    <row r="204047" spans="8:8">
      <c r="H204047" s="12"/>
    </row>
    <row r="204048" spans="8:8">
      <c r="H204048" s="12"/>
    </row>
    <row r="204049" spans="8:8">
      <c r="H204049" s="12"/>
    </row>
    <row r="204050" spans="8:8">
      <c r="H204050" s="12"/>
    </row>
    <row r="204051" spans="8:8">
      <c r="H204051" s="12"/>
    </row>
    <row r="204052" spans="8:8">
      <c r="H204052" s="12"/>
    </row>
    <row r="204053" spans="8:8">
      <c r="H204053" s="12"/>
    </row>
    <row r="204054" spans="8:8">
      <c r="H204054" s="12"/>
    </row>
    <row r="204055" spans="8:8">
      <c r="H204055" s="12"/>
    </row>
    <row r="204056" spans="8:8">
      <c r="H204056" s="12"/>
    </row>
    <row r="204057" spans="8:8">
      <c r="H204057" s="12"/>
    </row>
    <row r="204058" spans="8:8">
      <c r="H204058" s="12"/>
    </row>
    <row r="204059" spans="8:8">
      <c r="H204059" s="12"/>
    </row>
    <row r="204060" spans="8:8">
      <c r="H204060" s="12"/>
    </row>
    <row r="204061" spans="8:8">
      <c r="H204061" s="12"/>
    </row>
    <row r="204062" spans="8:8">
      <c r="H204062" s="12"/>
    </row>
    <row r="204063" spans="8:8">
      <c r="H204063" s="12"/>
    </row>
    <row r="204064" spans="8:8">
      <c r="H204064" s="12"/>
    </row>
    <row r="204065" spans="8:8">
      <c r="H204065" s="12"/>
    </row>
    <row r="204066" spans="8:8">
      <c r="H204066" s="12"/>
    </row>
    <row r="204067" spans="8:8">
      <c r="H204067" s="12"/>
    </row>
    <row r="204068" spans="8:8">
      <c r="H204068" s="12"/>
    </row>
    <row r="204069" spans="8:8">
      <c r="H204069" s="12"/>
    </row>
    <row r="204070" spans="8:8">
      <c r="H204070" s="12"/>
    </row>
    <row r="204071" spans="8:8">
      <c r="H204071" s="12"/>
    </row>
    <row r="204072" spans="8:8">
      <c r="H204072" s="12"/>
    </row>
    <row r="204073" spans="8:8">
      <c r="H204073" s="12"/>
    </row>
    <row r="204074" spans="8:8">
      <c r="H204074" s="12"/>
    </row>
    <row r="204075" spans="8:8">
      <c r="H204075" s="12"/>
    </row>
    <row r="204076" spans="8:8">
      <c r="H204076" s="12"/>
    </row>
    <row r="204077" spans="8:8">
      <c r="H204077" s="12"/>
    </row>
    <row r="204078" spans="8:8">
      <c r="H204078" s="12"/>
    </row>
    <row r="204079" spans="8:8">
      <c r="H204079" s="12"/>
    </row>
    <row r="204080" spans="8:8">
      <c r="H204080" s="12"/>
    </row>
    <row r="204081" spans="8:8">
      <c r="H204081" s="12"/>
    </row>
    <row r="204082" spans="8:8">
      <c r="H204082" s="12"/>
    </row>
    <row r="204083" spans="8:8">
      <c r="H204083" s="12"/>
    </row>
    <row r="204084" spans="8:8">
      <c r="H204084" s="12"/>
    </row>
    <row r="204085" spans="8:8">
      <c r="H204085" s="12"/>
    </row>
    <row r="204086" spans="8:8">
      <c r="H204086" s="12"/>
    </row>
    <row r="204087" spans="8:8">
      <c r="H204087" s="12"/>
    </row>
    <row r="204088" spans="8:8">
      <c r="H204088" s="12"/>
    </row>
    <row r="204089" spans="8:8">
      <c r="H204089" s="12"/>
    </row>
    <row r="204090" spans="8:8">
      <c r="H204090" s="12"/>
    </row>
    <row r="204091" spans="8:8">
      <c r="H204091" s="12"/>
    </row>
    <row r="204092" spans="8:8">
      <c r="H204092" s="12"/>
    </row>
    <row r="204093" spans="8:8">
      <c r="H204093" s="12"/>
    </row>
    <row r="204094" spans="8:8">
      <c r="H204094" s="12"/>
    </row>
    <row r="204095" spans="8:8">
      <c r="H204095" s="12"/>
    </row>
    <row r="204096" spans="8:8">
      <c r="H204096" s="12"/>
    </row>
    <row r="204097" spans="8:8">
      <c r="H204097" s="12"/>
    </row>
    <row r="204098" spans="8:8">
      <c r="H204098" s="12"/>
    </row>
    <row r="204099" spans="8:8">
      <c r="H204099" s="12"/>
    </row>
    <row r="204100" spans="8:8">
      <c r="H204100" s="12"/>
    </row>
    <row r="204101" spans="8:8">
      <c r="H204101" s="12"/>
    </row>
    <row r="204102" spans="8:8">
      <c r="H204102" s="12"/>
    </row>
    <row r="204103" spans="8:8">
      <c r="H204103" s="12"/>
    </row>
    <row r="204104" spans="8:8">
      <c r="H204104" s="12"/>
    </row>
    <row r="204105" spans="8:8">
      <c r="H204105" s="12"/>
    </row>
    <row r="204106" spans="8:8">
      <c r="H204106" s="12"/>
    </row>
    <row r="204107" spans="8:8">
      <c r="H204107" s="12"/>
    </row>
    <row r="204108" spans="8:8">
      <c r="H204108" s="12"/>
    </row>
    <row r="204109" spans="8:8">
      <c r="H204109" s="12"/>
    </row>
    <row r="204110" spans="8:8">
      <c r="H204110" s="12"/>
    </row>
    <row r="204111" spans="8:8">
      <c r="H204111" s="12"/>
    </row>
    <row r="204112" spans="8:8">
      <c r="H204112" s="12"/>
    </row>
    <row r="204113" spans="8:8">
      <c r="H204113" s="12"/>
    </row>
    <row r="204114" spans="8:8">
      <c r="H204114" s="12"/>
    </row>
    <row r="204115" spans="8:8">
      <c r="H204115" s="12"/>
    </row>
    <row r="204116" spans="8:8">
      <c r="H204116" s="12"/>
    </row>
    <row r="204117" spans="8:8">
      <c r="H204117" s="12"/>
    </row>
    <row r="204118" spans="8:8">
      <c r="H204118" s="12"/>
    </row>
    <row r="204119" spans="8:8">
      <c r="H204119" s="12"/>
    </row>
    <row r="204120" spans="8:8">
      <c r="H204120" s="12"/>
    </row>
    <row r="204121" spans="8:8">
      <c r="H204121" s="12"/>
    </row>
    <row r="204122" spans="8:8">
      <c r="H204122" s="12"/>
    </row>
    <row r="204123" spans="8:8">
      <c r="H204123" s="12"/>
    </row>
    <row r="204124" spans="8:8">
      <c r="H204124" s="12"/>
    </row>
    <row r="204125" spans="8:8">
      <c r="H204125" s="12"/>
    </row>
    <row r="204126" spans="8:8">
      <c r="H204126" s="12"/>
    </row>
    <row r="204127" spans="8:8">
      <c r="H204127" s="12"/>
    </row>
    <row r="204128" spans="8:8">
      <c r="H204128" s="12"/>
    </row>
    <row r="204129" spans="8:8">
      <c r="H204129" s="12"/>
    </row>
    <row r="204130" spans="8:8">
      <c r="H204130" s="12"/>
    </row>
    <row r="204131" spans="8:8">
      <c r="H204131" s="12"/>
    </row>
    <row r="204132" spans="8:8">
      <c r="H204132" s="12"/>
    </row>
    <row r="204133" spans="8:8">
      <c r="H204133" s="12"/>
    </row>
    <row r="204134" spans="8:8">
      <c r="H204134" s="12"/>
    </row>
    <row r="204135" spans="8:8">
      <c r="H204135" s="12"/>
    </row>
    <row r="204136" spans="8:8">
      <c r="H204136" s="12"/>
    </row>
    <row r="204137" spans="8:8">
      <c r="H204137" s="12"/>
    </row>
    <row r="204138" spans="8:8">
      <c r="H204138" s="12"/>
    </row>
    <row r="204139" spans="8:8">
      <c r="H204139" s="12"/>
    </row>
    <row r="204140" spans="8:8">
      <c r="H204140" s="12"/>
    </row>
    <row r="204141" spans="8:8">
      <c r="H204141" s="12"/>
    </row>
    <row r="204142" spans="8:8">
      <c r="H204142" s="12"/>
    </row>
    <row r="204143" spans="8:8">
      <c r="H204143" s="12"/>
    </row>
    <row r="204144" spans="8:8">
      <c r="H204144" s="12"/>
    </row>
    <row r="204145" spans="8:8">
      <c r="H204145" s="12"/>
    </row>
    <row r="204146" spans="8:8">
      <c r="H204146" s="12"/>
    </row>
    <row r="204147" spans="8:8">
      <c r="H204147" s="12"/>
    </row>
    <row r="204148" spans="8:8">
      <c r="H204148" s="12"/>
    </row>
    <row r="204149" spans="8:8">
      <c r="H204149" s="12"/>
    </row>
    <row r="204150" spans="8:8">
      <c r="H204150" s="12"/>
    </row>
    <row r="204151" spans="8:8">
      <c r="H204151" s="12"/>
    </row>
    <row r="204152" spans="8:8">
      <c r="H204152" s="12"/>
    </row>
    <row r="204153" spans="8:8">
      <c r="H204153" s="12"/>
    </row>
    <row r="204154" spans="8:8">
      <c r="H204154" s="12"/>
    </row>
    <row r="204155" spans="8:8">
      <c r="H204155" s="12"/>
    </row>
    <row r="204156" spans="8:8">
      <c r="H204156" s="12"/>
    </row>
    <row r="204157" spans="8:8">
      <c r="H204157" s="12"/>
    </row>
    <row r="204158" spans="8:8">
      <c r="H204158" s="12"/>
    </row>
    <row r="204159" spans="8:8">
      <c r="H204159" s="12"/>
    </row>
    <row r="204160" spans="8:8">
      <c r="H204160" s="12"/>
    </row>
    <row r="204161" spans="8:8">
      <c r="H204161" s="12"/>
    </row>
    <row r="204162" spans="8:8">
      <c r="H204162" s="12"/>
    </row>
    <row r="204163" spans="8:8">
      <c r="H204163" s="12"/>
    </row>
    <row r="204164" spans="8:8">
      <c r="H204164" s="12"/>
    </row>
    <row r="204165" spans="8:8">
      <c r="H204165" s="12"/>
    </row>
    <row r="204166" spans="8:8">
      <c r="H204166" s="12"/>
    </row>
    <row r="204167" spans="8:8">
      <c r="H204167" s="12"/>
    </row>
    <row r="204168" spans="8:8">
      <c r="H204168" s="12"/>
    </row>
    <row r="204169" spans="8:8">
      <c r="H204169" s="12"/>
    </row>
    <row r="204170" spans="8:8">
      <c r="H204170" s="12"/>
    </row>
    <row r="204171" spans="8:8">
      <c r="H204171" s="12"/>
    </row>
    <row r="204172" spans="8:8">
      <c r="H204172" s="12"/>
    </row>
    <row r="204173" spans="8:8">
      <c r="H204173" s="12"/>
    </row>
    <row r="204174" spans="8:8">
      <c r="H204174" s="12"/>
    </row>
    <row r="204175" spans="8:8">
      <c r="H204175" s="12"/>
    </row>
    <row r="204176" spans="8:8">
      <c r="H204176" s="12"/>
    </row>
    <row r="204177" spans="8:8">
      <c r="H204177" s="12"/>
    </row>
    <row r="204178" spans="8:8">
      <c r="H204178" s="12"/>
    </row>
    <row r="204179" spans="8:8">
      <c r="H204179" s="12"/>
    </row>
    <row r="204180" spans="8:8">
      <c r="H204180" s="12"/>
    </row>
    <row r="204181" spans="8:8">
      <c r="H204181" s="12"/>
    </row>
    <row r="204182" spans="8:8">
      <c r="H204182" s="12"/>
    </row>
    <row r="204183" spans="8:8">
      <c r="H204183" s="12"/>
    </row>
    <row r="204184" spans="8:8">
      <c r="H204184" s="12"/>
    </row>
    <row r="204185" spans="8:8">
      <c r="H204185" s="12"/>
    </row>
    <row r="204186" spans="8:8">
      <c r="H204186" s="12"/>
    </row>
    <row r="204187" spans="8:8">
      <c r="H204187" s="12"/>
    </row>
    <row r="204188" spans="8:8">
      <c r="H204188" s="12"/>
    </row>
    <row r="204189" spans="8:8">
      <c r="H204189" s="12"/>
    </row>
    <row r="204190" spans="8:8">
      <c r="H204190" s="12"/>
    </row>
    <row r="204191" spans="8:8">
      <c r="H204191" s="12"/>
    </row>
    <row r="204192" spans="8:8">
      <c r="H204192" s="12"/>
    </row>
    <row r="204193" spans="8:8">
      <c r="H204193" s="12"/>
    </row>
    <row r="204194" spans="8:8">
      <c r="H204194" s="12"/>
    </row>
    <row r="204195" spans="8:8">
      <c r="H204195" s="12"/>
    </row>
    <row r="204196" spans="8:8">
      <c r="H204196" s="12"/>
    </row>
    <row r="204197" spans="8:8">
      <c r="H204197" s="12"/>
    </row>
    <row r="204198" spans="8:8">
      <c r="H204198" s="12"/>
    </row>
    <row r="204199" spans="8:8">
      <c r="H204199" s="12"/>
    </row>
    <row r="204200" spans="8:8">
      <c r="H204200" s="12"/>
    </row>
    <row r="204201" spans="8:8">
      <c r="H204201" s="12"/>
    </row>
    <row r="204202" spans="8:8">
      <c r="H204202" s="12"/>
    </row>
    <row r="204203" spans="8:8">
      <c r="H204203" s="12"/>
    </row>
    <row r="204204" spans="8:8">
      <c r="H204204" s="12"/>
    </row>
    <row r="204205" spans="8:8">
      <c r="H204205" s="12"/>
    </row>
    <row r="204206" spans="8:8">
      <c r="H204206" s="12"/>
    </row>
    <row r="204207" spans="8:8">
      <c r="H204207" s="12"/>
    </row>
    <row r="204208" spans="8:8">
      <c r="H204208" s="12"/>
    </row>
    <row r="204209" spans="8:8">
      <c r="H204209" s="12"/>
    </row>
    <row r="204210" spans="8:8">
      <c r="H204210" s="12"/>
    </row>
    <row r="204211" spans="8:8">
      <c r="H204211" s="12"/>
    </row>
    <row r="204212" spans="8:8">
      <c r="H204212" s="12"/>
    </row>
    <row r="204213" spans="8:8">
      <c r="H204213" s="12"/>
    </row>
    <row r="204214" spans="8:8">
      <c r="H204214" s="12"/>
    </row>
    <row r="204215" spans="8:8">
      <c r="H204215" s="12"/>
    </row>
    <row r="204216" spans="8:8">
      <c r="H204216" s="12"/>
    </row>
    <row r="204217" spans="8:8">
      <c r="H204217" s="12"/>
    </row>
    <row r="204218" spans="8:8">
      <c r="H204218" s="12"/>
    </row>
    <row r="204219" spans="8:8">
      <c r="H204219" s="12"/>
    </row>
    <row r="204220" spans="8:8">
      <c r="H204220" s="12"/>
    </row>
    <row r="204221" spans="8:8">
      <c r="H204221" s="12"/>
    </row>
    <row r="204222" spans="8:8">
      <c r="H204222" s="12"/>
    </row>
    <row r="204223" spans="8:8">
      <c r="H204223" s="12"/>
    </row>
    <row r="204224" spans="8:8">
      <c r="H204224" s="12"/>
    </row>
    <row r="204225" spans="8:8">
      <c r="H204225" s="12"/>
    </row>
    <row r="204226" spans="8:8">
      <c r="H204226" s="12"/>
    </row>
    <row r="204227" spans="8:8">
      <c r="H204227" s="12"/>
    </row>
    <row r="204228" spans="8:8">
      <c r="H204228" s="12"/>
    </row>
    <row r="204229" spans="8:8">
      <c r="H204229" s="12"/>
    </row>
    <row r="204230" spans="8:8">
      <c r="H204230" s="12"/>
    </row>
    <row r="204231" spans="8:8">
      <c r="H204231" s="12"/>
    </row>
    <row r="204232" spans="8:8">
      <c r="H204232" s="12"/>
    </row>
    <row r="204233" spans="8:8">
      <c r="H204233" s="12"/>
    </row>
    <row r="204234" spans="8:8">
      <c r="H204234" s="12"/>
    </row>
    <row r="204235" spans="8:8">
      <c r="H204235" s="12"/>
    </row>
    <row r="204236" spans="8:8">
      <c r="H204236" s="12"/>
    </row>
    <row r="204237" spans="8:8">
      <c r="H204237" s="12"/>
    </row>
    <row r="204238" spans="8:8">
      <c r="H204238" s="12"/>
    </row>
    <row r="204239" spans="8:8">
      <c r="H204239" s="12"/>
    </row>
    <row r="204240" spans="8:8">
      <c r="H204240" s="12"/>
    </row>
    <row r="204241" spans="8:8">
      <c r="H204241" s="12"/>
    </row>
    <row r="204242" spans="8:8">
      <c r="H204242" s="12"/>
    </row>
    <row r="204243" spans="8:8">
      <c r="H204243" s="12"/>
    </row>
    <row r="204244" spans="8:8">
      <c r="H204244" s="12"/>
    </row>
    <row r="204245" spans="8:8">
      <c r="H204245" s="12"/>
    </row>
    <row r="204246" spans="8:8">
      <c r="H204246" s="12"/>
    </row>
    <row r="204247" spans="8:8">
      <c r="H204247" s="12"/>
    </row>
    <row r="204248" spans="8:8">
      <c r="H204248" s="12"/>
    </row>
    <row r="204249" spans="8:8">
      <c r="H204249" s="12"/>
    </row>
    <row r="204250" spans="8:8">
      <c r="H204250" s="12"/>
    </row>
    <row r="204251" spans="8:8">
      <c r="H204251" s="12"/>
    </row>
    <row r="204252" spans="8:8">
      <c r="H204252" s="12"/>
    </row>
    <row r="204253" spans="8:8">
      <c r="H204253" s="12"/>
    </row>
    <row r="204254" spans="8:8">
      <c r="H204254" s="12"/>
    </row>
    <row r="204255" spans="8:8">
      <c r="H204255" s="12"/>
    </row>
    <row r="204256" spans="8:8">
      <c r="H204256" s="12"/>
    </row>
    <row r="204257" spans="8:8">
      <c r="H204257" s="12"/>
    </row>
    <row r="204258" spans="8:8">
      <c r="H204258" s="12"/>
    </row>
    <row r="204259" spans="8:8">
      <c r="H204259" s="12"/>
    </row>
    <row r="204260" spans="8:8">
      <c r="H204260" s="12"/>
    </row>
    <row r="204261" spans="8:8">
      <c r="H204261" s="12"/>
    </row>
    <row r="204262" spans="8:8">
      <c r="H204262" s="12"/>
    </row>
    <row r="204263" spans="8:8">
      <c r="H204263" s="12"/>
    </row>
    <row r="204264" spans="8:8">
      <c r="H204264" s="12"/>
    </row>
    <row r="204265" spans="8:8">
      <c r="H204265" s="12"/>
    </row>
    <row r="204266" spans="8:8">
      <c r="H204266" s="12"/>
    </row>
    <row r="204267" spans="8:8">
      <c r="H204267" s="12"/>
    </row>
    <row r="204268" spans="8:8">
      <c r="H204268" s="12"/>
    </row>
    <row r="204269" spans="8:8">
      <c r="H204269" s="12"/>
    </row>
    <row r="204270" spans="8:8">
      <c r="H204270" s="12"/>
    </row>
    <row r="204271" spans="8:8">
      <c r="H204271" s="12"/>
    </row>
    <row r="204272" spans="8:8">
      <c r="H204272" s="12"/>
    </row>
    <row r="204273" spans="8:8">
      <c r="H204273" s="12"/>
    </row>
    <row r="204274" spans="8:8">
      <c r="H204274" s="12"/>
    </row>
    <row r="204275" spans="8:8">
      <c r="H204275" s="12"/>
    </row>
    <row r="204276" spans="8:8">
      <c r="H204276" s="12"/>
    </row>
    <row r="204277" spans="8:8">
      <c r="H204277" s="12"/>
    </row>
    <row r="204278" spans="8:8">
      <c r="H204278" s="12"/>
    </row>
    <row r="204279" spans="8:8">
      <c r="H204279" s="12"/>
    </row>
    <row r="204280" spans="8:8">
      <c r="H204280" s="12"/>
    </row>
    <row r="204281" spans="8:8">
      <c r="H204281" s="12"/>
    </row>
    <row r="204282" spans="8:8">
      <c r="H204282" s="12"/>
    </row>
    <row r="204283" spans="8:8">
      <c r="H204283" s="12"/>
    </row>
    <row r="204284" spans="8:8">
      <c r="H204284" s="12"/>
    </row>
    <row r="204285" spans="8:8">
      <c r="H204285" s="12"/>
    </row>
    <row r="204286" spans="8:8">
      <c r="H204286" s="12"/>
    </row>
    <row r="204287" spans="8:8">
      <c r="H204287" s="12"/>
    </row>
    <row r="204288" spans="8:8">
      <c r="H204288" s="12"/>
    </row>
    <row r="204289" spans="8:8">
      <c r="H204289" s="12"/>
    </row>
    <row r="204290" spans="8:8">
      <c r="H204290" s="12"/>
    </row>
    <row r="204291" spans="8:8">
      <c r="H204291" s="12"/>
    </row>
    <row r="204292" spans="8:8">
      <c r="H204292" s="12"/>
    </row>
    <row r="204293" spans="8:8">
      <c r="H204293" s="12"/>
    </row>
    <row r="204294" spans="8:8">
      <c r="H204294" s="12"/>
    </row>
    <row r="204295" spans="8:8">
      <c r="H204295" s="12"/>
    </row>
    <row r="204296" spans="8:8">
      <c r="H204296" s="12"/>
    </row>
    <row r="204297" spans="8:8">
      <c r="H204297" s="12"/>
    </row>
    <row r="204298" spans="8:8">
      <c r="H204298" s="12"/>
    </row>
    <row r="204299" spans="8:8">
      <c r="H204299" s="12"/>
    </row>
    <row r="204300" spans="8:8">
      <c r="H204300" s="12"/>
    </row>
    <row r="204301" spans="8:8">
      <c r="H204301" s="12"/>
    </row>
    <row r="204302" spans="8:8">
      <c r="H204302" s="12"/>
    </row>
    <row r="204303" spans="8:8">
      <c r="H204303" s="12"/>
    </row>
    <row r="204304" spans="8:8">
      <c r="H204304" s="12"/>
    </row>
    <row r="204305" spans="8:8">
      <c r="H204305" s="12"/>
    </row>
    <row r="204306" spans="8:8">
      <c r="H204306" s="12"/>
    </row>
    <row r="204307" spans="8:8">
      <c r="H204307" s="12"/>
    </row>
    <row r="204308" spans="8:8">
      <c r="H204308" s="12"/>
    </row>
    <row r="204309" spans="8:8">
      <c r="H204309" s="12"/>
    </row>
    <row r="204310" spans="8:8">
      <c r="H204310" s="12"/>
    </row>
    <row r="204311" spans="8:8">
      <c r="H204311" s="12"/>
    </row>
    <row r="204312" spans="8:8">
      <c r="H204312" s="12"/>
    </row>
    <row r="204313" spans="8:8">
      <c r="H204313" s="12"/>
    </row>
    <row r="204314" spans="8:8">
      <c r="H204314" s="12"/>
    </row>
    <row r="204315" spans="8:8">
      <c r="H204315" s="12"/>
    </row>
    <row r="204316" spans="8:8">
      <c r="H204316" s="12"/>
    </row>
    <row r="204317" spans="8:8">
      <c r="H204317" s="12"/>
    </row>
    <row r="204318" spans="8:8">
      <c r="H204318" s="12"/>
    </row>
    <row r="204319" spans="8:8">
      <c r="H204319" s="12"/>
    </row>
    <row r="204320" spans="8:8">
      <c r="H204320" s="12"/>
    </row>
    <row r="204321" spans="8:8">
      <c r="H204321" s="12"/>
    </row>
    <row r="204322" spans="8:8">
      <c r="H204322" s="12"/>
    </row>
    <row r="204323" spans="8:8">
      <c r="H204323" s="12"/>
    </row>
    <row r="204324" spans="8:8">
      <c r="H204324" s="12"/>
    </row>
    <row r="204325" spans="8:8">
      <c r="H204325" s="12"/>
    </row>
    <row r="204326" spans="8:8">
      <c r="H204326" s="12"/>
    </row>
    <row r="204327" spans="8:8">
      <c r="H204327" s="12"/>
    </row>
    <row r="204328" spans="8:8">
      <c r="H204328" s="12"/>
    </row>
    <row r="204329" spans="8:8">
      <c r="H204329" s="12"/>
    </row>
    <row r="204330" spans="8:8">
      <c r="H204330" s="12"/>
    </row>
    <row r="204331" spans="8:8">
      <c r="H204331" s="12"/>
    </row>
    <row r="204332" spans="8:8">
      <c r="H204332" s="12"/>
    </row>
    <row r="204333" spans="8:8">
      <c r="H204333" s="12"/>
    </row>
    <row r="204334" spans="8:8">
      <c r="H204334" s="12"/>
    </row>
    <row r="204335" spans="8:8">
      <c r="H204335" s="12"/>
    </row>
    <row r="204336" spans="8:8">
      <c r="H204336" s="12"/>
    </row>
    <row r="204337" spans="8:8">
      <c r="H204337" s="12"/>
    </row>
    <row r="204338" spans="8:8">
      <c r="H204338" s="12"/>
    </row>
    <row r="204339" spans="8:8">
      <c r="H204339" s="12"/>
    </row>
    <row r="204340" spans="8:8">
      <c r="H204340" s="12"/>
    </row>
    <row r="204341" spans="8:8">
      <c r="H204341" s="12"/>
    </row>
    <row r="204342" spans="8:8">
      <c r="H204342" s="12"/>
    </row>
    <row r="204343" spans="8:8">
      <c r="H204343" s="12"/>
    </row>
    <row r="204344" spans="8:8">
      <c r="H204344" s="12"/>
    </row>
    <row r="204345" spans="8:8">
      <c r="H204345" s="12"/>
    </row>
    <row r="204346" spans="8:8">
      <c r="H204346" s="12"/>
    </row>
    <row r="204347" spans="8:8">
      <c r="H204347" s="12"/>
    </row>
    <row r="204348" spans="8:8">
      <c r="H204348" s="12"/>
    </row>
    <row r="204349" spans="8:8">
      <c r="H204349" s="12"/>
    </row>
    <row r="204350" spans="8:8">
      <c r="H204350" s="12"/>
    </row>
    <row r="204351" spans="8:8">
      <c r="H204351" s="12"/>
    </row>
    <row r="204352" spans="8:8">
      <c r="H204352" s="12"/>
    </row>
    <row r="204353" spans="8:8">
      <c r="H204353" s="12"/>
    </row>
    <row r="204354" spans="8:8">
      <c r="H204354" s="12"/>
    </row>
    <row r="204355" spans="8:8">
      <c r="H204355" s="12"/>
    </row>
    <row r="204356" spans="8:8">
      <c r="H204356" s="12"/>
    </row>
    <row r="204357" spans="8:8">
      <c r="H204357" s="12"/>
    </row>
    <row r="204358" spans="8:8">
      <c r="H204358" s="12"/>
    </row>
    <row r="204359" spans="8:8">
      <c r="H204359" s="12"/>
    </row>
    <row r="204360" spans="8:8">
      <c r="H204360" s="12"/>
    </row>
    <row r="204361" spans="8:8">
      <c r="H204361" s="12"/>
    </row>
    <row r="204362" spans="8:8">
      <c r="H204362" s="12"/>
    </row>
    <row r="204363" spans="8:8">
      <c r="H204363" s="12"/>
    </row>
    <row r="204364" spans="8:8">
      <c r="H204364" s="12"/>
    </row>
    <row r="204365" spans="8:8">
      <c r="H204365" s="12"/>
    </row>
    <row r="204366" spans="8:8">
      <c r="H204366" s="12"/>
    </row>
    <row r="204367" spans="8:8">
      <c r="H204367" s="12"/>
    </row>
    <row r="204368" spans="8:8">
      <c r="H204368" s="12"/>
    </row>
    <row r="204369" spans="8:8">
      <c r="H204369" s="12"/>
    </row>
    <row r="204370" spans="8:8">
      <c r="H204370" s="12"/>
    </row>
    <row r="204371" spans="8:8">
      <c r="H204371" s="12"/>
    </row>
    <row r="204372" spans="8:8">
      <c r="H204372" s="12"/>
    </row>
    <row r="204373" spans="8:8">
      <c r="H204373" s="12"/>
    </row>
    <row r="204374" spans="8:8">
      <c r="H204374" s="12"/>
    </row>
    <row r="204375" spans="8:8">
      <c r="H204375" s="12"/>
    </row>
    <row r="204376" spans="8:8">
      <c r="H204376" s="12"/>
    </row>
    <row r="204377" spans="8:8">
      <c r="H204377" s="12"/>
    </row>
    <row r="204378" spans="8:8">
      <c r="H204378" s="12"/>
    </row>
    <row r="204379" spans="8:8">
      <c r="H204379" s="12"/>
    </row>
    <row r="204380" spans="8:8">
      <c r="H204380" s="12"/>
    </row>
    <row r="204381" spans="8:8">
      <c r="H204381" s="12"/>
    </row>
    <row r="204382" spans="8:8">
      <c r="H204382" s="12"/>
    </row>
    <row r="204383" spans="8:8">
      <c r="H204383" s="12"/>
    </row>
    <row r="204384" spans="8:8">
      <c r="H204384" s="12"/>
    </row>
    <row r="204385" spans="8:8">
      <c r="H204385" s="12"/>
    </row>
    <row r="204386" spans="8:8">
      <c r="H204386" s="12"/>
    </row>
    <row r="204387" spans="8:8">
      <c r="H204387" s="12"/>
    </row>
    <row r="204388" spans="8:8">
      <c r="H204388" s="12"/>
    </row>
    <row r="204389" spans="8:8">
      <c r="H204389" s="12"/>
    </row>
    <row r="204390" spans="8:8">
      <c r="H204390" s="12"/>
    </row>
    <row r="204391" spans="8:8">
      <c r="H204391" s="12"/>
    </row>
    <row r="204392" spans="8:8">
      <c r="H204392" s="12"/>
    </row>
    <row r="204393" spans="8:8">
      <c r="H204393" s="12"/>
    </row>
    <row r="204394" spans="8:8">
      <c r="H204394" s="12"/>
    </row>
    <row r="204395" spans="8:8">
      <c r="H204395" s="12"/>
    </row>
    <row r="204396" spans="8:8">
      <c r="H204396" s="12"/>
    </row>
    <row r="204397" spans="8:8">
      <c r="H204397" s="12"/>
    </row>
    <row r="204398" spans="8:8">
      <c r="H204398" s="12"/>
    </row>
    <row r="204399" spans="8:8">
      <c r="H204399" s="12"/>
    </row>
    <row r="204400" spans="8:8">
      <c r="H204400" s="12"/>
    </row>
    <row r="204401" spans="8:8">
      <c r="H204401" s="12"/>
    </row>
    <row r="204402" spans="8:8">
      <c r="H204402" s="12"/>
    </row>
    <row r="204403" spans="8:8">
      <c r="H204403" s="12"/>
    </row>
    <row r="204404" spans="8:8">
      <c r="H204404" s="12"/>
    </row>
    <row r="204405" spans="8:8">
      <c r="H204405" s="12"/>
    </row>
    <row r="204406" spans="8:8">
      <c r="H204406" s="12"/>
    </row>
    <row r="204407" spans="8:8">
      <c r="H204407" s="12"/>
    </row>
    <row r="204408" spans="8:8">
      <c r="H204408" s="12"/>
    </row>
    <row r="204409" spans="8:8">
      <c r="H204409" s="12"/>
    </row>
    <row r="204410" spans="8:8">
      <c r="H204410" s="12"/>
    </row>
    <row r="204411" spans="8:8">
      <c r="H204411" s="12"/>
    </row>
    <row r="204412" spans="8:8">
      <c r="H204412" s="12"/>
    </row>
    <row r="204413" spans="8:8">
      <c r="H204413" s="12"/>
    </row>
    <row r="204414" spans="8:8">
      <c r="H204414" s="12"/>
    </row>
    <row r="204415" spans="8:8">
      <c r="H204415" s="12"/>
    </row>
    <row r="204416" spans="8:8">
      <c r="H204416" s="12"/>
    </row>
    <row r="204417" spans="8:8">
      <c r="H204417" s="12"/>
    </row>
    <row r="204418" spans="8:8">
      <c r="H204418" s="12"/>
    </row>
    <row r="204419" spans="8:8">
      <c r="H204419" s="12"/>
    </row>
    <row r="204420" spans="8:8">
      <c r="H204420" s="12"/>
    </row>
    <row r="204421" spans="8:8">
      <c r="H204421" s="12"/>
    </row>
    <row r="204422" spans="8:8">
      <c r="H204422" s="12"/>
    </row>
    <row r="204423" spans="8:8">
      <c r="H204423" s="12"/>
    </row>
    <row r="204424" spans="8:8">
      <c r="H204424" s="12"/>
    </row>
    <row r="204425" spans="8:8">
      <c r="H204425" s="12"/>
    </row>
    <row r="204426" spans="8:8">
      <c r="H204426" s="12"/>
    </row>
    <row r="204427" spans="8:8">
      <c r="H204427" s="12"/>
    </row>
    <row r="204428" spans="8:8">
      <c r="H204428" s="12"/>
    </row>
    <row r="204429" spans="8:8">
      <c r="H204429" s="12"/>
    </row>
    <row r="204430" spans="8:8">
      <c r="H204430" s="12"/>
    </row>
    <row r="204431" spans="8:8">
      <c r="H204431" s="12"/>
    </row>
    <row r="204432" spans="8:8">
      <c r="H204432" s="12"/>
    </row>
    <row r="204433" spans="8:8">
      <c r="H204433" s="12"/>
    </row>
    <row r="204434" spans="8:8">
      <c r="H204434" s="12"/>
    </row>
    <row r="204435" spans="8:8">
      <c r="H204435" s="12"/>
    </row>
    <row r="204436" spans="8:8">
      <c r="H204436" s="12"/>
    </row>
    <row r="204437" spans="8:8">
      <c r="H204437" s="12"/>
    </row>
    <row r="204438" spans="8:8">
      <c r="H204438" s="12"/>
    </row>
    <row r="204439" spans="8:8">
      <c r="H204439" s="12"/>
    </row>
    <row r="204440" spans="8:8">
      <c r="H204440" s="12"/>
    </row>
    <row r="204441" spans="8:8">
      <c r="H204441" s="12"/>
    </row>
    <row r="204442" spans="8:8">
      <c r="H204442" s="12"/>
    </row>
    <row r="204443" spans="8:8">
      <c r="H204443" s="12"/>
    </row>
    <row r="204444" spans="8:8">
      <c r="H204444" s="12"/>
    </row>
    <row r="204445" spans="8:8">
      <c r="H204445" s="12"/>
    </row>
    <row r="204446" spans="8:8">
      <c r="H204446" s="12"/>
    </row>
    <row r="204447" spans="8:8">
      <c r="H204447" s="12"/>
    </row>
    <row r="204448" spans="8:8">
      <c r="H204448" s="12"/>
    </row>
    <row r="204449" spans="8:8">
      <c r="H204449" s="12"/>
    </row>
    <row r="204450" spans="8:8">
      <c r="H204450" s="12"/>
    </row>
    <row r="204451" spans="8:8">
      <c r="H204451" s="12"/>
    </row>
    <row r="204452" spans="8:8">
      <c r="H204452" s="12"/>
    </row>
    <row r="204453" spans="8:8">
      <c r="H204453" s="12"/>
    </row>
    <row r="204454" spans="8:8">
      <c r="H204454" s="12"/>
    </row>
    <row r="204455" spans="8:8">
      <c r="H204455" s="12"/>
    </row>
    <row r="204456" spans="8:8">
      <c r="H204456" s="12"/>
    </row>
    <row r="204457" spans="8:8">
      <c r="H204457" s="12"/>
    </row>
    <row r="204458" spans="8:8">
      <c r="H204458" s="12"/>
    </row>
    <row r="204459" spans="8:8">
      <c r="H204459" s="12"/>
    </row>
    <row r="204460" spans="8:8">
      <c r="H204460" s="12"/>
    </row>
    <row r="204461" spans="8:8">
      <c r="H204461" s="12"/>
    </row>
    <row r="204462" spans="8:8">
      <c r="H204462" s="12"/>
    </row>
    <row r="204463" spans="8:8">
      <c r="H204463" s="12"/>
    </row>
    <row r="204464" spans="8:8">
      <c r="H204464" s="12"/>
    </row>
    <row r="204465" spans="8:8">
      <c r="H204465" s="12"/>
    </row>
    <row r="204466" spans="8:8">
      <c r="H204466" s="12"/>
    </row>
    <row r="204467" spans="8:8">
      <c r="H204467" s="12"/>
    </row>
    <row r="204468" spans="8:8">
      <c r="H204468" s="12"/>
    </row>
    <row r="204469" spans="8:8">
      <c r="H204469" s="12"/>
    </row>
    <row r="204470" spans="8:8">
      <c r="H204470" s="12"/>
    </row>
    <row r="204471" spans="8:8">
      <c r="H204471" s="12"/>
    </row>
    <row r="204472" spans="8:8">
      <c r="H204472" s="12"/>
    </row>
    <row r="204473" spans="8:8">
      <c r="H204473" s="12"/>
    </row>
    <row r="204474" spans="8:8">
      <c r="H204474" s="12"/>
    </row>
    <row r="204475" spans="8:8">
      <c r="H204475" s="12"/>
    </row>
    <row r="204476" spans="8:8">
      <c r="H204476" s="12"/>
    </row>
    <row r="204477" spans="8:8">
      <c r="H204477" s="12"/>
    </row>
    <row r="204478" spans="8:8">
      <c r="H204478" s="12"/>
    </row>
    <row r="204479" spans="8:8">
      <c r="H204479" s="12"/>
    </row>
    <row r="204480" spans="8:8">
      <c r="H204480" s="12"/>
    </row>
    <row r="204481" spans="8:8">
      <c r="H204481" s="12"/>
    </row>
    <row r="204482" spans="8:8">
      <c r="H204482" s="12"/>
    </row>
    <row r="204483" spans="8:8">
      <c r="H204483" s="12"/>
    </row>
    <row r="204484" spans="8:8">
      <c r="H204484" s="12"/>
    </row>
    <row r="204485" spans="8:8">
      <c r="H204485" s="12"/>
    </row>
    <row r="204486" spans="8:8">
      <c r="H204486" s="12"/>
    </row>
    <row r="204487" spans="8:8">
      <c r="H204487" s="12"/>
    </row>
    <row r="204488" spans="8:8">
      <c r="H204488" s="12"/>
    </row>
    <row r="204489" spans="8:8">
      <c r="H204489" s="12"/>
    </row>
    <row r="204490" spans="8:8">
      <c r="H204490" s="12"/>
    </row>
    <row r="204491" spans="8:8">
      <c r="H204491" s="12"/>
    </row>
    <row r="204492" spans="8:8">
      <c r="H204492" s="12"/>
    </row>
    <row r="204493" spans="8:8">
      <c r="H204493" s="12"/>
    </row>
    <row r="204494" spans="8:8">
      <c r="H204494" s="12"/>
    </row>
    <row r="204495" spans="8:8">
      <c r="H204495" s="12"/>
    </row>
    <row r="204496" spans="8:8">
      <c r="H204496" s="12"/>
    </row>
    <row r="204497" spans="8:8">
      <c r="H204497" s="12"/>
    </row>
    <row r="204498" spans="8:8">
      <c r="H204498" s="12"/>
    </row>
    <row r="204499" spans="8:8">
      <c r="H204499" s="12"/>
    </row>
    <row r="204500" spans="8:8">
      <c r="H204500" s="12"/>
    </row>
    <row r="204501" spans="8:8">
      <c r="H204501" s="12"/>
    </row>
    <row r="204502" spans="8:8">
      <c r="H204502" s="12"/>
    </row>
    <row r="204503" spans="8:8">
      <c r="H204503" s="12"/>
    </row>
    <row r="204504" spans="8:8">
      <c r="H204504" s="12"/>
    </row>
    <row r="204505" spans="8:8">
      <c r="H204505" s="12"/>
    </row>
    <row r="204506" spans="8:8">
      <c r="H204506" s="12"/>
    </row>
    <row r="204507" spans="8:8">
      <c r="H204507" s="12"/>
    </row>
    <row r="204508" spans="8:8">
      <c r="H204508" s="12"/>
    </row>
    <row r="204509" spans="8:8">
      <c r="H204509" s="12"/>
    </row>
    <row r="204510" spans="8:8">
      <c r="H204510" s="12"/>
    </row>
    <row r="204511" spans="8:8">
      <c r="H204511" s="12"/>
    </row>
    <row r="204512" spans="8:8">
      <c r="H204512" s="12"/>
    </row>
    <row r="204513" spans="8:8">
      <c r="H204513" s="12"/>
    </row>
    <row r="204514" spans="8:8">
      <c r="H204514" s="12"/>
    </row>
    <row r="204515" spans="8:8">
      <c r="H204515" s="12"/>
    </row>
    <row r="204516" spans="8:8">
      <c r="H204516" s="12"/>
    </row>
    <row r="204517" spans="8:8">
      <c r="H204517" s="12"/>
    </row>
    <row r="204518" spans="8:8">
      <c r="H204518" s="12"/>
    </row>
    <row r="204519" spans="8:8">
      <c r="H204519" s="12"/>
    </row>
    <row r="204520" spans="8:8">
      <c r="H204520" s="12"/>
    </row>
    <row r="204521" spans="8:8">
      <c r="H204521" s="12"/>
    </row>
    <row r="204522" spans="8:8">
      <c r="H204522" s="12"/>
    </row>
    <row r="204523" spans="8:8">
      <c r="H204523" s="12"/>
    </row>
    <row r="204524" spans="8:8">
      <c r="H204524" s="12"/>
    </row>
    <row r="204525" spans="8:8">
      <c r="H204525" s="12"/>
    </row>
    <row r="204526" spans="8:8">
      <c r="H204526" s="12"/>
    </row>
    <row r="204527" spans="8:8">
      <c r="H204527" s="12"/>
    </row>
    <row r="204528" spans="8:8">
      <c r="H204528" s="12"/>
    </row>
    <row r="204529" spans="8:8">
      <c r="H204529" s="12"/>
    </row>
    <row r="204530" spans="8:8">
      <c r="H204530" s="12"/>
    </row>
    <row r="204531" spans="8:8">
      <c r="H204531" s="12"/>
    </row>
    <row r="204532" spans="8:8">
      <c r="H204532" s="12"/>
    </row>
    <row r="204533" spans="8:8">
      <c r="H204533" s="12"/>
    </row>
    <row r="204534" spans="8:8">
      <c r="H204534" s="12"/>
    </row>
    <row r="204535" spans="8:8">
      <c r="H204535" s="12"/>
    </row>
    <row r="204536" spans="8:8">
      <c r="H204536" s="12"/>
    </row>
    <row r="204537" spans="8:8">
      <c r="H204537" s="12"/>
    </row>
    <row r="204538" spans="8:8">
      <c r="H204538" s="12"/>
    </row>
    <row r="204539" spans="8:8">
      <c r="H204539" s="12"/>
    </row>
    <row r="204540" spans="8:8">
      <c r="H204540" s="12"/>
    </row>
    <row r="204541" spans="8:8">
      <c r="H204541" s="12"/>
    </row>
    <row r="204542" spans="8:8">
      <c r="H204542" s="12"/>
    </row>
    <row r="204543" spans="8:8">
      <c r="H204543" s="12"/>
    </row>
    <row r="204544" spans="8:8">
      <c r="H204544" s="12"/>
    </row>
    <row r="204545" spans="8:8">
      <c r="H204545" s="12"/>
    </row>
    <row r="204546" spans="8:8">
      <c r="H204546" s="12"/>
    </row>
    <row r="204547" spans="8:8">
      <c r="H204547" s="12"/>
    </row>
    <row r="204548" spans="8:8">
      <c r="H204548" s="12"/>
    </row>
    <row r="204549" spans="8:8">
      <c r="H204549" s="12"/>
    </row>
    <row r="204550" spans="8:8">
      <c r="H204550" s="12"/>
    </row>
    <row r="204551" spans="8:8">
      <c r="H204551" s="12"/>
    </row>
    <row r="204552" spans="8:8">
      <c r="H204552" s="12"/>
    </row>
    <row r="204553" spans="8:8">
      <c r="H204553" s="12"/>
    </row>
    <row r="204554" spans="8:8">
      <c r="H204554" s="12"/>
    </row>
    <row r="204555" spans="8:8">
      <c r="H204555" s="12"/>
    </row>
    <row r="204556" spans="8:8">
      <c r="H204556" s="12"/>
    </row>
    <row r="204557" spans="8:8">
      <c r="H204557" s="12"/>
    </row>
    <row r="204558" spans="8:8">
      <c r="H204558" s="12"/>
    </row>
    <row r="204559" spans="8:8">
      <c r="H204559" s="12"/>
    </row>
    <row r="204560" spans="8:8">
      <c r="H204560" s="12"/>
    </row>
    <row r="204561" spans="8:8">
      <c r="H204561" s="12"/>
    </row>
    <row r="204562" spans="8:8">
      <c r="H204562" s="12"/>
    </row>
    <row r="204563" spans="8:8">
      <c r="H204563" s="12"/>
    </row>
    <row r="204564" spans="8:8">
      <c r="H204564" s="12"/>
    </row>
    <row r="204565" spans="8:8">
      <c r="H204565" s="12"/>
    </row>
    <row r="204566" spans="8:8">
      <c r="H204566" s="12"/>
    </row>
    <row r="204567" spans="8:8">
      <c r="H204567" s="12"/>
    </row>
    <row r="204568" spans="8:8">
      <c r="H204568" s="12"/>
    </row>
    <row r="204569" spans="8:8">
      <c r="H204569" s="12"/>
    </row>
    <row r="204570" spans="8:8">
      <c r="H204570" s="12"/>
    </row>
    <row r="204571" spans="8:8">
      <c r="H204571" s="12"/>
    </row>
    <row r="204572" spans="8:8">
      <c r="H204572" s="12"/>
    </row>
    <row r="204573" spans="8:8">
      <c r="H204573" s="12"/>
    </row>
    <row r="204574" spans="8:8">
      <c r="H204574" s="12"/>
    </row>
    <row r="204575" spans="8:8">
      <c r="H204575" s="12"/>
    </row>
    <row r="204576" spans="8:8">
      <c r="H204576" s="12"/>
    </row>
    <row r="204577" spans="8:8">
      <c r="H204577" s="12"/>
    </row>
    <row r="204578" spans="8:8">
      <c r="H204578" s="12"/>
    </row>
    <row r="204579" spans="8:8">
      <c r="H204579" s="12"/>
    </row>
    <row r="204580" spans="8:8">
      <c r="H204580" s="12"/>
    </row>
    <row r="204581" spans="8:8">
      <c r="H204581" s="12"/>
    </row>
    <row r="204582" spans="8:8">
      <c r="H204582" s="12"/>
    </row>
    <row r="204583" spans="8:8">
      <c r="H204583" s="12"/>
    </row>
    <row r="204584" spans="8:8">
      <c r="H204584" s="12"/>
    </row>
    <row r="204585" spans="8:8">
      <c r="H204585" s="12"/>
    </row>
    <row r="204586" spans="8:8">
      <c r="H204586" s="12"/>
    </row>
    <row r="204587" spans="8:8">
      <c r="H204587" s="12"/>
    </row>
    <row r="204588" spans="8:8">
      <c r="H204588" s="12"/>
    </row>
    <row r="204589" spans="8:8">
      <c r="H204589" s="12"/>
    </row>
    <row r="204590" spans="8:8">
      <c r="H204590" s="12"/>
    </row>
    <row r="204591" spans="8:8">
      <c r="H204591" s="12"/>
    </row>
    <row r="204592" spans="8:8">
      <c r="H204592" s="12"/>
    </row>
    <row r="204593" spans="8:8">
      <c r="H204593" s="12"/>
    </row>
    <row r="204594" spans="8:8">
      <c r="H204594" s="12"/>
    </row>
    <row r="204595" spans="8:8">
      <c r="H204595" s="12"/>
    </row>
    <row r="204596" spans="8:8">
      <c r="H204596" s="12"/>
    </row>
    <row r="204597" spans="8:8">
      <c r="H204597" s="12"/>
    </row>
    <row r="204598" spans="8:8">
      <c r="H204598" s="12"/>
    </row>
    <row r="204599" spans="8:8">
      <c r="H204599" s="12"/>
    </row>
    <row r="204600" spans="8:8">
      <c r="H204600" s="12"/>
    </row>
    <row r="204601" spans="8:8">
      <c r="H204601" s="12"/>
    </row>
    <row r="204602" spans="8:8">
      <c r="H204602" s="12"/>
    </row>
    <row r="204603" spans="8:8">
      <c r="H204603" s="12"/>
    </row>
    <row r="204604" spans="8:8">
      <c r="H204604" s="12"/>
    </row>
    <row r="204605" spans="8:8">
      <c r="H204605" s="12"/>
    </row>
    <row r="204606" spans="8:8">
      <c r="H204606" s="12"/>
    </row>
    <row r="204607" spans="8:8">
      <c r="H204607" s="12"/>
    </row>
    <row r="204608" spans="8:8">
      <c r="H204608" s="12"/>
    </row>
    <row r="204609" spans="8:8">
      <c r="H204609" s="12"/>
    </row>
    <row r="204610" spans="8:8">
      <c r="H204610" s="12"/>
    </row>
    <row r="204611" spans="8:8">
      <c r="H204611" s="12"/>
    </row>
    <row r="204612" spans="8:8">
      <c r="H204612" s="12"/>
    </row>
    <row r="204613" spans="8:8">
      <c r="H204613" s="12"/>
    </row>
    <row r="204614" spans="8:8">
      <c r="H204614" s="12"/>
    </row>
    <row r="204615" spans="8:8">
      <c r="H204615" s="12"/>
    </row>
    <row r="204616" spans="8:8">
      <c r="H204616" s="12"/>
    </row>
    <row r="204617" spans="8:8">
      <c r="H204617" s="12"/>
    </row>
    <row r="204618" spans="8:8">
      <c r="H204618" s="12"/>
    </row>
    <row r="204619" spans="8:8">
      <c r="H204619" s="12"/>
    </row>
    <row r="204620" spans="8:8">
      <c r="H204620" s="12"/>
    </row>
    <row r="204621" spans="8:8">
      <c r="H204621" s="12"/>
    </row>
    <row r="204622" spans="8:8">
      <c r="H204622" s="12"/>
    </row>
    <row r="204623" spans="8:8">
      <c r="H204623" s="12"/>
    </row>
    <row r="204624" spans="8:8">
      <c r="H204624" s="12"/>
    </row>
    <row r="204625" spans="8:8">
      <c r="H204625" s="12"/>
    </row>
    <row r="204626" spans="8:8">
      <c r="H204626" s="12"/>
    </row>
    <row r="204627" spans="8:8">
      <c r="H204627" s="12"/>
    </row>
    <row r="204628" spans="8:8">
      <c r="H204628" s="12"/>
    </row>
    <row r="204629" spans="8:8">
      <c r="H204629" s="12"/>
    </row>
    <row r="204630" spans="8:8">
      <c r="H204630" s="12"/>
    </row>
    <row r="204631" spans="8:8">
      <c r="H204631" s="12"/>
    </row>
    <row r="204632" spans="8:8">
      <c r="H204632" s="12"/>
    </row>
    <row r="204633" spans="8:8">
      <c r="H204633" s="12"/>
    </row>
    <row r="204634" spans="8:8">
      <c r="H204634" s="12"/>
    </row>
    <row r="204635" spans="8:8">
      <c r="H204635" s="12"/>
    </row>
    <row r="204636" spans="8:8">
      <c r="H204636" s="12"/>
    </row>
    <row r="204637" spans="8:8">
      <c r="H204637" s="12"/>
    </row>
    <row r="204638" spans="8:8">
      <c r="H204638" s="12"/>
    </row>
    <row r="204639" spans="8:8">
      <c r="H204639" s="12"/>
    </row>
    <row r="204640" spans="8:8">
      <c r="H204640" s="12"/>
    </row>
    <row r="204641" spans="8:8">
      <c r="H204641" s="12"/>
    </row>
    <row r="204642" spans="8:8">
      <c r="H204642" s="12"/>
    </row>
    <row r="204643" spans="8:8">
      <c r="H204643" s="12"/>
    </row>
    <row r="204644" spans="8:8">
      <c r="H204644" s="12"/>
    </row>
    <row r="204645" spans="8:8">
      <c r="H204645" s="12"/>
    </row>
    <row r="204646" spans="8:8">
      <c r="H204646" s="12"/>
    </row>
    <row r="204647" spans="8:8">
      <c r="H204647" s="12"/>
    </row>
    <row r="204648" spans="8:8">
      <c r="H204648" s="12"/>
    </row>
    <row r="204649" spans="8:8">
      <c r="H204649" s="12"/>
    </row>
    <row r="204650" spans="8:8">
      <c r="H204650" s="12"/>
    </row>
    <row r="204651" spans="8:8">
      <c r="H204651" s="12"/>
    </row>
    <row r="204652" spans="8:8">
      <c r="H204652" s="12"/>
    </row>
    <row r="204653" spans="8:8">
      <c r="H204653" s="12"/>
    </row>
    <row r="204654" spans="8:8">
      <c r="H204654" s="12"/>
    </row>
    <row r="204655" spans="8:8">
      <c r="H204655" s="12"/>
    </row>
    <row r="204656" spans="8:8">
      <c r="H204656" s="12"/>
    </row>
    <row r="204657" spans="8:8">
      <c r="H204657" s="12"/>
    </row>
    <row r="204658" spans="8:8">
      <c r="H204658" s="12"/>
    </row>
    <row r="204659" spans="8:8">
      <c r="H204659" s="12"/>
    </row>
    <row r="204660" spans="8:8">
      <c r="H204660" s="12"/>
    </row>
    <row r="204661" spans="8:8">
      <c r="H204661" s="12"/>
    </row>
    <row r="204662" spans="8:8">
      <c r="H204662" s="12"/>
    </row>
    <row r="204663" spans="8:8">
      <c r="H204663" s="12"/>
    </row>
    <row r="204664" spans="8:8">
      <c r="H204664" s="12"/>
    </row>
    <row r="204665" spans="8:8">
      <c r="H204665" s="12"/>
    </row>
    <row r="204666" spans="8:8">
      <c r="H204666" s="12"/>
    </row>
    <row r="204667" spans="8:8">
      <c r="H204667" s="12"/>
    </row>
    <row r="204668" spans="8:8">
      <c r="H204668" s="12"/>
    </row>
    <row r="204669" spans="8:8">
      <c r="H204669" s="12"/>
    </row>
    <row r="204670" spans="8:8">
      <c r="H204670" s="12"/>
    </row>
    <row r="204671" spans="8:8">
      <c r="H204671" s="12"/>
    </row>
    <row r="204672" spans="8:8">
      <c r="H204672" s="12"/>
    </row>
    <row r="204673" spans="8:8">
      <c r="H204673" s="12"/>
    </row>
    <row r="204674" spans="8:8">
      <c r="H204674" s="12"/>
    </row>
    <row r="204675" spans="8:8">
      <c r="H204675" s="12"/>
    </row>
    <row r="204676" spans="8:8">
      <c r="H204676" s="12"/>
    </row>
    <row r="204677" spans="8:8">
      <c r="H204677" s="12"/>
    </row>
    <row r="204678" spans="8:8">
      <c r="H204678" s="12"/>
    </row>
    <row r="204679" spans="8:8">
      <c r="H204679" s="12"/>
    </row>
    <row r="204680" spans="8:8">
      <c r="H204680" s="12"/>
    </row>
    <row r="204681" spans="8:8">
      <c r="H204681" s="12"/>
    </row>
    <row r="204682" spans="8:8">
      <c r="H204682" s="12"/>
    </row>
    <row r="204683" spans="8:8">
      <c r="H204683" s="12"/>
    </row>
    <row r="204684" spans="8:8">
      <c r="H204684" s="12"/>
    </row>
    <row r="204685" spans="8:8">
      <c r="H204685" s="12"/>
    </row>
    <row r="204686" spans="8:8">
      <c r="H204686" s="12"/>
    </row>
    <row r="204687" spans="8:8">
      <c r="H204687" s="12"/>
    </row>
    <row r="204688" spans="8:8">
      <c r="H204688" s="12"/>
    </row>
    <row r="204689" spans="8:8">
      <c r="H204689" s="12"/>
    </row>
    <row r="204690" spans="8:8">
      <c r="H204690" s="12"/>
    </row>
    <row r="204691" spans="8:8">
      <c r="H204691" s="12"/>
    </row>
    <row r="204692" spans="8:8">
      <c r="H204692" s="12"/>
    </row>
    <row r="204693" spans="8:8">
      <c r="H204693" s="12"/>
    </row>
    <row r="204694" spans="8:8">
      <c r="H204694" s="12"/>
    </row>
    <row r="204695" spans="8:8">
      <c r="H204695" s="12"/>
    </row>
    <row r="204696" spans="8:8">
      <c r="H204696" s="12"/>
    </row>
    <row r="204697" spans="8:8">
      <c r="H204697" s="12"/>
    </row>
    <row r="204698" spans="8:8">
      <c r="H204698" s="12"/>
    </row>
    <row r="204699" spans="8:8">
      <c r="H204699" s="12"/>
    </row>
    <row r="204700" spans="8:8">
      <c r="H204700" s="12"/>
    </row>
    <row r="204701" spans="8:8">
      <c r="H204701" s="12"/>
    </row>
    <row r="204702" spans="8:8">
      <c r="H204702" s="12"/>
    </row>
    <row r="204703" spans="8:8">
      <c r="H204703" s="12"/>
    </row>
    <row r="204704" spans="8:8">
      <c r="H204704" s="12"/>
    </row>
    <row r="204705" spans="8:8">
      <c r="H204705" s="12"/>
    </row>
    <row r="204706" spans="8:8">
      <c r="H204706" s="12"/>
    </row>
    <row r="204707" spans="8:8">
      <c r="H204707" s="12"/>
    </row>
    <row r="204708" spans="8:8">
      <c r="H204708" s="12"/>
    </row>
    <row r="204709" spans="8:8">
      <c r="H204709" s="12"/>
    </row>
    <row r="204710" spans="8:8">
      <c r="H204710" s="12"/>
    </row>
    <row r="204711" spans="8:8">
      <c r="H204711" s="12"/>
    </row>
    <row r="204712" spans="8:8">
      <c r="H204712" s="12"/>
    </row>
    <row r="204713" spans="8:8">
      <c r="H204713" s="12"/>
    </row>
    <row r="204714" spans="8:8">
      <c r="H204714" s="12"/>
    </row>
    <row r="204715" spans="8:8">
      <c r="H204715" s="12"/>
    </row>
    <row r="204716" spans="8:8">
      <c r="H204716" s="12"/>
    </row>
    <row r="204717" spans="8:8">
      <c r="H204717" s="12"/>
    </row>
    <row r="204718" spans="8:8">
      <c r="H204718" s="12"/>
    </row>
    <row r="204719" spans="8:8">
      <c r="H204719" s="12"/>
    </row>
    <row r="204720" spans="8:8">
      <c r="H204720" s="12"/>
    </row>
    <row r="204721" spans="8:8">
      <c r="H204721" s="12"/>
    </row>
    <row r="204722" spans="8:8">
      <c r="H204722" s="12"/>
    </row>
    <row r="204723" spans="8:8">
      <c r="H204723" s="12"/>
    </row>
    <row r="204724" spans="8:8">
      <c r="H204724" s="12"/>
    </row>
    <row r="204725" spans="8:8">
      <c r="H204725" s="12"/>
    </row>
    <row r="204726" spans="8:8">
      <c r="H204726" s="12"/>
    </row>
    <row r="204727" spans="8:8">
      <c r="H204727" s="12"/>
    </row>
    <row r="204728" spans="8:8">
      <c r="H204728" s="12"/>
    </row>
    <row r="204729" spans="8:8">
      <c r="H204729" s="12"/>
    </row>
    <row r="204730" spans="8:8">
      <c r="H204730" s="12"/>
    </row>
    <row r="204731" spans="8:8">
      <c r="H204731" s="12"/>
    </row>
    <row r="204732" spans="8:8">
      <c r="H204732" s="12"/>
    </row>
    <row r="204733" spans="8:8">
      <c r="H204733" s="12"/>
    </row>
    <row r="204734" spans="8:8">
      <c r="H204734" s="12"/>
    </row>
    <row r="204735" spans="8:8">
      <c r="H204735" s="12"/>
    </row>
    <row r="204736" spans="8:8">
      <c r="H204736" s="12"/>
    </row>
    <row r="204737" spans="8:8">
      <c r="H204737" s="12"/>
    </row>
    <row r="204738" spans="8:8">
      <c r="H204738" s="12"/>
    </row>
    <row r="204739" spans="8:8">
      <c r="H204739" s="12"/>
    </row>
    <row r="204740" spans="8:8">
      <c r="H204740" s="12"/>
    </row>
    <row r="204741" spans="8:8">
      <c r="H204741" s="12"/>
    </row>
    <row r="204742" spans="8:8">
      <c r="H204742" s="12"/>
    </row>
    <row r="204743" spans="8:8">
      <c r="H204743" s="12"/>
    </row>
    <row r="204744" spans="8:8">
      <c r="H204744" s="12"/>
    </row>
    <row r="204745" spans="8:8">
      <c r="H204745" s="12"/>
    </row>
    <row r="204746" spans="8:8">
      <c r="H204746" s="12"/>
    </row>
    <row r="204747" spans="8:8">
      <c r="H204747" s="12"/>
    </row>
    <row r="204748" spans="8:8">
      <c r="H204748" s="12"/>
    </row>
    <row r="204749" spans="8:8">
      <c r="H204749" s="12"/>
    </row>
    <row r="204750" spans="8:8">
      <c r="H204750" s="12"/>
    </row>
    <row r="204751" spans="8:8">
      <c r="H204751" s="12"/>
    </row>
    <row r="204752" spans="8:8">
      <c r="H204752" s="12"/>
    </row>
    <row r="204753" spans="8:8">
      <c r="H204753" s="12"/>
    </row>
    <row r="204754" spans="8:8">
      <c r="H204754" s="12"/>
    </row>
    <row r="204755" spans="8:8">
      <c r="H204755" s="12"/>
    </row>
    <row r="204756" spans="8:8">
      <c r="H204756" s="12"/>
    </row>
    <row r="204757" spans="8:8">
      <c r="H204757" s="12"/>
    </row>
    <row r="204758" spans="8:8">
      <c r="H204758" s="12"/>
    </row>
    <row r="204759" spans="8:8">
      <c r="H204759" s="12"/>
    </row>
    <row r="204760" spans="8:8">
      <c r="H204760" s="12"/>
    </row>
    <row r="204761" spans="8:8">
      <c r="H204761" s="12"/>
    </row>
    <row r="204762" spans="8:8">
      <c r="H204762" s="12"/>
    </row>
    <row r="204763" spans="8:8">
      <c r="H204763" s="12"/>
    </row>
    <row r="204764" spans="8:8">
      <c r="H204764" s="12"/>
    </row>
    <row r="204765" spans="8:8">
      <c r="H204765" s="12"/>
    </row>
    <row r="204766" spans="8:8">
      <c r="H204766" s="12"/>
    </row>
    <row r="204767" spans="8:8">
      <c r="H204767" s="12"/>
    </row>
    <row r="204768" spans="8:8">
      <c r="H204768" s="12"/>
    </row>
    <row r="204769" spans="8:8">
      <c r="H204769" s="12"/>
    </row>
    <row r="204770" spans="8:8">
      <c r="H204770" s="12"/>
    </row>
    <row r="204771" spans="8:8">
      <c r="H204771" s="12"/>
    </row>
    <row r="204772" spans="8:8">
      <c r="H204772" s="12"/>
    </row>
    <row r="204773" spans="8:8">
      <c r="H204773" s="12"/>
    </row>
    <row r="204774" spans="8:8">
      <c r="H204774" s="12"/>
    </row>
    <row r="204775" spans="8:8">
      <c r="H204775" s="12"/>
    </row>
    <row r="204776" spans="8:8">
      <c r="H204776" s="12"/>
    </row>
    <row r="204777" spans="8:8">
      <c r="H204777" s="12"/>
    </row>
    <row r="204778" spans="8:8">
      <c r="H204778" s="12"/>
    </row>
    <row r="204779" spans="8:8">
      <c r="H204779" s="12"/>
    </row>
    <row r="204780" spans="8:8">
      <c r="H204780" s="12"/>
    </row>
    <row r="204781" spans="8:8">
      <c r="H204781" s="12"/>
    </row>
    <row r="204782" spans="8:8">
      <c r="H204782" s="12"/>
    </row>
    <row r="204783" spans="8:8">
      <c r="H204783" s="12"/>
    </row>
    <row r="204784" spans="8:8">
      <c r="H204784" s="12"/>
    </row>
    <row r="204785" spans="8:8">
      <c r="H204785" s="12"/>
    </row>
    <row r="204786" spans="8:8">
      <c r="H204786" s="12"/>
    </row>
    <row r="204787" spans="8:8">
      <c r="H204787" s="12"/>
    </row>
    <row r="204788" spans="8:8">
      <c r="H204788" s="12"/>
    </row>
    <row r="204789" spans="8:8">
      <c r="H204789" s="12"/>
    </row>
    <row r="204790" spans="8:8">
      <c r="H204790" s="12"/>
    </row>
    <row r="204791" spans="8:8">
      <c r="H204791" s="12"/>
    </row>
    <row r="204792" spans="8:8">
      <c r="H204792" s="12"/>
    </row>
    <row r="204793" spans="8:8">
      <c r="H204793" s="12"/>
    </row>
    <row r="204794" spans="8:8">
      <c r="H204794" s="12"/>
    </row>
    <row r="204795" spans="8:8">
      <c r="H204795" s="12"/>
    </row>
    <row r="204796" spans="8:8">
      <c r="H204796" s="12"/>
    </row>
    <row r="204797" spans="8:8">
      <c r="H204797" s="12"/>
    </row>
    <row r="204798" spans="8:8">
      <c r="H204798" s="12"/>
    </row>
    <row r="204799" spans="8:8">
      <c r="H204799" s="12"/>
    </row>
    <row r="204800" spans="8:8">
      <c r="H204800" s="12"/>
    </row>
    <row r="204801" spans="8:8">
      <c r="H204801" s="12"/>
    </row>
    <row r="204802" spans="8:8">
      <c r="H204802" s="12"/>
    </row>
    <row r="204803" spans="8:8">
      <c r="H204803" s="12"/>
    </row>
    <row r="204804" spans="8:8">
      <c r="H204804" s="12"/>
    </row>
    <row r="204805" spans="8:8">
      <c r="H204805" s="12"/>
    </row>
    <row r="204806" spans="8:8">
      <c r="H204806" s="12"/>
    </row>
    <row r="204807" spans="8:8">
      <c r="H204807" s="12"/>
    </row>
    <row r="204808" spans="8:8">
      <c r="H204808" s="12"/>
    </row>
    <row r="204809" spans="8:8">
      <c r="H204809" s="12"/>
    </row>
    <row r="204810" spans="8:8">
      <c r="H204810" s="12"/>
    </row>
    <row r="204811" spans="8:8">
      <c r="H204811" s="12"/>
    </row>
    <row r="204812" spans="8:8">
      <c r="H204812" s="12"/>
    </row>
    <row r="204813" spans="8:8">
      <c r="H204813" s="12"/>
    </row>
    <row r="204814" spans="8:8">
      <c r="H204814" s="12"/>
    </row>
    <row r="204815" spans="8:8">
      <c r="H204815" s="12"/>
    </row>
    <row r="204816" spans="8:8">
      <c r="H204816" s="12"/>
    </row>
    <row r="204817" spans="8:8">
      <c r="H204817" s="12"/>
    </row>
    <row r="204818" spans="8:8">
      <c r="H204818" s="12"/>
    </row>
    <row r="204819" spans="8:8">
      <c r="H204819" s="12"/>
    </row>
    <row r="204820" spans="8:8">
      <c r="H204820" s="12"/>
    </row>
    <row r="204821" spans="8:8">
      <c r="H204821" s="12"/>
    </row>
    <row r="204822" spans="8:8">
      <c r="H204822" s="12"/>
    </row>
    <row r="204823" spans="8:8">
      <c r="H204823" s="12"/>
    </row>
    <row r="204824" spans="8:8">
      <c r="H204824" s="12"/>
    </row>
    <row r="204825" spans="8:8">
      <c r="H204825" s="12"/>
    </row>
    <row r="204826" spans="8:8">
      <c r="H204826" s="12"/>
    </row>
    <row r="204827" spans="8:8">
      <c r="H204827" s="12"/>
    </row>
    <row r="204828" spans="8:8">
      <c r="H204828" s="12"/>
    </row>
    <row r="204829" spans="8:8">
      <c r="H204829" s="12"/>
    </row>
    <row r="204830" spans="8:8">
      <c r="H204830" s="12"/>
    </row>
    <row r="204831" spans="8:8">
      <c r="H204831" s="12"/>
    </row>
    <row r="204832" spans="8:8">
      <c r="H204832" s="12"/>
    </row>
    <row r="204833" spans="8:8">
      <c r="H204833" s="12"/>
    </row>
    <row r="204834" spans="8:8">
      <c r="H204834" s="12"/>
    </row>
    <row r="204835" spans="8:8">
      <c r="H204835" s="12"/>
    </row>
    <row r="204836" spans="8:8">
      <c r="H204836" s="12"/>
    </row>
    <row r="204837" spans="8:8">
      <c r="H204837" s="12"/>
    </row>
    <row r="204838" spans="8:8">
      <c r="H204838" s="12"/>
    </row>
    <row r="204839" spans="8:8">
      <c r="H204839" s="12"/>
    </row>
    <row r="204840" spans="8:8">
      <c r="H204840" s="12"/>
    </row>
    <row r="204841" spans="8:8">
      <c r="H204841" s="12"/>
    </row>
    <row r="204842" spans="8:8">
      <c r="H204842" s="12"/>
    </row>
    <row r="204843" spans="8:8">
      <c r="H204843" s="12"/>
    </row>
    <row r="204844" spans="8:8">
      <c r="H204844" s="12"/>
    </row>
    <row r="204845" spans="8:8">
      <c r="H204845" s="12"/>
    </row>
    <row r="204846" spans="8:8">
      <c r="H204846" s="12"/>
    </row>
    <row r="204847" spans="8:8">
      <c r="H204847" s="12"/>
    </row>
    <row r="204848" spans="8:8">
      <c r="H204848" s="12"/>
    </row>
    <row r="204849" spans="8:8">
      <c r="H204849" s="12"/>
    </row>
    <row r="204850" spans="8:8">
      <c r="H204850" s="12"/>
    </row>
    <row r="204851" spans="8:8">
      <c r="H204851" s="12"/>
    </row>
    <row r="204852" spans="8:8">
      <c r="H204852" s="12"/>
    </row>
    <row r="204853" spans="8:8">
      <c r="H204853" s="12"/>
    </row>
    <row r="204854" spans="8:8">
      <c r="H204854" s="12"/>
    </row>
    <row r="204855" spans="8:8">
      <c r="H204855" s="12"/>
    </row>
    <row r="204856" spans="8:8">
      <c r="H204856" s="12"/>
    </row>
    <row r="204857" spans="8:8">
      <c r="H204857" s="12"/>
    </row>
    <row r="204858" spans="8:8">
      <c r="H204858" s="12"/>
    </row>
    <row r="204859" spans="8:8">
      <c r="H204859" s="12"/>
    </row>
    <row r="204860" spans="8:8">
      <c r="H204860" s="12"/>
    </row>
    <row r="204861" spans="8:8">
      <c r="H204861" s="12"/>
    </row>
    <row r="204862" spans="8:8">
      <c r="H204862" s="12"/>
    </row>
    <row r="204863" spans="8:8">
      <c r="H204863" s="12"/>
    </row>
    <row r="204864" spans="8:8">
      <c r="H204864" s="12"/>
    </row>
    <row r="204865" spans="8:8">
      <c r="H204865" s="12"/>
    </row>
    <row r="204866" spans="8:8">
      <c r="H204866" s="12"/>
    </row>
    <row r="204867" spans="8:8">
      <c r="H204867" s="12"/>
    </row>
    <row r="204868" spans="8:8">
      <c r="H204868" s="12"/>
    </row>
    <row r="204869" spans="8:8">
      <c r="H204869" s="12"/>
    </row>
    <row r="204870" spans="8:8">
      <c r="H204870" s="12"/>
    </row>
    <row r="204871" spans="8:8">
      <c r="H204871" s="12"/>
    </row>
    <row r="204872" spans="8:8">
      <c r="H204872" s="12"/>
    </row>
    <row r="204873" spans="8:8">
      <c r="H204873" s="12"/>
    </row>
    <row r="204874" spans="8:8">
      <c r="H204874" s="12"/>
    </row>
    <row r="204875" spans="8:8">
      <c r="H204875" s="12"/>
    </row>
    <row r="204876" spans="8:8">
      <c r="H204876" s="12"/>
    </row>
    <row r="204877" spans="8:8">
      <c r="H204877" s="12"/>
    </row>
    <row r="204878" spans="8:8">
      <c r="H204878" s="12"/>
    </row>
    <row r="204879" spans="8:8">
      <c r="H204879" s="12"/>
    </row>
    <row r="204880" spans="8:8">
      <c r="H204880" s="12"/>
    </row>
    <row r="204881" spans="8:8">
      <c r="H204881" s="12"/>
    </row>
    <row r="204882" spans="8:8">
      <c r="H204882" s="12"/>
    </row>
    <row r="204883" spans="8:8">
      <c r="H204883" s="12"/>
    </row>
    <row r="204884" spans="8:8">
      <c r="H204884" s="12"/>
    </row>
    <row r="204885" spans="8:8">
      <c r="H204885" s="12"/>
    </row>
    <row r="204886" spans="8:8">
      <c r="H204886" s="12"/>
    </row>
    <row r="204887" spans="8:8">
      <c r="H204887" s="12"/>
    </row>
    <row r="204888" spans="8:8">
      <c r="H204888" s="12"/>
    </row>
    <row r="204889" spans="8:8">
      <c r="H204889" s="12"/>
    </row>
    <row r="204890" spans="8:8">
      <c r="H204890" s="12"/>
    </row>
    <row r="204891" spans="8:8">
      <c r="H204891" s="12"/>
    </row>
    <row r="204892" spans="8:8">
      <c r="H204892" s="12"/>
    </row>
    <row r="204893" spans="8:8">
      <c r="H204893" s="12"/>
    </row>
    <row r="204894" spans="8:8">
      <c r="H204894" s="12"/>
    </row>
    <row r="204895" spans="8:8">
      <c r="H204895" s="12"/>
    </row>
    <row r="204896" spans="8:8">
      <c r="H204896" s="12"/>
    </row>
    <row r="204897" spans="8:8">
      <c r="H204897" s="12"/>
    </row>
    <row r="204898" spans="8:8">
      <c r="H204898" s="12"/>
    </row>
    <row r="204899" spans="8:8">
      <c r="H204899" s="12"/>
    </row>
    <row r="204900" spans="8:8">
      <c r="H204900" s="12"/>
    </row>
    <row r="204901" spans="8:8">
      <c r="H204901" s="12"/>
    </row>
    <row r="204902" spans="8:8">
      <c r="H204902" s="12"/>
    </row>
    <row r="204903" spans="8:8">
      <c r="H204903" s="12"/>
    </row>
    <row r="204904" spans="8:8">
      <c r="H204904" s="12"/>
    </row>
    <row r="204905" spans="8:8">
      <c r="H204905" s="12"/>
    </row>
    <row r="204906" spans="8:8">
      <c r="H204906" s="12"/>
    </row>
    <row r="204907" spans="8:8">
      <c r="H204907" s="12"/>
    </row>
    <row r="204908" spans="8:8">
      <c r="H204908" s="12"/>
    </row>
    <row r="204909" spans="8:8">
      <c r="H204909" s="12"/>
    </row>
    <row r="204910" spans="8:8">
      <c r="H204910" s="12"/>
    </row>
    <row r="204911" spans="8:8">
      <c r="H204911" s="12"/>
    </row>
    <row r="204912" spans="8:8">
      <c r="H204912" s="12"/>
    </row>
    <row r="204913" spans="8:8">
      <c r="H204913" s="12"/>
    </row>
    <row r="204914" spans="8:8">
      <c r="H204914" s="12"/>
    </row>
    <row r="204915" spans="8:8">
      <c r="H204915" s="12"/>
    </row>
    <row r="204916" spans="8:8">
      <c r="H204916" s="12"/>
    </row>
    <row r="204917" spans="8:8">
      <c r="H204917" s="12"/>
    </row>
    <row r="204918" spans="8:8">
      <c r="H204918" s="12"/>
    </row>
    <row r="204919" spans="8:8">
      <c r="H204919" s="12"/>
    </row>
    <row r="204920" spans="8:8">
      <c r="H204920" s="12"/>
    </row>
    <row r="204921" spans="8:8">
      <c r="H204921" s="12"/>
    </row>
    <row r="204922" spans="8:8">
      <c r="H204922" s="12"/>
    </row>
    <row r="204923" spans="8:8">
      <c r="H204923" s="12"/>
    </row>
    <row r="204924" spans="8:8">
      <c r="H204924" s="12"/>
    </row>
    <row r="204925" spans="8:8">
      <c r="H204925" s="12"/>
    </row>
    <row r="204926" spans="8:8">
      <c r="H204926" s="12"/>
    </row>
    <row r="204927" spans="8:8">
      <c r="H204927" s="12"/>
    </row>
    <row r="204928" spans="8:8">
      <c r="H204928" s="12"/>
    </row>
    <row r="204929" spans="8:8">
      <c r="H204929" s="12"/>
    </row>
    <row r="204930" spans="8:8">
      <c r="H204930" s="12"/>
    </row>
    <row r="204931" spans="8:8">
      <c r="H204931" s="12"/>
    </row>
    <row r="204932" spans="8:8">
      <c r="H204932" s="12"/>
    </row>
    <row r="204933" spans="8:8">
      <c r="H204933" s="12"/>
    </row>
    <row r="204934" spans="8:8">
      <c r="H204934" s="12"/>
    </row>
    <row r="204935" spans="8:8">
      <c r="H204935" s="12"/>
    </row>
    <row r="204936" spans="8:8">
      <c r="H204936" s="12"/>
    </row>
    <row r="204937" spans="8:8">
      <c r="H204937" s="12"/>
    </row>
    <row r="204938" spans="8:8">
      <c r="H204938" s="12"/>
    </row>
    <row r="204939" spans="8:8">
      <c r="H204939" s="12"/>
    </row>
    <row r="204940" spans="8:8">
      <c r="H204940" s="12"/>
    </row>
    <row r="204941" spans="8:8">
      <c r="H204941" s="12"/>
    </row>
    <row r="204942" spans="8:8">
      <c r="H204942" s="12"/>
    </row>
    <row r="204943" spans="8:8">
      <c r="H204943" s="12"/>
    </row>
    <row r="204944" spans="8:8">
      <c r="H204944" s="12"/>
    </row>
    <row r="204945" spans="8:8">
      <c r="H204945" s="12"/>
    </row>
    <row r="204946" spans="8:8">
      <c r="H204946" s="12"/>
    </row>
    <row r="204947" spans="8:8">
      <c r="H204947" s="12"/>
    </row>
    <row r="204948" spans="8:8">
      <c r="H204948" s="12"/>
    </row>
    <row r="204949" spans="8:8">
      <c r="H204949" s="12"/>
    </row>
    <row r="204950" spans="8:8">
      <c r="H204950" s="12"/>
    </row>
    <row r="204951" spans="8:8">
      <c r="H204951" s="12"/>
    </row>
    <row r="204952" spans="8:8">
      <c r="H204952" s="12"/>
    </row>
    <row r="204953" spans="8:8">
      <c r="H204953" s="12"/>
    </row>
    <row r="204954" spans="8:8">
      <c r="H204954" s="12"/>
    </row>
    <row r="204955" spans="8:8">
      <c r="H204955" s="12"/>
    </row>
    <row r="204956" spans="8:8">
      <c r="H204956" s="12"/>
    </row>
    <row r="204957" spans="8:8">
      <c r="H204957" s="12"/>
    </row>
    <row r="204958" spans="8:8">
      <c r="H204958" s="12"/>
    </row>
    <row r="204959" spans="8:8">
      <c r="H204959" s="12"/>
    </row>
    <row r="204960" spans="8:8">
      <c r="H204960" s="12"/>
    </row>
    <row r="204961" spans="8:8">
      <c r="H204961" s="12"/>
    </row>
    <row r="204962" spans="8:8">
      <c r="H204962" s="12"/>
    </row>
    <row r="204963" spans="8:8">
      <c r="H204963" s="12"/>
    </row>
    <row r="204964" spans="8:8">
      <c r="H204964" s="12"/>
    </row>
    <row r="204965" spans="8:8">
      <c r="H204965" s="12"/>
    </row>
    <row r="204966" spans="8:8">
      <c r="H204966" s="12"/>
    </row>
    <row r="204967" spans="8:8">
      <c r="H204967" s="12"/>
    </row>
    <row r="204968" spans="8:8">
      <c r="H204968" s="12"/>
    </row>
    <row r="204969" spans="8:8">
      <c r="H204969" s="12"/>
    </row>
    <row r="204970" spans="8:8">
      <c r="H204970" s="12"/>
    </row>
    <row r="204971" spans="8:8">
      <c r="H204971" s="12"/>
    </row>
    <row r="204972" spans="8:8">
      <c r="H204972" s="12"/>
    </row>
    <row r="204973" spans="8:8">
      <c r="H204973" s="12"/>
    </row>
    <row r="204974" spans="8:8">
      <c r="H204974" s="12"/>
    </row>
    <row r="204975" spans="8:8">
      <c r="H204975" s="12"/>
    </row>
    <row r="204976" spans="8:8">
      <c r="H204976" s="12"/>
    </row>
    <row r="204977" spans="8:8">
      <c r="H204977" s="12"/>
    </row>
    <row r="204978" spans="8:8">
      <c r="H204978" s="12"/>
    </row>
    <row r="204979" spans="8:8">
      <c r="H204979" s="12"/>
    </row>
    <row r="204980" spans="8:8">
      <c r="H204980" s="12"/>
    </row>
    <row r="204981" spans="8:8">
      <c r="H204981" s="12"/>
    </row>
    <row r="204982" spans="8:8">
      <c r="H204982" s="12"/>
    </row>
    <row r="204983" spans="8:8">
      <c r="H204983" s="12"/>
    </row>
    <row r="204984" spans="8:8">
      <c r="H204984" s="12"/>
    </row>
    <row r="204985" spans="8:8">
      <c r="H204985" s="12"/>
    </row>
    <row r="204986" spans="8:8">
      <c r="H204986" s="12"/>
    </row>
    <row r="204987" spans="8:8">
      <c r="H204987" s="12"/>
    </row>
    <row r="204988" spans="8:8">
      <c r="H204988" s="12"/>
    </row>
    <row r="204989" spans="8:8">
      <c r="H204989" s="12"/>
    </row>
    <row r="204990" spans="8:8">
      <c r="H204990" s="12"/>
    </row>
    <row r="204991" spans="8:8">
      <c r="H204991" s="12"/>
    </row>
    <row r="204992" spans="8:8">
      <c r="H204992" s="12"/>
    </row>
    <row r="204993" spans="8:8">
      <c r="H204993" s="12"/>
    </row>
    <row r="204994" spans="8:8">
      <c r="H204994" s="12"/>
    </row>
    <row r="204995" spans="8:8">
      <c r="H204995" s="12"/>
    </row>
    <row r="204996" spans="8:8">
      <c r="H204996" s="12"/>
    </row>
    <row r="204997" spans="8:8">
      <c r="H204997" s="12"/>
    </row>
    <row r="204998" spans="8:8">
      <c r="H204998" s="12"/>
    </row>
    <row r="204999" spans="8:8">
      <c r="H204999" s="12"/>
    </row>
    <row r="205000" spans="8:8">
      <c r="H205000" s="12"/>
    </row>
    <row r="205001" spans="8:8">
      <c r="H205001" s="12"/>
    </row>
    <row r="205002" spans="8:8">
      <c r="H205002" s="12"/>
    </row>
    <row r="205003" spans="8:8">
      <c r="H205003" s="12"/>
    </row>
    <row r="205004" spans="8:8">
      <c r="H205004" s="12"/>
    </row>
    <row r="205005" spans="8:8">
      <c r="H205005" s="12"/>
    </row>
    <row r="205006" spans="8:8">
      <c r="H205006" s="12"/>
    </row>
    <row r="205007" spans="8:8">
      <c r="H205007" s="12"/>
    </row>
    <row r="205008" spans="8:8">
      <c r="H205008" s="12"/>
    </row>
    <row r="205009" spans="8:8">
      <c r="H205009" s="12"/>
    </row>
    <row r="205010" spans="8:8">
      <c r="H205010" s="12"/>
    </row>
    <row r="205011" spans="8:8">
      <c r="H205011" s="12"/>
    </row>
    <row r="205012" spans="8:8">
      <c r="H205012" s="12"/>
    </row>
    <row r="205013" spans="8:8">
      <c r="H205013" s="12"/>
    </row>
    <row r="205014" spans="8:8">
      <c r="H205014" s="12"/>
    </row>
    <row r="205015" spans="8:8">
      <c r="H205015" s="12"/>
    </row>
    <row r="205016" spans="8:8">
      <c r="H205016" s="12"/>
    </row>
    <row r="205017" spans="8:8">
      <c r="H205017" s="12"/>
    </row>
    <row r="205018" spans="8:8">
      <c r="H205018" s="12"/>
    </row>
    <row r="205019" spans="8:8">
      <c r="H205019" s="12"/>
    </row>
    <row r="205020" spans="8:8">
      <c r="H205020" s="12"/>
    </row>
    <row r="205021" spans="8:8">
      <c r="H205021" s="12"/>
    </row>
    <row r="205022" spans="8:8">
      <c r="H205022" s="12"/>
    </row>
    <row r="205023" spans="8:8">
      <c r="H205023" s="12"/>
    </row>
    <row r="205024" spans="8:8">
      <c r="H205024" s="12"/>
    </row>
    <row r="205025" spans="8:8">
      <c r="H205025" s="12"/>
    </row>
    <row r="205026" spans="8:8">
      <c r="H205026" s="12"/>
    </row>
    <row r="205027" spans="8:8">
      <c r="H205027" s="12"/>
    </row>
    <row r="205028" spans="8:8">
      <c r="H205028" s="12"/>
    </row>
    <row r="205029" spans="8:8">
      <c r="H205029" s="12"/>
    </row>
    <row r="205030" spans="8:8">
      <c r="H205030" s="12"/>
    </row>
    <row r="205031" spans="8:8">
      <c r="H205031" s="12"/>
    </row>
    <row r="205032" spans="8:8">
      <c r="H205032" s="12"/>
    </row>
    <row r="205033" spans="8:8">
      <c r="H205033" s="12"/>
    </row>
    <row r="205034" spans="8:8">
      <c r="H205034" s="12"/>
    </row>
    <row r="205035" spans="8:8">
      <c r="H205035" s="12"/>
    </row>
    <row r="205036" spans="8:8">
      <c r="H205036" s="12"/>
    </row>
    <row r="205037" spans="8:8">
      <c r="H205037" s="12"/>
    </row>
    <row r="205038" spans="8:8">
      <c r="H205038" s="12"/>
    </row>
    <row r="205039" spans="8:8">
      <c r="H205039" s="12"/>
    </row>
    <row r="205040" spans="8:8">
      <c r="H205040" s="12"/>
    </row>
    <row r="205041" spans="8:8">
      <c r="H205041" s="12"/>
    </row>
    <row r="205042" spans="8:8">
      <c r="H205042" s="12"/>
    </row>
    <row r="205043" spans="8:8">
      <c r="H205043" s="12"/>
    </row>
    <row r="205044" spans="8:8">
      <c r="H205044" s="12"/>
    </row>
    <row r="205045" spans="8:8">
      <c r="H205045" s="12"/>
    </row>
    <row r="205046" spans="8:8">
      <c r="H205046" s="12"/>
    </row>
    <row r="205047" spans="8:8">
      <c r="H205047" s="12"/>
    </row>
    <row r="205048" spans="8:8">
      <c r="H205048" s="12"/>
    </row>
    <row r="205049" spans="8:8">
      <c r="H205049" s="12"/>
    </row>
    <row r="205050" spans="8:8">
      <c r="H205050" s="12"/>
    </row>
    <row r="205051" spans="8:8">
      <c r="H205051" s="12"/>
    </row>
    <row r="205052" spans="8:8">
      <c r="H205052" s="12"/>
    </row>
    <row r="205053" spans="8:8">
      <c r="H205053" s="12"/>
    </row>
    <row r="205054" spans="8:8">
      <c r="H205054" s="12"/>
    </row>
    <row r="205055" spans="8:8">
      <c r="H205055" s="12"/>
    </row>
    <row r="205056" spans="8:8">
      <c r="H205056" s="12"/>
    </row>
    <row r="205057" spans="8:8">
      <c r="H205057" s="12"/>
    </row>
    <row r="205058" spans="8:8">
      <c r="H205058" s="12"/>
    </row>
    <row r="205059" spans="8:8">
      <c r="H205059" s="12"/>
    </row>
    <row r="205060" spans="8:8">
      <c r="H205060" s="12"/>
    </row>
    <row r="205061" spans="8:8">
      <c r="H205061" s="12"/>
    </row>
    <row r="205062" spans="8:8">
      <c r="H205062" s="12"/>
    </row>
    <row r="205063" spans="8:8">
      <c r="H205063" s="12"/>
    </row>
    <row r="205064" spans="8:8">
      <c r="H205064" s="12"/>
    </row>
    <row r="205065" spans="8:8">
      <c r="H205065" s="12"/>
    </row>
    <row r="205066" spans="8:8">
      <c r="H205066" s="12"/>
    </row>
    <row r="205067" spans="8:8">
      <c r="H205067" s="12"/>
    </row>
    <row r="205068" spans="8:8">
      <c r="H205068" s="12"/>
    </row>
    <row r="205069" spans="8:8">
      <c r="H205069" s="12"/>
    </row>
    <row r="205070" spans="8:8">
      <c r="H205070" s="12"/>
    </row>
    <row r="205071" spans="8:8">
      <c r="H205071" s="12"/>
    </row>
    <row r="205072" spans="8:8">
      <c r="H205072" s="12"/>
    </row>
    <row r="205073" spans="8:8">
      <c r="H205073" s="12"/>
    </row>
    <row r="205074" spans="8:8">
      <c r="H205074" s="12"/>
    </row>
    <row r="205075" spans="8:8">
      <c r="H205075" s="12"/>
    </row>
    <row r="205076" spans="8:8">
      <c r="H205076" s="12"/>
    </row>
    <row r="205077" spans="8:8">
      <c r="H205077" s="12"/>
    </row>
    <row r="205078" spans="8:8">
      <c r="H205078" s="12"/>
    </row>
    <row r="205079" spans="8:8">
      <c r="H205079" s="12"/>
    </row>
    <row r="205080" spans="8:8">
      <c r="H205080" s="12"/>
    </row>
    <row r="205081" spans="8:8">
      <c r="H205081" s="12"/>
    </row>
    <row r="205082" spans="8:8">
      <c r="H205082" s="12"/>
    </row>
    <row r="205083" spans="8:8">
      <c r="H205083" s="12"/>
    </row>
    <row r="205084" spans="8:8">
      <c r="H205084" s="12"/>
    </row>
    <row r="205085" spans="8:8">
      <c r="H205085" s="12"/>
    </row>
    <row r="205086" spans="8:8">
      <c r="H205086" s="12"/>
    </row>
    <row r="205087" spans="8:8">
      <c r="H205087" s="12"/>
    </row>
    <row r="205088" spans="8:8">
      <c r="H205088" s="12"/>
    </row>
    <row r="205089" spans="8:8">
      <c r="H205089" s="12"/>
    </row>
    <row r="205090" spans="8:8">
      <c r="H205090" s="12"/>
    </row>
    <row r="205091" spans="8:8">
      <c r="H205091" s="12"/>
    </row>
    <row r="205092" spans="8:8">
      <c r="H205092" s="12"/>
    </row>
    <row r="205093" spans="8:8">
      <c r="H205093" s="12"/>
    </row>
    <row r="205094" spans="8:8">
      <c r="H205094" s="12"/>
    </row>
    <row r="205095" spans="8:8">
      <c r="H205095" s="12"/>
    </row>
    <row r="205096" spans="8:8">
      <c r="H205096" s="12"/>
    </row>
    <row r="205097" spans="8:8">
      <c r="H205097" s="12"/>
    </row>
    <row r="205098" spans="8:8">
      <c r="H205098" s="12"/>
    </row>
    <row r="205099" spans="8:8">
      <c r="H205099" s="12"/>
    </row>
    <row r="205100" spans="8:8">
      <c r="H205100" s="12"/>
    </row>
    <row r="205101" spans="8:8">
      <c r="H205101" s="12"/>
    </row>
    <row r="205102" spans="8:8">
      <c r="H205102" s="12"/>
    </row>
    <row r="205103" spans="8:8">
      <c r="H205103" s="12"/>
    </row>
    <row r="205104" spans="8:8">
      <c r="H205104" s="12"/>
    </row>
    <row r="205105" spans="8:8">
      <c r="H205105" s="12"/>
    </row>
    <row r="205106" spans="8:8">
      <c r="H205106" s="12"/>
    </row>
    <row r="205107" spans="8:8">
      <c r="H205107" s="12"/>
    </row>
    <row r="205108" spans="8:8">
      <c r="H205108" s="12"/>
    </row>
    <row r="205109" spans="8:8">
      <c r="H205109" s="12"/>
    </row>
    <row r="205110" spans="8:8">
      <c r="H205110" s="12"/>
    </row>
    <row r="205111" spans="8:8">
      <c r="H205111" s="12"/>
    </row>
    <row r="205112" spans="8:8">
      <c r="H205112" s="12"/>
    </row>
    <row r="205113" spans="8:8">
      <c r="H205113" s="12"/>
    </row>
    <row r="205114" spans="8:8">
      <c r="H205114" s="12"/>
    </row>
    <row r="205115" spans="8:8">
      <c r="H205115" s="12"/>
    </row>
    <row r="205116" spans="8:8">
      <c r="H205116" s="12"/>
    </row>
    <row r="205117" spans="8:8">
      <c r="H205117" s="12"/>
    </row>
    <row r="205118" spans="8:8">
      <c r="H205118" s="12"/>
    </row>
    <row r="205119" spans="8:8">
      <c r="H205119" s="12"/>
    </row>
    <row r="205120" spans="8:8">
      <c r="H205120" s="12"/>
    </row>
    <row r="205121" spans="8:8">
      <c r="H205121" s="12"/>
    </row>
    <row r="205122" spans="8:8">
      <c r="H205122" s="12"/>
    </row>
    <row r="205123" spans="8:8">
      <c r="H205123" s="12"/>
    </row>
    <row r="205124" spans="8:8">
      <c r="H205124" s="12"/>
    </row>
    <row r="205125" spans="8:8">
      <c r="H205125" s="12"/>
    </row>
    <row r="205126" spans="8:8">
      <c r="H205126" s="12"/>
    </row>
    <row r="205127" spans="8:8">
      <c r="H205127" s="12"/>
    </row>
    <row r="205128" spans="8:8">
      <c r="H205128" s="12"/>
    </row>
    <row r="205129" spans="8:8">
      <c r="H205129" s="12"/>
    </row>
    <row r="205130" spans="8:8">
      <c r="H205130" s="12"/>
    </row>
    <row r="205131" spans="8:8">
      <c r="H205131" s="12"/>
    </row>
    <row r="205132" spans="8:8">
      <c r="H205132" s="12"/>
    </row>
    <row r="205133" spans="8:8">
      <c r="H205133" s="12"/>
    </row>
    <row r="205134" spans="8:8">
      <c r="H205134" s="12"/>
    </row>
    <row r="205135" spans="8:8">
      <c r="H205135" s="12"/>
    </row>
    <row r="205136" spans="8:8">
      <c r="H205136" s="12"/>
    </row>
    <row r="205137" spans="8:8">
      <c r="H205137" s="12"/>
    </row>
    <row r="205138" spans="8:8">
      <c r="H205138" s="12"/>
    </row>
    <row r="205139" spans="8:8">
      <c r="H205139" s="12"/>
    </row>
    <row r="205140" spans="8:8">
      <c r="H205140" s="12"/>
    </row>
    <row r="205141" spans="8:8">
      <c r="H205141" s="12"/>
    </row>
    <row r="205142" spans="8:8">
      <c r="H205142" s="12"/>
    </row>
    <row r="205143" spans="8:8">
      <c r="H205143" s="12"/>
    </row>
    <row r="205144" spans="8:8">
      <c r="H205144" s="12"/>
    </row>
    <row r="205145" spans="8:8">
      <c r="H205145" s="12"/>
    </row>
    <row r="205146" spans="8:8">
      <c r="H205146" s="12"/>
    </row>
    <row r="205147" spans="8:8">
      <c r="H205147" s="12"/>
    </row>
    <row r="205148" spans="8:8">
      <c r="H205148" s="12"/>
    </row>
    <row r="205149" spans="8:8">
      <c r="H205149" s="12"/>
    </row>
    <row r="205150" spans="8:8">
      <c r="H205150" s="12"/>
    </row>
    <row r="205151" spans="8:8">
      <c r="H205151" s="12"/>
    </row>
    <row r="205152" spans="8:8">
      <c r="H205152" s="12"/>
    </row>
    <row r="205153" spans="8:8">
      <c r="H205153" s="12"/>
    </row>
    <row r="205154" spans="8:8">
      <c r="H205154" s="12"/>
    </row>
    <row r="205155" spans="8:8">
      <c r="H205155" s="12"/>
    </row>
    <row r="205156" spans="8:8">
      <c r="H205156" s="12"/>
    </row>
    <row r="205157" spans="8:8">
      <c r="H205157" s="12"/>
    </row>
    <row r="205158" spans="8:8">
      <c r="H205158" s="12"/>
    </row>
    <row r="205159" spans="8:8">
      <c r="H205159" s="12"/>
    </row>
    <row r="205160" spans="8:8">
      <c r="H205160" s="12"/>
    </row>
    <row r="205161" spans="8:8">
      <c r="H205161" s="12"/>
    </row>
    <row r="205162" spans="8:8">
      <c r="H205162" s="12"/>
    </row>
    <row r="205163" spans="8:8">
      <c r="H205163" s="12"/>
    </row>
    <row r="205164" spans="8:8">
      <c r="H205164" s="12"/>
    </row>
    <row r="205165" spans="8:8">
      <c r="H205165" s="12"/>
    </row>
    <row r="205166" spans="8:8">
      <c r="H205166" s="12"/>
    </row>
    <row r="205167" spans="8:8">
      <c r="H205167" s="12"/>
    </row>
    <row r="205168" spans="8:8">
      <c r="H205168" s="12"/>
    </row>
    <row r="205169" spans="8:8">
      <c r="H205169" s="12"/>
    </row>
    <row r="205170" spans="8:8">
      <c r="H205170" s="12"/>
    </row>
    <row r="205171" spans="8:8">
      <c r="H205171" s="12"/>
    </row>
    <row r="205172" spans="8:8">
      <c r="H205172" s="12"/>
    </row>
    <row r="205173" spans="8:8">
      <c r="H205173" s="12"/>
    </row>
    <row r="205174" spans="8:8">
      <c r="H205174" s="12"/>
    </row>
    <row r="205175" spans="8:8">
      <c r="H205175" s="12"/>
    </row>
    <row r="205176" spans="8:8">
      <c r="H205176" s="12"/>
    </row>
    <row r="205177" spans="8:8">
      <c r="H205177" s="12"/>
    </row>
    <row r="205178" spans="8:8">
      <c r="H205178" s="12"/>
    </row>
    <row r="205179" spans="8:8">
      <c r="H205179" s="12"/>
    </row>
    <row r="205180" spans="8:8">
      <c r="H205180" s="12"/>
    </row>
    <row r="205181" spans="8:8">
      <c r="H205181" s="12"/>
    </row>
    <row r="205182" spans="8:8">
      <c r="H205182" s="12"/>
    </row>
    <row r="205183" spans="8:8">
      <c r="H205183" s="12"/>
    </row>
    <row r="205184" spans="8:8">
      <c r="H205184" s="12"/>
    </row>
    <row r="205185" spans="8:8">
      <c r="H205185" s="12"/>
    </row>
    <row r="205186" spans="8:8">
      <c r="H205186" s="12"/>
    </row>
    <row r="205187" spans="8:8">
      <c r="H205187" s="12"/>
    </row>
    <row r="205188" spans="8:8">
      <c r="H205188" s="12"/>
    </row>
    <row r="205189" spans="8:8">
      <c r="H205189" s="12"/>
    </row>
    <row r="205190" spans="8:8">
      <c r="H205190" s="12"/>
    </row>
    <row r="205191" spans="8:8">
      <c r="H205191" s="12"/>
    </row>
    <row r="205192" spans="8:8">
      <c r="H205192" s="12"/>
    </row>
    <row r="205193" spans="8:8">
      <c r="H205193" s="12"/>
    </row>
    <row r="205194" spans="8:8">
      <c r="H205194" s="12"/>
    </row>
    <row r="205195" spans="8:8">
      <c r="H205195" s="12"/>
    </row>
    <row r="205196" spans="8:8">
      <c r="H205196" s="12"/>
    </row>
    <row r="205197" spans="8:8">
      <c r="H205197" s="12"/>
    </row>
    <row r="205198" spans="8:8">
      <c r="H205198" s="12"/>
    </row>
    <row r="205199" spans="8:8">
      <c r="H205199" s="12"/>
    </row>
    <row r="205200" spans="8:8">
      <c r="H205200" s="12"/>
    </row>
    <row r="205201" spans="8:8">
      <c r="H205201" s="12"/>
    </row>
    <row r="205202" spans="8:8">
      <c r="H205202" s="12"/>
    </row>
    <row r="205203" spans="8:8">
      <c r="H205203" s="12"/>
    </row>
    <row r="205204" spans="8:8">
      <c r="H205204" s="12"/>
    </row>
    <row r="205205" spans="8:8">
      <c r="H205205" s="12"/>
    </row>
    <row r="205206" spans="8:8">
      <c r="H205206" s="12"/>
    </row>
    <row r="205207" spans="8:8">
      <c r="H205207" s="12"/>
    </row>
    <row r="205208" spans="8:8">
      <c r="H205208" s="12"/>
    </row>
    <row r="205209" spans="8:8">
      <c r="H205209" s="12"/>
    </row>
    <row r="205210" spans="8:8">
      <c r="H205210" s="12"/>
    </row>
    <row r="205211" spans="8:8">
      <c r="H205211" s="12"/>
    </row>
    <row r="205212" spans="8:8">
      <c r="H205212" s="12"/>
    </row>
    <row r="205213" spans="8:8">
      <c r="H205213" s="12"/>
    </row>
    <row r="205214" spans="8:8">
      <c r="H205214" s="12"/>
    </row>
    <row r="205215" spans="8:8">
      <c r="H205215" s="12"/>
    </row>
    <row r="205216" spans="8:8">
      <c r="H205216" s="12"/>
    </row>
    <row r="205217" spans="8:8">
      <c r="H205217" s="12"/>
    </row>
    <row r="205218" spans="8:8">
      <c r="H205218" s="12"/>
    </row>
    <row r="205219" spans="8:8">
      <c r="H205219" s="12"/>
    </row>
    <row r="205220" spans="8:8">
      <c r="H205220" s="12"/>
    </row>
    <row r="205221" spans="8:8">
      <c r="H205221" s="12"/>
    </row>
    <row r="205222" spans="8:8">
      <c r="H205222" s="12"/>
    </row>
    <row r="205223" spans="8:8">
      <c r="H205223" s="12"/>
    </row>
    <row r="205224" spans="8:8">
      <c r="H205224" s="12"/>
    </row>
    <row r="205225" spans="8:8">
      <c r="H205225" s="12"/>
    </row>
    <row r="205226" spans="8:8">
      <c r="H205226" s="12"/>
    </row>
    <row r="205227" spans="8:8">
      <c r="H205227" s="12"/>
    </row>
    <row r="205228" spans="8:8">
      <c r="H205228" s="12"/>
    </row>
    <row r="205229" spans="8:8">
      <c r="H205229" s="12"/>
    </row>
    <row r="205230" spans="8:8">
      <c r="H205230" s="12"/>
    </row>
    <row r="205231" spans="8:8">
      <c r="H205231" s="12"/>
    </row>
    <row r="205232" spans="8:8">
      <c r="H205232" s="12"/>
    </row>
    <row r="205233" spans="8:8">
      <c r="H205233" s="12"/>
    </row>
    <row r="205234" spans="8:8">
      <c r="H205234" s="12"/>
    </row>
    <row r="205235" spans="8:8">
      <c r="H205235" s="12"/>
    </row>
    <row r="205236" spans="8:8">
      <c r="H205236" s="12"/>
    </row>
    <row r="205237" spans="8:8">
      <c r="H205237" s="12"/>
    </row>
    <row r="205238" spans="8:8">
      <c r="H205238" s="12"/>
    </row>
    <row r="205239" spans="8:8">
      <c r="H205239" s="12"/>
    </row>
    <row r="205240" spans="8:8">
      <c r="H205240" s="12"/>
    </row>
    <row r="205241" spans="8:8">
      <c r="H205241" s="12"/>
    </row>
    <row r="205242" spans="8:8">
      <c r="H205242" s="12"/>
    </row>
    <row r="205243" spans="8:8">
      <c r="H205243" s="12"/>
    </row>
    <row r="205244" spans="8:8">
      <c r="H205244" s="12"/>
    </row>
    <row r="205245" spans="8:8">
      <c r="H205245" s="12"/>
    </row>
    <row r="205246" spans="8:8">
      <c r="H205246" s="12"/>
    </row>
    <row r="205247" spans="8:8">
      <c r="H205247" s="12"/>
    </row>
    <row r="205248" spans="8:8">
      <c r="H205248" s="12"/>
    </row>
    <row r="205249" spans="8:8">
      <c r="H205249" s="12"/>
    </row>
    <row r="205250" spans="8:8">
      <c r="H205250" s="12"/>
    </row>
    <row r="205251" spans="8:8">
      <c r="H205251" s="12"/>
    </row>
    <row r="205252" spans="8:8">
      <c r="H205252" s="12"/>
    </row>
    <row r="205253" spans="8:8">
      <c r="H205253" s="12"/>
    </row>
    <row r="205254" spans="8:8">
      <c r="H205254" s="12"/>
    </row>
    <row r="205255" spans="8:8">
      <c r="H205255" s="12"/>
    </row>
    <row r="205256" spans="8:8">
      <c r="H205256" s="12"/>
    </row>
    <row r="205257" spans="8:8">
      <c r="H205257" s="12"/>
    </row>
    <row r="205258" spans="8:8">
      <c r="H205258" s="12"/>
    </row>
    <row r="205259" spans="8:8">
      <c r="H205259" s="12"/>
    </row>
    <row r="205260" spans="8:8">
      <c r="H205260" s="12"/>
    </row>
    <row r="205261" spans="8:8">
      <c r="H205261" s="12"/>
    </row>
    <row r="205262" spans="8:8">
      <c r="H205262" s="12"/>
    </row>
    <row r="205263" spans="8:8">
      <c r="H205263" s="12"/>
    </row>
    <row r="205264" spans="8:8">
      <c r="H205264" s="12"/>
    </row>
    <row r="205265" spans="8:8">
      <c r="H205265" s="12"/>
    </row>
    <row r="205266" spans="8:8">
      <c r="H205266" s="12"/>
    </row>
    <row r="205267" spans="8:8">
      <c r="H205267" s="12"/>
    </row>
    <row r="205268" spans="8:8">
      <c r="H205268" s="12"/>
    </row>
    <row r="205269" spans="8:8">
      <c r="H205269" s="12"/>
    </row>
    <row r="205270" spans="8:8">
      <c r="H205270" s="12"/>
    </row>
    <row r="205271" spans="8:8">
      <c r="H205271" s="12"/>
    </row>
    <row r="205272" spans="8:8">
      <c r="H205272" s="12"/>
    </row>
    <row r="205273" spans="8:8">
      <c r="H205273" s="12"/>
    </row>
    <row r="205274" spans="8:8">
      <c r="H205274" s="12"/>
    </row>
    <row r="205275" spans="8:8">
      <c r="H205275" s="12"/>
    </row>
    <row r="205276" spans="8:8">
      <c r="H205276" s="12"/>
    </row>
    <row r="205277" spans="8:8">
      <c r="H205277" s="12"/>
    </row>
    <row r="205278" spans="8:8">
      <c r="H205278" s="12"/>
    </row>
    <row r="205279" spans="8:8">
      <c r="H205279" s="12"/>
    </row>
    <row r="205280" spans="8:8">
      <c r="H205280" s="12"/>
    </row>
    <row r="205281" spans="8:8">
      <c r="H205281" s="12"/>
    </row>
    <row r="205282" spans="8:8">
      <c r="H205282" s="12"/>
    </row>
    <row r="205283" spans="8:8">
      <c r="H205283" s="12"/>
    </row>
    <row r="205284" spans="8:8">
      <c r="H205284" s="12"/>
    </row>
    <row r="205285" spans="8:8">
      <c r="H205285" s="12"/>
    </row>
    <row r="205286" spans="8:8">
      <c r="H205286" s="12"/>
    </row>
    <row r="205287" spans="8:8">
      <c r="H205287" s="12"/>
    </row>
    <row r="205288" spans="8:8">
      <c r="H205288" s="12"/>
    </row>
    <row r="205289" spans="8:8">
      <c r="H205289" s="12"/>
    </row>
    <row r="205290" spans="8:8">
      <c r="H205290" s="12"/>
    </row>
    <row r="205291" spans="8:8">
      <c r="H205291" s="12"/>
    </row>
    <row r="205292" spans="8:8">
      <c r="H205292" s="12"/>
    </row>
    <row r="205293" spans="8:8">
      <c r="H205293" s="12"/>
    </row>
    <row r="205294" spans="8:8">
      <c r="H205294" s="12"/>
    </row>
    <row r="205295" spans="8:8">
      <c r="H205295" s="12"/>
    </row>
    <row r="205296" spans="8:8">
      <c r="H205296" s="12"/>
    </row>
    <row r="205297" spans="8:8">
      <c r="H205297" s="12"/>
    </row>
    <row r="205298" spans="8:8">
      <c r="H205298" s="12"/>
    </row>
    <row r="205299" spans="8:8">
      <c r="H205299" s="12"/>
    </row>
    <row r="205300" spans="8:8">
      <c r="H205300" s="12"/>
    </row>
    <row r="205301" spans="8:8">
      <c r="H205301" s="12"/>
    </row>
    <row r="205302" spans="8:8">
      <c r="H205302" s="12"/>
    </row>
    <row r="205303" spans="8:8">
      <c r="H205303" s="12"/>
    </row>
    <row r="205304" spans="8:8">
      <c r="H205304" s="12"/>
    </row>
    <row r="205305" spans="8:8">
      <c r="H205305" s="12"/>
    </row>
    <row r="205306" spans="8:8">
      <c r="H205306" s="12"/>
    </row>
    <row r="205307" spans="8:8">
      <c r="H205307" s="12"/>
    </row>
    <row r="205308" spans="8:8">
      <c r="H205308" s="12"/>
    </row>
    <row r="205309" spans="8:8">
      <c r="H205309" s="12"/>
    </row>
    <row r="205310" spans="8:8">
      <c r="H205310" s="12"/>
    </row>
    <row r="205311" spans="8:8">
      <c r="H205311" s="12"/>
    </row>
    <row r="205312" spans="8:8">
      <c r="H205312" s="12"/>
    </row>
    <row r="205313" spans="8:8">
      <c r="H205313" s="12"/>
    </row>
    <row r="205314" spans="8:8">
      <c r="H205314" s="12"/>
    </row>
    <row r="205315" spans="8:8">
      <c r="H205315" s="12"/>
    </row>
    <row r="205316" spans="8:8">
      <c r="H205316" s="12"/>
    </row>
    <row r="205317" spans="8:8">
      <c r="H205317" s="12"/>
    </row>
    <row r="205318" spans="8:8">
      <c r="H205318" s="12"/>
    </row>
    <row r="205319" spans="8:8">
      <c r="H205319" s="12"/>
    </row>
    <row r="205320" spans="8:8">
      <c r="H205320" s="12"/>
    </row>
    <row r="205321" spans="8:8">
      <c r="H205321" s="12"/>
    </row>
    <row r="205322" spans="8:8">
      <c r="H205322" s="12"/>
    </row>
    <row r="205323" spans="8:8">
      <c r="H205323" s="12"/>
    </row>
    <row r="205324" spans="8:8">
      <c r="H205324" s="12"/>
    </row>
    <row r="205325" spans="8:8">
      <c r="H205325" s="12"/>
    </row>
    <row r="205326" spans="8:8">
      <c r="H205326" s="12"/>
    </row>
    <row r="205327" spans="8:8">
      <c r="H205327" s="12"/>
    </row>
    <row r="205328" spans="8:8">
      <c r="H205328" s="12"/>
    </row>
    <row r="205329" spans="8:8">
      <c r="H205329" s="12"/>
    </row>
    <row r="205330" spans="8:8">
      <c r="H205330" s="12"/>
    </row>
    <row r="205331" spans="8:8">
      <c r="H205331" s="12"/>
    </row>
    <row r="205332" spans="8:8">
      <c r="H205332" s="12"/>
    </row>
    <row r="205333" spans="8:8">
      <c r="H205333" s="12"/>
    </row>
    <row r="205334" spans="8:8">
      <c r="H205334" s="12"/>
    </row>
    <row r="205335" spans="8:8">
      <c r="H205335" s="12"/>
    </row>
    <row r="205336" spans="8:8">
      <c r="H205336" s="12"/>
    </row>
    <row r="205337" spans="8:8">
      <c r="H205337" s="12"/>
    </row>
    <row r="205338" spans="8:8">
      <c r="H205338" s="12"/>
    </row>
    <row r="205339" spans="8:8">
      <c r="H205339" s="12"/>
    </row>
    <row r="205340" spans="8:8">
      <c r="H205340" s="12"/>
    </row>
    <row r="205341" spans="8:8">
      <c r="H205341" s="12"/>
    </row>
    <row r="205342" spans="8:8">
      <c r="H205342" s="12"/>
    </row>
    <row r="205343" spans="8:8">
      <c r="H205343" s="12"/>
    </row>
    <row r="205344" spans="8:8">
      <c r="H205344" s="12"/>
    </row>
    <row r="205345" spans="8:8">
      <c r="H205345" s="12"/>
    </row>
    <row r="205346" spans="8:8">
      <c r="H205346" s="12"/>
    </row>
    <row r="205347" spans="8:8">
      <c r="H205347" s="12"/>
    </row>
    <row r="205348" spans="8:8">
      <c r="H205348" s="12"/>
    </row>
    <row r="205349" spans="8:8">
      <c r="H205349" s="12"/>
    </row>
    <row r="205350" spans="8:8">
      <c r="H205350" s="12"/>
    </row>
    <row r="205351" spans="8:8">
      <c r="H205351" s="12"/>
    </row>
    <row r="205352" spans="8:8">
      <c r="H205352" s="12"/>
    </row>
    <row r="205353" spans="8:8">
      <c r="H205353" s="12"/>
    </row>
    <row r="205354" spans="8:8">
      <c r="H205354" s="12"/>
    </row>
    <row r="205355" spans="8:8">
      <c r="H205355" s="12"/>
    </row>
    <row r="205356" spans="8:8">
      <c r="H205356" s="12"/>
    </row>
    <row r="205357" spans="8:8">
      <c r="H205357" s="12"/>
    </row>
    <row r="205358" spans="8:8">
      <c r="H205358" s="12"/>
    </row>
    <row r="205359" spans="8:8">
      <c r="H205359" s="12"/>
    </row>
    <row r="205360" spans="8:8">
      <c r="H205360" s="12"/>
    </row>
    <row r="205361" spans="8:8">
      <c r="H205361" s="12"/>
    </row>
    <row r="205362" spans="8:8">
      <c r="H205362" s="12"/>
    </row>
    <row r="205363" spans="8:8">
      <c r="H205363" s="12"/>
    </row>
    <row r="205364" spans="8:8">
      <c r="H205364" s="12"/>
    </row>
    <row r="205365" spans="8:8">
      <c r="H205365" s="12"/>
    </row>
    <row r="205366" spans="8:8">
      <c r="H205366" s="12"/>
    </row>
    <row r="205367" spans="8:8">
      <c r="H205367" s="12"/>
    </row>
    <row r="205368" spans="8:8">
      <c r="H205368" s="12"/>
    </row>
    <row r="205369" spans="8:8">
      <c r="H205369" s="12"/>
    </row>
    <row r="205370" spans="8:8">
      <c r="H205370" s="12"/>
    </row>
    <row r="205371" spans="8:8">
      <c r="H205371" s="12"/>
    </row>
    <row r="205372" spans="8:8">
      <c r="H205372" s="12"/>
    </row>
    <row r="205373" spans="8:8">
      <c r="H205373" s="12"/>
    </row>
    <row r="205374" spans="8:8">
      <c r="H205374" s="12"/>
    </row>
    <row r="205375" spans="8:8">
      <c r="H205375" s="12"/>
    </row>
    <row r="205376" spans="8:8">
      <c r="H205376" s="12"/>
    </row>
    <row r="205377" spans="8:8">
      <c r="H205377" s="12"/>
    </row>
    <row r="205378" spans="8:8">
      <c r="H205378" s="12"/>
    </row>
    <row r="205379" spans="8:8">
      <c r="H205379" s="12"/>
    </row>
    <row r="205380" spans="8:8">
      <c r="H205380" s="12"/>
    </row>
    <row r="205381" spans="8:8">
      <c r="H205381" s="12"/>
    </row>
    <row r="205382" spans="8:8">
      <c r="H205382" s="12"/>
    </row>
    <row r="205383" spans="8:8">
      <c r="H205383" s="12"/>
    </row>
    <row r="205384" spans="8:8">
      <c r="H205384" s="12"/>
    </row>
    <row r="205385" spans="8:8">
      <c r="H205385" s="12"/>
    </row>
    <row r="205386" spans="8:8">
      <c r="H205386" s="12"/>
    </row>
    <row r="205387" spans="8:8">
      <c r="H205387" s="12"/>
    </row>
    <row r="205388" spans="8:8">
      <c r="H205388" s="12"/>
    </row>
    <row r="205389" spans="8:8">
      <c r="H205389" s="12"/>
    </row>
    <row r="205390" spans="8:8">
      <c r="H205390" s="12"/>
    </row>
    <row r="205391" spans="8:8">
      <c r="H205391" s="12"/>
    </row>
    <row r="205392" spans="8:8">
      <c r="H205392" s="12"/>
    </row>
    <row r="205393" spans="8:8">
      <c r="H205393" s="12"/>
    </row>
    <row r="205394" spans="8:8">
      <c r="H205394" s="12"/>
    </row>
    <row r="205395" spans="8:8">
      <c r="H205395" s="12"/>
    </row>
    <row r="205396" spans="8:8">
      <c r="H205396" s="12"/>
    </row>
    <row r="205397" spans="8:8">
      <c r="H205397" s="12"/>
    </row>
    <row r="205398" spans="8:8">
      <c r="H205398" s="12"/>
    </row>
    <row r="205399" spans="8:8">
      <c r="H205399" s="12"/>
    </row>
    <row r="205400" spans="8:8">
      <c r="H205400" s="12"/>
    </row>
    <row r="205401" spans="8:8">
      <c r="H205401" s="12"/>
    </row>
    <row r="205402" spans="8:8">
      <c r="H205402" s="12"/>
    </row>
    <row r="205403" spans="8:8">
      <c r="H205403" s="12"/>
    </row>
    <row r="205404" spans="8:8">
      <c r="H205404" s="12"/>
    </row>
    <row r="205405" spans="8:8">
      <c r="H205405" s="12"/>
    </row>
    <row r="205406" spans="8:8">
      <c r="H205406" s="12"/>
    </row>
    <row r="205407" spans="8:8">
      <c r="H205407" s="12"/>
    </row>
    <row r="205408" spans="8:8">
      <c r="H205408" s="12"/>
    </row>
    <row r="205409" spans="8:8">
      <c r="H205409" s="12"/>
    </row>
    <row r="205410" spans="8:8">
      <c r="H205410" s="12"/>
    </row>
    <row r="205411" spans="8:8">
      <c r="H205411" s="12"/>
    </row>
    <row r="205412" spans="8:8">
      <c r="H205412" s="12"/>
    </row>
    <row r="205413" spans="8:8">
      <c r="H205413" s="12"/>
    </row>
    <row r="205414" spans="8:8">
      <c r="H205414" s="12"/>
    </row>
    <row r="205415" spans="8:8">
      <c r="H205415" s="12"/>
    </row>
    <row r="205416" spans="8:8">
      <c r="H205416" s="12"/>
    </row>
    <row r="205417" spans="8:8">
      <c r="H205417" s="12"/>
    </row>
    <row r="205418" spans="8:8">
      <c r="H205418" s="12"/>
    </row>
    <row r="205419" spans="8:8">
      <c r="H205419" s="12"/>
    </row>
    <row r="205420" spans="8:8">
      <c r="H205420" s="12"/>
    </row>
    <row r="205421" spans="8:8">
      <c r="H205421" s="12"/>
    </row>
    <row r="205422" spans="8:8">
      <c r="H205422" s="12"/>
    </row>
    <row r="205423" spans="8:8">
      <c r="H205423" s="12"/>
    </row>
    <row r="205424" spans="8:8">
      <c r="H205424" s="12"/>
    </row>
    <row r="205425" spans="8:8">
      <c r="H205425" s="12"/>
    </row>
    <row r="205426" spans="8:8">
      <c r="H205426" s="12"/>
    </row>
    <row r="205427" spans="8:8">
      <c r="H205427" s="12"/>
    </row>
    <row r="205428" spans="8:8">
      <c r="H205428" s="12"/>
    </row>
    <row r="205429" spans="8:8">
      <c r="H205429" s="12"/>
    </row>
    <row r="205430" spans="8:8">
      <c r="H205430" s="12"/>
    </row>
    <row r="205431" spans="8:8">
      <c r="H205431" s="12"/>
    </row>
    <row r="205432" spans="8:8">
      <c r="H205432" s="12"/>
    </row>
    <row r="205433" spans="8:8">
      <c r="H205433" s="12"/>
    </row>
    <row r="205434" spans="8:8">
      <c r="H205434" s="12"/>
    </row>
    <row r="205435" spans="8:8">
      <c r="H205435" s="12"/>
    </row>
    <row r="205436" spans="8:8">
      <c r="H205436" s="12"/>
    </row>
    <row r="205437" spans="8:8">
      <c r="H205437" s="12"/>
    </row>
    <row r="205438" spans="8:8">
      <c r="H205438" s="12"/>
    </row>
    <row r="205439" spans="8:8">
      <c r="H205439" s="12"/>
    </row>
    <row r="205440" spans="8:8">
      <c r="H205440" s="12"/>
    </row>
    <row r="205441" spans="8:8">
      <c r="H205441" s="12"/>
    </row>
    <row r="205442" spans="8:8">
      <c r="H205442" s="12"/>
    </row>
    <row r="205443" spans="8:8">
      <c r="H205443" s="12"/>
    </row>
    <row r="205444" spans="8:8">
      <c r="H205444" s="12"/>
    </row>
    <row r="205445" spans="8:8">
      <c r="H205445" s="12"/>
    </row>
    <row r="205446" spans="8:8">
      <c r="H205446" s="12"/>
    </row>
    <row r="205447" spans="8:8">
      <c r="H205447" s="12"/>
    </row>
    <row r="205448" spans="8:8">
      <c r="H205448" s="12"/>
    </row>
    <row r="205449" spans="8:8">
      <c r="H205449" s="12"/>
    </row>
    <row r="205450" spans="8:8">
      <c r="H205450" s="12"/>
    </row>
    <row r="205451" spans="8:8">
      <c r="H205451" s="12"/>
    </row>
    <row r="205452" spans="8:8">
      <c r="H205452" s="12"/>
    </row>
    <row r="205453" spans="8:8">
      <c r="H205453" s="12"/>
    </row>
    <row r="205454" spans="8:8">
      <c r="H205454" s="12"/>
    </row>
    <row r="205455" spans="8:8">
      <c r="H205455" s="12"/>
    </row>
    <row r="205456" spans="8:8">
      <c r="H205456" s="12"/>
    </row>
    <row r="205457" spans="8:8">
      <c r="H205457" s="12"/>
    </row>
    <row r="205458" spans="8:8">
      <c r="H205458" s="12"/>
    </row>
    <row r="205459" spans="8:8">
      <c r="H205459" s="12"/>
    </row>
    <row r="205460" spans="8:8">
      <c r="H205460" s="12"/>
    </row>
    <row r="205461" spans="8:8">
      <c r="H205461" s="12"/>
    </row>
    <row r="205462" spans="8:8">
      <c r="H205462" s="12"/>
    </row>
    <row r="205463" spans="8:8">
      <c r="H205463" s="12"/>
    </row>
    <row r="205464" spans="8:8">
      <c r="H205464" s="12"/>
    </row>
    <row r="205465" spans="8:8">
      <c r="H205465" s="12"/>
    </row>
    <row r="205466" spans="8:8">
      <c r="H205466" s="12"/>
    </row>
    <row r="205467" spans="8:8">
      <c r="H205467" s="12"/>
    </row>
    <row r="205468" spans="8:8">
      <c r="H205468" s="12"/>
    </row>
    <row r="205469" spans="8:8">
      <c r="H205469" s="12"/>
    </row>
    <row r="205470" spans="8:8">
      <c r="H205470" s="12"/>
    </row>
    <row r="205471" spans="8:8">
      <c r="H205471" s="12"/>
    </row>
    <row r="205472" spans="8:8">
      <c r="H205472" s="12"/>
    </row>
    <row r="205473" spans="8:8">
      <c r="H205473" s="12"/>
    </row>
    <row r="205474" spans="8:8">
      <c r="H205474" s="12"/>
    </row>
    <row r="205475" spans="8:8">
      <c r="H205475" s="12"/>
    </row>
    <row r="205476" spans="8:8">
      <c r="H205476" s="12"/>
    </row>
    <row r="205477" spans="8:8">
      <c r="H205477" s="12"/>
    </row>
    <row r="205478" spans="8:8">
      <c r="H205478" s="12"/>
    </row>
    <row r="205479" spans="8:8">
      <c r="H205479" s="12"/>
    </row>
    <row r="205480" spans="8:8">
      <c r="H205480" s="12"/>
    </row>
    <row r="205481" spans="8:8">
      <c r="H205481" s="12"/>
    </row>
    <row r="205482" spans="8:8">
      <c r="H205482" s="12"/>
    </row>
    <row r="205483" spans="8:8">
      <c r="H205483" s="12"/>
    </row>
    <row r="205484" spans="8:8">
      <c r="H205484" s="12"/>
    </row>
    <row r="205485" spans="8:8">
      <c r="H205485" s="12"/>
    </row>
    <row r="205486" spans="8:8">
      <c r="H205486" s="12"/>
    </row>
    <row r="205487" spans="8:8">
      <c r="H205487" s="12"/>
    </row>
    <row r="205488" spans="8:8">
      <c r="H205488" s="12"/>
    </row>
    <row r="205489" spans="8:8">
      <c r="H205489" s="12"/>
    </row>
    <row r="205490" spans="8:8">
      <c r="H205490" s="12"/>
    </row>
    <row r="205491" spans="8:8">
      <c r="H205491" s="12"/>
    </row>
    <row r="205492" spans="8:8">
      <c r="H205492" s="12"/>
    </row>
    <row r="205493" spans="8:8">
      <c r="H205493" s="12"/>
    </row>
    <row r="205494" spans="8:8">
      <c r="H205494" s="12"/>
    </row>
    <row r="205495" spans="8:8">
      <c r="H205495" s="12"/>
    </row>
    <row r="205496" spans="8:8">
      <c r="H205496" s="12"/>
    </row>
    <row r="205497" spans="8:8">
      <c r="H205497" s="12"/>
    </row>
    <row r="205498" spans="8:8">
      <c r="H205498" s="12"/>
    </row>
    <row r="205499" spans="8:8">
      <c r="H205499" s="12"/>
    </row>
    <row r="205500" spans="8:8">
      <c r="H205500" s="12"/>
    </row>
    <row r="205501" spans="8:8">
      <c r="H205501" s="12"/>
    </row>
    <row r="205502" spans="8:8">
      <c r="H205502" s="12"/>
    </row>
    <row r="205503" spans="8:8">
      <c r="H205503" s="12"/>
    </row>
    <row r="205504" spans="8:8">
      <c r="H205504" s="12"/>
    </row>
    <row r="205505" spans="8:8">
      <c r="H205505" s="12"/>
    </row>
    <row r="205506" spans="8:8">
      <c r="H205506" s="12"/>
    </row>
    <row r="205507" spans="8:8">
      <c r="H205507" s="12"/>
    </row>
    <row r="205508" spans="8:8">
      <c r="H205508" s="12"/>
    </row>
    <row r="205509" spans="8:8">
      <c r="H205509" s="12"/>
    </row>
    <row r="205510" spans="8:8">
      <c r="H205510" s="12"/>
    </row>
    <row r="205511" spans="8:8">
      <c r="H205511" s="12"/>
    </row>
    <row r="205512" spans="8:8">
      <c r="H205512" s="12"/>
    </row>
    <row r="205513" spans="8:8">
      <c r="H205513" s="12"/>
    </row>
    <row r="205514" spans="8:8">
      <c r="H205514" s="12"/>
    </row>
    <row r="205515" spans="8:8">
      <c r="H205515" s="12"/>
    </row>
    <row r="205516" spans="8:8">
      <c r="H205516" s="12"/>
    </row>
    <row r="205517" spans="8:8">
      <c r="H205517" s="12"/>
    </row>
    <row r="205518" spans="8:8">
      <c r="H205518" s="12"/>
    </row>
    <row r="205519" spans="8:8">
      <c r="H205519" s="12"/>
    </row>
    <row r="205520" spans="8:8">
      <c r="H205520" s="12"/>
    </row>
    <row r="205521" spans="8:8">
      <c r="H205521" s="12"/>
    </row>
    <row r="205522" spans="8:8">
      <c r="H205522" s="12"/>
    </row>
    <row r="205523" spans="8:8">
      <c r="H205523" s="12"/>
    </row>
    <row r="205524" spans="8:8">
      <c r="H205524" s="12"/>
    </row>
    <row r="205525" spans="8:8">
      <c r="H205525" s="12"/>
    </row>
    <row r="205526" spans="8:8">
      <c r="H205526" s="12"/>
    </row>
    <row r="205527" spans="8:8">
      <c r="H205527" s="12"/>
    </row>
    <row r="205528" spans="8:8">
      <c r="H205528" s="12"/>
    </row>
    <row r="205529" spans="8:8">
      <c r="H205529" s="12"/>
    </row>
    <row r="205530" spans="8:8">
      <c r="H205530" s="12"/>
    </row>
    <row r="205531" spans="8:8">
      <c r="H205531" s="12"/>
    </row>
    <row r="205532" spans="8:8">
      <c r="H205532" s="12"/>
    </row>
    <row r="205533" spans="8:8">
      <c r="H205533" s="12"/>
    </row>
    <row r="205534" spans="8:8">
      <c r="H205534" s="12"/>
    </row>
    <row r="205535" spans="8:8">
      <c r="H205535" s="12"/>
    </row>
    <row r="205536" spans="8:8">
      <c r="H205536" s="12"/>
    </row>
    <row r="205537" spans="8:8">
      <c r="H205537" s="12"/>
    </row>
    <row r="205538" spans="8:8">
      <c r="H205538" s="12"/>
    </row>
    <row r="205539" spans="8:8">
      <c r="H205539" s="12"/>
    </row>
    <row r="205540" spans="8:8">
      <c r="H205540" s="12"/>
    </row>
    <row r="205541" spans="8:8">
      <c r="H205541" s="12"/>
    </row>
    <row r="205542" spans="8:8">
      <c r="H205542" s="12"/>
    </row>
    <row r="205543" spans="8:8">
      <c r="H205543" s="12"/>
    </row>
    <row r="205544" spans="8:8">
      <c r="H205544" s="12"/>
    </row>
    <row r="205545" spans="8:8">
      <c r="H205545" s="12"/>
    </row>
    <row r="205546" spans="8:8">
      <c r="H205546" s="12"/>
    </row>
    <row r="205547" spans="8:8">
      <c r="H205547" s="12"/>
    </row>
    <row r="205548" spans="8:8">
      <c r="H205548" s="12"/>
    </row>
    <row r="205549" spans="8:8">
      <c r="H205549" s="12"/>
    </row>
    <row r="205550" spans="8:8">
      <c r="H205550" s="12"/>
    </row>
    <row r="205551" spans="8:8">
      <c r="H205551" s="12"/>
    </row>
    <row r="205552" spans="8:8">
      <c r="H205552" s="12"/>
    </row>
    <row r="205553" spans="8:8">
      <c r="H205553" s="12"/>
    </row>
    <row r="205554" spans="8:8">
      <c r="H205554" s="12"/>
    </row>
    <row r="205555" spans="8:8">
      <c r="H205555" s="12"/>
    </row>
    <row r="205556" spans="8:8">
      <c r="H205556" s="12"/>
    </row>
    <row r="205557" spans="8:8">
      <c r="H205557" s="12"/>
    </row>
    <row r="205558" spans="8:8">
      <c r="H205558" s="12"/>
    </row>
    <row r="205559" spans="8:8">
      <c r="H205559" s="12"/>
    </row>
    <row r="205560" spans="8:8">
      <c r="H205560" s="12"/>
    </row>
    <row r="205561" spans="8:8">
      <c r="H205561" s="12"/>
    </row>
    <row r="205562" spans="8:8">
      <c r="H205562" s="12"/>
    </row>
    <row r="205563" spans="8:8">
      <c r="H205563" s="12"/>
    </row>
    <row r="205564" spans="8:8">
      <c r="H205564" s="12"/>
    </row>
    <row r="205565" spans="8:8">
      <c r="H205565" s="12"/>
    </row>
    <row r="205566" spans="8:8">
      <c r="H205566" s="12"/>
    </row>
    <row r="205567" spans="8:8">
      <c r="H205567" s="12"/>
    </row>
    <row r="205568" spans="8:8">
      <c r="H205568" s="12"/>
    </row>
    <row r="205569" spans="8:8">
      <c r="H205569" s="12"/>
    </row>
    <row r="205570" spans="8:8">
      <c r="H205570" s="12"/>
    </row>
    <row r="205571" spans="8:8">
      <c r="H205571" s="12"/>
    </row>
    <row r="205572" spans="8:8">
      <c r="H205572" s="12"/>
    </row>
    <row r="205573" spans="8:8">
      <c r="H205573" s="12"/>
    </row>
    <row r="205574" spans="8:8">
      <c r="H205574" s="12"/>
    </row>
    <row r="205575" spans="8:8">
      <c r="H205575" s="12"/>
    </row>
    <row r="205576" spans="8:8">
      <c r="H205576" s="12"/>
    </row>
    <row r="205577" spans="8:8">
      <c r="H205577" s="12"/>
    </row>
    <row r="205578" spans="8:8">
      <c r="H205578" s="12"/>
    </row>
    <row r="205579" spans="8:8">
      <c r="H205579" s="12"/>
    </row>
    <row r="205580" spans="8:8">
      <c r="H205580" s="12"/>
    </row>
    <row r="205581" spans="8:8">
      <c r="H205581" s="12"/>
    </row>
    <row r="205582" spans="8:8">
      <c r="H205582" s="12"/>
    </row>
    <row r="205583" spans="8:8">
      <c r="H205583" s="12"/>
    </row>
    <row r="205584" spans="8:8">
      <c r="H205584" s="12"/>
    </row>
    <row r="205585" spans="8:8">
      <c r="H205585" s="12"/>
    </row>
    <row r="205586" spans="8:8">
      <c r="H205586" s="12"/>
    </row>
    <row r="205587" spans="8:8">
      <c r="H205587" s="12"/>
    </row>
    <row r="205588" spans="8:8">
      <c r="H205588" s="12"/>
    </row>
    <row r="205589" spans="8:8">
      <c r="H205589" s="12"/>
    </row>
    <row r="205590" spans="8:8">
      <c r="H205590" s="12"/>
    </row>
    <row r="205591" spans="8:8">
      <c r="H205591" s="12"/>
    </row>
    <row r="205592" spans="8:8">
      <c r="H205592" s="12"/>
    </row>
    <row r="205593" spans="8:8">
      <c r="H205593" s="12"/>
    </row>
    <row r="205594" spans="8:8">
      <c r="H205594" s="12"/>
    </row>
    <row r="205595" spans="8:8">
      <c r="H205595" s="12"/>
    </row>
    <row r="205596" spans="8:8">
      <c r="H205596" s="12"/>
    </row>
    <row r="205597" spans="8:8">
      <c r="H205597" s="12"/>
    </row>
    <row r="205598" spans="8:8">
      <c r="H205598" s="12"/>
    </row>
    <row r="205599" spans="8:8">
      <c r="H205599" s="12"/>
    </row>
    <row r="205600" spans="8:8">
      <c r="H205600" s="12"/>
    </row>
    <row r="205601" spans="8:8">
      <c r="H205601" s="12"/>
    </row>
    <row r="205602" spans="8:8">
      <c r="H205602" s="12"/>
    </row>
    <row r="205603" spans="8:8">
      <c r="H205603" s="12"/>
    </row>
    <row r="205604" spans="8:8">
      <c r="H205604" s="12"/>
    </row>
    <row r="205605" spans="8:8">
      <c r="H205605" s="12"/>
    </row>
    <row r="205606" spans="8:8">
      <c r="H205606" s="12"/>
    </row>
    <row r="205607" spans="8:8">
      <c r="H205607" s="12"/>
    </row>
    <row r="205608" spans="8:8">
      <c r="H205608" s="12"/>
    </row>
    <row r="205609" spans="8:8">
      <c r="H205609" s="12"/>
    </row>
    <row r="205610" spans="8:8">
      <c r="H205610" s="12"/>
    </row>
    <row r="205611" spans="8:8">
      <c r="H205611" s="12"/>
    </row>
    <row r="205612" spans="8:8">
      <c r="H205612" s="12"/>
    </row>
    <row r="205613" spans="8:8">
      <c r="H205613" s="12"/>
    </row>
    <row r="205614" spans="8:8">
      <c r="H205614" s="12"/>
    </row>
    <row r="205615" spans="8:8">
      <c r="H205615" s="12"/>
    </row>
    <row r="205616" spans="8:8">
      <c r="H205616" s="12"/>
    </row>
    <row r="205617" spans="8:8">
      <c r="H205617" s="12"/>
    </row>
    <row r="205618" spans="8:8">
      <c r="H205618" s="12"/>
    </row>
    <row r="205619" spans="8:8">
      <c r="H205619" s="12"/>
    </row>
    <row r="205620" spans="8:8">
      <c r="H205620" s="12"/>
    </row>
    <row r="205621" spans="8:8">
      <c r="H205621" s="12"/>
    </row>
    <row r="205622" spans="8:8">
      <c r="H205622" s="12"/>
    </row>
    <row r="205623" spans="8:8">
      <c r="H205623" s="12"/>
    </row>
    <row r="205624" spans="8:8">
      <c r="H205624" s="12"/>
    </row>
    <row r="205625" spans="8:8">
      <c r="H205625" s="12"/>
    </row>
    <row r="205626" spans="8:8">
      <c r="H205626" s="12"/>
    </row>
    <row r="205627" spans="8:8">
      <c r="H205627" s="12"/>
    </row>
    <row r="205628" spans="8:8">
      <c r="H205628" s="12"/>
    </row>
    <row r="205629" spans="8:8">
      <c r="H205629" s="12"/>
    </row>
    <row r="205630" spans="8:8">
      <c r="H205630" s="12"/>
    </row>
    <row r="205631" spans="8:8">
      <c r="H205631" s="12"/>
    </row>
    <row r="205632" spans="8:8">
      <c r="H205632" s="12"/>
    </row>
    <row r="205633" spans="8:8">
      <c r="H205633" s="12"/>
    </row>
    <row r="205634" spans="8:8">
      <c r="H205634" s="12"/>
    </row>
    <row r="205635" spans="8:8">
      <c r="H205635" s="12"/>
    </row>
    <row r="205636" spans="8:8">
      <c r="H205636" s="12"/>
    </row>
    <row r="205637" spans="8:8">
      <c r="H205637" s="12"/>
    </row>
    <row r="205638" spans="8:8">
      <c r="H205638" s="12"/>
    </row>
    <row r="205639" spans="8:8">
      <c r="H205639" s="12"/>
    </row>
    <row r="205640" spans="8:8">
      <c r="H205640" s="12"/>
    </row>
    <row r="205641" spans="8:8">
      <c r="H205641" s="12"/>
    </row>
    <row r="205642" spans="8:8">
      <c r="H205642" s="12"/>
    </row>
    <row r="205643" spans="8:8">
      <c r="H205643" s="12"/>
    </row>
    <row r="205644" spans="8:8">
      <c r="H205644" s="12"/>
    </row>
    <row r="205645" spans="8:8">
      <c r="H205645" s="12"/>
    </row>
    <row r="205646" spans="8:8">
      <c r="H205646" s="12"/>
    </row>
    <row r="205647" spans="8:8">
      <c r="H205647" s="12"/>
    </row>
    <row r="205648" spans="8:8">
      <c r="H205648" s="12"/>
    </row>
    <row r="205649" spans="8:8">
      <c r="H205649" s="12"/>
    </row>
    <row r="205650" spans="8:8">
      <c r="H205650" s="12"/>
    </row>
    <row r="205651" spans="8:8">
      <c r="H205651" s="12"/>
    </row>
    <row r="205652" spans="8:8">
      <c r="H205652" s="12"/>
    </row>
    <row r="205653" spans="8:8">
      <c r="H205653" s="12"/>
    </row>
    <row r="205654" spans="8:8">
      <c r="H205654" s="12"/>
    </row>
    <row r="205655" spans="8:8">
      <c r="H205655" s="12"/>
    </row>
    <row r="205656" spans="8:8">
      <c r="H205656" s="12"/>
    </row>
    <row r="205657" spans="8:8">
      <c r="H205657" s="12"/>
    </row>
    <row r="205658" spans="8:8">
      <c r="H205658" s="12"/>
    </row>
    <row r="205659" spans="8:8">
      <c r="H205659" s="12"/>
    </row>
    <row r="205660" spans="8:8">
      <c r="H205660" s="12"/>
    </row>
    <row r="205661" spans="8:8">
      <c r="H205661" s="12"/>
    </row>
    <row r="205662" spans="8:8">
      <c r="H205662" s="12"/>
    </row>
    <row r="205663" spans="8:8">
      <c r="H205663" s="12"/>
    </row>
    <row r="205664" spans="8:8">
      <c r="H205664" s="12"/>
    </row>
    <row r="205665" spans="8:8">
      <c r="H205665" s="12"/>
    </row>
    <row r="205666" spans="8:8">
      <c r="H205666" s="12"/>
    </row>
    <row r="205667" spans="8:8">
      <c r="H205667" s="12"/>
    </row>
    <row r="205668" spans="8:8">
      <c r="H205668" s="12"/>
    </row>
    <row r="205669" spans="8:8">
      <c r="H205669" s="12"/>
    </row>
    <row r="205670" spans="8:8">
      <c r="H205670" s="12"/>
    </row>
    <row r="205671" spans="8:8">
      <c r="H205671" s="12"/>
    </row>
    <row r="205672" spans="8:8">
      <c r="H205672" s="12"/>
    </row>
    <row r="205673" spans="8:8">
      <c r="H205673" s="12"/>
    </row>
    <row r="205674" spans="8:8">
      <c r="H205674" s="12"/>
    </row>
    <row r="205675" spans="8:8">
      <c r="H205675" s="12"/>
    </row>
    <row r="205676" spans="8:8">
      <c r="H205676" s="12"/>
    </row>
    <row r="205677" spans="8:8">
      <c r="H205677" s="12"/>
    </row>
    <row r="205678" spans="8:8">
      <c r="H205678" s="12"/>
    </row>
    <row r="205679" spans="8:8">
      <c r="H205679" s="12"/>
    </row>
    <row r="205680" spans="8:8">
      <c r="H205680" s="12"/>
    </row>
    <row r="205681" spans="8:8">
      <c r="H205681" s="12"/>
    </row>
    <row r="205682" spans="8:8">
      <c r="H205682" s="12"/>
    </row>
    <row r="205683" spans="8:8">
      <c r="H205683" s="12"/>
    </row>
    <row r="205684" spans="8:8">
      <c r="H205684" s="12"/>
    </row>
    <row r="205685" spans="8:8">
      <c r="H205685" s="12"/>
    </row>
    <row r="205686" spans="8:8">
      <c r="H205686" s="12"/>
    </row>
    <row r="205687" spans="8:8">
      <c r="H205687" s="12"/>
    </row>
    <row r="205688" spans="8:8">
      <c r="H205688" s="12"/>
    </row>
    <row r="205689" spans="8:8">
      <c r="H205689" s="12"/>
    </row>
    <row r="205690" spans="8:8">
      <c r="H205690" s="12"/>
    </row>
    <row r="205691" spans="8:8">
      <c r="H205691" s="12"/>
    </row>
    <row r="205692" spans="8:8">
      <c r="H205692" s="12"/>
    </row>
    <row r="205693" spans="8:8">
      <c r="H205693" s="12"/>
    </row>
    <row r="205694" spans="8:8">
      <c r="H205694" s="12"/>
    </row>
    <row r="205695" spans="8:8">
      <c r="H205695" s="12"/>
    </row>
    <row r="205696" spans="8:8">
      <c r="H205696" s="12"/>
    </row>
    <row r="205697" spans="8:8">
      <c r="H205697" s="12"/>
    </row>
    <row r="205698" spans="8:8">
      <c r="H205698" s="12"/>
    </row>
    <row r="205699" spans="8:8">
      <c r="H205699" s="12"/>
    </row>
    <row r="205700" spans="8:8">
      <c r="H205700" s="12"/>
    </row>
    <row r="205701" spans="8:8">
      <c r="H205701" s="12"/>
    </row>
    <row r="205702" spans="8:8">
      <c r="H205702" s="12"/>
    </row>
    <row r="205703" spans="8:8">
      <c r="H205703" s="12"/>
    </row>
    <row r="205704" spans="8:8">
      <c r="H205704" s="12"/>
    </row>
    <row r="205705" spans="8:8">
      <c r="H205705" s="12"/>
    </row>
    <row r="205706" spans="8:8">
      <c r="H205706" s="12"/>
    </row>
    <row r="205707" spans="8:8">
      <c r="H205707" s="12"/>
    </row>
    <row r="205708" spans="8:8">
      <c r="H205708" s="12"/>
    </row>
    <row r="205709" spans="8:8">
      <c r="H205709" s="12"/>
    </row>
    <row r="205710" spans="8:8">
      <c r="H205710" s="12"/>
    </row>
    <row r="205711" spans="8:8">
      <c r="H205711" s="12"/>
    </row>
    <row r="205712" spans="8:8">
      <c r="H205712" s="12"/>
    </row>
    <row r="205713" spans="8:8">
      <c r="H205713" s="12"/>
    </row>
    <row r="205714" spans="8:8">
      <c r="H205714" s="12"/>
    </row>
    <row r="205715" spans="8:8">
      <c r="H205715" s="12"/>
    </row>
    <row r="205716" spans="8:8">
      <c r="H205716" s="12"/>
    </row>
    <row r="205717" spans="8:8">
      <c r="H205717" s="12"/>
    </row>
    <row r="205718" spans="8:8">
      <c r="H205718" s="12"/>
    </row>
    <row r="205719" spans="8:8">
      <c r="H205719" s="12"/>
    </row>
    <row r="205720" spans="8:8">
      <c r="H205720" s="12"/>
    </row>
    <row r="205721" spans="8:8">
      <c r="H205721" s="12"/>
    </row>
    <row r="205722" spans="8:8">
      <c r="H205722" s="12"/>
    </row>
    <row r="205723" spans="8:8">
      <c r="H205723" s="12"/>
    </row>
    <row r="205724" spans="8:8">
      <c r="H205724" s="12"/>
    </row>
    <row r="205725" spans="8:8">
      <c r="H205725" s="12"/>
    </row>
    <row r="205726" spans="8:8">
      <c r="H205726" s="12"/>
    </row>
    <row r="205727" spans="8:8">
      <c r="H205727" s="12"/>
    </row>
    <row r="205728" spans="8:8">
      <c r="H205728" s="12"/>
    </row>
    <row r="205729" spans="8:8">
      <c r="H205729" s="12"/>
    </row>
    <row r="205730" spans="8:8">
      <c r="H205730" s="12"/>
    </row>
    <row r="205731" spans="8:8">
      <c r="H205731" s="12"/>
    </row>
    <row r="205732" spans="8:8">
      <c r="H205732" s="12"/>
    </row>
    <row r="205733" spans="8:8">
      <c r="H205733" s="12"/>
    </row>
    <row r="205734" spans="8:8">
      <c r="H205734" s="12"/>
    </row>
    <row r="205735" spans="8:8">
      <c r="H205735" s="12"/>
    </row>
    <row r="205736" spans="8:8">
      <c r="H205736" s="12"/>
    </row>
    <row r="205737" spans="8:8">
      <c r="H205737" s="12"/>
    </row>
    <row r="205738" spans="8:8">
      <c r="H205738" s="12"/>
    </row>
    <row r="205739" spans="8:8">
      <c r="H205739" s="12"/>
    </row>
    <row r="205740" spans="8:8">
      <c r="H205740" s="12"/>
    </row>
    <row r="205741" spans="8:8">
      <c r="H205741" s="12"/>
    </row>
    <row r="205742" spans="8:8">
      <c r="H205742" s="12"/>
    </row>
    <row r="205743" spans="8:8">
      <c r="H205743" s="12"/>
    </row>
    <row r="205744" spans="8:8">
      <c r="H205744" s="12"/>
    </row>
    <row r="205745" spans="8:8">
      <c r="H205745" s="12"/>
    </row>
    <row r="205746" spans="8:8">
      <c r="H205746" s="12"/>
    </row>
    <row r="205747" spans="8:8">
      <c r="H205747" s="12"/>
    </row>
    <row r="205748" spans="8:8">
      <c r="H205748" s="12"/>
    </row>
    <row r="205749" spans="8:8">
      <c r="H205749" s="12"/>
    </row>
    <row r="205750" spans="8:8">
      <c r="H205750" s="12"/>
    </row>
    <row r="205751" spans="8:8">
      <c r="H205751" s="12"/>
    </row>
    <row r="205752" spans="8:8">
      <c r="H205752" s="12"/>
    </row>
    <row r="205753" spans="8:8">
      <c r="H205753" s="12"/>
    </row>
    <row r="205754" spans="8:8">
      <c r="H205754" s="12"/>
    </row>
    <row r="205755" spans="8:8">
      <c r="H205755" s="12"/>
    </row>
    <row r="205756" spans="8:8">
      <c r="H205756" s="12"/>
    </row>
    <row r="205757" spans="8:8">
      <c r="H205757" s="12"/>
    </row>
    <row r="205758" spans="8:8">
      <c r="H205758" s="12"/>
    </row>
    <row r="205759" spans="8:8">
      <c r="H205759" s="12"/>
    </row>
    <row r="205760" spans="8:8">
      <c r="H205760" s="12"/>
    </row>
    <row r="205761" spans="8:8">
      <c r="H205761" s="12"/>
    </row>
    <row r="205762" spans="8:8">
      <c r="H205762" s="12"/>
    </row>
    <row r="205763" spans="8:8">
      <c r="H205763" s="12"/>
    </row>
    <row r="205764" spans="8:8">
      <c r="H205764" s="12"/>
    </row>
    <row r="205765" spans="8:8">
      <c r="H205765" s="12"/>
    </row>
    <row r="205766" spans="8:8">
      <c r="H205766" s="12"/>
    </row>
    <row r="205767" spans="8:8">
      <c r="H205767" s="12"/>
    </row>
    <row r="205768" spans="8:8">
      <c r="H205768" s="12"/>
    </row>
    <row r="205769" spans="8:8">
      <c r="H205769" s="12"/>
    </row>
    <row r="205770" spans="8:8">
      <c r="H205770" s="12"/>
    </row>
    <row r="205771" spans="8:8">
      <c r="H205771" s="12"/>
    </row>
    <row r="205772" spans="8:8">
      <c r="H205772" s="12"/>
    </row>
    <row r="205773" spans="8:8">
      <c r="H205773" s="12"/>
    </row>
    <row r="205774" spans="8:8">
      <c r="H205774" s="12"/>
    </row>
    <row r="205775" spans="8:8">
      <c r="H205775" s="12"/>
    </row>
    <row r="205776" spans="8:8">
      <c r="H205776" s="12"/>
    </row>
    <row r="205777" spans="8:8">
      <c r="H205777" s="12"/>
    </row>
    <row r="205778" spans="8:8">
      <c r="H205778" s="12"/>
    </row>
    <row r="205779" spans="8:8">
      <c r="H205779" s="12"/>
    </row>
    <row r="205780" spans="8:8">
      <c r="H205780" s="12"/>
    </row>
    <row r="205781" spans="8:8">
      <c r="H205781" s="12"/>
    </row>
    <row r="205782" spans="8:8">
      <c r="H205782" s="12"/>
    </row>
    <row r="205783" spans="8:8">
      <c r="H205783" s="12"/>
    </row>
    <row r="205784" spans="8:8">
      <c r="H205784" s="12"/>
    </row>
    <row r="205785" spans="8:8">
      <c r="H205785" s="12"/>
    </row>
    <row r="205786" spans="8:8">
      <c r="H205786" s="12"/>
    </row>
    <row r="205787" spans="8:8">
      <c r="H205787" s="12"/>
    </row>
    <row r="205788" spans="8:8">
      <c r="H205788" s="12"/>
    </row>
    <row r="205789" spans="8:8">
      <c r="H205789" s="12"/>
    </row>
    <row r="205790" spans="8:8">
      <c r="H205790" s="12"/>
    </row>
    <row r="205791" spans="8:8">
      <c r="H205791" s="12"/>
    </row>
    <row r="205792" spans="8:8">
      <c r="H205792" s="12"/>
    </row>
    <row r="205793" spans="8:8">
      <c r="H205793" s="12"/>
    </row>
    <row r="205794" spans="8:8">
      <c r="H205794" s="12"/>
    </row>
    <row r="205795" spans="8:8">
      <c r="H205795" s="12"/>
    </row>
    <row r="205796" spans="8:8">
      <c r="H205796" s="12"/>
    </row>
    <row r="205797" spans="8:8">
      <c r="H205797" s="12"/>
    </row>
    <row r="205798" spans="8:8">
      <c r="H205798" s="12"/>
    </row>
    <row r="205799" spans="8:8">
      <c r="H205799" s="12"/>
    </row>
    <row r="205800" spans="8:8">
      <c r="H205800" s="12"/>
    </row>
    <row r="205801" spans="8:8">
      <c r="H205801" s="12"/>
    </row>
    <row r="205802" spans="8:8">
      <c r="H205802" s="12"/>
    </row>
    <row r="205803" spans="8:8">
      <c r="H205803" s="12"/>
    </row>
    <row r="205804" spans="8:8">
      <c r="H205804" s="12"/>
    </row>
    <row r="205805" spans="8:8">
      <c r="H205805" s="12"/>
    </row>
    <row r="205806" spans="8:8">
      <c r="H205806" s="12"/>
    </row>
    <row r="205807" spans="8:8">
      <c r="H205807" s="12"/>
    </row>
    <row r="205808" spans="8:8">
      <c r="H205808" s="12"/>
    </row>
    <row r="205809" spans="8:8">
      <c r="H205809" s="12"/>
    </row>
    <row r="205810" spans="8:8">
      <c r="H205810" s="12"/>
    </row>
    <row r="205811" spans="8:8">
      <c r="H205811" s="12"/>
    </row>
    <row r="205812" spans="8:8">
      <c r="H205812" s="12"/>
    </row>
    <row r="205813" spans="8:8">
      <c r="H205813" s="12"/>
    </row>
    <row r="205814" spans="8:8">
      <c r="H205814" s="12"/>
    </row>
    <row r="205815" spans="8:8">
      <c r="H205815" s="12"/>
    </row>
    <row r="205816" spans="8:8">
      <c r="H205816" s="12"/>
    </row>
    <row r="205817" spans="8:8">
      <c r="H205817" s="12"/>
    </row>
    <row r="205818" spans="8:8">
      <c r="H205818" s="12"/>
    </row>
    <row r="205819" spans="8:8">
      <c r="H205819" s="12"/>
    </row>
    <row r="205820" spans="8:8">
      <c r="H205820" s="12"/>
    </row>
    <row r="205821" spans="8:8">
      <c r="H205821" s="12"/>
    </row>
    <row r="205822" spans="8:8">
      <c r="H205822" s="12"/>
    </row>
    <row r="205823" spans="8:8">
      <c r="H205823" s="12"/>
    </row>
    <row r="205824" spans="8:8">
      <c r="H205824" s="12"/>
    </row>
    <row r="205825" spans="8:8">
      <c r="H205825" s="12"/>
    </row>
    <row r="205826" spans="8:8">
      <c r="H205826" s="12"/>
    </row>
    <row r="205827" spans="8:8">
      <c r="H205827" s="12"/>
    </row>
    <row r="205828" spans="8:8">
      <c r="H205828" s="12"/>
    </row>
    <row r="205829" spans="8:8">
      <c r="H205829" s="12"/>
    </row>
    <row r="205830" spans="8:8">
      <c r="H205830" s="12"/>
    </row>
    <row r="205831" spans="8:8">
      <c r="H205831" s="12"/>
    </row>
    <row r="205832" spans="8:8">
      <c r="H205832" s="12"/>
    </row>
    <row r="205833" spans="8:8">
      <c r="H205833" s="12"/>
    </row>
    <row r="205834" spans="8:8">
      <c r="H205834" s="12"/>
    </row>
    <row r="205835" spans="8:8">
      <c r="H205835" s="12"/>
    </row>
    <row r="205836" spans="8:8">
      <c r="H205836" s="12"/>
    </row>
    <row r="205837" spans="8:8">
      <c r="H205837" s="12"/>
    </row>
    <row r="205838" spans="8:8">
      <c r="H205838" s="12"/>
    </row>
    <row r="205839" spans="8:8">
      <c r="H205839" s="12"/>
    </row>
    <row r="205840" spans="8:8">
      <c r="H205840" s="12"/>
    </row>
    <row r="205841" spans="8:8">
      <c r="H205841" s="12"/>
    </row>
    <row r="205842" spans="8:8">
      <c r="H205842" s="12"/>
    </row>
    <row r="205843" spans="8:8">
      <c r="H205843" s="12"/>
    </row>
    <row r="205844" spans="8:8">
      <c r="H205844" s="12"/>
    </row>
    <row r="205845" spans="8:8">
      <c r="H205845" s="12"/>
    </row>
    <row r="205846" spans="8:8">
      <c r="H205846" s="12"/>
    </row>
    <row r="205847" spans="8:8">
      <c r="H205847" s="12"/>
    </row>
    <row r="205848" spans="8:8">
      <c r="H205848" s="12"/>
    </row>
    <row r="205849" spans="8:8">
      <c r="H205849" s="12"/>
    </row>
    <row r="205850" spans="8:8">
      <c r="H205850" s="12"/>
    </row>
    <row r="205851" spans="8:8">
      <c r="H205851" s="12"/>
    </row>
    <row r="205852" spans="8:8">
      <c r="H205852" s="12"/>
    </row>
    <row r="205853" spans="8:8">
      <c r="H205853" s="12"/>
    </row>
    <row r="205854" spans="8:8">
      <c r="H205854" s="12"/>
    </row>
    <row r="205855" spans="8:8">
      <c r="H205855" s="12"/>
    </row>
    <row r="205856" spans="8:8">
      <c r="H205856" s="12"/>
    </row>
    <row r="205857" spans="8:8">
      <c r="H205857" s="12"/>
    </row>
    <row r="205858" spans="8:8">
      <c r="H205858" s="12"/>
    </row>
    <row r="205859" spans="8:8">
      <c r="H205859" s="12"/>
    </row>
    <row r="205860" spans="8:8">
      <c r="H205860" s="12"/>
    </row>
    <row r="205861" spans="8:8">
      <c r="H205861" s="12"/>
    </row>
    <row r="205862" spans="8:8">
      <c r="H205862" s="12"/>
    </row>
    <row r="205863" spans="8:8">
      <c r="H205863" s="12"/>
    </row>
    <row r="205864" spans="8:8">
      <c r="H205864" s="12"/>
    </row>
    <row r="205865" spans="8:8">
      <c r="H205865" s="12"/>
    </row>
    <row r="205866" spans="8:8">
      <c r="H205866" s="12"/>
    </row>
    <row r="205867" spans="8:8">
      <c r="H205867" s="12"/>
    </row>
    <row r="205868" spans="8:8">
      <c r="H205868" s="12"/>
    </row>
    <row r="205869" spans="8:8">
      <c r="H205869" s="12"/>
    </row>
    <row r="205870" spans="8:8">
      <c r="H205870" s="12"/>
    </row>
    <row r="205871" spans="8:8">
      <c r="H205871" s="12"/>
    </row>
    <row r="205872" spans="8:8">
      <c r="H205872" s="12"/>
    </row>
    <row r="205873" spans="8:8">
      <c r="H205873" s="12"/>
    </row>
    <row r="205874" spans="8:8">
      <c r="H205874" s="12"/>
    </row>
    <row r="205875" spans="8:8">
      <c r="H205875" s="12"/>
    </row>
    <row r="205876" spans="8:8">
      <c r="H205876" s="12"/>
    </row>
    <row r="205877" spans="8:8">
      <c r="H205877" s="12"/>
    </row>
    <row r="205878" spans="8:8">
      <c r="H205878" s="12"/>
    </row>
    <row r="205879" spans="8:8">
      <c r="H205879" s="12"/>
    </row>
    <row r="205880" spans="8:8">
      <c r="H205880" s="12"/>
    </row>
    <row r="205881" spans="8:8">
      <c r="H205881" s="12"/>
    </row>
    <row r="205882" spans="8:8">
      <c r="H205882" s="12"/>
    </row>
    <row r="205883" spans="8:8">
      <c r="H205883" s="12"/>
    </row>
    <row r="205884" spans="8:8">
      <c r="H205884" s="12"/>
    </row>
    <row r="205885" spans="8:8">
      <c r="H205885" s="12"/>
    </row>
    <row r="205886" spans="8:8">
      <c r="H205886" s="12"/>
    </row>
    <row r="205887" spans="8:8">
      <c r="H205887" s="12"/>
    </row>
    <row r="205888" spans="8:8">
      <c r="H205888" s="12"/>
    </row>
    <row r="205889" spans="8:8">
      <c r="H205889" s="12"/>
    </row>
    <row r="205890" spans="8:8">
      <c r="H205890" s="12"/>
    </row>
    <row r="205891" spans="8:8">
      <c r="H205891" s="12"/>
    </row>
    <row r="205892" spans="8:8">
      <c r="H205892" s="12"/>
    </row>
    <row r="205893" spans="8:8">
      <c r="H205893" s="12"/>
    </row>
    <row r="205894" spans="8:8">
      <c r="H205894" s="12"/>
    </row>
    <row r="205895" spans="8:8">
      <c r="H205895" s="12"/>
    </row>
    <row r="205896" spans="8:8">
      <c r="H205896" s="12"/>
    </row>
    <row r="205897" spans="8:8">
      <c r="H205897" s="12"/>
    </row>
    <row r="205898" spans="8:8">
      <c r="H205898" s="12"/>
    </row>
    <row r="205899" spans="8:8">
      <c r="H205899" s="12"/>
    </row>
    <row r="205900" spans="8:8">
      <c r="H205900" s="12"/>
    </row>
    <row r="205901" spans="8:8">
      <c r="H205901" s="12"/>
    </row>
    <row r="205902" spans="8:8">
      <c r="H205902" s="12"/>
    </row>
    <row r="205903" spans="8:8">
      <c r="H205903" s="12"/>
    </row>
    <row r="205904" spans="8:8">
      <c r="H205904" s="12"/>
    </row>
    <row r="205905" spans="8:8">
      <c r="H205905" s="12"/>
    </row>
    <row r="205906" spans="8:8">
      <c r="H205906" s="12"/>
    </row>
    <row r="205907" spans="8:8">
      <c r="H205907" s="12"/>
    </row>
    <row r="205908" spans="8:8">
      <c r="H205908" s="12"/>
    </row>
    <row r="205909" spans="8:8">
      <c r="H205909" s="12"/>
    </row>
    <row r="205910" spans="8:8">
      <c r="H205910" s="12"/>
    </row>
    <row r="205911" spans="8:8">
      <c r="H205911" s="12"/>
    </row>
    <row r="205912" spans="8:8">
      <c r="H205912" s="12"/>
    </row>
    <row r="205913" spans="8:8">
      <c r="H205913" s="12"/>
    </row>
    <row r="205914" spans="8:8">
      <c r="H205914" s="12"/>
    </row>
    <row r="205915" spans="8:8">
      <c r="H205915" s="12"/>
    </row>
    <row r="205916" spans="8:8">
      <c r="H205916" s="12"/>
    </row>
    <row r="205917" spans="8:8">
      <c r="H205917" s="12"/>
    </row>
    <row r="205918" spans="8:8">
      <c r="H205918" s="12"/>
    </row>
    <row r="205919" spans="8:8">
      <c r="H205919" s="12"/>
    </row>
    <row r="205920" spans="8:8">
      <c r="H205920" s="12"/>
    </row>
    <row r="205921" spans="8:8">
      <c r="H205921" s="12"/>
    </row>
    <row r="205922" spans="8:8">
      <c r="H205922" s="12"/>
    </row>
    <row r="205923" spans="8:8">
      <c r="H205923" s="12"/>
    </row>
    <row r="205924" spans="8:8">
      <c r="H205924" s="12"/>
    </row>
    <row r="205925" spans="8:8">
      <c r="H205925" s="12"/>
    </row>
    <row r="205926" spans="8:8">
      <c r="H205926" s="12"/>
    </row>
    <row r="205927" spans="8:8">
      <c r="H205927" s="12"/>
    </row>
    <row r="205928" spans="8:8">
      <c r="H205928" s="12"/>
    </row>
    <row r="205929" spans="8:8">
      <c r="H205929" s="12"/>
    </row>
    <row r="205930" spans="8:8">
      <c r="H205930" s="12"/>
    </row>
    <row r="205931" spans="8:8">
      <c r="H205931" s="12"/>
    </row>
    <row r="205932" spans="8:8">
      <c r="H205932" s="12"/>
    </row>
    <row r="205933" spans="8:8">
      <c r="H205933" s="12"/>
    </row>
    <row r="205934" spans="8:8">
      <c r="H205934" s="12"/>
    </row>
    <row r="205935" spans="8:8">
      <c r="H205935" s="12"/>
    </row>
    <row r="205936" spans="8:8">
      <c r="H205936" s="12"/>
    </row>
    <row r="205937" spans="8:8">
      <c r="H205937" s="12"/>
    </row>
    <row r="205938" spans="8:8">
      <c r="H205938" s="12"/>
    </row>
    <row r="205939" spans="8:8">
      <c r="H205939" s="12"/>
    </row>
    <row r="205940" spans="8:8">
      <c r="H205940" s="12"/>
    </row>
    <row r="205941" spans="8:8">
      <c r="H205941" s="12"/>
    </row>
    <row r="205942" spans="8:8">
      <c r="H205942" s="12"/>
    </row>
    <row r="205943" spans="8:8">
      <c r="H205943" s="12"/>
    </row>
    <row r="205944" spans="8:8">
      <c r="H205944" s="12"/>
    </row>
    <row r="205945" spans="8:8">
      <c r="H205945" s="12"/>
    </row>
    <row r="205946" spans="8:8">
      <c r="H205946" s="12"/>
    </row>
    <row r="205947" spans="8:8">
      <c r="H205947" s="12"/>
    </row>
    <row r="205948" spans="8:8">
      <c r="H205948" s="12"/>
    </row>
    <row r="205949" spans="8:8">
      <c r="H205949" s="12"/>
    </row>
    <row r="205950" spans="8:8">
      <c r="H205950" s="12"/>
    </row>
    <row r="205951" spans="8:8">
      <c r="H205951" s="12"/>
    </row>
    <row r="205952" spans="8:8">
      <c r="H205952" s="12"/>
    </row>
    <row r="205953" spans="8:8">
      <c r="H205953" s="12"/>
    </row>
    <row r="205954" spans="8:8">
      <c r="H205954" s="12"/>
    </row>
    <row r="205955" spans="8:8">
      <c r="H205955" s="12"/>
    </row>
    <row r="205956" spans="8:8">
      <c r="H205956" s="12"/>
    </row>
    <row r="205957" spans="8:8">
      <c r="H205957" s="12"/>
    </row>
    <row r="205958" spans="8:8">
      <c r="H205958" s="12"/>
    </row>
    <row r="205959" spans="8:8">
      <c r="H205959" s="12"/>
    </row>
    <row r="205960" spans="8:8">
      <c r="H205960" s="12"/>
    </row>
    <row r="205961" spans="8:8">
      <c r="H205961" s="12"/>
    </row>
    <row r="205962" spans="8:8">
      <c r="H205962" s="12"/>
    </row>
    <row r="205963" spans="8:8">
      <c r="H205963" s="12"/>
    </row>
    <row r="205964" spans="8:8">
      <c r="H205964" s="12"/>
    </row>
    <row r="205965" spans="8:8">
      <c r="H205965" s="12"/>
    </row>
    <row r="205966" spans="8:8">
      <c r="H205966" s="12"/>
    </row>
    <row r="205967" spans="8:8">
      <c r="H205967" s="12"/>
    </row>
    <row r="205968" spans="8:8">
      <c r="H205968" s="12"/>
    </row>
    <row r="205969" spans="8:8">
      <c r="H205969" s="12"/>
    </row>
    <row r="205970" spans="8:8">
      <c r="H205970" s="12"/>
    </row>
    <row r="205971" spans="8:8">
      <c r="H205971" s="12"/>
    </row>
    <row r="205972" spans="8:8">
      <c r="H205972" s="12"/>
    </row>
    <row r="205973" spans="8:8">
      <c r="H205973" s="12"/>
    </row>
    <row r="205974" spans="8:8">
      <c r="H205974" s="12"/>
    </row>
    <row r="205975" spans="8:8">
      <c r="H205975" s="12"/>
    </row>
    <row r="205976" spans="8:8">
      <c r="H205976" s="12"/>
    </row>
    <row r="205977" spans="8:8">
      <c r="H205977" s="12"/>
    </row>
    <row r="205978" spans="8:8">
      <c r="H205978" s="12"/>
    </row>
    <row r="205979" spans="8:8">
      <c r="H205979" s="12"/>
    </row>
    <row r="205980" spans="8:8">
      <c r="H205980" s="12"/>
    </row>
    <row r="205981" spans="8:8">
      <c r="H205981" s="12"/>
    </row>
    <row r="205982" spans="8:8">
      <c r="H205982" s="12"/>
    </row>
    <row r="205983" spans="8:8">
      <c r="H205983" s="12"/>
    </row>
    <row r="205984" spans="8:8">
      <c r="H205984" s="12"/>
    </row>
    <row r="205985" spans="8:8">
      <c r="H205985" s="12"/>
    </row>
    <row r="205986" spans="8:8">
      <c r="H205986" s="12"/>
    </row>
    <row r="205987" spans="8:8">
      <c r="H205987" s="12"/>
    </row>
    <row r="205988" spans="8:8">
      <c r="H205988" s="12"/>
    </row>
    <row r="205989" spans="8:8">
      <c r="H205989" s="12"/>
    </row>
    <row r="205990" spans="8:8">
      <c r="H205990" s="12"/>
    </row>
    <row r="205991" spans="8:8">
      <c r="H205991" s="12"/>
    </row>
    <row r="205992" spans="8:8">
      <c r="H205992" s="12"/>
    </row>
    <row r="205993" spans="8:8">
      <c r="H205993" s="12"/>
    </row>
    <row r="205994" spans="8:8">
      <c r="H205994" s="12"/>
    </row>
    <row r="205995" spans="8:8">
      <c r="H205995" s="12"/>
    </row>
    <row r="205996" spans="8:8">
      <c r="H205996" s="12"/>
    </row>
    <row r="205997" spans="8:8">
      <c r="H205997" s="12"/>
    </row>
    <row r="205998" spans="8:8">
      <c r="H205998" s="12"/>
    </row>
    <row r="205999" spans="8:8">
      <c r="H205999" s="12"/>
    </row>
    <row r="206000" spans="8:8">
      <c r="H206000" s="12"/>
    </row>
    <row r="206001" spans="8:8">
      <c r="H206001" s="12"/>
    </row>
    <row r="206002" spans="8:8">
      <c r="H206002" s="12"/>
    </row>
    <row r="206003" spans="8:8">
      <c r="H206003" s="12"/>
    </row>
    <row r="206004" spans="8:8">
      <c r="H206004" s="12"/>
    </row>
    <row r="206005" spans="8:8">
      <c r="H206005" s="12"/>
    </row>
    <row r="206006" spans="8:8">
      <c r="H206006" s="12"/>
    </row>
    <row r="206007" spans="8:8">
      <c r="H206007" s="12"/>
    </row>
    <row r="206008" spans="8:8">
      <c r="H206008" s="12"/>
    </row>
    <row r="206009" spans="8:8">
      <c r="H206009" s="12"/>
    </row>
    <row r="206010" spans="8:8">
      <c r="H206010" s="12"/>
    </row>
    <row r="206011" spans="8:8">
      <c r="H206011" s="12"/>
    </row>
    <row r="206012" spans="8:8">
      <c r="H206012" s="12"/>
    </row>
    <row r="206013" spans="8:8">
      <c r="H206013" s="12"/>
    </row>
    <row r="206014" spans="8:8">
      <c r="H206014" s="12"/>
    </row>
    <row r="206015" spans="8:8">
      <c r="H206015" s="12"/>
    </row>
    <row r="206016" spans="8:8">
      <c r="H206016" s="12"/>
    </row>
    <row r="206017" spans="8:8">
      <c r="H206017" s="12"/>
    </row>
    <row r="206018" spans="8:8">
      <c r="H206018" s="12"/>
    </row>
    <row r="206019" spans="8:8">
      <c r="H206019" s="12"/>
    </row>
    <row r="206020" spans="8:8">
      <c r="H206020" s="12"/>
    </row>
    <row r="206021" spans="8:8">
      <c r="H206021" s="12"/>
    </row>
    <row r="206022" spans="8:8">
      <c r="H206022" s="12"/>
    </row>
    <row r="206023" spans="8:8">
      <c r="H206023" s="12"/>
    </row>
    <row r="206024" spans="8:8">
      <c r="H206024" s="12"/>
    </row>
    <row r="206025" spans="8:8">
      <c r="H206025" s="12"/>
    </row>
    <row r="206026" spans="8:8">
      <c r="H206026" s="12"/>
    </row>
    <row r="206027" spans="8:8">
      <c r="H206027" s="12"/>
    </row>
    <row r="206028" spans="8:8">
      <c r="H206028" s="12"/>
    </row>
    <row r="206029" spans="8:8">
      <c r="H206029" s="12"/>
    </row>
    <row r="206030" spans="8:8">
      <c r="H206030" s="12"/>
    </row>
    <row r="206031" spans="8:8">
      <c r="H206031" s="12"/>
    </row>
    <row r="206032" spans="8:8">
      <c r="H206032" s="12"/>
    </row>
    <row r="206033" spans="8:8">
      <c r="H206033" s="12"/>
    </row>
    <row r="206034" spans="8:8">
      <c r="H206034" s="12"/>
    </row>
    <row r="206035" spans="8:8">
      <c r="H206035" s="12"/>
    </row>
    <row r="206036" spans="8:8">
      <c r="H206036" s="12"/>
    </row>
    <row r="206037" spans="8:8">
      <c r="H206037" s="12"/>
    </row>
    <row r="206038" spans="8:8">
      <c r="H206038" s="12"/>
    </row>
    <row r="206039" spans="8:8">
      <c r="H206039" s="12"/>
    </row>
    <row r="206040" spans="8:8">
      <c r="H206040" s="12"/>
    </row>
    <row r="206041" spans="8:8">
      <c r="H206041" s="12"/>
    </row>
    <row r="206042" spans="8:8">
      <c r="H206042" s="12"/>
    </row>
    <row r="206043" spans="8:8">
      <c r="H206043" s="12"/>
    </row>
    <row r="206044" spans="8:8">
      <c r="H206044" s="12"/>
    </row>
    <row r="206045" spans="8:8">
      <c r="H206045" s="12"/>
    </row>
    <row r="206046" spans="8:8">
      <c r="H206046" s="12"/>
    </row>
    <row r="206047" spans="8:8">
      <c r="H206047" s="12"/>
    </row>
    <row r="206048" spans="8:8">
      <c r="H206048" s="12"/>
    </row>
    <row r="206049" spans="8:8">
      <c r="H206049" s="12"/>
    </row>
    <row r="206050" spans="8:8">
      <c r="H206050" s="12"/>
    </row>
    <row r="206051" spans="8:8">
      <c r="H206051" s="12"/>
    </row>
    <row r="206052" spans="8:8">
      <c r="H206052" s="12"/>
    </row>
    <row r="206053" spans="8:8">
      <c r="H206053" s="12"/>
    </row>
    <row r="206054" spans="8:8">
      <c r="H206054" s="12"/>
    </row>
    <row r="206055" spans="8:8">
      <c r="H206055" s="12"/>
    </row>
    <row r="206056" spans="8:8">
      <c r="H206056" s="12"/>
    </row>
    <row r="206057" spans="8:8">
      <c r="H206057" s="12"/>
    </row>
    <row r="206058" spans="8:8">
      <c r="H206058" s="12"/>
    </row>
    <row r="206059" spans="8:8">
      <c r="H206059" s="12"/>
    </row>
    <row r="206060" spans="8:8">
      <c r="H206060" s="12"/>
    </row>
    <row r="206061" spans="8:8">
      <c r="H206061" s="12"/>
    </row>
    <row r="206062" spans="8:8">
      <c r="H206062" s="12"/>
    </row>
    <row r="206063" spans="8:8">
      <c r="H206063" s="12"/>
    </row>
    <row r="206064" spans="8:8">
      <c r="H206064" s="12"/>
    </row>
    <row r="206065" spans="8:8">
      <c r="H206065" s="12"/>
    </row>
    <row r="206066" spans="8:8">
      <c r="H206066" s="12"/>
    </row>
    <row r="206067" spans="8:8">
      <c r="H206067" s="12"/>
    </row>
    <row r="206068" spans="8:8">
      <c r="H206068" s="12"/>
    </row>
    <row r="206069" spans="8:8">
      <c r="H206069" s="12"/>
    </row>
    <row r="206070" spans="8:8">
      <c r="H206070" s="12"/>
    </row>
    <row r="206071" spans="8:8">
      <c r="H206071" s="12"/>
    </row>
    <row r="206072" spans="8:8">
      <c r="H206072" s="12"/>
    </row>
    <row r="206073" spans="8:8">
      <c r="H206073" s="12"/>
    </row>
    <row r="206074" spans="8:8">
      <c r="H206074" s="12"/>
    </row>
    <row r="206075" spans="8:8">
      <c r="H206075" s="12"/>
    </row>
    <row r="206076" spans="8:8">
      <c r="H206076" s="12"/>
    </row>
    <row r="206077" spans="8:8">
      <c r="H206077" s="12"/>
    </row>
    <row r="206078" spans="8:8">
      <c r="H206078" s="12"/>
    </row>
    <row r="206079" spans="8:8">
      <c r="H206079" s="12"/>
    </row>
    <row r="206080" spans="8:8">
      <c r="H206080" s="12"/>
    </row>
    <row r="206081" spans="8:8">
      <c r="H206081" s="12"/>
    </row>
    <row r="206082" spans="8:8">
      <c r="H206082" s="12"/>
    </row>
    <row r="206083" spans="8:8">
      <c r="H206083" s="12"/>
    </row>
    <row r="206084" spans="8:8">
      <c r="H206084" s="12"/>
    </row>
    <row r="206085" spans="8:8">
      <c r="H206085" s="12"/>
    </row>
    <row r="206086" spans="8:8">
      <c r="H206086" s="12"/>
    </row>
    <row r="206087" spans="8:8">
      <c r="H206087" s="12"/>
    </row>
    <row r="206088" spans="8:8">
      <c r="H206088" s="12"/>
    </row>
    <row r="206089" spans="8:8">
      <c r="H206089" s="12"/>
    </row>
    <row r="206090" spans="8:8">
      <c r="H206090" s="12"/>
    </row>
    <row r="206091" spans="8:8">
      <c r="H206091" s="12"/>
    </row>
    <row r="206092" spans="8:8">
      <c r="H206092" s="12"/>
    </row>
    <row r="206093" spans="8:8">
      <c r="H206093" s="12"/>
    </row>
    <row r="206094" spans="8:8">
      <c r="H206094" s="12"/>
    </row>
    <row r="206095" spans="8:8">
      <c r="H206095" s="12"/>
    </row>
    <row r="206096" spans="8:8">
      <c r="H206096" s="12"/>
    </row>
    <row r="206097" spans="8:8">
      <c r="H206097" s="12"/>
    </row>
    <row r="206098" spans="8:8">
      <c r="H206098" s="12"/>
    </row>
    <row r="206099" spans="8:8">
      <c r="H206099" s="12"/>
    </row>
    <row r="206100" spans="8:8">
      <c r="H206100" s="12"/>
    </row>
    <row r="206101" spans="8:8">
      <c r="H206101" s="12"/>
    </row>
    <row r="206102" spans="8:8">
      <c r="H206102" s="12"/>
    </row>
    <row r="206103" spans="8:8">
      <c r="H206103" s="12"/>
    </row>
    <row r="206104" spans="8:8">
      <c r="H206104" s="12"/>
    </row>
    <row r="206105" spans="8:8">
      <c r="H206105" s="12"/>
    </row>
    <row r="206106" spans="8:8">
      <c r="H206106" s="12"/>
    </row>
    <row r="206107" spans="8:8">
      <c r="H206107" s="12"/>
    </row>
    <row r="206108" spans="8:8">
      <c r="H206108" s="12"/>
    </row>
    <row r="206109" spans="8:8">
      <c r="H206109" s="12"/>
    </row>
    <row r="206110" spans="8:8">
      <c r="H206110" s="12"/>
    </row>
    <row r="206111" spans="8:8">
      <c r="H206111" s="12"/>
    </row>
    <row r="206112" spans="8:8">
      <c r="H206112" s="12"/>
    </row>
    <row r="206113" spans="8:8">
      <c r="H206113" s="12"/>
    </row>
    <row r="206114" spans="8:8">
      <c r="H206114" s="12"/>
    </row>
    <row r="206115" spans="8:8">
      <c r="H206115" s="12"/>
    </row>
    <row r="206116" spans="8:8">
      <c r="H206116" s="12"/>
    </row>
    <row r="206117" spans="8:8">
      <c r="H206117" s="12"/>
    </row>
    <row r="206118" spans="8:8">
      <c r="H206118" s="12"/>
    </row>
    <row r="206119" spans="8:8">
      <c r="H206119" s="12"/>
    </row>
    <row r="206120" spans="8:8">
      <c r="H206120" s="12"/>
    </row>
    <row r="206121" spans="8:8">
      <c r="H206121" s="12"/>
    </row>
    <row r="206122" spans="8:8">
      <c r="H206122" s="12"/>
    </row>
    <row r="206123" spans="8:8">
      <c r="H206123" s="12"/>
    </row>
    <row r="206124" spans="8:8">
      <c r="H206124" s="12"/>
    </row>
    <row r="206125" spans="8:8">
      <c r="H206125" s="12"/>
    </row>
    <row r="206126" spans="8:8">
      <c r="H206126" s="12"/>
    </row>
    <row r="206127" spans="8:8">
      <c r="H206127" s="12"/>
    </row>
    <row r="206128" spans="8:8">
      <c r="H206128" s="12"/>
    </row>
    <row r="206129" spans="8:8">
      <c r="H206129" s="12"/>
    </row>
    <row r="206130" spans="8:8">
      <c r="H206130" s="12"/>
    </row>
    <row r="206131" spans="8:8">
      <c r="H206131" s="12"/>
    </row>
    <row r="206132" spans="8:8">
      <c r="H206132" s="12"/>
    </row>
    <row r="206133" spans="8:8">
      <c r="H206133" s="12"/>
    </row>
    <row r="206134" spans="8:8">
      <c r="H206134" s="12"/>
    </row>
    <row r="206135" spans="8:8">
      <c r="H206135" s="12"/>
    </row>
    <row r="206136" spans="8:8">
      <c r="H206136" s="12"/>
    </row>
    <row r="206137" spans="8:8">
      <c r="H206137" s="12"/>
    </row>
    <row r="206138" spans="8:8">
      <c r="H206138" s="12"/>
    </row>
    <row r="206139" spans="8:8">
      <c r="H206139" s="12"/>
    </row>
    <row r="206140" spans="8:8">
      <c r="H206140" s="12"/>
    </row>
    <row r="206141" spans="8:8">
      <c r="H206141" s="12"/>
    </row>
    <row r="206142" spans="8:8">
      <c r="H206142" s="12"/>
    </row>
    <row r="206143" spans="8:8">
      <c r="H206143" s="12"/>
    </row>
    <row r="206144" spans="8:8">
      <c r="H206144" s="12"/>
    </row>
    <row r="206145" spans="8:8">
      <c r="H206145" s="12"/>
    </row>
    <row r="206146" spans="8:8">
      <c r="H206146" s="12"/>
    </row>
    <row r="206147" spans="8:8">
      <c r="H206147" s="12"/>
    </row>
    <row r="206148" spans="8:8">
      <c r="H206148" s="12"/>
    </row>
    <row r="206149" spans="8:8">
      <c r="H206149" s="12"/>
    </row>
    <row r="206150" spans="8:8">
      <c r="H206150" s="12"/>
    </row>
    <row r="206151" spans="8:8">
      <c r="H206151" s="12"/>
    </row>
    <row r="206152" spans="8:8">
      <c r="H206152" s="12"/>
    </row>
    <row r="206153" spans="8:8">
      <c r="H206153" s="12"/>
    </row>
    <row r="206154" spans="8:8">
      <c r="H206154" s="12"/>
    </row>
    <row r="206155" spans="8:8">
      <c r="H206155" s="12"/>
    </row>
    <row r="206156" spans="8:8">
      <c r="H206156" s="12"/>
    </row>
    <row r="206157" spans="8:8">
      <c r="H206157" s="12"/>
    </row>
    <row r="206158" spans="8:8">
      <c r="H206158" s="12"/>
    </row>
    <row r="206159" spans="8:8">
      <c r="H206159" s="12"/>
    </row>
    <row r="206160" spans="8:8">
      <c r="H206160" s="12"/>
    </row>
    <row r="206161" spans="8:8">
      <c r="H206161" s="12"/>
    </row>
    <row r="206162" spans="8:8">
      <c r="H206162" s="12"/>
    </row>
    <row r="206163" spans="8:8">
      <c r="H206163" s="12"/>
    </row>
    <row r="206164" spans="8:8">
      <c r="H206164" s="12"/>
    </row>
    <row r="206165" spans="8:8">
      <c r="H206165" s="12"/>
    </row>
    <row r="206166" spans="8:8">
      <c r="H206166" s="12"/>
    </row>
    <row r="206167" spans="8:8">
      <c r="H206167" s="12"/>
    </row>
    <row r="206168" spans="8:8">
      <c r="H206168" s="12"/>
    </row>
    <row r="206169" spans="8:8">
      <c r="H206169" s="12"/>
    </row>
    <row r="206170" spans="8:8">
      <c r="H206170" s="12"/>
    </row>
    <row r="206171" spans="8:8">
      <c r="H206171" s="12"/>
    </row>
    <row r="206172" spans="8:8">
      <c r="H206172" s="12"/>
    </row>
    <row r="206173" spans="8:8">
      <c r="H206173" s="12"/>
    </row>
    <row r="206174" spans="8:8">
      <c r="H206174" s="12"/>
    </row>
    <row r="206175" spans="8:8">
      <c r="H206175" s="12"/>
    </row>
    <row r="206176" spans="8:8">
      <c r="H206176" s="12"/>
    </row>
    <row r="206177" spans="8:8">
      <c r="H206177" s="12"/>
    </row>
    <row r="206178" spans="8:8">
      <c r="H206178" s="12"/>
    </row>
    <row r="206179" spans="8:8">
      <c r="H206179" s="12"/>
    </row>
    <row r="206180" spans="8:8">
      <c r="H206180" s="12"/>
    </row>
    <row r="206181" spans="8:8">
      <c r="H206181" s="12"/>
    </row>
    <row r="206182" spans="8:8">
      <c r="H206182" s="12"/>
    </row>
    <row r="206183" spans="8:8">
      <c r="H206183" s="12"/>
    </row>
    <row r="206184" spans="8:8">
      <c r="H206184" s="12"/>
    </row>
    <row r="206185" spans="8:8">
      <c r="H206185" s="12"/>
    </row>
    <row r="206186" spans="8:8">
      <c r="H206186" s="12"/>
    </row>
    <row r="206187" spans="8:8">
      <c r="H206187" s="12"/>
    </row>
    <row r="206188" spans="8:8">
      <c r="H206188" s="12"/>
    </row>
    <row r="206189" spans="8:8">
      <c r="H206189" s="12"/>
    </row>
    <row r="206190" spans="8:8">
      <c r="H206190" s="12"/>
    </row>
    <row r="206191" spans="8:8">
      <c r="H206191" s="12"/>
    </row>
    <row r="206192" spans="8:8">
      <c r="H206192" s="12"/>
    </row>
    <row r="206193" spans="8:8">
      <c r="H206193" s="12"/>
    </row>
    <row r="206194" spans="8:8">
      <c r="H206194" s="12"/>
    </row>
    <row r="206195" spans="8:8">
      <c r="H206195" s="12"/>
    </row>
    <row r="206196" spans="8:8">
      <c r="H206196" s="12"/>
    </row>
    <row r="206197" spans="8:8">
      <c r="H206197" s="12"/>
    </row>
    <row r="206198" spans="8:8">
      <c r="H206198" s="12"/>
    </row>
    <row r="206199" spans="8:8">
      <c r="H206199" s="12"/>
    </row>
    <row r="206200" spans="8:8">
      <c r="H206200" s="12"/>
    </row>
    <row r="206201" spans="8:8">
      <c r="H206201" s="12"/>
    </row>
    <row r="206202" spans="8:8">
      <c r="H206202" s="12"/>
    </row>
    <row r="206203" spans="8:8">
      <c r="H206203" s="12"/>
    </row>
    <row r="206204" spans="8:8">
      <c r="H206204" s="12"/>
    </row>
    <row r="206205" spans="8:8">
      <c r="H206205" s="12"/>
    </row>
    <row r="206206" spans="8:8">
      <c r="H206206" s="12"/>
    </row>
    <row r="206207" spans="8:8">
      <c r="H206207" s="12"/>
    </row>
    <row r="206208" spans="8:8">
      <c r="H206208" s="12"/>
    </row>
    <row r="206209" spans="8:8">
      <c r="H206209" s="12"/>
    </row>
    <row r="206210" spans="8:8">
      <c r="H206210" s="12"/>
    </row>
    <row r="206211" spans="8:8">
      <c r="H206211" s="12"/>
    </row>
    <row r="206212" spans="8:8">
      <c r="H206212" s="12"/>
    </row>
    <row r="206213" spans="8:8">
      <c r="H206213" s="12"/>
    </row>
    <row r="206214" spans="8:8">
      <c r="H206214" s="12"/>
    </row>
    <row r="206215" spans="8:8">
      <c r="H206215" s="12"/>
    </row>
    <row r="206216" spans="8:8">
      <c r="H206216" s="12"/>
    </row>
    <row r="206217" spans="8:8">
      <c r="H206217" s="12"/>
    </row>
    <row r="206218" spans="8:8">
      <c r="H206218" s="12"/>
    </row>
    <row r="206219" spans="8:8">
      <c r="H206219" s="12"/>
    </row>
    <row r="206220" spans="8:8">
      <c r="H206220" s="12"/>
    </row>
    <row r="206221" spans="8:8">
      <c r="H206221" s="12"/>
    </row>
    <row r="206222" spans="8:8">
      <c r="H206222" s="12"/>
    </row>
    <row r="206223" spans="8:8">
      <c r="H206223" s="12"/>
    </row>
    <row r="206224" spans="8:8">
      <c r="H206224" s="12"/>
    </row>
    <row r="206225" spans="8:8">
      <c r="H206225" s="12"/>
    </row>
    <row r="206226" spans="8:8">
      <c r="H206226" s="12"/>
    </row>
    <row r="206227" spans="8:8">
      <c r="H206227" s="12"/>
    </row>
    <row r="206228" spans="8:8">
      <c r="H206228" s="12"/>
    </row>
    <row r="206229" spans="8:8">
      <c r="H206229" s="12"/>
    </row>
    <row r="206230" spans="8:8">
      <c r="H206230" s="12"/>
    </row>
    <row r="206231" spans="8:8">
      <c r="H206231" s="12"/>
    </row>
    <row r="206232" spans="8:8">
      <c r="H206232" s="12"/>
    </row>
    <row r="206233" spans="8:8">
      <c r="H206233" s="12"/>
    </row>
    <row r="206234" spans="8:8">
      <c r="H206234" s="12"/>
    </row>
    <row r="206235" spans="8:8">
      <c r="H206235" s="12"/>
    </row>
    <row r="206236" spans="8:8">
      <c r="H206236" s="12"/>
    </row>
    <row r="206237" spans="8:8">
      <c r="H206237" s="12"/>
    </row>
    <row r="206238" spans="8:8">
      <c r="H206238" s="12"/>
    </row>
    <row r="206239" spans="8:8">
      <c r="H206239" s="12"/>
    </row>
    <row r="206240" spans="8:8">
      <c r="H206240" s="12"/>
    </row>
    <row r="206241" spans="8:8">
      <c r="H206241" s="12"/>
    </row>
    <row r="206242" spans="8:8">
      <c r="H206242" s="12"/>
    </row>
    <row r="206243" spans="8:8">
      <c r="H206243" s="12"/>
    </row>
    <row r="206244" spans="8:8">
      <c r="H206244" s="12"/>
    </row>
    <row r="206245" spans="8:8">
      <c r="H206245" s="12"/>
    </row>
    <row r="206246" spans="8:8">
      <c r="H206246" s="12"/>
    </row>
    <row r="206247" spans="8:8">
      <c r="H206247" s="12"/>
    </row>
    <row r="206248" spans="8:8">
      <c r="H206248" s="12"/>
    </row>
    <row r="206249" spans="8:8">
      <c r="H206249" s="12"/>
    </row>
    <row r="206250" spans="8:8">
      <c r="H206250" s="12"/>
    </row>
    <row r="206251" spans="8:8">
      <c r="H206251" s="12"/>
    </row>
    <row r="206252" spans="8:8">
      <c r="H206252" s="12"/>
    </row>
    <row r="206253" spans="8:8">
      <c r="H206253" s="12"/>
    </row>
    <row r="206254" spans="8:8">
      <c r="H206254" s="12"/>
    </row>
    <row r="206255" spans="8:8">
      <c r="H206255" s="12"/>
    </row>
    <row r="206256" spans="8:8">
      <c r="H206256" s="12"/>
    </row>
    <row r="206257" spans="8:8">
      <c r="H206257" s="12"/>
    </row>
    <row r="206258" spans="8:8">
      <c r="H206258" s="12"/>
    </row>
    <row r="206259" spans="8:8">
      <c r="H206259" s="12"/>
    </row>
    <row r="206260" spans="8:8">
      <c r="H206260" s="12"/>
    </row>
    <row r="206261" spans="8:8">
      <c r="H206261" s="12"/>
    </row>
    <row r="206262" spans="8:8">
      <c r="H206262" s="12"/>
    </row>
    <row r="206263" spans="8:8">
      <c r="H206263" s="12"/>
    </row>
    <row r="206264" spans="8:8">
      <c r="H206264" s="12"/>
    </row>
    <row r="206265" spans="8:8">
      <c r="H206265" s="12"/>
    </row>
    <row r="206266" spans="8:8">
      <c r="H206266" s="12"/>
    </row>
    <row r="206267" spans="8:8">
      <c r="H206267" s="12"/>
    </row>
    <row r="206268" spans="8:8">
      <c r="H206268" s="12"/>
    </row>
    <row r="206269" spans="8:8">
      <c r="H206269" s="12"/>
    </row>
    <row r="206270" spans="8:8">
      <c r="H206270" s="12"/>
    </row>
    <row r="206271" spans="8:8">
      <c r="H206271" s="12"/>
    </row>
    <row r="206272" spans="8:8">
      <c r="H206272" s="12"/>
    </row>
    <row r="206273" spans="8:8">
      <c r="H206273" s="12"/>
    </row>
    <row r="206274" spans="8:8">
      <c r="H206274" s="12"/>
    </row>
    <row r="206275" spans="8:8">
      <c r="H206275" s="12"/>
    </row>
    <row r="206276" spans="8:8">
      <c r="H206276" s="12"/>
    </row>
    <row r="206277" spans="8:8">
      <c r="H206277" s="12"/>
    </row>
    <row r="206278" spans="8:8">
      <c r="H206278" s="12"/>
    </row>
    <row r="206279" spans="8:8">
      <c r="H206279" s="12"/>
    </row>
    <row r="206280" spans="8:8">
      <c r="H206280" s="12"/>
    </row>
    <row r="206281" spans="8:8">
      <c r="H206281" s="12"/>
    </row>
    <row r="206282" spans="8:8">
      <c r="H206282" s="12"/>
    </row>
    <row r="206283" spans="8:8">
      <c r="H206283" s="12"/>
    </row>
    <row r="206284" spans="8:8">
      <c r="H206284" s="12"/>
    </row>
    <row r="206285" spans="8:8">
      <c r="H206285" s="12"/>
    </row>
    <row r="206286" spans="8:8">
      <c r="H206286" s="12"/>
    </row>
    <row r="206287" spans="8:8">
      <c r="H206287" s="12"/>
    </row>
    <row r="206288" spans="8:8">
      <c r="H206288" s="12"/>
    </row>
    <row r="206289" spans="8:8">
      <c r="H206289" s="12"/>
    </row>
    <row r="206290" spans="8:8">
      <c r="H206290" s="12"/>
    </row>
    <row r="206291" spans="8:8">
      <c r="H206291" s="12"/>
    </row>
    <row r="206292" spans="8:8">
      <c r="H206292" s="12"/>
    </row>
    <row r="206293" spans="8:8">
      <c r="H206293" s="12"/>
    </row>
    <row r="206294" spans="8:8">
      <c r="H206294" s="12"/>
    </row>
    <row r="206295" spans="8:8">
      <c r="H206295" s="12"/>
    </row>
    <row r="206296" spans="8:8">
      <c r="H206296" s="12"/>
    </row>
    <row r="206297" spans="8:8">
      <c r="H206297" s="12"/>
    </row>
    <row r="206298" spans="8:8">
      <c r="H206298" s="12"/>
    </row>
    <row r="206299" spans="8:8">
      <c r="H206299" s="12"/>
    </row>
    <row r="206300" spans="8:8">
      <c r="H206300" s="12"/>
    </row>
    <row r="206301" spans="8:8">
      <c r="H206301" s="12"/>
    </row>
    <row r="206302" spans="8:8">
      <c r="H206302" s="12"/>
    </row>
    <row r="206303" spans="8:8">
      <c r="H206303" s="12"/>
    </row>
    <row r="206304" spans="8:8">
      <c r="H206304" s="12"/>
    </row>
    <row r="206305" spans="8:8">
      <c r="H206305" s="12"/>
    </row>
    <row r="206306" spans="8:8">
      <c r="H206306" s="12"/>
    </row>
    <row r="206307" spans="8:8">
      <c r="H206307" s="12"/>
    </row>
    <row r="206308" spans="8:8">
      <c r="H206308" s="12"/>
    </row>
    <row r="206309" spans="8:8">
      <c r="H206309" s="12"/>
    </row>
    <row r="206310" spans="8:8">
      <c r="H206310" s="12"/>
    </row>
    <row r="206311" spans="8:8">
      <c r="H206311" s="12"/>
    </row>
    <row r="206312" spans="8:8">
      <c r="H206312" s="12"/>
    </row>
    <row r="206313" spans="8:8">
      <c r="H206313" s="12"/>
    </row>
    <row r="206314" spans="8:8">
      <c r="H206314" s="12"/>
    </row>
    <row r="206315" spans="8:8">
      <c r="H206315" s="12"/>
    </row>
    <row r="206316" spans="8:8">
      <c r="H206316" s="12"/>
    </row>
    <row r="206317" spans="8:8">
      <c r="H206317" s="12"/>
    </row>
    <row r="206318" spans="8:8">
      <c r="H206318" s="12"/>
    </row>
    <row r="206319" spans="8:8">
      <c r="H206319" s="12"/>
    </row>
    <row r="206320" spans="8:8">
      <c r="H206320" s="12"/>
    </row>
    <row r="206321" spans="8:8">
      <c r="H206321" s="12"/>
    </row>
    <row r="206322" spans="8:8">
      <c r="H206322" s="12"/>
    </row>
    <row r="206323" spans="8:8">
      <c r="H206323" s="12"/>
    </row>
    <row r="206324" spans="8:8">
      <c r="H206324" s="12"/>
    </row>
    <row r="206325" spans="8:8">
      <c r="H206325" s="12"/>
    </row>
    <row r="206326" spans="8:8">
      <c r="H206326" s="12"/>
    </row>
    <row r="206327" spans="8:8">
      <c r="H206327" s="12"/>
    </row>
    <row r="206328" spans="8:8">
      <c r="H206328" s="12"/>
    </row>
    <row r="206329" spans="8:8">
      <c r="H206329" s="12"/>
    </row>
    <row r="206330" spans="8:8">
      <c r="H206330" s="12"/>
    </row>
    <row r="206331" spans="8:8">
      <c r="H206331" s="12"/>
    </row>
    <row r="206332" spans="8:8">
      <c r="H206332" s="12"/>
    </row>
    <row r="206333" spans="8:8">
      <c r="H206333" s="12"/>
    </row>
    <row r="206334" spans="8:8">
      <c r="H206334" s="12"/>
    </row>
    <row r="206335" spans="8:8">
      <c r="H206335" s="12"/>
    </row>
    <row r="206336" spans="8:8">
      <c r="H206336" s="12"/>
    </row>
    <row r="206337" spans="8:8">
      <c r="H206337" s="12"/>
    </row>
    <row r="206338" spans="8:8">
      <c r="H206338" s="12"/>
    </row>
    <row r="206339" spans="8:8">
      <c r="H206339" s="12"/>
    </row>
    <row r="206340" spans="8:8">
      <c r="H206340" s="12"/>
    </row>
    <row r="206341" spans="8:8">
      <c r="H206341" s="12"/>
    </row>
    <row r="206342" spans="8:8">
      <c r="H206342" s="12"/>
    </row>
    <row r="206343" spans="8:8">
      <c r="H206343" s="12"/>
    </row>
    <row r="206344" spans="8:8">
      <c r="H206344" s="12"/>
    </row>
    <row r="206345" spans="8:8">
      <c r="H206345" s="12"/>
    </row>
    <row r="206346" spans="8:8">
      <c r="H206346" s="12"/>
    </row>
    <row r="206347" spans="8:8">
      <c r="H206347" s="12"/>
    </row>
    <row r="206348" spans="8:8">
      <c r="H206348" s="12"/>
    </row>
    <row r="206349" spans="8:8">
      <c r="H206349" s="12"/>
    </row>
    <row r="206350" spans="8:8">
      <c r="H206350" s="12"/>
    </row>
    <row r="206351" spans="8:8">
      <c r="H206351" s="12"/>
    </row>
    <row r="206352" spans="8:8">
      <c r="H206352" s="12"/>
    </row>
    <row r="206353" spans="8:8">
      <c r="H206353" s="12"/>
    </row>
    <row r="206354" spans="8:8">
      <c r="H206354" s="12"/>
    </row>
    <row r="206355" spans="8:8">
      <c r="H206355" s="12"/>
    </row>
    <row r="206356" spans="8:8">
      <c r="H206356" s="12"/>
    </row>
    <row r="206357" spans="8:8">
      <c r="H206357" s="12"/>
    </row>
    <row r="206358" spans="8:8">
      <c r="H206358" s="12"/>
    </row>
    <row r="206359" spans="8:8">
      <c r="H206359" s="12"/>
    </row>
    <row r="206360" spans="8:8">
      <c r="H206360" s="12"/>
    </row>
    <row r="206361" spans="8:8">
      <c r="H206361" s="12"/>
    </row>
    <row r="206362" spans="8:8">
      <c r="H206362" s="12"/>
    </row>
    <row r="206363" spans="8:8">
      <c r="H206363" s="12"/>
    </row>
    <row r="206364" spans="8:8">
      <c r="H206364" s="12"/>
    </row>
    <row r="206365" spans="8:8">
      <c r="H206365" s="12"/>
    </row>
    <row r="206366" spans="8:8">
      <c r="H206366" s="12"/>
    </row>
    <row r="206367" spans="8:8">
      <c r="H206367" s="12"/>
    </row>
    <row r="206368" spans="8:8">
      <c r="H206368" s="12"/>
    </row>
    <row r="206369" spans="8:8">
      <c r="H206369" s="12"/>
    </row>
    <row r="206370" spans="8:8">
      <c r="H206370" s="12"/>
    </row>
    <row r="206371" spans="8:8">
      <c r="H206371" s="12"/>
    </row>
    <row r="206372" spans="8:8">
      <c r="H206372" s="12"/>
    </row>
    <row r="206373" spans="8:8">
      <c r="H206373" s="12"/>
    </row>
    <row r="206374" spans="8:8">
      <c r="H206374" s="12"/>
    </row>
    <row r="206375" spans="8:8">
      <c r="H206375" s="12"/>
    </row>
    <row r="206376" spans="8:8">
      <c r="H206376" s="12"/>
    </row>
    <row r="206377" spans="8:8">
      <c r="H206377" s="12"/>
    </row>
    <row r="206378" spans="8:8">
      <c r="H206378" s="12"/>
    </row>
    <row r="206379" spans="8:8">
      <c r="H206379" s="12"/>
    </row>
    <row r="206380" spans="8:8">
      <c r="H206380" s="12"/>
    </row>
    <row r="206381" spans="8:8">
      <c r="H206381" s="12"/>
    </row>
    <row r="206382" spans="8:8">
      <c r="H206382" s="12"/>
    </row>
    <row r="206383" spans="8:8">
      <c r="H206383" s="12"/>
    </row>
    <row r="206384" spans="8:8">
      <c r="H206384" s="12"/>
    </row>
    <row r="206385" spans="8:8">
      <c r="H206385" s="12"/>
    </row>
    <row r="206386" spans="8:8">
      <c r="H206386" s="12"/>
    </row>
    <row r="206387" spans="8:8">
      <c r="H206387" s="12"/>
    </row>
    <row r="206388" spans="8:8">
      <c r="H206388" s="12"/>
    </row>
    <row r="206389" spans="8:8">
      <c r="H206389" s="12"/>
    </row>
    <row r="206390" spans="8:8">
      <c r="H206390" s="12"/>
    </row>
    <row r="206391" spans="8:8">
      <c r="H206391" s="12"/>
    </row>
    <row r="206392" spans="8:8">
      <c r="H206392" s="12"/>
    </row>
    <row r="206393" spans="8:8">
      <c r="H206393" s="12"/>
    </row>
    <row r="206394" spans="8:8">
      <c r="H206394" s="12"/>
    </row>
    <row r="206395" spans="8:8">
      <c r="H206395" s="12"/>
    </row>
    <row r="206396" spans="8:8">
      <c r="H206396" s="12"/>
    </row>
    <row r="206397" spans="8:8">
      <c r="H206397" s="12"/>
    </row>
    <row r="206398" spans="8:8">
      <c r="H206398" s="12"/>
    </row>
    <row r="206399" spans="8:8">
      <c r="H206399" s="12"/>
    </row>
    <row r="206400" spans="8:8">
      <c r="H206400" s="12"/>
    </row>
    <row r="206401" spans="8:8">
      <c r="H206401" s="12"/>
    </row>
    <row r="206402" spans="8:8">
      <c r="H206402" s="12"/>
    </row>
    <row r="206403" spans="8:8">
      <c r="H206403" s="12"/>
    </row>
    <row r="206404" spans="8:8">
      <c r="H206404" s="12"/>
    </row>
    <row r="206405" spans="8:8">
      <c r="H206405" s="12"/>
    </row>
    <row r="206406" spans="8:8">
      <c r="H206406" s="12"/>
    </row>
    <row r="206407" spans="8:8">
      <c r="H206407" s="12"/>
    </row>
    <row r="206408" spans="8:8">
      <c r="H206408" s="12"/>
    </row>
    <row r="206409" spans="8:8">
      <c r="H206409" s="12"/>
    </row>
    <row r="206410" spans="8:8">
      <c r="H206410" s="12"/>
    </row>
    <row r="206411" spans="8:8">
      <c r="H206411" s="12"/>
    </row>
    <row r="206412" spans="8:8">
      <c r="H206412" s="12"/>
    </row>
    <row r="206413" spans="8:8">
      <c r="H206413" s="12"/>
    </row>
    <row r="206414" spans="8:8">
      <c r="H206414" s="12"/>
    </row>
    <row r="206415" spans="8:8">
      <c r="H206415" s="12"/>
    </row>
    <row r="206416" spans="8:8">
      <c r="H206416" s="12"/>
    </row>
    <row r="206417" spans="8:8">
      <c r="H206417" s="12"/>
    </row>
    <row r="206418" spans="8:8">
      <c r="H206418" s="12"/>
    </row>
    <row r="206419" spans="8:8">
      <c r="H206419" s="12"/>
    </row>
    <row r="206420" spans="8:8">
      <c r="H206420" s="12"/>
    </row>
    <row r="206421" spans="8:8">
      <c r="H206421" s="12"/>
    </row>
    <row r="206422" spans="8:8">
      <c r="H206422" s="12"/>
    </row>
    <row r="206423" spans="8:8">
      <c r="H206423" s="12"/>
    </row>
    <row r="206424" spans="8:8">
      <c r="H206424" s="12"/>
    </row>
    <row r="206425" spans="8:8">
      <c r="H206425" s="12"/>
    </row>
    <row r="206426" spans="8:8">
      <c r="H206426" s="12"/>
    </row>
    <row r="206427" spans="8:8">
      <c r="H206427" s="12"/>
    </row>
    <row r="206428" spans="8:8">
      <c r="H206428" s="12"/>
    </row>
    <row r="206429" spans="8:8">
      <c r="H206429" s="12"/>
    </row>
    <row r="206430" spans="8:8">
      <c r="H206430" s="12"/>
    </row>
    <row r="206431" spans="8:8">
      <c r="H206431" s="12"/>
    </row>
    <row r="206432" spans="8:8">
      <c r="H206432" s="12"/>
    </row>
    <row r="206433" spans="8:8">
      <c r="H206433" s="12"/>
    </row>
    <row r="206434" spans="8:8">
      <c r="H206434" s="12"/>
    </row>
    <row r="206435" spans="8:8">
      <c r="H206435" s="12"/>
    </row>
    <row r="206436" spans="8:8">
      <c r="H206436" s="12"/>
    </row>
    <row r="206437" spans="8:8">
      <c r="H206437" s="12"/>
    </row>
    <row r="206438" spans="8:8">
      <c r="H206438" s="12"/>
    </row>
    <row r="206439" spans="8:8">
      <c r="H206439" s="12"/>
    </row>
    <row r="206440" spans="8:8">
      <c r="H206440" s="12"/>
    </row>
    <row r="206441" spans="8:8">
      <c r="H206441" s="12"/>
    </row>
    <row r="206442" spans="8:8">
      <c r="H206442" s="12"/>
    </row>
    <row r="206443" spans="8:8">
      <c r="H206443" s="12"/>
    </row>
    <row r="206444" spans="8:8">
      <c r="H206444" s="12"/>
    </row>
    <row r="206445" spans="8:8">
      <c r="H206445" s="12"/>
    </row>
    <row r="206446" spans="8:8">
      <c r="H206446" s="12"/>
    </row>
    <row r="206447" spans="8:8">
      <c r="H206447" s="12"/>
    </row>
    <row r="206448" spans="8:8">
      <c r="H206448" s="12"/>
    </row>
    <row r="206449" spans="8:8">
      <c r="H206449" s="12"/>
    </row>
    <row r="206450" spans="8:8">
      <c r="H206450" s="12"/>
    </row>
    <row r="206451" spans="8:8">
      <c r="H206451" s="12"/>
    </row>
    <row r="206452" spans="8:8">
      <c r="H206452" s="12"/>
    </row>
    <row r="206453" spans="8:8">
      <c r="H206453" s="12"/>
    </row>
    <row r="206454" spans="8:8">
      <c r="H206454" s="12"/>
    </row>
    <row r="206455" spans="8:8">
      <c r="H206455" s="12"/>
    </row>
    <row r="206456" spans="8:8">
      <c r="H206456" s="12"/>
    </row>
    <row r="206457" spans="8:8">
      <c r="H206457" s="12"/>
    </row>
    <row r="206458" spans="8:8">
      <c r="H206458" s="12"/>
    </row>
    <row r="206459" spans="8:8">
      <c r="H206459" s="12"/>
    </row>
    <row r="206460" spans="8:8">
      <c r="H206460" s="12"/>
    </row>
    <row r="206461" spans="8:8">
      <c r="H206461" s="12"/>
    </row>
    <row r="206462" spans="8:8">
      <c r="H206462" s="12"/>
    </row>
    <row r="206463" spans="8:8">
      <c r="H206463" s="12"/>
    </row>
    <row r="206464" spans="8:8">
      <c r="H206464" s="12"/>
    </row>
    <row r="206465" spans="8:8">
      <c r="H206465" s="12"/>
    </row>
    <row r="206466" spans="8:8">
      <c r="H206466" s="12"/>
    </row>
    <row r="206467" spans="8:8">
      <c r="H206467" s="12"/>
    </row>
    <row r="206468" spans="8:8">
      <c r="H206468" s="12"/>
    </row>
    <row r="206469" spans="8:8">
      <c r="H206469" s="12"/>
    </row>
    <row r="206470" spans="8:8">
      <c r="H206470" s="12"/>
    </row>
    <row r="206471" spans="8:8">
      <c r="H206471" s="12"/>
    </row>
    <row r="206472" spans="8:8">
      <c r="H206472" s="12"/>
    </row>
    <row r="206473" spans="8:8">
      <c r="H206473" s="12"/>
    </row>
    <row r="206474" spans="8:8">
      <c r="H206474" s="12"/>
    </row>
    <row r="206475" spans="8:8">
      <c r="H206475" s="12"/>
    </row>
    <row r="206476" spans="8:8">
      <c r="H206476" s="12"/>
    </row>
    <row r="206477" spans="8:8">
      <c r="H206477" s="12"/>
    </row>
    <row r="206478" spans="8:8">
      <c r="H206478" s="12"/>
    </row>
    <row r="206479" spans="8:8">
      <c r="H206479" s="12"/>
    </row>
    <row r="206480" spans="8:8">
      <c r="H206480" s="12"/>
    </row>
    <row r="206481" spans="8:8">
      <c r="H206481" s="12"/>
    </row>
    <row r="206482" spans="8:8">
      <c r="H206482" s="12"/>
    </row>
    <row r="206483" spans="8:8">
      <c r="H206483" s="12"/>
    </row>
    <row r="206484" spans="8:8">
      <c r="H206484" s="12"/>
    </row>
    <row r="206485" spans="8:8">
      <c r="H206485" s="12"/>
    </row>
    <row r="206486" spans="8:8">
      <c r="H206486" s="12"/>
    </row>
    <row r="206487" spans="8:8">
      <c r="H206487" s="12"/>
    </row>
    <row r="206488" spans="8:8">
      <c r="H206488" s="12"/>
    </row>
    <row r="206489" spans="8:8">
      <c r="H206489" s="12"/>
    </row>
    <row r="206490" spans="8:8">
      <c r="H206490" s="12"/>
    </row>
    <row r="206491" spans="8:8">
      <c r="H206491" s="12"/>
    </row>
    <row r="206492" spans="8:8">
      <c r="H206492" s="12"/>
    </row>
    <row r="206493" spans="8:8">
      <c r="H206493" s="12"/>
    </row>
    <row r="206494" spans="8:8">
      <c r="H206494" s="12"/>
    </row>
    <row r="206495" spans="8:8">
      <c r="H206495" s="12"/>
    </row>
    <row r="206496" spans="8:8">
      <c r="H206496" s="12"/>
    </row>
    <row r="206497" spans="8:8">
      <c r="H206497" s="12"/>
    </row>
    <row r="206498" spans="8:8">
      <c r="H206498" s="12"/>
    </row>
    <row r="206499" spans="8:8">
      <c r="H206499" s="12"/>
    </row>
    <row r="206500" spans="8:8">
      <c r="H206500" s="12"/>
    </row>
    <row r="206501" spans="8:8">
      <c r="H206501" s="12"/>
    </row>
    <row r="206502" spans="8:8">
      <c r="H206502" s="12"/>
    </row>
    <row r="206503" spans="8:8">
      <c r="H206503" s="12"/>
    </row>
    <row r="206504" spans="8:8">
      <c r="H206504" s="12"/>
    </row>
    <row r="206505" spans="8:8">
      <c r="H206505" s="12"/>
    </row>
    <row r="206506" spans="8:8">
      <c r="H206506" s="12"/>
    </row>
    <row r="206507" spans="8:8">
      <c r="H206507" s="12"/>
    </row>
    <row r="206508" spans="8:8">
      <c r="H206508" s="12"/>
    </row>
    <row r="206509" spans="8:8">
      <c r="H206509" s="12"/>
    </row>
    <row r="206510" spans="8:8">
      <c r="H206510" s="12"/>
    </row>
    <row r="206511" spans="8:8">
      <c r="H206511" s="12"/>
    </row>
    <row r="206512" spans="8:8">
      <c r="H206512" s="12"/>
    </row>
    <row r="206513" spans="8:8">
      <c r="H206513" s="12"/>
    </row>
    <row r="206514" spans="8:8">
      <c r="H206514" s="12"/>
    </row>
    <row r="206515" spans="8:8">
      <c r="H206515" s="12"/>
    </row>
    <row r="206516" spans="8:8">
      <c r="H206516" s="12"/>
    </row>
    <row r="206517" spans="8:8">
      <c r="H206517" s="12"/>
    </row>
    <row r="206518" spans="8:8">
      <c r="H206518" s="12"/>
    </row>
    <row r="206519" spans="8:8">
      <c r="H206519" s="12"/>
    </row>
    <row r="206520" spans="8:8">
      <c r="H206520" s="12"/>
    </row>
    <row r="206521" spans="8:8">
      <c r="H206521" s="12"/>
    </row>
    <row r="206522" spans="8:8">
      <c r="H206522" s="12"/>
    </row>
    <row r="206523" spans="8:8">
      <c r="H206523" s="12"/>
    </row>
    <row r="206524" spans="8:8">
      <c r="H206524" s="12"/>
    </row>
    <row r="206525" spans="8:8">
      <c r="H206525" s="12"/>
    </row>
    <row r="206526" spans="8:8">
      <c r="H206526" s="12"/>
    </row>
    <row r="206527" spans="8:8">
      <c r="H206527" s="12"/>
    </row>
    <row r="206528" spans="8:8">
      <c r="H206528" s="12"/>
    </row>
    <row r="206529" spans="8:8">
      <c r="H206529" s="12"/>
    </row>
    <row r="206530" spans="8:8">
      <c r="H206530" s="12"/>
    </row>
    <row r="206531" spans="8:8">
      <c r="H206531" s="12"/>
    </row>
    <row r="206532" spans="8:8">
      <c r="H206532" s="12"/>
    </row>
    <row r="206533" spans="8:8">
      <c r="H206533" s="12"/>
    </row>
    <row r="206534" spans="8:8">
      <c r="H206534" s="12"/>
    </row>
    <row r="206535" spans="8:8">
      <c r="H206535" s="12"/>
    </row>
    <row r="206536" spans="8:8">
      <c r="H206536" s="12"/>
    </row>
    <row r="206537" spans="8:8">
      <c r="H206537" s="12"/>
    </row>
    <row r="206538" spans="8:8">
      <c r="H206538" s="12"/>
    </row>
    <row r="206539" spans="8:8">
      <c r="H206539" s="12"/>
    </row>
    <row r="206540" spans="8:8">
      <c r="H206540" s="12"/>
    </row>
    <row r="206541" spans="8:8">
      <c r="H206541" s="12"/>
    </row>
    <row r="206542" spans="8:8">
      <c r="H206542" s="12"/>
    </row>
    <row r="206543" spans="8:8">
      <c r="H206543" s="12"/>
    </row>
    <row r="206544" spans="8:8">
      <c r="H206544" s="12"/>
    </row>
    <row r="206545" spans="8:8">
      <c r="H206545" s="12"/>
    </row>
    <row r="206546" spans="8:8">
      <c r="H206546" s="12"/>
    </row>
    <row r="206547" spans="8:8">
      <c r="H206547" s="12"/>
    </row>
    <row r="206548" spans="8:8">
      <c r="H206548" s="12"/>
    </row>
    <row r="206549" spans="8:8">
      <c r="H206549" s="12"/>
    </row>
    <row r="206550" spans="8:8">
      <c r="H206550" s="12"/>
    </row>
    <row r="206551" spans="8:8">
      <c r="H206551" s="12"/>
    </row>
    <row r="206552" spans="8:8">
      <c r="H206552" s="12"/>
    </row>
    <row r="206553" spans="8:8">
      <c r="H206553" s="12"/>
    </row>
    <row r="206554" spans="8:8">
      <c r="H206554" s="12"/>
    </row>
    <row r="206555" spans="8:8">
      <c r="H206555" s="12"/>
    </row>
    <row r="206556" spans="8:8">
      <c r="H206556" s="12"/>
    </row>
    <row r="206557" spans="8:8">
      <c r="H206557" s="12"/>
    </row>
    <row r="206558" spans="8:8">
      <c r="H206558" s="12"/>
    </row>
    <row r="206559" spans="8:8">
      <c r="H206559" s="12"/>
    </row>
    <row r="206560" spans="8:8">
      <c r="H206560" s="12"/>
    </row>
    <row r="206561" spans="8:8">
      <c r="H206561" s="12"/>
    </row>
    <row r="206562" spans="8:8">
      <c r="H206562" s="12"/>
    </row>
    <row r="206563" spans="8:8">
      <c r="H206563" s="12"/>
    </row>
    <row r="206564" spans="8:8">
      <c r="H206564" s="12"/>
    </row>
    <row r="206565" spans="8:8">
      <c r="H206565" s="12"/>
    </row>
    <row r="206566" spans="8:8">
      <c r="H206566" s="12"/>
    </row>
    <row r="206567" spans="8:8">
      <c r="H206567" s="12"/>
    </row>
    <row r="206568" spans="8:8">
      <c r="H206568" s="12"/>
    </row>
    <row r="206569" spans="8:8">
      <c r="H206569" s="12"/>
    </row>
    <row r="206570" spans="8:8">
      <c r="H206570" s="12"/>
    </row>
    <row r="206571" spans="8:8">
      <c r="H206571" s="12"/>
    </row>
    <row r="206572" spans="8:8">
      <c r="H206572" s="12"/>
    </row>
    <row r="206573" spans="8:8">
      <c r="H206573" s="12"/>
    </row>
    <row r="206574" spans="8:8">
      <c r="H206574" s="12"/>
    </row>
    <row r="206575" spans="8:8">
      <c r="H206575" s="12"/>
    </row>
    <row r="206576" spans="8:8">
      <c r="H206576" s="12"/>
    </row>
    <row r="206577" spans="8:8">
      <c r="H206577" s="12"/>
    </row>
    <row r="206578" spans="8:8">
      <c r="H206578" s="12"/>
    </row>
    <row r="206579" spans="8:8">
      <c r="H206579" s="12"/>
    </row>
    <row r="206580" spans="8:8">
      <c r="H206580" s="12"/>
    </row>
    <row r="206581" spans="8:8">
      <c r="H206581" s="12"/>
    </row>
    <row r="206582" spans="8:8">
      <c r="H206582" s="12"/>
    </row>
    <row r="206583" spans="8:8">
      <c r="H206583" s="12"/>
    </row>
    <row r="206584" spans="8:8">
      <c r="H206584" s="12"/>
    </row>
    <row r="206585" spans="8:8">
      <c r="H206585" s="12"/>
    </row>
    <row r="206586" spans="8:8">
      <c r="H206586" s="12"/>
    </row>
    <row r="206587" spans="8:8">
      <c r="H206587" s="12"/>
    </row>
    <row r="206588" spans="8:8">
      <c r="H206588" s="12"/>
    </row>
    <row r="206589" spans="8:8">
      <c r="H206589" s="12"/>
    </row>
    <row r="206590" spans="8:8">
      <c r="H206590" s="12"/>
    </row>
    <row r="206591" spans="8:8">
      <c r="H206591" s="12"/>
    </row>
    <row r="206592" spans="8:8">
      <c r="H206592" s="12"/>
    </row>
    <row r="206593" spans="8:8">
      <c r="H206593" s="12"/>
    </row>
    <row r="206594" spans="8:8">
      <c r="H206594" s="12"/>
    </row>
    <row r="206595" spans="8:8">
      <c r="H206595" s="12"/>
    </row>
    <row r="206596" spans="8:8">
      <c r="H206596" s="12"/>
    </row>
    <row r="206597" spans="8:8">
      <c r="H206597" s="12"/>
    </row>
    <row r="206598" spans="8:8">
      <c r="H206598" s="12"/>
    </row>
    <row r="206599" spans="8:8">
      <c r="H206599" s="12"/>
    </row>
    <row r="206600" spans="8:8">
      <c r="H206600" s="12"/>
    </row>
    <row r="206601" spans="8:8">
      <c r="H206601" s="12"/>
    </row>
    <row r="206602" spans="8:8">
      <c r="H206602" s="12"/>
    </row>
    <row r="206603" spans="8:8">
      <c r="H206603" s="12"/>
    </row>
    <row r="206604" spans="8:8">
      <c r="H206604" s="12"/>
    </row>
    <row r="206605" spans="8:8">
      <c r="H206605" s="12"/>
    </row>
    <row r="206606" spans="8:8">
      <c r="H206606" s="12"/>
    </row>
    <row r="206607" spans="8:8">
      <c r="H206607" s="12"/>
    </row>
    <row r="206608" spans="8:8">
      <c r="H206608" s="12"/>
    </row>
    <row r="206609" spans="8:8">
      <c r="H206609" s="12"/>
    </row>
    <row r="206610" spans="8:8">
      <c r="H206610" s="12"/>
    </row>
    <row r="206611" spans="8:8">
      <c r="H206611" s="12"/>
    </row>
    <row r="206612" spans="8:8">
      <c r="H206612" s="12"/>
    </row>
    <row r="206613" spans="8:8">
      <c r="H206613" s="12"/>
    </row>
    <row r="206614" spans="8:8">
      <c r="H206614" s="12"/>
    </row>
    <row r="206615" spans="8:8">
      <c r="H206615" s="12"/>
    </row>
    <row r="206616" spans="8:8">
      <c r="H206616" s="12"/>
    </row>
    <row r="206617" spans="8:8">
      <c r="H206617" s="12"/>
    </row>
    <row r="206618" spans="8:8">
      <c r="H206618" s="12"/>
    </row>
    <row r="206619" spans="8:8">
      <c r="H206619" s="12"/>
    </row>
    <row r="206620" spans="8:8">
      <c r="H206620" s="12"/>
    </row>
    <row r="206621" spans="8:8">
      <c r="H206621" s="12"/>
    </row>
    <row r="206622" spans="8:8">
      <c r="H206622" s="12"/>
    </row>
    <row r="206623" spans="8:8">
      <c r="H206623" s="12"/>
    </row>
    <row r="206624" spans="8:8">
      <c r="H206624" s="12"/>
    </row>
    <row r="206625" spans="8:8">
      <c r="H206625" s="12"/>
    </row>
    <row r="206626" spans="8:8">
      <c r="H206626" s="12"/>
    </row>
    <row r="206627" spans="8:8">
      <c r="H206627" s="12"/>
    </row>
    <row r="206628" spans="8:8">
      <c r="H206628" s="12"/>
    </row>
    <row r="206629" spans="8:8">
      <c r="H206629" s="12"/>
    </row>
    <row r="206630" spans="8:8">
      <c r="H206630" s="12"/>
    </row>
    <row r="206631" spans="8:8">
      <c r="H206631" s="12"/>
    </row>
    <row r="206632" spans="8:8">
      <c r="H206632" s="12"/>
    </row>
    <row r="206633" spans="8:8">
      <c r="H206633" s="12"/>
    </row>
    <row r="206634" spans="8:8">
      <c r="H206634" s="12"/>
    </row>
    <row r="206635" spans="8:8">
      <c r="H206635" s="12"/>
    </row>
    <row r="206636" spans="8:8">
      <c r="H206636" s="12"/>
    </row>
    <row r="206637" spans="8:8">
      <c r="H206637" s="12"/>
    </row>
    <row r="206638" spans="8:8">
      <c r="H206638" s="12"/>
    </row>
    <row r="206639" spans="8:8">
      <c r="H206639" s="12"/>
    </row>
    <row r="206640" spans="8:8">
      <c r="H206640" s="12"/>
    </row>
    <row r="206641" spans="8:8">
      <c r="H206641" s="12"/>
    </row>
    <row r="206642" spans="8:8">
      <c r="H206642" s="12"/>
    </row>
    <row r="206643" spans="8:8">
      <c r="H206643" s="12"/>
    </row>
    <row r="206644" spans="8:8">
      <c r="H206644" s="12"/>
    </row>
    <row r="206645" spans="8:8">
      <c r="H206645" s="12"/>
    </row>
    <row r="206646" spans="8:8">
      <c r="H206646" s="12"/>
    </row>
    <row r="206647" spans="8:8">
      <c r="H206647" s="12"/>
    </row>
    <row r="206648" spans="8:8">
      <c r="H206648" s="12"/>
    </row>
    <row r="206649" spans="8:8">
      <c r="H206649" s="12"/>
    </row>
    <row r="206650" spans="8:8">
      <c r="H206650" s="12"/>
    </row>
    <row r="206651" spans="8:8">
      <c r="H206651" s="12"/>
    </row>
    <row r="206652" spans="8:8">
      <c r="H206652" s="12"/>
    </row>
    <row r="206653" spans="8:8">
      <c r="H206653" s="12"/>
    </row>
    <row r="206654" spans="8:8">
      <c r="H206654" s="12"/>
    </row>
    <row r="206655" spans="8:8">
      <c r="H206655" s="12"/>
    </row>
    <row r="206656" spans="8:8">
      <c r="H206656" s="12"/>
    </row>
    <row r="206657" spans="8:8">
      <c r="H206657" s="12"/>
    </row>
    <row r="206658" spans="8:8">
      <c r="H206658" s="12"/>
    </row>
    <row r="206659" spans="8:8">
      <c r="H206659" s="12"/>
    </row>
    <row r="206660" spans="8:8">
      <c r="H206660" s="12"/>
    </row>
    <row r="206661" spans="8:8">
      <c r="H206661" s="12"/>
    </row>
    <row r="206662" spans="8:8">
      <c r="H206662" s="12"/>
    </row>
    <row r="206663" spans="8:8">
      <c r="H206663" s="12"/>
    </row>
    <row r="206664" spans="8:8">
      <c r="H206664" s="12"/>
    </row>
    <row r="206665" spans="8:8">
      <c r="H206665" s="12"/>
    </row>
    <row r="206666" spans="8:8">
      <c r="H206666" s="12"/>
    </row>
    <row r="206667" spans="8:8">
      <c r="H206667" s="12"/>
    </row>
    <row r="206668" spans="8:8">
      <c r="H206668" s="12"/>
    </row>
    <row r="206669" spans="8:8">
      <c r="H206669" s="12"/>
    </row>
    <row r="206670" spans="8:8">
      <c r="H206670" s="12"/>
    </row>
    <row r="206671" spans="8:8">
      <c r="H206671" s="12"/>
    </row>
    <row r="206672" spans="8:8">
      <c r="H206672" s="12"/>
    </row>
    <row r="206673" spans="8:8">
      <c r="H206673" s="12"/>
    </row>
    <row r="206674" spans="8:8">
      <c r="H206674" s="12"/>
    </row>
    <row r="206675" spans="8:8">
      <c r="H206675" s="12"/>
    </row>
    <row r="206676" spans="8:8">
      <c r="H206676" s="12"/>
    </row>
    <row r="206677" spans="8:8">
      <c r="H206677" s="12"/>
    </row>
    <row r="206678" spans="8:8">
      <c r="H206678" s="12"/>
    </row>
    <row r="206679" spans="8:8">
      <c r="H206679" s="12"/>
    </row>
    <row r="206680" spans="8:8">
      <c r="H206680" s="12"/>
    </row>
    <row r="206681" spans="8:8">
      <c r="H206681" s="12"/>
    </row>
    <row r="206682" spans="8:8">
      <c r="H206682" s="12"/>
    </row>
    <row r="206683" spans="8:8">
      <c r="H206683" s="12"/>
    </row>
    <row r="206684" spans="8:8">
      <c r="H206684" s="12"/>
    </row>
    <row r="206685" spans="8:8">
      <c r="H206685" s="12"/>
    </row>
    <row r="206686" spans="8:8">
      <c r="H206686" s="12"/>
    </row>
    <row r="206687" spans="8:8">
      <c r="H206687" s="12"/>
    </row>
    <row r="206688" spans="8:8">
      <c r="H206688" s="12"/>
    </row>
    <row r="206689" spans="8:8">
      <c r="H206689" s="12"/>
    </row>
    <row r="206690" spans="8:8">
      <c r="H206690" s="12"/>
    </row>
    <row r="206691" spans="8:8">
      <c r="H206691" s="12"/>
    </row>
    <row r="206692" spans="8:8">
      <c r="H206692" s="12"/>
    </row>
    <row r="206693" spans="8:8">
      <c r="H206693" s="12"/>
    </row>
    <row r="206694" spans="8:8">
      <c r="H206694" s="12"/>
    </row>
    <row r="206695" spans="8:8">
      <c r="H206695" s="12"/>
    </row>
    <row r="206696" spans="8:8">
      <c r="H206696" s="12"/>
    </row>
    <row r="206697" spans="8:8">
      <c r="H206697" s="12"/>
    </row>
    <row r="206698" spans="8:8">
      <c r="H206698" s="12"/>
    </row>
    <row r="206699" spans="8:8">
      <c r="H206699" s="12"/>
    </row>
    <row r="206700" spans="8:8">
      <c r="H206700" s="12"/>
    </row>
    <row r="206701" spans="8:8">
      <c r="H206701" s="12"/>
    </row>
    <row r="206702" spans="8:8">
      <c r="H206702" s="12"/>
    </row>
    <row r="206703" spans="8:8">
      <c r="H206703" s="12"/>
    </row>
    <row r="206704" spans="8:8">
      <c r="H206704" s="12"/>
    </row>
    <row r="206705" spans="8:8">
      <c r="H206705" s="12"/>
    </row>
    <row r="206706" spans="8:8">
      <c r="H206706" s="12"/>
    </row>
    <row r="206707" spans="8:8">
      <c r="H206707" s="12"/>
    </row>
    <row r="206708" spans="8:8">
      <c r="H206708" s="12"/>
    </row>
    <row r="206709" spans="8:8">
      <c r="H206709" s="12"/>
    </row>
    <row r="206710" spans="8:8">
      <c r="H206710" s="12"/>
    </row>
    <row r="206711" spans="8:8">
      <c r="H206711" s="12"/>
    </row>
    <row r="206712" spans="8:8">
      <c r="H206712" s="12"/>
    </row>
    <row r="206713" spans="8:8">
      <c r="H206713" s="12"/>
    </row>
    <row r="206714" spans="8:8">
      <c r="H206714" s="12"/>
    </row>
    <row r="206715" spans="8:8">
      <c r="H206715" s="12"/>
    </row>
    <row r="206716" spans="8:8">
      <c r="H206716" s="12"/>
    </row>
    <row r="206717" spans="8:8">
      <c r="H206717" s="12"/>
    </row>
    <row r="206718" spans="8:8">
      <c r="H206718" s="12"/>
    </row>
    <row r="206719" spans="8:8">
      <c r="H206719" s="12"/>
    </row>
    <row r="206720" spans="8:8">
      <c r="H206720" s="12"/>
    </row>
    <row r="206721" spans="8:8">
      <c r="H206721" s="12"/>
    </row>
    <row r="206722" spans="8:8">
      <c r="H206722" s="12"/>
    </row>
    <row r="206723" spans="8:8">
      <c r="H206723" s="12"/>
    </row>
    <row r="206724" spans="8:8">
      <c r="H206724" s="12"/>
    </row>
    <row r="206725" spans="8:8">
      <c r="H206725" s="12"/>
    </row>
    <row r="206726" spans="8:8">
      <c r="H206726" s="12"/>
    </row>
    <row r="206727" spans="8:8">
      <c r="H206727" s="12"/>
    </row>
    <row r="206728" spans="8:8">
      <c r="H206728" s="12"/>
    </row>
    <row r="206729" spans="8:8">
      <c r="H206729" s="12"/>
    </row>
    <row r="206730" spans="8:8">
      <c r="H206730" s="12"/>
    </row>
    <row r="206731" spans="8:8">
      <c r="H206731" s="12"/>
    </row>
    <row r="206732" spans="8:8">
      <c r="H206732" s="12"/>
    </row>
    <row r="206733" spans="8:8">
      <c r="H206733" s="12"/>
    </row>
    <row r="206734" spans="8:8">
      <c r="H206734" s="12"/>
    </row>
    <row r="206735" spans="8:8">
      <c r="H206735" s="12"/>
    </row>
    <row r="206736" spans="8:8">
      <c r="H206736" s="12"/>
    </row>
    <row r="206737" spans="8:8">
      <c r="H206737" s="12"/>
    </row>
    <row r="206738" spans="8:8">
      <c r="H206738" s="12"/>
    </row>
    <row r="206739" spans="8:8">
      <c r="H206739" s="12"/>
    </row>
    <row r="206740" spans="8:8">
      <c r="H206740" s="12"/>
    </row>
    <row r="206741" spans="8:8">
      <c r="H206741" s="12"/>
    </row>
    <row r="206742" spans="8:8">
      <c r="H206742" s="12"/>
    </row>
    <row r="206743" spans="8:8">
      <c r="H206743" s="12"/>
    </row>
    <row r="206744" spans="8:8">
      <c r="H206744" s="12"/>
    </row>
    <row r="206745" spans="8:8">
      <c r="H206745" s="12"/>
    </row>
    <row r="206746" spans="8:8">
      <c r="H206746" s="12"/>
    </row>
    <row r="206747" spans="8:8">
      <c r="H206747" s="12"/>
    </row>
    <row r="206748" spans="8:8">
      <c r="H206748" s="12"/>
    </row>
    <row r="206749" spans="8:8">
      <c r="H206749" s="12"/>
    </row>
    <row r="206750" spans="8:8">
      <c r="H206750" s="12"/>
    </row>
    <row r="206751" spans="8:8">
      <c r="H206751" s="12"/>
    </row>
    <row r="206752" spans="8:8">
      <c r="H206752" s="12"/>
    </row>
    <row r="206753" spans="8:8">
      <c r="H206753" s="12"/>
    </row>
    <row r="206754" spans="8:8">
      <c r="H206754" s="12"/>
    </row>
    <row r="206755" spans="8:8">
      <c r="H206755" s="12"/>
    </row>
    <row r="206756" spans="8:8">
      <c r="H206756" s="12"/>
    </row>
    <row r="206757" spans="8:8">
      <c r="H206757" s="12"/>
    </row>
    <row r="206758" spans="8:8">
      <c r="H206758" s="12"/>
    </row>
    <row r="206759" spans="8:8">
      <c r="H206759" s="12"/>
    </row>
    <row r="206760" spans="8:8">
      <c r="H206760" s="12"/>
    </row>
    <row r="206761" spans="8:8">
      <c r="H206761" s="12"/>
    </row>
    <row r="206762" spans="8:8">
      <c r="H206762" s="12"/>
    </row>
    <row r="206763" spans="8:8">
      <c r="H206763" s="12"/>
    </row>
    <row r="206764" spans="8:8">
      <c r="H206764" s="12"/>
    </row>
    <row r="206765" spans="8:8">
      <c r="H206765" s="12"/>
    </row>
    <row r="206766" spans="8:8">
      <c r="H206766" s="12"/>
    </row>
    <row r="206767" spans="8:8">
      <c r="H206767" s="12"/>
    </row>
    <row r="206768" spans="8:8">
      <c r="H206768" s="12"/>
    </row>
    <row r="206769" spans="8:8">
      <c r="H206769" s="12"/>
    </row>
    <row r="206770" spans="8:8">
      <c r="H206770" s="12"/>
    </row>
    <row r="206771" spans="8:8">
      <c r="H206771" s="12"/>
    </row>
    <row r="206772" spans="8:8">
      <c r="H206772" s="12"/>
    </row>
    <row r="206773" spans="8:8">
      <c r="H206773" s="12"/>
    </row>
    <row r="206774" spans="8:8">
      <c r="H206774" s="12"/>
    </row>
    <row r="206775" spans="8:8">
      <c r="H206775" s="12"/>
    </row>
    <row r="206776" spans="8:8">
      <c r="H206776" s="12"/>
    </row>
    <row r="206777" spans="8:8">
      <c r="H206777" s="12"/>
    </row>
    <row r="206778" spans="8:8">
      <c r="H206778" s="12"/>
    </row>
    <row r="206779" spans="8:8">
      <c r="H206779" s="12"/>
    </row>
    <row r="206780" spans="8:8">
      <c r="H206780" s="12"/>
    </row>
    <row r="206781" spans="8:8">
      <c r="H206781" s="12"/>
    </row>
    <row r="206782" spans="8:8">
      <c r="H206782" s="12"/>
    </row>
    <row r="206783" spans="8:8">
      <c r="H206783" s="12"/>
    </row>
    <row r="206784" spans="8:8">
      <c r="H206784" s="12"/>
    </row>
    <row r="206785" spans="8:8">
      <c r="H206785" s="12"/>
    </row>
    <row r="206786" spans="8:8">
      <c r="H206786" s="12"/>
    </row>
    <row r="206787" spans="8:8">
      <c r="H206787" s="12"/>
    </row>
    <row r="206788" spans="8:8">
      <c r="H206788" s="12"/>
    </row>
    <row r="206789" spans="8:8">
      <c r="H206789" s="12"/>
    </row>
    <row r="206790" spans="8:8">
      <c r="H206790" s="12"/>
    </row>
    <row r="206791" spans="8:8">
      <c r="H206791" s="12"/>
    </row>
    <row r="206792" spans="8:8">
      <c r="H206792" s="12"/>
    </row>
    <row r="206793" spans="8:8">
      <c r="H206793" s="12"/>
    </row>
    <row r="206794" spans="8:8">
      <c r="H206794" s="12"/>
    </row>
    <row r="206795" spans="8:8">
      <c r="H206795" s="12"/>
    </row>
    <row r="206796" spans="8:8">
      <c r="H206796" s="12"/>
    </row>
    <row r="206797" spans="8:8">
      <c r="H206797" s="12"/>
    </row>
    <row r="206798" spans="8:8">
      <c r="H206798" s="12"/>
    </row>
    <row r="206799" spans="8:8">
      <c r="H206799" s="12"/>
    </row>
    <row r="206800" spans="8:8">
      <c r="H206800" s="12"/>
    </row>
    <row r="206801" spans="8:8">
      <c r="H206801" s="12"/>
    </row>
    <row r="206802" spans="8:8">
      <c r="H206802" s="12"/>
    </row>
    <row r="206803" spans="8:8">
      <c r="H206803" s="12"/>
    </row>
    <row r="206804" spans="8:8">
      <c r="H206804" s="12"/>
    </row>
    <row r="206805" spans="8:8">
      <c r="H206805" s="12"/>
    </row>
    <row r="206806" spans="8:8">
      <c r="H206806" s="12"/>
    </row>
    <row r="206807" spans="8:8">
      <c r="H206807" s="12"/>
    </row>
    <row r="206808" spans="8:8">
      <c r="H206808" s="12"/>
    </row>
    <row r="206809" spans="8:8">
      <c r="H206809" s="12"/>
    </row>
    <row r="206810" spans="8:8">
      <c r="H206810" s="12"/>
    </row>
    <row r="206811" spans="8:8">
      <c r="H206811" s="12"/>
    </row>
    <row r="206812" spans="8:8">
      <c r="H206812" s="12"/>
    </row>
    <row r="206813" spans="8:8">
      <c r="H206813" s="12"/>
    </row>
    <row r="206814" spans="8:8">
      <c r="H206814" s="12"/>
    </row>
    <row r="206815" spans="8:8">
      <c r="H206815" s="12"/>
    </row>
    <row r="206816" spans="8:8">
      <c r="H206816" s="12"/>
    </row>
    <row r="206817" spans="8:8">
      <c r="H206817" s="12"/>
    </row>
    <row r="206818" spans="8:8">
      <c r="H206818" s="12"/>
    </row>
    <row r="206819" spans="8:8">
      <c r="H206819" s="12"/>
    </row>
    <row r="206820" spans="8:8">
      <c r="H206820" s="12"/>
    </row>
    <row r="206821" spans="8:8">
      <c r="H206821" s="12"/>
    </row>
    <row r="206822" spans="8:8">
      <c r="H206822" s="12"/>
    </row>
    <row r="206823" spans="8:8">
      <c r="H206823" s="12"/>
    </row>
    <row r="206824" spans="8:8">
      <c r="H206824" s="12"/>
    </row>
    <row r="206825" spans="8:8">
      <c r="H206825" s="12"/>
    </row>
    <row r="206826" spans="8:8">
      <c r="H206826" s="12"/>
    </row>
    <row r="206827" spans="8:8">
      <c r="H206827" s="12"/>
    </row>
    <row r="206828" spans="8:8">
      <c r="H206828" s="12"/>
    </row>
    <row r="206829" spans="8:8">
      <c r="H206829" s="12"/>
    </row>
    <row r="206830" spans="8:8">
      <c r="H206830" s="12"/>
    </row>
    <row r="206831" spans="8:8">
      <c r="H206831" s="12"/>
    </row>
    <row r="206832" spans="8:8">
      <c r="H206832" s="12"/>
    </row>
    <row r="206833" spans="8:8">
      <c r="H206833" s="12"/>
    </row>
    <row r="206834" spans="8:8">
      <c r="H206834" s="12"/>
    </row>
    <row r="206835" spans="8:8">
      <c r="H206835" s="12"/>
    </row>
    <row r="206836" spans="8:8">
      <c r="H206836" s="12"/>
    </row>
    <row r="206837" spans="8:8">
      <c r="H206837" s="12"/>
    </row>
    <row r="206838" spans="8:8">
      <c r="H206838" s="12"/>
    </row>
    <row r="206839" spans="8:8">
      <c r="H206839" s="12"/>
    </row>
    <row r="206840" spans="8:8">
      <c r="H206840" s="12"/>
    </row>
    <row r="206841" spans="8:8">
      <c r="H206841" s="12"/>
    </row>
    <row r="206842" spans="8:8">
      <c r="H206842" s="12"/>
    </row>
    <row r="206843" spans="8:8">
      <c r="H206843" s="12"/>
    </row>
    <row r="206844" spans="8:8">
      <c r="H206844" s="12"/>
    </row>
    <row r="206845" spans="8:8">
      <c r="H206845" s="12"/>
    </row>
    <row r="206846" spans="8:8">
      <c r="H206846" s="12"/>
    </row>
    <row r="206847" spans="8:8">
      <c r="H206847" s="12"/>
    </row>
    <row r="206848" spans="8:8">
      <c r="H206848" s="12"/>
    </row>
    <row r="206849" spans="8:8">
      <c r="H206849" s="12"/>
    </row>
    <row r="206850" spans="8:8">
      <c r="H206850" s="12"/>
    </row>
    <row r="206851" spans="8:8">
      <c r="H206851" s="12"/>
    </row>
    <row r="206852" spans="8:8">
      <c r="H206852" s="12"/>
    </row>
    <row r="206853" spans="8:8">
      <c r="H206853" s="12"/>
    </row>
    <row r="206854" spans="8:8">
      <c r="H206854" s="12"/>
    </row>
    <row r="206855" spans="8:8">
      <c r="H206855" s="12"/>
    </row>
    <row r="206856" spans="8:8">
      <c r="H206856" s="12"/>
    </row>
    <row r="206857" spans="8:8">
      <c r="H206857" s="12"/>
    </row>
    <row r="206858" spans="8:8">
      <c r="H206858" s="12"/>
    </row>
    <row r="206859" spans="8:8">
      <c r="H206859" s="12"/>
    </row>
    <row r="206860" spans="8:8">
      <c r="H206860" s="12"/>
    </row>
    <row r="206861" spans="8:8">
      <c r="H206861" s="12"/>
    </row>
    <row r="206862" spans="8:8">
      <c r="H206862" s="12"/>
    </row>
    <row r="206863" spans="8:8">
      <c r="H206863" s="12"/>
    </row>
    <row r="206864" spans="8:8">
      <c r="H206864" s="12"/>
    </row>
    <row r="206865" spans="8:8">
      <c r="H206865" s="12"/>
    </row>
    <row r="206866" spans="8:8">
      <c r="H206866" s="12"/>
    </row>
    <row r="206867" spans="8:8">
      <c r="H206867" s="12"/>
    </row>
    <row r="206868" spans="8:8">
      <c r="H206868" s="12"/>
    </row>
    <row r="206869" spans="8:8">
      <c r="H206869" s="12"/>
    </row>
    <row r="206870" spans="8:8">
      <c r="H206870" s="12"/>
    </row>
    <row r="206871" spans="8:8">
      <c r="H206871" s="12"/>
    </row>
    <row r="206872" spans="8:8">
      <c r="H206872" s="12"/>
    </row>
    <row r="206873" spans="8:8">
      <c r="H206873" s="12"/>
    </row>
    <row r="206874" spans="8:8">
      <c r="H206874" s="12"/>
    </row>
    <row r="206875" spans="8:8">
      <c r="H206875" s="12"/>
    </row>
    <row r="206876" spans="8:8">
      <c r="H206876" s="12"/>
    </row>
    <row r="206877" spans="8:8">
      <c r="H206877" s="12"/>
    </row>
    <row r="206878" spans="8:8">
      <c r="H206878" s="12"/>
    </row>
    <row r="206879" spans="8:8">
      <c r="H206879" s="12"/>
    </row>
    <row r="206880" spans="8:8">
      <c r="H206880" s="12"/>
    </row>
    <row r="206881" spans="8:8">
      <c r="H206881" s="12"/>
    </row>
    <row r="206882" spans="8:8">
      <c r="H206882" s="12"/>
    </row>
    <row r="206883" spans="8:8">
      <c r="H206883" s="12"/>
    </row>
    <row r="206884" spans="8:8">
      <c r="H206884" s="12"/>
    </row>
    <row r="206885" spans="8:8">
      <c r="H206885" s="12"/>
    </row>
    <row r="206886" spans="8:8">
      <c r="H206886" s="12"/>
    </row>
    <row r="206887" spans="8:8">
      <c r="H206887" s="12"/>
    </row>
    <row r="206888" spans="8:8">
      <c r="H206888" s="12"/>
    </row>
    <row r="206889" spans="8:8">
      <c r="H206889" s="12"/>
    </row>
    <row r="206890" spans="8:8">
      <c r="H206890" s="12"/>
    </row>
    <row r="206891" spans="8:8">
      <c r="H206891" s="12"/>
    </row>
    <row r="206892" spans="8:8">
      <c r="H206892" s="12"/>
    </row>
    <row r="206893" spans="8:8">
      <c r="H206893" s="12"/>
    </row>
    <row r="206894" spans="8:8">
      <c r="H206894" s="12"/>
    </row>
    <row r="206895" spans="8:8">
      <c r="H206895" s="12"/>
    </row>
    <row r="206896" spans="8:8">
      <c r="H206896" s="12"/>
    </row>
    <row r="206897" spans="8:8">
      <c r="H206897" s="12"/>
    </row>
    <row r="206898" spans="8:8">
      <c r="H206898" s="12"/>
    </row>
    <row r="206899" spans="8:8">
      <c r="H206899" s="12"/>
    </row>
    <row r="206900" spans="8:8">
      <c r="H206900" s="12"/>
    </row>
    <row r="206901" spans="8:8">
      <c r="H206901" s="12"/>
    </row>
    <row r="206902" spans="8:8">
      <c r="H206902" s="12"/>
    </row>
    <row r="206903" spans="8:8">
      <c r="H206903" s="12"/>
    </row>
    <row r="206904" spans="8:8">
      <c r="H206904" s="12"/>
    </row>
    <row r="206905" spans="8:8">
      <c r="H206905" s="12"/>
    </row>
    <row r="206906" spans="8:8">
      <c r="H206906" s="12"/>
    </row>
    <row r="206907" spans="8:8">
      <c r="H206907" s="12"/>
    </row>
    <row r="206908" spans="8:8">
      <c r="H206908" s="12"/>
    </row>
    <row r="206909" spans="8:8">
      <c r="H206909" s="12"/>
    </row>
    <row r="206910" spans="8:8">
      <c r="H206910" s="12"/>
    </row>
    <row r="206911" spans="8:8">
      <c r="H206911" s="12"/>
    </row>
    <row r="206912" spans="8:8">
      <c r="H206912" s="12"/>
    </row>
    <row r="206913" spans="8:8">
      <c r="H206913" s="12"/>
    </row>
    <row r="206914" spans="8:8">
      <c r="H206914" s="12"/>
    </row>
    <row r="206915" spans="8:8">
      <c r="H206915" s="12"/>
    </row>
    <row r="206916" spans="8:8">
      <c r="H206916" s="12"/>
    </row>
    <row r="206917" spans="8:8">
      <c r="H206917" s="12"/>
    </row>
    <row r="206918" spans="8:8">
      <c r="H206918" s="12"/>
    </row>
    <row r="206919" spans="8:8">
      <c r="H206919" s="12"/>
    </row>
    <row r="206920" spans="8:8">
      <c r="H206920" s="12"/>
    </row>
    <row r="206921" spans="8:8">
      <c r="H206921" s="12"/>
    </row>
    <row r="206922" spans="8:8">
      <c r="H206922" s="12"/>
    </row>
    <row r="206923" spans="8:8">
      <c r="H206923" s="12"/>
    </row>
    <row r="206924" spans="8:8">
      <c r="H206924" s="12"/>
    </row>
    <row r="206925" spans="8:8">
      <c r="H206925" s="12"/>
    </row>
    <row r="206926" spans="8:8">
      <c r="H206926" s="12"/>
    </row>
    <row r="206927" spans="8:8">
      <c r="H206927" s="12"/>
    </row>
    <row r="206928" spans="8:8">
      <c r="H206928" s="12"/>
    </row>
    <row r="206929" spans="8:8">
      <c r="H206929" s="12"/>
    </row>
    <row r="206930" spans="8:8">
      <c r="H206930" s="12"/>
    </row>
    <row r="206931" spans="8:8">
      <c r="H206931" s="12"/>
    </row>
    <row r="206932" spans="8:8">
      <c r="H206932" s="12"/>
    </row>
    <row r="206933" spans="8:8">
      <c r="H206933" s="12"/>
    </row>
    <row r="206934" spans="8:8">
      <c r="H206934" s="12"/>
    </row>
    <row r="206935" spans="8:8">
      <c r="H206935" s="12"/>
    </row>
    <row r="206936" spans="8:8">
      <c r="H206936" s="12"/>
    </row>
    <row r="206937" spans="8:8">
      <c r="H206937" s="12"/>
    </row>
    <row r="206938" spans="8:8">
      <c r="H206938" s="12"/>
    </row>
    <row r="206939" spans="8:8">
      <c r="H206939" s="12"/>
    </row>
    <row r="206940" spans="8:8">
      <c r="H206940" s="12"/>
    </row>
    <row r="206941" spans="8:8">
      <c r="H206941" s="12"/>
    </row>
    <row r="206942" spans="8:8">
      <c r="H206942" s="12"/>
    </row>
    <row r="206943" spans="8:8">
      <c r="H206943" s="12"/>
    </row>
    <row r="206944" spans="8:8">
      <c r="H206944" s="12"/>
    </row>
    <row r="206945" spans="8:8">
      <c r="H206945" s="12"/>
    </row>
    <row r="206946" spans="8:8">
      <c r="H206946" s="12"/>
    </row>
    <row r="206947" spans="8:8">
      <c r="H206947" s="12"/>
    </row>
    <row r="206948" spans="8:8">
      <c r="H206948" s="12"/>
    </row>
    <row r="206949" spans="8:8">
      <c r="H206949" s="12"/>
    </row>
    <row r="206950" spans="8:8">
      <c r="H206950" s="12"/>
    </row>
    <row r="206951" spans="8:8">
      <c r="H206951" s="12"/>
    </row>
    <row r="206952" spans="8:8">
      <c r="H206952" s="12"/>
    </row>
    <row r="206953" spans="8:8">
      <c r="H206953" s="12"/>
    </row>
    <row r="206954" spans="8:8">
      <c r="H206954" s="12"/>
    </row>
    <row r="206955" spans="8:8">
      <c r="H206955" s="12"/>
    </row>
    <row r="206956" spans="8:8">
      <c r="H206956" s="12"/>
    </row>
    <row r="206957" spans="8:8">
      <c r="H206957" s="12"/>
    </row>
    <row r="206958" spans="8:8">
      <c r="H206958" s="12"/>
    </row>
    <row r="206959" spans="8:8">
      <c r="H206959" s="12"/>
    </row>
    <row r="206960" spans="8:8">
      <c r="H206960" s="12"/>
    </row>
    <row r="206961" spans="8:8">
      <c r="H206961" s="12"/>
    </row>
    <row r="206962" spans="8:8">
      <c r="H206962" s="12"/>
    </row>
    <row r="206963" spans="8:8">
      <c r="H206963" s="12"/>
    </row>
    <row r="206964" spans="8:8">
      <c r="H206964" s="12"/>
    </row>
    <row r="206965" spans="8:8">
      <c r="H206965" s="12"/>
    </row>
    <row r="206966" spans="8:8">
      <c r="H206966" s="12"/>
    </row>
    <row r="206967" spans="8:8">
      <c r="H206967" s="12"/>
    </row>
    <row r="206968" spans="8:8">
      <c r="H206968" s="12"/>
    </row>
    <row r="206969" spans="8:8">
      <c r="H206969" s="12"/>
    </row>
    <row r="206970" spans="8:8">
      <c r="H206970" s="12"/>
    </row>
    <row r="206971" spans="8:8">
      <c r="H206971" s="12"/>
    </row>
    <row r="206972" spans="8:8">
      <c r="H206972" s="12"/>
    </row>
    <row r="206973" spans="8:8">
      <c r="H206973" s="12"/>
    </row>
    <row r="206974" spans="8:8">
      <c r="H206974" s="12"/>
    </row>
    <row r="206975" spans="8:8">
      <c r="H206975" s="12"/>
    </row>
    <row r="206976" spans="8:8">
      <c r="H206976" s="12"/>
    </row>
    <row r="206977" spans="8:8">
      <c r="H206977" s="12"/>
    </row>
    <row r="206978" spans="8:8">
      <c r="H206978" s="12"/>
    </row>
    <row r="206979" spans="8:8">
      <c r="H206979" s="12"/>
    </row>
    <row r="206980" spans="8:8">
      <c r="H206980" s="12"/>
    </row>
    <row r="206981" spans="8:8">
      <c r="H206981" s="12"/>
    </row>
    <row r="206982" spans="8:8">
      <c r="H206982" s="12"/>
    </row>
    <row r="206983" spans="8:8">
      <c r="H206983" s="12"/>
    </row>
    <row r="206984" spans="8:8">
      <c r="H206984" s="12"/>
    </row>
    <row r="206985" spans="8:8">
      <c r="H206985" s="12"/>
    </row>
    <row r="206986" spans="8:8">
      <c r="H206986" s="12"/>
    </row>
    <row r="206987" spans="8:8">
      <c r="H206987" s="12"/>
    </row>
    <row r="206988" spans="8:8">
      <c r="H206988" s="12"/>
    </row>
    <row r="206989" spans="8:8">
      <c r="H206989" s="12"/>
    </row>
    <row r="206990" spans="8:8">
      <c r="H206990" s="12"/>
    </row>
    <row r="206991" spans="8:8">
      <c r="H206991" s="12"/>
    </row>
    <row r="206992" spans="8:8">
      <c r="H206992" s="12"/>
    </row>
    <row r="206993" spans="8:8">
      <c r="H206993" s="12"/>
    </row>
    <row r="206994" spans="8:8">
      <c r="H206994" s="12"/>
    </row>
    <row r="206995" spans="8:8">
      <c r="H206995" s="12"/>
    </row>
    <row r="206996" spans="8:8">
      <c r="H206996" s="12"/>
    </row>
    <row r="206997" spans="8:8">
      <c r="H206997" s="12"/>
    </row>
    <row r="206998" spans="8:8">
      <c r="H206998" s="12"/>
    </row>
    <row r="206999" spans="8:8">
      <c r="H206999" s="12"/>
    </row>
    <row r="207000" spans="8:8">
      <c r="H207000" s="12"/>
    </row>
    <row r="207001" spans="8:8">
      <c r="H207001" s="12"/>
    </row>
    <row r="207002" spans="8:8">
      <c r="H207002" s="12"/>
    </row>
    <row r="207003" spans="8:8">
      <c r="H207003" s="12"/>
    </row>
    <row r="207004" spans="8:8">
      <c r="H207004" s="12"/>
    </row>
    <row r="207005" spans="8:8">
      <c r="H207005" s="12"/>
    </row>
    <row r="207006" spans="8:8">
      <c r="H207006" s="12"/>
    </row>
    <row r="207007" spans="8:8">
      <c r="H207007" s="12"/>
    </row>
    <row r="207008" spans="8:8">
      <c r="H207008" s="12"/>
    </row>
    <row r="207009" spans="8:8">
      <c r="H207009" s="12"/>
    </row>
    <row r="207010" spans="8:8">
      <c r="H207010" s="12"/>
    </row>
    <row r="207011" spans="8:8">
      <c r="H207011" s="12"/>
    </row>
    <row r="207012" spans="8:8">
      <c r="H207012" s="12"/>
    </row>
    <row r="207013" spans="8:8">
      <c r="H207013" s="12"/>
    </row>
    <row r="207014" spans="8:8">
      <c r="H207014" s="12"/>
    </row>
    <row r="207015" spans="8:8">
      <c r="H207015" s="12"/>
    </row>
    <row r="207016" spans="8:8">
      <c r="H207016" s="12"/>
    </row>
    <row r="207017" spans="8:8">
      <c r="H207017" s="12"/>
    </row>
    <row r="207018" spans="8:8">
      <c r="H207018" s="12"/>
    </row>
    <row r="207019" spans="8:8">
      <c r="H207019" s="12"/>
    </row>
    <row r="207020" spans="8:8">
      <c r="H207020" s="12"/>
    </row>
    <row r="207021" spans="8:8">
      <c r="H207021" s="12"/>
    </row>
    <row r="207022" spans="8:8">
      <c r="H207022" s="12"/>
    </row>
    <row r="207023" spans="8:8">
      <c r="H207023" s="12"/>
    </row>
    <row r="207024" spans="8:8">
      <c r="H207024" s="12"/>
    </row>
    <row r="207025" spans="8:8">
      <c r="H207025" s="12"/>
    </row>
    <row r="207026" spans="8:8">
      <c r="H207026" s="12"/>
    </row>
    <row r="207027" spans="8:8">
      <c r="H207027" s="12"/>
    </row>
    <row r="207028" spans="8:8">
      <c r="H207028" s="12"/>
    </row>
    <row r="207029" spans="8:8">
      <c r="H207029" s="12"/>
    </row>
    <row r="207030" spans="8:8">
      <c r="H207030" s="12"/>
    </row>
    <row r="207031" spans="8:8">
      <c r="H207031" s="12"/>
    </row>
    <row r="207032" spans="8:8">
      <c r="H207032" s="12"/>
    </row>
    <row r="207033" spans="8:8">
      <c r="H207033" s="12"/>
    </row>
    <row r="207034" spans="8:8">
      <c r="H207034" s="12"/>
    </row>
    <row r="207035" spans="8:8">
      <c r="H207035" s="12"/>
    </row>
    <row r="207036" spans="8:8">
      <c r="H207036" s="12"/>
    </row>
    <row r="207037" spans="8:8">
      <c r="H207037" s="12"/>
    </row>
    <row r="207038" spans="8:8">
      <c r="H207038" s="12"/>
    </row>
    <row r="207039" spans="8:8">
      <c r="H207039" s="12"/>
    </row>
    <row r="207040" spans="8:8">
      <c r="H207040" s="12"/>
    </row>
    <row r="207041" spans="8:8">
      <c r="H207041" s="12"/>
    </row>
    <row r="207042" spans="8:8">
      <c r="H207042" s="12"/>
    </row>
    <row r="207043" spans="8:8">
      <c r="H207043" s="12"/>
    </row>
    <row r="207044" spans="8:8">
      <c r="H207044" s="12"/>
    </row>
    <row r="207045" spans="8:8">
      <c r="H207045" s="12"/>
    </row>
    <row r="207046" spans="8:8">
      <c r="H207046" s="12"/>
    </row>
    <row r="207047" spans="8:8">
      <c r="H207047" s="12"/>
    </row>
    <row r="207048" spans="8:8">
      <c r="H207048" s="12"/>
    </row>
    <row r="207049" spans="8:8">
      <c r="H207049" s="12"/>
    </row>
    <row r="207050" spans="8:8">
      <c r="H207050" s="12"/>
    </row>
    <row r="207051" spans="8:8">
      <c r="H207051" s="12"/>
    </row>
    <row r="207052" spans="8:8">
      <c r="H207052" s="12"/>
    </row>
    <row r="207053" spans="8:8">
      <c r="H207053" s="12"/>
    </row>
    <row r="207054" spans="8:8">
      <c r="H207054" s="12"/>
    </row>
    <row r="207055" spans="8:8">
      <c r="H207055" s="12"/>
    </row>
    <row r="207056" spans="8:8">
      <c r="H207056" s="12"/>
    </row>
    <row r="207057" spans="8:8">
      <c r="H207057" s="12"/>
    </row>
    <row r="207058" spans="8:8">
      <c r="H207058" s="12"/>
    </row>
    <row r="207059" spans="8:8">
      <c r="H207059" s="12"/>
    </row>
    <row r="207060" spans="8:8">
      <c r="H207060" s="12"/>
    </row>
    <row r="207061" spans="8:8">
      <c r="H207061" s="12"/>
    </row>
    <row r="207062" spans="8:8">
      <c r="H207062" s="12"/>
    </row>
    <row r="207063" spans="8:8">
      <c r="H207063" s="12"/>
    </row>
    <row r="207064" spans="8:8">
      <c r="H207064" s="12"/>
    </row>
    <row r="207065" spans="8:8">
      <c r="H207065" s="12"/>
    </row>
    <row r="207066" spans="8:8">
      <c r="H207066" s="12"/>
    </row>
    <row r="207067" spans="8:8">
      <c r="H207067" s="12"/>
    </row>
    <row r="207068" spans="8:8">
      <c r="H207068" s="12"/>
    </row>
    <row r="207069" spans="8:8">
      <c r="H207069" s="12"/>
    </row>
    <row r="207070" spans="8:8">
      <c r="H207070" s="12"/>
    </row>
    <row r="207071" spans="8:8">
      <c r="H207071" s="12"/>
    </row>
    <row r="207072" spans="8:8">
      <c r="H207072" s="12"/>
    </row>
    <row r="207073" spans="8:8">
      <c r="H207073" s="12"/>
    </row>
    <row r="207074" spans="8:8">
      <c r="H207074" s="12"/>
    </row>
    <row r="207075" spans="8:8">
      <c r="H207075" s="12"/>
    </row>
    <row r="207076" spans="8:8">
      <c r="H207076" s="12"/>
    </row>
    <row r="207077" spans="8:8">
      <c r="H207077" s="12"/>
    </row>
    <row r="207078" spans="8:8">
      <c r="H207078" s="12"/>
    </row>
    <row r="207079" spans="8:8">
      <c r="H207079" s="12"/>
    </row>
    <row r="207080" spans="8:8">
      <c r="H207080" s="12"/>
    </row>
    <row r="207081" spans="8:8">
      <c r="H207081" s="12"/>
    </row>
    <row r="207082" spans="8:8">
      <c r="H207082" s="12"/>
    </row>
    <row r="207083" spans="8:8">
      <c r="H207083" s="12"/>
    </row>
    <row r="207084" spans="8:8">
      <c r="H207084" s="12"/>
    </row>
    <row r="207085" spans="8:8">
      <c r="H207085" s="12"/>
    </row>
    <row r="207086" spans="8:8">
      <c r="H207086" s="12"/>
    </row>
    <row r="207087" spans="8:8">
      <c r="H207087" s="12"/>
    </row>
    <row r="207088" spans="8:8">
      <c r="H207088" s="12"/>
    </row>
    <row r="207089" spans="8:8">
      <c r="H207089" s="12"/>
    </row>
    <row r="207090" spans="8:8">
      <c r="H207090" s="12"/>
    </row>
    <row r="207091" spans="8:8">
      <c r="H207091" s="12"/>
    </row>
    <row r="207092" spans="8:8">
      <c r="H207092" s="12"/>
    </row>
    <row r="207093" spans="8:8">
      <c r="H207093" s="12"/>
    </row>
    <row r="207094" spans="8:8">
      <c r="H207094" s="12"/>
    </row>
    <row r="207095" spans="8:8">
      <c r="H207095" s="12"/>
    </row>
    <row r="207096" spans="8:8">
      <c r="H207096" s="12"/>
    </row>
    <row r="207097" spans="8:8">
      <c r="H207097" s="12"/>
    </row>
    <row r="207098" spans="8:8">
      <c r="H207098" s="12"/>
    </row>
    <row r="207099" spans="8:8">
      <c r="H207099" s="12"/>
    </row>
    <row r="207100" spans="8:8">
      <c r="H207100" s="12"/>
    </row>
    <row r="207101" spans="8:8">
      <c r="H207101" s="12"/>
    </row>
    <row r="207102" spans="8:8">
      <c r="H207102" s="12"/>
    </row>
    <row r="207103" spans="8:8">
      <c r="H207103" s="12"/>
    </row>
    <row r="207104" spans="8:8">
      <c r="H207104" s="12"/>
    </row>
    <row r="207105" spans="8:8">
      <c r="H207105" s="12"/>
    </row>
    <row r="207106" spans="8:8">
      <c r="H207106" s="12"/>
    </row>
    <row r="207107" spans="8:8">
      <c r="H207107" s="12"/>
    </row>
    <row r="207108" spans="8:8">
      <c r="H207108" s="12"/>
    </row>
    <row r="207109" spans="8:8">
      <c r="H207109" s="12"/>
    </row>
    <row r="207110" spans="8:8">
      <c r="H207110" s="12"/>
    </row>
    <row r="207111" spans="8:8">
      <c r="H207111" s="12"/>
    </row>
    <row r="207112" spans="8:8">
      <c r="H207112" s="12"/>
    </row>
    <row r="207113" spans="8:8">
      <c r="H207113" s="12"/>
    </row>
    <row r="207114" spans="8:8">
      <c r="H207114" s="12"/>
    </row>
    <row r="207115" spans="8:8">
      <c r="H207115" s="12"/>
    </row>
    <row r="207116" spans="8:8">
      <c r="H207116" s="12"/>
    </row>
    <row r="207117" spans="8:8">
      <c r="H207117" s="12"/>
    </row>
    <row r="207118" spans="8:8">
      <c r="H207118" s="12"/>
    </row>
    <row r="207119" spans="8:8">
      <c r="H207119" s="12"/>
    </row>
    <row r="207120" spans="8:8">
      <c r="H207120" s="12"/>
    </row>
    <row r="207121" spans="8:8">
      <c r="H207121" s="12"/>
    </row>
    <row r="207122" spans="8:8">
      <c r="H207122" s="12"/>
    </row>
    <row r="207123" spans="8:8">
      <c r="H207123" s="12"/>
    </row>
    <row r="207124" spans="8:8">
      <c r="H207124" s="12"/>
    </row>
    <row r="207125" spans="8:8">
      <c r="H207125" s="12"/>
    </row>
    <row r="207126" spans="8:8">
      <c r="H207126" s="12"/>
    </row>
    <row r="207127" spans="8:8">
      <c r="H207127" s="12"/>
    </row>
    <row r="207128" spans="8:8">
      <c r="H207128" s="12"/>
    </row>
    <row r="207129" spans="8:8">
      <c r="H207129" s="12"/>
    </row>
    <row r="207130" spans="8:8">
      <c r="H207130" s="12"/>
    </row>
    <row r="207131" spans="8:8">
      <c r="H207131" s="12"/>
    </row>
    <row r="207132" spans="8:8">
      <c r="H207132" s="12"/>
    </row>
    <row r="207133" spans="8:8">
      <c r="H207133" s="12"/>
    </row>
    <row r="207134" spans="8:8">
      <c r="H207134" s="12"/>
    </row>
    <row r="207135" spans="8:8">
      <c r="H207135" s="12"/>
    </row>
    <row r="207136" spans="8:8">
      <c r="H207136" s="12"/>
    </row>
    <row r="207137" spans="8:8">
      <c r="H207137" s="12"/>
    </row>
    <row r="207138" spans="8:8">
      <c r="H207138" s="12"/>
    </row>
    <row r="207139" spans="8:8">
      <c r="H207139" s="12"/>
    </row>
    <row r="207140" spans="8:8">
      <c r="H207140" s="12"/>
    </row>
    <row r="207141" spans="8:8">
      <c r="H207141" s="12"/>
    </row>
    <row r="207142" spans="8:8">
      <c r="H207142" s="12"/>
    </row>
    <row r="207143" spans="8:8">
      <c r="H207143" s="12"/>
    </row>
    <row r="207144" spans="8:8">
      <c r="H207144" s="12"/>
    </row>
    <row r="207145" spans="8:8">
      <c r="H207145" s="12"/>
    </row>
    <row r="207146" spans="8:8">
      <c r="H207146" s="12"/>
    </row>
    <row r="207147" spans="8:8">
      <c r="H207147" s="12"/>
    </row>
    <row r="207148" spans="8:8">
      <c r="H207148" s="12"/>
    </row>
    <row r="207149" spans="8:8">
      <c r="H207149" s="12"/>
    </row>
    <row r="207150" spans="8:8">
      <c r="H207150" s="12"/>
    </row>
    <row r="207151" spans="8:8">
      <c r="H207151" s="12"/>
    </row>
    <row r="207152" spans="8:8">
      <c r="H207152" s="12"/>
    </row>
    <row r="207153" spans="8:8">
      <c r="H207153" s="12"/>
    </row>
    <row r="207154" spans="8:8">
      <c r="H207154" s="12"/>
    </row>
    <row r="207155" spans="8:8">
      <c r="H207155" s="12"/>
    </row>
    <row r="207156" spans="8:8">
      <c r="H207156" s="12"/>
    </row>
    <row r="207157" spans="8:8">
      <c r="H207157" s="12"/>
    </row>
    <row r="207158" spans="8:8">
      <c r="H207158" s="12"/>
    </row>
    <row r="207159" spans="8:8">
      <c r="H207159" s="12"/>
    </row>
    <row r="207160" spans="8:8">
      <c r="H207160" s="12"/>
    </row>
    <row r="207161" spans="8:8">
      <c r="H207161" s="12"/>
    </row>
    <row r="207162" spans="8:8">
      <c r="H207162" s="12"/>
    </row>
    <row r="207163" spans="8:8">
      <c r="H207163" s="12"/>
    </row>
    <row r="207164" spans="8:8">
      <c r="H207164" s="12"/>
    </row>
    <row r="207165" spans="8:8">
      <c r="H207165" s="12"/>
    </row>
    <row r="207166" spans="8:8">
      <c r="H207166" s="12"/>
    </row>
    <row r="207167" spans="8:8">
      <c r="H207167" s="12"/>
    </row>
    <row r="207168" spans="8:8">
      <c r="H207168" s="12"/>
    </row>
    <row r="207169" spans="8:8">
      <c r="H207169" s="12"/>
    </row>
    <row r="207170" spans="8:8">
      <c r="H207170" s="12"/>
    </row>
    <row r="207171" spans="8:8">
      <c r="H207171" s="12"/>
    </row>
    <row r="207172" spans="8:8">
      <c r="H207172" s="12"/>
    </row>
    <row r="207173" spans="8:8">
      <c r="H207173" s="12"/>
    </row>
    <row r="207174" spans="8:8">
      <c r="H207174" s="12"/>
    </row>
    <row r="207175" spans="8:8">
      <c r="H207175" s="12"/>
    </row>
    <row r="207176" spans="8:8">
      <c r="H207176" s="12"/>
    </row>
    <row r="207177" spans="8:8">
      <c r="H207177" s="12"/>
    </row>
    <row r="207178" spans="8:8">
      <c r="H207178" s="12"/>
    </row>
    <row r="207179" spans="8:8">
      <c r="H207179" s="12"/>
    </row>
    <row r="207180" spans="8:8">
      <c r="H207180" s="12"/>
    </row>
    <row r="207181" spans="8:8">
      <c r="H207181" s="12"/>
    </row>
    <row r="207182" spans="8:8">
      <c r="H207182" s="12"/>
    </row>
    <row r="207183" spans="8:8">
      <c r="H207183" s="12"/>
    </row>
    <row r="207184" spans="8:8">
      <c r="H207184" s="12"/>
    </row>
    <row r="207185" spans="8:8">
      <c r="H207185" s="12"/>
    </row>
    <row r="207186" spans="8:8">
      <c r="H207186" s="12"/>
    </row>
    <row r="207187" spans="8:8">
      <c r="H207187" s="12"/>
    </row>
    <row r="207188" spans="8:8">
      <c r="H207188" s="12"/>
    </row>
    <row r="207189" spans="8:8">
      <c r="H207189" s="12"/>
    </row>
    <row r="207190" spans="8:8">
      <c r="H207190" s="12"/>
    </row>
    <row r="207191" spans="8:8">
      <c r="H207191" s="12"/>
    </row>
    <row r="207192" spans="8:8">
      <c r="H207192" s="12"/>
    </row>
    <row r="207193" spans="8:8">
      <c r="H207193" s="12"/>
    </row>
    <row r="207194" spans="8:8">
      <c r="H207194" s="12"/>
    </row>
    <row r="207195" spans="8:8">
      <c r="H207195" s="12"/>
    </row>
    <row r="207196" spans="8:8">
      <c r="H207196" s="12"/>
    </row>
    <row r="207197" spans="8:8">
      <c r="H207197" s="12"/>
    </row>
    <row r="207198" spans="8:8">
      <c r="H207198" s="12"/>
    </row>
    <row r="207199" spans="8:8">
      <c r="H207199" s="12"/>
    </row>
    <row r="207200" spans="8:8">
      <c r="H207200" s="12"/>
    </row>
    <row r="207201" spans="8:8">
      <c r="H207201" s="12"/>
    </row>
    <row r="207202" spans="8:8">
      <c r="H207202" s="12"/>
    </row>
    <row r="207203" spans="8:8">
      <c r="H207203" s="12"/>
    </row>
    <row r="207204" spans="8:8">
      <c r="H207204" s="12"/>
    </row>
    <row r="207205" spans="8:8">
      <c r="H207205" s="12"/>
    </row>
    <row r="207206" spans="8:8">
      <c r="H207206" s="12"/>
    </row>
    <row r="207207" spans="8:8">
      <c r="H207207" s="12"/>
    </row>
    <row r="207208" spans="8:8">
      <c r="H207208" s="12"/>
    </row>
    <row r="207209" spans="8:8">
      <c r="H207209" s="12"/>
    </row>
    <row r="207210" spans="8:8">
      <c r="H207210" s="12"/>
    </row>
    <row r="207211" spans="8:8">
      <c r="H207211" s="12"/>
    </row>
    <row r="207212" spans="8:8">
      <c r="H207212" s="12"/>
    </row>
    <row r="207213" spans="8:8">
      <c r="H207213" s="12"/>
    </row>
    <row r="207214" spans="8:8">
      <c r="H207214" s="12"/>
    </row>
    <row r="207215" spans="8:8">
      <c r="H207215" s="12"/>
    </row>
    <row r="207216" spans="8:8">
      <c r="H207216" s="12"/>
    </row>
    <row r="207217" spans="8:8">
      <c r="H207217" s="12"/>
    </row>
    <row r="207218" spans="8:8">
      <c r="H207218" s="12"/>
    </row>
    <row r="207219" spans="8:8">
      <c r="H207219" s="12"/>
    </row>
    <row r="207220" spans="8:8">
      <c r="H207220" s="12"/>
    </row>
    <row r="207221" spans="8:8">
      <c r="H207221" s="12"/>
    </row>
    <row r="207222" spans="8:8">
      <c r="H207222" s="12"/>
    </row>
    <row r="207223" spans="8:8">
      <c r="H207223" s="12"/>
    </row>
    <row r="207224" spans="8:8">
      <c r="H207224" s="12"/>
    </row>
    <row r="207225" spans="8:8">
      <c r="H207225" s="12"/>
    </row>
    <row r="207226" spans="8:8">
      <c r="H207226" s="12"/>
    </row>
    <row r="207227" spans="8:8">
      <c r="H207227" s="12"/>
    </row>
    <row r="207228" spans="8:8">
      <c r="H207228" s="12"/>
    </row>
    <row r="207229" spans="8:8">
      <c r="H207229" s="12"/>
    </row>
    <row r="207230" spans="8:8">
      <c r="H207230" s="12"/>
    </row>
    <row r="207231" spans="8:8">
      <c r="H207231" s="12"/>
    </row>
    <row r="207232" spans="8:8">
      <c r="H207232" s="12"/>
    </row>
    <row r="207233" spans="8:8">
      <c r="H207233" s="12"/>
    </row>
    <row r="207234" spans="8:8">
      <c r="H207234" s="12"/>
    </row>
    <row r="207235" spans="8:8">
      <c r="H207235" s="12"/>
    </row>
    <row r="207236" spans="8:8">
      <c r="H207236" s="12"/>
    </row>
    <row r="207237" spans="8:8">
      <c r="H207237" s="12"/>
    </row>
    <row r="207238" spans="8:8">
      <c r="H207238" s="12"/>
    </row>
    <row r="207239" spans="8:8">
      <c r="H207239" s="12"/>
    </row>
    <row r="207240" spans="8:8">
      <c r="H207240" s="12"/>
    </row>
    <row r="207241" spans="8:8">
      <c r="H207241" s="12"/>
    </row>
    <row r="207242" spans="8:8">
      <c r="H207242" s="12"/>
    </row>
    <row r="207243" spans="8:8">
      <c r="H207243" s="12"/>
    </row>
    <row r="207244" spans="8:8">
      <c r="H207244" s="12"/>
    </row>
    <row r="207245" spans="8:8">
      <c r="H207245" s="12"/>
    </row>
    <row r="207246" spans="8:8">
      <c r="H207246" s="12"/>
    </row>
    <row r="207247" spans="8:8">
      <c r="H207247" s="12"/>
    </row>
    <row r="207248" spans="8:8">
      <c r="H207248" s="12"/>
    </row>
    <row r="207249" spans="8:8">
      <c r="H207249" s="12"/>
    </row>
    <row r="207250" spans="8:8">
      <c r="H207250" s="12"/>
    </row>
    <row r="207251" spans="8:8">
      <c r="H207251" s="12"/>
    </row>
    <row r="207252" spans="8:8">
      <c r="H207252" s="12"/>
    </row>
    <row r="207253" spans="8:8">
      <c r="H207253" s="12"/>
    </row>
    <row r="207254" spans="8:8">
      <c r="H207254" s="12"/>
    </row>
    <row r="207255" spans="8:8">
      <c r="H207255" s="12"/>
    </row>
    <row r="207256" spans="8:8">
      <c r="H207256" s="12"/>
    </row>
    <row r="207257" spans="8:8">
      <c r="H207257" s="12"/>
    </row>
    <row r="207258" spans="8:8">
      <c r="H207258" s="12"/>
    </row>
    <row r="207259" spans="8:8">
      <c r="H207259" s="12"/>
    </row>
    <row r="207260" spans="8:8">
      <c r="H207260" s="12"/>
    </row>
    <row r="207261" spans="8:8">
      <c r="H207261" s="12"/>
    </row>
    <row r="207262" spans="8:8">
      <c r="H207262" s="12"/>
    </row>
    <row r="207263" spans="8:8">
      <c r="H207263" s="12"/>
    </row>
    <row r="207264" spans="8:8">
      <c r="H207264" s="12"/>
    </row>
    <row r="207265" spans="8:8">
      <c r="H207265" s="12"/>
    </row>
    <row r="207266" spans="8:8">
      <c r="H207266" s="12"/>
    </row>
    <row r="207267" spans="8:8">
      <c r="H207267" s="12"/>
    </row>
    <row r="207268" spans="8:8">
      <c r="H207268" s="12"/>
    </row>
    <row r="207269" spans="8:8">
      <c r="H207269" s="12"/>
    </row>
    <row r="207270" spans="8:8">
      <c r="H207270" s="12"/>
    </row>
    <row r="207271" spans="8:8">
      <c r="H207271" s="12"/>
    </row>
    <row r="207272" spans="8:8">
      <c r="H207272" s="12"/>
    </row>
    <row r="207273" spans="8:8">
      <c r="H207273" s="12"/>
    </row>
    <row r="207274" spans="8:8">
      <c r="H207274" s="12"/>
    </row>
    <row r="207275" spans="8:8">
      <c r="H207275" s="12"/>
    </row>
    <row r="207276" spans="8:8">
      <c r="H207276" s="12"/>
    </row>
    <row r="207277" spans="8:8">
      <c r="H207277" s="12"/>
    </row>
    <row r="207278" spans="8:8">
      <c r="H207278" s="12"/>
    </row>
    <row r="207279" spans="8:8">
      <c r="H207279" s="12"/>
    </row>
    <row r="207280" spans="8:8">
      <c r="H207280" s="12"/>
    </row>
    <row r="207281" spans="8:8">
      <c r="H207281" s="12"/>
    </row>
    <row r="207282" spans="8:8">
      <c r="H207282" s="12"/>
    </row>
    <row r="207283" spans="8:8">
      <c r="H207283" s="12"/>
    </row>
    <row r="207284" spans="8:8">
      <c r="H207284" s="12"/>
    </row>
    <row r="207285" spans="8:8">
      <c r="H207285" s="12"/>
    </row>
    <row r="207286" spans="8:8">
      <c r="H207286" s="12"/>
    </row>
    <row r="207287" spans="8:8">
      <c r="H207287" s="12"/>
    </row>
    <row r="207288" spans="8:8">
      <c r="H207288" s="12"/>
    </row>
    <row r="207289" spans="8:8">
      <c r="H207289" s="12"/>
    </row>
    <row r="207290" spans="8:8">
      <c r="H207290" s="12"/>
    </row>
    <row r="207291" spans="8:8">
      <c r="H207291" s="12"/>
    </row>
    <row r="207292" spans="8:8">
      <c r="H207292" s="12"/>
    </row>
    <row r="207293" spans="8:8">
      <c r="H207293" s="12"/>
    </row>
    <row r="207294" spans="8:8">
      <c r="H207294" s="12"/>
    </row>
    <row r="207295" spans="8:8">
      <c r="H207295" s="12"/>
    </row>
    <row r="207296" spans="8:8">
      <c r="H207296" s="12"/>
    </row>
    <row r="207297" spans="8:8">
      <c r="H207297" s="12"/>
    </row>
    <row r="207298" spans="8:8">
      <c r="H207298" s="12"/>
    </row>
    <row r="207299" spans="8:8">
      <c r="H207299" s="12"/>
    </row>
    <row r="207300" spans="8:8">
      <c r="H207300" s="12"/>
    </row>
    <row r="207301" spans="8:8">
      <c r="H207301" s="12"/>
    </row>
    <row r="207302" spans="8:8">
      <c r="H207302" s="12"/>
    </row>
    <row r="207303" spans="8:8">
      <c r="H207303" s="12"/>
    </row>
    <row r="207304" spans="8:8">
      <c r="H207304" s="12"/>
    </row>
    <row r="207305" spans="8:8">
      <c r="H207305" s="12"/>
    </row>
    <row r="207306" spans="8:8">
      <c r="H207306" s="12"/>
    </row>
    <row r="207307" spans="8:8">
      <c r="H207307" s="12"/>
    </row>
    <row r="207308" spans="8:8">
      <c r="H207308" s="12"/>
    </row>
    <row r="207309" spans="8:8">
      <c r="H207309" s="12"/>
    </row>
    <row r="207310" spans="8:8">
      <c r="H207310" s="12"/>
    </row>
    <row r="207311" spans="8:8">
      <c r="H207311" s="12"/>
    </row>
    <row r="207312" spans="8:8">
      <c r="H207312" s="12"/>
    </row>
    <row r="207313" spans="8:8">
      <c r="H207313" s="12"/>
    </row>
    <row r="207314" spans="8:8">
      <c r="H207314" s="12"/>
    </row>
    <row r="207315" spans="8:8">
      <c r="H207315" s="12"/>
    </row>
    <row r="207316" spans="8:8">
      <c r="H207316" s="12"/>
    </row>
    <row r="207317" spans="8:8">
      <c r="H207317" s="12"/>
    </row>
    <row r="207318" spans="8:8">
      <c r="H207318" s="12"/>
    </row>
    <row r="207319" spans="8:8">
      <c r="H207319" s="12"/>
    </row>
    <row r="207320" spans="8:8">
      <c r="H207320" s="12"/>
    </row>
    <row r="207321" spans="8:8">
      <c r="H207321" s="12"/>
    </row>
    <row r="207322" spans="8:8">
      <c r="H207322" s="12"/>
    </row>
    <row r="207323" spans="8:8">
      <c r="H207323" s="12"/>
    </row>
    <row r="207324" spans="8:8">
      <c r="H207324" s="12"/>
    </row>
    <row r="207325" spans="8:8">
      <c r="H207325" s="12"/>
    </row>
    <row r="207326" spans="8:8">
      <c r="H207326" s="12"/>
    </row>
    <row r="207327" spans="8:8">
      <c r="H207327" s="12"/>
    </row>
    <row r="207328" spans="8:8">
      <c r="H207328" s="12"/>
    </row>
    <row r="207329" spans="8:8">
      <c r="H207329" s="12"/>
    </row>
    <row r="207330" spans="8:8">
      <c r="H207330" s="12"/>
    </row>
    <row r="207331" spans="8:8">
      <c r="H207331" s="12"/>
    </row>
    <row r="207332" spans="8:8">
      <c r="H207332" s="12"/>
    </row>
    <row r="207333" spans="8:8">
      <c r="H207333" s="12"/>
    </row>
    <row r="207334" spans="8:8">
      <c r="H207334" s="12"/>
    </row>
    <row r="207335" spans="8:8">
      <c r="H207335" s="12"/>
    </row>
    <row r="207336" spans="8:8">
      <c r="H207336" s="12"/>
    </row>
    <row r="207337" spans="8:8">
      <c r="H207337" s="12"/>
    </row>
    <row r="207338" spans="8:8">
      <c r="H207338" s="12"/>
    </row>
    <row r="207339" spans="8:8">
      <c r="H207339" s="12"/>
    </row>
    <row r="207340" spans="8:8">
      <c r="H207340" s="12"/>
    </row>
    <row r="207341" spans="8:8">
      <c r="H207341" s="12"/>
    </row>
    <row r="207342" spans="8:8">
      <c r="H207342" s="12"/>
    </row>
    <row r="207343" spans="8:8">
      <c r="H207343" s="12"/>
    </row>
    <row r="207344" spans="8:8">
      <c r="H207344" s="12"/>
    </row>
    <row r="207345" spans="8:8">
      <c r="H207345" s="12"/>
    </row>
    <row r="207346" spans="8:8">
      <c r="H207346" s="12"/>
    </row>
    <row r="207347" spans="8:8">
      <c r="H207347" s="12"/>
    </row>
    <row r="207348" spans="8:8">
      <c r="H207348" s="12"/>
    </row>
    <row r="207349" spans="8:8">
      <c r="H207349" s="12"/>
    </row>
    <row r="207350" spans="8:8">
      <c r="H207350" s="12"/>
    </row>
    <row r="207351" spans="8:8">
      <c r="H207351" s="12"/>
    </row>
    <row r="207352" spans="8:8">
      <c r="H207352" s="12"/>
    </row>
    <row r="207353" spans="8:8">
      <c r="H207353" s="12"/>
    </row>
    <row r="207354" spans="8:8">
      <c r="H207354" s="12"/>
    </row>
    <row r="207355" spans="8:8">
      <c r="H207355" s="12"/>
    </row>
    <row r="207356" spans="8:8">
      <c r="H207356" s="12"/>
    </row>
    <row r="207357" spans="8:8">
      <c r="H207357" s="12"/>
    </row>
    <row r="207358" spans="8:8">
      <c r="H207358" s="12"/>
    </row>
    <row r="207359" spans="8:8">
      <c r="H207359" s="12"/>
    </row>
    <row r="207360" spans="8:8">
      <c r="H207360" s="12"/>
    </row>
    <row r="207361" spans="8:8">
      <c r="H207361" s="12"/>
    </row>
    <row r="207362" spans="8:8">
      <c r="H207362" s="12"/>
    </row>
    <row r="207363" spans="8:8">
      <c r="H207363" s="12"/>
    </row>
    <row r="207364" spans="8:8">
      <c r="H207364" s="12"/>
    </row>
    <row r="207365" spans="8:8">
      <c r="H207365" s="12"/>
    </row>
    <row r="207366" spans="8:8">
      <c r="H207366" s="12"/>
    </row>
    <row r="207367" spans="8:8">
      <c r="H207367" s="12"/>
    </row>
    <row r="207368" spans="8:8">
      <c r="H207368" s="12"/>
    </row>
    <row r="207369" spans="8:8">
      <c r="H207369" s="12"/>
    </row>
    <row r="207370" spans="8:8">
      <c r="H207370" s="12"/>
    </row>
    <row r="207371" spans="8:8">
      <c r="H207371" s="12"/>
    </row>
    <row r="207372" spans="8:8">
      <c r="H207372" s="12"/>
    </row>
    <row r="207373" spans="8:8">
      <c r="H207373" s="12"/>
    </row>
    <row r="207374" spans="8:8">
      <c r="H207374" s="12"/>
    </row>
    <row r="207375" spans="8:8">
      <c r="H207375" s="12"/>
    </row>
    <row r="207376" spans="8:8">
      <c r="H207376" s="12"/>
    </row>
    <row r="207377" spans="8:8">
      <c r="H207377" s="12"/>
    </row>
    <row r="207378" spans="8:8">
      <c r="H207378" s="12"/>
    </row>
    <row r="207379" spans="8:8">
      <c r="H207379" s="12"/>
    </row>
    <row r="207380" spans="8:8">
      <c r="H207380" s="12"/>
    </row>
    <row r="207381" spans="8:8">
      <c r="H207381" s="12"/>
    </row>
    <row r="207382" spans="8:8">
      <c r="H207382" s="12"/>
    </row>
    <row r="207383" spans="8:8">
      <c r="H207383" s="12"/>
    </row>
    <row r="207384" spans="8:8">
      <c r="H207384" s="12"/>
    </row>
    <row r="207385" spans="8:8">
      <c r="H207385" s="12"/>
    </row>
    <row r="207386" spans="8:8">
      <c r="H207386" s="12"/>
    </row>
    <row r="207387" spans="8:8">
      <c r="H207387" s="12"/>
    </row>
    <row r="207388" spans="8:8">
      <c r="H207388" s="12"/>
    </row>
    <row r="207389" spans="8:8">
      <c r="H207389" s="12"/>
    </row>
    <row r="207390" spans="8:8">
      <c r="H207390" s="12"/>
    </row>
    <row r="207391" spans="8:8">
      <c r="H207391" s="12"/>
    </row>
    <row r="207392" spans="8:8">
      <c r="H207392" s="12"/>
    </row>
    <row r="207393" spans="8:8">
      <c r="H207393" s="12"/>
    </row>
    <row r="207394" spans="8:8">
      <c r="H207394" s="12"/>
    </row>
    <row r="207395" spans="8:8">
      <c r="H207395" s="12"/>
    </row>
    <row r="207396" spans="8:8">
      <c r="H207396" s="12"/>
    </row>
    <row r="207397" spans="8:8">
      <c r="H207397" s="12"/>
    </row>
    <row r="207398" spans="8:8">
      <c r="H207398" s="12"/>
    </row>
    <row r="207399" spans="8:8">
      <c r="H207399" s="12"/>
    </row>
    <row r="207400" spans="8:8">
      <c r="H207400" s="12"/>
    </row>
    <row r="207401" spans="8:8">
      <c r="H207401" s="12"/>
    </row>
    <row r="207402" spans="8:8">
      <c r="H207402" s="12"/>
    </row>
    <row r="207403" spans="8:8">
      <c r="H207403" s="12"/>
    </row>
    <row r="207404" spans="8:8">
      <c r="H207404" s="12"/>
    </row>
    <row r="207405" spans="8:8">
      <c r="H207405" s="12"/>
    </row>
    <row r="207406" spans="8:8">
      <c r="H207406" s="12"/>
    </row>
    <row r="207407" spans="8:8">
      <c r="H207407" s="12"/>
    </row>
    <row r="207408" spans="8:8">
      <c r="H207408" s="12"/>
    </row>
    <row r="207409" spans="8:8">
      <c r="H207409" s="12"/>
    </row>
    <row r="207410" spans="8:8">
      <c r="H207410" s="12"/>
    </row>
    <row r="207411" spans="8:8">
      <c r="H207411" s="12"/>
    </row>
    <row r="207412" spans="8:8">
      <c r="H207412" s="12"/>
    </row>
    <row r="207413" spans="8:8">
      <c r="H207413" s="12"/>
    </row>
    <row r="207414" spans="8:8">
      <c r="H207414" s="12"/>
    </row>
    <row r="207415" spans="8:8">
      <c r="H207415" s="12"/>
    </row>
    <row r="207416" spans="8:8">
      <c r="H207416" s="12"/>
    </row>
    <row r="207417" spans="8:8">
      <c r="H207417" s="12"/>
    </row>
    <row r="207418" spans="8:8">
      <c r="H207418" s="12"/>
    </row>
    <row r="207419" spans="8:8">
      <c r="H207419" s="12"/>
    </row>
    <row r="207420" spans="8:8">
      <c r="H207420" s="12"/>
    </row>
    <row r="207421" spans="8:8">
      <c r="H207421" s="12"/>
    </row>
    <row r="207422" spans="8:8">
      <c r="H207422" s="12"/>
    </row>
    <row r="207423" spans="8:8">
      <c r="H207423" s="12"/>
    </row>
    <row r="207424" spans="8:8">
      <c r="H207424" s="12"/>
    </row>
    <row r="207425" spans="8:8">
      <c r="H207425" s="12"/>
    </row>
    <row r="207426" spans="8:8">
      <c r="H207426" s="12"/>
    </row>
    <row r="207427" spans="8:8">
      <c r="H207427" s="12"/>
    </row>
    <row r="207428" spans="8:8">
      <c r="H207428" s="12"/>
    </row>
    <row r="207429" spans="8:8">
      <c r="H207429" s="12"/>
    </row>
    <row r="207430" spans="8:8">
      <c r="H207430" s="12"/>
    </row>
    <row r="207431" spans="8:8">
      <c r="H207431" s="12"/>
    </row>
    <row r="207432" spans="8:8">
      <c r="H207432" s="12"/>
    </row>
    <row r="207433" spans="8:8">
      <c r="H207433" s="12"/>
    </row>
    <row r="207434" spans="8:8">
      <c r="H207434" s="12"/>
    </row>
    <row r="207435" spans="8:8">
      <c r="H207435" s="12"/>
    </row>
    <row r="207436" spans="8:8">
      <c r="H207436" s="12"/>
    </row>
    <row r="207437" spans="8:8">
      <c r="H207437" s="12"/>
    </row>
    <row r="207438" spans="8:8">
      <c r="H207438" s="12"/>
    </row>
    <row r="207439" spans="8:8">
      <c r="H207439" s="12"/>
    </row>
    <row r="207440" spans="8:8">
      <c r="H207440" s="12"/>
    </row>
    <row r="207441" spans="8:8">
      <c r="H207441" s="12"/>
    </row>
    <row r="207442" spans="8:8">
      <c r="H207442" s="12"/>
    </row>
    <row r="207443" spans="8:8">
      <c r="H207443" s="12"/>
    </row>
    <row r="207444" spans="8:8">
      <c r="H207444" s="12"/>
    </row>
    <row r="207445" spans="8:8">
      <c r="H207445" s="12"/>
    </row>
    <row r="207446" spans="8:8">
      <c r="H207446" s="12"/>
    </row>
    <row r="207447" spans="8:8">
      <c r="H207447" s="12"/>
    </row>
    <row r="207448" spans="8:8">
      <c r="H207448" s="12"/>
    </row>
    <row r="207449" spans="8:8">
      <c r="H207449" s="12"/>
    </row>
    <row r="207450" spans="8:8">
      <c r="H207450" s="12"/>
    </row>
    <row r="207451" spans="8:8">
      <c r="H207451" s="12"/>
    </row>
    <row r="207452" spans="8:8">
      <c r="H207452" s="12"/>
    </row>
    <row r="207453" spans="8:8">
      <c r="H207453" s="12"/>
    </row>
    <row r="207454" spans="8:8">
      <c r="H207454" s="12"/>
    </row>
    <row r="207455" spans="8:8">
      <c r="H207455" s="12"/>
    </row>
    <row r="207456" spans="8:8">
      <c r="H207456" s="12"/>
    </row>
    <row r="207457" spans="8:8">
      <c r="H207457" s="12"/>
    </row>
    <row r="207458" spans="8:8">
      <c r="H207458" s="12"/>
    </row>
    <row r="207459" spans="8:8">
      <c r="H207459" s="12"/>
    </row>
    <row r="207460" spans="8:8">
      <c r="H207460" s="12"/>
    </row>
    <row r="207461" spans="8:8">
      <c r="H207461" s="12"/>
    </row>
    <row r="207462" spans="8:8">
      <c r="H207462" s="12"/>
    </row>
    <row r="207463" spans="8:8">
      <c r="H207463" s="12"/>
    </row>
    <row r="207464" spans="8:8">
      <c r="H207464" s="12"/>
    </row>
    <row r="207465" spans="8:8">
      <c r="H207465" s="12"/>
    </row>
    <row r="207466" spans="8:8">
      <c r="H207466" s="12"/>
    </row>
    <row r="207467" spans="8:8">
      <c r="H207467" s="12"/>
    </row>
    <row r="207468" spans="8:8">
      <c r="H207468" s="12"/>
    </row>
    <row r="207469" spans="8:8">
      <c r="H207469" s="12"/>
    </row>
    <row r="207470" spans="8:8">
      <c r="H207470" s="12"/>
    </row>
    <row r="207471" spans="8:8">
      <c r="H207471" s="12"/>
    </row>
    <row r="207472" spans="8:8">
      <c r="H207472" s="12"/>
    </row>
    <row r="207473" spans="8:8">
      <c r="H207473" s="12"/>
    </row>
    <row r="207474" spans="8:8">
      <c r="H207474" s="12"/>
    </row>
    <row r="207475" spans="8:8">
      <c r="H207475" s="12"/>
    </row>
    <row r="207476" spans="8:8">
      <c r="H207476" s="12"/>
    </row>
    <row r="207477" spans="8:8">
      <c r="H207477" s="12"/>
    </row>
    <row r="207478" spans="8:8">
      <c r="H207478" s="12"/>
    </row>
    <row r="207479" spans="8:8">
      <c r="H207479" s="12"/>
    </row>
    <row r="207480" spans="8:8">
      <c r="H207480" s="12"/>
    </row>
    <row r="207481" spans="8:8">
      <c r="H207481" s="12"/>
    </row>
    <row r="207482" spans="8:8">
      <c r="H207482" s="12"/>
    </row>
    <row r="207483" spans="8:8">
      <c r="H207483" s="12"/>
    </row>
    <row r="207484" spans="8:8">
      <c r="H207484" s="12"/>
    </row>
    <row r="207485" spans="8:8">
      <c r="H207485" s="12"/>
    </row>
    <row r="207486" spans="8:8">
      <c r="H207486" s="12"/>
    </row>
    <row r="207487" spans="8:8">
      <c r="H207487" s="12"/>
    </row>
    <row r="207488" spans="8:8">
      <c r="H207488" s="12"/>
    </row>
    <row r="207489" spans="8:8">
      <c r="H207489" s="12"/>
    </row>
    <row r="207490" spans="8:8">
      <c r="H207490" s="12"/>
    </row>
    <row r="207491" spans="8:8">
      <c r="H207491" s="12"/>
    </row>
    <row r="207492" spans="8:8">
      <c r="H207492" s="12"/>
    </row>
    <row r="207493" spans="8:8">
      <c r="H207493" s="12"/>
    </row>
    <row r="207494" spans="8:8">
      <c r="H207494" s="12"/>
    </row>
    <row r="207495" spans="8:8">
      <c r="H207495" s="12"/>
    </row>
    <row r="207496" spans="8:8">
      <c r="H207496" s="12"/>
    </row>
    <row r="207497" spans="8:8">
      <c r="H207497" s="12"/>
    </row>
    <row r="207498" spans="8:8">
      <c r="H207498" s="12"/>
    </row>
    <row r="207499" spans="8:8">
      <c r="H207499" s="12"/>
    </row>
    <row r="207500" spans="8:8">
      <c r="H207500" s="12"/>
    </row>
    <row r="207501" spans="8:8">
      <c r="H207501" s="12"/>
    </row>
    <row r="207502" spans="8:8">
      <c r="H207502" s="12"/>
    </row>
    <row r="207503" spans="8:8">
      <c r="H207503" s="12"/>
    </row>
    <row r="207504" spans="8:8">
      <c r="H207504" s="12"/>
    </row>
    <row r="207505" spans="8:8">
      <c r="H207505" s="12"/>
    </row>
    <row r="207506" spans="8:8">
      <c r="H207506" s="12"/>
    </row>
    <row r="207507" spans="8:8">
      <c r="H207507" s="12"/>
    </row>
    <row r="207508" spans="8:8">
      <c r="H207508" s="12"/>
    </row>
    <row r="207509" spans="8:8">
      <c r="H207509" s="12"/>
    </row>
    <row r="207510" spans="8:8">
      <c r="H207510" s="12"/>
    </row>
    <row r="207511" spans="8:8">
      <c r="H207511" s="12"/>
    </row>
    <row r="207512" spans="8:8">
      <c r="H207512" s="12"/>
    </row>
    <row r="207513" spans="8:8">
      <c r="H207513" s="12"/>
    </row>
    <row r="207514" spans="8:8">
      <c r="H207514" s="12"/>
    </row>
    <row r="207515" spans="8:8">
      <c r="H207515" s="12"/>
    </row>
    <row r="207516" spans="8:8">
      <c r="H207516" s="12"/>
    </row>
    <row r="207517" spans="8:8">
      <c r="H207517" s="12"/>
    </row>
    <row r="207518" spans="8:8">
      <c r="H207518" s="12"/>
    </row>
    <row r="207519" spans="8:8">
      <c r="H207519" s="12"/>
    </row>
    <row r="207520" spans="8:8">
      <c r="H207520" s="12"/>
    </row>
    <row r="207521" spans="8:8">
      <c r="H207521" s="12"/>
    </row>
    <row r="207522" spans="8:8">
      <c r="H207522" s="12"/>
    </row>
    <row r="207523" spans="8:8">
      <c r="H207523" s="12"/>
    </row>
    <row r="207524" spans="8:8">
      <c r="H207524" s="12"/>
    </row>
    <row r="207525" spans="8:8">
      <c r="H207525" s="12"/>
    </row>
    <row r="207526" spans="8:8">
      <c r="H207526" s="12"/>
    </row>
    <row r="207527" spans="8:8">
      <c r="H207527" s="12"/>
    </row>
    <row r="207528" spans="8:8">
      <c r="H207528" s="12"/>
    </row>
    <row r="207529" spans="8:8">
      <c r="H207529" s="12"/>
    </row>
    <row r="207530" spans="8:8">
      <c r="H207530" s="12"/>
    </row>
    <row r="207531" spans="8:8">
      <c r="H207531" s="12"/>
    </row>
    <row r="207532" spans="8:8">
      <c r="H207532" s="12"/>
    </row>
    <row r="207533" spans="8:8">
      <c r="H207533" s="12"/>
    </row>
    <row r="207534" spans="8:8">
      <c r="H207534" s="12"/>
    </row>
    <row r="207535" spans="8:8">
      <c r="H207535" s="12"/>
    </row>
    <row r="207536" spans="8:8">
      <c r="H207536" s="12"/>
    </row>
    <row r="207537" spans="8:8">
      <c r="H207537" s="12"/>
    </row>
    <row r="207538" spans="8:8">
      <c r="H207538" s="12"/>
    </row>
    <row r="207539" spans="8:8">
      <c r="H207539" s="12"/>
    </row>
    <row r="207540" spans="8:8">
      <c r="H207540" s="12"/>
    </row>
    <row r="207541" spans="8:8">
      <c r="H207541" s="12"/>
    </row>
    <row r="207542" spans="8:8">
      <c r="H207542" s="12"/>
    </row>
    <row r="207543" spans="8:8">
      <c r="H207543" s="12"/>
    </row>
    <row r="207544" spans="8:8">
      <c r="H207544" s="12"/>
    </row>
    <row r="207545" spans="8:8">
      <c r="H207545" s="12"/>
    </row>
    <row r="207546" spans="8:8">
      <c r="H207546" s="12"/>
    </row>
    <row r="207547" spans="8:8">
      <c r="H207547" s="12"/>
    </row>
    <row r="207548" spans="8:8">
      <c r="H207548" s="12"/>
    </row>
    <row r="207549" spans="8:8">
      <c r="H207549" s="12"/>
    </row>
    <row r="207550" spans="8:8">
      <c r="H207550" s="12"/>
    </row>
    <row r="207551" spans="8:8">
      <c r="H207551" s="12"/>
    </row>
    <row r="207552" spans="8:8">
      <c r="H207552" s="12"/>
    </row>
    <row r="207553" spans="8:8">
      <c r="H207553" s="12"/>
    </row>
    <row r="207554" spans="8:8">
      <c r="H207554" s="12"/>
    </row>
    <row r="207555" spans="8:8">
      <c r="H207555" s="12"/>
    </row>
    <row r="207556" spans="8:8">
      <c r="H207556" s="12"/>
    </row>
    <row r="207557" spans="8:8">
      <c r="H207557" s="12"/>
    </row>
    <row r="207558" spans="8:8">
      <c r="H207558" s="12"/>
    </row>
    <row r="207559" spans="8:8">
      <c r="H207559" s="12"/>
    </row>
    <row r="207560" spans="8:8">
      <c r="H207560" s="12"/>
    </row>
    <row r="207561" spans="8:8">
      <c r="H207561" s="12"/>
    </row>
    <row r="207562" spans="8:8">
      <c r="H207562" s="12"/>
    </row>
    <row r="207563" spans="8:8">
      <c r="H207563" s="12"/>
    </row>
    <row r="207564" spans="8:8">
      <c r="H207564" s="12"/>
    </row>
    <row r="207565" spans="8:8">
      <c r="H207565" s="12"/>
    </row>
    <row r="207566" spans="8:8">
      <c r="H207566" s="12"/>
    </row>
    <row r="207567" spans="8:8">
      <c r="H207567" s="12"/>
    </row>
    <row r="207568" spans="8:8">
      <c r="H207568" s="12"/>
    </row>
    <row r="207569" spans="8:8">
      <c r="H207569" s="12"/>
    </row>
    <row r="207570" spans="8:8">
      <c r="H207570" s="12"/>
    </row>
    <row r="207571" spans="8:8">
      <c r="H207571" s="12"/>
    </row>
    <row r="207572" spans="8:8">
      <c r="H207572" s="12"/>
    </row>
    <row r="207573" spans="8:8">
      <c r="H207573" s="12"/>
    </row>
    <row r="207574" spans="8:8">
      <c r="H207574" s="12"/>
    </row>
    <row r="207575" spans="8:8">
      <c r="H207575" s="12"/>
    </row>
    <row r="207576" spans="8:8">
      <c r="H207576" s="12"/>
    </row>
    <row r="207577" spans="8:8">
      <c r="H207577" s="12"/>
    </row>
    <row r="207578" spans="8:8">
      <c r="H207578" s="12"/>
    </row>
    <row r="207579" spans="8:8">
      <c r="H207579" s="12"/>
    </row>
    <row r="207580" spans="8:8">
      <c r="H207580" s="12"/>
    </row>
    <row r="207581" spans="8:8">
      <c r="H207581" s="12"/>
    </row>
    <row r="207582" spans="8:8">
      <c r="H207582" s="12"/>
    </row>
    <row r="207583" spans="8:8">
      <c r="H207583" s="12"/>
    </row>
    <row r="207584" spans="8:8">
      <c r="H207584" s="12"/>
    </row>
    <row r="207585" spans="8:8">
      <c r="H207585" s="12"/>
    </row>
    <row r="207586" spans="8:8">
      <c r="H207586" s="12"/>
    </row>
    <row r="207587" spans="8:8">
      <c r="H207587" s="12"/>
    </row>
    <row r="207588" spans="8:8">
      <c r="H207588" s="12"/>
    </row>
    <row r="207589" spans="8:8">
      <c r="H207589" s="12"/>
    </row>
    <row r="207590" spans="8:8">
      <c r="H207590" s="12"/>
    </row>
    <row r="207591" spans="8:8">
      <c r="H207591" s="12"/>
    </row>
    <row r="207592" spans="8:8">
      <c r="H207592" s="12"/>
    </row>
    <row r="207593" spans="8:8">
      <c r="H207593" s="12"/>
    </row>
    <row r="207594" spans="8:8">
      <c r="H207594" s="12"/>
    </row>
    <row r="207595" spans="8:8">
      <c r="H207595" s="12"/>
    </row>
    <row r="207596" spans="8:8">
      <c r="H207596" s="12"/>
    </row>
    <row r="207597" spans="8:8">
      <c r="H207597" s="12"/>
    </row>
    <row r="207598" spans="8:8">
      <c r="H207598" s="12"/>
    </row>
    <row r="207599" spans="8:8">
      <c r="H207599" s="12"/>
    </row>
    <row r="207600" spans="8:8">
      <c r="H207600" s="12"/>
    </row>
    <row r="207601" spans="8:8">
      <c r="H207601" s="12"/>
    </row>
    <row r="207602" spans="8:8">
      <c r="H207602" s="12"/>
    </row>
    <row r="207603" spans="8:8">
      <c r="H207603" s="12"/>
    </row>
    <row r="207604" spans="8:8">
      <c r="H207604" s="12"/>
    </row>
    <row r="207605" spans="8:8">
      <c r="H207605" s="12"/>
    </row>
    <row r="207606" spans="8:8">
      <c r="H207606" s="12"/>
    </row>
    <row r="207607" spans="8:8">
      <c r="H207607" s="12"/>
    </row>
    <row r="207608" spans="8:8">
      <c r="H207608" s="12"/>
    </row>
    <row r="207609" spans="8:8">
      <c r="H207609" s="12"/>
    </row>
    <row r="207610" spans="8:8">
      <c r="H207610" s="12"/>
    </row>
    <row r="207611" spans="8:8">
      <c r="H207611" s="12"/>
    </row>
    <row r="207612" spans="8:8">
      <c r="H207612" s="12"/>
    </row>
    <row r="207613" spans="8:8">
      <c r="H207613" s="12"/>
    </row>
    <row r="207614" spans="8:8">
      <c r="H207614" s="12"/>
    </row>
    <row r="207615" spans="8:8">
      <c r="H207615" s="12"/>
    </row>
    <row r="207616" spans="8:8">
      <c r="H207616" s="12"/>
    </row>
    <row r="207617" spans="8:8">
      <c r="H207617" s="12"/>
    </row>
    <row r="207618" spans="8:8">
      <c r="H207618" s="12"/>
    </row>
    <row r="207619" spans="8:8">
      <c r="H207619" s="12"/>
    </row>
    <row r="207620" spans="8:8">
      <c r="H207620" s="12"/>
    </row>
    <row r="207621" spans="8:8">
      <c r="H207621" s="12"/>
    </row>
    <row r="207622" spans="8:8">
      <c r="H207622" s="12"/>
    </row>
    <row r="207623" spans="8:8">
      <c r="H207623" s="12"/>
    </row>
    <row r="207624" spans="8:8">
      <c r="H207624" s="12"/>
    </row>
    <row r="207625" spans="8:8">
      <c r="H207625" s="12"/>
    </row>
    <row r="207626" spans="8:8">
      <c r="H207626" s="12"/>
    </row>
    <row r="207627" spans="8:8">
      <c r="H207627" s="12"/>
    </row>
    <row r="207628" spans="8:8">
      <c r="H207628" s="12"/>
    </row>
    <row r="207629" spans="8:8">
      <c r="H207629" s="12"/>
    </row>
    <row r="207630" spans="8:8">
      <c r="H207630" s="12"/>
    </row>
    <row r="207631" spans="8:8">
      <c r="H207631" s="12"/>
    </row>
    <row r="207632" spans="8:8">
      <c r="H207632" s="12"/>
    </row>
    <row r="207633" spans="8:8">
      <c r="H207633" s="12"/>
    </row>
    <row r="207634" spans="8:8">
      <c r="H207634" s="12"/>
    </row>
    <row r="207635" spans="8:8">
      <c r="H207635" s="12"/>
    </row>
    <row r="207636" spans="8:8">
      <c r="H207636" s="12"/>
    </row>
    <row r="207637" spans="8:8">
      <c r="H207637" s="12"/>
    </row>
    <row r="207638" spans="8:8">
      <c r="H207638" s="12"/>
    </row>
    <row r="207639" spans="8:8">
      <c r="H207639" s="12"/>
    </row>
    <row r="207640" spans="8:8">
      <c r="H207640" s="12"/>
    </row>
    <row r="207641" spans="8:8">
      <c r="H207641" s="12"/>
    </row>
    <row r="207642" spans="8:8">
      <c r="H207642" s="12"/>
    </row>
    <row r="207643" spans="8:8">
      <c r="H207643" s="12"/>
    </row>
    <row r="207644" spans="8:8">
      <c r="H207644" s="12"/>
    </row>
    <row r="207645" spans="8:8">
      <c r="H207645" s="12"/>
    </row>
    <row r="207646" spans="8:8">
      <c r="H207646" s="12"/>
    </row>
    <row r="207647" spans="8:8">
      <c r="H207647" s="12"/>
    </row>
    <row r="207648" spans="8:8">
      <c r="H207648" s="12"/>
    </row>
    <row r="207649" spans="8:8">
      <c r="H207649" s="12"/>
    </row>
    <row r="207650" spans="8:8">
      <c r="H207650" s="12"/>
    </row>
    <row r="207651" spans="8:8">
      <c r="H207651" s="12"/>
    </row>
    <row r="207652" spans="8:8">
      <c r="H207652" s="12"/>
    </row>
    <row r="207653" spans="8:8">
      <c r="H207653" s="12"/>
    </row>
    <row r="207654" spans="8:8">
      <c r="H207654" s="12"/>
    </row>
    <row r="207655" spans="8:8">
      <c r="H207655" s="12"/>
    </row>
    <row r="207656" spans="8:8">
      <c r="H207656" s="12"/>
    </row>
    <row r="207657" spans="8:8">
      <c r="H207657" s="12"/>
    </row>
    <row r="207658" spans="8:8">
      <c r="H207658" s="12"/>
    </row>
    <row r="207659" spans="8:8">
      <c r="H207659" s="12"/>
    </row>
    <row r="207660" spans="8:8">
      <c r="H207660" s="12"/>
    </row>
    <row r="207661" spans="8:8">
      <c r="H207661" s="12"/>
    </row>
    <row r="207662" spans="8:8">
      <c r="H207662" s="12"/>
    </row>
    <row r="207663" spans="8:8">
      <c r="H207663" s="12"/>
    </row>
    <row r="207664" spans="8:8">
      <c r="H207664" s="12"/>
    </row>
    <row r="207665" spans="8:8">
      <c r="H207665" s="12"/>
    </row>
    <row r="207666" spans="8:8">
      <c r="H207666" s="12"/>
    </row>
    <row r="207667" spans="8:8">
      <c r="H207667" s="12"/>
    </row>
    <row r="207668" spans="8:8">
      <c r="H207668" s="12"/>
    </row>
    <row r="207669" spans="8:8">
      <c r="H207669" s="12"/>
    </row>
    <row r="207670" spans="8:8">
      <c r="H207670" s="12"/>
    </row>
    <row r="207671" spans="8:8">
      <c r="H207671" s="12"/>
    </row>
    <row r="207672" spans="8:8">
      <c r="H207672" s="12"/>
    </row>
    <row r="207673" spans="8:8">
      <c r="H207673" s="12"/>
    </row>
    <row r="207674" spans="8:8">
      <c r="H207674" s="12"/>
    </row>
    <row r="207675" spans="8:8">
      <c r="H207675" s="12"/>
    </row>
    <row r="207676" spans="8:8">
      <c r="H207676" s="12"/>
    </row>
    <row r="207677" spans="8:8">
      <c r="H207677" s="12"/>
    </row>
    <row r="207678" spans="8:8">
      <c r="H207678" s="12"/>
    </row>
    <row r="207679" spans="8:8">
      <c r="H207679" s="12"/>
    </row>
    <row r="207680" spans="8:8">
      <c r="H207680" s="12"/>
    </row>
    <row r="207681" spans="8:8">
      <c r="H207681" s="12"/>
    </row>
    <row r="207682" spans="8:8">
      <c r="H207682" s="12"/>
    </row>
    <row r="207683" spans="8:8">
      <c r="H207683" s="12"/>
    </row>
    <row r="207684" spans="8:8">
      <c r="H207684" s="12"/>
    </row>
    <row r="207685" spans="8:8">
      <c r="H207685" s="12"/>
    </row>
    <row r="207686" spans="8:8">
      <c r="H207686" s="12"/>
    </row>
    <row r="207687" spans="8:8">
      <c r="H207687" s="12"/>
    </row>
    <row r="207688" spans="8:8">
      <c r="H207688" s="12"/>
    </row>
    <row r="207689" spans="8:8">
      <c r="H207689" s="12"/>
    </row>
    <row r="207690" spans="8:8">
      <c r="H207690" s="12"/>
    </row>
    <row r="207691" spans="8:8">
      <c r="H207691" s="12"/>
    </row>
    <row r="207692" spans="8:8">
      <c r="H207692" s="12"/>
    </row>
    <row r="207693" spans="8:8">
      <c r="H207693" s="12"/>
    </row>
    <row r="207694" spans="8:8">
      <c r="H207694" s="12"/>
    </row>
    <row r="207695" spans="8:8">
      <c r="H207695" s="12"/>
    </row>
    <row r="207696" spans="8:8">
      <c r="H207696" s="12"/>
    </row>
    <row r="207697" spans="8:8">
      <c r="H207697" s="12"/>
    </row>
    <row r="207698" spans="8:8">
      <c r="H207698" s="12"/>
    </row>
    <row r="207699" spans="8:8">
      <c r="H207699" s="12"/>
    </row>
    <row r="207700" spans="8:8">
      <c r="H207700" s="12"/>
    </row>
    <row r="207701" spans="8:8">
      <c r="H207701" s="12"/>
    </row>
    <row r="207702" spans="8:8">
      <c r="H207702" s="12"/>
    </row>
    <row r="207703" spans="8:8">
      <c r="H207703" s="12"/>
    </row>
    <row r="207704" spans="8:8">
      <c r="H207704" s="12"/>
    </row>
    <row r="207705" spans="8:8">
      <c r="H207705" s="12"/>
    </row>
    <row r="207706" spans="8:8">
      <c r="H207706" s="12"/>
    </row>
    <row r="207707" spans="8:8">
      <c r="H207707" s="12"/>
    </row>
    <row r="207708" spans="8:8">
      <c r="H207708" s="12"/>
    </row>
    <row r="207709" spans="8:8">
      <c r="H207709" s="12"/>
    </row>
    <row r="207710" spans="8:8">
      <c r="H207710" s="12"/>
    </row>
    <row r="207711" spans="8:8">
      <c r="H207711" s="12"/>
    </row>
    <row r="207712" spans="8:8">
      <c r="H207712" s="12"/>
    </row>
    <row r="207713" spans="8:8">
      <c r="H207713" s="12"/>
    </row>
    <row r="207714" spans="8:8">
      <c r="H207714" s="12"/>
    </row>
    <row r="207715" spans="8:8">
      <c r="H207715" s="12"/>
    </row>
    <row r="207716" spans="8:8">
      <c r="H207716" s="12"/>
    </row>
    <row r="207717" spans="8:8">
      <c r="H207717" s="12"/>
    </row>
    <row r="207718" spans="8:8">
      <c r="H207718" s="12"/>
    </row>
    <row r="207719" spans="8:8">
      <c r="H207719" s="12"/>
    </row>
    <row r="207720" spans="8:8">
      <c r="H207720" s="12"/>
    </row>
    <row r="207721" spans="8:8">
      <c r="H207721" s="12"/>
    </row>
    <row r="207722" spans="8:8">
      <c r="H207722" s="12"/>
    </row>
    <row r="207723" spans="8:8">
      <c r="H207723" s="12"/>
    </row>
    <row r="207724" spans="8:8">
      <c r="H207724" s="12"/>
    </row>
    <row r="207725" spans="8:8">
      <c r="H207725" s="12"/>
    </row>
    <row r="207726" spans="8:8">
      <c r="H207726" s="12"/>
    </row>
    <row r="207727" spans="8:8">
      <c r="H207727" s="12"/>
    </row>
    <row r="207728" spans="8:8">
      <c r="H207728" s="12"/>
    </row>
    <row r="207729" spans="8:8">
      <c r="H207729" s="12"/>
    </row>
    <row r="207730" spans="8:8">
      <c r="H207730" s="12"/>
    </row>
    <row r="207731" spans="8:8">
      <c r="H207731" s="12"/>
    </row>
    <row r="207732" spans="8:8">
      <c r="H207732" s="12"/>
    </row>
    <row r="207733" spans="8:8">
      <c r="H207733" s="12"/>
    </row>
    <row r="207734" spans="8:8">
      <c r="H207734" s="12"/>
    </row>
    <row r="207735" spans="8:8">
      <c r="H207735" s="12"/>
    </row>
    <row r="207736" spans="8:8">
      <c r="H207736" s="12"/>
    </row>
    <row r="207737" spans="8:8">
      <c r="H207737" s="12"/>
    </row>
    <row r="207738" spans="8:8">
      <c r="H207738" s="12"/>
    </row>
    <row r="207739" spans="8:8">
      <c r="H207739" s="12"/>
    </row>
    <row r="207740" spans="8:8">
      <c r="H207740" s="12"/>
    </row>
    <row r="207741" spans="8:8">
      <c r="H207741" s="12"/>
    </row>
    <row r="207742" spans="8:8">
      <c r="H207742" s="12"/>
    </row>
    <row r="207743" spans="8:8">
      <c r="H207743" s="12"/>
    </row>
    <row r="207744" spans="8:8">
      <c r="H207744" s="12"/>
    </row>
    <row r="207745" spans="8:8">
      <c r="H207745" s="12"/>
    </row>
    <row r="207746" spans="8:8">
      <c r="H207746" s="12"/>
    </row>
    <row r="207747" spans="8:8">
      <c r="H207747" s="12"/>
    </row>
    <row r="207748" spans="8:8">
      <c r="H207748" s="12"/>
    </row>
    <row r="207749" spans="8:8">
      <c r="H207749" s="12"/>
    </row>
    <row r="207750" spans="8:8">
      <c r="H207750" s="12"/>
    </row>
    <row r="207751" spans="8:8">
      <c r="H207751" s="12"/>
    </row>
    <row r="207752" spans="8:8">
      <c r="H207752" s="12"/>
    </row>
    <row r="207753" spans="8:8">
      <c r="H207753" s="12"/>
    </row>
    <row r="207754" spans="8:8">
      <c r="H207754" s="12"/>
    </row>
    <row r="207755" spans="8:8">
      <c r="H207755" s="12"/>
    </row>
    <row r="207756" spans="8:8">
      <c r="H207756" s="12"/>
    </row>
    <row r="207757" spans="8:8">
      <c r="H207757" s="12"/>
    </row>
    <row r="207758" spans="8:8">
      <c r="H207758" s="12"/>
    </row>
    <row r="207759" spans="8:8">
      <c r="H207759" s="12"/>
    </row>
    <row r="207760" spans="8:8">
      <c r="H207760" s="12"/>
    </row>
    <row r="207761" spans="8:8">
      <c r="H207761" s="12"/>
    </row>
    <row r="207762" spans="8:8">
      <c r="H207762" s="12"/>
    </row>
    <row r="207763" spans="8:8">
      <c r="H207763" s="12"/>
    </row>
    <row r="207764" spans="8:8">
      <c r="H207764" s="12"/>
    </row>
    <row r="207765" spans="8:8">
      <c r="H207765" s="12"/>
    </row>
    <row r="207766" spans="8:8">
      <c r="H207766" s="12"/>
    </row>
    <row r="207767" spans="8:8">
      <c r="H207767" s="12"/>
    </row>
    <row r="207768" spans="8:8">
      <c r="H207768" s="12"/>
    </row>
    <row r="207769" spans="8:8">
      <c r="H207769" s="12"/>
    </row>
    <row r="207770" spans="8:8">
      <c r="H207770" s="12"/>
    </row>
    <row r="207771" spans="8:8">
      <c r="H207771" s="12"/>
    </row>
    <row r="207772" spans="8:8">
      <c r="H207772" s="12"/>
    </row>
    <row r="207773" spans="8:8">
      <c r="H207773" s="12"/>
    </row>
    <row r="207774" spans="8:8">
      <c r="H207774" s="12"/>
    </row>
    <row r="207775" spans="8:8">
      <c r="H207775" s="12"/>
    </row>
    <row r="207776" spans="8:8">
      <c r="H207776" s="12"/>
    </row>
    <row r="207777" spans="8:8">
      <c r="H207777" s="12"/>
    </row>
    <row r="207778" spans="8:8">
      <c r="H207778" s="12"/>
    </row>
    <row r="207779" spans="8:8">
      <c r="H207779" s="12"/>
    </row>
    <row r="207780" spans="8:8">
      <c r="H207780" s="12"/>
    </row>
    <row r="207781" spans="8:8">
      <c r="H207781" s="12"/>
    </row>
    <row r="207782" spans="8:8">
      <c r="H207782" s="12"/>
    </row>
    <row r="207783" spans="8:8">
      <c r="H207783" s="12"/>
    </row>
    <row r="207784" spans="8:8">
      <c r="H207784" s="12"/>
    </row>
    <row r="207785" spans="8:8">
      <c r="H207785" s="12"/>
    </row>
    <row r="207786" spans="8:8">
      <c r="H207786" s="12"/>
    </row>
    <row r="207787" spans="8:8">
      <c r="H207787" s="12"/>
    </row>
    <row r="207788" spans="8:8">
      <c r="H207788" s="12"/>
    </row>
    <row r="207789" spans="8:8">
      <c r="H207789" s="12"/>
    </row>
    <row r="207790" spans="8:8">
      <c r="H207790" s="12"/>
    </row>
    <row r="207791" spans="8:8">
      <c r="H207791" s="12"/>
    </row>
    <row r="207792" spans="8:8">
      <c r="H207792" s="12"/>
    </row>
    <row r="207793" spans="8:8">
      <c r="H207793" s="12"/>
    </row>
    <row r="207794" spans="8:8">
      <c r="H207794" s="12"/>
    </row>
    <row r="207795" spans="8:8">
      <c r="H207795" s="12"/>
    </row>
    <row r="207796" spans="8:8">
      <c r="H207796" s="12"/>
    </row>
    <row r="207797" spans="8:8">
      <c r="H207797" s="12"/>
    </row>
    <row r="207798" spans="8:8">
      <c r="H207798" s="12"/>
    </row>
    <row r="207799" spans="8:8">
      <c r="H207799" s="12"/>
    </row>
    <row r="207800" spans="8:8">
      <c r="H207800" s="12"/>
    </row>
    <row r="207801" spans="8:8">
      <c r="H207801" s="12"/>
    </row>
    <row r="207802" spans="8:8">
      <c r="H207802" s="12"/>
    </row>
    <row r="207803" spans="8:8">
      <c r="H207803" s="12"/>
    </row>
    <row r="207804" spans="8:8">
      <c r="H207804" s="12"/>
    </row>
    <row r="207805" spans="8:8">
      <c r="H207805" s="12"/>
    </row>
    <row r="207806" spans="8:8">
      <c r="H207806" s="12"/>
    </row>
    <row r="207807" spans="8:8">
      <c r="H207807" s="12"/>
    </row>
    <row r="207808" spans="8:8">
      <c r="H207808" s="12"/>
    </row>
    <row r="207809" spans="8:8">
      <c r="H207809" s="12"/>
    </row>
    <row r="207810" spans="8:8">
      <c r="H207810" s="12"/>
    </row>
    <row r="207811" spans="8:8">
      <c r="H207811" s="12"/>
    </row>
    <row r="207812" spans="8:8">
      <c r="H207812" s="12"/>
    </row>
    <row r="207813" spans="8:8">
      <c r="H207813" s="12"/>
    </row>
    <row r="207814" spans="8:8">
      <c r="H207814" s="12"/>
    </row>
    <row r="207815" spans="8:8">
      <c r="H207815" s="12"/>
    </row>
    <row r="207816" spans="8:8">
      <c r="H207816" s="12"/>
    </row>
    <row r="207817" spans="8:8">
      <c r="H207817" s="12"/>
    </row>
    <row r="207818" spans="8:8">
      <c r="H207818" s="12"/>
    </row>
    <row r="207819" spans="8:8">
      <c r="H207819" s="12"/>
    </row>
    <row r="207820" spans="8:8">
      <c r="H207820" s="12"/>
    </row>
    <row r="207821" spans="8:8">
      <c r="H207821" s="12"/>
    </row>
    <row r="207822" spans="8:8">
      <c r="H207822" s="12"/>
    </row>
    <row r="207823" spans="8:8">
      <c r="H207823" s="12"/>
    </row>
    <row r="207824" spans="8:8">
      <c r="H207824" s="12"/>
    </row>
    <row r="207825" spans="8:8">
      <c r="H207825" s="12"/>
    </row>
    <row r="207826" spans="8:8">
      <c r="H207826" s="12"/>
    </row>
    <row r="207827" spans="8:8">
      <c r="H207827" s="12"/>
    </row>
    <row r="207828" spans="8:8">
      <c r="H207828" s="12"/>
    </row>
    <row r="207829" spans="8:8">
      <c r="H207829" s="12"/>
    </row>
    <row r="207830" spans="8:8">
      <c r="H207830" s="12"/>
    </row>
    <row r="207831" spans="8:8">
      <c r="H207831" s="12"/>
    </row>
    <row r="207832" spans="8:8">
      <c r="H207832" s="12"/>
    </row>
    <row r="207833" spans="8:8">
      <c r="H207833" s="12"/>
    </row>
    <row r="207834" spans="8:8">
      <c r="H207834" s="12"/>
    </row>
    <row r="207835" spans="8:8">
      <c r="H207835" s="12"/>
    </row>
    <row r="207836" spans="8:8">
      <c r="H207836" s="12"/>
    </row>
    <row r="207837" spans="8:8">
      <c r="H207837" s="12"/>
    </row>
    <row r="207838" spans="8:8">
      <c r="H207838" s="12"/>
    </row>
    <row r="207839" spans="8:8">
      <c r="H207839" s="12"/>
    </row>
    <row r="207840" spans="8:8">
      <c r="H207840" s="12"/>
    </row>
    <row r="207841" spans="8:8">
      <c r="H207841" s="12"/>
    </row>
    <row r="207842" spans="8:8">
      <c r="H207842" s="12"/>
    </row>
    <row r="207843" spans="8:8">
      <c r="H207843" s="12"/>
    </row>
    <row r="207844" spans="8:8">
      <c r="H207844" s="12"/>
    </row>
    <row r="207845" spans="8:8">
      <c r="H207845" s="12"/>
    </row>
    <row r="207846" spans="8:8">
      <c r="H207846" s="12"/>
    </row>
    <row r="207847" spans="8:8">
      <c r="H207847" s="12"/>
    </row>
    <row r="207848" spans="8:8">
      <c r="H207848" s="12"/>
    </row>
    <row r="207849" spans="8:8">
      <c r="H207849" s="12"/>
    </row>
    <row r="207850" spans="8:8">
      <c r="H207850" s="12"/>
    </row>
    <row r="207851" spans="8:8">
      <c r="H207851" s="12"/>
    </row>
    <row r="207852" spans="8:8">
      <c r="H207852" s="12"/>
    </row>
    <row r="207853" spans="8:8">
      <c r="H207853" s="12"/>
    </row>
    <row r="207854" spans="8:8">
      <c r="H207854" s="12"/>
    </row>
    <row r="207855" spans="8:8">
      <c r="H207855" s="12"/>
    </row>
    <row r="207856" spans="8:8">
      <c r="H207856" s="12"/>
    </row>
    <row r="207857" spans="8:8">
      <c r="H207857" s="12"/>
    </row>
    <row r="207858" spans="8:8">
      <c r="H207858" s="12"/>
    </row>
    <row r="207859" spans="8:8">
      <c r="H207859" s="12"/>
    </row>
    <row r="207860" spans="8:8">
      <c r="H207860" s="12"/>
    </row>
    <row r="207861" spans="8:8">
      <c r="H207861" s="12"/>
    </row>
    <row r="207862" spans="8:8">
      <c r="H207862" s="12"/>
    </row>
    <row r="207863" spans="8:8">
      <c r="H207863" s="12"/>
    </row>
    <row r="207864" spans="8:8">
      <c r="H207864" s="12"/>
    </row>
    <row r="207865" spans="8:8">
      <c r="H207865" s="12"/>
    </row>
    <row r="207866" spans="8:8">
      <c r="H207866" s="12"/>
    </row>
    <row r="207867" spans="8:8">
      <c r="H207867" s="12"/>
    </row>
    <row r="207868" spans="8:8">
      <c r="H207868" s="12"/>
    </row>
    <row r="207869" spans="8:8">
      <c r="H207869" s="12"/>
    </row>
    <row r="207870" spans="8:8">
      <c r="H207870" s="12"/>
    </row>
    <row r="207871" spans="8:8">
      <c r="H207871" s="12"/>
    </row>
    <row r="207872" spans="8:8">
      <c r="H207872" s="12"/>
    </row>
    <row r="207873" spans="8:8">
      <c r="H207873" s="12"/>
    </row>
    <row r="207874" spans="8:8">
      <c r="H207874" s="12"/>
    </row>
    <row r="207875" spans="8:8">
      <c r="H207875" s="12"/>
    </row>
    <row r="207876" spans="8:8">
      <c r="H207876" s="12"/>
    </row>
    <row r="207877" spans="8:8">
      <c r="H207877" s="12"/>
    </row>
    <row r="207878" spans="8:8">
      <c r="H207878" s="12"/>
    </row>
    <row r="207879" spans="8:8">
      <c r="H207879" s="12"/>
    </row>
    <row r="207880" spans="8:8">
      <c r="H207880" s="12"/>
    </row>
    <row r="207881" spans="8:8">
      <c r="H207881" s="12"/>
    </row>
    <row r="207882" spans="8:8">
      <c r="H207882" s="12"/>
    </row>
    <row r="207883" spans="8:8">
      <c r="H207883" s="12"/>
    </row>
    <row r="207884" spans="8:8">
      <c r="H207884" s="12"/>
    </row>
    <row r="207885" spans="8:8">
      <c r="H207885" s="12"/>
    </row>
    <row r="207886" spans="8:8">
      <c r="H207886" s="12"/>
    </row>
    <row r="207887" spans="8:8">
      <c r="H207887" s="12"/>
    </row>
    <row r="207888" spans="8:8">
      <c r="H207888" s="12"/>
    </row>
    <row r="207889" spans="8:8">
      <c r="H207889" s="12"/>
    </row>
    <row r="207890" spans="8:8">
      <c r="H207890" s="12"/>
    </row>
    <row r="207891" spans="8:8">
      <c r="H207891" s="12"/>
    </row>
    <row r="207892" spans="8:8">
      <c r="H207892" s="12"/>
    </row>
    <row r="207893" spans="8:8">
      <c r="H207893" s="12"/>
    </row>
    <row r="207894" spans="8:8">
      <c r="H207894" s="12"/>
    </row>
    <row r="207895" spans="8:8">
      <c r="H207895" s="12"/>
    </row>
    <row r="207896" spans="8:8">
      <c r="H207896" s="12"/>
    </row>
    <row r="207897" spans="8:8">
      <c r="H207897" s="12"/>
    </row>
    <row r="207898" spans="8:8">
      <c r="H207898" s="12"/>
    </row>
    <row r="207899" spans="8:8">
      <c r="H207899" s="12"/>
    </row>
    <row r="207900" spans="8:8">
      <c r="H207900" s="12"/>
    </row>
    <row r="207901" spans="8:8">
      <c r="H207901" s="12"/>
    </row>
    <row r="207902" spans="8:8">
      <c r="H207902" s="12"/>
    </row>
    <row r="207903" spans="8:8">
      <c r="H207903" s="12"/>
    </row>
    <row r="207904" spans="8:8">
      <c r="H207904" s="12"/>
    </row>
    <row r="207905" spans="8:8">
      <c r="H207905" s="12"/>
    </row>
    <row r="207906" spans="8:8">
      <c r="H207906" s="12"/>
    </row>
    <row r="207907" spans="8:8">
      <c r="H207907" s="12"/>
    </row>
    <row r="207908" spans="8:8">
      <c r="H207908" s="12"/>
    </row>
    <row r="207909" spans="8:8">
      <c r="H207909" s="12"/>
    </row>
    <row r="207910" spans="8:8">
      <c r="H207910" s="12"/>
    </row>
    <row r="207911" spans="8:8">
      <c r="H207911" s="12"/>
    </row>
    <row r="207912" spans="8:8">
      <c r="H207912" s="12"/>
    </row>
    <row r="207913" spans="8:8">
      <c r="H207913" s="12"/>
    </row>
    <row r="207914" spans="8:8">
      <c r="H207914" s="12"/>
    </row>
    <row r="207915" spans="8:8">
      <c r="H207915" s="12"/>
    </row>
    <row r="207916" spans="8:8">
      <c r="H207916" s="12"/>
    </row>
    <row r="207917" spans="8:8">
      <c r="H207917" s="12"/>
    </row>
    <row r="207918" spans="8:8">
      <c r="H207918" s="12"/>
    </row>
    <row r="207919" spans="8:8">
      <c r="H207919" s="12"/>
    </row>
    <row r="207920" spans="8:8">
      <c r="H207920" s="12"/>
    </row>
    <row r="207921" spans="8:8">
      <c r="H207921" s="12"/>
    </row>
    <row r="207922" spans="8:8">
      <c r="H207922" s="12"/>
    </row>
    <row r="207923" spans="8:8">
      <c r="H207923" s="12"/>
    </row>
    <row r="207924" spans="8:8">
      <c r="H207924" s="12"/>
    </row>
    <row r="207925" spans="8:8">
      <c r="H207925" s="12"/>
    </row>
    <row r="207926" spans="8:8">
      <c r="H207926" s="12"/>
    </row>
    <row r="207927" spans="8:8">
      <c r="H207927" s="12"/>
    </row>
    <row r="207928" spans="8:8">
      <c r="H207928" s="12"/>
    </row>
    <row r="207929" spans="8:8">
      <c r="H207929" s="12"/>
    </row>
    <row r="207930" spans="8:8">
      <c r="H207930" s="12"/>
    </row>
    <row r="207931" spans="8:8">
      <c r="H207931" s="12"/>
    </row>
    <row r="207932" spans="8:8">
      <c r="H207932" s="12"/>
    </row>
    <row r="207933" spans="8:8">
      <c r="H207933" s="12"/>
    </row>
    <row r="207934" spans="8:8">
      <c r="H207934" s="12"/>
    </row>
    <row r="207935" spans="8:8">
      <c r="H207935" s="12"/>
    </row>
    <row r="207936" spans="8:8">
      <c r="H207936" s="12"/>
    </row>
    <row r="207937" spans="8:8">
      <c r="H207937" s="12"/>
    </row>
    <row r="207938" spans="8:8">
      <c r="H207938" s="12"/>
    </row>
    <row r="207939" spans="8:8">
      <c r="H207939" s="12"/>
    </row>
    <row r="207940" spans="8:8">
      <c r="H207940" s="12"/>
    </row>
    <row r="207941" spans="8:8">
      <c r="H207941" s="12"/>
    </row>
    <row r="207942" spans="8:8">
      <c r="H207942" s="12"/>
    </row>
    <row r="207943" spans="8:8">
      <c r="H207943" s="12"/>
    </row>
    <row r="207944" spans="8:8">
      <c r="H207944" s="12"/>
    </row>
    <row r="207945" spans="8:8">
      <c r="H207945" s="12"/>
    </row>
    <row r="207946" spans="8:8">
      <c r="H207946" s="12"/>
    </row>
    <row r="207947" spans="8:8">
      <c r="H207947" s="12"/>
    </row>
    <row r="207948" spans="8:8">
      <c r="H207948" s="12"/>
    </row>
    <row r="207949" spans="8:8">
      <c r="H207949" s="12"/>
    </row>
    <row r="207950" spans="8:8">
      <c r="H207950" s="12"/>
    </row>
    <row r="207951" spans="8:8">
      <c r="H207951" s="12"/>
    </row>
    <row r="207952" spans="8:8">
      <c r="H207952" s="12"/>
    </row>
    <row r="207953" spans="8:8">
      <c r="H207953" s="12"/>
    </row>
    <row r="207954" spans="8:8">
      <c r="H207954" s="12"/>
    </row>
    <row r="207955" spans="8:8">
      <c r="H207955" s="12"/>
    </row>
    <row r="207956" spans="8:8">
      <c r="H207956" s="12"/>
    </row>
    <row r="207957" spans="8:8">
      <c r="H207957" s="12"/>
    </row>
    <row r="207958" spans="8:8">
      <c r="H207958" s="12"/>
    </row>
    <row r="207959" spans="8:8">
      <c r="H207959" s="12"/>
    </row>
    <row r="207960" spans="8:8">
      <c r="H207960" s="12"/>
    </row>
    <row r="207961" spans="8:8">
      <c r="H207961" s="12"/>
    </row>
    <row r="207962" spans="8:8">
      <c r="H207962" s="12"/>
    </row>
    <row r="207963" spans="8:8">
      <c r="H207963" s="12"/>
    </row>
    <row r="207964" spans="8:8">
      <c r="H207964" s="12"/>
    </row>
    <row r="207965" spans="8:8">
      <c r="H207965" s="12"/>
    </row>
    <row r="207966" spans="8:8">
      <c r="H207966" s="12"/>
    </row>
    <row r="207967" spans="8:8">
      <c r="H207967" s="12"/>
    </row>
    <row r="207968" spans="8:8">
      <c r="H207968" s="12"/>
    </row>
    <row r="207969" spans="8:8">
      <c r="H207969" s="12"/>
    </row>
    <row r="207970" spans="8:8">
      <c r="H207970" s="12"/>
    </row>
    <row r="207971" spans="8:8">
      <c r="H207971" s="12"/>
    </row>
    <row r="207972" spans="8:8">
      <c r="H207972" s="12"/>
    </row>
    <row r="207973" spans="8:8">
      <c r="H207973" s="12"/>
    </row>
    <row r="207974" spans="8:8">
      <c r="H207974" s="12"/>
    </row>
    <row r="207975" spans="8:8">
      <c r="H207975" s="12"/>
    </row>
    <row r="207976" spans="8:8">
      <c r="H207976" s="12"/>
    </row>
    <row r="207977" spans="8:8">
      <c r="H207977" s="12"/>
    </row>
    <row r="207978" spans="8:8">
      <c r="H207978" s="12"/>
    </row>
    <row r="207979" spans="8:8">
      <c r="H207979" s="12"/>
    </row>
    <row r="207980" spans="8:8">
      <c r="H207980" s="12"/>
    </row>
    <row r="207981" spans="8:8">
      <c r="H207981" s="12"/>
    </row>
    <row r="207982" spans="8:8">
      <c r="H207982" s="12"/>
    </row>
    <row r="207983" spans="8:8">
      <c r="H207983" s="12"/>
    </row>
    <row r="207984" spans="8:8">
      <c r="H207984" s="12"/>
    </row>
    <row r="207985" spans="8:8">
      <c r="H207985" s="12"/>
    </row>
    <row r="207986" spans="8:8">
      <c r="H207986" s="12"/>
    </row>
    <row r="207987" spans="8:8">
      <c r="H207987" s="12"/>
    </row>
    <row r="207988" spans="8:8">
      <c r="H207988" s="12"/>
    </row>
    <row r="207989" spans="8:8">
      <c r="H207989" s="12"/>
    </row>
    <row r="207990" spans="8:8">
      <c r="H207990" s="12"/>
    </row>
    <row r="207991" spans="8:8">
      <c r="H207991" s="12"/>
    </row>
    <row r="207992" spans="8:8">
      <c r="H207992" s="12"/>
    </row>
    <row r="207993" spans="8:8">
      <c r="H207993" s="12"/>
    </row>
    <row r="207994" spans="8:8">
      <c r="H207994" s="12"/>
    </row>
    <row r="207995" spans="8:8">
      <c r="H207995" s="12"/>
    </row>
    <row r="207996" spans="8:8">
      <c r="H207996" s="12"/>
    </row>
    <row r="207997" spans="8:8">
      <c r="H207997" s="12"/>
    </row>
    <row r="207998" spans="8:8">
      <c r="H207998" s="12"/>
    </row>
    <row r="207999" spans="8:8">
      <c r="H207999" s="12"/>
    </row>
    <row r="208000" spans="8:8">
      <c r="H208000" s="12"/>
    </row>
    <row r="208001" spans="8:8">
      <c r="H208001" s="12"/>
    </row>
    <row r="208002" spans="8:8">
      <c r="H208002" s="12"/>
    </row>
    <row r="208003" spans="8:8">
      <c r="H208003" s="12"/>
    </row>
    <row r="208004" spans="8:8">
      <c r="H208004" s="12"/>
    </row>
    <row r="208005" spans="8:8">
      <c r="H208005" s="12"/>
    </row>
    <row r="208006" spans="8:8">
      <c r="H208006" s="12"/>
    </row>
    <row r="208007" spans="8:8">
      <c r="H208007" s="12"/>
    </row>
    <row r="208008" spans="8:8">
      <c r="H208008" s="12"/>
    </row>
    <row r="208009" spans="8:8">
      <c r="H208009" s="12"/>
    </row>
    <row r="208010" spans="8:8">
      <c r="H208010" s="12"/>
    </row>
    <row r="208011" spans="8:8">
      <c r="H208011" s="12"/>
    </row>
    <row r="208012" spans="8:8">
      <c r="H208012" s="12"/>
    </row>
    <row r="208013" spans="8:8">
      <c r="H208013" s="12"/>
    </row>
    <row r="208014" spans="8:8">
      <c r="H208014" s="12"/>
    </row>
    <row r="208015" spans="8:8">
      <c r="H208015" s="12"/>
    </row>
    <row r="208016" spans="8:8">
      <c r="H208016" s="12"/>
    </row>
    <row r="208017" spans="8:8">
      <c r="H208017" s="12"/>
    </row>
    <row r="208018" spans="8:8">
      <c r="H208018" s="12"/>
    </row>
    <row r="208019" spans="8:8">
      <c r="H208019" s="12"/>
    </row>
    <row r="208020" spans="8:8">
      <c r="H208020" s="12"/>
    </row>
    <row r="208021" spans="8:8">
      <c r="H208021" s="12"/>
    </row>
    <row r="208022" spans="8:8">
      <c r="H208022" s="12"/>
    </row>
    <row r="208023" spans="8:8">
      <c r="H208023" s="12"/>
    </row>
    <row r="208024" spans="8:8">
      <c r="H208024" s="12"/>
    </row>
    <row r="208025" spans="8:8">
      <c r="H208025" s="12"/>
    </row>
    <row r="208026" spans="8:8">
      <c r="H208026" s="12"/>
    </row>
    <row r="208027" spans="8:8">
      <c r="H208027" s="12"/>
    </row>
    <row r="208028" spans="8:8">
      <c r="H208028" s="12"/>
    </row>
    <row r="208029" spans="8:8">
      <c r="H208029" s="12"/>
    </row>
    <row r="208030" spans="8:8">
      <c r="H208030" s="12"/>
    </row>
    <row r="208031" spans="8:8">
      <c r="H208031" s="12"/>
    </row>
    <row r="208032" spans="8:8">
      <c r="H208032" s="12"/>
    </row>
    <row r="208033" spans="8:8">
      <c r="H208033" s="12"/>
    </row>
    <row r="208034" spans="8:8">
      <c r="H208034" s="12"/>
    </row>
    <row r="208035" spans="8:8">
      <c r="H208035" s="12"/>
    </row>
    <row r="208036" spans="8:8">
      <c r="H208036" s="12"/>
    </row>
    <row r="208037" spans="8:8">
      <c r="H208037" s="12"/>
    </row>
    <row r="208038" spans="8:8">
      <c r="H208038" s="12"/>
    </row>
    <row r="208039" spans="8:8">
      <c r="H208039" s="12"/>
    </row>
    <row r="208040" spans="8:8">
      <c r="H208040" s="12"/>
    </row>
    <row r="208041" spans="8:8">
      <c r="H208041" s="12"/>
    </row>
    <row r="208042" spans="8:8">
      <c r="H208042" s="12"/>
    </row>
    <row r="208043" spans="8:8">
      <c r="H208043" s="12"/>
    </row>
    <row r="208044" spans="8:8">
      <c r="H208044" s="12"/>
    </row>
    <row r="208045" spans="8:8">
      <c r="H208045" s="12"/>
    </row>
    <row r="208046" spans="8:8">
      <c r="H208046" s="12"/>
    </row>
    <row r="208047" spans="8:8">
      <c r="H208047" s="12"/>
    </row>
    <row r="208048" spans="8:8">
      <c r="H208048" s="12"/>
    </row>
    <row r="208049" spans="8:8">
      <c r="H208049" s="12"/>
    </row>
    <row r="208050" spans="8:8">
      <c r="H208050" s="12"/>
    </row>
    <row r="208051" spans="8:8">
      <c r="H208051" s="12"/>
    </row>
    <row r="208052" spans="8:8">
      <c r="H208052" s="12"/>
    </row>
    <row r="208053" spans="8:8">
      <c r="H208053" s="12"/>
    </row>
    <row r="208054" spans="8:8">
      <c r="H208054" s="12"/>
    </row>
    <row r="208055" spans="8:8">
      <c r="H208055" s="12"/>
    </row>
    <row r="208056" spans="8:8">
      <c r="H208056" s="12"/>
    </row>
    <row r="208057" spans="8:8">
      <c r="H208057" s="12"/>
    </row>
    <row r="208058" spans="8:8">
      <c r="H208058" s="12"/>
    </row>
    <row r="208059" spans="8:8">
      <c r="H208059" s="12"/>
    </row>
    <row r="208060" spans="8:8">
      <c r="H208060" s="12"/>
    </row>
    <row r="208061" spans="8:8">
      <c r="H208061" s="12"/>
    </row>
    <row r="208062" spans="8:8">
      <c r="H208062" s="12"/>
    </row>
    <row r="208063" spans="8:8">
      <c r="H208063" s="12"/>
    </row>
    <row r="208064" spans="8:8">
      <c r="H208064" s="12"/>
    </row>
    <row r="208065" spans="8:8">
      <c r="H208065" s="12"/>
    </row>
    <row r="208066" spans="8:8">
      <c r="H208066" s="12"/>
    </row>
    <row r="208067" spans="8:8">
      <c r="H208067" s="12"/>
    </row>
    <row r="208068" spans="8:8">
      <c r="H208068" s="12"/>
    </row>
    <row r="208069" spans="8:8">
      <c r="H208069" s="12"/>
    </row>
    <row r="208070" spans="8:8">
      <c r="H208070" s="12"/>
    </row>
    <row r="208071" spans="8:8">
      <c r="H208071" s="12"/>
    </row>
    <row r="208072" spans="8:8">
      <c r="H208072" s="12"/>
    </row>
    <row r="208073" spans="8:8">
      <c r="H208073" s="12"/>
    </row>
    <row r="208074" spans="8:8">
      <c r="H208074" s="12"/>
    </row>
    <row r="208075" spans="8:8">
      <c r="H208075" s="12"/>
    </row>
    <row r="208076" spans="8:8">
      <c r="H208076" s="12"/>
    </row>
    <row r="208077" spans="8:8">
      <c r="H208077" s="12"/>
    </row>
    <row r="208078" spans="8:8">
      <c r="H208078" s="12"/>
    </row>
    <row r="208079" spans="8:8">
      <c r="H208079" s="12"/>
    </row>
    <row r="208080" spans="8:8">
      <c r="H208080" s="12"/>
    </row>
    <row r="208081" spans="8:8">
      <c r="H208081" s="12"/>
    </row>
    <row r="208082" spans="8:8">
      <c r="H208082" s="12"/>
    </row>
    <row r="208083" spans="8:8">
      <c r="H208083" s="12"/>
    </row>
    <row r="208084" spans="8:8">
      <c r="H208084" s="12"/>
    </row>
    <row r="208085" spans="8:8">
      <c r="H208085" s="12"/>
    </row>
    <row r="208086" spans="8:8">
      <c r="H208086" s="12"/>
    </row>
    <row r="208087" spans="8:8">
      <c r="H208087" s="12"/>
    </row>
    <row r="208088" spans="8:8">
      <c r="H208088" s="12"/>
    </row>
    <row r="208089" spans="8:8">
      <c r="H208089" s="12"/>
    </row>
    <row r="208090" spans="8:8">
      <c r="H208090" s="12"/>
    </row>
    <row r="208091" spans="8:8">
      <c r="H208091" s="12"/>
    </row>
    <row r="208092" spans="8:8">
      <c r="H208092" s="12"/>
    </row>
    <row r="208093" spans="8:8">
      <c r="H208093" s="12"/>
    </row>
    <row r="208094" spans="8:8">
      <c r="H208094" s="12"/>
    </row>
    <row r="208095" spans="8:8">
      <c r="H208095" s="12"/>
    </row>
    <row r="208096" spans="8:8">
      <c r="H208096" s="12"/>
    </row>
    <row r="208097" spans="8:8">
      <c r="H208097" s="12"/>
    </row>
    <row r="208098" spans="8:8">
      <c r="H208098" s="12"/>
    </row>
    <row r="208099" spans="8:8">
      <c r="H208099" s="12"/>
    </row>
    <row r="208100" spans="8:8">
      <c r="H208100" s="12"/>
    </row>
    <row r="208101" spans="8:8">
      <c r="H208101" s="12"/>
    </row>
    <row r="208102" spans="8:8">
      <c r="H208102" s="12"/>
    </row>
    <row r="208103" spans="8:8">
      <c r="H208103" s="12"/>
    </row>
    <row r="208104" spans="8:8">
      <c r="H208104" s="12"/>
    </row>
    <row r="208105" spans="8:8">
      <c r="H208105" s="12"/>
    </row>
    <row r="208106" spans="8:8">
      <c r="H208106" s="12"/>
    </row>
    <row r="208107" spans="8:8">
      <c r="H208107" s="12"/>
    </row>
    <row r="208108" spans="8:8">
      <c r="H208108" s="12"/>
    </row>
    <row r="208109" spans="8:8">
      <c r="H208109" s="12"/>
    </row>
    <row r="208110" spans="8:8">
      <c r="H208110" s="12"/>
    </row>
    <row r="208111" spans="8:8">
      <c r="H208111" s="12"/>
    </row>
    <row r="208112" spans="8:8">
      <c r="H208112" s="12"/>
    </row>
    <row r="208113" spans="8:8">
      <c r="H208113" s="12"/>
    </row>
    <row r="208114" spans="8:8">
      <c r="H208114" s="12"/>
    </row>
    <row r="208115" spans="8:8">
      <c r="H208115" s="12"/>
    </row>
    <row r="208116" spans="8:8">
      <c r="H208116" s="12"/>
    </row>
    <row r="208117" spans="8:8">
      <c r="H208117" s="12"/>
    </row>
    <row r="208118" spans="8:8">
      <c r="H208118" s="12"/>
    </row>
    <row r="208119" spans="8:8">
      <c r="H208119" s="12"/>
    </row>
    <row r="208120" spans="8:8">
      <c r="H208120" s="12"/>
    </row>
    <row r="208121" spans="8:8">
      <c r="H208121" s="12"/>
    </row>
    <row r="208122" spans="8:8">
      <c r="H208122" s="12"/>
    </row>
    <row r="208123" spans="8:8">
      <c r="H208123" s="12"/>
    </row>
    <row r="208124" spans="8:8">
      <c r="H208124" s="12"/>
    </row>
    <row r="208125" spans="8:8">
      <c r="H208125" s="12"/>
    </row>
    <row r="208126" spans="8:8">
      <c r="H208126" s="12"/>
    </row>
    <row r="208127" spans="8:8">
      <c r="H208127" s="12"/>
    </row>
    <row r="208128" spans="8:8">
      <c r="H208128" s="12"/>
    </row>
    <row r="208129" spans="8:8">
      <c r="H208129" s="12"/>
    </row>
    <row r="208130" spans="8:8">
      <c r="H208130" s="12"/>
    </row>
    <row r="208131" spans="8:8">
      <c r="H208131" s="12"/>
    </row>
    <row r="208132" spans="8:8">
      <c r="H208132" s="12"/>
    </row>
    <row r="208133" spans="8:8">
      <c r="H208133" s="12"/>
    </row>
    <row r="208134" spans="8:8">
      <c r="H208134" s="12"/>
    </row>
    <row r="208135" spans="8:8">
      <c r="H208135" s="12"/>
    </row>
    <row r="208136" spans="8:8">
      <c r="H208136" s="12"/>
    </row>
    <row r="208137" spans="8:8">
      <c r="H208137" s="12"/>
    </row>
    <row r="208138" spans="8:8">
      <c r="H208138" s="12"/>
    </row>
    <row r="208139" spans="8:8">
      <c r="H208139" s="12"/>
    </row>
    <row r="208140" spans="8:8">
      <c r="H208140" s="12"/>
    </row>
    <row r="208141" spans="8:8">
      <c r="H208141" s="12"/>
    </row>
    <row r="208142" spans="8:8">
      <c r="H208142" s="12"/>
    </row>
    <row r="208143" spans="8:8">
      <c r="H208143" s="12"/>
    </row>
    <row r="208144" spans="8:8">
      <c r="H208144" s="12"/>
    </row>
    <row r="208145" spans="8:8">
      <c r="H208145" s="12"/>
    </row>
    <row r="208146" spans="8:8">
      <c r="H208146" s="12"/>
    </row>
    <row r="208147" spans="8:8">
      <c r="H208147" s="12"/>
    </row>
    <row r="208148" spans="8:8">
      <c r="H208148" s="12"/>
    </row>
    <row r="208149" spans="8:8">
      <c r="H208149" s="12"/>
    </row>
    <row r="208150" spans="8:8">
      <c r="H208150" s="12"/>
    </row>
    <row r="208151" spans="8:8">
      <c r="H208151" s="12"/>
    </row>
    <row r="208152" spans="8:8">
      <c r="H208152" s="12"/>
    </row>
    <row r="208153" spans="8:8">
      <c r="H208153" s="12"/>
    </row>
    <row r="208154" spans="8:8">
      <c r="H208154" s="12"/>
    </row>
    <row r="208155" spans="8:8">
      <c r="H208155" s="12"/>
    </row>
    <row r="208156" spans="8:8">
      <c r="H208156" s="12"/>
    </row>
    <row r="208157" spans="8:8">
      <c r="H208157" s="12"/>
    </row>
    <row r="208158" spans="8:8">
      <c r="H208158" s="12"/>
    </row>
    <row r="208159" spans="8:8">
      <c r="H208159" s="12"/>
    </row>
    <row r="208160" spans="8:8">
      <c r="H208160" s="12"/>
    </row>
    <row r="208161" spans="8:8">
      <c r="H208161" s="12"/>
    </row>
    <row r="208162" spans="8:8">
      <c r="H208162" s="12"/>
    </row>
    <row r="208163" spans="8:8">
      <c r="H208163" s="12"/>
    </row>
    <row r="208164" spans="8:8">
      <c r="H208164" s="12"/>
    </row>
    <row r="208165" spans="8:8">
      <c r="H208165" s="12"/>
    </row>
    <row r="208166" spans="8:8">
      <c r="H208166" s="12"/>
    </row>
    <row r="208167" spans="8:8">
      <c r="H208167" s="12"/>
    </row>
    <row r="208168" spans="8:8">
      <c r="H208168" s="12"/>
    </row>
    <row r="208169" spans="8:8">
      <c r="H208169" s="12"/>
    </row>
    <row r="208170" spans="8:8">
      <c r="H208170" s="12"/>
    </row>
    <row r="208171" spans="8:8">
      <c r="H208171" s="12"/>
    </row>
    <row r="208172" spans="8:8">
      <c r="H208172" s="12"/>
    </row>
    <row r="208173" spans="8:8">
      <c r="H208173" s="12"/>
    </row>
    <row r="208174" spans="8:8">
      <c r="H208174" s="12"/>
    </row>
    <row r="208175" spans="8:8">
      <c r="H208175" s="12"/>
    </row>
    <row r="208176" spans="8:8">
      <c r="H208176" s="12"/>
    </row>
    <row r="208177" spans="8:8">
      <c r="H208177" s="12"/>
    </row>
    <row r="208178" spans="8:8">
      <c r="H208178" s="12"/>
    </row>
    <row r="208179" spans="8:8">
      <c r="H208179" s="12"/>
    </row>
    <row r="208180" spans="8:8">
      <c r="H208180" s="12"/>
    </row>
    <row r="208181" spans="8:8">
      <c r="H208181" s="12"/>
    </row>
    <row r="208182" spans="8:8">
      <c r="H208182" s="12"/>
    </row>
    <row r="208183" spans="8:8">
      <c r="H208183" s="12"/>
    </row>
    <row r="208184" spans="8:8">
      <c r="H208184" s="12"/>
    </row>
    <row r="208185" spans="8:8">
      <c r="H208185" s="12"/>
    </row>
    <row r="208186" spans="8:8">
      <c r="H208186" s="12"/>
    </row>
    <row r="208187" spans="8:8">
      <c r="H208187" s="12"/>
    </row>
    <row r="208188" spans="8:8">
      <c r="H208188" s="12"/>
    </row>
    <row r="208189" spans="8:8">
      <c r="H208189" s="12"/>
    </row>
    <row r="208190" spans="8:8">
      <c r="H208190" s="12"/>
    </row>
    <row r="208191" spans="8:8">
      <c r="H208191" s="12"/>
    </row>
    <row r="208192" spans="8:8">
      <c r="H208192" s="12"/>
    </row>
    <row r="208193" spans="8:8">
      <c r="H208193" s="12"/>
    </row>
    <row r="208194" spans="8:8">
      <c r="H208194" s="12"/>
    </row>
    <row r="208195" spans="8:8">
      <c r="H208195" s="12"/>
    </row>
    <row r="208196" spans="8:8">
      <c r="H208196" s="12"/>
    </row>
    <row r="208197" spans="8:8">
      <c r="H208197" s="12"/>
    </row>
    <row r="208198" spans="8:8">
      <c r="H208198" s="12"/>
    </row>
    <row r="208199" spans="8:8">
      <c r="H208199" s="12"/>
    </row>
    <row r="208200" spans="8:8">
      <c r="H208200" s="12"/>
    </row>
    <row r="208201" spans="8:8">
      <c r="H208201" s="12"/>
    </row>
    <row r="208202" spans="8:8">
      <c r="H208202" s="12"/>
    </row>
    <row r="208203" spans="8:8">
      <c r="H208203" s="12"/>
    </row>
    <row r="208204" spans="8:8">
      <c r="H208204" s="12"/>
    </row>
    <row r="208205" spans="8:8">
      <c r="H208205" s="12"/>
    </row>
    <row r="208206" spans="8:8">
      <c r="H208206" s="12"/>
    </row>
    <row r="208207" spans="8:8">
      <c r="H208207" s="12"/>
    </row>
    <row r="208208" spans="8:8">
      <c r="H208208" s="12"/>
    </row>
    <row r="208209" spans="8:8">
      <c r="H208209" s="12"/>
    </row>
    <row r="208210" spans="8:8">
      <c r="H208210" s="12"/>
    </row>
    <row r="208211" spans="8:8">
      <c r="H208211" s="12"/>
    </row>
    <row r="208212" spans="8:8">
      <c r="H208212" s="12"/>
    </row>
    <row r="208213" spans="8:8">
      <c r="H208213" s="12"/>
    </row>
    <row r="208214" spans="8:8">
      <c r="H208214" s="12"/>
    </row>
    <row r="208215" spans="8:8">
      <c r="H208215" s="12"/>
    </row>
    <row r="208216" spans="8:8">
      <c r="H208216" s="12"/>
    </row>
    <row r="208217" spans="8:8">
      <c r="H208217" s="12"/>
    </row>
    <row r="208218" spans="8:8">
      <c r="H208218" s="12"/>
    </row>
    <row r="208219" spans="8:8">
      <c r="H208219" s="12"/>
    </row>
    <row r="208220" spans="8:8">
      <c r="H208220" s="12"/>
    </row>
    <row r="208221" spans="8:8">
      <c r="H208221" s="12"/>
    </row>
    <row r="208222" spans="8:8">
      <c r="H208222" s="12"/>
    </row>
    <row r="208223" spans="8:8">
      <c r="H208223" s="12"/>
    </row>
    <row r="208224" spans="8:8">
      <c r="H208224" s="12"/>
    </row>
    <row r="208225" spans="8:8">
      <c r="H208225" s="12"/>
    </row>
    <row r="208226" spans="8:8">
      <c r="H208226" s="12"/>
    </row>
    <row r="208227" spans="8:8">
      <c r="H208227" s="12"/>
    </row>
    <row r="208228" spans="8:8">
      <c r="H208228" s="12"/>
    </row>
    <row r="208229" spans="8:8">
      <c r="H208229" s="12"/>
    </row>
    <row r="208230" spans="8:8">
      <c r="H208230" s="12"/>
    </row>
    <row r="208231" spans="8:8">
      <c r="H208231" s="12"/>
    </row>
    <row r="208232" spans="8:8">
      <c r="H208232" s="12"/>
    </row>
    <row r="208233" spans="8:8">
      <c r="H208233" s="12"/>
    </row>
    <row r="208234" spans="8:8">
      <c r="H208234" s="12"/>
    </row>
    <row r="208235" spans="8:8">
      <c r="H208235" s="12"/>
    </row>
    <row r="208236" spans="8:8">
      <c r="H208236" s="12"/>
    </row>
    <row r="208237" spans="8:8">
      <c r="H208237" s="12"/>
    </row>
    <row r="208238" spans="8:8">
      <c r="H208238" s="12"/>
    </row>
    <row r="208239" spans="8:8">
      <c r="H208239" s="12"/>
    </row>
    <row r="208240" spans="8:8">
      <c r="H208240" s="12"/>
    </row>
    <row r="208241" spans="8:8">
      <c r="H208241" s="12"/>
    </row>
    <row r="208242" spans="8:8">
      <c r="H208242" s="12"/>
    </row>
    <row r="208243" spans="8:8">
      <c r="H208243" s="12"/>
    </row>
    <row r="208244" spans="8:8">
      <c r="H208244" s="12"/>
    </row>
    <row r="208245" spans="8:8">
      <c r="H208245" s="12"/>
    </row>
    <row r="208246" spans="8:8">
      <c r="H208246" s="12"/>
    </row>
    <row r="208247" spans="8:8">
      <c r="H208247" s="12"/>
    </row>
    <row r="208248" spans="8:8">
      <c r="H208248" s="12"/>
    </row>
    <row r="208249" spans="8:8">
      <c r="H208249" s="12"/>
    </row>
    <row r="208250" spans="8:8">
      <c r="H208250" s="12"/>
    </row>
    <row r="208251" spans="8:8">
      <c r="H208251" s="12"/>
    </row>
    <row r="208252" spans="8:8">
      <c r="H208252" s="12"/>
    </row>
    <row r="208253" spans="8:8">
      <c r="H208253" s="12"/>
    </row>
    <row r="208254" spans="8:8">
      <c r="H208254" s="12"/>
    </row>
    <row r="208255" spans="8:8">
      <c r="H208255" s="12"/>
    </row>
    <row r="208256" spans="8:8">
      <c r="H208256" s="12"/>
    </row>
    <row r="208257" spans="8:8">
      <c r="H208257" s="12"/>
    </row>
    <row r="208258" spans="8:8">
      <c r="H208258" s="12"/>
    </row>
    <row r="208259" spans="8:8">
      <c r="H208259" s="12"/>
    </row>
    <row r="208260" spans="8:8">
      <c r="H208260" s="12"/>
    </row>
    <row r="208261" spans="8:8">
      <c r="H208261" s="12"/>
    </row>
    <row r="208262" spans="8:8">
      <c r="H208262" s="12"/>
    </row>
    <row r="208263" spans="8:8">
      <c r="H208263" s="12"/>
    </row>
    <row r="208264" spans="8:8">
      <c r="H208264" s="12"/>
    </row>
    <row r="208265" spans="8:8">
      <c r="H208265" s="12"/>
    </row>
    <row r="208266" spans="8:8">
      <c r="H208266" s="12"/>
    </row>
    <row r="208267" spans="8:8">
      <c r="H208267" s="12"/>
    </row>
    <row r="208268" spans="8:8">
      <c r="H208268" s="12"/>
    </row>
    <row r="208269" spans="8:8">
      <c r="H208269" s="12"/>
    </row>
    <row r="208270" spans="8:8">
      <c r="H208270" s="12"/>
    </row>
    <row r="208271" spans="8:8">
      <c r="H208271" s="12"/>
    </row>
    <row r="208272" spans="8:8">
      <c r="H208272" s="12"/>
    </row>
    <row r="208273" spans="8:8">
      <c r="H208273" s="12"/>
    </row>
    <row r="208274" spans="8:8">
      <c r="H208274" s="12"/>
    </row>
    <row r="208275" spans="8:8">
      <c r="H208275" s="12"/>
    </row>
    <row r="208276" spans="8:8">
      <c r="H208276" s="12"/>
    </row>
    <row r="208277" spans="8:8">
      <c r="H208277" s="12"/>
    </row>
    <row r="208278" spans="8:8">
      <c r="H208278" s="12"/>
    </row>
    <row r="208279" spans="8:8">
      <c r="H208279" s="12"/>
    </row>
    <row r="208280" spans="8:8">
      <c r="H208280" s="12"/>
    </row>
    <row r="208281" spans="8:8">
      <c r="H208281" s="12"/>
    </row>
    <row r="208282" spans="8:8">
      <c r="H208282" s="12"/>
    </row>
    <row r="208283" spans="8:8">
      <c r="H208283" s="12"/>
    </row>
    <row r="208284" spans="8:8">
      <c r="H208284" s="12"/>
    </row>
    <row r="208285" spans="8:8">
      <c r="H208285" s="12"/>
    </row>
    <row r="208286" spans="8:8">
      <c r="H208286" s="12"/>
    </row>
    <row r="208287" spans="8:8">
      <c r="H208287" s="12"/>
    </row>
    <row r="208288" spans="8:8">
      <c r="H208288" s="12"/>
    </row>
    <row r="208289" spans="8:8">
      <c r="H208289" s="12"/>
    </row>
    <row r="208290" spans="8:8">
      <c r="H208290" s="12"/>
    </row>
    <row r="208291" spans="8:8">
      <c r="H208291" s="12"/>
    </row>
    <row r="208292" spans="8:8">
      <c r="H208292" s="12"/>
    </row>
    <row r="208293" spans="8:8">
      <c r="H208293" s="12"/>
    </row>
    <row r="208294" spans="8:8">
      <c r="H208294" s="12"/>
    </row>
    <row r="208295" spans="8:8">
      <c r="H208295" s="12"/>
    </row>
    <row r="208296" spans="8:8">
      <c r="H208296" s="12"/>
    </row>
    <row r="208297" spans="8:8">
      <c r="H208297" s="12"/>
    </row>
    <row r="208298" spans="8:8">
      <c r="H208298" s="12"/>
    </row>
    <row r="208299" spans="8:8">
      <c r="H208299" s="12"/>
    </row>
    <row r="208300" spans="8:8">
      <c r="H208300" s="12"/>
    </row>
    <row r="208301" spans="8:8">
      <c r="H208301" s="12"/>
    </row>
    <row r="208302" spans="8:8">
      <c r="H208302" s="12"/>
    </row>
    <row r="208303" spans="8:8">
      <c r="H208303" s="12"/>
    </row>
    <row r="208304" spans="8:8">
      <c r="H208304" s="12"/>
    </row>
    <row r="208305" spans="8:8">
      <c r="H208305" s="12"/>
    </row>
    <row r="208306" spans="8:8">
      <c r="H208306" s="12"/>
    </row>
    <row r="208307" spans="8:8">
      <c r="H208307" s="12"/>
    </row>
    <row r="208308" spans="8:8">
      <c r="H208308" s="12"/>
    </row>
    <row r="208309" spans="8:8">
      <c r="H208309" s="12"/>
    </row>
    <row r="208310" spans="8:8">
      <c r="H208310" s="12"/>
    </row>
    <row r="208311" spans="8:8">
      <c r="H208311" s="12"/>
    </row>
    <row r="208312" spans="8:8">
      <c r="H208312" s="12"/>
    </row>
    <row r="208313" spans="8:8">
      <c r="H208313" s="12"/>
    </row>
    <row r="208314" spans="8:8">
      <c r="H208314" s="12"/>
    </row>
    <row r="208315" spans="8:8">
      <c r="H208315" s="12"/>
    </row>
    <row r="208316" spans="8:8">
      <c r="H208316" s="12"/>
    </row>
    <row r="208317" spans="8:8">
      <c r="H208317" s="12"/>
    </row>
    <row r="208318" spans="8:8">
      <c r="H208318" s="12"/>
    </row>
    <row r="208319" spans="8:8">
      <c r="H208319" s="12"/>
    </row>
    <row r="208320" spans="8:8">
      <c r="H208320" s="12"/>
    </row>
    <row r="208321" spans="8:8">
      <c r="H208321" s="12"/>
    </row>
    <row r="208322" spans="8:8">
      <c r="H208322" s="12"/>
    </row>
    <row r="208323" spans="8:8">
      <c r="H208323" s="12"/>
    </row>
    <row r="208324" spans="8:8">
      <c r="H208324" s="12"/>
    </row>
    <row r="208325" spans="8:8">
      <c r="H208325" s="12"/>
    </row>
    <row r="208326" spans="8:8">
      <c r="H208326" s="12"/>
    </row>
    <row r="208327" spans="8:8">
      <c r="H208327" s="12"/>
    </row>
    <row r="208328" spans="8:8">
      <c r="H208328" s="12"/>
    </row>
    <row r="208329" spans="8:8">
      <c r="H208329" s="12"/>
    </row>
    <row r="208330" spans="8:8">
      <c r="H208330" s="12"/>
    </row>
    <row r="208331" spans="8:8">
      <c r="H208331" s="12"/>
    </row>
    <row r="208332" spans="8:8">
      <c r="H208332" s="12"/>
    </row>
    <row r="208333" spans="8:8">
      <c r="H208333" s="12"/>
    </row>
    <row r="208334" spans="8:8">
      <c r="H208334" s="12"/>
    </row>
    <row r="208335" spans="8:8">
      <c r="H208335" s="12"/>
    </row>
    <row r="208336" spans="8:8">
      <c r="H208336" s="12"/>
    </row>
    <row r="208337" spans="8:8">
      <c r="H208337" s="12"/>
    </row>
    <row r="208338" spans="8:8">
      <c r="H208338" s="12"/>
    </row>
    <row r="208339" spans="8:8">
      <c r="H208339" s="12"/>
    </row>
    <row r="208340" spans="8:8">
      <c r="H208340" s="12"/>
    </row>
    <row r="208341" spans="8:8">
      <c r="H208341" s="12"/>
    </row>
    <row r="208342" spans="8:8">
      <c r="H208342" s="12"/>
    </row>
    <row r="208343" spans="8:8">
      <c r="H208343" s="12"/>
    </row>
    <row r="208344" spans="8:8">
      <c r="H208344" s="12"/>
    </row>
    <row r="208345" spans="8:8">
      <c r="H208345" s="12"/>
    </row>
    <row r="208346" spans="8:8">
      <c r="H208346" s="12"/>
    </row>
    <row r="208347" spans="8:8">
      <c r="H208347" s="12"/>
    </row>
    <row r="208348" spans="8:8">
      <c r="H208348" s="12"/>
    </row>
    <row r="208349" spans="8:8">
      <c r="H208349" s="12"/>
    </row>
    <row r="208350" spans="8:8">
      <c r="H208350" s="12"/>
    </row>
    <row r="208351" spans="8:8">
      <c r="H208351" s="12"/>
    </row>
    <row r="208352" spans="8:8">
      <c r="H208352" s="12"/>
    </row>
    <row r="208353" spans="8:8">
      <c r="H208353" s="12"/>
    </row>
    <row r="208354" spans="8:8">
      <c r="H208354" s="12"/>
    </row>
    <row r="208355" spans="8:8">
      <c r="H208355" s="12"/>
    </row>
    <row r="208356" spans="8:8">
      <c r="H208356" s="12"/>
    </row>
    <row r="208357" spans="8:8">
      <c r="H208357" s="12"/>
    </row>
    <row r="208358" spans="8:8">
      <c r="H208358" s="12"/>
    </row>
    <row r="208359" spans="8:8">
      <c r="H208359" s="12"/>
    </row>
    <row r="208360" spans="8:8">
      <c r="H208360" s="12"/>
    </row>
    <row r="208361" spans="8:8">
      <c r="H208361" s="12"/>
    </row>
    <row r="208362" spans="8:8">
      <c r="H208362" s="12"/>
    </row>
    <row r="208363" spans="8:8">
      <c r="H208363" s="12"/>
    </row>
    <row r="208364" spans="8:8">
      <c r="H208364" s="12"/>
    </row>
    <row r="208365" spans="8:8">
      <c r="H208365" s="12"/>
    </row>
    <row r="208366" spans="8:8">
      <c r="H208366" s="12"/>
    </row>
    <row r="208367" spans="8:8">
      <c r="H208367" s="12"/>
    </row>
    <row r="208368" spans="8:8">
      <c r="H208368" s="12"/>
    </row>
    <row r="208369" spans="8:8">
      <c r="H208369" s="12"/>
    </row>
    <row r="208370" spans="8:8">
      <c r="H208370" s="12"/>
    </row>
    <row r="208371" spans="8:8">
      <c r="H208371" s="12"/>
    </row>
    <row r="208372" spans="8:8">
      <c r="H208372" s="12"/>
    </row>
    <row r="208373" spans="8:8">
      <c r="H208373" s="12"/>
    </row>
    <row r="208374" spans="8:8">
      <c r="H208374" s="12"/>
    </row>
    <row r="208375" spans="8:8">
      <c r="H208375" s="12"/>
    </row>
    <row r="208376" spans="8:8">
      <c r="H208376" s="12"/>
    </row>
    <row r="208377" spans="8:8">
      <c r="H208377" s="12"/>
    </row>
    <row r="208378" spans="8:8">
      <c r="H208378" s="12"/>
    </row>
    <row r="208379" spans="8:8">
      <c r="H208379" s="12"/>
    </row>
    <row r="208380" spans="8:8">
      <c r="H208380" s="12"/>
    </row>
    <row r="208381" spans="8:8">
      <c r="H208381" s="12"/>
    </row>
    <row r="208382" spans="8:8">
      <c r="H208382" s="12"/>
    </row>
    <row r="208383" spans="8:8">
      <c r="H208383" s="12"/>
    </row>
    <row r="208384" spans="8:8">
      <c r="H208384" s="12"/>
    </row>
    <row r="208385" spans="8:8">
      <c r="H208385" s="12"/>
    </row>
    <row r="208386" spans="8:8">
      <c r="H208386" s="12"/>
    </row>
    <row r="208387" spans="8:8">
      <c r="H208387" s="12"/>
    </row>
    <row r="208388" spans="8:8">
      <c r="H208388" s="12"/>
    </row>
    <row r="208389" spans="8:8">
      <c r="H208389" s="12"/>
    </row>
    <row r="208390" spans="8:8">
      <c r="H208390" s="12"/>
    </row>
    <row r="208391" spans="8:8">
      <c r="H208391" s="12"/>
    </row>
    <row r="208392" spans="8:8">
      <c r="H208392" s="12"/>
    </row>
    <row r="208393" spans="8:8">
      <c r="H208393" s="12"/>
    </row>
    <row r="208394" spans="8:8">
      <c r="H208394" s="12"/>
    </row>
    <row r="208395" spans="8:8">
      <c r="H208395" s="12"/>
    </row>
    <row r="208396" spans="8:8">
      <c r="H208396" s="12"/>
    </row>
    <row r="208397" spans="8:8">
      <c r="H208397" s="12"/>
    </row>
    <row r="208398" spans="8:8">
      <c r="H208398" s="12"/>
    </row>
    <row r="208399" spans="8:8">
      <c r="H208399" s="12"/>
    </row>
    <row r="208400" spans="8:8">
      <c r="H208400" s="12"/>
    </row>
    <row r="208401" spans="8:8">
      <c r="H208401" s="12"/>
    </row>
    <row r="208402" spans="8:8">
      <c r="H208402" s="12"/>
    </row>
    <row r="208403" spans="8:8">
      <c r="H208403" s="12"/>
    </row>
    <row r="208404" spans="8:8">
      <c r="H208404" s="12"/>
    </row>
    <row r="208405" spans="8:8">
      <c r="H208405" s="12"/>
    </row>
    <row r="208406" spans="8:8">
      <c r="H208406" s="12"/>
    </row>
    <row r="208407" spans="8:8">
      <c r="H208407" s="12"/>
    </row>
    <row r="208408" spans="8:8">
      <c r="H208408" s="12"/>
    </row>
    <row r="208409" spans="8:8">
      <c r="H208409" s="12"/>
    </row>
    <row r="208410" spans="8:8">
      <c r="H208410" s="12"/>
    </row>
    <row r="208411" spans="8:8">
      <c r="H208411" s="12"/>
    </row>
    <row r="208412" spans="8:8">
      <c r="H208412" s="12"/>
    </row>
    <row r="208413" spans="8:8">
      <c r="H208413" s="12"/>
    </row>
    <row r="208414" spans="8:8">
      <c r="H208414" s="12"/>
    </row>
    <row r="208415" spans="8:8">
      <c r="H208415" s="12"/>
    </row>
    <row r="208416" spans="8:8">
      <c r="H208416" s="12"/>
    </row>
    <row r="208417" spans="8:8">
      <c r="H208417" s="12"/>
    </row>
    <row r="208418" spans="8:8">
      <c r="H208418" s="12"/>
    </row>
    <row r="208419" spans="8:8">
      <c r="H208419" s="12"/>
    </row>
    <row r="208420" spans="8:8">
      <c r="H208420" s="12"/>
    </row>
    <row r="208421" spans="8:8">
      <c r="H208421" s="12"/>
    </row>
    <row r="208422" spans="8:8">
      <c r="H208422" s="12"/>
    </row>
    <row r="208423" spans="8:8">
      <c r="H208423" s="12"/>
    </row>
    <row r="208424" spans="8:8">
      <c r="H208424" s="12"/>
    </row>
    <row r="208425" spans="8:8">
      <c r="H208425" s="12"/>
    </row>
    <row r="208426" spans="8:8">
      <c r="H208426" s="12"/>
    </row>
    <row r="208427" spans="8:8">
      <c r="H208427" s="12"/>
    </row>
    <row r="208428" spans="8:8">
      <c r="H208428" s="12"/>
    </row>
    <row r="208429" spans="8:8">
      <c r="H208429" s="12"/>
    </row>
    <row r="208430" spans="8:8">
      <c r="H208430" s="12"/>
    </row>
    <row r="208431" spans="8:8">
      <c r="H208431" s="12"/>
    </row>
    <row r="208432" spans="8:8">
      <c r="H208432" s="12"/>
    </row>
    <row r="208433" spans="8:8">
      <c r="H208433" s="12"/>
    </row>
    <row r="208434" spans="8:8">
      <c r="H208434" s="12"/>
    </row>
    <row r="208435" spans="8:8">
      <c r="H208435" s="12"/>
    </row>
    <row r="208436" spans="8:8">
      <c r="H208436" s="12"/>
    </row>
    <row r="208437" spans="8:8">
      <c r="H208437" s="12"/>
    </row>
    <row r="208438" spans="8:8">
      <c r="H208438" s="12"/>
    </row>
    <row r="208439" spans="8:8">
      <c r="H208439" s="12"/>
    </row>
    <row r="208440" spans="8:8">
      <c r="H208440" s="12"/>
    </row>
    <row r="208441" spans="8:8">
      <c r="H208441" s="12"/>
    </row>
    <row r="208442" spans="8:8">
      <c r="H208442" s="12"/>
    </row>
    <row r="208443" spans="8:8">
      <c r="H208443" s="12"/>
    </row>
    <row r="208444" spans="8:8">
      <c r="H208444" s="12"/>
    </row>
    <row r="208445" spans="8:8">
      <c r="H208445" s="12"/>
    </row>
    <row r="208446" spans="8:8">
      <c r="H208446" s="12"/>
    </row>
    <row r="208447" spans="8:8">
      <c r="H208447" s="12"/>
    </row>
    <row r="208448" spans="8:8">
      <c r="H208448" s="12"/>
    </row>
    <row r="208449" spans="8:8">
      <c r="H208449" s="12"/>
    </row>
    <row r="208450" spans="8:8">
      <c r="H208450" s="12"/>
    </row>
    <row r="208451" spans="8:8">
      <c r="H208451" s="12"/>
    </row>
    <row r="208452" spans="8:8">
      <c r="H208452" s="12"/>
    </row>
    <row r="208453" spans="8:8">
      <c r="H208453" s="12"/>
    </row>
    <row r="208454" spans="8:8">
      <c r="H208454" s="12"/>
    </row>
    <row r="208455" spans="8:8">
      <c r="H208455" s="12"/>
    </row>
    <row r="208456" spans="8:8">
      <c r="H208456" s="12"/>
    </row>
    <row r="208457" spans="8:8">
      <c r="H208457" s="12"/>
    </row>
    <row r="208458" spans="8:8">
      <c r="H208458" s="12"/>
    </row>
    <row r="208459" spans="8:8">
      <c r="H208459" s="12"/>
    </row>
    <row r="208460" spans="8:8">
      <c r="H208460" s="12"/>
    </row>
    <row r="208461" spans="8:8">
      <c r="H208461" s="12"/>
    </row>
    <row r="208462" spans="8:8">
      <c r="H208462" s="12"/>
    </row>
    <row r="208463" spans="8:8">
      <c r="H208463" s="12"/>
    </row>
    <row r="208464" spans="8:8">
      <c r="H208464" s="12"/>
    </row>
    <row r="208465" spans="8:8">
      <c r="H208465" s="12"/>
    </row>
    <row r="208466" spans="8:8">
      <c r="H208466" s="12"/>
    </row>
    <row r="208467" spans="8:8">
      <c r="H208467" s="12"/>
    </row>
    <row r="208468" spans="8:8">
      <c r="H208468" s="12"/>
    </row>
    <row r="208469" spans="8:8">
      <c r="H208469" s="12"/>
    </row>
    <row r="208470" spans="8:8">
      <c r="H208470" s="12"/>
    </row>
    <row r="208471" spans="8:8">
      <c r="H208471" s="12"/>
    </row>
    <row r="208472" spans="8:8">
      <c r="H208472" s="12"/>
    </row>
    <row r="208473" spans="8:8">
      <c r="H208473" s="12"/>
    </row>
    <row r="208474" spans="8:8">
      <c r="H208474" s="12"/>
    </row>
    <row r="208475" spans="8:8">
      <c r="H208475" s="12"/>
    </row>
    <row r="208476" spans="8:8">
      <c r="H208476" s="12"/>
    </row>
    <row r="208477" spans="8:8">
      <c r="H208477" s="12"/>
    </row>
    <row r="208478" spans="8:8">
      <c r="H208478" s="12"/>
    </row>
    <row r="208479" spans="8:8">
      <c r="H208479" s="12"/>
    </row>
    <row r="208480" spans="8:8">
      <c r="H208480" s="12"/>
    </row>
    <row r="208481" spans="8:8">
      <c r="H208481" s="12"/>
    </row>
    <row r="208482" spans="8:8">
      <c r="H208482" s="12"/>
    </row>
    <row r="208483" spans="8:8">
      <c r="H208483" s="12"/>
    </row>
    <row r="208484" spans="8:8">
      <c r="H208484" s="12"/>
    </row>
    <row r="208485" spans="8:8">
      <c r="H208485" s="12"/>
    </row>
    <row r="208486" spans="8:8">
      <c r="H208486" s="12"/>
    </row>
    <row r="208487" spans="8:8">
      <c r="H208487" s="12"/>
    </row>
    <row r="208488" spans="8:8">
      <c r="H208488" s="12"/>
    </row>
    <row r="208489" spans="8:8">
      <c r="H208489" s="12"/>
    </row>
    <row r="208490" spans="8:8">
      <c r="H208490" s="12"/>
    </row>
    <row r="208491" spans="8:8">
      <c r="H208491" s="12"/>
    </row>
    <row r="208492" spans="8:8">
      <c r="H208492" s="12"/>
    </row>
    <row r="208493" spans="8:8">
      <c r="H208493" s="12"/>
    </row>
    <row r="208494" spans="8:8">
      <c r="H208494" s="12"/>
    </row>
    <row r="208495" spans="8:8">
      <c r="H208495" s="12"/>
    </row>
    <row r="208496" spans="8:8">
      <c r="H208496" s="12"/>
    </row>
    <row r="208497" spans="8:8">
      <c r="H208497" s="12"/>
    </row>
    <row r="208498" spans="8:8">
      <c r="H208498" s="12"/>
    </row>
    <row r="208499" spans="8:8">
      <c r="H208499" s="12"/>
    </row>
    <row r="208500" spans="8:8">
      <c r="H208500" s="12"/>
    </row>
    <row r="208501" spans="8:8">
      <c r="H208501" s="12"/>
    </row>
    <row r="208502" spans="8:8">
      <c r="H208502" s="12"/>
    </row>
    <row r="208503" spans="8:8">
      <c r="H208503" s="12"/>
    </row>
    <row r="208504" spans="8:8">
      <c r="H208504" s="12"/>
    </row>
    <row r="208505" spans="8:8">
      <c r="H208505" s="12"/>
    </row>
    <row r="208506" spans="8:8">
      <c r="H208506" s="12"/>
    </row>
    <row r="208507" spans="8:8">
      <c r="H208507" s="12"/>
    </row>
    <row r="208508" spans="8:8">
      <c r="H208508" s="12"/>
    </row>
    <row r="208509" spans="8:8">
      <c r="H208509" s="12"/>
    </row>
    <row r="208510" spans="8:8">
      <c r="H208510" s="12"/>
    </row>
    <row r="208511" spans="8:8">
      <c r="H208511" s="12"/>
    </row>
    <row r="208512" spans="8:8">
      <c r="H208512" s="12"/>
    </row>
    <row r="208513" spans="8:8">
      <c r="H208513" s="12"/>
    </row>
    <row r="208514" spans="8:8">
      <c r="H208514" s="12"/>
    </row>
    <row r="208515" spans="8:8">
      <c r="H208515" s="12"/>
    </row>
    <row r="208516" spans="8:8">
      <c r="H208516" s="12"/>
    </row>
    <row r="208517" spans="8:8">
      <c r="H208517" s="12"/>
    </row>
    <row r="208518" spans="8:8">
      <c r="H208518" s="12"/>
    </row>
    <row r="208519" spans="8:8">
      <c r="H208519" s="12"/>
    </row>
    <row r="208520" spans="8:8">
      <c r="H208520" s="12"/>
    </row>
    <row r="208521" spans="8:8">
      <c r="H208521" s="12"/>
    </row>
    <row r="208522" spans="8:8">
      <c r="H208522" s="12"/>
    </row>
    <row r="208523" spans="8:8">
      <c r="H208523" s="12"/>
    </row>
    <row r="208524" spans="8:8">
      <c r="H208524" s="12"/>
    </row>
    <row r="208525" spans="8:8">
      <c r="H208525" s="12"/>
    </row>
    <row r="208526" spans="8:8">
      <c r="H208526" s="12"/>
    </row>
    <row r="208527" spans="8:8">
      <c r="H208527" s="12"/>
    </row>
    <row r="208528" spans="8:8">
      <c r="H208528" s="12"/>
    </row>
    <row r="208529" spans="8:8">
      <c r="H208529" s="12"/>
    </row>
    <row r="208530" spans="8:8">
      <c r="H208530" s="12"/>
    </row>
    <row r="208531" spans="8:8">
      <c r="H208531" s="12"/>
    </row>
    <row r="208532" spans="8:8">
      <c r="H208532" s="12"/>
    </row>
    <row r="208533" spans="8:8">
      <c r="H208533" s="12"/>
    </row>
    <row r="208534" spans="8:8">
      <c r="H208534" s="12"/>
    </row>
    <row r="208535" spans="8:8">
      <c r="H208535" s="12"/>
    </row>
    <row r="208536" spans="8:8">
      <c r="H208536" s="12"/>
    </row>
    <row r="208537" spans="8:8">
      <c r="H208537" s="12"/>
    </row>
    <row r="208538" spans="8:8">
      <c r="H208538" s="12"/>
    </row>
    <row r="208539" spans="8:8">
      <c r="H208539" s="12"/>
    </row>
    <row r="208540" spans="8:8">
      <c r="H208540" s="12"/>
    </row>
    <row r="208541" spans="8:8">
      <c r="H208541" s="12"/>
    </row>
    <row r="208542" spans="8:8">
      <c r="H208542" s="12"/>
    </row>
    <row r="208543" spans="8:8">
      <c r="H208543" s="12"/>
    </row>
    <row r="208544" spans="8:8">
      <c r="H208544" s="12"/>
    </row>
    <row r="208545" spans="8:8">
      <c r="H208545" s="12"/>
    </row>
    <row r="208546" spans="8:8">
      <c r="H208546" s="12"/>
    </row>
    <row r="208547" spans="8:8">
      <c r="H208547" s="12"/>
    </row>
    <row r="208548" spans="8:8">
      <c r="H208548" s="12"/>
    </row>
    <row r="208549" spans="8:8">
      <c r="H208549" s="12"/>
    </row>
    <row r="208550" spans="8:8">
      <c r="H208550" s="12"/>
    </row>
    <row r="208551" spans="8:8">
      <c r="H208551" s="12"/>
    </row>
    <row r="208552" spans="8:8">
      <c r="H208552" s="12"/>
    </row>
    <row r="208553" spans="8:8">
      <c r="H208553" s="12"/>
    </row>
    <row r="208554" spans="8:8">
      <c r="H208554" s="12"/>
    </row>
    <row r="208555" spans="8:8">
      <c r="H208555" s="12"/>
    </row>
    <row r="208556" spans="8:8">
      <c r="H208556" s="12"/>
    </row>
    <row r="208557" spans="8:8">
      <c r="H208557" s="12"/>
    </row>
    <row r="208558" spans="8:8">
      <c r="H208558" s="12"/>
    </row>
    <row r="208559" spans="8:8">
      <c r="H208559" s="12"/>
    </row>
    <row r="208560" spans="8:8">
      <c r="H208560" s="12"/>
    </row>
    <row r="208561" spans="8:8">
      <c r="H208561" s="12"/>
    </row>
    <row r="208562" spans="8:8">
      <c r="H208562" s="12"/>
    </row>
    <row r="208563" spans="8:8">
      <c r="H208563" s="12"/>
    </row>
    <row r="208564" spans="8:8">
      <c r="H208564" s="12"/>
    </row>
    <row r="208565" spans="8:8">
      <c r="H208565" s="12"/>
    </row>
    <row r="208566" spans="8:8">
      <c r="H208566" s="12"/>
    </row>
    <row r="208567" spans="8:8">
      <c r="H208567" s="12"/>
    </row>
    <row r="208568" spans="8:8">
      <c r="H208568" s="12"/>
    </row>
    <row r="208569" spans="8:8">
      <c r="H208569" s="12"/>
    </row>
    <row r="208570" spans="8:8">
      <c r="H208570" s="12"/>
    </row>
    <row r="208571" spans="8:8">
      <c r="H208571" s="12"/>
    </row>
    <row r="208572" spans="8:8">
      <c r="H208572" s="12"/>
    </row>
    <row r="208573" spans="8:8">
      <c r="H208573" s="12"/>
    </row>
    <row r="208574" spans="8:8">
      <c r="H208574" s="12"/>
    </row>
    <row r="208575" spans="8:8">
      <c r="H208575" s="12"/>
    </row>
    <row r="208576" spans="8:8">
      <c r="H208576" s="12"/>
    </row>
    <row r="208577" spans="8:8">
      <c r="H208577" s="12"/>
    </row>
    <row r="208578" spans="8:8">
      <c r="H208578" s="12"/>
    </row>
    <row r="208579" spans="8:8">
      <c r="H208579" s="12"/>
    </row>
    <row r="208580" spans="8:8">
      <c r="H208580" s="12"/>
    </row>
    <row r="208581" spans="8:8">
      <c r="H208581" s="12"/>
    </row>
    <row r="208582" spans="8:8">
      <c r="H208582" s="12"/>
    </row>
    <row r="208583" spans="8:8">
      <c r="H208583" s="12"/>
    </row>
    <row r="208584" spans="8:8">
      <c r="H208584" s="12"/>
    </row>
    <row r="208585" spans="8:8">
      <c r="H208585" s="12"/>
    </row>
    <row r="208586" spans="8:8">
      <c r="H208586" s="12"/>
    </row>
    <row r="208587" spans="8:8">
      <c r="H208587" s="12"/>
    </row>
    <row r="208588" spans="8:8">
      <c r="H208588" s="12"/>
    </row>
    <row r="208589" spans="8:8">
      <c r="H208589" s="12"/>
    </row>
    <row r="208590" spans="8:8">
      <c r="H208590" s="12"/>
    </row>
    <row r="208591" spans="8:8">
      <c r="H208591" s="12"/>
    </row>
    <row r="208592" spans="8:8">
      <c r="H208592" s="12"/>
    </row>
    <row r="208593" spans="8:8">
      <c r="H208593" s="12"/>
    </row>
    <row r="208594" spans="8:8">
      <c r="H208594" s="12"/>
    </row>
    <row r="208595" spans="8:8">
      <c r="H208595" s="12"/>
    </row>
    <row r="208596" spans="8:8">
      <c r="H208596" s="12"/>
    </row>
    <row r="208597" spans="8:8">
      <c r="H208597" s="12"/>
    </row>
    <row r="208598" spans="8:8">
      <c r="H208598" s="12"/>
    </row>
    <row r="208599" spans="8:8">
      <c r="H208599" s="12"/>
    </row>
    <row r="208600" spans="8:8">
      <c r="H208600" s="12"/>
    </row>
    <row r="208601" spans="8:8">
      <c r="H208601" s="12"/>
    </row>
    <row r="208602" spans="8:8">
      <c r="H208602" s="12"/>
    </row>
    <row r="208603" spans="8:8">
      <c r="H208603" s="12"/>
    </row>
    <row r="208604" spans="8:8">
      <c r="H208604" s="12"/>
    </row>
    <row r="208605" spans="8:8">
      <c r="H208605" s="12"/>
    </row>
    <row r="208606" spans="8:8">
      <c r="H208606" s="12"/>
    </row>
    <row r="208607" spans="8:8">
      <c r="H208607" s="12"/>
    </row>
    <row r="208608" spans="8:8">
      <c r="H208608" s="12"/>
    </row>
    <row r="208609" spans="8:8">
      <c r="H208609" s="12"/>
    </row>
    <row r="208610" spans="8:8">
      <c r="H208610" s="12"/>
    </row>
    <row r="208611" spans="8:8">
      <c r="H208611" s="12"/>
    </row>
    <row r="208612" spans="8:8">
      <c r="H208612" s="12"/>
    </row>
    <row r="208613" spans="8:8">
      <c r="H208613" s="12"/>
    </row>
    <row r="208614" spans="8:8">
      <c r="H208614" s="12"/>
    </row>
    <row r="208615" spans="8:8">
      <c r="H208615" s="12"/>
    </row>
    <row r="208616" spans="8:8">
      <c r="H208616" s="12"/>
    </row>
    <row r="208617" spans="8:8">
      <c r="H208617" s="12"/>
    </row>
    <row r="208618" spans="8:8">
      <c r="H208618" s="12"/>
    </row>
    <row r="208619" spans="8:8">
      <c r="H208619" s="12"/>
    </row>
    <row r="208620" spans="8:8">
      <c r="H208620" s="12"/>
    </row>
    <row r="208621" spans="8:8">
      <c r="H208621" s="12"/>
    </row>
    <row r="208622" spans="8:8">
      <c r="H208622" s="12"/>
    </row>
    <row r="208623" spans="8:8">
      <c r="H208623" s="12"/>
    </row>
    <row r="208624" spans="8:8">
      <c r="H208624" s="12"/>
    </row>
    <row r="208625" spans="8:8">
      <c r="H208625" s="12"/>
    </row>
    <row r="208626" spans="8:8">
      <c r="H208626" s="12"/>
    </row>
    <row r="208627" spans="8:8">
      <c r="H208627" s="12"/>
    </row>
    <row r="208628" spans="8:8">
      <c r="H208628" s="12"/>
    </row>
    <row r="208629" spans="8:8">
      <c r="H208629" s="12"/>
    </row>
    <row r="208630" spans="8:8">
      <c r="H208630" s="12"/>
    </row>
    <row r="208631" spans="8:8">
      <c r="H208631" s="12"/>
    </row>
    <row r="208632" spans="8:8">
      <c r="H208632" s="12"/>
    </row>
    <row r="208633" spans="8:8">
      <c r="H208633" s="12"/>
    </row>
    <row r="208634" spans="8:8">
      <c r="H208634" s="12"/>
    </row>
    <row r="208635" spans="8:8">
      <c r="H208635" s="12"/>
    </row>
    <row r="208636" spans="8:8">
      <c r="H208636" s="12"/>
    </row>
    <row r="208637" spans="8:8">
      <c r="H208637" s="12"/>
    </row>
    <row r="208638" spans="8:8">
      <c r="H208638" s="12"/>
    </row>
    <row r="208639" spans="8:8">
      <c r="H208639" s="12"/>
    </row>
    <row r="208640" spans="8:8">
      <c r="H208640" s="12"/>
    </row>
    <row r="208641" spans="8:8">
      <c r="H208641" s="12"/>
    </row>
    <row r="208642" spans="8:8">
      <c r="H208642" s="12"/>
    </row>
    <row r="208643" spans="8:8">
      <c r="H208643" s="12"/>
    </row>
    <row r="208644" spans="8:8">
      <c r="H208644" s="12"/>
    </row>
    <row r="208645" spans="8:8">
      <c r="H208645" s="12"/>
    </row>
    <row r="208646" spans="8:8">
      <c r="H208646" s="12"/>
    </row>
    <row r="208647" spans="8:8">
      <c r="H208647" s="12"/>
    </row>
    <row r="208648" spans="8:8">
      <c r="H208648" s="12"/>
    </row>
    <row r="208649" spans="8:8">
      <c r="H208649" s="12"/>
    </row>
    <row r="208650" spans="8:8">
      <c r="H208650" s="12"/>
    </row>
    <row r="208651" spans="8:8">
      <c r="H208651" s="12"/>
    </row>
    <row r="208652" spans="8:8">
      <c r="H208652" s="12"/>
    </row>
    <row r="208653" spans="8:8">
      <c r="H208653" s="12"/>
    </row>
    <row r="208654" spans="8:8">
      <c r="H208654" s="12"/>
    </row>
    <row r="208655" spans="8:8">
      <c r="H208655" s="12"/>
    </row>
    <row r="208656" spans="8:8">
      <c r="H208656" s="12"/>
    </row>
    <row r="208657" spans="8:8">
      <c r="H208657" s="12"/>
    </row>
    <row r="208658" spans="8:8">
      <c r="H208658" s="12"/>
    </row>
    <row r="208659" spans="8:8">
      <c r="H208659" s="12"/>
    </row>
    <row r="208660" spans="8:8">
      <c r="H208660" s="12"/>
    </row>
    <row r="208661" spans="8:8">
      <c r="H208661" s="12"/>
    </row>
    <row r="208662" spans="8:8">
      <c r="H208662" s="12"/>
    </row>
    <row r="208663" spans="8:8">
      <c r="H208663" s="12"/>
    </row>
    <row r="208664" spans="8:8">
      <c r="H208664" s="12"/>
    </row>
    <row r="208665" spans="8:8">
      <c r="H208665" s="12"/>
    </row>
    <row r="208666" spans="8:8">
      <c r="H208666" s="12"/>
    </row>
    <row r="208667" spans="8:8">
      <c r="H208667" s="12"/>
    </row>
    <row r="208668" spans="8:8">
      <c r="H208668" s="12"/>
    </row>
    <row r="208669" spans="8:8">
      <c r="H208669" s="12"/>
    </row>
    <row r="208670" spans="8:8">
      <c r="H208670" s="12"/>
    </row>
    <row r="208671" spans="8:8">
      <c r="H208671" s="12"/>
    </row>
    <row r="208672" spans="8:8">
      <c r="H208672" s="12"/>
    </row>
    <row r="208673" spans="8:8">
      <c r="H208673" s="12"/>
    </row>
    <row r="208674" spans="8:8">
      <c r="H208674" s="12"/>
    </row>
    <row r="208675" spans="8:8">
      <c r="H208675" s="12"/>
    </row>
    <row r="208676" spans="8:8">
      <c r="H208676" s="12"/>
    </row>
    <row r="208677" spans="8:8">
      <c r="H208677" s="12"/>
    </row>
    <row r="208678" spans="8:8">
      <c r="H208678" s="12"/>
    </row>
    <row r="208679" spans="8:8">
      <c r="H208679" s="12"/>
    </row>
    <row r="208680" spans="8:8">
      <c r="H208680" s="12"/>
    </row>
    <row r="208681" spans="8:8">
      <c r="H208681" s="12"/>
    </row>
    <row r="208682" spans="8:8">
      <c r="H208682" s="12"/>
    </row>
    <row r="208683" spans="8:8">
      <c r="H208683" s="12"/>
    </row>
    <row r="208684" spans="8:8">
      <c r="H208684" s="12"/>
    </row>
    <row r="208685" spans="8:8">
      <c r="H208685" s="12"/>
    </row>
    <row r="208686" spans="8:8">
      <c r="H208686" s="12"/>
    </row>
    <row r="208687" spans="8:8">
      <c r="H208687" s="12"/>
    </row>
    <row r="208688" spans="8:8">
      <c r="H208688" s="12"/>
    </row>
    <row r="208689" spans="8:8">
      <c r="H208689" s="12"/>
    </row>
    <row r="208690" spans="8:8">
      <c r="H208690" s="12"/>
    </row>
    <row r="208691" spans="8:8">
      <c r="H208691" s="12"/>
    </row>
    <row r="208692" spans="8:8">
      <c r="H208692" s="12"/>
    </row>
    <row r="208693" spans="8:8">
      <c r="H208693" s="12"/>
    </row>
    <row r="208694" spans="8:8">
      <c r="H208694" s="12"/>
    </row>
    <row r="208695" spans="8:8">
      <c r="H208695" s="12"/>
    </row>
    <row r="208696" spans="8:8">
      <c r="H208696" s="12"/>
    </row>
    <row r="208697" spans="8:8">
      <c r="H208697" s="12"/>
    </row>
    <row r="208698" spans="8:8">
      <c r="H208698" s="12"/>
    </row>
    <row r="208699" spans="8:8">
      <c r="H208699" s="12"/>
    </row>
    <row r="208700" spans="8:8">
      <c r="H208700" s="12"/>
    </row>
    <row r="208701" spans="8:8">
      <c r="H208701" s="12"/>
    </row>
    <row r="208702" spans="8:8">
      <c r="H208702" s="12"/>
    </row>
    <row r="208703" spans="8:8">
      <c r="H208703" s="12"/>
    </row>
    <row r="208704" spans="8:8">
      <c r="H208704" s="12"/>
    </row>
    <row r="208705" spans="8:8">
      <c r="H208705" s="12"/>
    </row>
    <row r="208706" spans="8:8">
      <c r="H208706" s="12"/>
    </row>
    <row r="208707" spans="8:8">
      <c r="H208707" s="12"/>
    </row>
    <row r="208708" spans="8:8">
      <c r="H208708" s="12"/>
    </row>
    <row r="208709" spans="8:8">
      <c r="H208709" s="12"/>
    </row>
    <row r="208710" spans="8:8">
      <c r="H208710" s="12"/>
    </row>
    <row r="208711" spans="8:8">
      <c r="H208711" s="12"/>
    </row>
    <row r="208712" spans="8:8">
      <c r="H208712" s="12"/>
    </row>
    <row r="208713" spans="8:8">
      <c r="H208713" s="12"/>
    </row>
    <row r="208714" spans="8:8">
      <c r="H208714" s="12"/>
    </row>
    <row r="208715" spans="8:8">
      <c r="H208715" s="12"/>
    </row>
    <row r="208716" spans="8:8">
      <c r="H208716" s="12"/>
    </row>
    <row r="208717" spans="8:8">
      <c r="H208717" s="12"/>
    </row>
    <row r="208718" spans="8:8">
      <c r="H208718" s="12"/>
    </row>
    <row r="208719" spans="8:8">
      <c r="H208719" s="12"/>
    </row>
    <row r="208720" spans="8:8">
      <c r="H208720" s="12"/>
    </row>
    <row r="208721" spans="8:8">
      <c r="H208721" s="12"/>
    </row>
    <row r="208722" spans="8:8">
      <c r="H208722" s="12"/>
    </row>
    <row r="208723" spans="8:8">
      <c r="H208723" s="12"/>
    </row>
    <row r="208724" spans="8:8">
      <c r="H208724" s="12"/>
    </row>
    <row r="208725" spans="8:8">
      <c r="H208725" s="12"/>
    </row>
    <row r="208726" spans="8:8">
      <c r="H208726" s="12"/>
    </row>
    <row r="208727" spans="8:8">
      <c r="H208727" s="12"/>
    </row>
    <row r="208728" spans="8:8">
      <c r="H208728" s="12"/>
    </row>
    <row r="208729" spans="8:8">
      <c r="H208729" s="12"/>
    </row>
    <row r="208730" spans="8:8">
      <c r="H208730" s="12"/>
    </row>
    <row r="208731" spans="8:8">
      <c r="H208731" s="12"/>
    </row>
    <row r="208732" spans="8:8">
      <c r="H208732" s="12"/>
    </row>
    <row r="208733" spans="8:8">
      <c r="H208733" s="12"/>
    </row>
    <row r="208734" spans="8:8">
      <c r="H208734" s="12"/>
    </row>
    <row r="208735" spans="8:8">
      <c r="H208735" s="12"/>
    </row>
    <row r="208736" spans="8:8">
      <c r="H208736" s="12"/>
    </row>
    <row r="208737" spans="8:8">
      <c r="H208737" s="12"/>
    </row>
    <row r="208738" spans="8:8">
      <c r="H208738" s="12"/>
    </row>
    <row r="208739" spans="8:8">
      <c r="H208739" s="12"/>
    </row>
    <row r="208740" spans="8:8">
      <c r="H208740" s="12"/>
    </row>
    <row r="208741" spans="8:8">
      <c r="H208741" s="12"/>
    </row>
    <row r="208742" spans="8:8">
      <c r="H208742" s="12"/>
    </row>
    <row r="208743" spans="8:8">
      <c r="H208743" s="12"/>
    </row>
    <row r="208744" spans="8:8">
      <c r="H208744" s="12"/>
    </row>
    <row r="208745" spans="8:8">
      <c r="H208745" s="12"/>
    </row>
    <row r="208746" spans="8:8">
      <c r="H208746" s="12"/>
    </row>
    <row r="208747" spans="8:8">
      <c r="H208747" s="12"/>
    </row>
    <row r="208748" spans="8:8">
      <c r="H208748" s="12"/>
    </row>
    <row r="208749" spans="8:8">
      <c r="H208749" s="12"/>
    </row>
    <row r="208750" spans="8:8">
      <c r="H208750" s="12"/>
    </row>
    <row r="208751" spans="8:8">
      <c r="H208751" s="12"/>
    </row>
    <row r="208752" spans="8:8">
      <c r="H208752" s="12"/>
    </row>
    <row r="208753" spans="8:8">
      <c r="H208753" s="12"/>
    </row>
    <row r="208754" spans="8:8">
      <c r="H208754" s="12"/>
    </row>
    <row r="208755" spans="8:8">
      <c r="H208755" s="12"/>
    </row>
    <row r="208756" spans="8:8">
      <c r="H208756" s="12"/>
    </row>
    <row r="208757" spans="8:8">
      <c r="H208757" s="12"/>
    </row>
    <row r="208758" spans="8:8">
      <c r="H208758" s="12"/>
    </row>
    <row r="208759" spans="8:8">
      <c r="H208759" s="12"/>
    </row>
    <row r="208760" spans="8:8">
      <c r="H208760" s="12"/>
    </row>
    <row r="208761" spans="8:8">
      <c r="H208761" s="12"/>
    </row>
    <row r="208762" spans="8:8">
      <c r="H208762" s="12"/>
    </row>
    <row r="208763" spans="8:8">
      <c r="H208763" s="12"/>
    </row>
    <row r="208764" spans="8:8">
      <c r="H208764" s="12"/>
    </row>
    <row r="208765" spans="8:8">
      <c r="H208765" s="12"/>
    </row>
    <row r="208766" spans="8:8">
      <c r="H208766" s="12"/>
    </row>
    <row r="208767" spans="8:8">
      <c r="H208767" s="12"/>
    </row>
    <row r="208768" spans="8:8">
      <c r="H208768" s="12"/>
    </row>
    <row r="208769" spans="8:8">
      <c r="H208769" s="12"/>
    </row>
    <row r="208770" spans="8:8">
      <c r="H208770" s="12"/>
    </row>
    <row r="208771" spans="8:8">
      <c r="H208771" s="12"/>
    </row>
    <row r="208772" spans="8:8">
      <c r="H208772" s="12"/>
    </row>
    <row r="208773" spans="8:8">
      <c r="H208773" s="12"/>
    </row>
    <row r="208774" spans="8:8">
      <c r="H208774" s="12"/>
    </row>
    <row r="208775" spans="8:8">
      <c r="H208775" s="12"/>
    </row>
    <row r="208776" spans="8:8">
      <c r="H208776" s="12"/>
    </row>
    <row r="208777" spans="8:8">
      <c r="H208777" s="12"/>
    </row>
    <row r="208778" spans="8:8">
      <c r="H208778" s="12"/>
    </row>
    <row r="208779" spans="8:8">
      <c r="H208779" s="12"/>
    </row>
    <row r="208780" spans="8:8">
      <c r="H208780" s="12"/>
    </row>
    <row r="208781" spans="8:8">
      <c r="H208781" s="12"/>
    </row>
    <row r="208782" spans="8:8">
      <c r="H208782" s="12"/>
    </row>
    <row r="208783" spans="8:8">
      <c r="H208783" s="12"/>
    </row>
    <row r="208784" spans="8:8">
      <c r="H208784" s="12"/>
    </row>
    <row r="208785" spans="8:8">
      <c r="H208785" s="12"/>
    </row>
    <row r="208786" spans="8:8">
      <c r="H208786" s="12"/>
    </row>
    <row r="208787" spans="8:8">
      <c r="H208787" s="12"/>
    </row>
    <row r="208788" spans="8:8">
      <c r="H208788" s="12"/>
    </row>
    <row r="208789" spans="8:8">
      <c r="H208789" s="12"/>
    </row>
    <row r="208790" spans="8:8">
      <c r="H208790" s="12"/>
    </row>
    <row r="208791" spans="8:8">
      <c r="H208791" s="12"/>
    </row>
    <row r="208792" spans="8:8">
      <c r="H208792" s="12"/>
    </row>
    <row r="208793" spans="8:8">
      <c r="H208793" s="12"/>
    </row>
    <row r="208794" spans="8:8">
      <c r="H208794" s="12"/>
    </row>
    <row r="208795" spans="8:8">
      <c r="H208795" s="12"/>
    </row>
    <row r="208796" spans="8:8">
      <c r="H208796" s="12"/>
    </row>
    <row r="208797" spans="8:8">
      <c r="H208797" s="12"/>
    </row>
    <row r="208798" spans="8:8">
      <c r="H208798" s="12"/>
    </row>
    <row r="208799" spans="8:8">
      <c r="H208799" s="12"/>
    </row>
    <row r="208800" spans="8:8">
      <c r="H208800" s="12"/>
    </row>
    <row r="208801" spans="8:8">
      <c r="H208801" s="12"/>
    </row>
    <row r="208802" spans="8:8">
      <c r="H208802" s="12"/>
    </row>
    <row r="208803" spans="8:8">
      <c r="H208803" s="12"/>
    </row>
    <row r="208804" spans="8:8">
      <c r="H208804" s="12"/>
    </row>
    <row r="208805" spans="8:8">
      <c r="H208805" s="12"/>
    </row>
    <row r="208806" spans="8:8">
      <c r="H208806" s="12"/>
    </row>
    <row r="208807" spans="8:8">
      <c r="H208807" s="12"/>
    </row>
    <row r="208808" spans="8:8">
      <c r="H208808" s="12"/>
    </row>
    <row r="208809" spans="8:8">
      <c r="H208809" s="12"/>
    </row>
    <row r="208810" spans="8:8">
      <c r="H208810" s="12"/>
    </row>
    <row r="208811" spans="8:8">
      <c r="H208811" s="12"/>
    </row>
    <row r="208812" spans="8:8">
      <c r="H208812" s="12"/>
    </row>
    <row r="208813" spans="8:8">
      <c r="H208813" s="12"/>
    </row>
    <row r="208814" spans="8:8">
      <c r="H208814" s="12"/>
    </row>
    <row r="208815" spans="8:8">
      <c r="H208815" s="12"/>
    </row>
    <row r="208816" spans="8:8">
      <c r="H208816" s="12"/>
    </row>
    <row r="208817" spans="8:8">
      <c r="H208817" s="12"/>
    </row>
    <row r="208818" spans="8:8">
      <c r="H208818" s="12"/>
    </row>
    <row r="208819" spans="8:8">
      <c r="H208819" s="12"/>
    </row>
    <row r="208820" spans="8:8">
      <c r="H208820" s="12"/>
    </row>
    <row r="208821" spans="8:8">
      <c r="H208821" s="12"/>
    </row>
    <row r="208822" spans="8:8">
      <c r="H208822" s="12"/>
    </row>
    <row r="208823" spans="8:8">
      <c r="H208823" s="12"/>
    </row>
    <row r="208824" spans="8:8">
      <c r="H208824" s="12"/>
    </row>
    <row r="208825" spans="8:8">
      <c r="H208825" s="12"/>
    </row>
    <row r="208826" spans="8:8">
      <c r="H208826" s="12"/>
    </row>
    <row r="208827" spans="8:8">
      <c r="H208827" s="12"/>
    </row>
    <row r="208828" spans="8:8">
      <c r="H208828" s="12"/>
    </row>
    <row r="208829" spans="8:8">
      <c r="H208829" s="12"/>
    </row>
    <row r="208830" spans="8:8">
      <c r="H208830" s="12"/>
    </row>
    <row r="208831" spans="8:8">
      <c r="H208831" s="12"/>
    </row>
    <row r="208832" spans="8:8">
      <c r="H208832" s="12"/>
    </row>
    <row r="208833" spans="8:8">
      <c r="H208833" s="12"/>
    </row>
    <row r="208834" spans="8:8">
      <c r="H208834" s="12"/>
    </row>
    <row r="208835" spans="8:8">
      <c r="H208835" s="12"/>
    </row>
    <row r="208836" spans="8:8">
      <c r="H208836" s="12"/>
    </row>
    <row r="208837" spans="8:8">
      <c r="H208837" s="12"/>
    </row>
    <row r="208838" spans="8:8">
      <c r="H208838" s="12"/>
    </row>
    <row r="208839" spans="8:8">
      <c r="H208839" s="12"/>
    </row>
    <row r="208840" spans="8:8">
      <c r="H208840" s="12"/>
    </row>
    <row r="208841" spans="8:8">
      <c r="H208841" s="12"/>
    </row>
    <row r="208842" spans="8:8">
      <c r="H208842" s="12"/>
    </row>
    <row r="208843" spans="8:8">
      <c r="H208843" s="12"/>
    </row>
    <row r="208844" spans="8:8">
      <c r="H208844" s="12"/>
    </row>
    <row r="208845" spans="8:8">
      <c r="H208845" s="12"/>
    </row>
    <row r="208846" spans="8:8">
      <c r="H208846" s="12"/>
    </row>
    <row r="208847" spans="8:8">
      <c r="H208847" s="12"/>
    </row>
    <row r="208848" spans="8:8">
      <c r="H208848" s="12"/>
    </row>
    <row r="208849" spans="8:8">
      <c r="H208849" s="12"/>
    </row>
    <row r="208850" spans="8:8">
      <c r="H208850" s="12"/>
    </row>
    <row r="208851" spans="8:8">
      <c r="H208851" s="12"/>
    </row>
    <row r="208852" spans="8:8">
      <c r="H208852" s="12"/>
    </row>
    <row r="208853" spans="8:8">
      <c r="H208853" s="12"/>
    </row>
    <row r="208854" spans="8:8">
      <c r="H208854" s="12"/>
    </row>
    <row r="208855" spans="8:8">
      <c r="H208855" s="12"/>
    </row>
    <row r="208856" spans="8:8">
      <c r="H208856" s="12"/>
    </row>
    <row r="208857" spans="8:8">
      <c r="H208857" s="12"/>
    </row>
    <row r="208858" spans="8:8">
      <c r="H208858" s="12"/>
    </row>
    <row r="208859" spans="8:8">
      <c r="H208859" s="12"/>
    </row>
    <row r="208860" spans="8:8">
      <c r="H208860" s="12"/>
    </row>
    <row r="208861" spans="8:8">
      <c r="H208861" s="12"/>
    </row>
    <row r="208862" spans="8:8">
      <c r="H208862" s="12"/>
    </row>
    <row r="208863" spans="8:8">
      <c r="H208863" s="12"/>
    </row>
    <row r="208864" spans="8:8">
      <c r="H208864" s="12"/>
    </row>
    <row r="208865" spans="8:8">
      <c r="H208865" s="12"/>
    </row>
    <row r="208866" spans="8:8">
      <c r="H208866" s="12"/>
    </row>
    <row r="208867" spans="8:8">
      <c r="H208867" s="12"/>
    </row>
    <row r="208868" spans="8:8">
      <c r="H208868" s="12"/>
    </row>
    <row r="208869" spans="8:8">
      <c r="H208869" s="12"/>
    </row>
    <row r="208870" spans="8:8">
      <c r="H208870" s="12"/>
    </row>
    <row r="208871" spans="8:8">
      <c r="H208871" s="12"/>
    </row>
    <row r="208872" spans="8:8">
      <c r="H208872" s="12"/>
    </row>
    <row r="208873" spans="8:8">
      <c r="H208873" s="12"/>
    </row>
    <row r="208874" spans="8:8">
      <c r="H208874" s="12"/>
    </row>
    <row r="208875" spans="8:8">
      <c r="H208875" s="12"/>
    </row>
    <row r="208876" spans="8:8">
      <c r="H208876" s="12"/>
    </row>
    <row r="208877" spans="8:8">
      <c r="H208877" s="12"/>
    </row>
    <row r="208878" spans="8:8">
      <c r="H208878" s="12"/>
    </row>
    <row r="208879" spans="8:8">
      <c r="H208879" s="12"/>
    </row>
    <row r="208880" spans="8:8">
      <c r="H208880" s="12"/>
    </row>
    <row r="208881" spans="8:8">
      <c r="H208881" s="12"/>
    </row>
    <row r="208882" spans="8:8">
      <c r="H208882" s="12"/>
    </row>
    <row r="208883" spans="8:8">
      <c r="H208883" s="12"/>
    </row>
    <row r="208884" spans="8:8">
      <c r="H208884" s="12"/>
    </row>
    <row r="208885" spans="8:8">
      <c r="H208885" s="12"/>
    </row>
    <row r="208886" spans="8:8">
      <c r="H208886" s="12"/>
    </row>
    <row r="208887" spans="8:8">
      <c r="H208887" s="12"/>
    </row>
    <row r="208888" spans="8:8">
      <c r="H208888" s="12"/>
    </row>
    <row r="208889" spans="8:8">
      <c r="H208889" s="12"/>
    </row>
    <row r="208890" spans="8:8">
      <c r="H208890" s="12"/>
    </row>
    <row r="208891" spans="8:8">
      <c r="H208891" s="12"/>
    </row>
    <row r="208892" spans="8:8">
      <c r="H208892" s="12"/>
    </row>
    <row r="208893" spans="8:8">
      <c r="H208893" s="12"/>
    </row>
    <row r="208894" spans="8:8">
      <c r="H208894" s="12"/>
    </row>
    <row r="208895" spans="8:8">
      <c r="H208895" s="12"/>
    </row>
    <row r="208896" spans="8:8">
      <c r="H208896" s="12"/>
    </row>
    <row r="208897" spans="8:8">
      <c r="H208897" s="12"/>
    </row>
    <row r="208898" spans="8:8">
      <c r="H208898" s="12"/>
    </row>
    <row r="208899" spans="8:8">
      <c r="H208899" s="12"/>
    </row>
    <row r="208900" spans="8:8">
      <c r="H208900" s="12"/>
    </row>
    <row r="208901" spans="8:8">
      <c r="H208901" s="12"/>
    </row>
    <row r="208902" spans="8:8">
      <c r="H208902" s="12"/>
    </row>
    <row r="208903" spans="8:8">
      <c r="H208903" s="12"/>
    </row>
    <row r="208904" spans="8:8">
      <c r="H208904" s="12"/>
    </row>
    <row r="208905" spans="8:8">
      <c r="H208905" s="12"/>
    </row>
    <row r="208906" spans="8:8">
      <c r="H208906" s="12"/>
    </row>
    <row r="208907" spans="8:8">
      <c r="H208907" s="12"/>
    </row>
    <row r="208908" spans="8:8">
      <c r="H208908" s="12"/>
    </row>
    <row r="208909" spans="8:8">
      <c r="H208909" s="12"/>
    </row>
    <row r="208910" spans="8:8">
      <c r="H208910" s="12"/>
    </row>
    <row r="208911" spans="8:8">
      <c r="H208911" s="12"/>
    </row>
    <row r="208912" spans="8:8">
      <c r="H208912" s="12"/>
    </row>
    <row r="208913" spans="8:8">
      <c r="H208913" s="12"/>
    </row>
    <row r="208914" spans="8:8">
      <c r="H208914" s="12"/>
    </row>
    <row r="208915" spans="8:8">
      <c r="H208915" s="12"/>
    </row>
    <row r="208916" spans="8:8">
      <c r="H208916" s="12"/>
    </row>
    <row r="208917" spans="8:8">
      <c r="H208917" s="12"/>
    </row>
    <row r="208918" spans="8:8">
      <c r="H208918" s="12"/>
    </row>
    <row r="208919" spans="8:8">
      <c r="H208919" s="12"/>
    </row>
    <row r="208920" spans="8:8">
      <c r="H208920" s="12"/>
    </row>
    <row r="208921" spans="8:8">
      <c r="H208921" s="12"/>
    </row>
    <row r="208922" spans="8:8">
      <c r="H208922" s="12"/>
    </row>
    <row r="208923" spans="8:8">
      <c r="H208923" s="12"/>
    </row>
    <row r="208924" spans="8:8">
      <c r="H208924" s="12"/>
    </row>
    <row r="208925" spans="8:8">
      <c r="H208925" s="12"/>
    </row>
    <row r="208926" spans="8:8">
      <c r="H208926" s="12"/>
    </row>
    <row r="208927" spans="8:8">
      <c r="H208927" s="12"/>
    </row>
    <row r="208928" spans="8:8">
      <c r="H208928" s="12"/>
    </row>
    <row r="208929" spans="8:8">
      <c r="H208929" s="12"/>
    </row>
    <row r="208930" spans="8:8">
      <c r="H208930" s="12"/>
    </row>
    <row r="208931" spans="8:8">
      <c r="H208931" s="12"/>
    </row>
    <row r="208932" spans="8:8">
      <c r="H208932" s="12"/>
    </row>
    <row r="208933" spans="8:8">
      <c r="H208933" s="12"/>
    </row>
    <row r="208934" spans="8:8">
      <c r="H208934" s="12"/>
    </row>
    <row r="208935" spans="8:8">
      <c r="H208935" s="12"/>
    </row>
    <row r="208936" spans="8:8">
      <c r="H208936" s="12"/>
    </row>
    <row r="208937" spans="8:8">
      <c r="H208937" s="12"/>
    </row>
    <row r="208938" spans="8:8">
      <c r="H208938" s="12"/>
    </row>
    <row r="208939" spans="8:8">
      <c r="H208939" s="12"/>
    </row>
    <row r="208940" spans="8:8">
      <c r="H208940" s="12"/>
    </row>
    <row r="208941" spans="8:8">
      <c r="H208941" s="12"/>
    </row>
    <row r="208942" spans="8:8">
      <c r="H208942" s="12"/>
    </row>
    <row r="208943" spans="8:8">
      <c r="H208943" s="12"/>
    </row>
    <row r="208944" spans="8:8">
      <c r="H208944" s="12"/>
    </row>
    <row r="208945" spans="8:8">
      <c r="H208945" s="12"/>
    </row>
    <row r="208946" spans="8:8">
      <c r="H208946" s="12"/>
    </row>
    <row r="208947" spans="8:8">
      <c r="H208947" s="12"/>
    </row>
    <row r="208948" spans="8:8">
      <c r="H208948" s="12"/>
    </row>
    <row r="208949" spans="8:8">
      <c r="H208949" s="12"/>
    </row>
    <row r="208950" spans="8:8">
      <c r="H208950" s="12"/>
    </row>
    <row r="208951" spans="8:8">
      <c r="H208951" s="12"/>
    </row>
    <row r="208952" spans="8:8">
      <c r="H208952" s="12"/>
    </row>
    <row r="208953" spans="8:8">
      <c r="H208953" s="12"/>
    </row>
    <row r="208954" spans="8:8">
      <c r="H208954" s="12"/>
    </row>
    <row r="208955" spans="8:8">
      <c r="H208955" s="12"/>
    </row>
    <row r="208956" spans="8:8">
      <c r="H208956" s="12"/>
    </row>
    <row r="208957" spans="8:8">
      <c r="H208957" s="12"/>
    </row>
    <row r="208958" spans="8:8">
      <c r="H208958" s="12"/>
    </row>
    <row r="208959" spans="8:8">
      <c r="H208959" s="12"/>
    </row>
    <row r="208960" spans="8:8">
      <c r="H208960" s="12"/>
    </row>
    <row r="208961" spans="8:8">
      <c r="H208961" s="12"/>
    </row>
    <row r="208962" spans="8:8">
      <c r="H208962" s="12"/>
    </row>
    <row r="208963" spans="8:8">
      <c r="H208963" s="12"/>
    </row>
    <row r="208964" spans="8:8">
      <c r="H208964" s="12"/>
    </row>
    <row r="208965" spans="8:8">
      <c r="H208965" s="12"/>
    </row>
    <row r="208966" spans="8:8">
      <c r="H208966" s="12"/>
    </row>
    <row r="208967" spans="8:8">
      <c r="H208967" s="12"/>
    </row>
    <row r="208968" spans="8:8">
      <c r="H208968" s="12"/>
    </row>
    <row r="208969" spans="8:8">
      <c r="H208969" s="12"/>
    </row>
    <row r="208970" spans="8:8">
      <c r="H208970" s="12"/>
    </row>
    <row r="208971" spans="8:8">
      <c r="H208971" s="12"/>
    </row>
    <row r="208972" spans="8:8">
      <c r="H208972" s="12"/>
    </row>
    <row r="208973" spans="8:8">
      <c r="H208973" s="12"/>
    </row>
    <row r="208974" spans="8:8">
      <c r="H208974" s="12"/>
    </row>
    <row r="208975" spans="8:8">
      <c r="H208975" s="12"/>
    </row>
    <row r="208976" spans="8:8">
      <c r="H208976" s="12"/>
    </row>
    <row r="208977" spans="8:8">
      <c r="H208977" s="12"/>
    </row>
    <row r="208978" spans="8:8">
      <c r="H208978" s="12"/>
    </row>
    <row r="208979" spans="8:8">
      <c r="H208979" s="12"/>
    </row>
    <row r="208980" spans="8:8">
      <c r="H208980" s="12"/>
    </row>
    <row r="208981" spans="8:8">
      <c r="H208981" s="12"/>
    </row>
    <row r="208982" spans="8:8">
      <c r="H208982" s="12"/>
    </row>
    <row r="208983" spans="8:8">
      <c r="H208983" s="12"/>
    </row>
    <row r="208984" spans="8:8">
      <c r="H208984" s="12"/>
    </row>
    <row r="208985" spans="8:8">
      <c r="H208985" s="12"/>
    </row>
    <row r="208986" spans="8:8">
      <c r="H208986" s="12"/>
    </row>
    <row r="208987" spans="8:8">
      <c r="H208987" s="12"/>
    </row>
    <row r="208988" spans="8:8">
      <c r="H208988" s="12"/>
    </row>
    <row r="208989" spans="8:8">
      <c r="H208989" s="12"/>
    </row>
    <row r="208990" spans="8:8">
      <c r="H208990" s="12"/>
    </row>
    <row r="208991" spans="8:8">
      <c r="H208991" s="12"/>
    </row>
    <row r="208992" spans="8:8">
      <c r="H208992" s="12"/>
    </row>
    <row r="208993" spans="8:8">
      <c r="H208993" s="12"/>
    </row>
    <row r="208994" spans="8:8">
      <c r="H208994" s="12"/>
    </row>
    <row r="208995" spans="8:8">
      <c r="H208995" s="12"/>
    </row>
    <row r="208996" spans="8:8">
      <c r="H208996" s="12"/>
    </row>
    <row r="208997" spans="8:8">
      <c r="H208997" s="12"/>
    </row>
    <row r="208998" spans="8:8">
      <c r="H208998" s="12"/>
    </row>
    <row r="208999" spans="8:8">
      <c r="H208999" s="12"/>
    </row>
    <row r="209000" spans="8:8">
      <c r="H209000" s="12"/>
    </row>
    <row r="209001" spans="8:8">
      <c r="H209001" s="12"/>
    </row>
    <row r="209002" spans="8:8">
      <c r="H209002" s="12"/>
    </row>
    <row r="209003" spans="8:8">
      <c r="H209003" s="12"/>
    </row>
    <row r="209004" spans="8:8">
      <c r="H209004" s="12"/>
    </row>
    <row r="209005" spans="8:8">
      <c r="H209005" s="12"/>
    </row>
    <row r="209006" spans="8:8">
      <c r="H209006" s="12"/>
    </row>
    <row r="209007" spans="8:8">
      <c r="H209007" s="12"/>
    </row>
    <row r="209008" spans="8:8">
      <c r="H209008" s="12"/>
    </row>
    <row r="209009" spans="8:8">
      <c r="H209009" s="12"/>
    </row>
    <row r="209010" spans="8:8">
      <c r="H209010" s="12"/>
    </row>
    <row r="209011" spans="8:8">
      <c r="H209011" s="12"/>
    </row>
    <row r="209012" spans="8:8">
      <c r="H209012" s="12"/>
    </row>
    <row r="209013" spans="8:8">
      <c r="H209013" s="12"/>
    </row>
    <row r="209014" spans="8:8">
      <c r="H209014" s="12"/>
    </row>
    <row r="209015" spans="8:8">
      <c r="H209015" s="12"/>
    </row>
    <row r="209016" spans="8:8">
      <c r="H209016" s="12"/>
    </row>
    <row r="209017" spans="8:8">
      <c r="H209017" s="12"/>
    </row>
    <row r="209018" spans="8:8">
      <c r="H209018" s="12"/>
    </row>
    <row r="209019" spans="8:8">
      <c r="H209019" s="12"/>
    </row>
    <row r="209020" spans="8:8">
      <c r="H209020" s="12"/>
    </row>
    <row r="209021" spans="8:8">
      <c r="H209021" s="12"/>
    </row>
    <row r="209022" spans="8:8">
      <c r="H209022" s="12"/>
    </row>
    <row r="209023" spans="8:8">
      <c r="H209023" s="12"/>
    </row>
    <row r="209024" spans="8:8">
      <c r="H209024" s="12"/>
    </row>
    <row r="209025" spans="8:8">
      <c r="H209025" s="12"/>
    </row>
    <row r="209026" spans="8:8">
      <c r="H209026" s="12"/>
    </row>
    <row r="209027" spans="8:8">
      <c r="H209027" s="12"/>
    </row>
    <row r="209028" spans="8:8">
      <c r="H209028" s="12"/>
    </row>
    <row r="209029" spans="8:8">
      <c r="H209029" s="12"/>
    </row>
    <row r="209030" spans="8:8">
      <c r="H209030" s="12"/>
    </row>
    <row r="209031" spans="8:8">
      <c r="H209031" s="12"/>
    </row>
    <row r="209032" spans="8:8">
      <c r="H209032" s="12"/>
    </row>
    <row r="209033" spans="8:8">
      <c r="H209033" s="12"/>
    </row>
    <row r="209034" spans="8:8">
      <c r="H209034" s="12"/>
    </row>
    <row r="209035" spans="8:8">
      <c r="H209035" s="12"/>
    </row>
    <row r="209036" spans="8:8">
      <c r="H209036" s="12"/>
    </row>
    <row r="209037" spans="8:8">
      <c r="H209037" s="12"/>
    </row>
    <row r="209038" spans="8:8">
      <c r="H209038" s="12"/>
    </row>
    <row r="209039" spans="8:8">
      <c r="H209039" s="12"/>
    </row>
    <row r="209040" spans="8:8">
      <c r="H209040" s="12"/>
    </row>
    <row r="209041" spans="8:8">
      <c r="H209041" s="12"/>
    </row>
    <row r="209042" spans="8:8">
      <c r="H209042" s="12"/>
    </row>
    <row r="209043" spans="8:8">
      <c r="H209043" s="12"/>
    </row>
    <row r="209044" spans="8:8">
      <c r="H209044" s="12"/>
    </row>
    <row r="209045" spans="8:8">
      <c r="H209045" s="12"/>
    </row>
    <row r="209046" spans="8:8">
      <c r="H209046" s="12"/>
    </row>
    <row r="209047" spans="8:8">
      <c r="H209047" s="12"/>
    </row>
    <row r="209048" spans="8:8">
      <c r="H209048" s="12"/>
    </row>
    <row r="209049" spans="8:8">
      <c r="H209049" s="12"/>
    </row>
    <row r="209050" spans="8:8">
      <c r="H209050" s="12"/>
    </row>
    <row r="209051" spans="8:8">
      <c r="H209051" s="12"/>
    </row>
    <row r="209052" spans="8:8">
      <c r="H209052" s="12"/>
    </row>
    <row r="209053" spans="8:8">
      <c r="H209053" s="12"/>
    </row>
    <row r="209054" spans="8:8">
      <c r="H209054" s="12"/>
    </row>
    <row r="209055" spans="8:8">
      <c r="H209055" s="12"/>
    </row>
    <row r="209056" spans="8:8">
      <c r="H209056" s="12"/>
    </row>
    <row r="209057" spans="8:8">
      <c r="H209057" s="12"/>
    </row>
    <row r="209058" spans="8:8">
      <c r="H209058" s="12"/>
    </row>
    <row r="209059" spans="8:8">
      <c r="H209059" s="12"/>
    </row>
    <row r="209060" spans="8:8">
      <c r="H209060" s="12"/>
    </row>
    <row r="209061" spans="8:8">
      <c r="H209061" s="12"/>
    </row>
    <row r="209062" spans="8:8">
      <c r="H209062" s="12"/>
    </row>
    <row r="209063" spans="8:8">
      <c r="H209063" s="12"/>
    </row>
    <row r="209064" spans="8:8">
      <c r="H209064" s="12"/>
    </row>
    <row r="209065" spans="8:8">
      <c r="H209065" s="12"/>
    </row>
    <row r="209066" spans="8:8">
      <c r="H209066" s="12"/>
    </row>
    <row r="209067" spans="8:8">
      <c r="H209067" s="12"/>
    </row>
    <row r="209068" spans="8:8">
      <c r="H209068" s="12"/>
    </row>
    <row r="209069" spans="8:8">
      <c r="H209069" s="12"/>
    </row>
    <row r="209070" spans="8:8">
      <c r="H209070" s="12"/>
    </row>
    <row r="209071" spans="8:8">
      <c r="H209071" s="12"/>
    </row>
    <row r="209072" spans="8:8">
      <c r="H209072" s="12"/>
    </row>
    <row r="209073" spans="8:8">
      <c r="H209073" s="12"/>
    </row>
    <row r="209074" spans="8:8">
      <c r="H209074" s="12"/>
    </row>
    <row r="209075" spans="8:8">
      <c r="H209075" s="12"/>
    </row>
    <row r="209076" spans="8:8">
      <c r="H209076" s="12"/>
    </row>
    <row r="209077" spans="8:8">
      <c r="H209077" s="12"/>
    </row>
    <row r="209078" spans="8:8">
      <c r="H209078" s="12"/>
    </row>
    <row r="209079" spans="8:8">
      <c r="H209079" s="12"/>
    </row>
    <row r="209080" spans="8:8">
      <c r="H209080" s="12"/>
    </row>
    <row r="209081" spans="8:8">
      <c r="H209081" s="12"/>
    </row>
    <row r="209082" spans="8:8">
      <c r="H209082" s="12"/>
    </row>
    <row r="209083" spans="8:8">
      <c r="H209083" s="12"/>
    </row>
    <row r="209084" spans="8:8">
      <c r="H209084" s="12"/>
    </row>
    <row r="209085" spans="8:8">
      <c r="H209085" s="12"/>
    </row>
    <row r="209086" spans="8:8">
      <c r="H209086" s="12"/>
    </row>
    <row r="209087" spans="8:8">
      <c r="H209087" s="12"/>
    </row>
    <row r="209088" spans="8:8">
      <c r="H209088" s="12"/>
    </row>
    <row r="209089" spans="8:8">
      <c r="H209089" s="12"/>
    </row>
    <row r="209090" spans="8:8">
      <c r="H209090" s="12"/>
    </row>
    <row r="209091" spans="8:8">
      <c r="H209091" s="12"/>
    </row>
    <row r="209092" spans="8:8">
      <c r="H209092" s="12"/>
    </row>
    <row r="209093" spans="8:8">
      <c r="H209093" s="12"/>
    </row>
    <row r="209094" spans="8:8">
      <c r="H209094" s="12"/>
    </row>
    <row r="209095" spans="8:8">
      <c r="H209095" s="12"/>
    </row>
    <row r="209096" spans="8:8">
      <c r="H209096" s="12"/>
    </row>
    <row r="209097" spans="8:8">
      <c r="H209097" s="12"/>
    </row>
    <row r="209098" spans="8:8">
      <c r="H209098" s="12"/>
    </row>
    <row r="209099" spans="8:8">
      <c r="H209099" s="12"/>
    </row>
    <row r="209100" spans="8:8">
      <c r="H209100" s="12"/>
    </row>
    <row r="209101" spans="8:8">
      <c r="H209101" s="12"/>
    </row>
    <row r="209102" spans="8:8">
      <c r="H209102" s="12"/>
    </row>
    <row r="209103" spans="8:8">
      <c r="H209103" s="12"/>
    </row>
    <row r="209104" spans="8:8">
      <c r="H209104" s="12"/>
    </row>
    <row r="209105" spans="8:8">
      <c r="H209105" s="12"/>
    </row>
    <row r="209106" spans="8:8">
      <c r="H209106" s="12"/>
    </row>
    <row r="209107" spans="8:8">
      <c r="H209107" s="12"/>
    </row>
    <row r="209108" spans="8:8">
      <c r="H209108" s="12"/>
    </row>
    <row r="209109" spans="8:8">
      <c r="H209109" s="12"/>
    </row>
    <row r="209110" spans="8:8">
      <c r="H209110" s="12"/>
    </row>
    <row r="209111" spans="8:8">
      <c r="H209111" s="12"/>
    </row>
    <row r="209112" spans="8:8">
      <c r="H209112" s="12"/>
    </row>
    <row r="209113" spans="8:8">
      <c r="H209113" s="12"/>
    </row>
    <row r="209114" spans="8:8">
      <c r="H209114" s="12"/>
    </row>
    <row r="209115" spans="8:8">
      <c r="H209115" s="12"/>
    </row>
    <row r="209116" spans="8:8">
      <c r="H209116" s="12"/>
    </row>
    <row r="209117" spans="8:8">
      <c r="H209117" s="12"/>
    </row>
    <row r="209118" spans="8:8">
      <c r="H209118" s="12"/>
    </row>
    <row r="209119" spans="8:8">
      <c r="H209119" s="12"/>
    </row>
    <row r="209120" spans="8:8">
      <c r="H209120" s="12"/>
    </row>
    <row r="209121" spans="8:8">
      <c r="H209121" s="12"/>
    </row>
    <row r="209122" spans="8:8">
      <c r="H209122" s="12"/>
    </row>
    <row r="209123" spans="8:8">
      <c r="H209123" s="12"/>
    </row>
    <row r="209124" spans="8:8">
      <c r="H209124" s="12"/>
    </row>
    <row r="209125" spans="8:8">
      <c r="H209125" s="12"/>
    </row>
    <row r="209126" spans="8:8">
      <c r="H209126" s="12"/>
    </row>
    <row r="209127" spans="8:8">
      <c r="H209127" s="12"/>
    </row>
    <row r="209128" spans="8:8">
      <c r="H209128" s="12"/>
    </row>
    <row r="209129" spans="8:8">
      <c r="H209129" s="12"/>
    </row>
    <row r="209130" spans="8:8">
      <c r="H209130" s="12"/>
    </row>
    <row r="209131" spans="8:8">
      <c r="H209131" s="12"/>
    </row>
    <row r="209132" spans="8:8">
      <c r="H209132" s="12"/>
    </row>
    <row r="209133" spans="8:8">
      <c r="H209133" s="12"/>
    </row>
    <row r="209134" spans="8:8">
      <c r="H209134" s="12"/>
    </row>
    <row r="209135" spans="8:8">
      <c r="H209135" s="12"/>
    </row>
    <row r="209136" spans="8:8">
      <c r="H209136" s="12"/>
    </row>
    <row r="209137" spans="8:8">
      <c r="H209137" s="12"/>
    </row>
    <row r="209138" spans="8:8">
      <c r="H209138" s="12"/>
    </row>
    <row r="209139" spans="8:8">
      <c r="H209139" s="12"/>
    </row>
    <row r="209140" spans="8:8">
      <c r="H209140" s="12"/>
    </row>
    <row r="209141" spans="8:8">
      <c r="H209141" s="12"/>
    </row>
    <row r="209142" spans="8:8">
      <c r="H209142" s="12"/>
    </row>
    <row r="209143" spans="8:8">
      <c r="H209143" s="12"/>
    </row>
    <row r="209144" spans="8:8">
      <c r="H209144" s="12"/>
    </row>
    <row r="209145" spans="8:8">
      <c r="H209145" s="12"/>
    </row>
    <row r="209146" spans="8:8">
      <c r="H209146" s="12"/>
    </row>
    <row r="209147" spans="8:8">
      <c r="H209147" s="12"/>
    </row>
    <row r="209148" spans="8:8">
      <c r="H209148" s="12"/>
    </row>
    <row r="209149" spans="8:8">
      <c r="H209149" s="12"/>
    </row>
    <row r="209150" spans="8:8">
      <c r="H209150" s="12"/>
    </row>
    <row r="209151" spans="8:8">
      <c r="H209151" s="12"/>
    </row>
    <row r="209152" spans="8:8">
      <c r="H209152" s="12"/>
    </row>
    <row r="209153" spans="8:8">
      <c r="H209153" s="12"/>
    </row>
    <row r="209154" spans="8:8">
      <c r="H209154" s="12"/>
    </row>
    <row r="209155" spans="8:8">
      <c r="H209155" s="12"/>
    </row>
    <row r="209156" spans="8:8">
      <c r="H209156" s="12"/>
    </row>
    <row r="209157" spans="8:8">
      <c r="H209157" s="12"/>
    </row>
    <row r="209158" spans="8:8">
      <c r="H209158" s="12"/>
    </row>
    <row r="209159" spans="8:8">
      <c r="H209159" s="12"/>
    </row>
    <row r="209160" spans="8:8">
      <c r="H209160" s="12"/>
    </row>
    <row r="209161" spans="8:8">
      <c r="H209161" s="12"/>
    </row>
    <row r="209162" spans="8:8">
      <c r="H209162" s="12"/>
    </row>
    <row r="209163" spans="8:8">
      <c r="H209163" s="12"/>
    </row>
    <row r="209164" spans="8:8">
      <c r="H209164" s="12"/>
    </row>
    <row r="209165" spans="8:8">
      <c r="H209165" s="12"/>
    </row>
    <row r="209166" spans="8:8">
      <c r="H209166" s="12"/>
    </row>
    <row r="209167" spans="8:8">
      <c r="H209167" s="12"/>
    </row>
    <row r="209168" spans="8:8">
      <c r="H209168" s="12"/>
    </row>
    <row r="209169" spans="8:8">
      <c r="H209169" s="12"/>
    </row>
    <row r="209170" spans="8:8">
      <c r="H209170" s="12"/>
    </row>
    <row r="209171" spans="8:8">
      <c r="H209171" s="12"/>
    </row>
    <row r="209172" spans="8:8">
      <c r="H209172" s="12"/>
    </row>
    <row r="209173" spans="8:8">
      <c r="H209173" s="12"/>
    </row>
    <row r="209174" spans="8:8">
      <c r="H209174" s="12"/>
    </row>
    <row r="209175" spans="8:8">
      <c r="H209175" s="12"/>
    </row>
    <row r="209176" spans="8:8">
      <c r="H209176" s="12"/>
    </row>
    <row r="209177" spans="8:8">
      <c r="H209177" s="12"/>
    </row>
    <row r="209178" spans="8:8">
      <c r="H209178" s="12"/>
    </row>
    <row r="209179" spans="8:8">
      <c r="H209179" s="12"/>
    </row>
    <row r="209180" spans="8:8">
      <c r="H209180" s="12"/>
    </row>
    <row r="209181" spans="8:8">
      <c r="H209181" s="12"/>
    </row>
    <row r="209182" spans="8:8">
      <c r="H209182" s="12"/>
    </row>
    <row r="209183" spans="8:8">
      <c r="H209183" s="12"/>
    </row>
    <row r="209184" spans="8:8">
      <c r="H209184" s="12"/>
    </row>
    <row r="209185" spans="8:8">
      <c r="H209185" s="12"/>
    </row>
    <row r="209186" spans="8:8">
      <c r="H209186" s="12"/>
    </row>
    <row r="209187" spans="8:8">
      <c r="H209187" s="12"/>
    </row>
    <row r="209188" spans="8:8">
      <c r="H209188" s="12"/>
    </row>
    <row r="209189" spans="8:8">
      <c r="H209189" s="12"/>
    </row>
    <row r="209190" spans="8:8">
      <c r="H209190" s="12"/>
    </row>
    <row r="209191" spans="8:8">
      <c r="H209191" s="12"/>
    </row>
    <row r="209192" spans="8:8">
      <c r="H209192" s="12"/>
    </row>
    <row r="209193" spans="8:8">
      <c r="H209193" s="12"/>
    </row>
    <row r="209194" spans="8:8">
      <c r="H209194" s="12"/>
    </row>
    <row r="209195" spans="8:8">
      <c r="H209195" s="12"/>
    </row>
    <row r="209196" spans="8:8">
      <c r="H209196" s="12"/>
    </row>
    <row r="209197" spans="8:8">
      <c r="H209197" s="12"/>
    </row>
    <row r="209198" spans="8:8">
      <c r="H209198" s="12"/>
    </row>
    <row r="209199" spans="8:8">
      <c r="H209199" s="12"/>
    </row>
    <row r="209200" spans="8:8">
      <c r="H209200" s="12"/>
    </row>
    <row r="209201" spans="8:8">
      <c r="H209201" s="12"/>
    </row>
    <row r="209202" spans="8:8">
      <c r="H209202" s="12"/>
    </row>
    <row r="209203" spans="8:8">
      <c r="H209203" s="12"/>
    </row>
    <row r="209204" spans="8:8">
      <c r="H209204" s="12"/>
    </row>
    <row r="209205" spans="8:8">
      <c r="H209205" s="12"/>
    </row>
    <row r="209206" spans="8:8">
      <c r="H209206" s="12"/>
    </row>
    <row r="209207" spans="8:8">
      <c r="H209207" s="12"/>
    </row>
    <row r="209208" spans="8:8">
      <c r="H209208" s="12"/>
    </row>
    <row r="209209" spans="8:8">
      <c r="H209209" s="12"/>
    </row>
    <row r="209210" spans="8:8">
      <c r="H209210" s="12"/>
    </row>
    <row r="209211" spans="8:8">
      <c r="H209211" s="12"/>
    </row>
    <row r="209212" spans="8:8">
      <c r="H209212" s="12"/>
    </row>
    <row r="209213" spans="8:8">
      <c r="H209213" s="12"/>
    </row>
    <row r="209214" spans="8:8">
      <c r="H209214" s="12"/>
    </row>
    <row r="209215" spans="8:8">
      <c r="H209215" s="12"/>
    </row>
    <row r="209216" spans="8:8">
      <c r="H209216" s="12"/>
    </row>
    <row r="209217" spans="8:8">
      <c r="H209217" s="12"/>
    </row>
    <row r="209218" spans="8:8">
      <c r="H209218" s="12"/>
    </row>
    <row r="209219" spans="8:8">
      <c r="H209219" s="12"/>
    </row>
    <row r="209220" spans="8:8">
      <c r="H209220" s="12"/>
    </row>
    <row r="209221" spans="8:8">
      <c r="H209221" s="12"/>
    </row>
    <row r="209222" spans="8:8">
      <c r="H209222" s="12"/>
    </row>
    <row r="209223" spans="8:8">
      <c r="H209223" s="12"/>
    </row>
    <row r="209224" spans="8:8">
      <c r="H209224" s="12"/>
    </row>
    <row r="209225" spans="8:8">
      <c r="H209225" s="12"/>
    </row>
    <row r="209226" spans="8:8">
      <c r="H209226" s="12"/>
    </row>
    <row r="209227" spans="8:8">
      <c r="H209227" s="12"/>
    </row>
    <row r="209228" spans="8:8">
      <c r="H209228" s="12"/>
    </row>
    <row r="209229" spans="8:8">
      <c r="H209229" s="12"/>
    </row>
    <row r="209230" spans="8:8">
      <c r="H209230" s="12"/>
    </row>
    <row r="209231" spans="8:8">
      <c r="H209231" s="12"/>
    </row>
    <row r="209232" spans="8:8">
      <c r="H209232" s="12"/>
    </row>
    <row r="209233" spans="8:8">
      <c r="H209233" s="12"/>
    </row>
    <row r="209234" spans="8:8">
      <c r="H209234" s="12"/>
    </row>
    <row r="209235" spans="8:8">
      <c r="H209235" s="12"/>
    </row>
    <row r="209236" spans="8:8">
      <c r="H209236" s="12"/>
    </row>
    <row r="209237" spans="8:8">
      <c r="H209237" s="12"/>
    </row>
    <row r="209238" spans="8:8">
      <c r="H209238" s="12"/>
    </row>
    <row r="209239" spans="8:8">
      <c r="H209239" s="12"/>
    </row>
    <row r="209240" spans="8:8">
      <c r="H209240" s="12"/>
    </row>
    <row r="209241" spans="8:8">
      <c r="H209241" s="12"/>
    </row>
    <row r="209242" spans="8:8">
      <c r="H209242" s="12"/>
    </row>
    <row r="209243" spans="8:8">
      <c r="H209243" s="12"/>
    </row>
    <row r="209244" spans="8:8">
      <c r="H209244" s="12"/>
    </row>
    <row r="209245" spans="8:8">
      <c r="H209245" s="12"/>
    </row>
    <row r="209246" spans="8:8">
      <c r="H209246" s="12"/>
    </row>
    <row r="209247" spans="8:8">
      <c r="H209247" s="12"/>
    </row>
    <row r="209248" spans="8:8">
      <c r="H209248" s="12"/>
    </row>
    <row r="209249" spans="8:8">
      <c r="H209249" s="12"/>
    </row>
    <row r="209250" spans="8:8">
      <c r="H209250" s="12"/>
    </row>
    <row r="209251" spans="8:8">
      <c r="H209251" s="12"/>
    </row>
    <row r="209252" spans="8:8">
      <c r="H209252" s="12"/>
    </row>
    <row r="209253" spans="8:8">
      <c r="H209253" s="12"/>
    </row>
    <row r="209254" spans="8:8">
      <c r="H209254" s="12"/>
    </row>
    <row r="209255" spans="8:8">
      <c r="H209255" s="12"/>
    </row>
    <row r="209256" spans="8:8">
      <c r="H209256" s="12"/>
    </row>
    <row r="209257" spans="8:8">
      <c r="H209257" s="12"/>
    </row>
    <row r="209258" spans="8:8">
      <c r="H209258" s="12"/>
    </row>
    <row r="209259" spans="8:8">
      <c r="H209259" s="12"/>
    </row>
    <row r="209260" spans="8:8">
      <c r="H209260" s="12"/>
    </row>
    <row r="209261" spans="8:8">
      <c r="H209261" s="12"/>
    </row>
    <row r="209262" spans="8:8">
      <c r="H209262" s="12"/>
    </row>
    <row r="209263" spans="8:8">
      <c r="H209263" s="12"/>
    </row>
    <row r="209264" spans="8:8">
      <c r="H209264" s="12"/>
    </row>
    <row r="209265" spans="8:8">
      <c r="H209265" s="12"/>
    </row>
    <row r="209266" spans="8:8">
      <c r="H209266" s="12"/>
    </row>
    <row r="209267" spans="8:8">
      <c r="H209267" s="12"/>
    </row>
    <row r="209268" spans="8:8">
      <c r="H209268" s="12"/>
    </row>
    <row r="209269" spans="8:8">
      <c r="H209269" s="12"/>
    </row>
    <row r="209270" spans="8:8">
      <c r="H209270" s="12"/>
    </row>
    <row r="209271" spans="8:8">
      <c r="H209271" s="12"/>
    </row>
    <row r="209272" spans="8:8">
      <c r="H209272" s="12"/>
    </row>
    <row r="209273" spans="8:8">
      <c r="H209273" s="12"/>
    </row>
    <row r="209274" spans="8:8">
      <c r="H209274" s="12"/>
    </row>
    <row r="209275" spans="8:8">
      <c r="H209275" s="12"/>
    </row>
    <row r="209276" spans="8:8">
      <c r="H209276" s="12"/>
    </row>
    <row r="209277" spans="8:8">
      <c r="H209277" s="12"/>
    </row>
    <row r="209278" spans="8:8">
      <c r="H209278" s="12"/>
    </row>
    <row r="209279" spans="8:8">
      <c r="H209279" s="12"/>
    </row>
    <row r="209280" spans="8:8">
      <c r="H209280" s="12"/>
    </row>
    <row r="209281" spans="8:8">
      <c r="H209281" s="12"/>
    </row>
    <row r="209282" spans="8:8">
      <c r="H209282" s="12"/>
    </row>
    <row r="209283" spans="8:8">
      <c r="H209283" s="12"/>
    </row>
    <row r="209284" spans="8:8">
      <c r="H209284" s="12"/>
    </row>
    <row r="209285" spans="8:8">
      <c r="H209285" s="12"/>
    </row>
    <row r="209286" spans="8:8">
      <c r="H209286" s="12"/>
    </row>
    <row r="209287" spans="8:8">
      <c r="H209287" s="12"/>
    </row>
    <row r="209288" spans="8:8">
      <c r="H209288" s="12"/>
    </row>
    <row r="209289" spans="8:8">
      <c r="H209289" s="12"/>
    </row>
    <row r="209290" spans="8:8">
      <c r="H209290" s="12"/>
    </row>
    <row r="209291" spans="8:8">
      <c r="H209291" s="12"/>
    </row>
    <row r="209292" spans="8:8">
      <c r="H209292" s="12"/>
    </row>
    <row r="209293" spans="8:8">
      <c r="H209293" s="12"/>
    </row>
    <row r="209294" spans="8:8">
      <c r="H209294" s="12"/>
    </row>
    <row r="209295" spans="8:8">
      <c r="H209295" s="12"/>
    </row>
    <row r="209296" spans="8:8">
      <c r="H209296" s="12"/>
    </row>
    <row r="209297" spans="8:8">
      <c r="H209297" s="12"/>
    </row>
    <row r="209298" spans="8:8">
      <c r="H209298" s="12"/>
    </row>
    <row r="209299" spans="8:8">
      <c r="H209299" s="12"/>
    </row>
    <row r="209300" spans="8:8">
      <c r="H209300" s="12"/>
    </row>
    <row r="209301" spans="8:8">
      <c r="H209301" s="12"/>
    </row>
    <row r="209302" spans="8:8">
      <c r="H209302" s="12"/>
    </row>
    <row r="209303" spans="8:8">
      <c r="H209303" s="12"/>
    </row>
    <row r="209304" spans="8:8">
      <c r="H209304" s="12"/>
    </row>
    <row r="209305" spans="8:8">
      <c r="H209305" s="12"/>
    </row>
    <row r="209306" spans="8:8">
      <c r="H209306" s="12"/>
    </row>
    <row r="209307" spans="8:8">
      <c r="H209307" s="12"/>
    </row>
    <row r="209308" spans="8:8">
      <c r="H209308" s="12"/>
    </row>
    <row r="209309" spans="8:8">
      <c r="H209309" s="12"/>
    </row>
    <row r="209310" spans="8:8">
      <c r="H209310" s="12"/>
    </row>
    <row r="209311" spans="8:8">
      <c r="H209311" s="12"/>
    </row>
    <row r="209312" spans="8:8">
      <c r="H209312" s="12"/>
    </row>
    <row r="209313" spans="8:8">
      <c r="H209313" s="12"/>
    </row>
    <row r="209314" spans="8:8">
      <c r="H209314" s="12"/>
    </row>
    <row r="209315" spans="8:8">
      <c r="H209315" s="12"/>
    </row>
    <row r="209316" spans="8:8">
      <c r="H209316" s="12"/>
    </row>
    <row r="209317" spans="8:8">
      <c r="H209317" s="12"/>
    </row>
    <row r="209318" spans="8:8">
      <c r="H209318" s="12"/>
    </row>
    <row r="209319" spans="8:8">
      <c r="H209319" s="12"/>
    </row>
    <row r="209320" spans="8:8">
      <c r="H209320" s="12"/>
    </row>
    <row r="209321" spans="8:8">
      <c r="H209321" s="12"/>
    </row>
    <row r="209322" spans="8:8">
      <c r="H209322" s="12"/>
    </row>
    <row r="209323" spans="8:8">
      <c r="H209323" s="12"/>
    </row>
    <row r="209324" spans="8:8">
      <c r="H209324" s="12"/>
    </row>
    <row r="209325" spans="8:8">
      <c r="H209325" s="12"/>
    </row>
    <row r="209326" spans="8:8">
      <c r="H209326" s="12"/>
    </row>
    <row r="209327" spans="8:8">
      <c r="H209327" s="12"/>
    </row>
    <row r="209328" spans="8:8">
      <c r="H209328" s="12"/>
    </row>
    <row r="209329" spans="8:8">
      <c r="H209329" s="12"/>
    </row>
    <row r="209330" spans="8:8">
      <c r="H209330" s="12"/>
    </row>
    <row r="209331" spans="8:8">
      <c r="H209331" s="12"/>
    </row>
    <row r="209332" spans="8:8">
      <c r="H209332" s="12"/>
    </row>
    <row r="209333" spans="8:8">
      <c r="H209333" s="12"/>
    </row>
    <row r="209334" spans="8:8">
      <c r="H209334" s="12"/>
    </row>
    <row r="209335" spans="8:8">
      <c r="H209335" s="12"/>
    </row>
    <row r="209336" spans="8:8">
      <c r="H209336" s="12"/>
    </row>
    <row r="209337" spans="8:8">
      <c r="H209337" s="12"/>
    </row>
    <row r="209338" spans="8:8">
      <c r="H209338" s="12"/>
    </row>
    <row r="209339" spans="8:8">
      <c r="H209339" s="12"/>
    </row>
    <row r="209340" spans="8:8">
      <c r="H209340" s="12"/>
    </row>
    <row r="209341" spans="8:8">
      <c r="H209341" s="12"/>
    </row>
    <row r="209342" spans="8:8">
      <c r="H209342" s="12"/>
    </row>
    <row r="209343" spans="8:8">
      <c r="H209343" s="12"/>
    </row>
    <row r="209344" spans="8:8">
      <c r="H209344" s="12"/>
    </row>
    <row r="209345" spans="8:8">
      <c r="H209345" s="12"/>
    </row>
    <row r="209346" spans="8:8">
      <c r="H209346" s="12"/>
    </row>
    <row r="209347" spans="8:8">
      <c r="H209347" s="12"/>
    </row>
    <row r="209348" spans="8:8">
      <c r="H209348" s="12"/>
    </row>
    <row r="209349" spans="8:8">
      <c r="H209349" s="12"/>
    </row>
    <row r="209350" spans="8:8">
      <c r="H209350" s="12"/>
    </row>
    <row r="209351" spans="8:8">
      <c r="H209351" s="12"/>
    </row>
    <row r="209352" spans="8:8">
      <c r="H209352" s="12"/>
    </row>
    <row r="209353" spans="8:8">
      <c r="H209353" s="12"/>
    </row>
    <row r="209354" spans="8:8">
      <c r="H209354" s="12"/>
    </row>
    <row r="209355" spans="8:8">
      <c r="H209355" s="12"/>
    </row>
    <row r="209356" spans="8:8">
      <c r="H209356" s="12"/>
    </row>
    <row r="209357" spans="8:8">
      <c r="H209357" s="12"/>
    </row>
    <row r="209358" spans="8:8">
      <c r="H209358" s="12"/>
    </row>
    <row r="209359" spans="8:8">
      <c r="H209359" s="12"/>
    </row>
    <row r="209360" spans="8:8">
      <c r="H209360" s="12"/>
    </row>
    <row r="209361" spans="8:8">
      <c r="H209361" s="12"/>
    </row>
    <row r="209362" spans="8:8">
      <c r="H209362" s="12"/>
    </row>
    <row r="209363" spans="8:8">
      <c r="H209363" s="12"/>
    </row>
    <row r="209364" spans="8:8">
      <c r="H209364" s="12"/>
    </row>
    <row r="209365" spans="8:8">
      <c r="H209365" s="12"/>
    </row>
    <row r="209366" spans="8:8">
      <c r="H209366" s="12"/>
    </row>
    <row r="209367" spans="8:8">
      <c r="H209367" s="12"/>
    </row>
    <row r="209368" spans="8:8">
      <c r="H209368" s="12"/>
    </row>
    <row r="209369" spans="8:8">
      <c r="H209369" s="12"/>
    </row>
    <row r="209370" spans="8:8">
      <c r="H209370" s="12"/>
    </row>
    <row r="209371" spans="8:8">
      <c r="H209371" s="12"/>
    </row>
    <row r="209372" spans="8:8">
      <c r="H209372" s="12"/>
    </row>
    <row r="209373" spans="8:8">
      <c r="H209373" s="12"/>
    </row>
    <row r="209374" spans="8:8">
      <c r="H209374" s="12"/>
    </row>
    <row r="209375" spans="8:8">
      <c r="H209375" s="12"/>
    </row>
    <row r="209376" spans="8:8">
      <c r="H209376" s="12"/>
    </row>
    <row r="209377" spans="8:8">
      <c r="H209377" s="12"/>
    </row>
    <row r="209378" spans="8:8">
      <c r="H209378" s="12"/>
    </row>
    <row r="209379" spans="8:8">
      <c r="H209379" s="12"/>
    </row>
    <row r="209380" spans="8:8">
      <c r="H209380" s="12"/>
    </row>
    <row r="209381" spans="8:8">
      <c r="H209381" s="12"/>
    </row>
    <row r="209382" spans="8:8">
      <c r="H209382" s="12"/>
    </row>
    <row r="209383" spans="8:8">
      <c r="H209383" s="12"/>
    </row>
    <row r="209384" spans="8:8">
      <c r="H209384" s="12"/>
    </row>
    <row r="209385" spans="8:8">
      <c r="H209385" s="12"/>
    </row>
    <row r="209386" spans="8:8">
      <c r="H209386" s="12"/>
    </row>
    <row r="209387" spans="8:8">
      <c r="H209387" s="12"/>
    </row>
    <row r="209388" spans="8:8">
      <c r="H209388" s="12"/>
    </row>
    <row r="209389" spans="8:8">
      <c r="H209389" s="12"/>
    </row>
    <row r="209390" spans="8:8">
      <c r="H209390" s="12"/>
    </row>
    <row r="209391" spans="8:8">
      <c r="H209391" s="12"/>
    </row>
    <row r="209392" spans="8:8">
      <c r="H209392" s="12"/>
    </row>
    <row r="209393" spans="8:8">
      <c r="H209393" s="12"/>
    </row>
    <row r="209394" spans="8:8">
      <c r="H209394" s="12"/>
    </row>
    <row r="209395" spans="8:8">
      <c r="H209395" s="12"/>
    </row>
    <row r="209396" spans="8:8">
      <c r="H209396" s="12"/>
    </row>
    <row r="209397" spans="8:8">
      <c r="H209397" s="12"/>
    </row>
    <row r="209398" spans="8:8">
      <c r="H209398" s="12"/>
    </row>
    <row r="209399" spans="8:8">
      <c r="H209399" s="12"/>
    </row>
    <row r="209400" spans="8:8">
      <c r="H209400" s="12"/>
    </row>
    <row r="209401" spans="8:8">
      <c r="H209401" s="12"/>
    </row>
    <row r="209402" spans="8:8">
      <c r="H209402" s="12"/>
    </row>
    <row r="209403" spans="8:8">
      <c r="H209403" s="12"/>
    </row>
    <row r="209404" spans="8:8">
      <c r="H209404" s="12"/>
    </row>
    <row r="209405" spans="8:8">
      <c r="H209405" s="12"/>
    </row>
    <row r="209406" spans="8:8">
      <c r="H209406" s="12"/>
    </row>
    <row r="209407" spans="8:8">
      <c r="H209407" s="12"/>
    </row>
    <row r="209408" spans="8:8">
      <c r="H209408" s="12"/>
    </row>
    <row r="209409" spans="8:8">
      <c r="H209409" s="12"/>
    </row>
    <row r="209410" spans="8:8">
      <c r="H209410" s="12"/>
    </row>
    <row r="209411" spans="8:8">
      <c r="H209411" s="12"/>
    </row>
    <row r="209412" spans="8:8">
      <c r="H209412" s="12"/>
    </row>
    <row r="209413" spans="8:8">
      <c r="H209413" s="12"/>
    </row>
    <row r="209414" spans="8:8">
      <c r="H209414" s="12"/>
    </row>
    <row r="209415" spans="8:8">
      <c r="H209415" s="12"/>
    </row>
    <row r="209416" spans="8:8">
      <c r="H209416" s="12"/>
    </row>
    <row r="209417" spans="8:8">
      <c r="H209417" s="12"/>
    </row>
    <row r="209418" spans="8:8">
      <c r="H209418" s="12"/>
    </row>
    <row r="209419" spans="8:8">
      <c r="H209419" s="12"/>
    </row>
    <row r="209420" spans="8:8">
      <c r="H209420" s="12"/>
    </row>
    <row r="209421" spans="8:8">
      <c r="H209421" s="12"/>
    </row>
    <row r="209422" spans="8:8">
      <c r="H209422" s="12"/>
    </row>
    <row r="209423" spans="8:8">
      <c r="H209423" s="12"/>
    </row>
    <row r="209424" spans="8:8">
      <c r="H209424" s="12"/>
    </row>
    <row r="209425" spans="8:8">
      <c r="H209425" s="12"/>
    </row>
    <row r="209426" spans="8:8">
      <c r="H209426" s="12"/>
    </row>
    <row r="209427" spans="8:8">
      <c r="H209427" s="12"/>
    </row>
    <row r="209428" spans="8:8">
      <c r="H209428" s="12"/>
    </row>
    <row r="209429" spans="8:8">
      <c r="H209429" s="12"/>
    </row>
    <row r="209430" spans="8:8">
      <c r="H209430" s="12"/>
    </row>
    <row r="209431" spans="8:8">
      <c r="H209431" s="12"/>
    </row>
    <row r="209432" spans="8:8">
      <c r="H209432" s="12"/>
    </row>
    <row r="209433" spans="8:8">
      <c r="H209433" s="12"/>
    </row>
    <row r="209434" spans="8:8">
      <c r="H209434" s="12"/>
    </row>
    <row r="209435" spans="8:8">
      <c r="H209435" s="12"/>
    </row>
    <row r="209436" spans="8:8">
      <c r="H209436" s="12"/>
    </row>
    <row r="209437" spans="8:8">
      <c r="H209437" s="12"/>
    </row>
    <row r="209438" spans="8:8">
      <c r="H209438" s="12"/>
    </row>
    <row r="209439" spans="8:8">
      <c r="H209439" s="12"/>
    </row>
    <row r="209440" spans="8:8">
      <c r="H209440" s="12"/>
    </row>
    <row r="209441" spans="8:8">
      <c r="H209441" s="12"/>
    </row>
    <row r="209442" spans="8:8">
      <c r="H209442" s="12"/>
    </row>
    <row r="209443" spans="8:8">
      <c r="H209443" s="12"/>
    </row>
    <row r="209444" spans="8:8">
      <c r="H209444" s="12"/>
    </row>
    <row r="209445" spans="8:8">
      <c r="H209445" s="12"/>
    </row>
    <row r="209446" spans="8:8">
      <c r="H209446" s="12"/>
    </row>
    <row r="209447" spans="8:8">
      <c r="H209447" s="12"/>
    </row>
    <row r="209448" spans="8:8">
      <c r="H209448" s="12"/>
    </row>
    <row r="209449" spans="8:8">
      <c r="H209449" s="12"/>
    </row>
    <row r="209450" spans="8:8">
      <c r="H209450" s="12"/>
    </row>
    <row r="209451" spans="8:8">
      <c r="H209451" s="12"/>
    </row>
    <row r="209452" spans="8:8">
      <c r="H209452" s="12"/>
    </row>
    <row r="209453" spans="8:8">
      <c r="H209453" s="12"/>
    </row>
    <row r="209454" spans="8:8">
      <c r="H209454" s="12"/>
    </row>
    <row r="209455" spans="8:8">
      <c r="H209455" s="12"/>
    </row>
    <row r="209456" spans="8:8">
      <c r="H209456" s="12"/>
    </row>
    <row r="209457" spans="8:8">
      <c r="H209457" s="12"/>
    </row>
    <row r="209458" spans="8:8">
      <c r="H209458" s="12"/>
    </row>
    <row r="209459" spans="8:8">
      <c r="H209459" s="12"/>
    </row>
    <row r="209460" spans="8:8">
      <c r="H209460" s="12"/>
    </row>
    <row r="209461" spans="8:8">
      <c r="H209461" s="12"/>
    </row>
    <row r="209462" spans="8:8">
      <c r="H209462" s="12"/>
    </row>
    <row r="209463" spans="8:8">
      <c r="H209463" s="12"/>
    </row>
    <row r="209464" spans="8:8">
      <c r="H209464" s="12"/>
    </row>
    <row r="209465" spans="8:8">
      <c r="H209465" s="12"/>
    </row>
    <row r="209466" spans="8:8">
      <c r="H209466" s="12"/>
    </row>
    <row r="209467" spans="8:8">
      <c r="H209467" s="12"/>
    </row>
    <row r="209468" spans="8:8">
      <c r="H209468" s="12"/>
    </row>
    <row r="209469" spans="8:8">
      <c r="H209469" s="12"/>
    </row>
    <row r="209470" spans="8:8">
      <c r="H209470" s="12"/>
    </row>
    <row r="209471" spans="8:8">
      <c r="H209471" s="12"/>
    </row>
    <row r="209472" spans="8:8">
      <c r="H209472" s="12"/>
    </row>
    <row r="209473" spans="8:8">
      <c r="H209473" s="12"/>
    </row>
    <row r="209474" spans="8:8">
      <c r="H209474" s="12"/>
    </row>
    <row r="209475" spans="8:8">
      <c r="H209475" s="12"/>
    </row>
    <row r="209476" spans="8:8">
      <c r="H209476" s="12"/>
    </row>
    <row r="209477" spans="8:8">
      <c r="H209477" s="12"/>
    </row>
    <row r="209478" spans="8:8">
      <c r="H209478" s="12"/>
    </row>
    <row r="209479" spans="8:8">
      <c r="H209479" s="12"/>
    </row>
    <row r="209480" spans="8:8">
      <c r="H209480" s="12"/>
    </row>
    <row r="209481" spans="8:8">
      <c r="H209481" s="12"/>
    </row>
    <row r="209482" spans="8:8">
      <c r="H209482" s="12"/>
    </row>
    <row r="209483" spans="8:8">
      <c r="H209483" s="12"/>
    </row>
    <row r="209484" spans="8:8">
      <c r="H209484" s="12"/>
    </row>
    <row r="209485" spans="8:8">
      <c r="H209485" s="12"/>
    </row>
    <row r="209486" spans="8:8">
      <c r="H209486" s="12"/>
    </row>
    <row r="209487" spans="8:8">
      <c r="H209487" s="12"/>
    </row>
    <row r="209488" spans="8:8">
      <c r="H209488" s="12"/>
    </row>
    <row r="209489" spans="8:8">
      <c r="H209489" s="12"/>
    </row>
    <row r="209490" spans="8:8">
      <c r="H209490" s="12"/>
    </row>
    <row r="209491" spans="8:8">
      <c r="H209491" s="12"/>
    </row>
    <row r="209492" spans="8:8">
      <c r="H209492" s="12"/>
    </row>
    <row r="209493" spans="8:8">
      <c r="H209493" s="12"/>
    </row>
    <row r="209494" spans="8:8">
      <c r="H209494" s="12"/>
    </row>
    <row r="209495" spans="8:8">
      <c r="H209495" s="12"/>
    </row>
    <row r="209496" spans="8:8">
      <c r="H209496" s="12"/>
    </row>
    <row r="209497" spans="8:8">
      <c r="H209497" s="12"/>
    </row>
    <row r="209498" spans="8:8">
      <c r="H209498" s="12"/>
    </row>
    <row r="209499" spans="8:8">
      <c r="H209499" s="12"/>
    </row>
    <row r="209500" spans="8:8">
      <c r="H209500" s="12"/>
    </row>
    <row r="209501" spans="8:8">
      <c r="H209501" s="12"/>
    </row>
    <row r="209502" spans="8:8">
      <c r="H209502" s="12"/>
    </row>
    <row r="209503" spans="8:8">
      <c r="H209503" s="12"/>
    </row>
    <row r="209504" spans="8:8">
      <c r="H209504" s="12"/>
    </row>
    <row r="209505" spans="8:8">
      <c r="H209505" s="12"/>
    </row>
    <row r="209506" spans="8:8">
      <c r="H209506" s="12"/>
    </row>
    <row r="209507" spans="8:8">
      <c r="H209507" s="12"/>
    </row>
    <row r="209508" spans="8:8">
      <c r="H209508" s="12"/>
    </row>
    <row r="209509" spans="8:8">
      <c r="H209509" s="12"/>
    </row>
    <row r="209510" spans="8:8">
      <c r="H209510" s="12"/>
    </row>
    <row r="209511" spans="8:8">
      <c r="H209511" s="12"/>
    </row>
    <row r="209512" spans="8:8">
      <c r="H209512" s="12"/>
    </row>
    <row r="209513" spans="8:8">
      <c r="H209513" s="12"/>
    </row>
    <row r="209514" spans="8:8">
      <c r="H209514" s="12"/>
    </row>
    <row r="209515" spans="8:8">
      <c r="H209515" s="12"/>
    </row>
    <row r="209516" spans="8:8">
      <c r="H209516" s="12"/>
    </row>
    <row r="209517" spans="8:8">
      <c r="H209517" s="12"/>
    </row>
    <row r="209518" spans="8:8">
      <c r="H209518" s="12"/>
    </row>
    <row r="209519" spans="8:8">
      <c r="H209519" s="12"/>
    </row>
    <row r="209520" spans="8:8">
      <c r="H209520" s="12"/>
    </row>
    <row r="209521" spans="8:8">
      <c r="H209521" s="12"/>
    </row>
    <row r="209522" spans="8:8">
      <c r="H209522" s="12"/>
    </row>
    <row r="209523" spans="8:8">
      <c r="H209523" s="12"/>
    </row>
    <row r="209524" spans="8:8">
      <c r="H209524" s="12"/>
    </row>
    <row r="209525" spans="8:8">
      <c r="H209525" s="12"/>
    </row>
    <row r="209526" spans="8:8">
      <c r="H209526" s="12"/>
    </row>
    <row r="209527" spans="8:8">
      <c r="H209527" s="12"/>
    </row>
    <row r="209528" spans="8:8">
      <c r="H209528" s="12"/>
    </row>
    <row r="209529" spans="8:8">
      <c r="H209529" s="12"/>
    </row>
    <row r="209530" spans="8:8">
      <c r="H209530" s="12"/>
    </row>
    <row r="209531" spans="8:8">
      <c r="H209531" s="12"/>
    </row>
    <row r="209532" spans="8:8">
      <c r="H209532" s="12"/>
    </row>
    <row r="209533" spans="8:8">
      <c r="H209533" s="12"/>
    </row>
    <row r="209534" spans="8:8">
      <c r="H209534" s="12"/>
    </row>
    <row r="209535" spans="8:8">
      <c r="H209535" s="12"/>
    </row>
    <row r="209536" spans="8:8">
      <c r="H209536" s="12"/>
    </row>
    <row r="209537" spans="8:8">
      <c r="H209537" s="12"/>
    </row>
    <row r="209538" spans="8:8">
      <c r="H209538" s="12"/>
    </row>
    <row r="209539" spans="8:8">
      <c r="H209539" s="12"/>
    </row>
    <row r="209540" spans="8:8">
      <c r="H209540" s="12"/>
    </row>
    <row r="209541" spans="8:8">
      <c r="H209541" s="12"/>
    </row>
    <row r="209542" spans="8:8">
      <c r="H209542" s="12"/>
    </row>
    <row r="209543" spans="8:8">
      <c r="H209543" s="12"/>
    </row>
    <row r="209544" spans="8:8">
      <c r="H209544" s="12"/>
    </row>
    <row r="209545" spans="8:8">
      <c r="H209545" s="12"/>
    </row>
    <row r="209546" spans="8:8">
      <c r="H209546" s="12"/>
    </row>
    <row r="209547" spans="8:8">
      <c r="H209547" s="12"/>
    </row>
    <row r="209548" spans="8:8">
      <c r="H209548" s="12"/>
    </row>
    <row r="209549" spans="8:8">
      <c r="H209549" s="12"/>
    </row>
    <row r="209550" spans="8:8">
      <c r="H209550" s="12"/>
    </row>
    <row r="209551" spans="8:8">
      <c r="H209551" s="12"/>
    </row>
    <row r="209552" spans="8:8">
      <c r="H209552" s="12"/>
    </row>
    <row r="209553" spans="8:8">
      <c r="H209553" s="12"/>
    </row>
    <row r="209554" spans="8:8">
      <c r="H209554" s="12"/>
    </row>
    <row r="209555" spans="8:8">
      <c r="H209555" s="12"/>
    </row>
    <row r="209556" spans="8:8">
      <c r="H209556" s="12"/>
    </row>
    <row r="209557" spans="8:8">
      <c r="H209557" s="12"/>
    </row>
    <row r="209558" spans="8:8">
      <c r="H209558" s="12"/>
    </row>
    <row r="209559" spans="8:8">
      <c r="H209559" s="12"/>
    </row>
    <row r="209560" spans="8:8">
      <c r="H209560" s="12"/>
    </row>
    <row r="209561" spans="8:8">
      <c r="H209561" s="12"/>
    </row>
    <row r="209562" spans="8:8">
      <c r="H209562" s="12"/>
    </row>
    <row r="209563" spans="8:8">
      <c r="H209563" s="12"/>
    </row>
    <row r="209564" spans="8:8">
      <c r="H209564" s="12"/>
    </row>
    <row r="209565" spans="8:8">
      <c r="H209565" s="12"/>
    </row>
    <row r="209566" spans="8:8">
      <c r="H209566" s="12"/>
    </row>
    <row r="209567" spans="8:8">
      <c r="H209567" s="12"/>
    </row>
    <row r="209568" spans="8:8">
      <c r="H209568" s="12"/>
    </row>
    <row r="209569" spans="8:8">
      <c r="H209569" s="12"/>
    </row>
    <row r="209570" spans="8:8">
      <c r="H209570" s="12"/>
    </row>
    <row r="209571" spans="8:8">
      <c r="H209571" s="12"/>
    </row>
    <row r="209572" spans="8:8">
      <c r="H209572" s="12"/>
    </row>
    <row r="209573" spans="8:8">
      <c r="H209573" s="12"/>
    </row>
    <row r="209574" spans="8:8">
      <c r="H209574" s="12"/>
    </row>
    <row r="209575" spans="8:8">
      <c r="H209575" s="12"/>
    </row>
    <row r="209576" spans="8:8">
      <c r="H209576" s="12"/>
    </row>
    <row r="209577" spans="8:8">
      <c r="H209577" s="12"/>
    </row>
    <row r="209578" spans="8:8">
      <c r="H209578" s="12"/>
    </row>
    <row r="209579" spans="8:8">
      <c r="H209579" s="12"/>
    </row>
    <row r="209580" spans="8:8">
      <c r="H209580" s="12"/>
    </row>
    <row r="209581" spans="8:8">
      <c r="H209581" s="12"/>
    </row>
    <row r="209582" spans="8:8">
      <c r="H209582" s="12"/>
    </row>
    <row r="209583" spans="8:8">
      <c r="H209583" s="12"/>
    </row>
    <row r="209584" spans="8:8">
      <c r="H209584" s="12"/>
    </row>
    <row r="209585" spans="8:8">
      <c r="H209585" s="12"/>
    </row>
    <row r="209586" spans="8:8">
      <c r="H209586" s="12"/>
    </row>
    <row r="209587" spans="8:8">
      <c r="H209587" s="12"/>
    </row>
    <row r="209588" spans="8:8">
      <c r="H209588" s="12"/>
    </row>
    <row r="209589" spans="8:8">
      <c r="H209589" s="12"/>
    </row>
    <row r="209590" spans="8:8">
      <c r="H209590" s="12"/>
    </row>
    <row r="209591" spans="8:8">
      <c r="H209591" s="12"/>
    </row>
    <row r="209592" spans="8:8">
      <c r="H209592" s="12"/>
    </row>
    <row r="209593" spans="8:8">
      <c r="H209593" s="12"/>
    </row>
    <row r="209594" spans="8:8">
      <c r="H209594" s="12"/>
    </row>
    <row r="209595" spans="8:8">
      <c r="H209595" s="12"/>
    </row>
    <row r="209596" spans="8:8">
      <c r="H209596" s="12"/>
    </row>
    <row r="209597" spans="8:8">
      <c r="H209597" s="12"/>
    </row>
    <row r="209598" spans="8:8">
      <c r="H209598" s="12"/>
    </row>
    <row r="209599" spans="8:8">
      <c r="H209599" s="12"/>
    </row>
    <row r="209600" spans="8:8">
      <c r="H209600" s="12"/>
    </row>
    <row r="209601" spans="8:8">
      <c r="H209601" s="12"/>
    </row>
    <row r="209602" spans="8:8">
      <c r="H209602" s="12"/>
    </row>
    <row r="209603" spans="8:8">
      <c r="H209603" s="12"/>
    </row>
    <row r="209604" spans="8:8">
      <c r="H209604" s="12"/>
    </row>
    <row r="209605" spans="8:8">
      <c r="H209605" s="12"/>
    </row>
    <row r="209606" spans="8:8">
      <c r="H209606" s="12"/>
    </row>
    <row r="209607" spans="8:8">
      <c r="H209607" s="12"/>
    </row>
    <row r="209608" spans="8:8">
      <c r="H209608" s="12"/>
    </row>
    <row r="209609" spans="8:8">
      <c r="H209609" s="12"/>
    </row>
    <row r="209610" spans="8:8">
      <c r="H209610" s="12"/>
    </row>
    <row r="209611" spans="8:8">
      <c r="H209611" s="12"/>
    </row>
    <row r="209612" spans="8:8">
      <c r="H209612" s="12"/>
    </row>
    <row r="209613" spans="8:8">
      <c r="H209613" s="12"/>
    </row>
    <row r="209614" spans="8:8">
      <c r="H209614" s="12"/>
    </row>
    <row r="209615" spans="8:8">
      <c r="H209615" s="12"/>
    </row>
    <row r="209616" spans="8:8">
      <c r="H209616" s="12"/>
    </row>
    <row r="209617" spans="8:8">
      <c r="H209617" s="12"/>
    </row>
    <row r="209618" spans="8:8">
      <c r="H209618" s="12"/>
    </row>
    <row r="209619" spans="8:8">
      <c r="H209619" s="12"/>
    </row>
    <row r="209620" spans="8:8">
      <c r="H209620" s="12"/>
    </row>
    <row r="209621" spans="8:8">
      <c r="H209621" s="12"/>
    </row>
    <row r="209622" spans="8:8">
      <c r="H209622" s="12"/>
    </row>
    <row r="209623" spans="8:8">
      <c r="H209623" s="12"/>
    </row>
    <row r="209624" spans="8:8">
      <c r="H209624" s="12"/>
    </row>
    <row r="209625" spans="8:8">
      <c r="H209625" s="12"/>
    </row>
    <row r="209626" spans="8:8">
      <c r="H209626" s="12"/>
    </row>
    <row r="209627" spans="8:8">
      <c r="H209627" s="12"/>
    </row>
    <row r="209628" spans="8:8">
      <c r="H209628" s="12"/>
    </row>
    <row r="209629" spans="8:8">
      <c r="H209629" s="12"/>
    </row>
    <row r="209630" spans="8:8">
      <c r="H209630" s="12"/>
    </row>
    <row r="209631" spans="8:8">
      <c r="H209631" s="12"/>
    </row>
    <row r="209632" spans="8:8">
      <c r="H209632" s="12"/>
    </row>
    <row r="209633" spans="8:8">
      <c r="H209633" s="12"/>
    </row>
    <row r="209634" spans="8:8">
      <c r="H209634" s="12"/>
    </row>
    <row r="209635" spans="8:8">
      <c r="H209635" s="12"/>
    </row>
    <row r="209636" spans="8:8">
      <c r="H209636" s="12"/>
    </row>
    <row r="209637" spans="8:8">
      <c r="H209637" s="12"/>
    </row>
    <row r="209638" spans="8:8">
      <c r="H209638" s="12"/>
    </row>
    <row r="209639" spans="8:8">
      <c r="H209639" s="12"/>
    </row>
    <row r="209640" spans="8:8">
      <c r="H209640" s="12"/>
    </row>
    <row r="209641" spans="8:8">
      <c r="H209641" s="12"/>
    </row>
    <row r="209642" spans="8:8">
      <c r="H209642" s="12"/>
    </row>
    <row r="209643" spans="8:8">
      <c r="H209643" s="12"/>
    </row>
    <row r="209644" spans="8:8">
      <c r="H209644" s="12"/>
    </row>
    <row r="209645" spans="8:8">
      <c r="H209645" s="12"/>
    </row>
    <row r="209646" spans="8:8">
      <c r="H209646" s="12"/>
    </row>
    <row r="209647" spans="8:8">
      <c r="H209647" s="12"/>
    </row>
    <row r="209648" spans="8:8">
      <c r="H209648" s="12"/>
    </row>
    <row r="209649" spans="8:8">
      <c r="H209649" s="12"/>
    </row>
    <row r="209650" spans="8:8">
      <c r="H209650" s="12"/>
    </row>
    <row r="209651" spans="8:8">
      <c r="H209651" s="12"/>
    </row>
    <row r="209652" spans="8:8">
      <c r="H209652" s="12"/>
    </row>
    <row r="209653" spans="8:8">
      <c r="H209653" s="12"/>
    </row>
    <row r="209654" spans="8:8">
      <c r="H209654" s="12"/>
    </row>
    <row r="209655" spans="8:8">
      <c r="H209655" s="12"/>
    </row>
    <row r="209656" spans="8:8">
      <c r="H209656" s="12"/>
    </row>
    <row r="209657" spans="8:8">
      <c r="H209657" s="12"/>
    </row>
    <row r="209658" spans="8:8">
      <c r="H209658" s="12"/>
    </row>
    <row r="209659" spans="8:8">
      <c r="H209659" s="12"/>
    </row>
    <row r="209660" spans="8:8">
      <c r="H209660" s="12"/>
    </row>
    <row r="209661" spans="8:8">
      <c r="H209661" s="12"/>
    </row>
    <row r="209662" spans="8:8">
      <c r="H209662" s="12"/>
    </row>
    <row r="209663" spans="8:8">
      <c r="H209663" s="12"/>
    </row>
    <row r="209664" spans="8:8">
      <c r="H209664" s="12"/>
    </row>
    <row r="209665" spans="8:8">
      <c r="H209665" s="12"/>
    </row>
    <row r="209666" spans="8:8">
      <c r="H209666" s="12"/>
    </row>
    <row r="209667" spans="8:8">
      <c r="H209667" s="12"/>
    </row>
    <row r="209668" spans="8:8">
      <c r="H209668" s="12"/>
    </row>
    <row r="209669" spans="8:8">
      <c r="H209669" s="12"/>
    </row>
    <row r="209670" spans="8:8">
      <c r="H209670" s="12"/>
    </row>
    <row r="209671" spans="8:8">
      <c r="H209671" s="12"/>
    </row>
    <row r="209672" spans="8:8">
      <c r="H209672" s="12"/>
    </row>
    <row r="209673" spans="8:8">
      <c r="H209673" s="12"/>
    </row>
    <row r="209674" spans="8:8">
      <c r="H209674" s="12"/>
    </row>
    <row r="209675" spans="8:8">
      <c r="H209675" s="12"/>
    </row>
    <row r="209676" spans="8:8">
      <c r="H209676" s="12"/>
    </row>
    <row r="209677" spans="8:8">
      <c r="H209677" s="12"/>
    </row>
    <row r="209678" spans="8:8">
      <c r="H209678" s="12"/>
    </row>
    <row r="209679" spans="8:8">
      <c r="H209679" s="12"/>
    </row>
    <row r="209680" spans="8:8">
      <c r="H209680" s="12"/>
    </row>
    <row r="209681" spans="8:8">
      <c r="H209681" s="12"/>
    </row>
    <row r="209682" spans="8:8">
      <c r="H209682" s="12"/>
    </row>
    <row r="209683" spans="8:8">
      <c r="H209683" s="12"/>
    </row>
    <row r="209684" spans="8:8">
      <c r="H209684" s="12"/>
    </row>
    <row r="209685" spans="8:8">
      <c r="H209685" s="12"/>
    </row>
    <row r="209686" spans="8:8">
      <c r="H209686" s="12"/>
    </row>
    <row r="209687" spans="8:8">
      <c r="H209687" s="12"/>
    </row>
    <row r="209688" spans="8:8">
      <c r="H209688" s="12"/>
    </row>
    <row r="209689" spans="8:8">
      <c r="H209689" s="12"/>
    </row>
    <row r="209690" spans="8:8">
      <c r="H209690" s="12"/>
    </row>
    <row r="209691" spans="8:8">
      <c r="H209691" s="12"/>
    </row>
    <row r="209692" spans="8:8">
      <c r="H209692" s="12"/>
    </row>
    <row r="209693" spans="8:8">
      <c r="H209693" s="12"/>
    </row>
    <row r="209694" spans="8:8">
      <c r="H209694" s="12"/>
    </row>
    <row r="209695" spans="8:8">
      <c r="H209695" s="12"/>
    </row>
    <row r="209696" spans="8:8">
      <c r="H209696" s="12"/>
    </row>
    <row r="209697" spans="8:8">
      <c r="H209697" s="12"/>
    </row>
    <row r="209698" spans="8:8">
      <c r="H209698" s="12"/>
    </row>
    <row r="209699" spans="8:8">
      <c r="H209699" s="12"/>
    </row>
    <row r="209700" spans="8:8">
      <c r="H209700" s="12"/>
    </row>
    <row r="209701" spans="8:8">
      <c r="H209701" s="12"/>
    </row>
    <row r="209702" spans="8:8">
      <c r="H209702" s="12"/>
    </row>
    <row r="209703" spans="8:8">
      <c r="H209703" s="12"/>
    </row>
    <row r="209704" spans="8:8">
      <c r="H209704" s="12"/>
    </row>
    <row r="209705" spans="8:8">
      <c r="H209705" s="12"/>
    </row>
    <row r="209706" spans="8:8">
      <c r="H209706" s="12"/>
    </row>
    <row r="209707" spans="8:8">
      <c r="H209707" s="12"/>
    </row>
    <row r="209708" spans="8:8">
      <c r="H209708" s="12"/>
    </row>
    <row r="209709" spans="8:8">
      <c r="H209709" s="12"/>
    </row>
    <row r="209710" spans="8:8">
      <c r="H209710" s="12"/>
    </row>
    <row r="209711" spans="8:8">
      <c r="H209711" s="12"/>
    </row>
    <row r="209712" spans="8:8">
      <c r="H209712" s="12"/>
    </row>
    <row r="209713" spans="8:8">
      <c r="H209713" s="12"/>
    </row>
    <row r="209714" spans="8:8">
      <c r="H209714" s="12"/>
    </row>
    <row r="209715" spans="8:8">
      <c r="H209715" s="12"/>
    </row>
    <row r="209716" spans="8:8">
      <c r="H209716" s="12"/>
    </row>
    <row r="209717" spans="8:8">
      <c r="H209717" s="12"/>
    </row>
    <row r="209718" spans="8:8">
      <c r="H209718" s="12"/>
    </row>
    <row r="209719" spans="8:8">
      <c r="H209719" s="12"/>
    </row>
    <row r="209720" spans="8:8">
      <c r="H209720" s="12"/>
    </row>
    <row r="209721" spans="8:8">
      <c r="H209721" s="12"/>
    </row>
    <row r="209722" spans="8:8">
      <c r="H209722" s="12"/>
    </row>
    <row r="209723" spans="8:8">
      <c r="H209723" s="12"/>
    </row>
    <row r="209724" spans="8:8">
      <c r="H209724" s="12"/>
    </row>
    <row r="209725" spans="8:8">
      <c r="H209725" s="12"/>
    </row>
    <row r="209726" spans="8:8">
      <c r="H209726" s="12"/>
    </row>
    <row r="209727" spans="8:8">
      <c r="H209727" s="12"/>
    </row>
    <row r="209728" spans="8:8">
      <c r="H209728" s="12"/>
    </row>
    <row r="209729" spans="8:8">
      <c r="H209729" s="12"/>
    </row>
    <row r="209730" spans="8:8">
      <c r="H209730" s="12"/>
    </row>
    <row r="209731" spans="8:8">
      <c r="H209731" s="12"/>
    </row>
    <row r="209732" spans="8:8">
      <c r="H209732" s="12"/>
    </row>
    <row r="209733" spans="8:8">
      <c r="H209733" s="12"/>
    </row>
    <row r="209734" spans="8:8">
      <c r="H209734" s="12"/>
    </row>
    <row r="209735" spans="8:8">
      <c r="H209735" s="12"/>
    </row>
    <row r="209736" spans="8:8">
      <c r="H209736" s="12"/>
    </row>
    <row r="209737" spans="8:8">
      <c r="H209737" s="12"/>
    </row>
    <row r="209738" spans="8:8">
      <c r="H209738" s="12"/>
    </row>
    <row r="209739" spans="8:8">
      <c r="H209739" s="12"/>
    </row>
    <row r="209740" spans="8:8">
      <c r="H209740" s="12"/>
    </row>
    <row r="209741" spans="8:8">
      <c r="H209741" s="12"/>
    </row>
    <row r="209742" spans="8:8">
      <c r="H209742" s="12"/>
    </row>
    <row r="209743" spans="8:8">
      <c r="H209743" s="12"/>
    </row>
    <row r="209744" spans="8:8">
      <c r="H209744" s="12"/>
    </row>
    <row r="209745" spans="8:8">
      <c r="H209745" s="12"/>
    </row>
    <row r="209746" spans="8:8">
      <c r="H209746" s="12"/>
    </row>
    <row r="209747" spans="8:8">
      <c r="H209747" s="12"/>
    </row>
    <row r="209748" spans="8:8">
      <c r="H209748" s="12"/>
    </row>
    <row r="209749" spans="8:8">
      <c r="H209749" s="12"/>
    </row>
    <row r="209750" spans="8:8">
      <c r="H209750" s="12"/>
    </row>
    <row r="209751" spans="8:8">
      <c r="H209751" s="12"/>
    </row>
    <row r="209752" spans="8:8">
      <c r="H209752" s="12"/>
    </row>
    <row r="209753" spans="8:8">
      <c r="H209753" s="12"/>
    </row>
    <row r="209754" spans="8:8">
      <c r="H209754" s="12"/>
    </row>
    <row r="209755" spans="8:8">
      <c r="H209755" s="12"/>
    </row>
    <row r="209756" spans="8:8">
      <c r="H209756" s="12"/>
    </row>
    <row r="209757" spans="8:8">
      <c r="H209757" s="12"/>
    </row>
    <row r="209758" spans="8:8">
      <c r="H209758" s="12"/>
    </row>
    <row r="209759" spans="8:8">
      <c r="H209759" s="12"/>
    </row>
    <row r="209760" spans="8:8">
      <c r="H209760" s="12"/>
    </row>
    <row r="209761" spans="8:8">
      <c r="H209761" s="12"/>
    </row>
    <row r="209762" spans="8:8">
      <c r="H209762" s="12"/>
    </row>
    <row r="209763" spans="8:8">
      <c r="H209763" s="12"/>
    </row>
    <row r="209764" spans="8:8">
      <c r="H209764" s="12"/>
    </row>
    <row r="209765" spans="8:8">
      <c r="H209765" s="12"/>
    </row>
    <row r="209766" spans="8:8">
      <c r="H209766" s="12"/>
    </row>
    <row r="209767" spans="8:8">
      <c r="H209767" s="12"/>
    </row>
    <row r="209768" spans="8:8">
      <c r="H209768" s="12"/>
    </row>
    <row r="209769" spans="8:8">
      <c r="H209769" s="12"/>
    </row>
    <row r="209770" spans="8:8">
      <c r="H209770" s="12"/>
    </row>
    <row r="209771" spans="8:8">
      <c r="H209771" s="12"/>
    </row>
    <row r="209772" spans="8:8">
      <c r="H209772" s="12"/>
    </row>
    <row r="209773" spans="8:8">
      <c r="H209773" s="12"/>
    </row>
    <row r="209774" spans="8:8">
      <c r="H209774" s="12"/>
    </row>
    <row r="209775" spans="8:8">
      <c r="H209775" s="12"/>
    </row>
    <row r="209776" spans="8:8">
      <c r="H209776" s="12"/>
    </row>
    <row r="209777" spans="8:8">
      <c r="H209777" s="12"/>
    </row>
    <row r="209778" spans="8:8">
      <c r="H209778" s="12"/>
    </row>
    <row r="209779" spans="8:8">
      <c r="H209779" s="12"/>
    </row>
    <row r="209780" spans="8:8">
      <c r="H209780" s="12"/>
    </row>
    <row r="209781" spans="8:8">
      <c r="H209781" s="12"/>
    </row>
    <row r="209782" spans="8:8">
      <c r="H209782" s="12"/>
    </row>
    <row r="209783" spans="8:8">
      <c r="H209783" s="12"/>
    </row>
    <row r="209784" spans="8:8">
      <c r="H209784" s="12"/>
    </row>
    <row r="209785" spans="8:8">
      <c r="H209785" s="12"/>
    </row>
    <row r="209786" spans="8:8">
      <c r="H209786" s="12"/>
    </row>
    <row r="209787" spans="8:8">
      <c r="H209787" s="12"/>
    </row>
    <row r="209788" spans="8:8">
      <c r="H209788" s="12"/>
    </row>
    <row r="209789" spans="8:8">
      <c r="H209789" s="12"/>
    </row>
    <row r="209790" spans="8:8">
      <c r="H209790" s="12"/>
    </row>
    <row r="209791" spans="8:8">
      <c r="H209791" s="12"/>
    </row>
    <row r="209792" spans="8:8">
      <c r="H209792" s="12"/>
    </row>
    <row r="209793" spans="8:8">
      <c r="H209793" s="12"/>
    </row>
    <row r="209794" spans="8:8">
      <c r="H209794" s="12"/>
    </row>
    <row r="209795" spans="8:8">
      <c r="H209795" s="12"/>
    </row>
    <row r="209796" spans="8:8">
      <c r="H209796" s="12"/>
    </row>
    <row r="209797" spans="8:8">
      <c r="H209797" s="12"/>
    </row>
    <row r="209798" spans="8:8">
      <c r="H209798" s="12"/>
    </row>
    <row r="209799" spans="8:8">
      <c r="H209799" s="12"/>
    </row>
    <row r="209800" spans="8:8">
      <c r="H209800" s="12"/>
    </row>
    <row r="209801" spans="8:8">
      <c r="H209801" s="12"/>
    </row>
    <row r="209802" spans="8:8">
      <c r="H209802" s="12"/>
    </row>
    <row r="209803" spans="8:8">
      <c r="H209803" s="12"/>
    </row>
    <row r="209804" spans="8:8">
      <c r="H209804" s="12"/>
    </row>
    <row r="209805" spans="8:8">
      <c r="H209805" s="12"/>
    </row>
    <row r="209806" spans="8:8">
      <c r="H209806" s="12"/>
    </row>
    <row r="209807" spans="8:8">
      <c r="H209807" s="12"/>
    </row>
    <row r="209808" spans="8:8">
      <c r="H209808" s="12"/>
    </row>
    <row r="209809" spans="8:8">
      <c r="H209809" s="12"/>
    </row>
    <row r="209810" spans="8:8">
      <c r="H209810" s="12"/>
    </row>
    <row r="209811" spans="8:8">
      <c r="H209811" s="12"/>
    </row>
    <row r="209812" spans="8:8">
      <c r="H209812" s="12"/>
    </row>
    <row r="209813" spans="8:8">
      <c r="H209813" s="12"/>
    </row>
    <row r="209814" spans="8:8">
      <c r="H209814" s="12"/>
    </row>
    <row r="209815" spans="8:8">
      <c r="H209815" s="12"/>
    </row>
    <row r="209816" spans="8:8">
      <c r="H209816" s="12"/>
    </row>
    <row r="209817" spans="8:8">
      <c r="H209817" s="12"/>
    </row>
    <row r="209818" spans="8:8">
      <c r="H209818" s="12"/>
    </row>
    <row r="209819" spans="8:8">
      <c r="H209819" s="12"/>
    </row>
    <row r="209820" spans="8:8">
      <c r="H209820" s="12"/>
    </row>
    <row r="209821" spans="8:8">
      <c r="H209821" s="12"/>
    </row>
    <row r="209822" spans="8:8">
      <c r="H209822" s="12"/>
    </row>
    <row r="209823" spans="8:8">
      <c r="H209823" s="12"/>
    </row>
    <row r="209824" spans="8:8">
      <c r="H209824" s="12"/>
    </row>
    <row r="209825" spans="8:8">
      <c r="H209825" s="12"/>
    </row>
    <row r="209826" spans="8:8">
      <c r="H209826" s="12"/>
    </row>
    <row r="209827" spans="8:8">
      <c r="H209827" s="12"/>
    </row>
    <row r="209828" spans="8:8">
      <c r="H209828" s="12"/>
    </row>
    <row r="209829" spans="8:8">
      <c r="H209829" s="12"/>
    </row>
    <row r="209830" spans="8:8">
      <c r="H209830" s="12"/>
    </row>
    <row r="209831" spans="8:8">
      <c r="H209831" s="12"/>
    </row>
    <row r="209832" spans="8:8">
      <c r="H209832" s="12"/>
    </row>
    <row r="209833" spans="8:8">
      <c r="H209833" s="12"/>
    </row>
    <row r="209834" spans="8:8">
      <c r="H209834" s="12"/>
    </row>
    <row r="209835" spans="8:8">
      <c r="H209835" s="12"/>
    </row>
    <row r="209836" spans="8:8">
      <c r="H209836" s="12"/>
    </row>
    <row r="209837" spans="8:8">
      <c r="H209837" s="12"/>
    </row>
    <row r="209838" spans="8:8">
      <c r="H209838" s="12"/>
    </row>
    <row r="209839" spans="8:8">
      <c r="H209839" s="12"/>
    </row>
    <row r="209840" spans="8:8">
      <c r="H209840" s="12"/>
    </row>
    <row r="209841" spans="8:8">
      <c r="H209841" s="12"/>
    </row>
    <row r="209842" spans="8:8">
      <c r="H209842" s="12"/>
    </row>
    <row r="209843" spans="8:8">
      <c r="H209843" s="12"/>
    </row>
    <row r="209844" spans="8:8">
      <c r="H209844" s="12"/>
    </row>
    <row r="209845" spans="8:8">
      <c r="H209845" s="12"/>
    </row>
    <row r="209846" spans="8:8">
      <c r="H209846" s="12"/>
    </row>
    <row r="209847" spans="8:8">
      <c r="H209847" s="12"/>
    </row>
    <row r="209848" spans="8:8">
      <c r="H209848" s="12"/>
    </row>
    <row r="209849" spans="8:8">
      <c r="H209849" s="12"/>
    </row>
    <row r="209850" spans="8:8">
      <c r="H209850" s="12"/>
    </row>
    <row r="209851" spans="8:8">
      <c r="H209851" s="12"/>
    </row>
    <row r="209852" spans="8:8">
      <c r="H209852" s="12"/>
    </row>
    <row r="209853" spans="8:8">
      <c r="H209853" s="12"/>
    </row>
    <row r="209854" spans="8:8">
      <c r="H209854" s="12"/>
    </row>
    <row r="209855" spans="8:8">
      <c r="H209855" s="12"/>
    </row>
    <row r="209856" spans="8:8">
      <c r="H209856" s="12"/>
    </row>
    <row r="209857" spans="8:8">
      <c r="H209857" s="12"/>
    </row>
    <row r="209858" spans="8:8">
      <c r="H209858" s="12"/>
    </row>
    <row r="209859" spans="8:8">
      <c r="H209859" s="12"/>
    </row>
    <row r="209860" spans="8:8">
      <c r="H209860" s="12"/>
    </row>
    <row r="209861" spans="8:8">
      <c r="H209861" s="12"/>
    </row>
    <row r="209862" spans="8:8">
      <c r="H209862" s="12"/>
    </row>
    <row r="209863" spans="8:8">
      <c r="H209863" s="12"/>
    </row>
    <row r="209864" spans="8:8">
      <c r="H209864" s="12"/>
    </row>
    <row r="209865" spans="8:8">
      <c r="H209865" s="12"/>
    </row>
    <row r="209866" spans="8:8">
      <c r="H209866" s="12"/>
    </row>
    <row r="209867" spans="8:8">
      <c r="H209867" s="12"/>
    </row>
    <row r="209868" spans="8:8">
      <c r="H209868" s="12"/>
    </row>
    <row r="209869" spans="8:8">
      <c r="H209869" s="12"/>
    </row>
    <row r="209870" spans="8:8">
      <c r="H209870" s="12"/>
    </row>
    <row r="209871" spans="8:8">
      <c r="H209871" s="12"/>
    </row>
    <row r="209872" spans="8:8">
      <c r="H209872" s="12"/>
    </row>
    <row r="209873" spans="8:8">
      <c r="H209873" s="12"/>
    </row>
    <row r="209874" spans="8:8">
      <c r="H209874" s="12"/>
    </row>
    <row r="209875" spans="8:8">
      <c r="H209875" s="12"/>
    </row>
    <row r="209876" spans="8:8">
      <c r="H209876" s="12"/>
    </row>
    <row r="209877" spans="8:8">
      <c r="H209877" s="12"/>
    </row>
    <row r="209878" spans="8:8">
      <c r="H209878" s="12"/>
    </row>
    <row r="209879" spans="8:8">
      <c r="H209879" s="12"/>
    </row>
    <row r="209880" spans="8:8">
      <c r="H209880" s="12"/>
    </row>
    <row r="209881" spans="8:8">
      <c r="H209881" s="12"/>
    </row>
    <row r="209882" spans="8:8">
      <c r="H209882" s="12"/>
    </row>
    <row r="209883" spans="8:8">
      <c r="H209883" s="12"/>
    </row>
    <row r="209884" spans="8:8">
      <c r="H209884" s="12"/>
    </row>
    <row r="209885" spans="8:8">
      <c r="H209885" s="12"/>
    </row>
    <row r="209886" spans="8:8">
      <c r="H209886" s="12"/>
    </row>
    <row r="209887" spans="8:8">
      <c r="H209887" s="12"/>
    </row>
    <row r="209888" spans="8:8">
      <c r="H209888" s="12"/>
    </row>
    <row r="209889" spans="8:8">
      <c r="H209889" s="12"/>
    </row>
    <row r="209890" spans="8:8">
      <c r="H209890" s="12"/>
    </row>
    <row r="209891" spans="8:8">
      <c r="H209891" s="12"/>
    </row>
    <row r="209892" spans="8:8">
      <c r="H209892" s="12"/>
    </row>
    <row r="209893" spans="8:8">
      <c r="H209893" s="12"/>
    </row>
    <row r="209894" spans="8:8">
      <c r="H209894" s="12"/>
    </row>
    <row r="209895" spans="8:8">
      <c r="H209895" s="12"/>
    </row>
    <row r="209896" spans="8:8">
      <c r="H209896" s="12"/>
    </row>
    <row r="209897" spans="8:8">
      <c r="H209897" s="12"/>
    </row>
    <row r="209898" spans="8:8">
      <c r="H209898" s="12"/>
    </row>
    <row r="209899" spans="8:8">
      <c r="H209899" s="12"/>
    </row>
    <row r="209900" spans="8:8">
      <c r="H209900" s="12"/>
    </row>
    <row r="209901" spans="8:8">
      <c r="H209901" s="12"/>
    </row>
    <row r="209902" spans="8:8">
      <c r="H209902" s="12"/>
    </row>
    <row r="209903" spans="8:8">
      <c r="H209903" s="12"/>
    </row>
    <row r="209904" spans="8:8">
      <c r="H209904" s="12"/>
    </row>
    <row r="209905" spans="8:8">
      <c r="H209905" s="12"/>
    </row>
    <row r="209906" spans="8:8">
      <c r="H209906" s="12"/>
    </row>
    <row r="209907" spans="8:8">
      <c r="H209907" s="12"/>
    </row>
    <row r="209908" spans="8:8">
      <c r="H209908" s="12"/>
    </row>
    <row r="209909" spans="8:8">
      <c r="H209909" s="12"/>
    </row>
    <row r="209910" spans="8:8">
      <c r="H209910" s="12"/>
    </row>
    <row r="209911" spans="8:8">
      <c r="H209911" s="12"/>
    </row>
    <row r="209912" spans="8:8">
      <c r="H209912" s="12"/>
    </row>
    <row r="209913" spans="8:8">
      <c r="H209913" s="12"/>
    </row>
    <row r="209914" spans="8:8">
      <c r="H209914" s="12"/>
    </row>
    <row r="209915" spans="8:8">
      <c r="H209915" s="12"/>
    </row>
    <row r="209916" spans="8:8">
      <c r="H209916" s="12"/>
    </row>
    <row r="209917" spans="8:8">
      <c r="H209917" s="12"/>
    </row>
    <row r="209918" spans="8:8">
      <c r="H209918" s="12"/>
    </row>
    <row r="209919" spans="8:8">
      <c r="H209919" s="12"/>
    </row>
    <row r="209920" spans="8:8">
      <c r="H209920" s="12"/>
    </row>
    <row r="209921" spans="8:8">
      <c r="H209921" s="12"/>
    </row>
    <row r="209922" spans="8:8">
      <c r="H209922" s="12"/>
    </row>
    <row r="209923" spans="8:8">
      <c r="H209923" s="12"/>
    </row>
    <row r="209924" spans="8:8">
      <c r="H209924" s="12"/>
    </row>
    <row r="209925" spans="8:8">
      <c r="H209925" s="12"/>
    </row>
    <row r="209926" spans="8:8">
      <c r="H209926" s="12"/>
    </row>
    <row r="209927" spans="8:8">
      <c r="H209927" s="12"/>
    </row>
    <row r="209928" spans="8:8">
      <c r="H209928" s="12"/>
    </row>
    <row r="209929" spans="8:8">
      <c r="H209929" s="12"/>
    </row>
    <row r="209930" spans="8:8">
      <c r="H209930" s="12"/>
    </row>
    <row r="209931" spans="8:8">
      <c r="H209931" s="12"/>
    </row>
    <row r="209932" spans="8:8">
      <c r="H209932" s="12"/>
    </row>
    <row r="209933" spans="8:8">
      <c r="H209933" s="12"/>
    </row>
    <row r="209934" spans="8:8">
      <c r="H209934" s="12"/>
    </row>
    <row r="209935" spans="8:8">
      <c r="H209935" s="12"/>
    </row>
    <row r="209936" spans="8:8">
      <c r="H209936" s="12"/>
    </row>
    <row r="209937" spans="8:8">
      <c r="H209937" s="12"/>
    </row>
    <row r="209938" spans="8:8">
      <c r="H209938" s="12"/>
    </row>
    <row r="209939" spans="8:8">
      <c r="H209939" s="12"/>
    </row>
    <row r="209940" spans="8:8">
      <c r="H209940" s="12"/>
    </row>
    <row r="209941" spans="8:8">
      <c r="H209941" s="12"/>
    </row>
    <row r="209942" spans="8:8">
      <c r="H209942" s="12"/>
    </row>
    <row r="209943" spans="8:8">
      <c r="H209943" s="12"/>
    </row>
    <row r="209944" spans="8:8">
      <c r="H209944" s="12"/>
    </row>
    <row r="209945" spans="8:8">
      <c r="H209945" s="12"/>
    </row>
    <row r="209946" spans="8:8">
      <c r="H209946" s="12"/>
    </row>
    <row r="209947" spans="8:8">
      <c r="H209947" s="12"/>
    </row>
    <row r="209948" spans="8:8">
      <c r="H209948" s="12"/>
    </row>
    <row r="209949" spans="8:8">
      <c r="H209949" s="12"/>
    </row>
    <row r="209950" spans="8:8">
      <c r="H209950" s="12"/>
    </row>
    <row r="209951" spans="8:8">
      <c r="H209951" s="12"/>
    </row>
    <row r="209952" spans="8:8">
      <c r="H209952" s="12"/>
    </row>
    <row r="209953" spans="8:8">
      <c r="H209953" s="12"/>
    </row>
    <row r="209954" spans="8:8">
      <c r="H209954" s="12"/>
    </row>
    <row r="209955" spans="8:8">
      <c r="H209955" s="12"/>
    </row>
    <row r="209956" spans="8:8">
      <c r="H209956" s="12"/>
    </row>
    <row r="209957" spans="8:8">
      <c r="H209957" s="12"/>
    </row>
    <row r="209958" spans="8:8">
      <c r="H209958" s="12"/>
    </row>
    <row r="209959" spans="8:8">
      <c r="H209959" s="12"/>
    </row>
    <row r="209960" spans="8:8">
      <c r="H209960" s="12"/>
    </row>
    <row r="209961" spans="8:8">
      <c r="H209961" s="12"/>
    </row>
    <row r="209962" spans="8:8">
      <c r="H209962" s="12"/>
    </row>
    <row r="209963" spans="8:8">
      <c r="H209963" s="12"/>
    </row>
    <row r="209964" spans="8:8">
      <c r="H209964" s="12"/>
    </row>
    <row r="209965" spans="8:8">
      <c r="H209965" s="12"/>
    </row>
    <row r="209966" spans="8:8">
      <c r="H209966" s="12"/>
    </row>
    <row r="209967" spans="8:8">
      <c r="H209967" s="12"/>
    </row>
    <row r="209968" spans="8:8">
      <c r="H209968" s="12"/>
    </row>
    <row r="209969" spans="8:8">
      <c r="H209969" s="12"/>
    </row>
    <row r="209970" spans="8:8">
      <c r="H209970" s="12"/>
    </row>
    <row r="209971" spans="8:8">
      <c r="H209971" s="12"/>
    </row>
    <row r="209972" spans="8:8">
      <c r="H209972" s="12"/>
    </row>
    <row r="209973" spans="8:8">
      <c r="H209973" s="12"/>
    </row>
    <row r="209974" spans="8:8">
      <c r="H209974" s="12"/>
    </row>
    <row r="209975" spans="8:8">
      <c r="H209975" s="12"/>
    </row>
    <row r="209976" spans="8:8">
      <c r="H209976" s="12"/>
    </row>
    <row r="209977" spans="8:8">
      <c r="H209977" s="12"/>
    </row>
    <row r="209978" spans="8:8">
      <c r="H209978" s="12"/>
    </row>
    <row r="209979" spans="8:8">
      <c r="H209979" s="12"/>
    </row>
    <row r="209980" spans="8:8">
      <c r="H209980" s="12"/>
    </row>
    <row r="209981" spans="8:8">
      <c r="H209981" s="12"/>
    </row>
    <row r="209982" spans="8:8">
      <c r="H209982" s="12"/>
    </row>
    <row r="209983" spans="8:8">
      <c r="H209983" s="12"/>
    </row>
    <row r="209984" spans="8:8">
      <c r="H209984" s="12"/>
    </row>
    <row r="209985" spans="8:8">
      <c r="H209985" s="12"/>
    </row>
    <row r="209986" spans="8:8">
      <c r="H209986" s="12"/>
    </row>
    <row r="209987" spans="8:8">
      <c r="H209987" s="12"/>
    </row>
    <row r="209988" spans="8:8">
      <c r="H209988" s="12"/>
    </row>
    <row r="209989" spans="8:8">
      <c r="H209989" s="12"/>
    </row>
    <row r="209990" spans="8:8">
      <c r="H209990" s="12"/>
    </row>
    <row r="209991" spans="8:8">
      <c r="H209991" s="12"/>
    </row>
    <row r="209992" spans="8:8">
      <c r="H209992" s="12"/>
    </row>
    <row r="209993" spans="8:8">
      <c r="H209993" s="12"/>
    </row>
    <row r="209994" spans="8:8">
      <c r="H209994" s="12"/>
    </row>
    <row r="209995" spans="8:8">
      <c r="H209995" s="12"/>
    </row>
    <row r="209996" spans="8:8">
      <c r="H209996" s="12"/>
    </row>
    <row r="209997" spans="8:8">
      <c r="H209997" s="12"/>
    </row>
    <row r="209998" spans="8:8">
      <c r="H209998" s="12"/>
    </row>
    <row r="209999" spans="8:8">
      <c r="H209999" s="12"/>
    </row>
    <row r="210000" spans="8:8">
      <c r="H210000" s="12"/>
    </row>
    <row r="210001" spans="8:8">
      <c r="H210001" s="12"/>
    </row>
    <row r="210002" spans="8:8">
      <c r="H210002" s="12"/>
    </row>
    <row r="210003" spans="8:8">
      <c r="H210003" s="12"/>
    </row>
    <row r="210004" spans="8:8">
      <c r="H210004" s="12"/>
    </row>
    <row r="210005" spans="8:8">
      <c r="H210005" s="12"/>
    </row>
    <row r="210006" spans="8:8">
      <c r="H210006" s="12"/>
    </row>
    <row r="210007" spans="8:8">
      <c r="H210007" s="12"/>
    </row>
    <row r="210008" spans="8:8">
      <c r="H210008" s="12"/>
    </row>
    <row r="210009" spans="8:8">
      <c r="H210009" s="12"/>
    </row>
    <row r="210010" spans="8:8">
      <c r="H210010" s="12"/>
    </row>
    <row r="210011" spans="8:8">
      <c r="H210011" s="12"/>
    </row>
    <row r="210012" spans="8:8">
      <c r="H210012" s="12"/>
    </row>
    <row r="210013" spans="8:8">
      <c r="H210013" s="12"/>
    </row>
    <row r="210014" spans="8:8">
      <c r="H210014" s="12"/>
    </row>
    <row r="210015" spans="8:8">
      <c r="H210015" s="12"/>
    </row>
    <row r="210016" spans="8:8">
      <c r="H210016" s="12"/>
    </row>
    <row r="210017" spans="8:8">
      <c r="H210017" s="12"/>
    </row>
    <row r="210018" spans="8:8">
      <c r="H210018" s="12"/>
    </row>
    <row r="210019" spans="8:8">
      <c r="H210019" s="12"/>
    </row>
    <row r="210020" spans="8:8">
      <c r="H210020" s="12"/>
    </row>
    <row r="210021" spans="8:8">
      <c r="H210021" s="12"/>
    </row>
    <row r="210022" spans="8:8">
      <c r="H210022" s="12"/>
    </row>
    <row r="210023" spans="8:8">
      <c r="H210023" s="12"/>
    </row>
    <row r="210024" spans="8:8">
      <c r="H210024" s="12"/>
    </row>
    <row r="210025" spans="8:8">
      <c r="H210025" s="12"/>
    </row>
    <row r="210026" spans="8:8">
      <c r="H210026" s="12"/>
    </row>
    <row r="210027" spans="8:8">
      <c r="H210027" s="12"/>
    </row>
    <row r="210028" spans="8:8">
      <c r="H210028" s="12"/>
    </row>
    <row r="210029" spans="8:8">
      <c r="H210029" s="12"/>
    </row>
    <row r="210030" spans="8:8">
      <c r="H210030" s="12"/>
    </row>
    <row r="210031" spans="8:8">
      <c r="H210031" s="12"/>
    </row>
    <row r="210032" spans="8:8">
      <c r="H210032" s="12"/>
    </row>
    <row r="210033" spans="8:8">
      <c r="H210033" s="12"/>
    </row>
    <row r="210034" spans="8:8">
      <c r="H210034" s="12"/>
    </row>
    <row r="210035" spans="8:8">
      <c r="H210035" s="12"/>
    </row>
    <row r="210036" spans="8:8">
      <c r="H210036" s="12"/>
    </row>
    <row r="210037" spans="8:8">
      <c r="H210037" s="12"/>
    </row>
    <row r="210038" spans="8:8">
      <c r="H210038" s="12"/>
    </row>
    <row r="210039" spans="8:8">
      <c r="H210039" s="12"/>
    </row>
    <row r="210040" spans="8:8">
      <c r="H210040" s="12"/>
    </row>
    <row r="210041" spans="8:8">
      <c r="H210041" s="12"/>
    </row>
    <row r="210042" spans="8:8">
      <c r="H210042" s="12"/>
    </row>
    <row r="210043" spans="8:8">
      <c r="H210043" s="12"/>
    </row>
    <row r="210044" spans="8:8">
      <c r="H210044" s="12"/>
    </row>
    <row r="210045" spans="8:8">
      <c r="H210045" s="12"/>
    </row>
    <row r="210046" spans="8:8">
      <c r="H210046" s="12"/>
    </row>
    <row r="210047" spans="8:8">
      <c r="H210047" s="12"/>
    </row>
    <row r="210048" spans="8:8">
      <c r="H210048" s="12"/>
    </row>
    <row r="210049" spans="8:8">
      <c r="H210049" s="12"/>
    </row>
    <row r="210050" spans="8:8">
      <c r="H210050" s="12"/>
    </row>
    <row r="210051" spans="8:8">
      <c r="H210051" s="12"/>
    </row>
    <row r="210052" spans="8:8">
      <c r="H210052" s="12"/>
    </row>
    <row r="210053" spans="8:8">
      <c r="H210053" s="12"/>
    </row>
    <row r="210054" spans="8:8">
      <c r="H210054" s="12"/>
    </row>
    <row r="210055" spans="8:8">
      <c r="H210055" s="12"/>
    </row>
    <row r="210056" spans="8:8">
      <c r="H210056" s="12"/>
    </row>
    <row r="210057" spans="8:8">
      <c r="H210057" s="12"/>
    </row>
    <row r="210058" spans="8:8">
      <c r="H210058" s="12"/>
    </row>
    <row r="210059" spans="8:8">
      <c r="H210059" s="12"/>
    </row>
    <row r="210060" spans="8:8">
      <c r="H210060" s="12"/>
    </row>
    <row r="210061" spans="8:8">
      <c r="H210061" s="12"/>
    </row>
    <row r="210062" spans="8:8">
      <c r="H210062" s="12"/>
    </row>
    <row r="210063" spans="8:8">
      <c r="H210063" s="12"/>
    </row>
    <row r="210064" spans="8:8">
      <c r="H210064" s="12"/>
    </row>
    <row r="210065" spans="8:8">
      <c r="H210065" s="12"/>
    </row>
    <row r="210066" spans="8:8">
      <c r="H210066" s="12"/>
    </row>
    <row r="210067" spans="8:8">
      <c r="H210067" s="12"/>
    </row>
    <row r="210068" spans="8:8">
      <c r="H210068" s="12"/>
    </row>
    <row r="210069" spans="8:8">
      <c r="H210069" s="12"/>
    </row>
    <row r="210070" spans="8:8">
      <c r="H210070" s="12"/>
    </row>
    <row r="210071" spans="8:8">
      <c r="H210071" s="12"/>
    </row>
    <row r="210072" spans="8:8">
      <c r="H210072" s="12"/>
    </row>
    <row r="210073" spans="8:8">
      <c r="H210073" s="12"/>
    </row>
    <row r="210074" spans="8:8">
      <c r="H210074" s="12"/>
    </row>
    <row r="210075" spans="8:8">
      <c r="H210075" s="12"/>
    </row>
    <row r="210076" spans="8:8">
      <c r="H210076" s="12"/>
    </row>
    <row r="210077" spans="8:8">
      <c r="H210077" s="12"/>
    </row>
    <row r="210078" spans="8:8">
      <c r="H210078" s="12"/>
    </row>
    <row r="210079" spans="8:8">
      <c r="H210079" s="12"/>
    </row>
    <row r="210080" spans="8:8">
      <c r="H210080" s="12"/>
    </row>
    <row r="210081" spans="8:8">
      <c r="H210081" s="12"/>
    </row>
    <row r="210082" spans="8:8">
      <c r="H210082" s="12"/>
    </row>
    <row r="210083" spans="8:8">
      <c r="H210083" s="12"/>
    </row>
    <row r="210084" spans="8:8">
      <c r="H210084" s="12"/>
    </row>
    <row r="210085" spans="8:8">
      <c r="H210085" s="12"/>
    </row>
    <row r="210086" spans="8:8">
      <c r="H210086" s="12"/>
    </row>
    <row r="210087" spans="8:8">
      <c r="H210087" s="12"/>
    </row>
    <row r="210088" spans="8:8">
      <c r="H210088" s="12"/>
    </row>
    <row r="210089" spans="8:8">
      <c r="H210089" s="12"/>
    </row>
    <row r="210090" spans="8:8">
      <c r="H210090" s="12"/>
    </row>
    <row r="210091" spans="8:8">
      <c r="H210091" s="12"/>
    </row>
    <row r="210092" spans="8:8">
      <c r="H210092" s="12"/>
    </row>
    <row r="210093" spans="8:8">
      <c r="H210093" s="12"/>
    </row>
    <row r="210094" spans="8:8">
      <c r="H210094" s="12"/>
    </row>
    <row r="210095" spans="8:8">
      <c r="H210095" s="12"/>
    </row>
    <row r="210096" spans="8:8">
      <c r="H210096" s="12"/>
    </row>
    <row r="210097" spans="8:8">
      <c r="H210097" s="12"/>
    </row>
    <row r="210098" spans="8:8">
      <c r="H210098" s="12"/>
    </row>
    <row r="210099" spans="8:8">
      <c r="H210099" s="12"/>
    </row>
    <row r="210100" spans="8:8">
      <c r="H210100" s="12"/>
    </row>
    <row r="210101" spans="8:8">
      <c r="H210101" s="12"/>
    </row>
    <row r="210102" spans="8:8">
      <c r="H210102" s="12"/>
    </row>
    <row r="210103" spans="8:8">
      <c r="H210103" s="12"/>
    </row>
    <row r="210104" spans="8:8">
      <c r="H210104" s="12"/>
    </row>
    <row r="210105" spans="8:8">
      <c r="H210105" s="12"/>
    </row>
    <row r="210106" spans="8:8">
      <c r="H210106" s="12"/>
    </row>
    <row r="210107" spans="8:8">
      <c r="H210107" s="12"/>
    </row>
    <row r="210108" spans="8:8">
      <c r="H210108" s="12"/>
    </row>
    <row r="210109" spans="8:8">
      <c r="H210109" s="12"/>
    </row>
    <row r="210110" spans="8:8">
      <c r="H210110" s="12"/>
    </row>
    <row r="210111" spans="8:8">
      <c r="H210111" s="12"/>
    </row>
    <row r="210112" spans="8:8">
      <c r="H210112" s="12"/>
    </row>
    <row r="210113" spans="8:8">
      <c r="H210113" s="12"/>
    </row>
    <row r="210114" spans="8:8">
      <c r="H210114" s="12"/>
    </row>
    <row r="210115" spans="8:8">
      <c r="H210115" s="12"/>
    </row>
    <row r="210116" spans="8:8">
      <c r="H210116" s="12"/>
    </row>
    <row r="210117" spans="8:8">
      <c r="H210117" s="12"/>
    </row>
    <row r="210118" spans="8:8">
      <c r="H210118" s="12"/>
    </row>
    <row r="210119" spans="8:8">
      <c r="H210119" s="12"/>
    </row>
    <row r="210120" spans="8:8">
      <c r="H210120" s="12"/>
    </row>
    <row r="210121" spans="8:8">
      <c r="H210121" s="12"/>
    </row>
    <row r="210122" spans="8:8">
      <c r="H210122" s="12"/>
    </row>
    <row r="210123" spans="8:8">
      <c r="H210123" s="12"/>
    </row>
    <row r="210124" spans="8:8">
      <c r="H210124" s="12"/>
    </row>
    <row r="210125" spans="8:8">
      <c r="H210125" s="12"/>
    </row>
    <row r="210126" spans="8:8">
      <c r="H210126" s="12"/>
    </row>
    <row r="210127" spans="8:8">
      <c r="H210127" s="12"/>
    </row>
    <row r="210128" spans="8:8">
      <c r="H210128" s="12"/>
    </row>
    <row r="210129" spans="8:8">
      <c r="H210129" s="12"/>
    </row>
    <row r="210130" spans="8:8">
      <c r="H210130" s="12"/>
    </row>
    <row r="210131" spans="8:8">
      <c r="H210131" s="12"/>
    </row>
    <row r="210132" spans="8:8">
      <c r="H210132" s="12"/>
    </row>
    <row r="210133" spans="8:8">
      <c r="H210133" s="12"/>
    </row>
    <row r="210134" spans="8:8">
      <c r="H210134" s="12"/>
    </row>
    <row r="210135" spans="8:8">
      <c r="H210135" s="12"/>
    </row>
    <row r="210136" spans="8:8">
      <c r="H210136" s="12"/>
    </row>
    <row r="210137" spans="8:8">
      <c r="H210137" s="12"/>
    </row>
    <row r="210138" spans="8:8">
      <c r="H210138" s="12"/>
    </row>
    <row r="210139" spans="8:8">
      <c r="H210139" s="12"/>
    </row>
    <row r="210140" spans="8:8">
      <c r="H210140" s="12"/>
    </row>
    <row r="210141" spans="8:8">
      <c r="H210141" s="12"/>
    </row>
    <row r="210142" spans="8:8">
      <c r="H210142" s="12"/>
    </row>
    <row r="210143" spans="8:8">
      <c r="H210143" s="12"/>
    </row>
    <row r="210144" spans="8:8">
      <c r="H210144" s="12"/>
    </row>
    <row r="210145" spans="8:8">
      <c r="H210145" s="12"/>
    </row>
    <row r="210146" spans="8:8">
      <c r="H210146" s="12"/>
    </row>
    <row r="210147" spans="8:8">
      <c r="H210147" s="12"/>
    </row>
    <row r="210148" spans="8:8">
      <c r="H210148" s="12"/>
    </row>
    <row r="210149" spans="8:8">
      <c r="H210149" s="12"/>
    </row>
    <row r="210150" spans="8:8">
      <c r="H210150" s="12"/>
    </row>
    <row r="210151" spans="8:8">
      <c r="H210151" s="12"/>
    </row>
    <row r="210152" spans="8:8">
      <c r="H210152" s="12"/>
    </row>
    <row r="210153" spans="8:8">
      <c r="H210153" s="12"/>
    </row>
    <row r="210154" spans="8:8">
      <c r="H210154" s="12"/>
    </row>
    <row r="210155" spans="8:8">
      <c r="H210155" s="12"/>
    </row>
    <row r="210156" spans="8:8">
      <c r="H210156" s="12"/>
    </row>
    <row r="210157" spans="8:8">
      <c r="H210157" s="12"/>
    </row>
    <row r="210158" spans="8:8">
      <c r="H210158" s="12"/>
    </row>
    <row r="210159" spans="8:8">
      <c r="H210159" s="12"/>
    </row>
    <row r="210160" spans="8:8">
      <c r="H210160" s="12"/>
    </row>
    <row r="210161" spans="8:8">
      <c r="H210161" s="12"/>
    </row>
    <row r="210162" spans="8:8">
      <c r="H210162" s="12"/>
    </row>
    <row r="210163" spans="8:8">
      <c r="H210163" s="12"/>
    </row>
    <row r="210164" spans="8:8">
      <c r="H210164" s="12"/>
    </row>
    <row r="210165" spans="8:8">
      <c r="H210165" s="12"/>
    </row>
    <row r="210166" spans="8:8">
      <c r="H210166" s="12"/>
    </row>
    <row r="210167" spans="8:8">
      <c r="H210167" s="12"/>
    </row>
    <row r="210168" spans="8:8">
      <c r="H210168" s="12"/>
    </row>
    <row r="210169" spans="8:8">
      <c r="H210169" s="12"/>
    </row>
    <row r="210170" spans="8:8">
      <c r="H210170" s="12"/>
    </row>
    <row r="210171" spans="8:8">
      <c r="H210171" s="12"/>
    </row>
    <row r="210172" spans="8:8">
      <c r="H210172" s="12"/>
    </row>
    <row r="210173" spans="8:8">
      <c r="H210173" s="12"/>
    </row>
    <row r="210174" spans="8:8">
      <c r="H210174" s="12"/>
    </row>
    <row r="210175" spans="8:8">
      <c r="H210175" s="12"/>
    </row>
    <row r="210176" spans="8:8">
      <c r="H210176" s="12"/>
    </row>
    <row r="210177" spans="8:8">
      <c r="H210177" s="12"/>
    </row>
    <row r="210178" spans="8:8">
      <c r="H210178" s="12"/>
    </row>
    <row r="210179" spans="8:8">
      <c r="H210179" s="12"/>
    </row>
    <row r="210180" spans="8:8">
      <c r="H210180" s="12"/>
    </row>
    <row r="210181" spans="8:8">
      <c r="H210181" s="12"/>
    </row>
    <row r="210182" spans="8:8">
      <c r="H210182" s="12"/>
    </row>
    <row r="210183" spans="8:8">
      <c r="H210183" s="12"/>
    </row>
    <row r="210184" spans="8:8">
      <c r="H210184" s="12"/>
    </row>
    <row r="210185" spans="8:8">
      <c r="H210185" s="12"/>
    </row>
    <row r="210186" spans="8:8">
      <c r="H210186" s="12"/>
    </row>
    <row r="210187" spans="8:8">
      <c r="H210187" s="12"/>
    </row>
    <row r="210188" spans="8:8">
      <c r="H210188" s="12"/>
    </row>
    <row r="210189" spans="8:8">
      <c r="H210189" s="12"/>
    </row>
    <row r="210190" spans="8:8">
      <c r="H210190" s="12"/>
    </row>
    <row r="210191" spans="8:8">
      <c r="H210191" s="12"/>
    </row>
    <row r="210192" spans="8:8">
      <c r="H210192" s="12"/>
    </row>
    <row r="210193" spans="8:8">
      <c r="H210193" s="12"/>
    </row>
    <row r="210194" spans="8:8">
      <c r="H210194" s="12"/>
    </row>
    <row r="210195" spans="8:8">
      <c r="H210195" s="12"/>
    </row>
    <row r="210196" spans="8:8">
      <c r="H210196" s="12"/>
    </row>
    <row r="210197" spans="8:8">
      <c r="H210197" s="12"/>
    </row>
    <row r="210198" spans="8:8">
      <c r="H210198" s="12"/>
    </row>
    <row r="210199" spans="8:8">
      <c r="H210199" s="12"/>
    </row>
    <row r="210200" spans="8:8">
      <c r="H210200" s="12"/>
    </row>
    <row r="210201" spans="8:8">
      <c r="H210201" s="12"/>
    </row>
    <row r="210202" spans="8:8">
      <c r="H210202" s="12"/>
    </row>
    <row r="210203" spans="8:8">
      <c r="H210203" s="12"/>
    </row>
    <row r="210204" spans="8:8">
      <c r="H210204" s="12"/>
    </row>
    <row r="210205" spans="8:8">
      <c r="H210205" s="12"/>
    </row>
    <row r="210206" spans="8:8">
      <c r="H210206" s="12"/>
    </row>
    <row r="210207" spans="8:8">
      <c r="H210207" s="12"/>
    </row>
    <row r="210208" spans="8:8">
      <c r="H210208" s="12"/>
    </row>
    <row r="210209" spans="8:8">
      <c r="H210209" s="12"/>
    </row>
    <row r="210210" spans="8:8">
      <c r="H210210" s="12"/>
    </row>
    <row r="210211" spans="8:8">
      <c r="H210211" s="12"/>
    </row>
    <row r="210212" spans="8:8">
      <c r="H210212" s="12"/>
    </row>
    <row r="210213" spans="8:8">
      <c r="H210213" s="12"/>
    </row>
    <row r="210214" spans="8:8">
      <c r="H210214" s="12"/>
    </row>
    <row r="210215" spans="8:8">
      <c r="H210215" s="12"/>
    </row>
    <row r="210216" spans="8:8">
      <c r="H210216" s="12"/>
    </row>
    <row r="210217" spans="8:8">
      <c r="H210217" s="12"/>
    </row>
    <row r="210218" spans="8:8">
      <c r="H210218" s="12"/>
    </row>
    <row r="210219" spans="8:8">
      <c r="H210219" s="12"/>
    </row>
    <row r="210220" spans="8:8">
      <c r="H210220" s="12"/>
    </row>
    <row r="210221" spans="8:8">
      <c r="H210221" s="12"/>
    </row>
    <row r="210222" spans="8:8">
      <c r="H210222" s="12"/>
    </row>
    <row r="210223" spans="8:8">
      <c r="H210223" s="12"/>
    </row>
    <row r="210224" spans="8:8">
      <c r="H210224" s="12"/>
    </row>
    <row r="210225" spans="8:8">
      <c r="H210225" s="12"/>
    </row>
    <row r="210226" spans="8:8">
      <c r="H210226" s="12"/>
    </row>
    <row r="210227" spans="8:8">
      <c r="H210227" s="12"/>
    </row>
    <row r="210228" spans="8:8">
      <c r="H210228" s="12"/>
    </row>
    <row r="210229" spans="8:8">
      <c r="H210229" s="12"/>
    </row>
    <row r="210230" spans="8:8">
      <c r="H210230" s="12"/>
    </row>
    <row r="210231" spans="8:8">
      <c r="H210231" s="12"/>
    </row>
    <row r="210232" spans="8:8">
      <c r="H210232" s="12"/>
    </row>
    <row r="210233" spans="8:8">
      <c r="H210233" s="12"/>
    </row>
    <row r="210234" spans="8:8">
      <c r="H210234" s="12"/>
    </row>
    <row r="210235" spans="8:8">
      <c r="H210235" s="12"/>
    </row>
    <row r="210236" spans="8:8">
      <c r="H210236" s="12"/>
    </row>
    <row r="210237" spans="8:8">
      <c r="H210237" s="12"/>
    </row>
    <row r="210238" spans="8:8">
      <c r="H210238" s="12"/>
    </row>
    <row r="210239" spans="8:8">
      <c r="H210239" s="12"/>
    </row>
    <row r="210240" spans="8:8">
      <c r="H210240" s="12"/>
    </row>
    <row r="210241" spans="8:8">
      <c r="H210241" s="12"/>
    </row>
    <row r="210242" spans="8:8">
      <c r="H210242" s="12"/>
    </row>
    <row r="210243" spans="8:8">
      <c r="H210243" s="12"/>
    </row>
    <row r="210244" spans="8:8">
      <c r="H210244" s="12"/>
    </row>
    <row r="210245" spans="8:8">
      <c r="H210245" s="12"/>
    </row>
    <row r="210246" spans="8:8">
      <c r="H210246" s="12"/>
    </row>
    <row r="210247" spans="8:8">
      <c r="H210247" s="12"/>
    </row>
    <row r="210248" spans="8:8">
      <c r="H210248" s="12"/>
    </row>
    <row r="210249" spans="8:8">
      <c r="H210249" s="12"/>
    </row>
    <row r="210250" spans="8:8">
      <c r="H210250" s="12"/>
    </row>
    <row r="210251" spans="8:8">
      <c r="H210251" s="12"/>
    </row>
    <row r="210252" spans="8:8">
      <c r="H210252" s="12"/>
    </row>
    <row r="210253" spans="8:8">
      <c r="H210253" s="12"/>
    </row>
    <row r="210254" spans="8:8">
      <c r="H210254" s="12"/>
    </row>
    <row r="210255" spans="8:8">
      <c r="H210255" s="12"/>
    </row>
    <row r="210256" spans="8:8">
      <c r="H210256" s="12"/>
    </row>
    <row r="210257" spans="8:8">
      <c r="H210257" s="12"/>
    </row>
    <row r="210258" spans="8:8">
      <c r="H210258" s="12"/>
    </row>
    <row r="210259" spans="8:8">
      <c r="H210259" s="12"/>
    </row>
    <row r="210260" spans="8:8">
      <c r="H210260" s="12"/>
    </row>
    <row r="210261" spans="8:8">
      <c r="H210261" s="12"/>
    </row>
    <row r="210262" spans="8:8">
      <c r="H210262" s="12"/>
    </row>
    <row r="210263" spans="8:8">
      <c r="H210263" s="12"/>
    </row>
    <row r="210264" spans="8:8">
      <c r="H210264" s="12"/>
    </row>
    <row r="210265" spans="8:8">
      <c r="H210265" s="12"/>
    </row>
    <row r="210266" spans="8:8">
      <c r="H210266" s="12"/>
    </row>
    <row r="210267" spans="8:8">
      <c r="H210267" s="12"/>
    </row>
    <row r="210268" spans="8:8">
      <c r="H210268" s="12"/>
    </row>
    <row r="210269" spans="8:8">
      <c r="H210269" s="12"/>
    </row>
    <row r="210270" spans="8:8">
      <c r="H210270" s="12"/>
    </row>
    <row r="210271" spans="8:8">
      <c r="H210271" s="12"/>
    </row>
    <row r="210272" spans="8:8">
      <c r="H210272" s="12"/>
    </row>
    <row r="210273" spans="8:8">
      <c r="H210273" s="12"/>
    </row>
    <row r="210274" spans="8:8">
      <c r="H210274" s="12"/>
    </row>
    <row r="210275" spans="8:8">
      <c r="H210275" s="12"/>
    </row>
    <row r="210276" spans="8:8">
      <c r="H210276" s="12"/>
    </row>
    <row r="210277" spans="8:8">
      <c r="H210277" s="12"/>
    </row>
    <row r="210278" spans="8:8">
      <c r="H210278" s="12"/>
    </row>
    <row r="210279" spans="8:8">
      <c r="H210279" s="12"/>
    </row>
    <row r="210280" spans="8:8">
      <c r="H210280" s="12"/>
    </row>
    <row r="210281" spans="8:8">
      <c r="H210281" s="12"/>
    </row>
    <row r="210282" spans="8:8">
      <c r="H210282" s="12"/>
    </row>
    <row r="210283" spans="8:8">
      <c r="H210283" s="12"/>
    </row>
    <row r="210284" spans="8:8">
      <c r="H210284" s="12"/>
    </row>
    <row r="210285" spans="8:8">
      <c r="H210285" s="12"/>
    </row>
    <row r="210286" spans="8:8">
      <c r="H210286" s="12"/>
    </row>
    <row r="210287" spans="8:8">
      <c r="H210287" s="12"/>
    </row>
    <row r="210288" spans="8:8">
      <c r="H210288" s="12"/>
    </row>
    <row r="210289" spans="8:8">
      <c r="H210289" s="12"/>
    </row>
    <row r="210290" spans="8:8">
      <c r="H210290" s="12"/>
    </row>
    <row r="210291" spans="8:8">
      <c r="H210291" s="12"/>
    </row>
    <row r="210292" spans="8:8">
      <c r="H210292" s="12"/>
    </row>
    <row r="210293" spans="8:8">
      <c r="H210293" s="12"/>
    </row>
    <row r="210294" spans="8:8">
      <c r="H210294" s="12"/>
    </row>
    <row r="210295" spans="8:8">
      <c r="H210295" s="12"/>
    </row>
    <row r="210296" spans="8:8">
      <c r="H210296" s="12"/>
    </row>
    <row r="210297" spans="8:8">
      <c r="H210297" s="12"/>
    </row>
    <row r="210298" spans="8:8">
      <c r="H210298" s="12"/>
    </row>
    <row r="210299" spans="8:8">
      <c r="H210299" s="12"/>
    </row>
    <row r="210300" spans="8:8">
      <c r="H210300" s="12"/>
    </row>
    <row r="210301" spans="8:8">
      <c r="H210301" s="12"/>
    </row>
    <row r="210302" spans="8:8">
      <c r="H210302" s="12"/>
    </row>
    <row r="210303" spans="8:8">
      <c r="H210303" s="12"/>
    </row>
    <row r="210304" spans="8:8">
      <c r="H210304" s="12"/>
    </row>
    <row r="210305" spans="8:8">
      <c r="H210305" s="12"/>
    </row>
    <row r="210306" spans="8:8">
      <c r="H210306" s="12"/>
    </row>
    <row r="210307" spans="8:8">
      <c r="H210307" s="12"/>
    </row>
    <row r="210308" spans="8:8">
      <c r="H210308" s="12"/>
    </row>
    <row r="210309" spans="8:8">
      <c r="H210309" s="12"/>
    </row>
    <row r="210310" spans="8:8">
      <c r="H210310" s="12"/>
    </row>
    <row r="210311" spans="8:8">
      <c r="H210311" s="12"/>
    </row>
    <row r="210312" spans="8:8">
      <c r="H210312" s="12"/>
    </row>
    <row r="210313" spans="8:8">
      <c r="H210313" s="12"/>
    </row>
    <row r="210314" spans="8:8">
      <c r="H210314" s="12"/>
    </row>
    <row r="210315" spans="8:8">
      <c r="H210315" s="12"/>
    </row>
    <row r="210316" spans="8:8">
      <c r="H210316" s="12"/>
    </row>
    <row r="210317" spans="8:8">
      <c r="H210317" s="12"/>
    </row>
    <row r="210318" spans="8:8">
      <c r="H210318" s="12"/>
    </row>
    <row r="210319" spans="8:8">
      <c r="H210319" s="12"/>
    </row>
    <row r="210320" spans="8:8">
      <c r="H210320" s="12"/>
    </row>
    <row r="210321" spans="8:8">
      <c r="H210321" s="12"/>
    </row>
    <row r="210322" spans="8:8">
      <c r="H210322" s="12"/>
    </row>
    <row r="210323" spans="8:8">
      <c r="H210323" s="12"/>
    </row>
    <row r="210324" spans="8:8">
      <c r="H210324" s="12"/>
    </row>
    <row r="210325" spans="8:8">
      <c r="H210325" s="12"/>
    </row>
    <row r="210326" spans="8:8">
      <c r="H210326" s="12"/>
    </row>
    <row r="210327" spans="8:8">
      <c r="H210327" s="12"/>
    </row>
    <row r="210328" spans="8:8">
      <c r="H210328" s="12"/>
    </row>
    <row r="210329" spans="8:8">
      <c r="H210329" s="12"/>
    </row>
    <row r="210330" spans="8:8">
      <c r="H210330" s="12"/>
    </row>
    <row r="210331" spans="8:8">
      <c r="H210331" s="12"/>
    </row>
    <row r="210332" spans="8:8">
      <c r="H210332" s="12"/>
    </row>
    <row r="210333" spans="8:8">
      <c r="H210333" s="12"/>
    </row>
    <row r="210334" spans="8:8">
      <c r="H210334" s="12"/>
    </row>
    <row r="210335" spans="8:8">
      <c r="H210335" s="12"/>
    </row>
    <row r="210336" spans="8:8">
      <c r="H210336" s="12"/>
    </row>
    <row r="210337" spans="8:8">
      <c r="H210337" s="12"/>
    </row>
    <row r="210338" spans="8:8">
      <c r="H210338" s="12"/>
    </row>
    <row r="210339" spans="8:8">
      <c r="H210339" s="12"/>
    </row>
    <row r="210340" spans="8:8">
      <c r="H210340" s="12"/>
    </row>
    <row r="210341" spans="8:8">
      <c r="H210341" s="12"/>
    </row>
    <row r="210342" spans="8:8">
      <c r="H210342" s="12"/>
    </row>
    <row r="210343" spans="8:8">
      <c r="H210343" s="12"/>
    </row>
    <row r="210344" spans="8:8">
      <c r="H210344" s="12"/>
    </row>
    <row r="210345" spans="8:8">
      <c r="H210345" s="12"/>
    </row>
    <row r="210346" spans="8:8">
      <c r="H210346" s="12"/>
    </row>
    <row r="210347" spans="8:8">
      <c r="H210347" s="12"/>
    </row>
    <row r="210348" spans="8:8">
      <c r="H210348" s="12"/>
    </row>
    <row r="210349" spans="8:8">
      <c r="H210349" s="12"/>
    </row>
    <row r="210350" spans="8:8">
      <c r="H210350" s="12"/>
    </row>
    <row r="210351" spans="8:8">
      <c r="H210351" s="12"/>
    </row>
    <row r="210352" spans="8:8">
      <c r="H210352" s="12"/>
    </row>
    <row r="210353" spans="8:8">
      <c r="H210353" s="12"/>
    </row>
    <row r="210354" spans="8:8">
      <c r="H210354" s="12"/>
    </row>
    <row r="210355" spans="8:8">
      <c r="H210355" s="12"/>
    </row>
    <row r="210356" spans="8:8">
      <c r="H210356" s="12"/>
    </row>
    <row r="210357" spans="8:8">
      <c r="H210357" s="12"/>
    </row>
    <row r="210358" spans="8:8">
      <c r="H210358" s="12"/>
    </row>
    <row r="210359" spans="8:8">
      <c r="H210359" s="12"/>
    </row>
    <row r="210360" spans="8:8">
      <c r="H210360" s="12"/>
    </row>
    <row r="210361" spans="8:8">
      <c r="H210361" s="12"/>
    </row>
    <row r="210362" spans="8:8">
      <c r="H210362" s="12"/>
    </row>
    <row r="210363" spans="8:8">
      <c r="H210363" s="12"/>
    </row>
    <row r="210364" spans="8:8">
      <c r="H210364" s="12"/>
    </row>
    <row r="210365" spans="8:8">
      <c r="H210365" s="12"/>
    </row>
    <row r="210366" spans="8:8">
      <c r="H210366" s="12"/>
    </row>
    <row r="210367" spans="8:8">
      <c r="H210367" s="12"/>
    </row>
    <row r="210368" spans="8:8">
      <c r="H210368" s="12"/>
    </row>
    <row r="210369" spans="8:8">
      <c r="H210369" s="12"/>
    </row>
    <row r="210370" spans="8:8">
      <c r="H210370" s="12"/>
    </row>
    <row r="210371" spans="8:8">
      <c r="H210371" s="12"/>
    </row>
    <row r="210372" spans="8:8">
      <c r="H210372" s="12"/>
    </row>
    <row r="210373" spans="8:8">
      <c r="H210373" s="12"/>
    </row>
    <row r="210374" spans="8:8">
      <c r="H210374" s="12"/>
    </row>
    <row r="210375" spans="8:8">
      <c r="H210375" s="12"/>
    </row>
    <row r="210376" spans="8:8">
      <c r="H210376" s="12"/>
    </row>
    <row r="210377" spans="8:8">
      <c r="H210377" s="12"/>
    </row>
    <row r="210378" spans="8:8">
      <c r="H210378" s="12"/>
    </row>
    <row r="210379" spans="8:8">
      <c r="H210379" s="12"/>
    </row>
    <row r="210380" spans="8:8">
      <c r="H210380" s="12"/>
    </row>
    <row r="210381" spans="8:8">
      <c r="H210381" s="12"/>
    </row>
    <row r="210382" spans="8:8">
      <c r="H210382" s="12"/>
    </row>
    <row r="210383" spans="8:8">
      <c r="H210383" s="12"/>
    </row>
    <row r="210384" spans="8:8">
      <c r="H210384" s="12"/>
    </row>
    <row r="210385" spans="8:8">
      <c r="H210385" s="12"/>
    </row>
    <row r="210386" spans="8:8">
      <c r="H210386" s="12"/>
    </row>
    <row r="210387" spans="8:8">
      <c r="H210387" s="12"/>
    </row>
    <row r="210388" spans="8:8">
      <c r="H210388" s="12"/>
    </row>
    <row r="210389" spans="8:8">
      <c r="H210389" s="12"/>
    </row>
    <row r="210390" spans="8:8">
      <c r="H210390" s="12"/>
    </row>
    <row r="210391" spans="8:8">
      <c r="H210391" s="12"/>
    </row>
    <row r="210392" spans="8:8">
      <c r="H210392" s="12"/>
    </row>
    <row r="210393" spans="8:8">
      <c r="H210393" s="12"/>
    </row>
    <row r="210394" spans="8:8">
      <c r="H210394" s="12"/>
    </row>
    <row r="210395" spans="8:8">
      <c r="H210395" s="12"/>
    </row>
    <row r="210396" spans="8:8">
      <c r="H210396" s="12"/>
    </row>
    <row r="210397" spans="8:8">
      <c r="H210397" s="12"/>
    </row>
    <row r="210398" spans="8:8">
      <c r="H210398" s="12"/>
    </row>
    <row r="210399" spans="8:8">
      <c r="H210399" s="12"/>
    </row>
    <row r="210400" spans="8:8">
      <c r="H210400" s="12"/>
    </row>
    <row r="210401" spans="8:8">
      <c r="H210401" s="12"/>
    </row>
    <row r="210402" spans="8:8">
      <c r="H210402" s="12"/>
    </row>
    <row r="210403" spans="8:8">
      <c r="H210403" s="12"/>
    </row>
    <row r="210404" spans="8:8">
      <c r="H210404" s="12"/>
    </row>
    <row r="210405" spans="8:8">
      <c r="H210405" s="12"/>
    </row>
    <row r="210406" spans="8:8">
      <c r="H210406" s="12"/>
    </row>
    <row r="210407" spans="8:8">
      <c r="H210407" s="12"/>
    </row>
    <row r="210408" spans="8:8">
      <c r="H210408" s="12"/>
    </row>
    <row r="210409" spans="8:8">
      <c r="H210409" s="12"/>
    </row>
    <row r="210410" spans="8:8">
      <c r="H210410" s="12"/>
    </row>
    <row r="210411" spans="8:8">
      <c r="H210411" s="12"/>
    </row>
    <row r="210412" spans="8:8">
      <c r="H210412" s="12"/>
    </row>
    <row r="210413" spans="8:8">
      <c r="H210413" s="12"/>
    </row>
    <row r="210414" spans="8:8">
      <c r="H210414" s="12"/>
    </row>
    <row r="210415" spans="8:8">
      <c r="H210415" s="12"/>
    </row>
    <row r="210416" spans="8:8">
      <c r="H210416" s="12"/>
    </row>
    <row r="210417" spans="8:8">
      <c r="H210417" s="12"/>
    </row>
    <row r="210418" spans="8:8">
      <c r="H210418" s="12"/>
    </row>
    <row r="210419" spans="8:8">
      <c r="H210419" s="12"/>
    </row>
    <row r="210420" spans="8:8">
      <c r="H210420" s="12"/>
    </row>
    <row r="210421" spans="8:8">
      <c r="H210421" s="12"/>
    </row>
    <row r="210422" spans="8:8">
      <c r="H210422" s="12"/>
    </row>
    <row r="210423" spans="8:8">
      <c r="H210423" s="12"/>
    </row>
    <row r="210424" spans="8:8">
      <c r="H210424" s="12"/>
    </row>
    <row r="210425" spans="8:8">
      <c r="H210425" s="12"/>
    </row>
    <row r="210426" spans="8:8">
      <c r="H210426" s="12"/>
    </row>
    <row r="210427" spans="8:8">
      <c r="H210427" s="12"/>
    </row>
    <row r="210428" spans="8:8">
      <c r="H210428" s="12"/>
    </row>
    <row r="210429" spans="8:8">
      <c r="H210429" s="12"/>
    </row>
    <row r="210430" spans="8:8">
      <c r="H210430" s="12"/>
    </row>
    <row r="210431" spans="8:8">
      <c r="H210431" s="12"/>
    </row>
    <row r="210432" spans="8:8">
      <c r="H210432" s="12"/>
    </row>
    <row r="210433" spans="8:8">
      <c r="H210433" s="12"/>
    </row>
    <row r="210434" spans="8:8">
      <c r="H210434" s="12"/>
    </row>
    <row r="210435" spans="8:8">
      <c r="H210435" s="12"/>
    </row>
    <row r="210436" spans="8:8">
      <c r="H210436" s="12"/>
    </row>
    <row r="210437" spans="8:8">
      <c r="H210437" s="12"/>
    </row>
    <row r="210438" spans="8:8">
      <c r="H210438" s="12"/>
    </row>
    <row r="210439" spans="8:8">
      <c r="H210439" s="12"/>
    </row>
    <row r="210440" spans="8:8">
      <c r="H210440" s="12"/>
    </row>
    <row r="210441" spans="8:8">
      <c r="H210441" s="12"/>
    </row>
    <row r="210442" spans="8:8">
      <c r="H210442" s="12"/>
    </row>
    <row r="210443" spans="8:8">
      <c r="H210443" s="12"/>
    </row>
    <row r="210444" spans="8:8">
      <c r="H210444" s="12"/>
    </row>
    <row r="210445" spans="8:8">
      <c r="H210445" s="12"/>
    </row>
    <row r="210446" spans="8:8">
      <c r="H210446" s="12"/>
    </row>
    <row r="210447" spans="8:8">
      <c r="H210447" s="12"/>
    </row>
    <row r="210448" spans="8:8">
      <c r="H210448" s="12"/>
    </row>
    <row r="210449" spans="8:8">
      <c r="H210449" s="12"/>
    </row>
    <row r="210450" spans="8:8">
      <c r="H210450" s="12"/>
    </row>
    <row r="210451" spans="8:8">
      <c r="H210451" s="12"/>
    </row>
    <row r="210452" spans="8:8">
      <c r="H210452" s="12"/>
    </row>
    <row r="210453" spans="8:8">
      <c r="H210453" s="12"/>
    </row>
    <row r="210454" spans="8:8">
      <c r="H210454" s="12"/>
    </row>
    <row r="210455" spans="8:8">
      <c r="H210455" s="12"/>
    </row>
    <row r="210456" spans="8:8">
      <c r="H210456" s="12"/>
    </row>
    <row r="210457" spans="8:8">
      <c r="H210457" s="12"/>
    </row>
    <row r="210458" spans="8:8">
      <c r="H210458" s="12"/>
    </row>
    <row r="210459" spans="8:8">
      <c r="H210459" s="12"/>
    </row>
    <row r="210460" spans="8:8">
      <c r="H210460" s="12"/>
    </row>
    <row r="210461" spans="8:8">
      <c r="H210461" s="12"/>
    </row>
    <row r="210462" spans="8:8">
      <c r="H210462" s="12"/>
    </row>
    <row r="210463" spans="8:8">
      <c r="H210463" s="12"/>
    </row>
    <row r="210464" spans="8:8">
      <c r="H210464" s="12"/>
    </row>
    <row r="210465" spans="8:8">
      <c r="H210465" s="12"/>
    </row>
    <row r="210466" spans="8:8">
      <c r="H210466" s="12"/>
    </row>
    <row r="210467" spans="8:8">
      <c r="H210467" s="12"/>
    </row>
    <row r="210468" spans="8:8">
      <c r="H210468" s="12"/>
    </row>
    <row r="210469" spans="8:8">
      <c r="H210469" s="12"/>
    </row>
    <row r="210470" spans="8:8">
      <c r="H210470" s="12"/>
    </row>
    <row r="210471" spans="8:8">
      <c r="H210471" s="12"/>
    </row>
    <row r="210472" spans="8:8">
      <c r="H210472" s="12"/>
    </row>
    <row r="210473" spans="8:8">
      <c r="H210473" s="12"/>
    </row>
    <row r="210474" spans="8:8">
      <c r="H210474" s="12"/>
    </row>
    <row r="210475" spans="8:8">
      <c r="H210475" s="12"/>
    </row>
    <row r="210476" spans="8:8">
      <c r="H210476" s="12"/>
    </row>
    <row r="210477" spans="8:8">
      <c r="H210477" s="12"/>
    </row>
    <row r="210478" spans="8:8">
      <c r="H210478" s="12"/>
    </row>
    <row r="210479" spans="8:8">
      <c r="H210479" s="12"/>
    </row>
    <row r="210480" spans="8:8">
      <c r="H210480" s="12"/>
    </row>
    <row r="210481" spans="8:8">
      <c r="H210481" s="12"/>
    </row>
    <row r="210482" spans="8:8">
      <c r="H210482" s="12"/>
    </row>
    <row r="210483" spans="8:8">
      <c r="H210483" s="12"/>
    </row>
    <row r="210484" spans="8:8">
      <c r="H210484" s="12"/>
    </row>
    <row r="210485" spans="8:8">
      <c r="H210485" s="12"/>
    </row>
    <row r="210486" spans="8:8">
      <c r="H210486" s="12"/>
    </row>
    <row r="210487" spans="8:8">
      <c r="H210487" s="12"/>
    </row>
    <row r="210488" spans="8:8">
      <c r="H210488" s="12"/>
    </row>
    <row r="210489" spans="8:8">
      <c r="H210489" s="12"/>
    </row>
    <row r="210490" spans="8:8">
      <c r="H210490" s="12"/>
    </row>
    <row r="210491" spans="8:8">
      <c r="H210491" s="12"/>
    </row>
    <row r="210492" spans="8:8">
      <c r="H210492" s="12"/>
    </row>
    <row r="210493" spans="8:8">
      <c r="H210493" s="12"/>
    </row>
    <row r="210494" spans="8:8">
      <c r="H210494" s="12"/>
    </row>
    <row r="210495" spans="8:8">
      <c r="H210495" s="12"/>
    </row>
    <row r="210496" spans="8:8">
      <c r="H210496" s="12"/>
    </row>
    <row r="210497" spans="8:8">
      <c r="H210497" s="12"/>
    </row>
    <row r="210498" spans="8:8">
      <c r="H210498" s="12"/>
    </row>
    <row r="210499" spans="8:8">
      <c r="H210499" s="12"/>
    </row>
    <row r="210500" spans="8:8">
      <c r="H210500" s="12"/>
    </row>
    <row r="210501" spans="8:8">
      <c r="H210501" s="12"/>
    </row>
    <row r="210502" spans="8:8">
      <c r="H210502" s="12"/>
    </row>
    <row r="210503" spans="8:8">
      <c r="H210503" s="12"/>
    </row>
    <row r="210504" spans="8:8">
      <c r="H210504" s="12"/>
    </row>
    <row r="210505" spans="8:8">
      <c r="H210505" s="12"/>
    </row>
    <row r="210506" spans="8:8">
      <c r="H210506" s="12"/>
    </row>
    <row r="210507" spans="8:8">
      <c r="H210507" s="12"/>
    </row>
    <row r="210508" spans="8:8">
      <c r="H210508" s="12"/>
    </row>
    <row r="210509" spans="8:8">
      <c r="H210509" s="12"/>
    </row>
    <row r="210510" spans="8:8">
      <c r="H210510" s="12"/>
    </row>
    <row r="210511" spans="8:8">
      <c r="H210511" s="12"/>
    </row>
    <row r="210512" spans="8:8">
      <c r="H210512" s="12"/>
    </row>
    <row r="210513" spans="8:8">
      <c r="H210513" s="12"/>
    </row>
    <row r="210514" spans="8:8">
      <c r="H210514" s="12"/>
    </row>
    <row r="210515" spans="8:8">
      <c r="H210515" s="12"/>
    </row>
    <row r="210516" spans="8:8">
      <c r="H210516" s="12"/>
    </row>
    <row r="210517" spans="8:8">
      <c r="H210517" s="12"/>
    </row>
    <row r="210518" spans="8:8">
      <c r="H210518" s="12"/>
    </row>
    <row r="210519" spans="8:8">
      <c r="H210519" s="12"/>
    </row>
    <row r="210520" spans="8:8">
      <c r="H210520" s="12"/>
    </row>
    <row r="210521" spans="8:8">
      <c r="H210521" s="12"/>
    </row>
    <row r="210522" spans="8:8">
      <c r="H210522" s="12"/>
    </row>
    <row r="210523" spans="8:8">
      <c r="H210523" s="12"/>
    </row>
    <row r="210524" spans="8:8">
      <c r="H210524" s="12"/>
    </row>
    <row r="210525" spans="8:8">
      <c r="H210525" s="12"/>
    </row>
    <row r="210526" spans="8:8">
      <c r="H210526" s="12"/>
    </row>
    <row r="210527" spans="8:8">
      <c r="H210527" s="12"/>
    </row>
    <row r="210528" spans="8:8">
      <c r="H210528" s="12"/>
    </row>
    <row r="210529" spans="8:8">
      <c r="H210529" s="12"/>
    </row>
    <row r="210530" spans="8:8">
      <c r="H210530" s="12"/>
    </row>
    <row r="210531" spans="8:8">
      <c r="H210531" s="12"/>
    </row>
    <row r="210532" spans="8:8">
      <c r="H210532" s="12"/>
    </row>
    <row r="210533" spans="8:8">
      <c r="H210533" s="12"/>
    </row>
    <row r="210534" spans="8:8">
      <c r="H210534" s="12"/>
    </row>
    <row r="210535" spans="8:8">
      <c r="H210535" s="12"/>
    </row>
    <row r="210536" spans="8:8">
      <c r="H210536" s="12"/>
    </row>
    <row r="210537" spans="8:8">
      <c r="H210537" s="12"/>
    </row>
    <row r="210538" spans="8:8">
      <c r="H210538" s="12"/>
    </row>
    <row r="210539" spans="8:8">
      <c r="H210539" s="12"/>
    </row>
    <row r="210540" spans="8:8">
      <c r="H210540" s="12"/>
    </row>
    <row r="210541" spans="8:8">
      <c r="H210541" s="12"/>
    </row>
    <row r="210542" spans="8:8">
      <c r="H210542" s="12"/>
    </row>
    <row r="210543" spans="8:8">
      <c r="H210543" s="12"/>
    </row>
    <row r="210544" spans="8:8">
      <c r="H210544" s="12"/>
    </row>
    <row r="210545" spans="8:8">
      <c r="H210545" s="12"/>
    </row>
    <row r="210546" spans="8:8">
      <c r="H210546" s="12"/>
    </row>
    <row r="210547" spans="8:8">
      <c r="H210547" s="12"/>
    </row>
    <row r="210548" spans="8:8">
      <c r="H210548" s="12"/>
    </row>
    <row r="210549" spans="8:8">
      <c r="H210549" s="12"/>
    </row>
    <row r="210550" spans="8:8">
      <c r="H210550" s="12"/>
    </row>
    <row r="210551" spans="8:8">
      <c r="H210551" s="12"/>
    </row>
    <row r="210552" spans="8:8">
      <c r="H210552" s="12"/>
    </row>
    <row r="210553" spans="8:8">
      <c r="H210553" s="12"/>
    </row>
    <row r="210554" spans="8:8">
      <c r="H210554" s="12"/>
    </row>
    <row r="210555" spans="8:8">
      <c r="H210555" s="12"/>
    </row>
    <row r="210556" spans="8:8">
      <c r="H210556" s="12"/>
    </row>
    <row r="210557" spans="8:8">
      <c r="H210557" s="12"/>
    </row>
    <row r="210558" spans="8:8">
      <c r="H210558" s="12"/>
    </row>
    <row r="210559" spans="8:8">
      <c r="H210559" s="12"/>
    </row>
    <row r="210560" spans="8:8">
      <c r="H210560" s="12"/>
    </row>
    <row r="210561" spans="8:8">
      <c r="H210561" s="12"/>
    </row>
    <row r="210562" spans="8:8">
      <c r="H210562" s="12"/>
    </row>
    <row r="210563" spans="8:8">
      <c r="H210563" s="12"/>
    </row>
    <row r="210564" spans="8:8">
      <c r="H210564" s="12"/>
    </row>
    <row r="210565" spans="8:8">
      <c r="H210565" s="12"/>
    </row>
    <row r="210566" spans="8:8">
      <c r="H210566" s="12"/>
    </row>
    <row r="210567" spans="8:8">
      <c r="H210567" s="12"/>
    </row>
    <row r="210568" spans="8:8">
      <c r="H210568" s="12"/>
    </row>
    <row r="210569" spans="8:8">
      <c r="H210569" s="12"/>
    </row>
    <row r="210570" spans="8:8">
      <c r="H210570" s="12"/>
    </row>
    <row r="210571" spans="8:8">
      <c r="H210571" s="12"/>
    </row>
    <row r="210572" spans="8:8">
      <c r="H210572" s="12"/>
    </row>
    <row r="210573" spans="8:8">
      <c r="H210573" s="12"/>
    </row>
    <row r="210574" spans="8:8">
      <c r="H210574" s="12"/>
    </row>
    <row r="210575" spans="8:8">
      <c r="H210575" s="12"/>
    </row>
    <row r="210576" spans="8:8">
      <c r="H210576" s="12"/>
    </row>
    <row r="210577" spans="8:8">
      <c r="H210577" s="12"/>
    </row>
    <row r="210578" spans="8:8">
      <c r="H210578" s="12"/>
    </row>
    <row r="210579" spans="8:8">
      <c r="H210579" s="12"/>
    </row>
    <row r="210580" spans="8:8">
      <c r="H210580" s="12"/>
    </row>
    <row r="210581" spans="8:8">
      <c r="H210581" s="12"/>
    </row>
    <row r="210582" spans="8:8">
      <c r="H210582" s="12"/>
    </row>
    <row r="210583" spans="8:8">
      <c r="H210583" s="12"/>
    </row>
    <row r="210584" spans="8:8">
      <c r="H210584" s="12"/>
    </row>
    <row r="210585" spans="8:8">
      <c r="H210585" s="12"/>
    </row>
    <row r="210586" spans="8:8">
      <c r="H210586" s="12"/>
    </row>
    <row r="210587" spans="8:8">
      <c r="H210587" s="12"/>
    </row>
    <row r="210588" spans="8:8">
      <c r="H210588" s="12"/>
    </row>
    <row r="210589" spans="8:8">
      <c r="H210589" s="12"/>
    </row>
    <row r="210590" spans="8:8">
      <c r="H210590" s="12"/>
    </row>
    <row r="210591" spans="8:8">
      <c r="H210591" s="12"/>
    </row>
    <row r="210592" spans="8:8">
      <c r="H210592" s="12"/>
    </row>
    <row r="210593" spans="8:8">
      <c r="H210593" s="12"/>
    </row>
    <row r="210594" spans="8:8">
      <c r="H210594" s="12"/>
    </row>
    <row r="210595" spans="8:8">
      <c r="H210595" s="12"/>
    </row>
    <row r="210596" spans="8:8">
      <c r="H210596" s="12"/>
    </row>
    <row r="210597" spans="8:8">
      <c r="H210597" s="12"/>
    </row>
    <row r="210598" spans="8:8">
      <c r="H210598" s="12"/>
    </row>
    <row r="210599" spans="8:8">
      <c r="H210599" s="12"/>
    </row>
    <row r="210600" spans="8:8">
      <c r="H210600" s="12"/>
    </row>
    <row r="210601" spans="8:8">
      <c r="H210601" s="12"/>
    </row>
    <row r="210602" spans="8:8">
      <c r="H210602" s="12"/>
    </row>
    <row r="210603" spans="8:8">
      <c r="H210603" s="12"/>
    </row>
    <row r="210604" spans="8:8">
      <c r="H210604" s="12"/>
    </row>
    <row r="210605" spans="8:8">
      <c r="H210605" s="12"/>
    </row>
    <row r="210606" spans="8:8">
      <c r="H210606" s="12"/>
    </row>
    <row r="210607" spans="8:8">
      <c r="H210607" s="12"/>
    </row>
    <row r="210608" spans="8:8">
      <c r="H210608" s="12"/>
    </row>
    <row r="210609" spans="8:8">
      <c r="H210609" s="12"/>
    </row>
    <row r="210610" spans="8:8">
      <c r="H210610" s="12"/>
    </row>
    <row r="210611" spans="8:8">
      <c r="H210611" s="12"/>
    </row>
    <row r="210612" spans="8:8">
      <c r="H210612" s="12"/>
    </row>
    <row r="210613" spans="8:8">
      <c r="H210613" s="12"/>
    </row>
    <row r="210614" spans="8:8">
      <c r="H210614" s="12"/>
    </row>
    <row r="210615" spans="8:8">
      <c r="H210615" s="12"/>
    </row>
    <row r="210616" spans="8:8">
      <c r="H210616" s="12"/>
    </row>
    <row r="210617" spans="8:8">
      <c r="H210617" s="12"/>
    </row>
    <row r="210618" spans="8:8">
      <c r="H210618" s="12"/>
    </row>
    <row r="210619" spans="8:8">
      <c r="H210619" s="12"/>
    </row>
    <row r="210620" spans="8:8">
      <c r="H210620" s="12"/>
    </row>
    <row r="210621" spans="8:8">
      <c r="H210621" s="12"/>
    </row>
    <row r="210622" spans="8:8">
      <c r="H210622" s="12"/>
    </row>
    <row r="210623" spans="8:8">
      <c r="H210623" s="12"/>
    </row>
    <row r="210624" spans="8:8">
      <c r="H210624" s="12"/>
    </row>
    <row r="210625" spans="8:8">
      <c r="H210625" s="12"/>
    </row>
    <row r="210626" spans="8:8">
      <c r="H210626" s="12"/>
    </row>
    <row r="210627" spans="8:8">
      <c r="H210627" s="12"/>
    </row>
    <row r="210628" spans="8:8">
      <c r="H210628" s="12"/>
    </row>
    <row r="210629" spans="8:8">
      <c r="H210629" s="12"/>
    </row>
    <row r="210630" spans="8:8">
      <c r="H210630" s="12"/>
    </row>
    <row r="210631" spans="8:8">
      <c r="H210631" s="12"/>
    </row>
    <row r="210632" spans="8:8">
      <c r="H210632" s="12"/>
    </row>
    <row r="210633" spans="8:8">
      <c r="H210633" s="12"/>
    </row>
    <row r="210634" spans="8:8">
      <c r="H210634" s="12"/>
    </row>
    <row r="210635" spans="8:8">
      <c r="H210635" s="12"/>
    </row>
    <row r="210636" spans="8:8">
      <c r="H210636" s="12"/>
    </row>
    <row r="210637" spans="8:8">
      <c r="H210637" s="12"/>
    </row>
    <row r="210638" spans="8:8">
      <c r="H210638" s="12"/>
    </row>
    <row r="210639" spans="8:8">
      <c r="H210639" s="12"/>
    </row>
    <row r="210640" spans="8:8">
      <c r="H210640" s="12"/>
    </row>
    <row r="210641" spans="8:8">
      <c r="H210641" s="12"/>
    </row>
    <row r="210642" spans="8:8">
      <c r="H210642" s="12"/>
    </row>
    <row r="210643" spans="8:8">
      <c r="H210643" s="12"/>
    </row>
    <row r="210644" spans="8:8">
      <c r="H210644" s="12"/>
    </row>
    <row r="210645" spans="8:8">
      <c r="H210645" s="12"/>
    </row>
    <row r="210646" spans="8:8">
      <c r="H210646" s="12"/>
    </row>
    <row r="210647" spans="8:8">
      <c r="H210647" s="12"/>
    </row>
    <row r="210648" spans="8:8">
      <c r="H210648" s="12"/>
    </row>
    <row r="210649" spans="8:8">
      <c r="H210649" s="12"/>
    </row>
    <row r="210650" spans="8:8">
      <c r="H210650" s="12"/>
    </row>
    <row r="210651" spans="8:8">
      <c r="H210651" s="12"/>
    </row>
    <row r="210652" spans="8:8">
      <c r="H210652" s="12"/>
    </row>
    <row r="210653" spans="8:8">
      <c r="H210653" s="12"/>
    </row>
    <row r="210654" spans="8:8">
      <c r="H210654" s="12"/>
    </row>
    <row r="210655" spans="8:8">
      <c r="H210655" s="12"/>
    </row>
    <row r="210656" spans="8:8">
      <c r="H210656" s="12"/>
    </row>
    <row r="210657" spans="8:8">
      <c r="H210657" s="12"/>
    </row>
    <row r="210658" spans="8:8">
      <c r="H210658" s="12"/>
    </row>
    <row r="210659" spans="8:8">
      <c r="H210659" s="12"/>
    </row>
    <row r="210660" spans="8:8">
      <c r="H210660" s="12"/>
    </row>
    <row r="210661" spans="8:8">
      <c r="H210661" s="12"/>
    </row>
    <row r="210662" spans="8:8">
      <c r="H210662" s="12"/>
    </row>
    <row r="210663" spans="8:8">
      <c r="H210663" s="12"/>
    </row>
    <row r="210664" spans="8:8">
      <c r="H210664" s="12"/>
    </row>
    <row r="210665" spans="8:8">
      <c r="H210665" s="12"/>
    </row>
    <row r="210666" spans="8:8">
      <c r="H210666" s="12"/>
    </row>
    <row r="210667" spans="8:8">
      <c r="H210667" s="12"/>
    </row>
    <row r="210668" spans="8:8">
      <c r="H210668" s="12"/>
    </row>
    <row r="210669" spans="8:8">
      <c r="H210669" s="12"/>
    </row>
    <row r="210670" spans="8:8">
      <c r="H210670" s="12"/>
    </row>
    <row r="210671" spans="8:8">
      <c r="H210671" s="12"/>
    </row>
    <row r="210672" spans="8:8">
      <c r="H210672" s="12"/>
    </row>
    <row r="210673" spans="8:8">
      <c r="H210673" s="12"/>
    </row>
    <row r="210674" spans="8:8">
      <c r="H210674" s="12"/>
    </row>
    <row r="210675" spans="8:8">
      <c r="H210675" s="12"/>
    </row>
    <row r="210676" spans="8:8">
      <c r="H210676" s="12"/>
    </row>
    <row r="210677" spans="8:8">
      <c r="H210677" s="12"/>
    </row>
    <row r="210678" spans="8:8">
      <c r="H210678" s="12"/>
    </row>
    <row r="210679" spans="8:8">
      <c r="H210679" s="12"/>
    </row>
    <row r="210680" spans="8:8">
      <c r="H210680" s="12"/>
    </row>
    <row r="210681" spans="8:8">
      <c r="H210681" s="12"/>
    </row>
    <row r="210682" spans="8:8">
      <c r="H210682" s="12"/>
    </row>
    <row r="210683" spans="8:8">
      <c r="H210683" s="12"/>
    </row>
    <row r="210684" spans="8:8">
      <c r="H210684" s="12"/>
    </row>
    <row r="210685" spans="8:8">
      <c r="H210685" s="12"/>
    </row>
    <row r="210686" spans="8:8">
      <c r="H210686" s="12"/>
    </row>
    <row r="210687" spans="8:8">
      <c r="H210687" s="12"/>
    </row>
    <row r="210688" spans="8:8">
      <c r="H210688" s="12"/>
    </row>
    <row r="210689" spans="8:8">
      <c r="H210689" s="12"/>
    </row>
    <row r="210690" spans="8:8">
      <c r="H210690" s="12"/>
    </row>
    <row r="210691" spans="8:8">
      <c r="H210691" s="12"/>
    </row>
    <row r="210692" spans="8:8">
      <c r="H210692" s="12"/>
    </row>
    <row r="210693" spans="8:8">
      <c r="H210693" s="12"/>
    </row>
    <row r="210694" spans="8:8">
      <c r="H210694" s="12"/>
    </row>
    <row r="210695" spans="8:8">
      <c r="H210695" s="12"/>
    </row>
    <row r="210696" spans="8:8">
      <c r="H210696" s="12"/>
    </row>
    <row r="210697" spans="8:8">
      <c r="H210697" s="12"/>
    </row>
    <row r="210698" spans="8:8">
      <c r="H210698" s="12"/>
    </row>
    <row r="210699" spans="8:8">
      <c r="H210699" s="12"/>
    </row>
    <row r="210700" spans="8:8">
      <c r="H210700" s="12"/>
    </row>
    <row r="210701" spans="8:8">
      <c r="H210701" s="12"/>
    </row>
    <row r="210702" spans="8:8">
      <c r="H210702" s="12"/>
    </row>
    <row r="210703" spans="8:8">
      <c r="H210703" s="12"/>
    </row>
    <row r="210704" spans="8:8">
      <c r="H210704" s="12"/>
    </row>
    <row r="210705" spans="8:8">
      <c r="H210705" s="12"/>
    </row>
    <row r="210706" spans="8:8">
      <c r="H210706" s="12"/>
    </row>
    <row r="210707" spans="8:8">
      <c r="H210707" s="12"/>
    </row>
    <row r="210708" spans="8:8">
      <c r="H210708" s="12"/>
    </row>
    <row r="210709" spans="8:8">
      <c r="H210709" s="12"/>
    </row>
    <row r="210710" spans="8:8">
      <c r="H210710" s="12"/>
    </row>
    <row r="210711" spans="8:8">
      <c r="H210711" s="12"/>
    </row>
    <row r="210712" spans="8:8">
      <c r="H210712" s="12"/>
    </row>
    <row r="210713" spans="8:8">
      <c r="H210713" s="12"/>
    </row>
    <row r="210714" spans="8:8">
      <c r="H210714" s="12"/>
    </row>
    <row r="210715" spans="8:8">
      <c r="H210715" s="12"/>
    </row>
    <row r="210716" spans="8:8">
      <c r="H210716" s="12"/>
    </row>
    <row r="210717" spans="8:8">
      <c r="H210717" s="12"/>
    </row>
    <row r="210718" spans="8:8">
      <c r="H210718" s="12"/>
    </row>
    <row r="210719" spans="8:8">
      <c r="H210719" s="12"/>
    </row>
    <row r="210720" spans="8:8">
      <c r="H210720" s="12"/>
    </row>
    <row r="210721" spans="8:8">
      <c r="H210721" s="12"/>
    </row>
    <row r="210722" spans="8:8">
      <c r="H210722" s="12"/>
    </row>
    <row r="210723" spans="8:8">
      <c r="H210723" s="12"/>
    </row>
    <row r="210724" spans="8:8">
      <c r="H210724" s="12"/>
    </row>
    <row r="210725" spans="8:8">
      <c r="H210725" s="12"/>
    </row>
    <row r="210726" spans="8:8">
      <c r="H210726" s="12"/>
    </row>
    <row r="210727" spans="8:8">
      <c r="H210727" s="12"/>
    </row>
    <row r="210728" spans="8:8">
      <c r="H210728" s="12"/>
    </row>
    <row r="210729" spans="8:8">
      <c r="H210729" s="12"/>
    </row>
    <row r="210730" spans="8:8">
      <c r="H210730" s="12"/>
    </row>
    <row r="210731" spans="8:8">
      <c r="H210731" s="12"/>
    </row>
    <row r="210732" spans="8:8">
      <c r="H210732" s="12"/>
    </row>
    <row r="210733" spans="8:8">
      <c r="H210733" s="12"/>
    </row>
    <row r="210734" spans="8:8">
      <c r="H210734" s="12"/>
    </row>
    <row r="210735" spans="8:8">
      <c r="H210735" s="12"/>
    </row>
    <row r="210736" spans="8:8">
      <c r="H210736" s="12"/>
    </row>
    <row r="210737" spans="8:8">
      <c r="H210737" s="12"/>
    </row>
    <row r="210738" spans="8:8">
      <c r="H210738" s="12"/>
    </row>
    <row r="210739" spans="8:8">
      <c r="H210739" s="12"/>
    </row>
    <row r="210740" spans="8:8">
      <c r="H210740" s="12"/>
    </row>
    <row r="210741" spans="8:8">
      <c r="H210741" s="12"/>
    </row>
    <row r="210742" spans="8:8">
      <c r="H210742" s="12"/>
    </row>
    <row r="210743" spans="8:8">
      <c r="H210743" s="12"/>
    </row>
    <row r="210744" spans="8:8">
      <c r="H210744" s="12"/>
    </row>
    <row r="210745" spans="8:8">
      <c r="H210745" s="12"/>
    </row>
    <row r="210746" spans="8:8">
      <c r="H210746" s="12"/>
    </row>
    <row r="210747" spans="8:8">
      <c r="H210747" s="12"/>
    </row>
    <row r="210748" spans="8:8">
      <c r="H210748" s="12"/>
    </row>
    <row r="210749" spans="8:8">
      <c r="H210749" s="12"/>
    </row>
    <row r="210750" spans="8:8">
      <c r="H210750" s="12"/>
    </row>
    <row r="210751" spans="8:8">
      <c r="H210751" s="12"/>
    </row>
    <row r="210752" spans="8:8">
      <c r="H210752" s="12"/>
    </row>
    <row r="210753" spans="8:8">
      <c r="H210753" s="12"/>
    </row>
    <row r="210754" spans="8:8">
      <c r="H210754" s="12"/>
    </row>
    <row r="210755" spans="8:8">
      <c r="H210755" s="12"/>
    </row>
    <row r="210756" spans="8:8">
      <c r="H210756" s="12"/>
    </row>
    <row r="210757" spans="8:8">
      <c r="H210757" s="12"/>
    </row>
    <row r="210758" spans="8:8">
      <c r="H210758" s="12"/>
    </row>
    <row r="210759" spans="8:8">
      <c r="H210759" s="12"/>
    </row>
    <row r="210760" spans="8:8">
      <c r="H210760" s="12"/>
    </row>
    <row r="210761" spans="8:8">
      <c r="H210761" s="12"/>
    </row>
    <row r="210762" spans="8:8">
      <c r="H210762" s="12"/>
    </row>
    <row r="210763" spans="8:8">
      <c r="H210763" s="12"/>
    </row>
    <row r="210764" spans="8:8">
      <c r="H210764" s="12"/>
    </row>
    <row r="210765" spans="8:8">
      <c r="H210765" s="12"/>
    </row>
    <row r="210766" spans="8:8">
      <c r="H210766" s="12"/>
    </row>
    <row r="210767" spans="8:8">
      <c r="H210767" s="12"/>
    </row>
    <row r="210768" spans="8:8">
      <c r="H210768" s="12"/>
    </row>
    <row r="210769" spans="8:8">
      <c r="H210769" s="12"/>
    </row>
    <row r="210770" spans="8:8">
      <c r="H210770" s="12"/>
    </row>
    <row r="210771" spans="8:8">
      <c r="H210771" s="12"/>
    </row>
    <row r="210772" spans="8:8">
      <c r="H210772" s="12"/>
    </row>
    <row r="210773" spans="8:8">
      <c r="H210773" s="12"/>
    </row>
    <row r="210774" spans="8:8">
      <c r="H210774" s="12"/>
    </row>
    <row r="210775" spans="8:8">
      <c r="H210775" s="12"/>
    </row>
    <row r="210776" spans="8:8">
      <c r="H210776" s="12"/>
    </row>
    <row r="210777" spans="8:8">
      <c r="H210777" s="12"/>
    </row>
    <row r="210778" spans="8:8">
      <c r="H210778" s="12"/>
    </row>
    <row r="210779" spans="8:8">
      <c r="H210779" s="12"/>
    </row>
    <row r="210780" spans="8:8">
      <c r="H210780" s="12"/>
    </row>
    <row r="210781" spans="8:8">
      <c r="H210781" s="12"/>
    </row>
    <row r="210782" spans="8:8">
      <c r="H210782" s="12"/>
    </row>
    <row r="210783" spans="8:8">
      <c r="H210783" s="12"/>
    </row>
    <row r="210784" spans="8:8">
      <c r="H210784" s="12"/>
    </row>
    <row r="210785" spans="8:8">
      <c r="H210785" s="12"/>
    </row>
    <row r="210786" spans="8:8">
      <c r="H210786" s="12"/>
    </row>
    <row r="210787" spans="8:8">
      <c r="H210787" s="12"/>
    </row>
    <row r="210788" spans="8:8">
      <c r="H210788" s="12"/>
    </row>
    <row r="210789" spans="8:8">
      <c r="H210789" s="12"/>
    </row>
    <row r="210790" spans="8:8">
      <c r="H210790" s="12"/>
    </row>
    <row r="210791" spans="8:8">
      <c r="H210791" s="12"/>
    </row>
    <row r="210792" spans="8:8">
      <c r="H210792" s="12"/>
    </row>
    <row r="210793" spans="8:8">
      <c r="H210793" s="12"/>
    </row>
    <row r="210794" spans="8:8">
      <c r="H210794" s="12"/>
    </row>
    <row r="210795" spans="8:8">
      <c r="H210795" s="12"/>
    </row>
    <row r="210796" spans="8:8">
      <c r="H210796" s="12"/>
    </row>
    <row r="210797" spans="8:8">
      <c r="H210797" s="12"/>
    </row>
    <row r="210798" spans="8:8">
      <c r="H210798" s="12"/>
    </row>
    <row r="210799" spans="8:8">
      <c r="H210799" s="12"/>
    </row>
    <row r="210800" spans="8:8">
      <c r="H210800" s="12"/>
    </row>
    <row r="210801" spans="8:8">
      <c r="H210801" s="12"/>
    </row>
    <row r="210802" spans="8:8">
      <c r="H210802" s="12"/>
    </row>
    <row r="210803" spans="8:8">
      <c r="H210803" s="12"/>
    </row>
    <row r="210804" spans="8:8">
      <c r="H210804" s="12"/>
    </row>
    <row r="210805" spans="8:8">
      <c r="H210805" s="12"/>
    </row>
    <row r="210806" spans="8:8">
      <c r="H210806" s="12"/>
    </row>
    <row r="210807" spans="8:8">
      <c r="H210807" s="12"/>
    </row>
    <row r="210808" spans="8:8">
      <c r="H210808" s="12"/>
    </row>
    <row r="210809" spans="8:8">
      <c r="H210809" s="12"/>
    </row>
    <row r="210810" spans="8:8">
      <c r="H210810" s="12"/>
    </row>
    <row r="210811" spans="8:8">
      <c r="H210811" s="12"/>
    </row>
    <row r="210812" spans="8:8">
      <c r="H210812" s="12"/>
    </row>
    <row r="210813" spans="8:8">
      <c r="H210813" s="12"/>
    </row>
    <row r="210814" spans="8:8">
      <c r="H210814" s="12"/>
    </row>
    <row r="210815" spans="8:8">
      <c r="H210815" s="12"/>
    </row>
    <row r="210816" spans="8:8">
      <c r="H210816" s="12"/>
    </row>
    <row r="210817" spans="8:8">
      <c r="H210817" s="12"/>
    </row>
    <row r="210818" spans="8:8">
      <c r="H210818" s="12"/>
    </row>
    <row r="210819" spans="8:8">
      <c r="H210819" s="12"/>
    </row>
    <row r="210820" spans="8:8">
      <c r="H210820" s="12"/>
    </row>
    <row r="210821" spans="8:8">
      <c r="H210821" s="12"/>
    </row>
    <row r="210822" spans="8:8">
      <c r="H210822" s="12"/>
    </row>
    <row r="210823" spans="8:8">
      <c r="H210823" s="12"/>
    </row>
    <row r="210824" spans="8:8">
      <c r="H210824" s="12"/>
    </row>
    <row r="210825" spans="8:8">
      <c r="H210825" s="12"/>
    </row>
    <row r="210826" spans="8:8">
      <c r="H210826" s="12"/>
    </row>
    <row r="210827" spans="8:8">
      <c r="H210827" s="12"/>
    </row>
    <row r="210828" spans="8:8">
      <c r="H210828" s="12"/>
    </row>
    <row r="210829" spans="8:8">
      <c r="H210829" s="12"/>
    </row>
    <row r="210830" spans="8:8">
      <c r="H210830" s="12"/>
    </row>
    <row r="210831" spans="8:8">
      <c r="H210831" s="12"/>
    </row>
    <row r="210832" spans="8:8">
      <c r="H210832" s="12"/>
    </row>
    <row r="210833" spans="8:8">
      <c r="H210833" s="12"/>
    </row>
    <row r="210834" spans="8:8">
      <c r="H210834" s="12"/>
    </row>
    <row r="210835" spans="8:8">
      <c r="H210835" s="12"/>
    </row>
    <row r="210836" spans="8:8">
      <c r="H210836" s="12"/>
    </row>
    <row r="210837" spans="8:8">
      <c r="H210837" s="12"/>
    </row>
    <row r="210838" spans="8:8">
      <c r="H210838" s="12"/>
    </row>
    <row r="210839" spans="8:8">
      <c r="H210839" s="12"/>
    </row>
    <row r="210840" spans="8:8">
      <c r="H210840" s="12"/>
    </row>
    <row r="210841" spans="8:8">
      <c r="H210841" s="12"/>
    </row>
    <row r="210842" spans="8:8">
      <c r="H210842" s="12"/>
    </row>
    <row r="210843" spans="8:8">
      <c r="H210843" s="12"/>
    </row>
    <row r="210844" spans="8:8">
      <c r="H210844" s="12"/>
    </row>
    <row r="210845" spans="8:8">
      <c r="H210845" s="12"/>
    </row>
    <row r="210846" spans="8:8">
      <c r="H210846" s="12"/>
    </row>
    <row r="210847" spans="8:8">
      <c r="H210847" s="12"/>
    </row>
    <row r="210848" spans="8:8">
      <c r="H210848" s="12"/>
    </row>
    <row r="210849" spans="8:8">
      <c r="H210849" s="12"/>
    </row>
    <row r="210850" spans="8:8">
      <c r="H210850" s="12"/>
    </row>
    <row r="210851" spans="8:8">
      <c r="H210851" s="12"/>
    </row>
    <row r="210852" spans="8:8">
      <c r="H210852" s="12"/>
    </row>
    <row r="210853" spans="8:8">
      <c r="H210853" s="12"/>
    </row>
    <row r="210854" spans="8:8">
      <c r="H210854" s="12"/>
    </row>
    <row r="210855" spans="8:8">
      <c r="H210855" s="12"/>
    </row>
    <row r="210856" spans="8:8">
      <c r="H210856" s="12"/>
    </row>
    <row r="210857" spans="8:8">
      <c r="H210857" s="12"/>
    </row>
    <row r="210858" spans="8:8">
      <c r="H210858" s="12"/>
    </row>
    <row r="210859" spans="8:8">
      <c r="H210859" s="12"/>
    </row>
    <row r="210860" spans="8:8">
      <c r="H210860" s="12"/>
    </row>
    <row r="210861" spans="8:8">
      <c r="H210861" s="12"/>
    </row>
    <row r="210862" spans="8:8">
      <c r="H210862" s="12"/>
    </row>
    <row r="210863" spans="8:8">
      <c r="H210863" s="12"/>
    </row>
    <row r="210864" spans="8:8">
      <c r="H210864" s="12"/>
    </row>
    <row r="210865" spans="8:8">
      <c r="H210865" s="12"/>
    </row>
    <row r="210866" spans="8:8">
      <c r="H210866" s="12"/>
    </row>
    <row r="210867" spans="8:8">
      <c r="H210867" s="12"/>
    </row>
    <row r="210868" spans="8:8">
      <c r="H210868" s="12"/>
    </row>
    <row r="210869" spans="8:8">
      <c r="H210869" s="12"/>
    </row>
    <row r="210870" spans="8:8">
      <c r="H210870" s="12"/>
    </row>
    <row r="210871" spans="8:8">
      <c r="H210871" s="12"/>
    </row>
    <row r="210872" spans="8:8">
      <c r="H210872" s="12"/>
    </row>
    <row r="210873" spans="8:8">
      <c r="H210873" s="12"/>
    </row>
    <row r="210874" spans="8:8">
      <c r="H210874" s="12"/>
    </row>
    <row r="210875" spans="8:8">
      <c r="H210875" s="12"/>
    </row>
    <row r="210876" spans="8:8">
      <c r="H210876" s="12"/>
    </row>
    <row r="210877" spans="8:8">
      <c r="H210877" s="12"/>
    </row>
    <row r="210878" spans="8:8">
      <c r="H210878" s="12"/>
    </row>
    <row r="210879" spans="8:8">
      <c r="H210879" s="12"/>
    </row>
    <row r="210880" spans="8:8">
      <c r="H210880" s="12"/>
    </row>
    <row r="210881" spans="8:8">
      <c r="H210881" s="12"/>
    </row>
    <row r="210882" spans="8:8">
      <c r="H210882" s="12"/>
    </row>
    <row r="210883" spans="8:8">
      <c r="H210883" s="12"/>
    </row>
    <row r="210884" spans="8:8">
      <c r="H210884" s="12"/>
    </row>
    <row r="210885" spans="8:8">
      <c r="H210885" s="12"/>
    </row>
    <row r="210886" spans="8:8">
      <c r="H210886" s="12"/>
    </row>
    <row r="210887" spans="8:8">
      <c r="H210887" s="12"/>
    </row>
    <row r="210888" spans="8:8">
      <c r="H210888" s="12"/>
    </row>
    <row r="210889" spans="8:8">
      <c r="H210889" s="12"/>
    </row>
    <row r="210890" spans="8:8">
      <c r="H210890" s="12"/>
    </row>
    <row r="210891" spans="8:8">
      <c r="H210891" s="12"/>
    </row>
    <row r="210892" spans="8:8">
      <c r="H210892" s="12"/>
    </row>
    <row r="210893" spans="8:8">
      <c r="H210893" s="12"/>
    </row>
    <row r="210894" spans="8:8">
      <c r="H210894" s="12"/>
    </row>
    <row r="210895" spans="8:8">
      <c r="H210895" s="12"/>
    </row>
    <row r="210896" spans="8:8">
      <c r="H210896" s="12"/>
    </row>
    <row r="210897" spans="8:8">
      <c r="H210897" s="12"/>
    </row>
    <row r="210898" spans="8:8">
      <c r="H210898" s="12"/>
    </row>
    <row r="210899" spans="8:8">
      <c r="H210899" s="12"/>
    </row>
    <row r="210900" spans="8:8">
      <c r="H210900" s="12"/>
    </row>
    <row r="210901" spans="8:8">
      <c r="H210901" s="12"/>
    </row>
    <row r="210902" spans="8:8">
      <c r="H210902" s="12"/>
    </row>
    <row r="210903" spans="8:8">
      <c r="H210903" s="12"/>
    </row>
    <row r="210904" spans="8:8">
      <c r="H210904" s="12"/>
    </row>
    <row r="210905" spans="8:8">
      <c r="H210905" s="12"/>
    </row>
    <row r="210906" spans="8:8">
      <c r="H210906" s="12"/>
    </row>
    <row r="210907" spans="8:8">
      <c r="H210907" s="12"/>
    </row>
    <row r="210908" spans="8:8">
      <c r="H210908" s="12"/>
    </row>
    <row r="210909" spans="8:8">
      <c r="H210909" s="12"/>
    </row>
    <row r="210910" spans="8:8">
      <c r="H210910" s="12"/>
    </row>
    <row r="210911" spans="8:8">
      <c r="H210911" s="12"/>
    </row>
    <row r="210912" spans="8:8">
      <c r="H210912" s="12"/>
    </row>
    <row r="210913" spans="8:8">
      <c r="H210913" s="12"/>
    </row>
    <row r="210914" spans="8:8">
      <c r="H210914" s="12"/>
    </row>
    <row r="210915" spans="8:8">
      <c r="H210915" s="12"/>
    </row>
    <row r="210916" spans="8:8">
      <c r="H210916" s="12"/>
    </row>
    <row r="210917" spans="8:8">
      <c r="H210917" s="12"/>
    </row>
    <row r="210918" spans="8:8">
      <c r="H210918" s="12"/>
    </row>
    <row r="210919" spans="8:8">
      <c r="H210919" s="12"/>
    </row>
    <row r="210920" spans="8:8">
      <c r="H210920" s="12"/>
    </row>
    <row r="210921" spans="8:8">
      <c r="H210921" s="12"/>
    </row>
    <row r="210922" spans="8:8">
      <c r="H210922" s="12"/>
    </row>
    <row r="210923" spans="8:8">
      <c r="H210923" s="12"/>
    </row>
    <row r="210924" spans="8:8">
      <c r="H210924" s="12"/>
    </row>
    <row r="210925" spans="8:8">
      <c r="H210925" s="12"/>
    </row>
    <row r="210926" spans="8:8">
      <c r="H210926" s="12"/>
    </row>
    <row r="210927" spans="8:8">
      <c r="H210927" s="12"/>
    </row>
    <row r="210928" spans="8:8">
      <c r="H210928" s="12"/>
    </row>
    <row r="210929" spans="8:8">
      <c r="H210929" s="12"/>
    </row>
    <row r="210930" spans="8:8">
      <c r="H210930" s="12"/>
    </row>
    <row r="210931" spans="8:8">
      <c r="H210931" s="12"/>
    </row>
    <row r="210932" spans="8:8">
      <c r="H210932" s="12"/>
    </row>
    <row r="210933" spans="8:8">
      <c r="H210933" s="12"/>
    </row>
    <row r="210934" spans="8:8">
      <c r="H210934" s="12"/>
    </row>
    <row r="210935" spans="8:8">
      <c r="H210935" s="12"/>
    </row>
    <row r="210936" spans="8:8">
      <c r="H210936" s="12"/>
    </row>
    <row r="210937" spans="8:8">
      <c r="H210937" s="12"/>
    </row>
    <row r="210938" spans="8:8">
      <c r="H210938" s="12"/>
    </row>
    <row r="210939" spans="8:8">
      <c r="H210939" s="12"/>
    </row>
    <row r="210940" spans="8:8">
      <c r="H210940" s="12"/>
    </row>
    <row r="210941" spans="8:8">
      <c r="H210941" s="12"/>
    </row>
    <row r="210942" spans="8:8">
      <c r="H210942" s="12"/>
    </row>
    <row r="210943" spans="8:8">
      <c r="H210943" s="12"/>
    </row>
    <row r="210944" spans="8:8">
      <c r="H210944" s="12"/>
    </row>
    <row r="210945" spans="8:8">
      <c r="H210945" s="12"/>
    </row>
    <row r="210946" spans="8:8">
      <c r="H210946" s="12"/>
    </row>
    <row r="210947" spans="8:8">
      <c r="H210947" s="12"/>
    </row>
    <row r="210948" spans="8:8">
      <c r="H210948" s="12"/>
    </row>
    <row r="210949" spans="8:8">
      <c r="H210949" s="12"/>
    </row>
    <row r="210950" spans="8:8">
      <c r="H210950" s="12"/>
    </row>
    <row r="210951" spans="8:8">
      <c r="H210951" s="12"/>
    </row>
    <row r="210952" spans="8:8">
      <c r="H210952" s="12"/>
    </row>
    <row r="210953" spans="8:8">
      <c r="H210953" s="12"/>
    </row>
    <row r="210954" spans="8:8">
      <c r="H210954" s="12"/>
    </row>
    <row r="210955" spans="8:8">
      <c r="H210955" s="12"/>
    </row>
    <row r="210956" spans="8:8">
      <c r="H210956" s="12"/>
    </row>
    <row r="210957" spans="8:8">
      <c r="H210957" s="12"/>
    </row>
    <row r="210958" spans="8:8">
      <c r="H210958" s="12"/>
    </row>
    <row r="210959" spans="8:8">
      <c r="H210959" s="12"/>
    </row>
    <row r="210960" spans="8:8">
      <c r="H210960" s="12"/>
    </row>
    <row r="210961" spans="8:8">
      <c r="H210961" s="12"/>
    </row>
    <row r="210962" spans="8:8">
      <c r="H210962" s="12"/>
    </row>
    <row r="210963" spans="8:8">
      <c r="H210963" s="12"/>
    </row>
    <row r="210964" spans="8:8">
      <c r="H210964" s="12"/>
    </row>
    <row r="210965" spans="8:8">
      <c r="H210965" s="12"/>
    </row>
    <row r="210966" spans="8:8">
      <c r="H210966" s="12"/>
    </row>
    <row r="210967" spans="8:8">
      <c r="H210967" s="12"/>
    </row>
    <row r="210968" spans="8:8">
      <c r="H210968" s="12"/>
    </row>
    <row r="210969" spans="8:8">
      <c r="H210969" s="12"/>
    </row>
    <row r="210970" spans="8:8">
      <c r="H210970" s="12"/>
    </row>
    <row r="210971" spans="8:8">
      <c r="H210971" s="12"/>
    </row>
    <row r="210972" spans="8:8">
      <c r="H210972" s="12"/>
    </row>
    <row r="210973" spans="8:8">
      <c r="H210973" s="12"/>
    </row>
    <row r="210974" spans="8:8">
      <c r="H210974" s="12"/>
    </row>
    <row r="210975" spans="8:8">
      <c r="H210975" s="12"/>
    </row>
    <row r="210976" spans="8:8">
      <c r="H210976" s="12"/>
    </row>
    <row r="210977" spans="8:8">
      <c r="H210977" s="12"/>
    </row>
    <row r="210978" spans="8:8">
      <c r="H210978" s="12"/>
    </row>
    <row r="210979" spans="8:8">
      <c r="H210979" s="12"/>
    </row>
    <row r="210980" spans="8:8">
      <c r="H210980" s="12"/>
    </row>
    <row r="210981" spans="8:8">
      <c r="H210981" s="12"/>
    </row>
    <row r="210982" spans="8:8">
      <c r="H210982" s="12"/>
    </row>
    <row r="210983" spans="8:8">
      <c r="H210983" s="12"/>
    </row>
    <row r="210984" spans="8:8">
      <c r="H210984" s="12"/>
    </row>
    <row r="210985" spans="8:8">
      <c r="H210985" s="12"/>
    </row>
    <row r="210986" spans="8:8">
      <c r="H210986" s="12"/>
    </row>
    <row r="210987" spans="8:8">
      <c r="H210987" s="12"/>
    </row>
    <row r="210988" spans="8:8">
      <c r="H210988" s="12"/>
    </row>
    <row r="210989" spans="8:8">
      <c r="H210989" s="12"/>
    </row>
    <row r="210990" spans="8:8">
      <c r="H210990" s="12"/>
    </row>
    <row r="210991" spans="8:8">
      <c r="H210991" s="12"/>
    </row>
    <row r="210992" spans="8:8">
      <c r="H210992" s="12"/>
    </row>
    <row r="210993" spans="8:8">
      <c r="H210993" s="12"/>
    </row>
    <row r="210994" spans="8:8">
      <c r="H210994" s="12"/>
    </row>
    <row r="210995" spans="8:8">
      <c r="H210995" s="12"/>
    </row>
    <row r="210996" spans="8:8">
      <c r="H210996" s="12"/>
    </row>
    <row r="210997" spans="8:8">
      <c r="H210997" s="12"/>
    </row>
    <row r="210998" spans="8:8">
      <c r="H210998" s="12"/>
    </row>
    <row r="210999" spans="8:8">
      <c r="H210999" s="12"/>
    </row>
    <row r="211000" spans="8:8">
      <c r="H211000" s="12"/>
    </row>
    <row r="211001" spans="8:8">
      <c r="H211001" s="12"/>
    </row>
    <row r="211002" spans="8:8">
      <c r="H211002" s="12"/>
    </row>
    <row r="211003" spans="8:8">
      <c r="H211003" s="12"/>
    </row>
    <row r="211004" spans="8:8">
      <c r="H211004" s="12"/>
    </row>
    <row r="211005" spans="8:8">
      <c r="H211005" s="12"/>
    </row>
    <row r="211006" spans="8:8">
      <c r="H211006" s="12"/>
    </row>
    <row r="211007" spans="8:8">
      <c r="H211007" s="12"/>
    </row>
    <row r="211008" spans="8:8">
      <c r="H211008" s="12"/>
    </row>
    <row r="211009" spans="8:8">
      <c r="H211009" s="12"/>
    </row>
    <row r="211010" spans="8:8">
      <c r="H211010" s="12"/>
    </row>
    <row r="211011" spans="8:8">
      <c r="H211011" s="12"/>
    </row>
    <row r="211012" spans="8:8">
      <c r="H211012" s="12"/>
    </row>
    <row r="211013" spans="8:8">
      <c r="H211013" s="12"/>
    </row>
    <row r="211014" spans="8:8">
      <c r="H211014" s="12"/>
    </row>
    <row r="211015" spans="8:8">
      <c r="H211015" s="12"/>
    </row>
    <row r="211016" spans="8:8">
      <c r="H211016" s="12"/>
    </row>
    <row r="211017" spans="8:8">
      <c r="H211017" s="12"/>
    </row>
    <row r="211018" spans="8:8">
      <c r="H211018" s="12"/>
    </row>
    <row r="211019" spans="8:8">
      <c r="H211019" s="12"/>
    </row>
    <row r="211020" spans="8:8">
      <c r="H211020" s="12"/>
    </row>
    <row r="211021" spans="8:8">
      <c r="H211021" s="12"/>
    </row>
    <row r="211022" spans="8:8">
      <c r="H211022" s="12"/>
    </row>
    <row r="211023" spans="8:8">
      <c r="H211023" s="12"/>
    </row>
    <row r="211024" spans="8:8">
      <c r="H211024" s="12"/>
    </row>
    <row r="211025" spans="8:8">
      <c r="H211025" s="12"/>
    </row>
    <row r="211026" spans="8:8">
      <c r="H211026" s="12"/>
    </row>
    <row r="211027" spans="8:8">
      <c r="H211027" s="12"/>
    </row>
    <row r="211028" spans="8:8">
      <c r="H211028" s="12"/>
    </row>
    <row r="211029" spans="8:8">
      <c r="H211029" s="12"/>
    </row>
    <row r="211030" spans="8:8">
      <c r="H211030" s="12"/>
    </row>
    <row r="211031" spans="8:8">
      <c r="H211031" s="12"/>
    </row>
    <row r="211032" spans="8:8">
      <c r="H211032" s="12"/>
    </row>
    <row r="211033" spans="8:8">
      <c r="H211033" s="12"/>
    </row>
    <row r="211034" spans="8:8">
      <c r="H211034" s="12"/>
    </row>
    <row r="211035" spans="8:8">
      <c r="H211035" s="12"/>
    </row>
    <row r="211036" spans="8:8">
      <c r="H211036" s="12"/>
    </row>
    <row r="211037" spans="8:8">
      <c r="H211037" s="12"/>
    </row>
    <row r="211038" spans="8:8">
      <c r="H211038" s="12"/>
    </row>
    <row r="211039" spans="8:8">
      <c r="H211039" s="12"/>
    </row>
    <row r="211040" spans="8:8">
      <c r="H211040" s="12"/>
    </row>
    <row r="211041" spans="8:8">
      <c r="H211041" s="12"/>
    </row>
    <row r="211042" spans="8:8">
      <c r="H211042" s="12"/>
    </row>
    <row r="211043" spans="8:8">
      <c r="H211043" s="12"/>
    </row>
    <row r="211044" spans="8:8">
      <c r="H211044" s="12"/>
    </row>
    <row r="211045" spans="8:8">
      <c r="H211045" s="12"/>
    </row>
    <row r="211046" spans="8:8">
      <c r="H211046" s="12"/>
    </row>
    <row r="211047" spans="8:8">
      <c r="H211047" s="12"/>
    </row>
    <row r="211048" spans="8:8">
      <c r="H211048" s="12"/>
    </row>
    <row r="211049" spans="8:8">
      <c r="H211049" s="12"/>
    </row>
    <row r="211050" spans="8:8">
      <c r="H211050" s="12"/>
    </row>
    <row r="211051" spans="8:8">
      <c r="H211051" s="12"/>
    </row>
    <row r="211052" spans="8:8">
      <c r="H211052" s="12"/>
    </row>
    <row r="211053" spans="8:8">
      <c r="H211053" s="12"/>
    </row>
    <row r="211054" spans="8:8">
      <c r="H211054" s="12"/>
    </row>
    <row r="211055" spans="8:8">
      <c r="H211055" s="12"/>
    </row>
    <row r="211056" spans="8:8">
      <c r="H211056" s="12"/>
    </row>
    <row r="211057" spans="8:8">
      <c r="H211057" s="12"/>
    </row>
    <row r="211058" spans="8:8">
      <c r="H211058" s="12"/>
    </row>
    <row r="211059" spans="8:8">
      <c r="H211059" s="12"/>
    </row>
    <row r="211060" spans="8:8">
      <c r="H211060" s="12"/>
    </row>
    <row r="211061" spans="8:8">
      <c r="H211061" s="12"/>
    </row>
    <row r="211062" spans="8:8">
      <c r="H211062" s="12"/>
    </row>
    <row r="211063" spans="8:8">
      <c r="H211063" s="12"/>
    </row>
    <row r="211064" spans="8:8">
      <c r="H211064" s="12"/>
    </row>
    <row r="211065" spans="8:8">
      <c r="H211065" s="12"/>
    </row>
    <row r="211066" spans="8:8">
      <c r="H211066" s="12"/>
    </row>
    <row r="211067" spans="8:8">
      <c r="H211067" s="12"/>
    </row>
    <row r="211068" spans="8:8">
      <c r="H211068" s="12"/>
    </row>
    <row r="211069" spans="8:8">
      <c r="H211069" s="12"/>
    </row>
    <row r="211070" spans="8:8">
      <c r="H211070" s="12"/>
    </row>
    <row r="211071" spans="8:8">
      <c r="H211071" s="12"/>
    </row>
    <row r="211072" spans="8:8">
      <c r="H211072" s="12"/>
    </row>
    <row r="211073" spans="8:8">
      <c r="H211073" s="12"/>
    </row>
    <row r="211074" spans="8:8">
      <c r="H211074" s="12"/>
    </row>
    <row r="211075" spans="8:8">
      <c r="H211075" s="12"/>
    </row>
    <row r="211076" spans="8:8">
      <c r="H211076" s="12"/>
    </row>
    <row r="211077" spans="8:8">
      <c r="H211077" s="12"/>
    </row>
    <row r="211078" spans="8:8">
      <c r="H211078" s="12"/>
    </row>
    <row r="211079" spans="8:8">
      <c r="H211079" s="12"/>
    </row>
    <row r="211080" spans="8:8">
      <c r="H211080" s="12"/>
    </row>
    <row r="211081" spans="8:8">
      <c r="H211081" s="12"/>
    </row>
    <row r="211082" spans="8:8">
      <c r="H211082" s="12"/>
    </row>
    <row r="211083" spans="8:8">
      <c r="H211083" s="12"/>
    </row>
    <row r="211084" spans="8:8">
      <c r="H211084" s="12"/>
    </row>
    <row r="211085" spans="8:8">
      <c r="H211085" s="12"/>
    </row>
    <row r="211086" spans="8:8">
      <c r="H211086" s="12"/>
    </row>
    <row r="211087" spans="8:8">
      <c r="H211087" s="12"/>
    </row>
    <row r="211088" spans="8:8">
      <c r="H211088" s="12"/>
    </row>
    <row r="211089" spans="8:8">
      <c r="H211089" s="12"/>
    </row>
    <row r="211090" spans="8:8">
      <c r="H211090" s="12"/>
    </row>
    <row r="211091" spans="8:8">
      <c r="H211091" s="12"/>
    </row>
    <row r="211092" spans="8:8">
      <c r="H211092" s="12"/>
    </row>
    <row r="211093" spans="8:8">
      <c r="H211093" s="12"/>
    </row>
    <row r="211094" spans="8:8">
      <c r="H211094" s="12"/>
    </row>
    <row r="211095" spans="8:8">
      <c r="H211095" s="12"/>
    </row>
    <row r="211096" spans="8:8">
      <c r="H211096" s="12"/>
    </row>
    <row r="211097" spans="8:8">
      <c r="H211097" s="12"/>
    </row>
    <row r="211098" spans="8:8">
      <c r="H211098" s="12"/>
    </row>
    <row r="211099" spans="8:8">
      <c r="H211099" s="12"/>
    </row>
    <row r="211100" spans="8:8">
      <c r="H211100" s="12"/>
    </row>
    <row r="211101" spans="8:8">
      <c r="H211101" s="12"/>
    </row>
    <row r="211102" spans="8:8">
      <c r="H211102" s="12"/>
    </row>
    <row r="211103" spans="8:8">
      <c r="H211103" s="12"/>
    </row>
    <row r="211104" spans="8:8">
      <c r="H211104" s="12"/>
    </row>
    <row r="211105" spans="8:8">
      <c r="H211105" s="12"/>
    </row>
    <row r="211106" spans="8:8">
      <c r="H211106" s="12"/>
    </row>
    <row r="211107" spans="8:8">
      <c r="H211107" s="12"/>
    </row>
    <row r="211108" spans="8:8">
      <c r="H211108" s="12"/>
    </row>
    <row r="211109" spans="8:8">
      <c r="H211109" s="12"/>
    </row>
    <row r="211110" spans="8:8">
      <c r="H211110" s="12"/>
    </row>
    <row r="211111" spans="8:8">
      <c r="H211111" s="12"/>
    </row>
    <row r="211112" spans="8:8">
      <c r="H211112" s="12"/>
    </row>
    <row r="211113" spans="8:8">
      <c r="H211113" s="12"/>
    </row>
    <row r="211114" spans="8:8">
      <c r="H211114" s="12"/>
    </row>
    <row r="211115" spans="8:8">
      <c r="H211115" s="12"/>
    </row>
    <row r="211116" spans="8:8">
      <c r="H211116" s="12"/>
    </row>
    <row r="211117" spans="8:8">
      <c r="H211117" s="12"/>
    </row>
    <row r="211118" spans="8:8">
      <c r="H211118" s="12"/>
    </row>
    <row r="211119" spans="8:8">
      <c r="H211119" s="12"/>
    </row>
    <row r="211120" spans="8:8">
      <c r="H211120" s="12"/>
    </row>
    <row r="211121" spans="8:8">
      <c r="H211121" s="12"/>
    </row>
    <row r="211122" spans="8:8">
      <c r="H211122" s="12"/>
    </row>
    <row r="211123" spans="8:8">
      <c r="H211123" s="12"/>
    </row>
    <row r="211124" spans="8:8">
      <c r="H211124" s="12"/>
    </row>
    <row r="211125" spans="8:8">
      <c r="H211125" s="12"/>
    </row>
    <row r="211126" spans="8:8">
      <c r="H211126" s="12"/>
    </row>
    <row r="211127" spans="8:8">
      <c r="H211127" s="12"/>
    </row>
    <row r="211128" spans="8:8">
      <c r="H211128" s="12"/>
    </row>
    <row r="211129" spans="8:8">
      <c r="H211129" s="12"/>
    </row>
    <row r="211130" spans="8:8">
      <c r="H211130" s="12"/>
    </row>
    <row r="211131" spans="8:8">
      <c r="H211131" s="12"/>
    </row>
    <row r="211132" spans="8:8">
      <c r="H211132" s="12"/>
    </row>
    <row r="211133" spans="8:8">
      <c r="H211133" s="12"/>
    </row>
    <row r="211134" spans="8:8">
      <c r="H211134" s="12"/>
    </row>
    <row r="211135" spans="8:8">
      <c r="H211135" s="12"/>
    </row>
    <row r="211136" spans="8:8">
      <c r="H211136" s="12"/>
    </row>
    <row r="211137" spans="8:8">
      <c r="H211137" s="12"/>
    </row>
    <row r="211138" spans="8:8">
      <c r="H211138" s="12"/>
    </row>
    <row r="211139" spans="8:8">
      <c r="H211139" s="12"/>
    </row>
    <row r="211140" spans="8:8">
      <c r="H211140" s="12"/>
    </row>
    <row r="211141" spans="8:8">
      <c r="H211141" s="12"/>
    </row>
    <row r="211142" spans="8:8">
      <c r="H211142" s="12"/>
    </row>
    <row r="211143" spans="8:8">
      <c r="H211143" s="12"/>
    </row>
    <row r="211144" spans="8:8">
      <c r="H211144" s="12"/>
    </row>
    <row r="211145" spans="8:8">
      <c r="H211145" s="12"/>
    </row>
    <row r="211146" spans="8:8">
      <c r="H211146" s="12"/>
    </row>
    <row r="211147" spans="8:8">
      <c r="H211147" s="12"/>
    </row>
    <row r="211148" spans="8:8">
      <c r="H211148" s="12"/>
    </row>
    <row r="211149" spans="8:8">
      <c r="H211149" s="12"/>
    </row>
    <row r="211150" spans="8:8">
      <c r="H211150" s="12"/>
    </row>
    <row r="211151" spans="8:8">
      <c r="H211151" s="12"/>
    </row>
    <row r="211152" spans="8:8">
      <c r="H211152" s="12"/>
    </row>
    <row r="211153" spans="8:8">
      <c r="H211153" s="12"/>
    </row>
    <row r="211154" spans="8:8">
      <c r="H211154" s="12"/>
    </row>
    <row r="211155" spans="8:8">
      <c r="H211155" s="12"/>
    </row>
    <row r="211156" spans="8:8">
      <c r="H211156" s="12"/>
    </row>
    <row r="211157" spans="8:8">
      <c r="H211157" s="12"/>
    </row>
    <row r="211158" spans="8:8">
      <c r="H211158" s="12"/>
    </row>
    <row r="211159" spans="8:8">
      <c r="H211159" s="12"/>
    </row>
    <row r="211160" spans="8:8">
      <c r="H211160" s="12"/>
    </row>
    <row r="211161" spans="8:8">
      <c r="H211161" s="12"/>
    </row>
    <row r="211162" spans="8:8">
      <c r="H211162" s="12"/>
    </row>
    <row r="211163" spans="8:8">
      <c r="H211163" s="12"/>
    </row>
    <row r="211164" spans="8:8">
      <c r="H211164" s="12"/>
    </row>
    <row r="211165" spans="8:8">
      <c r="H211165" s="12"/>
    </row>
    <row r="211166" spans="8:8">
      <c r="H211166" s="12"/>
    </row>
    <row r="211167" spans="8:8">
      <c r="H211167" s="12"/>
    </row>
    <row r="211168" spans="8:8">
      <c r="H211168" s="12"/>
    </row>
    <row r="211169" spans="8:8">
      <c r="H211169" s="12"/>
    </row>
    <row r="211170" spans="8:8">
      <c r="H211170" s="12"/>
    </row>
    <row r="211171" spans="8:8">
      <c r="H211171" s="12"/>
    </row>
    <row r="211172" spans="8:8">
      <c r="H211172" s="12"/>
    </row>
    <row r="211173" spans="8:8">
      <c r="H211173" s="12"/>
    </row>
    <row r="211174" spans="8:8">
      <c r="H211174" s="12"/>
    </row>
    <row r="211175" spans="8:8">
      <c r="H211175" s="12"/>
    </row>
    <row r="211176" spans="8:8">
      <c r="H211176" s="12"/>
    </row>
    <row r="211177" spans="8:8">
      <c r="H211177" s="12"/>
    </row>
    <row r="211178" spans="8:8">
      <c r="H211178" s="12"/>
    </row>
    <row r="211179" spans="8:8">
      <c r="H211179" s="12"/>
    </row>
    <row r="211180" spans="8:8">
      <c r="H211180" s="12"/>
    </row>
    <row r="211181" spans="8:8">
      <c r="H211181" s="12"/>
    </row>
    <row r="211182" spans="8:8">
      <c r="H211182" s="12"/>
    </row>
    <row r="211183" spans="8:8">
      <c r="H211183" s="12"/>
    </row>
    <row r="211184" spans="8:8">
      <c r="H211184" s="12"/>
    </row>
    <row r="211185" spans="8:8">
      <c r="H211185" s="12"/>
    </row>
    <row r="211186" spans="8:8">
      <c r="H211186" s="12"/>
    </row>
    <row r="211187" spans="8:8">
      <c r="H211187" s="12"/>
    </row>
    <row r="211188" spans="8:8">
      <c r="H211188" s="12"/>
    </row>
    <row r="211189" spans="8:8">
      <c r="H211189" s="12"/>
    </row>
    <row r="211190" spans="8:8">
      <c r="H211190" s="12"/>
    </row>
    <row r="211191" spans="8:8">
      <c r="H211191" s="12"/>
    </row>
    <row r="211192" spans="8:8">
      <c r="H211192" s="12"/>
    </row>
    <row r="211193" spans="8:8">
      <c r="H211193" s="12"/>
    </row>
    <row r="211194" spans="8:8">
      <c r="H211194" s="12"/>
    </row>
    <row r="211195" spans="8:8">
      <c r="H211195" s="12"/>
    </row>
    <row r="211196" spans="8:8">
      <c r="H211196" s="12"/>
    </row>
    <row r="211197" spans="8:8">
      <c r="H211197" s="12"/>
    </row>
    <row r="211198" spans="8:8">
      <c r="H211198" s="12"/>
    </row>
    <row r="211199" spans="8:8">
      <c r="H211199" s="12"/>
    </row>
    <row r="211200" spans="8:8">
      <c r="H211200" s="12"/>
    </row>
    <row r="211201" spans="8:8">
      <c r="H211201" s="12"/>
    </row>
    <row r="211202" spans="8:8">
      <c r="H211202" s="12"/>
    </row>
    <row r="211203" spans="8:8">
      <c r="H211203" s="12"/>
    </row>
    <row r="211204" spans="8:8">
      <c r="H211204" s="12"/>
    </row>
    <row r="211205" spans="8:8">
      <c r="H211205" s="12"/>
    </row>
    <row r="211206" spans="8:8">
      <c r="H211206" s="12"/>
    </row>
    <row r="211207" spans="8:8">
      <c r="H211207" s="12"/>
    </row>
    <row r="211208" spans="8:8">
      <c r="H211208" s="12"/>
    </row>
    <row r="211209" spans="8:8">
      <c r="H211209" s="12"/>
    </row>
    <row r="211210" spans="8:8">
      <c r="H211210" s="12"/>
    </row>
    <row r="211211" spans="8:8">
      <c r="H211211" s="12"/>
    </row>
    <row r="211212" spans="8:8">
      <c r="H211212" s="12"/>
    </row>
    <row r="211213" spans="8:8">
      <c r="H211213" s="12"/>
    </row>
    <row r="211214" spans="8:8">
      <c r="H211214" s="12"/>
    </row>
    <row r="211215" spans="8:8">
      <c r="H211215" s="12"/>
    </row>
    <row r="211216" spans="8:8">
      <c r="H211216" s="12"/>
    </row>
    <row r="211217" spans="8:8">
      <c r="H211217" s="12"/>
    </row>
    <row r="211218" spans="8:8">
      <c r="H211218" s="12"/>
    </row>
    <row r="211219" spans="8:8">
      <c r="H211219" s="12"/>
    </row>
    <row r="211220" spans="8:8">
      <c r="H211220" s="12"/>
    </row>
    <row r="211221" spans="8:8">
      <c r="H211221" s="12"/>
    </row>
    <row r="211222" spans="8:8">
      <c r="H211222" s="12"/>
    </row>
    <row r="211223" spans="8:8">
      <c r="H211223" s="12"/>
    </row>
    <row r="211224" spans="8:8">
      <c r="H211224" s="12"/>
    </row>
    <row r="211225" spans="8:8">
      <c r="H211225" s="12"/>
    </row>
    <row r="211226" spans="8:8">
      <c r="H211226" s="12"/>
    </row>
    <row r="211227" spans="8:8">
      <c r="H211227" s="12"/>
    </row>
    <row r="211228" spans="8:8">
      <c r="H211228" s="12"/>
    </row>
    <row r="211229" spans="8:8">
      <c r="H211229" s="12"/>
    </row>
    <row r="211230" spans="8:8">
      <c r="H211230" s="12"/>
    </row>
    <row r="211231" spans="8:8">
      <c r="H211231" s="12"/>
    </row>
    <row r="211232" spans="8:8">
      <c r="H211232" s="12"/>
    </row>
    <row r="211233" spans="8:8">
      <c r="H211233" s="12"/>
    </row>
    <row r="211234" spans="8:8">
      <c r="H211234" s="12"/>
    </row>
    <row r="211235" spans="8:8">
      <c r="H211235" s="12"/>
    </row>
    <row r="211236" spans="8:8">
      <c r="H211236" s="12"/>
    </row>
    <row r="211237" spans="8:8">
      <c r="H211237" s="12"/>
    </row>
    <row r="211238" spans="8:8">
      <c r="H211238" s="12"/>
    </row>
    <row r="211239" spans="8:8">
      <c r="H211239" s="12"/>
    </row>
    <row r="211240" spans="8:8">
      <c r="H211240" s="12"/>
    </row>
    <row r="211241" spans="8:8">
      <c r="H211241" s="12"/>
    </row>
    <row r="211242" spans="8:8">
      <c r="H211242" s="12"/>
    </row>
    <row r="211243" spans="8:8">
      <c r="H211243" s="12"/>
    </row>
    <row r="211244" spans="8:8">
      <c r="H211244" s="12"/>
    </row>
    <row r="211245" spans="8:8">
      <c r="H211245" s="12"/>
    </row>
    <row r="211246" spans="8:8">
      <c r="H211246" s="12"/>
    </row>
    <row r="211247" spans="8:8">
      <c r="H211247" s="12"/>
    </row>
    <row r="211248" spans="8:8">
      <c r="H211248" s="12"/>
    </row>
    <row r="211249" spans="8:8">
      <c r="H211249" s="12"/>
    </row>
    <row r="211250" spans="8:8">
      <c r="H211250" s="12"/>
    </row>
    <row r="211251" spans="8:8">
      <c r="H211251" s="12"/>
    </row>
    <row r="211252" spans="8:8">
      <c r="H211252" s="12"/>
    </row>
    <row r="211253" spans="8:8">
      <c r="H211253" s="12"/>
    </row>
    <row r="211254" spans="8:8">
      <c r="H211254" s="12"/>
    </row>
    <row r="211255" spans="8:8">
      <c r="H211255" s="12"/>
    </row>
    <row r="211256" spans="8:8">
      <c r="H211256" s="12"/>
    </row>
    <row r="211257" spans="8:8">
      <c r="H211257" s="12"/>
    </row>
    <row r="211258" spans="8:8">
      <c r="H211258" s="12"/>
    </row>
    <row r="211259" spans="8:8">
      <c r="H211259" s="12"/>
    </row>
    <row r="211260" spans="8:8">
      <c r="H211260" s="12"/>
    </row>
    <row r="211261" spans="8:8">
      <c r="H211261" s="12"/>
    </row>
    <row r="211262" spans="8:8">
      <c r="H211262" s="12"/>
    </row>
    <row r="211263" spans="8:8">
      <c r="H211263" s="12"/>
    </row>
    <row r="211264" spans="8:8">
      <c r="H211264" s="12"/>
    </row>
    <row r="211265" spans="8:8">
      <c r="H211265" s="12"/>
    </row>
    <row r="211266" spans="8:8">
      <c r="H211266" s="12"/>
    </row>
    <row r="211267" spans="8:8">
      <c r="H211267" s="12"/>
    </row>
    <row r="211268" spans="8:8">
      <c r="H211268" s="12"/>
    </row>
    <row r="211269" spans="8:8">
      <c r="H211269" s="12"/>
    </row>
    <row r="211270" spans="8:8">
      <c r="H211270" s="12"/>
    </row>
    <row r="211271" spans="8:8">
      <c r="H211271" s="12"/>
    </row>
    <row r="211272" spans="8:8">
      <c r="H211272" s="12"/>
    </row>
    <row r="211273" spans="8:8">
      <c r="H211273" s="12"/>
    </row>
    <row r="211274" spans="8:8">
      <c r="H211274" s="12"/>
    </row>
    <row r="211275" spans="8:8">
      <c r="H211275" s="12"/>
    </row>
    <row r="211276" spans="8:8">
      <c r="H211276" s="12"/>
    </row>
    <row r="211277" spans="8:8">
      <c r="H211277" s="12"/>
    </row>
    <row r="211278" spans="8:8">
      <c r="H211278" s="12"/>
    </row>
    <row r="211279" spans="8:8">
      <c r="H211279" s="12"/>
    </row>
    <row r="211280" spans="8:8">
      <c r="H211280" s="12"/>
    </row>
    <row r="211281" spans="8:8">
      <c r="H211281" s="12"/>
    </row>
    <row r="211282" spans="8:8">
      <c r="H211282" s="12"/>
    </row>
    <row r="211283" spans="8:8">
      <c r="H211283" s="12"/>
    </row>
    <row r="211284" spans="8:8">
      <c r="H211284" s="12"/>
    </row>
    <row r="211285" spans="8:8">
      <c r="H211285" s="12"/>
    </row>
    <row r="211286" spans="8:8">
      <c r="H211286" s="12"/>
    </row>
    <row r="211287" spans="8:8">
      <c r="H211287" s="12"/>
    </row>
    <row r="211288" spans="8:8">
      <c r="H211288" s="12"/>
    </row>
    <row r="211289" spans="8:8">
      <c r="H211289" s="12"/>
    </row>
    <row r="211290" spans="8:8">
      <c r="H211290" s="12"/>
    </row>
    <row r="211291" spans="8:8">
      <c r="H211291" s="12"/>
    </row>
    <row r="211292" spans="8:8">
      <c r="H211292" s="12"/>
    </row>
    <row r="211293" spans="8:8">
      <c r="H211293" s="12"/>
    </row>
    <row r="211294" spans="8:8">
      <c r="H211294" s="12"/>
    </row>
    <row r="211295" spans="8:8">
      <c r="H211295" s="12"/>
    </row>
    <row r="211296" spans="8:8">
      <c r="H211296" s="12"/>
    </row>
    <row r="211297" spans="8:8">
      <c r="H211297" s="12"/>
    </row>
    <row r="211298" spans="8:8">
      <c r="H211298" s="12"/>
    </row>
    <row r="211299" spans="8:8">
      <c r="H211299" s="12"/>
    </row>
    <row r="211300" spans="8:8">
      <c r="H211300" s="12"/>
    </row>
    <row r="211301" spans="8:8">
      <c r="H211301" s="12"/>
    </row>
    <row r="211302" spans="8:8">
      <c r="H211302" s="12"/>
    </row>
    <row r="211303" spans="8:8">
      <c r="H211303" s="12"/>
    </row>
    <row r="211304" spans="8:8">
      <c r="H211304" s="12"/>
    </row>
    <row r="211305" spans="8:8">
      <c r="H211305" s="12"/>
    </row>
    <row r="211306" spans="8:8">
      <c r="H211306" s="12"/>
    </row>
    <row r="211307" spans="8:8">
      <c r="H211307" s="12"/>
    </row>
    <row r="211308" spans="8:8">
      <c r="H211308" s="12"/>
    </row>
    <row r="211309" spans="8:8">
      <c r="H211309" s="12"/>
    </row>
    <row r="211310" spans="8:8">
      <c r="H211310" s="12"/>
    </row>
    <row r="211311" spans="8:8">
      <c r="H211311" s="12"/>
    </row>
    <row r="211312" spans="8:8">
      <c r="H211312" s="12"/>
    </row>
    <row r="211313" spans="8:8">
      <c r="H211313" s="12"/>
    </row>
    <row r="211314" spans="8:8">
      <c r="H211314" s="12"/>
    </row>
    <row r="211315" spans="8:8">
      <c r="H211315" s="12"/>
    </row>
    <row r="211316" spans="8:8">
      <c r="H211316" s="12"/>
    </row>
    <row r="211317" spans="8:8">
      <c r="H211317" s="12"/>
    </row>
    <row r="211318" spans="8:8">
      <c r="H211318" s="12"/>
    </row>
    <row r="211319" spans="8:8">
      <c r="H211319" s="12"/>
    </row>
    <row r="211320" spans="8:8">
      <c r="H211320" s="12"/>
    </row>
    <row r="211321" spans="8:8">
      <c r="H211321" s="12"/>
    </row>
    <row r="211322" spans="8:8">
      <c r="H211322" s="12"/>
    </row>
    <row r="211323" spans="8:8">
      <c r="H211323" s="12"/>
    </row>
    <row r="211324" spans="8:8">
      <c r="H211324" s="12"/>
    </row>
    <row r="211325" spans="8:8">
      <c r="H211325" s="12"/>
    </row>
    <row r="211326" spans="8:8">
      <c r="H211326" s="12"/>
    </row>
    <row r="211327" spans="8:8">
      <c r="H211327" s="12"/>
    </row>
    <row r="211328" spans="8:8">
      <c r="H211328" s="12"/>
    </row>
    <row r="211329" spans="8:8">
      <c r="H211329" s="12"/>
    </row>
    <row r="211330" spans="8:8">
      <c r="H211330" s="12"/>
    </row>
    <row r="211331" spans="8:8">
      <c r="H211331" s="12"/>
    </row>
    <row r="211332" spans="8:8">
      <c r="H211332" s="12"/>
    </row>
    <row r="211333" spans="8:8">
      <c r="H211333" s="12"/>
    </row>
    <row r="211334" spans="8:8">
      <c r="H211334" s="12"/>
    </row>
    <row r="211335" spans="8:8">
      <c r="H211335" s="12"/>
    </row>
    <row r="211336" spans="8:8">
      <c r="H211336" s="12"/>
    </row>
    <row r="211337" spans="8:8">
      <c r="H211337" s="12"/>
    </row>
    <row r="211338" spans="8:8">
      <c r="H211338" s="12"/>
    </row>
    <row r="211339" spans="8:8">
      <c r="H211339" s="12"/>
    </row>
    <row r="211340" spans="8:8">
      <c r="H211340" s="12"/>
    </row>
    <row r="211341" spans="8:8">
      <c r="H211341" s="12"/>
    </row>
    <row r="211342" spans="8:8">
      <c r="H211342" s="12"/>
    </row>
    <row r="211343" spans="8:8">
      <c r="H211343" s="12"/>
    </row>
    <row r="211344" spans="8:8">
      <c r="H211344" s="12"/>
    </row>
    <row r="211345" spans="8:8">
      <c r="H211345" s="12"/>
    </row>
    <row r="211346" spans="8:8">
      <c r="H211346" s="12"/>
    </row>
    <row r="211347" spans="8:8">
      <c r="H211347" s="12"/>
    </row>
    <row r="211348" spans="8:8">
      <c r="H211348" s="12"/>
    </row>
    <row r="211349" spans="8:8">
      <c r="H211349" s="12"/>
    </row>
    <row r="211350" spans="8:8">
      <c r="H211350" s="12"/>
    </row>
    <row r="211351" spans="8:8">
      <c r="H211351" s="12"/>
    </row>
    <row r="211352" spans="8:8">
      <c r="H211352" s="12"/>
    </row>
    <row r="211353" spans="8:8">
      <c r="H211353" s="12"/>
    </row>
    <row r="211354" spans="8:8">
      <c r="H211354" s="12"/>
    </row>
    <row r="211355" spans="8:8">
      <c r="H211355" s="12"/>
    </row>
    <row r="211356" spans="8:8">
      <c r="H211356" s="12"/>
    </row>
    <row r="211357" spans="8:8">
      <c r="H211357" s="12"/>
    </row>
    <row r="211358" spans="8:8">
      <c r="H211358" s="12"/>
    </row>
    <row r="211359" spans="8:8">
      <c r="H211359" s="12"/>
    </row>
    <row r="211360" spans="8:8">
      <c r="H211360" s="12"/>
    </row>
    <row r="211361" spans="8:8">
      <c r="H211361" s="12"/>
    </row>
    <row r="211362" spans="8:8">
      <c r="H211362" s="12"/>
    </row>
    <row r="211363" spans="8:8">
      <c r="H211363" s="12"/>
    </row>
    <row r="211364" spans="8:8">
      <c r="H211364" s="12"/>
    </row>
    <row r="211365" spans="8:8">
      <c r="H211365" s="12"/>
    </row>
    <row r="211366" spans="8:8">
      <c r="H211366" s="12"/>
    </row>
    <row r="211367" spans="8:8">
      <c r="H211367" s="12"/>
    </row>
    <row r="211368" spans="8:8">
      <c r="H211368" s="12"/>
    </row>
    <row r="211369" spans="8:8">
      <c r="H211369" s="12"/>
    </row>
    <row r="211370" spans="8:8">
      <c r="H211370" s="12"/>
    </row>
    <row r="211371" spans="8:8">
      <c r="H211371" s="12"/>
    </row>
    <row r="211372" spans="8:8">
      <c r="H211372" s="12"/>
    </row>
    <row r="211373" spans="8:8">
      <c r="H211373" s="12"/>
    </row>
    <row r="211374" spans="8:8">
      <c r="H211374" s="12"/>
    </row>
    <row r="211375" spans="8:8">
      <c r="H211375" s="12"/>
    </row>
    <row r="211376" spans="8:8">
      <c r="H211376" s="12"/>
    </row>
    <row r="211377" spans="8:8">
      <c r="H211377" s="12"/>
    </row>
    <row r="211378" spans="8:8">
      <c r="H211378" s="12"/>
    </row>
    <row r="211379" spans="8:8">
      <c r="H211379" s="12"/>
    </row>
    <row r="211380" spans="8:8">
      <c r="H211380" s="12"/>
    </row>
    <row r="211381" spans="8:8">
      <c r="H211381" s="12"/>
    </row>
    <row r="211382" spans="8:8">
      <c r="H211382" s="12"/>
    </row>
    <row r="211383" spans="8:8">
      <c r="H211383" s="12"/>
    </row>
    <row r="211384" spans="8:8">
      <c r="H211384" s="12"/>
    </row>
    <row r="211385" spans="8:8">
      <c r="H211385" s="12"/>
    </row>
    <row r="211386" spans="8:8">
      <c r="H211386" s="12"/>
    </row>
    <row r="211387" spans="8:8">
      <c r="H211387" s="12"/>
    </row>
    <row r="211388" spans="8:8">
      <c r="H211388" s="12"/>
    </row>
    <row r="211389" spans="8:8">
      <c r="H211389" s="12"/>
    </row>
    <row r="211390" spans="8:8">
      <c r="H211390" s="12"/>
    </row>
    <row r="211391" spans="8:8">
      <c r="H211391" s="12"/>
    </row>
    <row r="211392" spans="8:8">
      <c r="H211392" s="12"/>
    </row>
    <row r="211393" spans="8:8">
      <c r="H211393" s="12"/>
    </row>
    <row r="211394" spans="8:8">
      <c r="H211394" s="12"/>
    </row>
    <row r="211395" spans="8:8">
      <c r="H211395" s="12"/>
    </row>
    <row r="211396" spans="8:8">
      <c r="H211396" s="12"/>
    </row>
    <row r="211397" spans="8:8">
      <c r="H211397" s="12"/>
    </row>
    <row r="211398" spans="8:8">
      <c r="H211398" s="12"/>
    </row>
    <row r="211399" spans="8:8">
      <c r="H211399" s="12"/>
    </row>
    <row r="211400" spans="8:8">
      <c r="H211400" s="12"/>
    </row>
    <row r="211401" spans="8:8">
      <c r="H211401" s="12"/>
    </row>
    <row r="211402" spans="8:8">
      <c r="H211402" s="12"/>
    </row>
    <row r="211403" spans="8:8">
      <c r="H211403" s="12"/>
    </row>
    <row r="211404" spans="8:8">
      <c r="H211404" s="12"/>
    </row>
    <row r="211405" spans="8:8">
      <c r="H211405" s="12"/>
    </row>
    <row r="211406" spans="8:8">
      <c r="H211406" s="12"/>
    </row>
    <row r="211407" spans="8:8">
      <c r="H211407" s="12"/>
    </row>
    <row r="211408" spans="8:8">
      <c r="H211408" s="12"/>
    </row>
    <row r="211409" spans="8:8">
      <c r="H211409" s="12"/>
    </row>
    <row r="211410" spans="8:8">
      <c r="H211410" s="12"/>
    </row>
    <row r="211411" spans="8:8">
      <c r="H211411" s="12"/>
    </row>
    <row r="211412" spans="8:8">
      <c r="H211412" s="12"/>
    </row>
    <row r="211413" spans="8:8">
      <c r="H211413" s="12"/>
    </row>
    <row r="211414" spans="8:8">
      <c r="H211414" s="12"/>
    </row>
    <row r="211415" spans="8:8">
      <c r="H211415" s="12"/>
    </row>
    <row r="211416" spans="8:8">
      <c r="H211416" s="12"/>
    </row>
    <row r="211417" spans="8:8">
      <c r="H211417" s="12"/>
    </row>
    <row r="211418" spans="8:8">
      <c r="H211418" s="12"/>
    </row>
    <row r="211419" spans="8:8">
      <c r="H211419" s="12"/>
    </row>
    <row r="211420" spans="8:8">
      <c r="H211420" s="12"/>
    </row>
    <row r="211421" spans="8:8">
      <c r="H211421" s="12"/>
    </row>
    <row r="211422" spans="8:8">
      <c r="H211422" s="12"/>
    </row>
    <row r="211423" spans="8:8">
      <c r="H211423" s="12"/>
    </row>
    <row r="211424" spans="8:8">
      <c r="H211424" s="12"/>
    </row>
    <row r="211425" spans="8:8">
      <c r="H211425" s="12"/>
    </row>
    <row r="211426" spans="8:8">
      <c r="H211426" s="12"/>
    </row>
    <row r="211427" spans="8:8">
      <c r="H211427" s="12"/>
    </row>
    <row r="211428" spans="8:8">
      <c r="H211428" s="12"/>
    </row>
    <row r="211429" spans="8:8">
      <c r="H211429" s="12"/>
    </row>
    <row r="211430" spans="8:8">
      <c r="H211430" s="12"/>
    </row>
    <row r="211431" spans="8:8">
      <c r="H211431" s="12"/>
    </row>
    <row r="211432" spans="8:8">
      <c r="H211432" s="12"/>
    </row>
    <row r="211433" spans="8:8">
      <c r="H211433" s="12"/>
    </row>
    <row r="211434" spans="8:8">
      <c r="H211434" s="12"/>
    </row>
    <row r="211435" spans="8:8">
      <c r="H211435" s="12"/>
    </row>
    <row r="211436" spans="8:8">
      <c r="H211436" s="12"/>
    </row>
    <row r="211437" spans="8:8">
      <c r="H211437" s="12"/>
    </row>
    <row r="211438" spans="8:8">
      <c r="H211438" s="12"/>
    </row>
    <row r="211439" spans="8:8">
      <c r="H211439" s="12"/>
    </row>
    <row r="211440" spans="8:8">
      <c r="H211440" s="12"/>
    </row>
    <row r="211441" spans="8:8">
      <c r="H211441" s="12"/>
    </row>
    <row r="211442" spans="8:8">
      <c r="H211442" s="12"/>
    </row>
    <row r="211443" spans="8:8">
      <c r="H211443" s="12"/>
    </row>
    <row r="211444" spans="8:8">
      <c r="H211444" s="12"/>
    </row>
    <row r="211445" spans="8:8">
      <c r="H211445" s="12"/>
    </row>
    <row r="211446" spans="8:8">
      <c r="H211446" s="12"/>
    </row>
    <row r="211447" spans="8:8">
      <c r="H211447" s="12"/>
    </row>
    <row r="211448" spans="8:8">
      <c r="H211448" s="12"/>
    </row>
    <row r="211449" spans="8:8">
      <c r="H211449" s="12"/>
    </row>
    <row r="211450" spans="8:8">
      <c r="H211450" s="12"/>
    </row>
    <row r="211451" spans="8:8">
      <c r="H211451" s="12"/>
    </row>
    <row r="211452" spans="8:8">
      <c r="H211452" s="12"/>
    </row>
    <row r="211453" spans="8:8">
      <c r="H211453" s="12"/>
    </row>
    <row r="211454" spans="8:8">
      <c r="H211454" s="12"/>
    </row>
    <row r="211455" spans="8:8">
      <c r="H211455" s="12"/>
    </row>
    <row r="211456" spans="8:8">
      <c r="H211456" s="12"/>
    </row>
    <row r="211457" spans="8:8">
      <c r="H211457" s="12"/>
    </row>
    <row r="211458" spans="8:8">
      <c r="H211458" s="12"/>
    </row>
    <row r="211459" spans="8:8">
      <c r="H211459" s="12"/>
    </row>
    <row r="211460" spans="8:8">
      <c r="H211460" s="12"/>
    </row>
    <row r="211461" spans="8:8">
      <c r="H211461" s="12"/>
    </row>
    <row r="211462" spans="8:8">
      <c r="H211462" s="12"/>
    </row>
    <row r="211463" spans="8:8">
      <c r="H211463" s="12"/>
    </row>
    <row r="211464" spans="8:8">
      <c r="H211464" s="12"/>
    </row>
    <row r="211465" spans="8:8">
      <c r="H211465" s="12"/>
    </row>
    <row r="211466" spans="8:8">
      <c r="H211466" s="12"/>
    </row>
    <row r="211467" spans="8:8">
      <c r="H211467" s="12"/>
    </row>
    <row r="211468" spans="8:8">
      <c r="H211468" s="12"/>
    </row>
    <row r="211469" spans="8:8">
      <c r="H211469" s="12"/>
    </row>
    <row r="211470" spans="8:8">
      <c r="H211470" s="12"/>
    </row>
    <row r="211471" spans="8:8">
      <c r="H211471" s="12"/>
    </row>
    <row r="211472" spans="8:8">
      <c r="H211472" s="12"/>
    </row>
    <row r="211473" spans="8:8">
      <c r="H211473" s="12"/>
    </row>
    <row r="211474" spans="8:8">
      <c r="H211474" s="12"/>
    </row>
    <row r="211475" spans="8:8">
      <c r="H211475" s="12"/>
    </row>
    <row r="211476" spans="8:8">
      <c r="H211476" s="12"/>
    </row>
    <row r="211477" spans="8:8">
      <c r="H211477" s="12"/>
    </row>
    <row r="211478" spans="8:8">
      <c r="H211478" s="12"/>
    </row>
    <row r="211479" spans="8:8">
      <c r="H211479" s="12"/>
    </row>
    <row r="211480" spans="8:8">
      <c r="H211480" s="12"/>
    </row>
    <row r="211481" spans="8:8">
      <c r="H211481" s="12"/>
    </row>
    <row r="211482" spans="8:8">
      <c r="H211482" s="12"/>
    </row>
    <row r="211483" spans="8:8">
      <c r="H211483" s="12"/>
    </row>
    <row r="211484" spans="8:8">
      <c r="H211484" s="12"/>
    </row>
    <row r="211485" spans="8:8">
      <c r="H211485" s="12"/>
    </row>
    <row r="211486" spans="8:8">
      <c r="H211486" s="12"/>
    </row>
    <row r="211487" spans="8:8">
      <c r="H211487" s="12"/>
    </row>
    <row r="211488" spans="8:8">
      <c r="H211488" s="12"/>
    </row>
    <row r="211489" spans="8:8">
      <c r="H211489" s="12"/>
    </row>
    <row r="211490" spans="8:8">
      <c r="H211490" s="12"/>
    </row>
    <row r="211491" spans="8:8">
      <c r="H211491" s="12"/>
    </row>
    <row r="211492" spans="8:8">
      <c r="H211492" s="12"/>
    </row>
    <row r="211493" spans="8:8">
      <c r="H211493" s="12"/>
    </row>
    <row r="211494" spans="8:8">
      <c r="H211494" s="12"/>
    </row>
    <row r="211495" spans="8:8">
      <c r="H211495" s="12"/>
    </row>
    <row r="211496" spans="8:8">
      <c r="H211496" s="12"/>
    </row>
    <row r="211497" spans="8:8">
      <c r="H211497" s="12"/>
    </row>
    <row r="211498" spans="8:8">
      <c r="H211498" s="12"/>
    </row>
    <row r="211499" spans="8:8">
      <c r="H211499" s="12"/>
    </row>
    <row r="211500" spans="8:8">
      <c r="H211500" s="12"/>
    </row>
    <row r="211501" spans="8:8">
      <c r="H211501" s="12"/>
    </row>
    <row r="211502" spans="8:8">
      <c r="H211502" s="12"/>
    </row>
    <row r="211503" spans="8:8">
      <c r="H211503" s="12"/>
    </row>
    <row r="211504" spans="8:8">
      <c r="H211504" s="12"/>
    </row>
    <row r="211505" spans="8:8">
      <c r="H211505" s="12"/>
    </row>
    <row r="211506" spans="8:8">
      <c r="H211506" s="12"/>
    </row>
    <row r="211507" spans="8:8">
      <c r="H211507" s="12"/>
    </row>
    <row r="211508" spans="8:8">
      <c r="H211508" s="12"/>
    </row>
    <row r="211509" spans="8:8">
      <c r="H211509" s="12"/>
    </row>
    <row r="211510" spans="8:8">
      <c r="H211510" s="12"/>
    </row>
    <row r="211511" spans="8:8">
      <c r="H211511" s="12"/>
    </row>
    <row r="211512" spans="8:8">
      <c r="H211512" s="12"/>
    </row>
    <row r="211513" spans="8:8">
      <c r="H211513" s="12"/>
    </row>
    <row r="211514" spans="8:8">
      <c r="H211514" s="12"/>
    </row>
    <row r="211515" spans="8:8">
      <c r="H211515" s="12"/>
    </row>
    <row r="211516" spans="8:8">
      <c r="H211516" s="12"/>
    </row>
    <row r="211517" spans="8:8">
      <c r="H211517" s="12"/>
    </row>
    <row r="211518" spans="8:8">
      <c r="H211518" s="12"/>
    </row>
    <row r="211519" spans="8:8">
      <c r="H211519" s="12"/>
    </row>
    <row r="211520" spans="8:8">
      <c r="H211520" s="12"/>
    </row>
    <row r="211521" spans="8:8">
      <c r="H211521" s="12"/>
    </row>
    <row r="211522" spans="8:8">
      <c r="H211522" s="12"/>
    </row>
    <row r="211523" spans="8:8">
      <c r="H211523" s="12"/>
    </row>
    <row r="211524" spans="8:8">
      <c r="H211524" s="12"/>
    </row>
    <row r="211525" spans="8:8">
      <c r="H211525" s="12"/>
    </row>
    <row r="211526" spans="8:8">
      <c r="H211526" s="12"/>
    </row>
    <row r="211527" spans="8:8">
      <c r="H211527" s="12"/>
    </row>
    <row r="211528" spans="8:8">
      <c r="H211528" s="12"/>
    </row>
    <row r="211529" spans="8:8">
      <c r="H211529" s="12"/>
    </row>
    <row r="211530" spans="8:8">
      <c r="H211530" s="12"/>
    </row>
    <row r="211531" spans="8:8">
      <c r="H211531" s="12"/>
    </row>
    <row r="211532" spans="8:8">
      <c r="H211532" s="12"/>
    </row>
    <row r="211533" spans="8:8">
      <c r="H211533" s="12"/>
    </row>
    <row r="211534" spans="8:8">
      <c r="H211534" s="12"/>
    </row>
    <row r="211535" spans="8:8">
      <c r="H211535" s="12"/>
    </row>
    <row r="211536" spans="8:8">
      <c r="H211536" s="12"/>
    </row>
    <row r="211537" spans="8:8">
      <c r="H211537" s="12"/>
    </row>
    <row r="211538" spans="8:8">
      <c r="H211538" s="12"/>
    </row>
    <row r="211539" spans="8:8">
      <c r="H211539" s="12"/>
    </row>
    <row r="211540" spans="8:8">
      <c r="H211540" s="12"/>
    </row>
    <row r="211541" spans="8:8">
      <c r="H211541" s="12"/>
    </row>
    <row r="211542" spans="8:8">
      <c r="H211542" s="12"/>
    </row>
    <row r="211543" spans="8:8">
      <c r="H211543" s="12"/>
    </row>
    <row r="211544" spans="8:8">
      <c r="H211544" s="12"/>
    </row>
    <row r="211545" spans="8:8">
      <c r="H211545" s="12"/>
    </row>
    <row r="211546" spans="8:8">
      <c r="H211546" s="12"/>
    </row>
    <row r="211547" spans="8:8">
      <c r="H211547" s="12"/>
    </row>
    <row r="211548" spans="8:8">
      <c r="H211548" s="12"/>
    </row>
    <row r="211549" spans="8:8">
      <c r="H211549" s="12"/>
    </row>
    <row r="211550" spans="8:8">
      <c r="H211550" s="12"/>
    </row>
    <row r="211551" spans="8:8">
      <c r="H211551" s="12"/>
    </row>
    <row r="211552" spans="8:8">
      <c r="H211552" s="12"/>
    </row>
    <row r="211553" spans="8:8">
      <c r="H211553" s="12"/>
    </row>
    <row r="211554" spans="8:8">
      <c r="H211554" s="12"/>
    </row>
    <row r="211555" spans="8:8">
      <c r="H211555" s="12"/>
    </row>
    <row r="211556" spans="8:8">
      <c r="H211556" s="12"/>
    </row>
    <row r="211557" spans="8:8">
      <c r="H211557" s="12"/>
    </row>
    <row r="211558" spans="8:8">
      <c r="H211558" s="12"/>
    </row>
    <row r="211559" spans="8:8">
      <c r="H211559" s="12"/>
    </row>
    <row r="211560" spans="8:8">
      <c r="H211560" s="12"/>
    </row>
    <row r="211561" spans="8:8">
      <c r="H211561" s="12"/>
    </row>
    <row r="211562" spans="8:8">
      <c r="H211562" s="12"/>
    </row>
    <row r="211563" spans="8:8">
      <c r="H211563" s="12"/>
    </row>
    <row r="211564" spans="8:8">
      <c r="H211564" s="12"/>
    </row>
    <row r="211565" spans="8:8">
      <c r="H211565" s="12"/>
    </row>
    <row r="211566" spans="8:8">
      <c r="H211566" s="12"/>
    </row>
    <row r="211567" spans="8:8">
      <c r="H211567" s="12"/>
    </row>
    <row r="211568" spans="8:8">
      <c r="H211568" s="12"/>
    </row>
    <row r="211569" spans="8:8">
      <c r="H211569" s="12"/>
    </row>
    <row r="211570" spans="8:8">
      <c r="H211570" s="12"/>
    </row>
    <row r="211571" spans="8:8">
      <c r="H211571" s="12"/>
    </row>
    <row r="211572" spans="8:8">
      <c r="H211572" s="12"/>
    </row>
    <row r="211573" spans="8:8">
      <c r="H211573" s="12"/>
    </row>
    <row r="211574" spans="8:8">
      <c r="H211574" s="12"/>
    </row>
    <row r="211575" spans="8:8">
      <c r="H211575" s="12"/>
    </row>
    <row r="211576" spans="8:8">
      <c r="H211576" s="12"/>
    </row>
    <row r="211577" spans="8:8">
      <c r="H211577" s="12"/>
    </row>
    <row r="211578" spans="8:8">
      <c r="H211578" s="12"/>
    </row>
    <row r="211579" spans="8:8">
      <c r="H211579" s="12"/>
    </row>
    <row r="211580" spans="8:8">
      <c r="H211580" s="12"/>
    </row>
    <row r="211581" spans="8:8">
      <c r="H211581" s="12"/>
    </row>
    <row r="211582" spans="8:8">
      <c r="H211582" s="12"/>
    </row>
    <row r="211583" spans="8:8">
      <c r="H211583" s="12"/>
    </row>
    <row r="211584" spans="8:8">
      <c r="H211584" s="12"/>
    </row>
    <row r="211585" spans="8:8">
      <c r="H211585" s="12"/>
    </row>
    <row r="211586" spans="8:8">
      <c r="H211586" s="12"/>
    </row>
    <row r="211587" spans="8:8">
      <c r="H211587" s="12"/>
    </row>
    <row r="211588" spans="8:8">
      <c r="H211588" s="12"/>
    </row>
    <row r="211589" spans="8:8">
      <c r="H211589" s="12"/>
    </row>
    <row r="211590" spans="8:8">
      <c r="H211590" s="12"/>
    </row>
    <row r="211591" spans="8:8">
      <c r="H211591" s="12"/>
    </row>
    <row r="211592" spans="8:8">
      <c r="H211592" s="12"/>
    </row>
    <row r="211593" spans="8:8">
      <c r="H211593" s="12"/>
    </row>
    <row r="211594" spans="8:8">
      <c r="H211594" s="12"/>
    </row>
    <row r="211595" spans="8:8">
      <c r="H211595" s="12"/>
    </row>
    <row r="211596" spans="8:8">
      <c r="H211596" s="12"/>
    </row>
    <row r="211597" spans="8:8">
      <c r="H211597" s="12"/>
    </row>
    <row r="211598" spans="8:8">
      <c r="H211598" s="12"/>
    </row>
    <row r="211599" spans="8:8">
      <c r="H211599" s="12"/>
    </row>
    <row r="211600" spans="8:8">
      <c r="H211600" s="12"/>
    </row>
    <row r="211601" spans="8:8">
      <c r="H211601" s="12"/>
    </row>
    <row r="211602" spans="8:8">
      <c r="H211602" s="12"/>
    </row>
    <row r="211603" spans="8:8">
      <c r="H211603" s="12"/>
    </row>
    <row r="211604" spans="8:8">
      <c r="H211604" s="12"/>
    </row>
    <row r="211605" spans="8:8">
      <c r="H211605" s="12"/>
    </row>
    <row r="211606" spans="8:8">
      <c r="H211606" s="12"/>
    </row>
    <row r="211607" spans="8:8">
      <c r="H211607" s="12"/>
    </row>
    <row r="211608" spans="8:8">
      <c r="H211608" s="12"/>
    </row>
    <row r="211609" spans="8:8">
      <c r="H211609" s="12"/>
    </row>
    <row r="211610" spans="8:8">
      <c r="H211610" s="12"/>
    </row>
    <row r="211611" spans="8:8">
      <c r="H211611" s="12"/>
    </row>
    <row r="211612" spans="8:8">
      <c r="H211612" s="12"/>
    </row>
    <row r="211613" spans="8:8">
      <c r="H211613" s="12"/>
    </row>
    <row r="211614" spans="8:8">
      <c r="H211614" s="12"/>
    </row>
    <row r="211615" spans="8:8">
      <c r="H211615" s="12"/>
    </row>
    <row r="211616" spans="8:8">
      <c r="H211616" s="12"/>
    </row>
    <row r="211617" spans="8:8">
      <c r="H211617" s="12"/>
    </row>
    <row r="211618" spans="8:8">
      <c r="H211618" s="12"/>
    </row>
    <row r="211619" spans="8:8">
      <c r="H211619" s="12"/>
    </row>
    <row r="211620" spans="8:8">
      <c r="H211620" s="12"/>
    </row>
    <row r="211621" spans="8:8">
      <c r="H211621" s="12"/>
    </row>
    <row r="211622" spans="8:8">
      <c r="H211622" s="12"/>
    </row>
    <row r="211623" spans="8:8">
      <c r="H211623" s="12"/>
    </row>
    <row r="211624" spans="8:8">
      <c r="H211624" s="12"/>
    </row>
    <row r="211625" spans="8:8">
      <c r="H211625" s="12"/>
    </row>
    <row r="211626" spans="8:8">
      <c r="H211626" s="12"/>
    </row>
    <row r="211627" spans="8:8">
      <c r="H211627" s="12"/>
    </row>
    <row r="211628" spans="8:8">
      <c r="H211628" s="12"/>
    </row>
    <row r="211629" spans="8:8">
      <c r="H211629" s="12"/>
    </row>
    <row r="211630" spans="8:8">
      <c r="H211630" s="12"/>
    </row>
    <row r="211631" spans="8:8">
      <c r="H211631" s="12"/>
    </row>
    <row r="211632" spans="8:8">
      <c r="H211632" s="12"/>
    </row>
    <row r="211633" spans="8:8">
      <c r="H211633" s="12"/>
    </row>
    <row r="211634" spans="8:8">
      <c r="H211634" s="12"/>
    </row>
    <row r="211635" spans="8:8">
      <c r="H211635" s="12"/>
    </row>
    <row r="211636" spans="8:8">
      <c r="H211636" s="12"/>
    </row>
    <row r="211637" spans="8:8">
      <c r="H211637" s="12"/>
    </row>
    <row r="211638" spans="8:8">
      <c r="H211638" s="12"/>
    </row>
    <row r="211639" spans="8:8">
      <c r="H211639" s="12"/>
    </row>
    <row r="211640" spans="8:8">
      <c r="H211640" s="12"/>
    </row>
    <row r="211641" spans="8:8">
      <c r="H211641" s="12"/>
    </row>
    <row r="211642" spans="8:8">
      <c r="H211642" s="12"/>
    </row>
    <row r="211643" spans="8:8">
      <c r="H211643" s="12"/>
    </row>
    <row r="211644" spans="8:8">
      <c r="H211644" s="12"/>
    </row>
    <row r="211645" spans="8:8">
      <c r="H211645" s="12"/>
    </row>
    <row r="211646" spans="8:8">
      <c r="H211646" s="12"/>
    </row>
    <row r="211647" spans="8:8">
      <c r="H211647" s="12"/>
    </row>
    <row r="211648" spans="8:8">
      <c r="H211648" s="12"/>
    </row>
    <row r="211649" spans="8:8">
      <c r="H211649" s="12"/>
    </row>
    <row r="211650" spans="8:8">
      <c r="H211650" s="12"/>
    </row>
    <row r="211651" spans="8:8">
      <c r="H211651" s="12"/>
    </row>
    <row r="211652" spans="8:8">
      <c r="H211652" s="12"/>
    </row>
    <row r="211653" spans="8:8">
      <c r="H211653" s="12"/>
    </row>
    <row r="211654" spans="8:8">
      <c r="H211654" s="12"/>
    </row>
    <row r="211655" spans="8:8">
      <c r="H211655" s="12"/>
    </row>
    <row r="211656" spans="8:8">
      <c r="H211656" s="12"/>
    </row>
    <row r="211657" spans="8:8">
      <c r="H211657" s="12"/>
    </row>
    <row r="211658" spans="8:8">
      <c r="H211658" s="12"/>
    </row>
    <row r="211659" spans="8:8">
      <c r="H211659" s="12"/>
    </row>
    <row r="211660" spans="8:8">
      <c r="H211660" s="12"/>
    </row>
    <row r="211661" spans="8:8">
      <c r="H211661" s="12"/>
    </row>
    <row r="211662" spans="8:8">
      <c r="H211662" s="12"/>
    </row>
    <row r="211663" spans="8:8">
      <c r="H211663" s="12"/>
    </row>
    <row r="211664" spans="8:8">
      <c r="H211664" s="12"/>
    </row>
    <row r="211665" spans="8:8">
      <c r="H211665" s="12"/>
    </row>
    <row r="211666" spans="8:8">
      <c r="H211666" s="12"/>
    </row>
    <row r="211667" spans="8:8">
      <c r="H211667" s="12"/>
    </row>
    <row r="211668" spans="8:8">
      <c r="H211668" s="12"/>
    </row>
    <row r="211669" spans="8:8">
      <c r="H211669" s="12"/>
    </row>
    <row r="211670" spans="8:8">
      <c r="H211670" s="12"/>
    </row>
    <row r="211671" spans="8:8">
      <c r="H211671" s="12"/>
    </row>
    <row r="211672" spans="8:8">
      <c r="H211672" s="12"/>
    </row>
    <row r="211673" spans="8:8">
      <c r="H211673" s="12"/>
    </row>
    <row r="211674" spans="8:8">
      <c r="H211674" s="12"/>
    </row>
    <row r="211675" spans="8:8">
      <c r="H211675" s="12"/>
    </row>
    <row r="211676" spans="8:8">
      <c r="H211676" s="12"/>
    </row>
    <row r="211677" spans="8:8">
      <c r="H211677" s="12"/>
    </row>
    <row r="211678" spans="8:8">
      <c r="H211678" s="12"/>
    </row>
    <row r="211679" spans="8:8">
      <c r="H211679" s="12"/>
    </row>
    <row r="211680" spans="8:8">
      <c r="H211680" s="12"/>
    </row>
    <row r="211681" spans="8:8">
      <c r="H211681" s="12"/>
    </row>
    <row r="211682" spans="8:8">
      <c r="H211682" s="12"/>
    </row>
    <row r="211683" spans="8:8">
      <c r="H211683" s="12"/>
    </row>
    <row r="211684" spans="8:8">
      <c r="H211684" s="12"/>
    </row>
    <row r="211685" spans="8:8">
      <c r="H211685" s="12"/>
    </row>
    <row r="211686" spans="8:8">
      <c r="H211686" s="12"/>
    </row>
    <row r="211687" spans="8:8">
      <c r="H211687" s="12"/>
    </row>
    <row r="211688" spans="8:8">
      <c r="H211688" s="12"/>
    </row>
    <row r="211689" spans="8:8">
      <c r="H211689" s="12"/>
    </row>
    <row r="211690" spans="8:8">
      <c r="H211690" s="12"/>
    </row>
    <row r="211691" spans="8:8">
      <c r="H211691" s="12"/>
    </row>
    <row r="211692" spans="8:8">
      <c r="H211692" s="12"/>
    </row>
    <row r="211693" spans="8:8">
      <c r="H211693" s="12"/>
    </row>
    <row r="211694" spans="8:8">
      <c r="H211694" s="12"/>
    </row>
    <row r="211695" spans="8:8">
      <c r="H211695" s="12"/>
    </row>
    <row r="211696" spans="8:8">
      <c r="H211696" s="12"/>
    </row>
    <row r="211697" spans="8:8">
      <c r="H211697" s="12"/>
    </row>
    <row r="211698" spans="8:8">
      <c r="H211698" s="12"/>
    </row>
    <row r="211699" spans="8:8">
      <c r="H211699" s="12"/>
    </row>
    <row r="211700" spans="8:8">
      <c r="H211700" s="12"/>
    </row>
    <row r="211701" spans="8:8">
      <c r="H211701" s="12"/>
    </row>
    <row r="211702" spans="8:8">
      <c r="H211702" s="12"/>
    </row>
    <row r="211703" spans="8:8">
      <c r="H211703" s="12"/>
    </row>
    <row r="211704" spans="8:8">
      <c r="H211704" s="12"/>
    </row>
    <row r="211705" spans="8:8">
      <c r="H211705" s="12"/>
    </row>
    <row r="211706" spans="8:8">
      <c r="H211706" s="12"/>
    </row>
    <row r="211707" spans="8:8">
      <c r="H211707" s="12"/>
    </row>
    <row r="211708" spans="8:8">
      <c r="H211708" s="12"/>
    </row>
    <row r="211709" spans="8:8">
      <c r="H211709" s="12"/>
    </row>
    <row r="211710" spans="8:8">
      <c r="H211710" s="12"/>
    </row>
    <row r="211711" spans="8:8">
      <c r="H211711" s="12"/>
    </row>
    <row r="211712" spans="8:8">
      <c r="H211712" s="12"/>
    </row>
    <row r="211713" spans="8:8">
      <c r="H211713" s="12"/>
    </row>
    <row r="211714" spans="8:8">
      <c r="H211714" s="12"/>
    </row>
    <row r="211715" spans="8:8">
      <c r="H211715" s="12"/>
    </row>
    <row r="211716" spans="8:8">
      <c r="H211716" s="12"/>
    </row>
    <row r="211717" spans="8:8">
      <c r="H211717" s="12"/>
    </row>
    <row r="211718" spans="8:8">
      <c r="H211718" s="12"/>
    </row>
    <row r="211719" spans="8:8">
      <c r="H211719" s="12"/>
    </row>
    <row r="211720" spans="8:8">
      <c r="H211720" s="12"/>
    </row>
    <row r="211721" spans="8:8">
      <c r="H211721" s="12"/>
    </row>
    <row r="211722" spans="8:8">
      <c r="H211722" s="12"/>
    </row>
    <row r="211723" spans="8:8">
      <c r="H211723" s="12"/>
    </row>
    <row r="211724" spans="8:8">
      <c r="H211724" s="12"/>
    </row>
    <row r="211725" spans="8:8">
      <c r="H211725" s="12"/>
    </row>
    <row r="211726" spans="8:8">
      <c r="H211726" s="12"/>
    </row>
    <row r="211727" spans="8:8">
      <c r="H211727" s="12"/>
    </row>
    <row r="211728" spans="8:8">
      <c r="H211728" s="12"/>
    </row>
    <row r="211729" spans="8:8">
      <c r="H211729" s="12"/>
    </row>
    <row r="211730" spans="8:8">
      <c r="H211730" s="12"/>
    </row>
    <row r="211731" spans="8:8">
      <c r="H211731" s="12"/>
    </row>
    <row r="211732" spans="8:8">
      <c r="H211732" s="12"/>
    </row>
    <row r="211733" spans="8:8">
      <c r="H211733" s="12"/>
    </row>
    <row r="211734" spans="8:8">
      <c r="H211734" s="12"/>
    </row>
    <row r="211735" spans="8:8">
      <c r="H211735" s="12"/>
    </row>
    <row r="211736" spans="8:8">
      <c r="H211736" s="12"/>
    </row>
    <row r="211737" spans="8:8">
      <c r="H211737" s="12"/>
    </row>
    <row r="211738" spans="8:8">
      <c r="H211738" s="12"/>
    </row>
    <row r="211739" spans="8:8">
      <c r="H211739" s="12"/>
    </row>
    <row r="211740" spans="8:8">
      <c r="H211740" s="12"/>
    </row>
    <row r="211741" spans="8:8">
      <c r="H211741" s="12"/>
    </row>
    <row r="211742" spans="8:8">
      <c r="H211742" s="12"/>
    </row>
    <row r="211743" spans="8:8">
      <c r="H211743" s="12"/>
    </row>
    <row r="211744" spans="8:8">
      <c r="H211744" s="12"/>
    </row>
    <row r="211745" spans="8:8">
      <c r="H211745" s="12"/>
    </row>
    <row r="211746" spans="8:8">
      <c r="H211746" s="12"/>
    </row>
    <row r="211747" spans="8:8">
      <c r="H211747" s="12"/>
    </row>
    <row r="211748" spans="8:8">
      <c r="H211748" s="12"/>
    </row>
    <row r="211749" spans="8:8">
      <c r="H211749" s="12"/>
    </row>
    <row r="211750" spans="8:8">
      <c r="H211750" s="12"/>
    </row>
    <row r="211751" spans="8:8">
      <c r="H211751" s="12"/>
    </row>
    <row r="211752" spans="8:8">
      <c r="H211752" s="12"/>
    </row>
    <row r="211753" spans="8:8">
      <c r="H211753" s="12"/>
    </row>
    <row r="211754" spans="8:8">
      <c r="H211754" s="12"/>
    </row>
    <row r="211755" spans="8:8">
      <c r="H211755" s="12"/>
    </row>
    <row r="211756" spans="8:8">
      <c r="H211756" s="12"/>
    </row>
    <row r="211757" spans="8:8">
      <c r="H211757" s="12"/>
    </row>
    <row r="211758" spans="8:8">
      <c r="H211758" s="12"/>
    </row>
    <row r="211759" spans="8:8">
      <c r="H211759" s="12"/>
    </row>
    <row r="211760" spans="8:8">
      <c r="H211760" s="12"/>
    </row>
    <row r="211761" spans="8:8">
      <c r="H211761" s="12"/>
    </row>
    <row r="211762" spans="8:8">
      <c r="H211762" s="12"/>
    </row>
    <row r="211763" spans="8:8">
      <c r="H211763" s="12"/>
    </row>
    <row r="211764" spans="8:8">
      <c r="H211764" s="12"/>
    </row>
    <row r="211765" spans="8:8">
      <c r="H211765" s="12"/>
    </row>
    <row r="211766" spans="8:8">
      <c r="H211766" s="12"/>
    </row>
    <row r="211767" spans="8:8">
      <c r="H211767" s="12"/>
    </row>
    <row r="211768" spans="8:8">
      <c r="H211768" s="12"/>
    </row>
    <row r="211769" spans="8:8">
      <c r="H211769" s="12"/>
    </row>
    <row r="211770" spans="8:8">
      <c r="H211770" s="12"/>
    </row>
    <row r="211771" spans="8:8">
      <c r="H211771" s="12"/>
    </row>
    <row r="211772" spans="8:8">
      <c r="H211772" s="12"/>
    </row>
    <row r="211773" spans="8:8">
      <c r="H211773" s="12"/>
    </row>
    <row r="211774" spans="8:8">
      <c r="H211774" s="12"/>
    </row>
    <row r="211775" spans="8:8">
      <c r="H211775" s="12"/>
    </row>
    <row r="211776" spans="8:8">
      <c r="H211776" s="12"/>
    </row>
    <row r="211777" spans="8:8">
      <c r="H211777" s="12"/>
    </row>
    <row r="211778" spans="8:8">
      <c r="H211778" s="12"/>
    </row>
    <row r="211779" spans="8:8">
      <c r="H211779" s="12"/>
    </row>
    <row r="211780" spans="8:8">
      <c r="H211780" s="12"/>
    </row>
    <row r="211781" spans="8:8">
      <c r="H211781" s="12"/>
    </row>
    <row r="211782" spans="8:8">
      <c r="H211782" s="12"/>
    </row>
    <row r="211783" spans="8:8">
      <c r="H211783" s="12"/>
    </row>
    <row r="211784" spans="8:8">
      <c r="H211784" s="12"/>
    </row>
    <row r="211785" spans="8:8">
      <c r="H211785" s="12"/>
    </row>
    <row r="211786" spans="8:8">
      <c r="H211786" s="12"/>
    </row>
    <row r="211787" spans="8:8">
      <c r="H211787" s="12"/>
    </row>
    <row r="211788" spans="8:8">
      <c r="H211788" s="12"/>
    </row>
    <row r="211789" spans="8:8">
      <c r="H211789" s="12"/>
    </row>
    <row r="211790" spans="8:8">
      <c r="H211790" s="12"/>
    </row>
    <row r="211791" spans="8:8">
      <c r="H211791" s="12"/>
    </row>
    <row r="211792" spans="8:8">
      <c r="H211792" s="12"/>
    </row>
    <row r="211793" spans="8:8">
      <c r="H211793" s="12"/>
    </row>
    <row r="211794" spans="8:8">
      <c r="H211794" s="12"/>
    </row>
    <row r="211795" spans="8:8">
      <c r="H211795" s="12"/>
    </row>
    <row r="211796" spans="8:8">
      <c r="H211796" s="12"/>
    </row>
    <row r="211797" spans="8:8">
      <c r="H211797" s="12"/>
    </row>
    <row r="211798" spans="8:8">
      <c r="H211798" s="12"/>
    </row>
    <row r="211799" spans="8:8">
      <c r="H211799" s="12"/>
    </row>
    <row r="211800" spans="8:8">
      <c r="H211800" s="12"/>
    </row>
    <row r="211801" spans="8:8">
      <c r="H211801" s="12"/>
    </row>
    <row r="211802" spans="8:8">
      <c r="H211802" s="12"/>
    </row>
    <row r="211803" spans="8:8">
      <c r="H211803" s="12"/>
    </row>
    <row r="211804" spans="8:8">
      <c r="H211804" s="12"/>
    </row>
    <row r="211805" spans="8:8">
      <c r="H211805" s="12"/>
    </row>
    <row r="211806" spans="8:8">
      <c r="H211806" s="12"/>
    </row>
    <row r="211807" spans="8:8">
      <c r="H211807" s="12"/>
    </row>
    <row r="211808" spans="8:8">
      <c r="H211808" s="12"/>
    </row>
    <row r="211809" spans="8:8">
      <c r="H211809" s="12"/>
    </row>
    <row r="211810" spans="8:8">
      <c r="H211810" s="12"/>
    </row>
    <row r="211811" spans="8:8">
      <c r="H211811" s="12"/>
    </row>
    <row r="211812" spans="8:8">
      <c r="H211812" s="12"/>
    </row>
    <row r="211813" spans="8:8">
      <c r="H211813" s="12"/>
    </row>
    <row r="211814" spans="8:8">
      <c r="H211814" s="12"/>
    </row>
    <row r="211815" spans="8:8">
      <c r="H211815" s="12"/>
    </row>
    <row r="211816" spans="8:8">
      <c r="H211816" s="12"/>
    </row>
    <row r="211817" spans="8:8">
      <c r="H211817" s="12"/>
    </row>
    <row r="211818" spans="8:8">
      <c r="H211818" s="12"/>
    </row>
    <row r="211819" spans="8:8">
      <c r="H211819" s="12"/>
    </row>
    <row r="211820" spans="8:8">
      <c r="H211820" s="12"/>
    </row>
    <row r="211821" spans="8:8">
      <c r="H211821" s="12"/>
    </row>
    <row r="211822" spans="8:8">
      <c r="H211822" s="12"/>
    </row>
    <row r="211823" spans="8:8">
      <c r="H211823" s="12"/>
    </row>
    <row r="211824" spans="8:8">
      <c r="H211824" s="12"/>
    </row>
    <row r="211825" spans="8:8">
      <c r="H211825" s="12"/>
    </row>
    <row r="211826" spans="8:8">
      <c r="H211826" s="12"/>
    </row>
    <row r="211827" spans="8:8">
      <c r="H211827" s="12"/>
    </row>
    <row r="211828" spans="8:8">
      <c r="H211828" s="12"/>
    </row>
    <row r="211829" spans="8:8">
      <c r="H211829" s="12"/>
    </row>
    <row r="211830" spans="8:8">
      <c r="H211830" s="12"/>
    </row>
    <row r="211831" spans="8:8">
      <c r="H211831" s="12"/>
    </row>
    <row r="211832" spans="8:8">
      <c r="H211832" s="12"/>
    </row>
    <row r="211833" spans="8:8">
      <c r="H211833" s="12"/>
    </row>
    <row r="211834" spans="8:8">
      <c r="H211834" s="12"/>
    </row>
    <row r="211835" spans="8:8">
      <c r="H211835" s="12"/>
    </row>
    <row r="211836" spans="8:8">
      <c r="H211836" s="12"/>
    </row>
    <row r="211837" spans="8:8">
      <c r="H211837" s="12"/>
    </row>
    <row r="211838" spans="8:8">
      <c r="H211838" s="12"/>
    </row>
    <row r="211839" spans="8:8">
      <c r="H211839" s="12"/>
    </row>
    <row r="211840" spans="8:8">
      <c r="H211840" s="12"/>
    </row>
    <row r="211841" spans="8:8">
      <c r="H211841" s="12"/>
    </row>
    <row r="211842" spans="8:8">
      <c r="H211842" s="12"/>
    </row>
    <row r="211843" spans="8:8">
      <c r="H211843" s="12"/>
    </row>
    <row r="211844" spans="8:8">
      <c r="H211844" s="12"/>
    </row>
    <row r="211845" spans="8:8">
      <c r="H211845" s="12"/>
    </row>
    <row r="211846" spans="8:8">
      <c r="H211846" s="12"/>
    </row>
    <row r="211847" spans="8:8">
      <c r="H211847" s="12"/>
    </row>
    <row r="211848" spans="8:8">
      <c r="H211848" s="12"/>
    </row>
    <row r="211849" spans="8:8">
      <c r="H211849" s="12"/>
    </row>
    <row r="211850" spans="8:8">
      <c r="H211850" s="12"/>
    </row>
    <row r="211851" spans="8:8">
      <c r="H211851" s="12"/>
    </row>
    <row r="211852" spans="8:8">
      <c r="H211852" s="12"/>
    </row>
    <row r="211853" spans="8:8">
      <c r="H211853" s="12"/>
    </row>
    <row r="211854" spans="8:8">
      <c r="H211854" s="12"/>
    </row>
    <row r="211855" spans="8:8">
      <c r="H211855" s="12"/>
    </row>
    <row r="211856" spans="8:8">
      <c r="H211856" s="12"/>
    </row>
    <row r="211857" spans="8:8">
      <c r="H211857" s="12"/>
    </row>
    <row r="211858" spans="8:8">
      <c r="H211858" s="12"/>
    </row>
    <row r="211859" spans="8:8">
      <c r="H211859" s="12"/>
    </row>
    <row r="211860" spans="8:8">
      <c r="H211860" s="12"/>
    </row>
    <row r="211861" spans="8:8">
      <c r="H211861" s="12"/>
    </row>
    <row r="211862" spans="8:8">
      <c r="H211862" s="12"/>
    </row>
    <row r="211863" spans="8:8">
      <c r="H211863" s="12"/>
    </row>
    <row r="211864" spans="8:8">
      <c r="H211864" s="12"/>
    </row>
    <row r="211865" spans="8:8">
      <c r="H211865" s="12"/>
    </row>
    <row r="211866" spans="8:8">
      <c r="H211866" s="12"/>
    </row>
    <row r="211867" spans="8:8">
      <c r="H211867" s="12"/>
    </row>
    <row r="211868" spans="8:8">
      <c r="H211868" s="12"/>
    </row>
    <row r="211869" spans="8:8">
      <c r="H211869" s="12"/>
    </row>
    <row r="211870" spans="8:8">
      <c r="H211870" s="12"/>
    </row>
    <row r="211871" spans="8:8">
      <c r="H211871" s="12"/>
    </row>
    <row r="211872" spans="8:8">
      <c r="H211872" s="12"/>
    </row>
    <row r="211873" spans="8:8">
      <c r="H211873" s="12"/>
    </row>
    <row r="211874" spans="8:8">
      <c r="H211874" s="12"/>
    </row>
    <row r="211875" spans="8:8">
      <c r="H211875" s="12"/>
    </row>
    <row r="211876" spans="8:8">
      <c r="H211876" s="12"/>
    </row>
    <row r="211877" spans="8:8">
      <c r="H211877" s="12"/>
    </row>
    <row r="211878" spans="8:8">
      <c r="H211878" s="12"/>
    </row>
    <row r="211879" spans="8:8">
      <c r="H211879" s="12"/>
    </row>
    <row r="211880" spans="8:8">
      <c r="H211880" s="12"/>
    </row>
    <row r="211881" spans="8:8">
      <c r="H211881" s="12"/>
    </row>
    <row r="211882" spans="8:8">
      <c r="H211882" s="12"/>
    </row>
    <row r="211883" spans="8:8">
      <c r="H211883" s="12"/>
    </row>
    <row r="211884" spans="8:8">
      <c r="H211884" s="12"/>
    </row>
    <row r="211885" spans="8:8">
      <c r="H211885" s="12"/>
    </row>
    <row r="211886" spans="8:8">
      <c r="H211886" s="12"/>
    </row>
    <row r="211887" spans="8:8">
      <c r="H211887" s="12"/>
    </row>
    <row r="211888" spans="8:8">
      <c r="H211888" s="12"/>
    </row>
    <row r="211889" spans="8:8">
      <c r="H211889" s="12"/>
    </row>
    <row r="211890" spans="8:8">
      <c r="H211890" s="12"/>
    </row>
    <row r="211891" spans="8:8">
      <c r="H211891" s="12"/>
    </row>
    <row r="211892" spans="8:8">
      <c r="H211892" s="12"/>
    </row>
    <row r="211893" spans="8:8">
      <c r="H211893" s="12"/>
    </row>
    <row r="211894" spans="8:8">
      <c r="H211894" s="12"/>
    </row>
    <row r="211895" spans="8:8">
      <c r="H211895" s="12"/>
    </row>
    <row r="211896" spans="8:8">
      <c r="H211896" s="12"/>
    </row>
    <row r="211897" spans="8:8">
      <c r="H211897" s="12"/>
    </row>
    <row r="211898" spans="8:8">
      <c r="H211898" s="12"/>
    </row>
    <row r="211899" spans="8:8">
      <c r="H211899" s="12"/>
    </row>
    <row r="211900" spans="8:8">
      <c r="H211900" s="12"/>
    </row>
    <row r="211901" spans="8:8">
      <c r="H211901" s="12"/>
    </row>
    <row r="211902" spans="8:8">
      <c r="H211902" s="12"/>
    </row>
    <row r="211903" spans="8:8">
      <c r="H211903" s="12"/>
    </row>
    <row r="211904" spans="8:8">
      <c r="H211904" s="12"/>
    </row>
    <row r="211905" spans="8:8">
      <c r="H211905" s="12"/>
    </row>
    <row r="211906" spans="8:8">
      <c r="H211906" s="12"/>
    </row>
    <row r="211907" spans="8:8">
      <c r="H211907" s="12"/>
    </row>
    <row r="211908" spans="8:8">
      <c r="H211908" s="12"/>
    </row>
    <row r="211909" spans="8:8">
      <c r="H211909" s="12"/>
    </row>
    <row r="211910" spans="8:8">
      <c r="H211910" s="12"/>
    </row>
    <row r="211911" spans="8:8">
      <c r="H211911" s="12"/>
    </row>
    <row r="211912" spans="8:8">
      <c r="H211912" s="12"/>
    </row>
    <row r="211913" spans="8:8">
      <c r="H211913" s="12"/>
    </row>
    <row r="211914" spans="8:8">
      <c r="H211914" s="12"/>
    </row>
    <row r="211915" spans="8:8">
      <c r="H211915" s="12"/>
    </row>
    <row r="211916" spans="8:8">
      <c r="H211916" s="12"/>
    </row>
    <row r="211917" spans="8:8">
      <c r="H211917" s="12"/>
    </row>
    <row r="211918" spans="8:8">
      <c r="H211918" s="12"/>
    </row>
    <row r="211919" spans="8:8">
      <c r="H211919" s="12"/>
    </row>
    <row r="211920" spans="8:8">
      <c r="H211920" s="12"/>
    </row>
    <row r="211921" spans="8:8">
      <c r="H211921" s="12"/>
    </row>
    <row r="211922" spans="8:8">
      <c r="H211922" s="12"/>
    </row>
    <row r="211923" spans="8:8">
      <c r="H211923" s="12"/>
    </row>
    <row r="211924" spans="8:8">
      <c r="H211924" s="12"/>
    </row>
    <row r="211925" spans="8:8">
      <c r="H211925" s="12"/>
    </row>
    <row r="211926" spans="8:8">
      <c r="H211926" s="12"/>
    </row>
    <row r="211927" spans="8:8">
      <c r="H211927" s="12"/>
    </row>
    <row r="211928" spans="8:8">
      <c r="H211928" s="12"/>
    </row>
    <row r="211929" spans="8:8">
      <c r="H211929" s="12"/>
    </row>
    <row r="211930" spans="8:8">
      <c r="H211930" s="12"/>
    </row>
    <row r="211931" spans="8:8">
      <c r="H211931" s="12"/>
    </row>
    <row r="211932" spans="8:8">
      <c r="H211932" s="12"/>
    </row>
    <row r="211933" spans="8:8">
      <c r="H211933" s="12"/>
    </row>
    <row r="211934" spans="8:8">
      <c r="H211934" s="12"/>
    </row>
    <row r="211935" spans="8:8">
      <c r="H211935" s="12"/>
    </row>
    <row r="211936" spans="8:8">
      <c r="H211936" s="12"/>
    </row>
    <row r="211937" spans="8:8">
      <c r="H211937" s="12"/>
    </row>
    <row r="211938" spans="8:8">
      <c r="H211938" s="12"/>
    </row>
    <row r="211939" spans="8:8">
      <c r="H211939" s="12"/>
    </row>
    <row r="211940" spans="8:8">
      <c r="H211940" s="12"/>
    </row>
    <row r="211941" spans="8:8">
      <c r="H211941" s="12"/>
    </row>
    <row r="211942" spans="8:8">
      <c r="H211942" s="12"/>
    </row>
    <row r="211943" spans="8:8">
      <c r="H211943" s="12"/>
    </row>
    <row r="211944" spans="8:8">
      <c r="H211944" s="12"/>
    </row>
    <row r="211945" spans="8:8">
      <c r="H211945" s="12"/>
    </row>
    <row r="211946" spans="8:8">
      <c r="H211946" s="12"/>
    </row>
    <row r="211947" spans="8:8">
      <c r="H211947" s="12"/>
    </row>
    <row r="211948" spans="8:8">
      <c r="H211948" s="12"/>
    </row>
    <row r="211949" spans="8:8">
      <c r="H211949" s="12"/>
    </row>
    <row r="211950" spans="8:8">
      <c r="H211950" s="12"/>
    </row>
    <row r="211951" spans="8:8">
      <c r="H211951" s="12"/>
    </row>
    <row r="211952" spans="8:8">
      <c r="H211952" s="12"/>
    </row>
    <row r="211953" spans="8:8">
      <c r="H211953" s="12"/>
    </row>
    <row r="211954" spans="8:8">
      <c r="H211954" s="12"/>
    </row>
    <row r="211955" spans="8:8">
      <c r="H211955" s="12"/>
    </row>
    <row r="211956" spans="8:8">
      <c r="H211956" s="12"/>
    </row>
    <row r="211957" spans="8:8">
      <c r="H211957" s="12"/>
    </row>
    <row r="211958" spans="8:8">
      <c r="H211958" s="12"/>
    </row>
    <row r="211959" spans="8:8">
      <c r="H211959" s="12"/>
    </row>
    <row r="211960" spans="8:8">
      <c r="H211960" s="12"/>
    </row>
    <row r="211961" spans="8:8">
      <c r="H211961" s="12"/>
    </row>
    <row r="211962" spans="8:8">
      <c r="H211962" s="12"/>
    </row>
    <row r="211963" spans="8:8">
      <c r="H211963" s="12"/>
    </row>
    <row r="211964" spans="8:8">
      <c r="H211964" s="12"/>
    </row>
    <row r="211965" spans="8:8">
      <c r="H211965" s="12"/>
    </row>
    <row r="211966" spans="8:8">
      <c r="H211966" s="12"/>
    </row>
    <row r="211967" spans="8:8">
      <c r="H211967" s="12"/>
    </row>
    <row r="211968" spans="8:8">
      <c r="H211968" s="12"/>
    </row>
    <row r="211969" spans="8:8">
      <c r="H211969" s="12"/>
    </row>
    <row r="211970" spans="8:8">
      <c r="H211970" s="12"/>
    </row>
    <row r="211971" spans="8:8">
      <c r="H211971" s="12"/>
    </row>
    <row r="211972" spans="8:8">
      <c r="H211972" s="12"/>
    </row>
    <row r="211973" spans="8:8">
      <c r="H211973" s="12"/>
    </row>
    <row r="211974" spans="8:8">
      <c r="H211974" s="12"/>
    </row>
    <row r="211975" spans="8:8">
      <c r="H211975" s="12"/>
    </row>
    <row r="211976" spans="8:8">
      <c r="H211976" s="12"/>
    </row>
    <row r="211977" spans="8:8">
      <c r="H211977" s="12"/>
    </row>
    <row r="211978" spans="8:8">
      <c r="H211978" s="12"/>
    </row>
    <row r="211979" spans="8:8">
      <c r="H211979" s="12"/>
    </row>
    <row r="211980" spans="8:8">
      <c r="H211980" s="12"/>
    </row>
    <row r="211981" spans="8:8">
      <c r="H211981" s="12"/>
    </row>
    <row r="211982" spans="8:8">
      <c r="H211982" s="12"/>
    </row>
    <row r="211983" spans="8:8">
      <c r="H211983" s="12"/>
    </row>
    <row r="211984" spans="8:8">
      <c r="H211984" s="12"/>
    </row>
    <row r="211985" spans="8:8">
      <c r="H211985" s="12"/>
    </row>
    <row r="211986" spans="8:8">
      <c r="H211986" s="12"/>
    </row>
    <row r="211987" spans="8:8">
      <c r="H211987" s="12"/>
    </row>
    <row r="211988" spans="8:8">
      <c r="H211988" s="12"/>
    </row>
    <row r="211989" spans="8:8">
      <c r="H211989" s="12"/>
    </row>
    <row r="211990" spans="8:8">
      <c r="H211990" s="12"/>
    </row>
    <row r="211991" spans="8:8">
      <c r="H211991" s="12"/>
    </row>
    <row r="211992" spans="8:8">
      <c r="H211992" s="12"/>
    </row>
    <row r="211993" spans="8:8">
      <c r="H211993" s="12"/>
    </row>
    <row r="211994" spans="8:8">
      <c r="H211994" s="12"/>
    </row>
    <row r="211995" spans="8:8">
      <c r="H211995" s="12"/>
    </row>
    <row r="211996" spans="8:8">
      <c r="H211996" s="12"/>
    </row>
    <row r="211997" spans="8:8">
      <c r="H211997" s="12"/>
    </row>
    <row r="211998" spans="8:8">
      <c r="H211998" s="12"/>
    </row>
    <row r="211999" spans="8:8">
      <c r="H211999" s="12"/>
    </row>
    <row r="212000" spans="8:8">
      <c r="H212000" s="12"/>
    </row>
    <row r="212001" spans="8:8">
      <c r="H212001" s="12"/>
    </row>
    <row r="212002" spans="8:8">
      <c r="H212002" s="12"/>
    </row>
    <row r="212003" spans="8:8">
      <c r="H212003" s="12"/>
    </row>
    <row r="212004" spans="8:8">
      <c r="H212004" s="12"/>
    </row>
    <row r="212005" spans="8:8">
      <c r="H212005" s="12"/>
    </row>
    <row r="212006" spans="8:8">
      <c r="H212006" s="12"/>
    </row>
    <row r="212007" spans="8:8">
      <c r="H212007" s="12"/>
    </row>
    <row r="212008" spans="8:8">
      <c r="H212008" s="12"/>
    </row>
    <row r="212009" spans="8:8">
      <c r="H212009" s="12"/>
    </row>
    <row r="212010" spans="8:8">
      <c r="H212010" s="12"/>
    </row>
    <row r="212011" spans="8:8">
      <c r="H212011" s="12"/>
    </row>
    <row r="212012" spans="8:8">
      <c r="H212012" s="12"/>
    </row>
    <row r="212013" spans="8:8">
      <c r="H212013" s="12"/>
    </row>
    <row r="212014" spans="8:8">
      <c r="H212014" s="12"/>
    </row>
    <row r="212015" spans="8:8">
      <c r="H212015" s="12"/>
    </row>
    <row r="212016" spans="8:8">
      <c r="H212016" s="12"/>
    </row>
    <row r="212017" spans="8:8">
      <c r="H212017" s="12"/>
    </row>
    <row r="212018" spans="8:8">
      <c r="H212018" s="12"/>
    </row>
    <row r="212019" spans="8:8">
      <c r="H212019" s="12"/>
    </row>
    <row r="212020" spans="8:8">
      <c r="H212020" s="12"/>
    </row>
    <row r="212021" spans="8:8">
      <c r="H212021" s="12"/>
    </row>
    <row r="212022" spans="8:8">
      <c r="H212022" s="12"/>
    </row>
    <row r="212023" spans="8:8">
      <c r="H212023" s="12"/>
    </row>
    <row r="212024" spans="8:8">
      <c r="H212024" s="12"/>
    </row>
    <row r="212025" spans="8:8">
      <c r="H212025" s="12"/>
    </row>
    <row r="212026" spans="8:8">
      <c r="H212026" s="12"/>
    </row>
    <row r="212027" spans="8:8">
      <c r="H212027" s="12"/>
    </row>
    <row r="212028" spans="8:8">
      <c r="H212028" s="12"/>
    </row>
    <row r="212029" spans="8:8">
      <c r="H212029" s="12"/>
    </row>
    <row r="212030" spans="8:8">
      <c r="H212030" s="12"/>
    </row>
    <row r="212031" spans="8:8">
      <c r="H212031" s="12"/>
    </row>
    <row r="212032" spans="8:8">
      <c r="H212032" s="12"/>
    </row>
    <row r="212033" spans="8:8">
      <c r="H212033" s="12"/>
    </row>
    <row r="212034" spans="8:8">
      <c r="H212034" s="12"/>
    </row>
    <row r="212035" spans="8:8">
      <c r="H212035" s="12"/>
    </row>
    <row r="212036" spans="8:8">
      <c r="H212036" s="12"/>
    </row>
    <row r="212037" spans="8:8">
      <c r="H212037" s="12"/>
    </row>
    <row r="212038" spans="8:8">
      <c r="H212038" s="12"/>
    </row>
    <row r="212039" spans="8:8">
      <c r="H212039" s="12"/>
    </row>
    <row r="212040" spans="8:8">
      <c r="H212040" s="12"/>
    </row>
    <row r="212041" spans="8:8">
      <c r="H212041" s="12"/>
    </row>
    <row r="212042" spans="8:8">
      <c r="H212042" s="12"/>
    </row>
    <row r="212043" spans="8:8">
      <c r="H212043" s="12"/>
    </row>
    <row r="212044" spans="8:8">
      <c r="H212044" s="12"/>
    </row>
    <row r="212045" spans="8:8">
      <c r="H212045" s="12"/>
    </row>
    <row r="212046" spans="8:8">
      <c r="H212046" s="12"/>
    </row>
    <row r="212047" spans="8:8">
      <c r="H212047" s="12"/>
    </row>
    <row r="212048" spans="8:8">
      <c r="H212048" s="12"/>
    </row>
    <row r="212049" spans="8:8">
      <c r="H212049" s="12"/>
    </row>
    <row r="212050" spans="8:8">
      <c r="H212050" s="12"/>
    </row>
    <row r="212051" spans="8:8">
      <c r="H212051" s="12"/>
    </row>
    <row r="212052" spans="8:8">
      <c r="H212052" s="12"/>
    </row>
    <row r="212053" spans="8:8">
      <c r="H212053" s="12"/>
    </row>
    <row r="212054" spans="8:8">
      <c r="H212054" s="12"/>
    </row>
    <row r="212055" spans="8:8">
      <c r="H212055" s="12"/>
    </row>
    <row r="212056" spans="8:8">
      <c r="H212056" s="12"/>
    </row>
    <row r="212057" spans="8:8">
      <c r="H212057" s="12"/>
    </row>
    <row r="212058" spans="8:8">
      <c r="H212058" s="12"/>
    </row>
    <row r="212059" spans="8:8">
      <c r="H212059" s="12"/>
    </row>
    <row r="212060" spans="8:8">
      <c r="H212060" s="12"/>
    </row>
    <row r="212061" spans="8:8">
      <c r="H212061" s="12"/>
    </row>
    <row r="212062" spans="8:8">
      <c r="H212062" s="12"/>
    </row>
    <row r="212063" spans="8:8">
      <c r="H212063" s="12"/>
    </row>
    <row r="212064" spans="8:8">
      <c r="H212064" s="12"/>
    </row>
    <row r="212065" spans="8:8">
      <c r="H212065" s="12"/>
    </row>
    <row r="212066" spans="8:8">
      <c r="H212066" s="12"/>
    </row>
    <row r="212067" spans="8:8">
      <c r="H212067" s="12"/>
    </row>
    <row r="212068" spans="8:8">
      <c r="H212068" s="12"/>
    </row>
    <row r="212069" spans="8:8">
      <c r="H212069" s="12"/>
    </row>
    <row r="212070" spans="8:8">
      <c r="H212070" s="12"/>
    </row>
    <row r="212071" spans="8:8">
      <c r="H212071" s="12"/>
    </row>
    <row r="212072" spans="8:8">
      <c r="H212072" s="12"/>
    </row>
    <row r="212073" spans="8:8">
      <c r="H212073" s="12"/>
    </row>
    <row r="212074" spans="8:8">
      <c r="H212074" s="12"/>
    </row>
    <row r="212075" spans="8:8">
      <c r="H212075" s="12"/>
    </row>
    <row r="212076" spans="8:8">
      <c r="H212076" s="12"/>
    </row>
    <row r="212077" spans="8:8">
      <c r="H212077" s="12"/>
    </row>
    <row r="212078" spans="8:8">
      <c r="H212078" s="12"/>
    </row>
    <row r="212079" spans="8:8">
      <c r="H212079" s="12"/>
    </row>
    <row r="212080" spans="8:8">
      <c r="H212080" s="12"/>
    </row>
    <row r="212081" spans="8:8">
      <c r="H212081" s="12"/>
    </row>
    <row r="212082" spans="8:8">
      <c r="H212082" s="12"/>
    </row>
    <row r="212083" spans="8:8">
      <c r="H212083" s="12"/>
    </row>
    <row r="212084" spans="8:8">
      <c r="H212084" s="12"/>
    </row>
    <row r="212085" spans="8:8">
      <c r="H212085" s="12"/>
    </row>
    <row r="212086" spans="8:8">
      <c r="H212086" s="12"/>
    </row>
    <row r="212087" spans="8:8">
      <c r="H212087" s="12"/>
    </row>
    <row r="212088" spans="8:8">
      <c r="H212088" s="12"/>
    </row>
    <row r="212089" spans="8:8">
      <c r="H212089" s="12"/>
    </row>
    <row r="212090" spans="8:8">
      <c r="H212090" s="12"/>
    </row>
    <row r="212091" spans="8:8">
      <c r="H212091" s="12"/>
    </row>
    <row r="212092" spans="8:8">
      <c r="H212092" s="12"/>
    </row>
    <row r="212093" spans="8:8">
      <c r="H212093" s="12"/>
    </row>
    <row r="212094" spans="8:8">
      <c r="H212094" s="12"/>
    </row>
    <row r="212095" spans="8:8">
      <c r="H212095" s="12"/>
    </row>
    <row r="212096" spans="8:8">
      <c r="H212096" s="12"/>
    </row>
    <row r="212097" spans="8:8">
      <c r="H212097" s="12"/>
    </row>
    <row r="212098" spans="8:8">
      <c r="H212098" s="12"/>
    </row>
    <row r="212099" spans="8:8">
      <c r="H212099" s="12"/>
    </row>
    <row r="212100" spans="8:8">
      <c r="H212100" s="12"/>
    </row>
    <row r="212101" spans="8:8">
      <c r="H212101" s="12"/>
    </row>
    <row r="212102" spans="8:8">
      <c r="H212102" s="12"/>
    </row>
    <row r="212103" spans="8:8">
      <c r="H212103" s="12"/>
    </row>
    <row r="212104" spans="8:8">
      <c r="H212104" s="12"/>
    </row>
    <row r="212105" spans="8:8">
      <c r="H212105" s="12"/>
    </row>
    <row r="212106" spans="8:8">
      <c r="H212106" s="12"/>
    </row>
    <row r="212107" spans="8:8">
      <c r="H212107" s="12"/>
    </row>
    <row r="212108" spans="8:8">
      <c r="H212108" s="12"/>
    </row>
    <row r="212109" spans="8:8">
      <c r="H212109" s="12"/>
    </row>
    <row r="212110" spans="8:8">
      <c r="H212110" s="12"/>
    </row>
    <row r="212111" spans="8:8">
      <c r="H212111" s="12"/>
    </row>
    <row r="212112" spans="8:8">
      <c r="H212112" s="12"/>
    </row>
    <row r="212113" spans="8:8">
      <c r="H212113" s="12"/>
    </row>
    <row r="212114" spans="8:8">
      <c r="H212114" s="12"/>
    </row>
    <row r="212115" spans="8:8">
      <c r="H212115" s="12"/>
    </row>
    <row r="212116" spans="8:8">
      <c r="H212116" s="12"/>
    </row>
    <row r="212117" spans="8:8">
      <c r="H212117" s="12"/>
    </row>
    <row r="212118" spans="8:8">
      <c r="H212118" s="12"/>
    </row>
    <row r="212119" spans="8:8">
      <c r="H212119" s="12"/>
    </row>
    <row r="212120" spans="8:8">
      <c r="H212120" s="12"/>
    </row>
    <row r="212121" spans="8:8">
      <c r="H212121" s="12"/>
    </row>
    <row r="212122" spans="8:8">
      <c r="H212122" s="12"/>
    </row>
    <row r="212123" spans="8:8">
      <c r="H212123" s="12"/>
    </row>
    <row r="212124" spans="8:8">
      <c r="H212124" s="12"/>
    </row>
    <row r="212125" spans="8:8">
      <c r="H212125" s="12"/>
    </row>
    <row r="212126" spans="8:8">
      <c r="H212126" s="12"/>
    </row>
    <row r="212127" spans="8:8">
      <c r="H212127" s="12"/>
    </row>
    <row r="212128" spans="8:8">
      <c r="H212128" s="12"/>
    </row>
    <row r="212129" spans="8:8">
      <c r="H212129" s="12"/>
    </row>
    <row r="212130" spans="8:8">
      <c r="H212130" s="12"/>
    </row>
    <row r="212131" spans="8:8">
      <c r="H212131" s="12"/>
    </row>
    <row r="212132" spans="8:8">
      <c r="H212132" s="12"/>
    </row>
    <row r="212133" spans="8:8">
      <c r="H212133" s="12"/>
    </row>
    <row r="212134" spans="8:8">
      <c r="H212134" s="12"/>
    </row>
    <row r="212135" spans="8:8">
      <c r="H212135" s="12"/>
    </row>
    <row r="212136" spans="8:8">
      <c r="H212136" s="12"/>
    </row>
    <row r="212137" spans="8:8">
      <c r="H212137" s="12"/>
    </row>
    <row r="212138" spans="8:8">
      <c r="H212138" s="12"/>
    </row>
    <row r="212139" spans="8:8">
      <c r="H212139" s="12"/>
    </row>
    <row r="212140" spans="8:8">
      <c r="H212140" s="12"/>
    </row>
    <row r="212141" spans="8:8">
      <c r="H212141" s="12"/>
    </row>
    <row r="212142" spans="8:8">
      <c r="H212142" s="12"/>
    </row>
    <row r="212143" spans="8:8">
      <c r="H212143" s="12"/>
    </row>
    <row r="212144" spans="8:8">
      <c r="H212144" s="12"/>
    </row>
    <row r="212145" spans="8:8">
      <c r="H212145" s="12"/>
    </row>
    <row r="212146" spans="8:8">
      <c r="H212146" s="12"/>
    </row>
    <row r="212147" spans="8:8">
      <c r="H212147" s="12"/>
    </row>
    <row r="212148" spans="8:8">
      <c r="H212148" s="12"/>
    </row>
    <row r="212149" spans="8:8">
      <c r="H212149" s="12"/>
    </row>
    <row r="212150" spans="8:8">
      <c r="H212150" s="12"/>
    </row>
    <row r="212151" spans="8:8">
      <c r="H212151" s="12"/>
    </row>
    <row r="212152" spans="8:8">
      <c r="H212152" s="12"/>
    </row>
    <row r="212153" spans="8:8">
      <c r="H212153" s="12"/>
    </row>
    <row r="212154" spans="8:8">
      <c r="H212154" s="12"/>
    </row>
    <row r="212155" spans="8:8">
      <c r="H212155" s="12"/>
    </row>
    <row r="212156" spans="8:8">
      <c r="H212156" s="12"/>
    </row>
    <row r="212157" spans="8:8">
      <c r="H212157" s="12"/>
    </row>
    <row r="212158" spans="8:8">
      <c r="H212158" s="12"/>
    </row>
    <row r="212159" spans="8:8">
      <c r="H212159" s="12"/>
    </row>
    <row r="212160" spans="8:8">
      <c r="H212160" s="12"/>
    </row>
    <row r="212161" spans="8:8">
      <c r="H212161" s="12"/>
    </row>
    <row r="212162" spans="8:8">
      <c r="H212162" s="12"/>
    </row>
    <row r="212163" spans="8:8">
      <c r="H212163" s="12"/>
    </row>
    <row r="212164" spans="8:8">
      <c r="H212164" s="12"/>
    </row>
    <row r="212165" spans="8:8">
      <c r="H212165" s="12"/>
    </row>
    <row r="212166" spans="8:8">
      <c r="H212166" s="12"/>
    </row>
    <row r="212167" spans="8:8">
      <c r="H212167" s="12"/>
    </row>
    <row r="212168" spans="8:8">
      <c r="H212168" s="12"/>
    </row>
    <row r="212169" spans="8:8">
      <c r="H212169" s="12"/>
    </row>
    <row r="212170" spans="8:8">
      <c r="H212170" s="12"/>
    </row>
    <row r="212171" spans="8:8">
      <c r="H212171" s="12"/>
    </row>
    <row r="212172" spans="8:8">
      <c r="H212172" s="12"/>
    </row>
    <row r="212173" spans="8:8">
      <c r="H212173" s="12"/>
    </row>
    <row r="212174" spans="8:8">
      <c r="H212174" s="12"/>
    </row>
    <row r="212175" spans="8:8">
      <c r="H212175" s="12"/>
    </row>
    <row r="212176" spans="8:8">
      <c r="H212176" s="12"/>
    </row>
    <row r="212177" spans="8:8">
      <c r="H212177" s="12"/>
    </row>
    <row r="212178" spans="8:8">
      <c r="H212178" s="12"/>
    </row>
    <row r="212179" spans="8:8">
      <c r="H212179" s="12"/>
    </row>
    <row r="212180" spans="8:8">
      <c r="H212180" s="12"/>
    </row>
    <row r="212181" spans="8:8">
      <c r="H212181" s="12"/>
    </row>
    <row r="212182" spans="8:8">
      <c r="H212182" s="12"/>
    </row>
    <row r="212183" spans="8:8">
      <c r="H212183" s="12"/>
    </row>
    <row r="212184" spans="8:8">
      <c r="H212184" s="12"/>
    </row>
    <row r="212185" spans="8:8">
      <c r="H212185" s="12"/>
    </row>
    <row r="212186" spans="8:8">
      <c r="H212186" s="12"/>
    </row>
    <row r="212187" spans="8:8">
      <c r="H212187" s="12"/>
    </row>
    <row r="212188" spans="8:8">
      <c r="H212188" s="12"/>
    </row>
    <row r="212189" spans="8:8">
      <c r="H212189" s="12"/>
    </row>
    <row r="212190" spans="8:8">
      <c r="H212190" s="12"/>
    </row>
    <row r="212191" spans="8:8">
      <c r="H212191" s="12"/>
    </row>
    <row r="212192" spans="8:8">
      <c r="H212192" s="12"/>
    </row>
    <row r="212193" spans="8:8">
      <c r="H212193" s="12"/>
    </row>
    <row r="212194" spans="8:8">
      <c r="H212194" s="12"/>
    </row>
    <row r="212195" spans="8:8">
      <c r="H212195" s="12"/>
    </row>
    <row r="212196" spans="8:8">
      <c r="H212196" s="12"/>
    </row>
    <row r="212197" spans="8:8">
      <c r="H212197" s="12"/>
    </row>
    <row r="212198" spans="8:8">
      <c r="H212198" s="12"/>
    </row>
    <row r="212199" spans="8:8">
      <c r="H212199" s="12"/>
    </row>
    <row r="212200" spans="8:8">
      <c r="H212200" s="12"/>
    </row>
    <row r="212201" spans="8:8">
      <c r="H212201" s="12"/>
    </row>
    <row r="212202" spans="8:8">
      <c r="H212202" s="12"/>
    </row>
    <row r="212203" spans="8:8">
      <c r="H212203" s="12"/>
    </row>
    <row r="212204" spans="8:8">
      <c r="H212204" s="12"/>
    </row>
    <row r="212205" spans="8:8">
      <c r="H212205" s="12"/>
    </row>
    <row r="212206" spans="8:8">
      <c r="H212206" s="12"/>
    </row>
    <row r="212207" spans="8:8">
      <c r="H212207" s="12"/>
    </row>
    <row r="212208" spans="8:8">
      <c r="H212208" s="12"/>
    </row>
    <row r="212209" spans="8:8">
      <c r="H212209" s="12"/>
    </row>
    <row r="212210" spans="8:8">
      <c r="H212210" s="12"/>
    </row>
    <row r="212211" spans="8:8">
      <c r="H212211" s="12"/>
    </row>
    <row r="212212" spans="8:8">
      <c r="H212212" s="12"/>
    </row>
    <row r="212213" spans="8:8">
      <c r="H212213" s="12"/>
    </row>
    <row r="212214" spans="8:8">
      <c r="H212214" s="12"/>
    </row>
    <row r="212215" spans="8:8">
      <c r="H212215" s="12"/>
    </row>
    <row r="212216" spans="8:8">
      <c r="H212216" s="12"/>
    </row>
    <row r="212217" spans="8:8">
      <c r="H212217" s="12"/>
    </row>
    <row r="212218" spans="8:8">
      <c r="H212218" s="12"/>
    </row>
    <row r="212219" spans="8:8">
      <c r="H212219" s="12"/>
    </row>
    <row r="212220" spans="8:8">
      <c r="H212220" s="12"/>
    </row>
    <row r="212221" spans="8:8">
      <c r="H212221" s="12"/>
    </row>
    <row r="212222" spans="8:8">
      <c r="H212222" s="12"/>
    </row>
    <row r="212223" spans="8:8">
      <c r="H212223" s="12"/>
    </row>
    <row r="212224" spans="8:8">
      <c r="H212224" s="12"/>
    </row>
    <row r="212225" spans="8:8">
      <c r="H212225" s="12"/>
    </row>
    <row r="212226" spans="8:8">
      <c r="H212226" s="12"/>
    </row>
    <row r="212227" spans="8:8">
      <c r="H212227" s="12"/>
    </row>
    <row r="212228" spans="8:8">
      <c r="H212228" s="12"/>
    </row>
    <row r="212229" spans="8:8">
      <c r="H212229" s="12"/>
    </row>
    <row r="212230" spans="8:8">
      <c r="H212230" s="12"/>
    </row>
    <row r="212231" spans="8:8">
      <c r="H212231" s="12"/>
    </row>
    <row r="212232" spans="8:8">
      <c r="H212232" s="12"/>
    </row>
    <row r="212233" spans="8:8">
      <c r="H212233" s="12"/>
    </row>
    <row r="212234" spans="8:8">
      <c r="H212234" s="12"/>
    </row>
    <row r="212235" spans="8:8">
      <c r="H212235" s="12"/>
    </row>
    <row r="212236" spans="8:8">
      <c r="H212236" s="12"/>
    </row>
    <row r="212237" spans="8:8">
      <c r="H212237" s="12"/>
    </row>
    <row r="212238" spans="8:8">
      <c r="H212238" s="12"/>
    </row>
    <row r="212239" spans="8:8">
      <c r="H212239" s="12"/>
    </row>
    <row r="212240" spans="8:8">
      <c r="H212240" s="12"/>
    </row>
    <row r="212241" spans="8:8">
      <c r="H212241" s="12"/>
    </row>
    <row r="212242" spans="8:8">
      <c r="H212242" s="12"/>
    </row>
    <row r="212243" spans="8:8">
      <c r="H212243" s="12"/>
    </row>
    <row r="212244" spans="8:8">
      <c r="H212244" s="12"/>
    </row>
    <row r="212245" spans="8:8">
      <c r="H212245" s="12"/>
    </row>
    <row r="212246" spans="8:8">
      <c r="H212246" s="12"/>
    </row>
    <row r="212247" spans="8:8">
      <c r="H212247" s="12"/>
    </row>
    <row r="212248" spans="8:8">
      <c r="H212248" s="12"/>
    </row>
    <row r="212249" spans="8:8">
      <c r="H212249" s="12"/>
    </row>
    <row r="212250" spans="8:8">
      <c r="H212250" s="12"/>
    </row>
    <row r="212251" spans="8:8">
      <c r="H212251" s="12"/>
    </row>
    <row r="212252" spans="8:8">
      <c r="H212252" s="12"/>
    </row>
    <row r="212253" spans="8:8">
      <c r="H212253" s="12"/>
    </row>
    <row r="212254" spans="8:8">
      <c r="H212254" s="12"/>
    </row>
    <row r="212255" spans="8:8">
      <c r="H212255" s="12"/>
    </row>
    <row r="212256" spans="8:8">
      <c r="H212256" s="12"/>
    </row>
    <row r="212257" spans="8:8">
      <c r="H212257" s="12"/>
    </row>
    <row r="212258" spans="8:8">
      <c r="H212258" s="12"/>
    </row>
    <row r="212259" spans="8:8">
      <c r="H212259" s="12"/>
    </row>
    <row r="212260" spans="8:8">
      <c r="H212260" s="12"/>
    </row>
    <row r="212261" spans="8:8">
      <c r="H212261" s="12"/>
    </row>
    <row r="212262" spans="8:8">
      <c r="H212262" s="12"/>
    </row>
    <row r="212263" spans="8:8">
      <c r="H212263" s="12"/>
    </row>
    <row r="212264" spans="8:8">
      <c r="H212264" s="12"/>
    </row>
    <row r="212265" spans="8:8">
      <c r="H212265" s="12"/>
    </row>
    <row r="212266" spans="8:8">
      <c r="H212266" s="12"/>
    </row>
    <row r="212267" spans="8:8">
      <c r="H212267" s="12"/>
    </row>
    <row r="212268" spans="8:8">
      <c r="H212268" s="12"/>
    </row>
    <row r="212269" spans="8:8">
      <c r="H212269" s="12"/>
    </row>
    <row r="212270" spans="8:8">
      <c r="H212270" s="12"/>
    </row>
    <row r="212271" spans="8:8">
      <c r="H212271" s="12"/>
    </row>
    <row r="212272" spans="8:8">
      <c r="H212272" s="12"/>
    </row>
    <row r="212273" spans="8:8">
      <c r="H212273" s="12"/>
    </row>
    <row r="212274" spans="8:8">
      <c r="H212274" s="12"/>
    </row>
    <row r="212275" spans="8:8">
      <c r="H212275" s="12"/>
    </row>
    <row r="212276" spans="8:8">
      <c r="H212276" s="12"/>
    </row>
    <row r="212277" spans="8:8">
      <c r="H212277" s="12"/>
    </row>
    <row r="212278" spans="8:8">
      <c r="H212278" s="12"/>
    </row>
    <row r="212279" spans="8:8">
      <c r="H212279" s="12"/>
    </row>
    <row r="212280" spans="8:8">
      <c r="H212280" s="12"/>
    </row>
    <row r="212281" spans="8:8">
      <c r="H212281" s="12"/>
    </row>
    <row r="212282" spans="8:8">
      <c r="H212282" s="12"/>
    </row>
    <row r="212283" spans="8:8">
      <c r="H212283" s="12"/>
    </row>
    <row r="212284" spans="8:8">
      <c r="H212284" s="12"/>
    </row>
    <row r="212285" spans="8:8">
      <c r="H212285" s="12"/>
    </row>
    <row r="212286" spans="8:8">
      <c r="H212286" s="12"/>
    </row>
    <row r="212287" spans="8:8">
      <c r="H212287" s="12"/>
    </row>
    <row r="212288" spans="8:8">
      <c r="H212288" s="12"/>
    </row>
    <row r="212289" spans="8:8">
      <c r="H212289" s="12"/>
    </row>
    <row r="212290" spans="8:8">
      <c r="H212290" s="12"/>
    </row>
    <row r="212291" spans="8:8">
      <c r="H212291" s="12"/>
    </row>
    <row r="212292" spans="8:8">
      <c r="H212292" s="12"/>
    </row>
    <row r="212293" spans="8:8">
      <c r="H212293" s="12"/>
    </row>
    <row r="212294" spans="8:8">
      <c r="H212294" s="12"/>
    </row>
    <row r="212295" spans="8:8">
      <c r="H212295" s="12"/>
    </row>
    <row r="212296" spans="8:8">
      <c r="H212296" s="12"/>
    </row>
    <row r="212297" spans="8:8">
      <c r="H212297" s="12"/>
    </row>
    <row r="212298" spans="8:8">
      <c r="H212298" s="12"/>
    </row>
    <row r="212299" spans="8:8">
      <c r="H212299" s="12"/>
    </row>
    <row r="212300" spans="8:8">
      <c r="H212300" s="12"/>
    </row>
    <row r="212301" spans="8:8">
      <c r="H212301" s="12"/>
    </row>
    <row r="212302" spans="8:8">
      <c r="H212302" s="12"/>
    </row>
    <row r="212303" spans="8:8">
      <c r="H212303" s="12"/>
    </row>
    <row r="212304" spans="8:8">
      <c r="H212304" s="12"/>
    </row>
    <row r="212305" spans="8:8">
      <c r="H212305" s="12"/>
    </row>
    <row r="212306" spans="8:8">
      <c r="H212306" s="12"/>
    </row>
    <row r="212307" spans="8:8">
      <c r="H212307" s="12"/>
    </row>
    <row r="212308" spans="8:8">
      <c r="H212308" s="12"/>
    </row>
    <row r="212309" spans="8:8">
      <c r="H212309" s="12"/>
    </row>
    <row r="212310" spans="8:8">
      <c r="H212310" s="12"/>
    </row>
    <row r="212311" spans="8:8">
      <c r="H212311" s="12"/>
    </row>
    <row r="212312" spans="8:8">
      <c r="H212312" s="12"/>
    </row>
    <row r="212313" spans="8:8">
      <c r="H212313" s="12"/>
    </row>
    <row r="212314" spans="8:8">
      <c r="H212314" s="12"/>
    </row>
    <row r="212315" spans="8:8">
      <c r="H212315" s="12"/>
    </row>
    <row r="212316" spans="8:8">
      <c r="H212316" s="12"/>
    </row>
    <row r="212317" spans="8:8">
      <c r="H212317" s="12"/>
    </row>
    <row r="212318" spans="8:8">
      <c r="H212318" s="12"/>
    </row>
    <row r="212319" spans="8:8">
      <c r="H212319" s="12"/>
    </row>
    <row r="212320" spans="8:8">
      <c r="H212320" s="12"/>
    </row>
    <row r="212321" spans="8:8">
      <c r="H212321" s="12"/>
    </row>
    <row r="212322" spans="8:8">
      <c r="H212322" s="12"/>
    </row>
    <row r="212323" spans="8:8">
      <c r="H212323" s="12"/>
    </row>
    <row r="212324" spans="8:8">
      <c r="H212324" s="12"/>
    </row>
    <row r="212325" spans="8:8">
      <c r="H212325" s="12"/>
    </row>
    <row r="212326" spans="8:8">
      <c r="H212326" s="12"/>
    </row>
    <row r="212327" spans="8:8">
      <c r="H212327" s="12"/>
    </row>
    <row r="212328" spans="8:8">
      <c r="H212328" s="12"/>
    </row>
    <row r="212329" spans="8:8">
      <c r="H212329" s="12"/>
    </row>
    <row r="212330" spans="8:8">
      <c r="H212330" s="12"/>
    </row>
    <row r="212331" spans="8:8">
      <c r="H212331" s="12"/>
    </row>
    <row r="212332" spans="8:8">
      <c r="H212332" s="12"/>
    </row>
    <row r="212333" spans="8:8">
      <c r="H212333" s="12"/>
    </row>
    <row r="212334" spans="8:8">
      <c r="H212334" s="12"/>
    </row>
    <row r="212335" spans="8:8">
      <c r="H212335" s="12"/>
    </row>
    <row r="212336" spans="8:8">
      <c r="H212336" s="12"/>
    </row>
    <row r="212337" spans="8:8">
      <c r="H212337" s="12"/>
    </row>
    <row r="212338" spans="8:8">
      <c r="H212338" s="12"/>
    </row>
    <row r="212339" spans="8:8">
      <c r="H212339" s="12"/>
    </row>
    <row r="212340" spans="8:8">
      <c r="H212340" s="12"/>
    </row>
    <row r="212341" spans="8:8">
      <c r="H212341" s="12"/>
    </row>
    <row r="212342" spans="8:8">
      <c r="H212342" s="12"/>
    </row>
    <row r="212343" spans="8:8">
      <c r="H212343" s="12"/>
    </row>
    <row r="212344" spans="8:8">
      <c r="H212344" s="12"/>
    </row>
    <row r="212345" spans="8:8">
      <c r="H212345" s="12"/>
    </row>
    <row r="212346" spans="8:8">
      <c r="H212346" s="12"/>
    </row>
    <row r="212347" spans="8:8">
      <c r="H212347" s="12"/>
    </row>
    <row r="212348" spans="8:8">
      <c r="H212348" s="12"/>
    </row>
    <row r="212349" spans="8:8">
      <c r="H212349" s="12"/>
    </row>
    <row r="212350" spans="8:8">
      <c r="H212350" s="12"/>
    </row>
    <row r="212351" spans="8:8">
      <c r="H212351" s="12"/>
    </row>
    <row r="212352" spans="8:8">
      <c r="H212352" s="12"/>
    </row>
    <row r="212353" spans="8:8">
      <c r="H212353" s="12"/>
    </row>
    <row r="212354" spans="8:8">
      <c r="H212354" s="12"/>
    </row>
    <row r="212355" spans="8:8">
      <c r="H212355" s="12"/>
    </row>
    <row r="212356" spans="8:8">
      <c r="H212356" s="12"/>
    </row>
    <row r="212357" spans="8:8">
      <c r="H212357" s="12"/>
    </row>
    <row r="212358" spans="8:8">
      <c r="H212358" s="12"/>
    </row>
    <row r="212359" spans="8:8">
      <c r="H212359" s="12"/>
    </row>
    <row r="212360" spans="8:8">
      <c r="H212360" s="12"/>
    </row>
    <row r="212361" spans="8:8">
      <c r="H212361" s="12"/>
    </row>
    <row r="212362" spans="8:8">
      <c r="H212362" s="12"/>
    </row>
    <row r="212363" spans="8:8">
      <c r="H212363" s="12"/>
    </row>
    <row r="212364" spans="8:8">
      <c r="H212364" s="12"/>
    </row>
    <row r="212365" spans="8:8">
      <c r="H212365" s="12"/>
    </row>
    <row r="212366" spans="8:8">
      <c r="H212366" s="12"/>
    </row>
    <row r="212367" spans="8:8">
      <c r="H212367" s="12"/>
    </row>
    <row r="212368" spans="8:8">
      <c r="H212368" s="12"/>
    </row>
    <row r="212369" spans="8:8">
      <c r="H212369" s="12"/>
    </row>
    <row r="212370" spans="8:8">
      <c r="H212370" s="12"/>
    </row>
    <row r="212371" spans="8:8">
      <c r="H212371" s="12"/>
    </row>
    <row r="212372" spans="8:8">
      <c r="H212372" s="12"/>
    </row>
    <row r="212373" spans="8:8">
      <c r="H212373" s="12"/>
    </row>
    <row r="212374" spans="8:8">
      <c r="H212374" s="12"/>
    </row>
    <row r="212375" spans="8:8">
      <c r="H212375" s="12"/>
    </row>
    <row r="212376" spans="8:8">
      <c r="H212376" s="12"/>
    </row>
    <row r="212377" spans="8:8">
      <c r="H212377" s="12"/>
    </row>
    <row r="212378" spans="8:8">
      <c r="H212378" s="12"/>
    </row>
    <row r="212379" spans="8:8">
      <c r="H212379" s="12"/>
    </row>
    <row r="212380" spans="8:8">
      <c r="H212380" s="12"/>
    </row>
    <row r="212381" spans="8:8">
      <c r="H212381" s="12"/>
    </row>
    <row r="212382" spans="8:8">
      <c r="H212382" s="12"/>
    </row>
    <row r="212383" spans="8:8">
      <c r="H212383" s="12"/>
    </row>
    <row r="212384" spans="8:8">
      <c r="H212384" s="12"/>
    </row>
    <row r="212385" spans="8:8">
      <c r="H212385" s="12"/>
    </row>
    <row r="212386" spans="8:8">
      <c r="H212386" s="12"/>
    </row>
    <row r="212387" spans="8:8">
      <c r="H212387" s="12"/>
    </row>
    <row r="212388" spans="8:8">
      <c r="H212388" s="12"/>
    </row>
    <row r="212389" spans="8:8">
      <c r="H212389" s="12"/>
    </row>
    <row r="212390" spans="8:8">
      <c r="H212390" s="12"/>
    </row>
    <row r="212391" spans="8:8">
      <c r="H212391" s="12"/>
    </row>
    <row r="212392" spans="8:8">
      <c r="H212392" s="12"/>
    </row>
    <row r="212393" spans="8:8">
      <c r="H212393" s="12"/>
    </row>
    <row r="212394" spans="8:8">
      <c r="H212394" s="12"/>
    </row>
    <row r="212395" spans="8:8">
      <c r="H212395" s="12"/>
    </row>
    <row r="212396" spans="8:8">
      <c r="H212396" s="12"/>
    </row>
    <row r="212397" spans="8:8">
      <c r="H212397" s="12"/>
    </row>
    <row r="212398" spans="8:8">
      <c r="H212398" s="12"/>
    </row>
    <row r="212399" spans="8:8">
      <c r="H212399" s="12"/>
    </row>
    <row r="212400" spans="8:8">
      <c r="H212400" s="12"/>
    </row>
    <row r="212401" spans="8:8">
      <c r="H212401" s="12"/>
    </row>
    <row r="212402" spans="8:8">
      <c r="H212402" s="12"/>
    </row>
    <row r="212403" spans="8:8">
      <c r="H212403" s="12"/>
    </row>
    <row r="212404" spans="8:8">
      <c r="H212404" s="12"/>
    </row>
    <row r="212405" spans="8:8">
      <c r="H212405" s="12"/>
    </row>
    <row r="212406" spans="8:8">
      <c r="H212406" s="12"/>
    </row>
    <row r="212407" spans="8:8">
      <c r="H212407" s="12"/>
    </row>
    <row r="212408" spans="8:8">
      <c r="H212408" s="12"/>
    </row>
    <row r="212409" spans="8:8">
      <c r="H212409" s="12"/>
    </row>
    <row r="212410" spans="8:8">
      <c r="H212410" s="12"/>
    </row>
    <row r="212411" spans="8:8">
      <c r="H212411" s="12"/>
    </row>
    <row r="212412" spans="8:8">
      <c r="H212412" s="12"/>
    </row>
    <row r="212413" spans="8:8">
      <c r="H212413" s="12"/>
    </row>
    <row r="212414" spans="8:8">
      <c r="H212414" s="12"/>
    </row>
    <row r="212415" spans="8:8">
      <c r="H212415" s="12"/>
    </row>
    <row r="212416" spans="8:8">
      <c r="H212416" s="12"/>
    </row>
    <row r="212417" spans="8:8">
      <c r="H212417" s="12"/>
    </row>
    <row r="212418" spans="8:8">
      <c r="H212418" s="12"/>
    </row>
    <row r="212419" spans="8:8">
      <c r="H212419" s="12"/>
    </row>
    <row r="212420" spans="8:8">
      <c r="H212420" s="12"/>
    </row>
    <row r="212421" spans="8:8">
      <c r="H212421" s="12"/>
    </row>
    <row r="212422" spans="8:8">
      <c r="H212422" s="12"/>
    </row>
    <row r="212423" spans="8:8">
      <c r="H212423" s="12"/>
    </row>
    <row r="212424" spans="8:8">
      <c r="H212424" s="12"/>
    </row>
    <row r="212425" spans="8:8">
      <c r="H212425" s="12"/>
    </row>
    <row r="212426" spans="8:8">
      <c r="H212426" s="12"/>
    </row>
    <row r="212427" spans="8:8">
      <c r="H212427" s="12"/>
    </row>
    <row r="212428" spans="8:8">
      <c r="H212428" s="12"/>
    </row>
    <row r="212429" spans="8:8">
      <c r="H212429" s="12"/>
    </row>
    <row r="212430" spans="8:8">
      <c r="H212430" s="12"/>
    </row>
    <row r="212431" spans="8:8">
      <c r="H212431" s="12"/>
    </row>
    <row r="212432" spans="8:8">
      <c r="H212432" s="12"/>
    </row>
    <row r="212433" spans="8:8">
      <c r="H212433" s="12"/>
    </row>
    <row r="212434" spans="8:8">
      <c r="H212434" s="12"/>
    </row>
    <row r="212435" spans="8:8">
      <c r="H212435" s="12"/>
    </row>
    <row r="212436" spans="8:8">
      <c r="H212436" s="12"/>
    </row>
    <row r="212437" spans="8:8">
      <c r="H212437" s="12"/>
    </row>
    <row r="212438" spans="8:8">
      <c r="H212438" s="12"/>
    </row>
    <row r="212439" spans="8:8">
      <c r="H212439" s="12"/>
    </row>
    <row r="212440" spans="8:8">
      <c r="H212440" s="12"/>
    </row>
    <row r="212441" spans="8:8">
      <c r="H212441" s="12"/>
    </row>
    <row r="212442" spans="8:8">
      <c r="H212442" s="12"/>
    </row>
    <row r="212443" spans="8:8">
      <c r="H212443" s="12"/>
    </row>
    <row r="212444" spans="8:8">
      <c r="H212444" s="12"/>
    </row>
    <row r="212445" spans="8:8">
      <c r="H212445" s="12"/>
    </row>
    <row r="212446" spans="8:8">
      <c r="H212446" s="12"/>
    </row>
    <row r="212447" spans="8:8">
      <c r="H212447" s="12"/>
    </row>
    <row r="212448" spans="8:8">
      <c r="H212448" s="12"/>
    </row>
    <row r="212449" spans="8:8">
      <c r="H212449" s="12"/>
    </row>
    <row r="212450" spans="8:8">
      <c r="H212450" s="12"/>
    </row>
    <row r="212451" spans="8:8">
      <c r="H212451" s="12"/>
    </row>
    <row r="212452" spans="8:8">
      <c r="H212452" s="12"/>
    </row>
    <row r="212453" spans="8:8">
      <c r="H212453" s="12"/>
    </row>
    <row r="212454" spans="8:8">
      <c r="H212454" s="12"/>
    </row>
    <row r="212455" spans="8:8">
      <c r="H212455" s="12"/>
    </row>
    <row r="212456" spans="8:8">
      <c r="H212456" s="12"/>
    </row>
    <row r="212457" spans="8:8">
      <c r="H212457" s="12"/>
    </row>
    <row r="212458" spans="8:8">
      <c r="H212458" s="12"/>
    </row>
    <row r="212459" spans="8:8">
      <c r="H212459" s="12"/>
    </row>
    <row r="212460" spans="8:8">
      <c r="H212460" s="12"/>
    </row>
    <row r="212461" spans="8:8">
      <c r="H212461" s="12"/>
    </row>
    <row r="212462" spans="8:8">
      <c r="H212462" s="12"/>
    </row>
    <row r="212463" spans="8:8">
      <c r="H212463" s="12"/>
    </row>
    <row r="212464" spans="8:8">
      <c r="H212464" s="12"/>
    </row>
    <row r="212465" spans="8:8">
      <c r="H212465" s="12"/>
    </row>
    <row r="212466" spans="8:8">
      <c r="H212466" s="12"/>
    </row>
    <row r="212467" spans="8:8">
      <c r="H212467" s="12"/>
    </row>
    <row r="212468" spans="8:8">
      <c r="H212468" s="12"/>
    </row>
    <row r="212469" spans="8:8">
      <c r="H212469" s="12"/>
    </row>
    <row r="212470" spans="8:8">
      <c r="H212470" s="12"/>
    </row>
    <row r="212471" spans="8:8">
      <c r="H212471" s="12"/>
    </row>
    <row r="212472" spans="8:8">
      <c r="H212472" s="12"/>
    </row>
    <row r="212473" spans="8:8">
      <c r="H212473" s="12"/>
    </row>
    <row r="212474" spans="8:8">
      <c r="H212474" s="12"/>
    </row>
    <row r="212475" spans="8:8">
      <c r="H212475" s="12"/>
    </row>
    <row r="212476" spans="8:8">
      <c r="H212476" s="12"/>
    </row>
    <row r="212477" spans="8:8">
      <c r="H212477" s="12"/>
    </row>
    <row r="212478" spans="8:8">
      <c r="H212478" s="12"/>
    </row>
    <row r="212479" spans="8:8">
      <c r="H212479" s="12"/>
    </row>
    <row r="212480" spans="8:8">
      <c r="H212480" s="12"/>
    </row>
    <row r="212481" spans="8:8">
      <c r="H212481" s="12"/>
    </row>
    <row r="212482" spans="8:8">
      <c r="H212482" s="12"/>
    </row>
    <row r="212483" spans="8:8">
      <c r="H212483" s="12"/>
    </row>
    <row r="212484" spans="8:8">
      <c r="H212484" s="12"/>
    </row>
    <row r="212485" spans="8:8">
      <c r="H212485" s="12"/>
    </row>
    <row r="212486" spans="8:8">
      <c r="H212486" s="12"/>
    </row>
    <row r="212487" spans="8:8">
      <c r="H212487" s="12"/>
    </row>
    <row r="212488" spans="8:8">
      <c r="H212488" s="12"/>
    </row>
    <row r="212489" spans="8:8">
      <c r="H212489" s="12"/>
    </row>
    <row r="212490" spans="8:8">
      <c r="H212490" s="12"/>
    </row>
    <row r="212491" spans="8:8">
      <c r="H212491" s="12"/>
    </row>
    <row r="212492" spans="8:8">
      <c r="H212492" s="12"/>
    </row>
    <row r="212493" spans="8:8">
      <c r="H212493" s="12"/>
    </row>
    <row r="212494" spans="8:8">
      <c r="H212494" s="12"/>
    </row>
    <row r="212495" spans="8:8">
      <c r="H212495" s="12"/>
    </row>
    <row r="212496" spans="8:8">
      <c r="H212496" s="12"/>
    </row>
    <row r="212497" spans="8:8">
      <c r="H212497" s="12"/>
    </row>
    <row r="212498" spans="8:8">
      <c r="H212498" s="12"/>
    </row>
    <row r="212499" spans="8:8">
      <c r="H212499" s="12"/>
    </row>
    <row r="212500" spans="8:8">
      <c r="H212500" s="12"/>
    </row>
    <row r="212501" spans="8:8">
      <c r="H212501" s="12"/>
    </row>
    <row r="212502" spans="8:8">
      <c r="H212502" s="12"/>
    </row>
    <row r="212503" spans="8:8">
      <c r="H212503" s="12"/>
    </row>
    <row r="212504" spans="8:8">
      <c r="H212504" s="12"/>
    </row>
    <row r="212505" spans="8:8">
      <c r="H212505" s="12"/>
    </row>
    <row r="212506" spans="8:8">
      <c r="H212506" s="12"/>
    </row>
    <row r="212507" spans="8:8">
      <c r="H212507" s="12"/>
    </row>
    <row r="212508" spans="8:8">
      <c r="H212508" s="12"/>
    </row>
    <row r="212509" spans="8:8">
      <c r="H212509" s="12"/>
    </row>
    <row r="212510" spans="8:8">
      <c r="H212510" s="12"/>
    </row>
    <row r="212511" spans="8:8">
      <c r="H212511" s="12"/>
    </row>
    <row r="212512" spans="8:8">
      <c r="H212512" s="12"/>
    </row>
    <row r="212513" spans="8:8">
      <c r="H212513" s="12"/>
    </row>
    <row r="212514" spans="8:8">
      <c r="H212514" s="12"/>
    </row>
    <row r="212515" spans="8:8">
      <c r="H212515" s="12"/>
    </row>
    <row r="212516" spans="8:8">
      <c r="H212516" s="12"/>
    </row>
    <row r="212517" spans="8:8">
      <c r="H212517" s="12"/>
    </row>
    <row r="212518" spans="8:8">
      <c r="H212518" s="12"/>
    </row>
    <row r="212519" spans="8:8">
      <c r="H212519" s="12"/>
    </row>
    <row r="212520" spans="8:8">
      <c r="H212520" s="12"/>
    </row>
    <row r="212521" spans="8:8">
      <c r="H212521" s="12"/>
    </row>
    <row r="212522" spans="8:8">
      <c r="H212522" s="12"/>
    </row>
    <row r="212523" spans="8:8">
      <c r="H212523" s="12"/>
    </row>
    <row r="212524" spans="8:8">
      <c r="H212524" s="12"/>
    </row>
    <row r="212525" spans="8:8">
      <c r="H212525" s="12"/>
    </row>
    <row r="212526" spans="8:8">
      <c r="H212526" s="12"/>
    </row>
    <row r="212527" spans="8:8">
      <c r="H212527" s="12"/>
    </row>
    <row r="212528" spans="8:8">
      <c r="H212528" s="12"/>
    </row>
    <row r="212529" spans="8:8">
      <c r="H212529" s="12"/>
    </row>
    <row r="212530" spans="8:8">
      <c r="H212530" s="12"/>
    </row>
    <row r="212531" spans="8:8">
      <c r="H212531" s="12"/>
    </row>
    <row r="212532" spans="8:8">
      <c r="H212532" s="12"/>
    </row>
    <row r="212533" spans="8:8">
      <c r="H212533" s="12"/>
    </row>
    <row r="212534" spans="8:8">
      <c r="H212534" s="12"/>
    </row>
    <row r="212535" spans="8:8">
      <c r="H212535" s="12"/>
    </row>
    <row r="212536" spans="8:8">
      <c r="H212536" s="12"/>
    </row>
    <row r="212537" spans="8:8">
      <c r="H212537" s="12"/>
    </row>
    <row r="212538" spans="8:8">
      <c r="H212538" s="12"/>
    </row>
    <row r="212539" spans="8:8">
      <c r="H212539" s="12"/>
    </row>
    <row r="212540" spans="8:8">
      <c r="H212540" s="12"/>
    </row>
    <row r="212541" spans="8:8">
      <c r="H212541" s="12"/>
    </row>
    <row r="212542" spans="8:8">
      <c r="H212542" s="12"/>
    </row>
    <row r="212543" spans="8:8">
      <c r="H212543" s="12"/>
    </row>
    <row r="212544" spans="8:8">
      <c r="H212544" s="12"/>
    </row>
    <row r="212545" spans="8:8">
      <c r="H212545" s="12"/>
    </row>
    <row r="212546" spans="8:8">
      <c r="H212546" s="12"/>
    </row>
    <row r="212547" spans="8:8">
      <c r="H212547" s="12"/>
    </row>
    <row r="212548" spans="8:8">
      <c r="H212548" s="12"/>
    </row>
    <row r="212549" spans="8:8">
      <c r="H212549" s="12"/>
    </row>
    <row r="212550" spans="8:8">
      <c r="H212550" s="12"/>
    </row>
    <row r="212551" spans="8:8">
      <c r="H212551" s="12"/>
    </row>
    <row r="212552" spans="8:8">
      <c r="H212552" s="12"/>
    </row>
    <row r="212553" spans="8:8">
      <c r="H212553" s="12"/>
    </row>
    <row r="212554" spans="8:8">
      <c r="H212554" s="12"/>
    </row>
    <row r="212555" spans="8:8">
      <c r="H212555" s="12"/>
    </row>
    <row r="212556" spans="8:8">
      <c r="H212556" s="12"/>
    </row>
    <row r="212557" spans="8:8">
      <c r="H212557" s="12"/>
    </row>
    <row r="212558" spans="8:8">
      <c r="H212558" s="12"/>
    </row>
    <row r="212559" spans="8:8">
      <c r="H212559" s="12"/>
    </row>
    <row r="212560" spans="8:8">
      <c r="H212560" s="12"/>
    </row>
    <row r="212561" spans="8:8">
      <c r="H212561" s="12"/>
    </row>
    <row r="212562" spans="8:8">
      <c r="H212562" s="12"/>
    </row>
    <row r="212563" spans="8:8">
      <c r="H212563" s="12"/>
    </row>
    <row r="212564" spans="8:8">
      <c r="H212564" s="12"/>
    </row>
    <row r="212565" spans="8:8">
      <c r="H212565" s="12"/>
    </row>
    <row r="212566" spans="8:8">
      <c r="H212566" s="12"/>
    </row>
    <row r="212567" spans="8:8">
      <c r="H212567" s="12"/>
    </row>
    <row r="212568" spans="8:8">
      <c r="H212568" s="12"/>
    </row>
    <row r="212569" spans="8:8">
      <c r="H212569" s="12"/>
    </row>
    <row r="212570" spans="8:8">
      <c r="H212570" s="12"/>
    </row>
    <row r="212571" spans="8:8">
      <c r="H212571" s="12"/>
    </row>
    <row r="212572" spans="8:8">
      <c r="H212572" s="12"/>
    </row>
    <row r="212573" spans="8:8">
      <c r="H212573" s="12"/>
    </row>
    <row r="212574" spans="8:8">
      <c r="H212574" s="12"/>
    </row>
    <row r="212575" spans="8:8">
      <c r="H212575" s="12"/>
    </row>
    <row r="212576" spans="8:8">
      <c r="H212576" s="12"/>
    </row>
    <row r="212577" spans="8:8">
      <c r="H212577" s="12"/>
    </row>
    <row r="212578" spans="8:8">
      <c r="H212578" s="12"/>
    </row>
    <row r="212579" spans="8:8">
      <c r="H212579" s="12"/>
    </row>
    <row r="212580" spans="8:8">
      <c r="H212580" s="12"/>
    </row>
    <row r="212581" spans="8:8">
      <c r="H212581" s="12"/>
    </row>
    <row r="212582" spans="8:8">
      <c r="H212582" s="12"/>
    </row>
    <row r="212583" spans="8:8">
      <c r="H212583" s="12"/>
    </row>
    <row r="212584" spans="8:8">
      <c r="H212584" s="12"/>
    </row>
    <row r="212585" spans="8:8">
      <c r="H212585" s="12"/>
    </row>
    <row r="212586" spans="8:8">
      <c r="H212586" s="12"/>
    </row>
    <row r="212587" spans="8:8">
      <c r="H212587" s="12"/>
    </row>
    <row r="212588" spans="8:8">
      <c r="H212588" s="12"/>
    </row>
    <row r="212589" spans="8:8">
      <c r="H212589" s="12"/>
    </row>
    <row r="212590" spans="8:8">
      <c r="H212590" s="12"/>
    </row>
    <row r="212591" spans="8:8">
      <c r="H212591" s="12"/>
    </row>
    <row r="212592" spans="8:8">
      <c r="H212592" s="12"/>
    </row>
    <row r="212593" spans="8:8">
      <c r="H212593" s="12"/>
    </row>
    <row r="212594" spans="8:8">
      <c r="H212594" s="12"/>
    </row>
    <row r="212595" spans="8:8">
      <c r="H212595" s="12"/>
    </row>
    <row r="212596" spans="8:8">
      <c r="H212596" s="12"/>
    </row>
    <row r="212597" spans="8:8">
      <c r="H212597" s="12"/>
    </row>
    <row r="212598" spans="8:8">
      <c r="H212598" s="12"/>
    </row>
    <row r="212599" spans="8:8">
      <c r="H212599" s="12"/>
    </row>
    <row r="212600" spans="8:8">
      <c r="H212600" s="12"/>
    </row>
    <row r="212601" spans="8:8">
      <c r="H212601" s="12"/>
    </row>
    <row r="212602" spans="8:8">
      <c r="H212602" s="12"/>
    </row>
    <row r="212603" spans="8:8">
      <c r="H212603" s="12"/>
    </row>
    <row r="212604" spans="8:8">
      <c r="H212604" s="12"/>
    </row>
    <row r="212605" spans="8:8">
      <c r="H212605" s="12"/>
    </row>
    <row r="212606" spans="8:8">
      <c r="H212606" s="12"/>
    </row>
    <row r="212607" spans="8:8">
      <c r="H212607" s="12"/>
    </row>
    <row r="212608" spans="8:8">
      <c r="H212608" s="12"/>
    </row>
    <row r="212609" spans="8:8">
      <c r="H212609" s="12"/>
    </row>
    <row r="212610" spans="8:8">
      <c r="H212610" s="12"/>
    </row>
    <row r="212611" spans="8:8">
      <c r="H212611" s="12"/>
    </row>
    <row r="212612" spans="8:8">
      <c r="H212612" s="12"/>
    </row>
    <row r="212613" spans="8:8">
      <c r="H212613" s="12"/>
    </row>
    <row r="212614" spans="8:8">
      <c r="H212614" s="12"/>
    </row>
    <row r="212615" spans="8:8">
      <c r="H212615" s="12"/>
    </row>
    <row r="212616" spans="8:8">
      <c r="H212616" s="12"/>
    </row>
    <row r="212617" spans="8:8">
      <c r="H212617" s="12"/>
    </row>
    <row r="212618" spans="8:8">
      <c r="H212618" s="12"/>
    </row>
    <row r="212619" spans="8:8">
      <c r="H212619" s="12"/>
    </row>
    <row r="212620" spans="8:8">
      <c r="H212620" s="12"/>
    </row>
    <row r="212621" spans="8:8">
      <c r="H212621" s="12"/>
    </row>
    <row r="212622" spans="8:8">
      <c r="H212622" s="12"/>
    </row>
    <row r="212623" spans="8:8">
      <c r="H212623" s="12"/>
    </row>
    <row r="212624" spans="8:8">
      <c r="H212624" s="12"/>
    </row>
    <row r="212625" spans="8:8">
      <c r="H212625" s="12"/>
    </row>
    <row r="212626" spans="8:8">
      <c r="H212626" s="12"/>
    </row>
    <row r="212627" spans="8:8">
      <c r="H212627" s="12"/>
    </row>
    <row r="212628" spans="8:8">
      <c r="H212628" s="12"/>
    </row>
    <row r="212629" spans="8:8">
      <c r="H212629" s="12"/>
    </row>
    <row r="212630" spans="8:8">
      <c r="H212630" s="12"/>
    </row>
    <row r="212631" spans="8:8">
      <c r="H212631" s="12"/>
    </row>
    <row r="212632" spans="8:8">
      <c r="H212632" s="12"/>
    </row>
    <row r="212633" spans="8:8">
      <c r="H212633" s="12"/>
    </row>
    <row r="212634" spans="8:8">
      <c r="H212634" s="12"/>
    </row>
    <row r="212635" spans="8:8">
      <c r="H212635" s="12"/>
    </row>
    <row r="212636" spans="8:8">
      <c r="H212636" s="12"/>
    </row>
    <row r="212637" spans="8:8">
      <c r="H212637" s="12"/>
    </row>
    <row r="212638" spans="8:8">
      <c r="H212638" s="12"/>
    </row>
    <row r="212639" spans="8:8">
      <c r="H212639" s="12"/>
    </row>
    <row r="212640" spans="8:8">
      <c r="H212640" s="12"/>
    </row>
    <row r="212641" spans="8:8">
      <c r="H212641" s="12"/>
    </row>
    <row r="212642" spans="8:8">
      <c r="H212642" s="12"/>
    </row>
    <row r="212643" spans="8:8">
      <c r="H212643" s="12"/>
    </row>
    <row r="212644" spans="8:8">
      <c r="H212644" s="12"/>
    </row>
    <row r="212645" spans="8:8">
      <c r="H212645" s="12"/>
    </row>
    <row r="212646" spans="8:8">
      <c r="H212646" s="12"/>
    </row>
    <row r="212647" spans="8:8">
      <c r="H212647" s="12"/>
    </row>
    <row r="212648" spans="8:8">
      <c r="H212648" s="12"/>
    </row>
    <row r="212649" spans="8:8">
      <c r="H212649" s="12"/>
    </row>
    <row r="212650" spans="8:8">
      <c r="H212650" s="12"/>
    </row>
    <row r="212651" spans="8:8">
      <c r="H212651" s="12"/>
    </row>
    <row r="212652" spans="8:8">
      <c r="H212652" s="12"/>
    </row>
    <row r="212653" spans="8:8">
      <c r="H212653" s="12"/>
    </row>
    <row r="212654" spans="8:8">
      <c r="H212654" s="12"/>
    </row>
    <row r="212655" spans="8:8">
      <c r="H212655" s="12"/>
    </row>
    <row r="212656" spans="8:8">
      <c r="H212656" s="12"/>
    </row>
    <row r="212657" spans="8:8">
      <c r="H212657" s="12"/>
    </row>
    <row r="212658" spans="8:8">
      <c r="H212658" s="12"/>
    </row>
    <row r="212659" spans="8:8">
      <c r="H212659" s="12"/>
    </row>
    <row r="212660" spans="8:8">
      <c r="H212660" s="12"/>
    </row>
    <row r="212661" spans="8:8">
      <c r="H212661" s="12"/>
    </row>
    <row r="212662" spans="8:8">
      <c r="H212662" s="12"/>
    </row>
    <row r="212663" spans="8:8">
      <c r="H212663" s="12"/>
    </row>
    <row r="212664" spans="8:8">
      <c r="H212664" s="12"/>
    </row>
    <row r="212665" spans="8:8">
      <c r="H212665" s="12"/>
    </row>
    <row r="212666" spans="8:8">
      <c r="H212666" s="12"/>
    </row>
    <row r="212667" spans="8:8">
      <c r="H212667" s="12"/>
    </row>
    <row r="212668" spans="8:8">
      <c r="H212668" s="12"/>
    </row>
    <row r="212669" spans="8:8">
      <c r="H212669" s="12"/>
    </row>
    <row r="212670" spans="8:8">
      <c r="H212670" s="12"/>
    </row>
    <row r="212671" spans="8:8">
      <c r="H212671" s="12"/>
    </row>
    <row r="212672" spans="8:8">
      <c r="H212672" s="12"/>
    </row>
    <row r="212673" spans="8:8">
      <c r="H212673" s="12"/>
    </row>
    <row r="212674" spans="8:8">
      <c r="H212674" s="12"/>
    </row>
    <row r="212675" spans="8:8">
      <c r="H212675" s="12"/>
    </row>
    <row r="212676" spans="8:8">
      <c r="H212676" s="12"/>
    </row>
    <row r="212677" spans="8:8">
      <c r="H212677" s="12"/>
    </row>
    <row r="212678" spans="8:8">
      <c r="H212678" s="12"/>
    </row>
    <row r="212679" spans="8:8">
      <c r="H212679" s="12"/>
    </row>
    <row r="212680" spans="8:8">
      <c r="H212680" s="12"/>
    </row>
    <row r="212681" spans="8:8">
      <c r="H212681" s="12"/>
    </row>
    <row r="212682" spans="8:8">
      <c r="H212682" s="12"/>
    </row>
    <row r="212683" spans="8:8">
      <c r="H212683" s="12"/>
    </row>
    <row r="212684" spans="8:8">
      <c r="H212684" s="12"/>
    </row>
    <row r="212685" spans="8:8">
      <c r="H212685" s="12"/>
    </row>
    <row r="212686" spans="8:8">
      <c r="H212686" s="12"/>
    </row>
    <row r="212687" spans="8:8">
      <c r="H212687" s="12"/>
    </row>
    <row r="212688" spans="8:8">
      <c r="H212688" s="12"/>
    </row>
    <row r="212689" spans="8:8">
      <c r="H212689" s="12"/>
    </row>
    <row r="212690" spans="8:8">
      <c r="H212690" s="12"/>
    </row>
    <row r="212691" spans="8:8">
      <c r="H212691" s="12"/>
    </row>
    <row r="212692" spans="8:8">
      <c r="H212692" s="12"/>
    </row>
    <row r="212693" spans="8:8">
      <c r="H212693" s="12"/>
    </row>
    <row r="212694" spans="8:8">
      <c r="H212694" s="12"/>
    </row>
    <row r="212695" spans="8:8">
      <c r="H212695" s="12"/>
    </row>
    <row r="212696" spans="8:8">
      <c r="H212696" s="12"/>
    </row>
    <row r="212697" spans="8:8">
      <c r="H212697" s="12"/>
    </row>
    <row r="212698" spans="8:8">
      <c r="H212698" s="12"/>
    </row>
    <row r="212699" spans="8:8">
      <c r="H212699" s="12"/>
    </row>
    <row r="212700" spans="8:8">
      <c r="H212700" s="12"/>
    </row>
    <row r="212701" spans="8:8">
      <c r="H212701" s="12"/>
    </row>
    <row r="212702" spans="8:8">
      <c r="H212702" s="12"/>
    </row>
    <row r="212703" spans="8:8">
      <c r="H212703" s="12"/>
    </row>
    <row r="212704" spans="8:8">
      <c r="H212704" s="12"/>
    </row>
    <row r="212705" spans="8:8">
      <c r="H212705" s="12"/>
    </row>
    <row r="212706" spans="8:8">
      <c r="H212706" s="12"/>
    </row>
    <row r="212707" spans="8:8">
      <c r="H212707" s="12"/>
    </row>
    <row r="212708" spans="8:8">
      <c r="H212708" s="12"/>
    </row>
    <row r="212709" spans="8:8">
      <c r="H212709" s="12"/>
    </row>
    <row r="212710" spans="8:8">
      <c r="H212710" s="12"/>
    </row>
    <row r="212711" spans="8:8">
      <c r="H212711" s="12"/>
    </row>
    <row r="212712" spans="8:8">
      <c r="H212712" s="12"/>
    </row>
    <row r="212713" spans="8:8">
      <c r="H212713" s="12"/>
    </row>
    <row r="212714" spans="8:8">
      <c r="H212714" s="12"/>
    </row>
    <row r="212715" spans="8:8">
      <c r="H212715" s="12"/>
    </row>
    <row r="212716" spans="8:8">
      <c r="H212716" s="12"/>
    </row>
    <row r="212717" spans="8:8">
      <c r="H212717" s="12"/>
    </row>
    <row r="212718" spans="8:8">
      <c r="H212718" s="12"/>
    </row>
    <row r="212719" spans="8:8">
      <c r="H212719" s="12"/>
    </row>
    <row r="212720" spans="8:8">
      <c r="H212720" s="12"/>
    </row>
    <row r="212721" spans="8:8">
      <c r="H212721" s="12"/>
    </row>
    <row r="212722" spans="8:8">
      <c r="H212722" s="12"/>
    </row>
    <row r="212723" spans="8:8">
      <c r="H212723" s="12"/>
    </row>
    <row r="212724" spans="8:8">
      <c r="H212724" s="12"/>
    </row>
    <row r="212725" spans="8:8">
      <c r="H212725" s="12"/>
    </row>
    <row r="212726" spans="8:8">
      <c r="H212726" s="12"/>
    </row>
    <row r="212727" spans="8:8">
      <c r="H212727" s="12"/>
    </row>
    <row r="212728" spans="8:8">
      <c r="H212728" s="12"/>
    </row>
    <row r="212729" spans="8:8">
      <c r="H212729" s="12"/>
    </row>
    <row r="212730" spans="8:8">
      <c r="H212730" s="12"/>
    </row>
    <row r="212731" spans="8:8">
      <c r="H212731" s="12"/>
    </row>
    <row r="212732" spans="8:8">
      <c r="H212732" s="12"/>
    </row>
    <row r="212733" spans="8:8">
      <c r="H212733" s="12"/>
    </row>
    <row r="212734" spans="8:8">
      <c r="H212734" s="12"/>
    </row>
    <row r="212735" spans="8:8">
      <c r="H212735" s="12"/>
    </row>
    <row r="212736" spans="8:8">
      <c r="H212736" s="12"/>
    </row>
    <row r="212737" spans="8:8">
      <c r="H212737" s="12"/>
    </row>
    <row r="212738" spans="8:8">
      <c r="H212738" s="12"/>
    </row>
    <row r="212739" spans="8:8">
      <c r="H212739" s="12"/>
    </row>
    <row r="212740" spans="8:8">
      <c r="H212740" s="12"/>
    </row>
    <row r="212741" spans="8:8">
      <c r="H212741" s="12"/>
    </row>
    <row r="212742" spans="8:8">
      <c r="H212742" s="12"/>
    </row>
    <row r="212743" spans="8:8">
      <c r="H212743" s="12"/>
    </row>
    <row r="212744" spans="8:8">
      <c r="H212744" s="12"/>
    </row>
    <row r="212745" spans="8:8">
      <c r="H212745" s="12"/>
    </row>
    <row r="212746" spans="8:8">
      <c r="H212746" s="12"/>
    </row>
    <row r="212747" spans="8:8">
      <c r="H212747" s="12"/>
    </row>
    <row r="212748" spans="8:8">
      <c r="H212748" s="12"/>
    </row>
    <row r="212749" spans="8:8">
      <c r="H212749" s="12"/>
    </row>
    <row r="212750" spans="8:8">
      <c r="H212750" s="12"/>
    </row>
    <row r="212751" spans="8:8">
      <c r="H212751" s="12"/>
    </row>
    <row r="212752" spans="8:8">
      <c r="H212752" s="12"/>
    </row>
    <row r="212753" spans="8:8">
      <c r="H212753" s="12"/>
    </row>
    <row r="212754" spans="8:8">
      <c r="H212754" s="12"/>
    </row>
    <row r="212755" spans="8:8">
      <c r="H212755" s="12"/>
    </row>
    <row r="212756" spans="8:8">
      <c r="H212756" s="12"/>
    </row>
    <row r="212757" spans="8:8">
      <c r="H212757" s="12"/>
    </row>
    <row r="212758" spans="8:8">
      <c r="H212758" s="12"/>
    </row>
    <row r="212759" spans="8:8">
      <c r="H212759" s="12"/>
    </row>
    <row r="212760" spans="8:8">
      <c r="H212760" s="12"/>
    </row>
    <row r="212761" spans="8:8">
      <c r="H212761" s="12"/>
    </row>
    <row r="212762" spans="8:8">
      <c r="H212762" s="12"/>
    </row>
    <row r="212763" spans="8:8">
      <c r="H212763" s="12"/>
    </row>
    <row r="212764" spans="8:8">
      <c r="H212764" s="12"/>
    </row>
    <row r="212765" spans="8:8">
      <c r="H212765" s="12"/>
    </row>
    <row r="212766" spans="8:8">
      <c r="H212766" s="12"/>
    </row>
    <row r="212767" spans="8:8">
      <c r="H212767" s="12"/>
    </row>
    <row r="212768" spans="8:8">
      <c r="H212768" s="12"/>
    </row>
    <row r="212769" spans="8:8">
      <c r="H212769" s="12"/>
    </row>
    <row r="212770" spans="8:8">
      <c r="H212770" s="12"/>
    </row>
    <row r="212771" spans="8:8">
      <c r="H212771" s="12"/>
    </row>
    <row r="212772" spans="8:8">
      <c r="H212772" s="12"/>
    </row>
    <row r="212773" spans="8:8">
      <c r="H212773" s="12"/>
    </row>
    <row r="212774" spans="8:8">
      <c r="H212774" s="12"/>
    </row>
    <row r="212775" spans="8:8">
      <c r="H212775" s="12"/>
    </row>
    <row r="212776" spans="8:8">
      <c r="H212776" s="12"/>
    </row>
    <row r="212777" spans="8:8">
      <c r="H212777" s="12"/>
    </row>
    <row r="212778" spans="8:8">
      <c r="H212778" s="12"/>
    </row>
    <row r="212779" spans="8:8">
      <c r="H212779" s="12"/>
    </row>
    <row r="212780" spans="8:8">
      <c r="H212780" s="12"/>
    </row>
    <row r="212781" spans="8:8">
      <c r="H212781" s="12"/>
    </row>
    <row r="212782" spans="8:8">
      <c r="H212782" s="12"/>
    </row>
    <row r="212783" spans="8:8">
      <c r="H212783" s="12"/>
    </row>
    <row r="212784" spans="8:8">
      <c r="H212784" s="12"/>
    </row>
    <row r="212785" spans="8:8">
      <c r="H212785" s="12"/>
    </row>
    <row r="212786" spans="8:8">
      <c r="H212786" s="12"/>
    </row>
    <row r="212787" spans="8:8">
      <c r="H212787" s="12"/>
    </row>
    <row r="212788" spans="8:8">
      <c r="H212788" s="12"/>
    </row>
    <row r="212789" spans="8:8">
      <c r="H212789" s="12"/>
    </row>
    <row r="212790" spans="8:8">
      <c r="H212790" s="12"/>
    </row>
    <row r="212791" spans="8:8">
      <c r="H212791" s="12"/>
    </row>
    <row r="212792" spans="8:8">
      <c r="H212792" s="12"/>
    </row>
    <row r="212793" spans="8:8">
      <c r="H212793" s="12"/>
    </row>
    <row r="212794" spans="8:8">
      <c r="H212794" s="12"/>
    </row>
    <row r="212795" spans="8:8">
      <c r="H212795" s="12"/>
    </row>
    <row r="212796" spans="8:8">
      <c r="H212796" s="12"/>
    </row>
    <row r="212797" spans="8:8">
      <c r="H212797" s="12"/>
    </row>
    <row r="212798" spans="8:8">
      <c r="H212798" s="12"/>
    </row>
    <row r="212799" spans="8:8">
      <c r="H212799" s="12"/>
    </row>
    <row r="212800" spans="8:8">
      <c r="H212800" s="12"/>
    </row>
    <row r="212801" spans="8:8">
      <c r="H212801" s="12"/>
    </row>
    <row r="212802" spans="8:8">
      <c r="H212802" s="12"/>
    </row>
    <row r="212803" spans="8:8">
      <c r="H212803" s="12"/>
    </row>
    <row r="212804" spans="8:8">
      <c r="H212804" s="12"/>
    </row>
    <row r="212805" spans="8:8">
      <c r="H212805" s="12"/>
    </row>
    <row r="212806" spans="8:8">
      <c r="H212806" s="12"/>
    </row>
    <row r="212807" spans="8:8">
      <c r="H212807" s="12"/>
    </row>
    <row r="212808" spans="8:8">
      <c r="H212808" s="12"/>
    </row>
    <row r="212809" spans="8:8">
      <c r="H212809" s="12"/>
    </row>
    <row r="212810" spans="8:8">
      <c r="H212810" s="12"/>
    </row>
    <row r="212811" spans="8:8">
      <c r="H212811" s="12"/>
    </row>
    <row r="212812" spans="8:8">
      <c r="H212812" s="12"/>
    </row>
    <row r="212813" spans="8:8">
      <c r="H212813" s="12"/>
    </row>
    <row r="212814" spans="8:8">
      <c r="H212814" s="12"/>
    </row>
    <row r="212815" spans="8:8">
      <c r="H212815" s="12"/>
    </row>
    <row r="212816" spans="8:8">
      <c r="H212816" s="12"/>
    </row>
    <row r="212817" spans="8:8">
      <c r="H212817" s="12"/>
    </row>
    <row r="212818" spans="8:8">
      <c r="H212818" s="12"/>
    </row>
    <row r="212819" spans="8:8">
      <c r="H212819" s="12"/>
    </row>
    <row r="212820" spans="8:8">
      <c r="H212820" s="12"/>
    </row>
    <row r="212821" spans="8:8">
      <c r="H212821" s="12"/>
    </row>
    <row r="212822" spans="8:8">
      <c r="H212822" s="12"/>
    </row>
    <row r="212823" spans="8:8">
      <c r="H212823" s="12"/>
    </row>
    <row r="212824" spans="8:8">
      <c r="H212824" s="12"/>
    </row>
    <row r="212825" spans="8:8">
      <c r="H212825" s="12"/>
    </row>
    <row r="212826" spans="8:8">
      <c r="H212826" s="12"/>
    </row>
    <row r="212827" spans="8:8">
      <c r="H212827" s="12"/>
    </row>
    <row r="212828" spans="8:8">
      <c r="H212828" s="12"/>
    </row>
    <row r="212829" spans="8:8">
      <c r="H212829" s="12"/>
    </row>
    <row r="212830" spans="8:8">
      <c r="H212830" s="12"/>
    </row>
    <row r="212831" spans="8:8">
      <c r="H212831" s="12"/>
    </row>
    <row r="212832" spans="8:8">
      <c r="H212832" s="12"/>
    </row>
    <row r="212833" spans="8:8">
      <c r="H212833" s="12"/>
    </row>
    <row r="212834" spans="8:8">
      <c r="H212834" s="12"/>
    </row>
    <row r="212835" spans="8:8">
      <c r="H212835" s="12"/>
    </row>
    <row r="212836" spans="8:8">
      <c r="H212836" s="12"/>
    </row>
    <row r="212837" spans="8:8">
      <c r="H212837" s="12"/>
    </row>
    <row r="212838" spans="8:8">
      <c r="H212838" s="12"/>
    </row>
    <row r="212839" spans="8:8">
      <c r="H212839" s="12"/>
    </row>
    <row r="212840" spans="8:8">
      <c r="H212840" s="12"/>
    </row>
    <row r="212841" spans="8:8">
      <c r="H212841" s="12"/>
    </row>
    <row r="212842" spans="8:8">
      <c r="H212842" s="12"/>
    </row>
    <row r="212843" spans="8:8">
      <c r="H212843" s="12"/>
    </row>
    <row r="212844" spans="8:8">
      <c r="H212844" s="12"/>
    </row>
    <row r="212845" spans="8:8">
      <c r="H212845" s="12"/>
    </row>
    <row r="212846" spans="8:8">
      <c r="H212846" s="12"/>
    </row>
    <row r="212847" spans="8:8">
      <c r="H212847" s="12"/>
    </row>
    <row r="212848" spans="8:8">
      <c r="H212848" s="12"/>
    </row>
    <row r="212849" spans="8:8">
      <c r="H212849" s="12"/>
    </row>
    <row r="212850" spans="8:8">
      <c r="H212850" s="12"/>
    </row>
    <row r="212851" spans="8:8">
      <c r="H212851" s="12"/>
    </row>
    <row r="212852" spans="8:8">
      <c r="H212852" s="12"/>
    </row>
    <row r="212853" spans="8:8">
      <c r="H212853" s="12"/>
    </row>
    <row r="212854" spans="8:8">
      <c r="H212854" s="12"/>
    </row>
    <row r="212855" spans="8:8">
      <c r="H212855" s="12"/>
    </row>
    <row r="212856" spans="8:8">
      <c r="H212856" s="12"/>
    </row>
    <row r="212857" spans="8:8">
      <c r="H212857" s="12"/>
    </row>
    <row r="212858" spans="8:8">
      <c r="H212858" s="12"/>
    </row>
    <row r="212859" spans="8:8">
      <c r="H212859" s="12"/>
    </row>
    <row r="212860" spans="8:8">
      <c r="H212860" s="12"/>
    </row>
    <row r="212861" spans="8:8">
      <c r="H212861" s="12"/>
    </row>
    <row r="212862" spans="8:8">
      <c r="H212862" s="12"/>
    </row>
    <row r="212863" spans="8:8">
      <c r="H212863" s="12"/>
    </row>
    <row r="212864" spans="8:8">
      <c r="H212864" s="12"/>
    </row>
    <row r="212865" spans="8:8">
      <c r="H212865" s="12"/>
    </row>
    <row r="212866" spans="8:8">
      <c r="H212866" s="12"/>
    </row>
    <row r="212867" spans="8:8">
      <c r="H212867" s="12"/>
    </row>
    <row r="212868" spans="8:8">
      <c r="H212868" s="12"/>
    </row>
    <row r="212869" spans="8:8">
      <c r="H212869" s="12"/>
    </row>
    <row r="212870" spans="8:8">
      <c r="H212870" s="12"/>
    </row>
    <row r="212871" spans="8:8">
      <c r="H212871" s="12"/>
    </row>
    <row r="212872" spans="8:8">
      <c r="H212872" s="12"/>
    </row>
    <row r="212873" spans="8:8">
      <c r="H212873" s="12"/>
    </row>
    <row r="212874" spans="8:8">
      <c r="H212874" s="12"/>
    </row>
    <row r="212875" spans="8:8">
      <c r="H212875" s="12"/>
    </row>
    <row r="212876" spans="8:8">
      <c r="H212876" s="12"/>
    </row>
    <row r="212877" spans="8:8">
      <c r="H212877" s="12"/>
    </row>
    <row r="212878" spans="8:8">
      <c r="H212878" s="12"/>
    </row>
    <row r="212879" spans="8:8">
      <c r="H212879" s="12"/>
    </row>
    <row r="212880" spans="8:8">
      <c r="H212880" s="12"/>
    </row>
    <row r="212881" spans="8:8">
      <c r="H212881" s="12"/>
    </row>
    <row r="212882" spans="8:8">
      <c r="H212882" s="12"/>
    </row>
    <row r="212883" spans="8:8">
      <c r="H212883" s="12"/>
    </row>
    <row r="212884" spans="8:8">
      <c r="H212884" s="12"/>
    </row>
    <row r="212885" spans="8:8">
      <c r="H212885" s="12"/>
    </row>
    <row r="212886" spans="8:8">
      <c r="H212886" s="12"/>
    </row>
    <row r="212887" spans="8:8">
      <c r="H212887" s="12"/>
    </row>
    <row r="212888" spans="8:8">
      <c r="H212888" s="12"/>
    </row>
    <row r="212889" spans="8:8">
      <c r="H212889" s="12"/>
    </row>
    <row r="212890" spans="8:8">
      <c r="H212890" s="12"/>
    </row>
    <row r="212891" spans="8:8">
      <c r="H212891" s="12"/>
    </row>
    <row r="212892" spans="8:8">
      <c r="H212892" s="12"/>
    </row>
    <row r="212893" spans="8:8">
      <c r="H212893" s="12"/>
    </row>
    <row r="212894" spans="8:8">
      <c r="H212894" s="12"/>
    </row>
    <row r="212895" spans="8:8">
      <c r="H212895" s="12"/>
    </row>
    <row r="212896" spans="8:8">
      <c r="H212896" s="12"/>
    </row>
    <row r="212897" spans="8:8">
      <c r="H212897" s="12"/>
    </row>
    <row r="212898" spans="8:8">
      <c r="H212898" s="12"/>
    </row>
    <row r="212899" spans="8:8">
      <c r="H212899" s="12"/>
    </row>
    <row r="212900" spans="8:8">
      <c r="H212900" s="12"/>
    </row>
    <row r="212901" spans="8:8">
      <c r="H212901" s="12"/>
    </row>
    <row r="212902" spans="8:8">
      <c r="H212902" s="12"/>
    </row>
    <row r="212903" spans="8:8">
      <c r="H212903" s="12"/>
    </row>
    <row r="212904" spans="8:8">
      <c r="H212904" s="12"/>
    </row>
    <row r="212905" spans="8:8">
      <c r="H212905" s="12"/>
    </row>
    <row r="212906" spans="8:8">
      <c r="H212906" s="12"/>
    </row>
    <row r="212907" spans="8:8">
      <c r="H212907" s="12"/>
    </row>
    <row r="212908" spans="8:8">
      <c r="H212908" s="12"/>
    </row>
    <row r="212909" spans="8:8">
      <c r="H212909" s="12"/>
    </row>
    <row r="212910" spans="8:8">
      <c r="H212910" s="12"/>
    </row>
    <row r="212911" spans="8:8">
      <c r="H212911" s="12"/>
    </row>
    <row r="212912" spans="8:8">
      <c r="H212912" s="12"/>
    </row>
    <row r="212913" spans="8:8">
      <c r="H212913" s="12"/>
    </row>
    <row r="212914" spans="8:8">
      <c r="H212914" s="12"/>
    </row>
    <row r="212915" spans="8:8">
      <c r="H212915" s="12"/>
    </row>
    <row r="212916" spans="8:8">
      <c r="H212916" s="12"/>
    </row>
    <row r="212917" spans="8:8">
      <c r="H212917" s="12"/>
    </row>
    <row r="212918" spans="8:8">
      <c r="H212918" s="12"/>
    </row>
    <row r="212919" spans="8:8">
      <c r="H212919" s="12"/>
    </row>
    <row r="212920" spans="8:8">
      <c r="H212920" s="12"/>
    </row>
    <row r="212921" spans="8:8">
      <c r="H212921" s="12"/>
    </row>
    <row r="212922" spans="8:8">
      <c r="H212922" s="12"/>
    </row>
    <row r="212923" spans="8:8">
      <c r="H212923" s="12"/>
    </row>
    <row r="212924" spans="8:8">
      <c r="H212924" s="12"/>
    </row>
    <row r="212925" spans="8:8">
      <c r="H212925" s="12"/>
    </row>
    <row r="212926" spans="8:8">
      <c r="H212926" s="12"/>
    </row>
    <row r="212927" spans="8:8">
      <c r="H212927" s="12"/>
    </row>
    <row r="212928" spans="8:8">
      <c r="H212928" s="12"/>
    </row>
    <row r="212929" spans="8:8">
      <c r="H212929" s="12"/>
    </row>
    <row r="212930" spans="8:8">
      <c r="H212930" s="12"/>
    </row>
    <row r="212931" spans="8:8">
      <c r="H212931" s="12"/>
    </row>
    <row r="212932" spans="8:8">
      <c r="H212932" s="12"/>
    </row>
    <row r="212933" spans="8:8">
      <c r="H212933" s="12"/>
    </row>
    <row r="212934" spans="8:8">
      <c r="H212934" s="12"/>
    </row>
    <row r="212935" spans="8:8">
      <c r="H212935" s="12"/>
    </row>
    <row r="212936" spans="8:8">
      <c r="H212936" s="12"/>
    </row>
    <row r="212937" spans="8:8">
      <c r="H212937" s="12"/>
    </row>
    <row r="212938" spans="8:8">
      <c r="H212938" s="12"/>
    </row>
    <row r="212939" spans="8:8">
      <c r="H212939" s="12"/>
    </row>
    <row r="212940" spans="8:8">
      <c r="H212940" s="12"/>
    </row>
    <row r="212941" spans="8:8">
      <c r="H212941" s="12"/>
    </row>
    <row r="212942" spans="8:8">
      <c r="H212942" s="12"/>
    </row>
    <row r="212943" spans="8:8">
      <c r="H212943" s="12"/>
    </row>
    <row r="212944" spans="8:8">
      <c r="H212944" s="12"/>
    </row>
    <row r="212945" spans="8:8">
      <c r="H212945" s="12"/>
    </row>
    <row r="212946" spans="8:8">
      <c r="H212946" s="12"/>
    </row>
    <row r="212947" spans="8:8">
      <c r="H212947" s="12"/>
    </row>
    <row r="212948" spans="8:8">
      <c r="H212948" s="12"/>
    </row>
    <row r="212949" spans="8:8">
      <c r="H212949" s="12"/>
    </row>
    <row r="212950" spans="8:8">
      <c r="H212950" s="12"/>
    </row>
    <row r="212951" spans="8:8">
      <c r="H212951" s="12"/>
    </row>
    <row r="212952" spans="8:8">
      <c r="H212952" s="12"/>
    </row>
    <row r="212953" spans="8:8">
      <c r="H212953" s="12"/>
    </row>
    <row r="212954" spans="8:8">
      <c r="H212954" s="12"/>
    </row>
    <row r="212955" spans="8:8">
      <c r="H212955" s="12"/>
    </row>
    <row r="212956" spans="8:8">
      <c r="H212956" s="12"/>
    </row>
    <row r="212957" spans="8:8">
      <c r="H212957" s="12"/>
    </row>
    <row r="212958" spans="8:8">
      <c r="H212958" s="12"/>
    </row>
    <row r="212959" spans="8:8">
      <c r="H212959" s="12"/>
    </row>
    <row r="212960" spans="8:8">
      <c r="H212960" s="12"/>
    </row>
    <row r="212961" spans="8:8">
      <c r="H212961" s="12"/>
    </row>
    <row r="212962" spans="8:8">
      <c r="H212962" s="12"/>
    </row>
    <row r="212963" spans="8:8">
      <c r="H212963" s="12"/>
    </row>
    <row r="212964" spans="8:8">
      <c r="H212964" s="12"/>
    </row>
    <row r="212965" spans="8:8">
      <c r="H212965" s="12"/>
    </row>
    <row r="212966" spans="8:8">
      <c r="H212966" s="12"/>
    </row>
    <row r="212967" spans="8:8">
      <c r="H212967" s="12"/>
    </row>
    <row r="212968" spans="8:8">
      <c r="H212968" s="12"/>
    </row>
    <row r="212969" spans="8:8">
      <c r="H212969" s="12"/>
    </row>
    <row r="212970" spans="8:8">
      <c r="H212970" s="12"/>
    </row>
    <row r="212971" spans="8:8">
      <c r="H212971" s="12"/>
    </row>
    <row r="212972" spans="8:8">
      <c r="H212972" s="12"/>
    </row>
    <row r="212973" spans="8:8">
      <c r="H212973" s="12"/>
    </row>
    <row r="212974" spans="8:8">
      <c r="H212974" s="12"/>
    </row>
    <row r="212975" spans="8:8">
      <c r="H212975" s="12"/>
    </row>
    <row r="212976" spans="8:8">
      <c r="H212976" s="12"/>
    </row>
    <row r="212977" spans="8:8">
      <c r="H212977" s="12"/>
    </row>
    <row r="212978" spans="8:8">
      <c r="H212978" s="12"/>
    </row>
    <row r="212979" spans="8:8">
      <c r="H212979" s="12"/>
    </row>
    <row r="212980" spans="8:8">
      <c r="H212980" s="12"/>
    </row>
    <row r="212981" spans="8:8">
      <c r="H212981" s="12"/>
    </row>
    <row r="212982" spans="8:8">
      <c r="H212982" s="12"/>
    </row>
    <row r="212983" spans="8:8">
      <c r="H212983" s="12"/>
    </row>
    <row r="212984" spans="8:8">
      <c r="H212984" s="12"/>
    </row>
    <row r="212985" spans="8:8">
      <c r="H212985" s="12"/>
    </row>
    <row r="212986" spans="8:8">
      <c r="H212986" s="12"/>
    </row>
    <row r="212987" spans="8:8">
      <c r="H212987" s="12"/>
    </row>
    <row r="212988" spans="8:8">
      <c r="H212988" s="12"/>
    </row>
    <row r="212989" spans="8:8">
      <c r="H212989" s="12"/>
    </row>
    <row r="212990" spans="8:8">
      <c r="H212990" s="12"/>
    </row>
    <row r="212991" spans="8:8">
      <c r="H212991" s="12"/>
    </row>
    <row r="212992" spans="8:8">
      <c r="H212992" s="12"/>
    </row>
    <row r="212993" spans="8:8">
      <c r="H212993" s="12"/>
    </row>
    <row r="212994" spans="8:8">
      <c r="H212994" s="12"/>
    </row>
    <row r="212995" spans="8:8">
      <c r="H212995" s="12"/>
    </row>
    <row r="212996" spans="8:8">
      <c r="H212996" s="12"/>
    </row>
    <row r="212997" spans="8:8">
      <c r="H212997" s="12"/>
    </row>
    <row r="212998" spans="8:8">
      <c r="H212998" s="12"/>
    </row>
    <row r="212999" spans="8:8">
      <c r="H212999" s="12"/>
    </row>
    <row r="213000" spans="8:8">
      <c r="H213000" s="12"/>
    </row>
    <row r="213001" spans="8:8">
      <c r="H213001" s="12"/>
    </row>
    <row r="213002" spans="8:8">
      <c r="H213002" s="12"/>
    </row>
    <row r="213003" spans="8:8">
      <c r="H213003" s="12"/>
    </row>
    <row r="213004" spans="8:8">
      <c r="H213004" s="12"/>
    </row>
    <row r="213005" spans="8:8">
      <c r="H213005" s="12"/>
    </row>
    <row r="213006" spans="8:8">
      <c r="H213006" s="12"/>
    </row>
    <row r="213007" spans="8:8">
      <c r="H213007" s="12"/>
    </row>
    <row r="213008" spans="8:8">
      <c r="H213008" s="12"/>
    </row>
    <row r="213009" spans="8:8">
      <c r="H213009" s="12"/>
    </row>
    <row r="213010" spans="8:8">
      <c r="H213010" s="12"/>
    </row>
    <row r="213011" spans="8:8">
      <c r="H213011" s="12"/>
    </row>
    <row r="213012" spans="8:8">
      <c r="H213012" s="12"/>
    </row>
    <row r="213013" spans="8:8">
      <c r="H213013" s="12"/>
    </row>
    <row r="213014" spans="8:8">
      <c r="H213014" s="12"/>
    </row>
    <row r="213015" spans="8:8">
      <c r="H213015" s="12"/>
    </row>
    <row r="213016" spans="8:8">
      <c r="H213016" s="12"/>
    </row>
    <row r="213017" spans="8:8">
      <c r="H213017" s="12"/>
    </row>
    <row r="213018" spans="8:8">
      <c r="H213018" s="12"/>
    </row>
    <row r="213019" spans="8:8">
      <c r="H213019" s="12"/>
    </row>
    <row r="213020" spans="8:8">
      <c r="H213020" s="12"/>
    </row>
    <row r="213021" spans="8:8">
      <c r="H213021" s="12"/>
    </row>
    <row r="213022" spans="8:8">
      <c r="H213022" s="12"/>
    </row>
    <row r="213023" spans="8:8">
      <c r="H213023" s="12"/>
    </row>
    <row r="213024" spans="8:8">
      <c r="H213024" s="12"/>
    </row>
    <row r="213025" spans="8:8">
      <c r="H213025" s="12"/>
    </row>
    <row r="213026" spans="8:8">
      <c r="H213026" s="12"/>
    </row>
    <row r="213027" spans="8:8">
      <c r="H213027" s="12"/>
    </row>
    <row r="213028" spans="8:8">
      <c r="H213028" s="12"/>
    </row>
    <row r="213029" spans="8:8">
      <c r="H213029" s="12"/>
    </row>
    <row r="213030" spans="8:8">
      <c r="H213030" s="12"/>
    </row>
    <row r="213031" spans="8:8">
      <c r="H213031" s="12"/>
    </row>
    <row r="213032" spans="8:8">
      <c r="H213032" s="12"/>
    </row>
    <row r="213033" spans="8:8">
      <c r="H213033" s="12"/>
    </row>
    <row r="213034" spans="8:8">
      <c r="H213034" s="12"/>
    </row>
    <row r="213035" spans="8:8">
      <c r="H213035" s="12"/>
    </row>
    <row r="213036" spans="8:8">
      <c r="H213036" s="12"/>
    </row>
    <row r="213037" spans="8:8">
      <c r="H213037" s="12"/>
    </row>
    <row r="213038" spans="8:8">
      <c r="H213038" s="12"/>
    </row>
    <row r="213039" spans="8:8">
      <c r="H213039" s="12"/>
    </row>
    <row r="213040" spans="8:8">
      <c r="H213040" s="12"/>
    </row>
    <row r="213041" spans="8:8">
      <c r="H213041" s="12"/>
    </row>
    <row r="213042" spans="8:8">
      <c r="H213042" s="12"/>
    </row>
    <row r="213043" spans="8:8">
      <c r="H213043" s="12"/>
    </row>
    <row r="213044" spans="8:8">
      <c r="H213044" s="12"/>
    </row>
    <row r="213045" spans="8:8">
      <c r="H213045" s="12"/>
    </row>
    <row r="213046" spans="8:8">
      <c r="H213046" s="12"/>
    </row>
    <row r="213047" spans="8:8">
      <c r="H213047" s="12"/>
    </row>
    <row r="213048" spans="8:8">
      <c r="H213048" s="12"/>
    </row>
    <row r="213049" spans="8:8">
      <c r="H213049" s="12"/>
    </row>
    <row r="213050" spans="8:8">
      <c r="H213050" s="12"/>
    </row>
    <row r="213051" spans="8:8">
      <c r="H213051" s="12"/>
    </row>
    <row r="213052" spans="8:8">
      <c r="H213052" s="12"/>
    </row>
    <row r="213053" spans="8:8">
      <c r="H213053" s="12"/>
    </row>
    <row r="213054" spans="8:8">
      <c r="H213054" s="12"/>
    </row>
    <row r="213055" spans="8:8">
      <c r="H213055" s="12"/>
    </row>
    <row r="213056" spans="8:8">
      <c r="H213056" s="12"/>
    </row>
    <row r="213057" spans="8:8">
      <c r="H213057" s="12"/>
    </row>
    <row r="213058" spans="8:8">
      <c r="H213058" s="12"/>
    </row>
    <row r="213059" spans="8:8">
      <c r="H213059" s="12"/>
    </row>
    <row r="213060" spans="8:8">
      <c r="H213060" s="12"/>
    </row>
    <row r="213061" spans="8:8">
      <c r="H213061" s="12"/>
    </row>
    <row r="213062" spans="8:8">
      <c r="H213062" s="12"/>
    </row>
    <row r="213063" spans="8:8">
      <c r="H213063" s="12"/>
    </row>
    <row r="213064" spans="8:8">
      <c r="H213064" s="12"/>
    </row>
    <row r="213065" spans="8:8">
      <c r="H213065" s="12"/>
    </row>
    <row r="213066" spans="8:8">
      <c r="H213066" s="12"/>
    </row>
    <row r="213067" spans="8:8">
      <c r="H213067" s="12"/>
    </row>
    <row r="213068" spans="8:8">
      <c r="H213068" s="12"/>
    </row>
    <row r="213069" spans="8:8">
      <c r="H213069" s="12"/>
    </row>
    <row r="213070" spans="8:8">
      <c r="H213070" s="12"/>
    </row>
    <row r="213071" spans="8:8">
      <c r="H213071" s="12"/>
    </row>
    <row r="213072" spans="8:8">
      <c r="H213072" s="12"/>
    </row>
    <row r="213073" spans="8:8">
      <c r="H213073" s="12"/>
    </row>
    <row r="213074" spans="8:8">
      <c r="H213074" s="12"/>
    </row>
    <row r="213075" spans="8:8">
      <c r="H213075" s="12"/>
    </row>
    <row r="213076" spans="8:8">
      <c r="H213076" s="12"/>
    </row>
    <row r="213077" spans="8:8">
      <c r="H213077" s="12"/>
    </row>
    <row r="213078" spans="8:8">
      <c r="H213078" s="12"/>
    </row>
    <row r="213079" spans="8:8">
      <c r="H213079" s="12"/>
    </row>
    <row r="213080" spans="8:8">
      <c r="H213080" s="12"/>
    </row>
    <row r="213081" spans="8:8">
      <c r="H213081" s="12"/>
    </row>
    <row r="213082" spans="8:8">
      <c r="H213082" s="12"/>
    </row>
    <row r="213083" spans="8:8">
      <c r="H213083" s="12"/>
    </row>
    <row r="213084" spans="8:8">
      <c r="H213084" s="12"/>
    </row>
    <row r="213085" spans="8:8">
      <c r="H213085" s="12"/>
    </row>
    <row r="213086" spans="8:8">
      <c r="H213086" s="12"/>
    </row>
    <row r="213087" spans="8:8">
      <c r="H213087" s="12"/>
    </row>
    <row r="213088" spans="8:8">
      <c r="H213088" s="12"/>
    </row>
    <row r="213089" spans="8:8">
      <c r="H213089" s="12"/>
    </row>
    <row r="213090" spans="8:8">
      <c r="H213090" s="12"/>
    </row>
    <row r="213091" spans="8:8">
      <c r="H213091" s="12"/>
    </row>
    <row r="213092" spans="8:8">
      <c r="H213092" s="12"/>
    </row>
    <row r="213093" spans="8:8">
      <c r="H213093" s="12"/>
    </row>
    <row r="213094" spans="8:8">
      <c r="H213094" s="12"/>
    </row>
    <row r="213095" spans="8:8">
      <c r="H213095" s="12"/>
    </row>
    <row r="213096" spans="8:8">
      <c r="H213096" s="12"/>
    </row>
    <row r="213097" spans="8:8">
      <c r="H213097" s="12"/>
    </row>
    <row r="213098" spans="8:8">
      <c r="H213098" s="12"/>
    </row>
    <row r="213099" spans="8:8">
      <c r="H213099" s="12"/>
    </row>
    <row r="213100" spans="8:8">
      <c r="H213100" s="12"/>
    </row>
    <row r="213101" spans="8:8">
      <c r="H213101" s="12"/>
    </row>
    <row r="213102" spans="8:8">
      <c r="H213102" s="12"/>
    </row>
    <row r="213103" spans="8:8">
      <c r="H213103" s="12"/>
    </row>
    <row r="213104" spans="8:8">
      <c r="H213104" s="12"/>
    </row>
    <row r="213105" spans="8:8">
      <c r="H213105" s="12"/>
    </row>
    <row r="213106" spans="8:8">
      <c r="H213106" s="12"/>
    </row>
    <row r="213107" spans="8:8">
      <c r="H213107" s="12"/>
    </row>
    <row r="213108" spans="8:8">
      <c r="H213108" s="12"/>
    </row>
    <row r="213109" spans="8:8">
      <c r="H213109" s="12"/>
    </row>
    <row r="213110" spans="8:8">
      <c r="H213110" s="12"/>
    </row>
    <row r="213111" spans="8:8">
      <c r="H213111" s="12"/>
    </row>
    <row r="213112" spans="8:8">
      <c r="H213112" s="12"/>
    </row>
    <row r="213113" spans="8:8">
      <c r="H213113" s="12"/>
    </row>
    <row r="213114" spans="8:8">
      <c r="H213114" s="12"/>
    </row>
    <row r="213115" spans="8:8">
      <c r="H213115" s="12"/>
    </row>
    <row r="213116" spans="8:8">
      <c r="H213116" s="12"/>
    </row>
    <row r="213117" spans="8:8">
      <c r="H213117" s="12"/>
    </row>
    <row r="213118" spans="8:8">
      <c r="H213118" s="12"/>
    </row>
    <row r="213119" spans="8:8">
      <c r="H213119" s="12"/>
    </row>
    <row r="213120" spans="8:8">
      <c r="H213120" s="12"/>
    </row>
    <row r="213121" spans="8:8">
      <c r="H213121" s="12"/>
    </row>
    <row r="213122" spans="8:8">
      <c r="H213122" s="12"/>
    </row>
    <row r="213123" spans="8:8">
      <c r="H213123" s="12"/>
    </row>
    <row r="213124" spans="8:8">
      <c r="H213124" s="12"/>
    </row>
    <row r="213125" spans="8:8">
      <c r="H213125" s="12"/>
    </row>
    <row r="213126" spans="8:8">
      <c r="H213126" s="12"/>
    </row>
    <row r="213127" spans="8:8">
      <c r="H213127" s="12"/>
    </row>
    <row r="213128" spans="8:8">
      <c r="H213128" s="12"/>
    </row>
    <row r="213129" spans="8:8">
      <c r="H213129" s="12"/>
    </row>
    <row r="213130" spans="8:8">
      <c r="H213130" s="12"/>
    </row>
    <row r="213131" spans="8:8">
      <c r="H213131" s="12"/>
    </row>
    <row r="213132" spans="8:8">
      <c r="H213132" s="12"/>
    </row>
    <row r="213133" spans="8:8">
      <c r="H213133" s="12"/>
    </row>
    <row r="213134" spans="8:8">
      <c r="H213134" s="12"/>
    </row>
    <row r="213135" spans="8:8">
      <c r="H213135" s="12"/>
    </row>
    <row r="213136" spans="8:8">
      <c r="H213136" s="12"/>
    </row>
    <row r="213137" spans="8:8">
      <c r="H213137" s="12"/>
    </row>
    <row r="213138" spans="8:8">
      <c r="H213138" s="12"/>
    </row>
    <row r="213139" spans="8:8">
      <c r="H213139" s="12"/>
    </row>
    <row r="213140" spans="8:8">
      <c r="H213140" s="12"/>
    </row>
    <row r="213141" spans="8:8">
      <c r="H213141" s="12"/>
    </row>
    <row r="213142" spans="8:8">
      <c r="H213142" s="12"/>
    </row>
    <row r="213143" spans="8:8">
      <c r="H213143" s="12"/>
    </row>
    <row r="213144" spans="8:8">
      <c r="H213144" s="12"/>
    </row>
    <row r="213145" spans="8:8">
      <c r="H213145" s="12"/>
    </row>
    <row r="213146" spans="8:8">
      <c r="H213146" s="12"/>
    </row>
    <row r="213147" spans="8:8">
      <c r="H213147" s="12"/>
    </row>
    <row r="213148" spans="8:8">
      <c r="H213148" s="12"/>
    </row>
    <row r="213149" spans="8:8">
      <c r="H213149" s="12"/>
    </row>
    <row r="213150" spans="8:8">
      <c r="H213150" s="12"/>
    </row>
    <row r="213151" spans="8:8">
      <c r="H213151" s="12"/>
    </row>
    <row r="213152" spans="8:8">
      <c r="H213152" s="12"/>
    </row>
    <row r="213153" spans="8:8">
      <c r="H213153" s="12"/>
    </row>
    <row r="213154" spans="8:8">
      <c r="H213154" s="12"/>
    </row>
    <row r="213155" spans="8:8">
      <c r="H213155" s="12"/>
    </row>
    <row r="213156" spans="8:8">
      <c r="H213156" s="12"/>
    </row>
    <row r="213157" spans="8:8">
      <c r="H213157" s="12"/>
    </row>
    <row r="213158" spans="8:8">
      <c r="H213158" s="12"/>
    </row>
    <row r="213159" spans="8:8">
      <c r="H213159" s="12"/>
    </row>
    <row r="213160" spans="8:8">
      <c r="H213160" s="12"/>
    </row>
    <row r="213161" spans="8:8">
      <c r="H213161" s="12"/>
    </row>
    <row r="213162" spans="8:8">
      <c r="H213162" s="12"/>
    </row>
    <row r="213163" spans="8:8">
      <c r="H213163" s="12"/>
    </row>
    <row r="213164" spans="8:8">
      <c r="H213164" s="12"/>
    </row>
    <row r="213165" spans="8:8">
      <c r="H213165" s="12"/>
    </row>
    <row r="213166" spans="8:8">
      <c r="H213166" s="12"/>
    </row>
    <row r="213167" spans="8:8">
      <c r="H213167" s="12"/>
    </row>
    <row r="213168" spans="8:8">
      <c r="H213168" s="12"/>
    </row>
    <row r="213169" spans="8:8">
      <c r="H213169" s="12"/>
    </row>
    <row r="213170" spans="8:8">
      <c r="H213170" s="12"/>
    </row>
    <row r="213171" spans="8:8">
      <c r="H213171" s="12"/>
    </row>
    <row r="213172" spans="8:8">
      <c r="H213172" s="12"/>
    </row>
    <row r="213173" spans="8:8">
      <c r="H213173" s="12"/>
    </row>
    <row r="213174" spans="8:8">
      <c r="H213174" s="12"/>
    </row>
    <row r="213175" spans="8:8">
      <c r="H213175" s="12"/>
    </row>
    <row r="213176" spans="8:8">
      <c r="H213176" s="12"/>
    </row>
    <row r="213177" spans="8:8">
      <c r="H213177" s="12"/>
    </row>
    <row r="213178" spans="8:8">
      <c r="H213178" s="12"/>
    </row>
    <row r="213179" spans="8:8">
      <c r="H213179" s="12"/>
    </row>
    <row r="213180" spans="8:8">
      <c r="H213180" s="12"/>
    </row>
    <row r="213181" spans="8:8">
      <c r="H213181" s="12"/>
    </row>
    <row r="213182" spans="8:8">
      <c r="H213182" s="12"/>
    </row>
    <row r="213183" spans="8:8">
      <c r="H213183" s="12"/>
    </row>
    <row r="213184" spans="8:8">
      <c r="H213184" s="12"/>
    </row>
    <row r="213185" spans="8:8">
      <c r="H213185" s="12"/>
    </row>
    <row r="213186" spans="8:8">
      <c r="H213186" s="12"/>
    </row>
    <row r="213187" spans="8:8">
      <c r="H213187" s="12"/>
    </row>
    <row r="213188" spans="8:8">
      <c r="H213188" s="12"/>
    </row>
    <row r="213189" spans="8:8">
      <c r="H213189" s="12"/>
    </row>
    <row r="213190" spans="8:8">
      <c r="H213190" s="12"/>
    </row>
    <row r="213191" spans="8:8">
      <c r="H213191" s="12"/>
    </row>
    <row r="213192" spans="8:8">
      <c r="H213192" s="12"/>
    </row>
    <row r="213193" spans="8:8">
      <c r="H213193" s="12"/>
    </row>
    <row r="213194" spans="8:8">
      <c r="H213194" s="12"/>
    </row>
    <row r="213195" spans="8:8">
      <c r="H213195" s="12"/>
    </row>
    <row r="213196" spans="8:8">
      <c r="H213196" s="12"/>
    </row>
    <row r="213197" spans="8:8">
      <c r="H213197" s="12"/>
    </row>
    <row r="213198" spans="8:8">
      <c r="H213198" s="12"/>
    </row>
    <row r="213199" spans="8:8">
      <c r="H213199" s="12"/>
    </row>
    <row r="213200" spans="8:8">
      <c r="H213200" s="12"/>
    </row>
    <row r="213201" spans="8:8">
      <c r="H213201" s="12"/>
    </row>
    <row r="213202" spans="8:8">
      <c r="H213202" s="12"/>
    </row>
    <row r="213203" spans="8:8">
      <c r="H213203" s="12"/>
    </row>
    <row r="213204" spans="8:8">
      <c r="H213204" s="12"/>
    </row>
    <row r="213205" spans="8:8">
      <c r="H213205" s="12"/>
    </row>
    <row r="213206" spans="8:8">
      <c r="H213206" s="12"/>
    </row>
    <row r="213207" spans="8:8">
      <c r="H213207" s="12"/>
    </row>
    <row r="213208" spans="8:8">
      <c r="H213208" s="12"/>
    </row>
    <row r="213209" spans="8:8">
      <c r="H213209" s="12"/>
    </row>
    <row r="213210" spans="8:8">
      <c r="H213210" s="12"/>
    </row>
    <row r="213211" spans="8:8">
      <c r="H213211" s="12"/>
    </row>
    <row r="213212" spans="8:8">
      <c r="H213212" s="12"/>
    </row>
    <row r="213213" spans="8:8">
      <c r="H213213" s="12"/>
    </row>
    <row r="213214" spans="8:8">
      <c r="H213214" s="12"/>
    </row>
    <row r="213215" spans="8:8">
      <c r="H213215" s="12"/>
    </row>
    <row r="213216" spans="8:8">
      <c r="H213216" s="12"/>
    </row>
    <row r="213217" spans="8:8">
      <c r="H213217" s="12"/>
    </row>
    <row r="213218" spans="8:8">
      <c r="H213218" s="12"/>
    </row>
    <row r="213219" spans="8:8">
      <c r="H213219" s="12"/>
    </row>
    <row r="213220" spans="8:8">
      <c r="H213220" s="12"/>
    </row>
    <row r="213221" spans="8:8">
      <c r="H213221" s="12"/>
    </row>
    <row r="213222" spans="8:8">
      <c r="H213222" s="12"/>
    </row>
    <row r="213223" spans="8:8">
      <c r="H213223" s="12"/>
    </row>
    <row r="213224" spans="8:8">
      <c r="H213224" s="12"/>
    </row>
    <row r="213225" spans="8:8">
      <c r="H213225" s="12"/>
    </row>
    <row r="213226" spans="8:8">
      <c r="H213226" s="12"/>
    </row>
    <row r="213227" spans="8:8">
      <c r="H213227" s="12"/>
    </row>
    <row r="213228" spans="8:8">
      <c r="H213228" s="12"/>
    </row>
    <row r="213229" spans="8:8">
      <c r="H213229" s="12"/>
    </row>
    <row r="213230" spans="8:8">
      <c r="H213230" s="12"/>
    </row>
    <row r="213231" spans="8:8">
      <c r="H213231" s="12"/>
    </row>
    <row r="213232" spans="8:8">
      <c r="H213232" s="12"/>
    </row>
    <row r="213233" spans="8:8">
      <c r="H213233" s="12"/>
    </row>
    <row r="213234" spans="8:8">
      <c r="H213234" s="12"/>
    </row>
    <row r="213235" spans="8:8">
      <c r="H213235" s="12"/>
    </row>
    <row r="213236" spans="8:8">
      <c r="H213236" s="12"/>
    </row>
    <row r="213237" spans="8:8">
      <c r="H213237" s="12"/>
    </row>
    <row r="213238" spans="8:8">
      <c r="H213238" s="12"/>
    </row>
    <row r="213239" spans="8:8">
      <c r="H213239" s="12"/>
    </row>
    <row r="213240" spans="8:8">
      <c r="H213240" s="12"/>
    </row>
    <row r="213241" spans="8:8">
      <c r="H213241" s="12"/>
    </row>
    <row r="213242" spans="8:8">
      <c r="H213242" s="12"/>
    </row>
    <row r="213243" spans="8:8">
      <c r="H213243" s="12"/>
    </row>
    <row r="213244" spans="8:8">
      <c r="H213244" s="12"/>
    </row>
    <row r="213245" spans="8:8">
      <c r="H213245" s="12"/>
    </row>
    <row r="213246" spans="8:8">
      <c r="H213246" s="12"/>
    </row>
    <row r="213247" spans="8:8">
      <c r="H213247" s="12"/>
    </row>
    <row r="213248" spans="8:8">
      <c r="H213248" s="12"/>
    </row>
    <row r="213249" spans="8:8">
      <c r="H213249" s="12"/>
    </row>
    <row r="213250" spans="8:8">
      <c r="H213250" s="12"/>
    </row>
    <row r="213251" spans="8:8">
      <c r="H213251" s="12"/>
    </row>
    <row r="213252" spans="8:8">
      <c r="H213252" s="12"/>
    </row>
    <row r="213253" spans="8:8">
      <c r="H213253" s="12"/>
    </row>
    <row r="213254" spans="8:8">
      <c r="H213254" s="12"/>
    </row>
    <row r="213255" spans="8:8">
      <c r="H213255" s="12"/>
    </row>
    <row r="213256" spans="8:8">
      <c r="H213256" s="12"/>
    </row>
    <row r="213257" spans="8:8">
      <c r="H213257" s="12"/>
    </row>
    <row r="213258" spans="8:8">
      <c r="H213258" s="12"/>
    </row>
    <row r="213259" spans="8:8">
      <c r="H213259" s="12"/>
    </row>
    <row r="213260" spans="8:8">
      <c r="H213260" s="12"/>
    </row>
    <row r="213261" spans="8:8">
      <c r="H213261" s="12"/>
    </row>
    <row r="213262" spans="8:8">
      <c r="H213262" s="12"/>
    </row>
    <row r="213263" spans="8:8">
      <c r="H213263" s="12"/>
    </row>
    <row r="213264" spans="8:8">
      <c r="H213264" s="12"/>
    </row>
    <row r="213265" spans="8:8">
      <c r="H213265" s="12"/>
    </row>
    <row r="213266" spans="8:8">
      <c r="H213266" s="12"/>
    </row>
    <row r="213267" spans="8:8">
      <c r="H213267" s="12"/>
    </row>
    <row r="213268" spans="8:8">
      <c r="H213268" s="12"/>
    </row>
    <row r="213269" spans="8:8">
      <c r="H213269" s="12"/>
    </row>
    <row r="213270" spans="8:8">
      <c r="H213270" s="12"/>
    </row>
    <row r="213271" spans="8:8">
      <c r="H213271" s="12"/>
    </row>
    <row r="213272" spans="8:8">
      <c r="H213272" s="12"/>
    </row>
    <row r="213273" spans="8:8">
      <c r="H213273" s="12"/>
    </row>
    <row r="213274" spans="8:8">
      <c r="H213274" s="12"/>
    </row>
    <row r="213275" spans="8:8">
      <c r="H213275" s="12"/>
    </row>
    <row r="213276" spans="8:8">
      <c r="H213276" s="12"/>
    </row>
    <row r="213277" spans="8:8">
      <c r="H213277" s="12"/>
    </row>
    <row r="213278" spans="8:8">
      <c r="H213278" s="12"/>
    </row>
    <row r="213279" spans="8:8">
      <c r="H213279" s="12"/>
    </row>
    <row r="213280" spans="8:8">
      <c r="H213280" s="12"/>
    </row>
    <row r="213281" spans="8:8">
      <c r="H213281" s="12"/>
    </row>
    <row r="213282" spans="8:8">
      <c r="H213282" s="12"/>
    </row>
    <row r="213283" spans="8:8">
      <c r="H213283" s="12"/>
    </row>
    <row r="213284" spans="8:8">
      <c r="H213284" s="12"/>
    </row>
    <row r="213285" spans="8:8">
      <c r="H213285" s="12"/>
    </row>
    <row r="213286" spans="8:8">
      <c r="H213286" s="12"/>
    </row>
    <row r="213287" spans="8:8">
      <c r="H213287" s="12"/>
    </row>
    <row r="213288" spans="8:8">
      <c r="H213288" s="12"/>
    </row>
    <row r="213289" spans="8:8">
      <c r="H213289" s="12"/>
    </row>
    <row r="213290" spans="8:8">
      <c r="H213290" s="12"/>
    </row>
    <row r="213291" spans="8:8">
      <c r="H213291" s="12"/>
    </row>
    <row r="213292" spans="8:8">
      <c r="H213292" s="12"/>
    </row>
    <row r="213293" spans="8:8">
      <c r="H213293" s="12"/>
    </row>
    <row r="213294" spans="8:8">
      <c r="H213294" s="12"/>
    </row>
    <row r="213295" spans="8:8">
      <c r="H213295" s="12"/>
    </row>
    <row r="213296" spans="8:8">
      <c r="H213296" s="12"/>
    </row>
    <row r="213297" spans="8:8">
      <c r="H213297" s="12"/>
    </row>
    <row r="213298" spans="8:8">
      <c r="H213298" s="12"/>
    </row>
    <row r="213299" spans="8:8">
      <c r="H213299" s="12"/>
    </row>
    <row r="213300" spans="8:8">
      <c r="H213300" s="12"/>
    </row>
    <row r="213301" spans="8:8">
      <c r="H213301" s="12"/>
    </row>
    <row r="213302" spans="8:8">
      <c r="H213302" s="12"/>
    </row>
    <row r="213303" spans="8:8">
      <c r="H213303" s="12"/>
    </row>
    <row r="213304" spans="8:8">
      <c r="H213304" s="12"/>
    </row>
    <row r="213305" spans="8:8">
      <c r="H213305" s="12"/>
    </row>
    <row r="213306" spans="8:8">
      <c r="H213306" s="12"/>
    </row>
    <row r="213307" spans="8:8">
      <c r="H213307" s="12"/>
    </row>
    <row r="213308" spans="8:8">
      <c r="H213308" s="12"/>
    </row>
    <row r="213309" spans="8:8">
      <c r="H213309" s="12"/>
    </row>
    <row r="213310" spans="8:8">
      <c r="H213310" s="12"/>
    </row>
    <row r="213311" spans="8:8">
      <c r="H213311" s="12"/>
    </row>
    <row r="213312" spans="8:8">
      <c r="H213312" s="12"/>
    </row>
    <row r="213313" spans="8:8">
      <c r="H213313" s="12"/>
    </row>
    <row r="213314" spans="8:8">
      <c r="H213314" s="12"/>
    </row>
    <row r="213315" spans="8:8">
      <c r="H213315" s="12"/>
    </row>
    <row r="213316" spans="8:8">
      <c r="H213316" s="12"/>
    </row>
    <row r="213317" spans="8:8">
      <c r="H213317" s="12"/>
    </row>
    <row r="213318" spans="8:8">
      <c r="H213318" s="12"/>
    </row>
    <row r="213319" spans="8:8">
      <c r="H213319" s="12"/>
    </row>
    <row r="213320" spans="8:8">
      <c r="H213320" s="12"/>
    </row>
    <row r="213321" spans="8:8">
      <c r="H213321" s="12"/>
    </row>
    <row r="213322" spans="8:8">
      <c r="H213322" s="12"/>
    </row>
    <row r="213323" spans="8:8">
      <c r="H213323" s="12"/>
    </row>
    <row r="213324" spans="8:8">
      <c r="H213324" s="12"/>
    </row>
    <row r="213325" spans="8:8">
      <c r="H213325" s="12"/>
    </row>
    <row r="213326" spans="8:8">
      <c r="H213326" s="12"/>
    </row>
    <row r="213327" spans="8:8">
      <c r="H213327" s="12"/>
    </row>
    <row r="213328" spans="8:8">
      <c r="H213328" s="12"/>
    </row>
    <row r="213329" spans="8:8">
      <c r="H213329" s="12"/>
    </row>
    <row r="213330" spans="8:8">
      <c r="H213330" s="12"/>
    </row>
    <row r="213331" spans="8:8">
      <c r="H213331" s="12"/>
    </row>
    <row r="213332" spans="8:8">
      <c r="H213332" s="12"/>
    </row>
    <row r="213333" spans="8:8">
      <c r="H213333" s="12"/>
    </row>
    <row r="213334" spans="8:8">
      <c r="H213334" s="12"/>
    </row>
    <row r="213335" spans="8:8">
      <c r="H213335" s="12"/>
    </row>
    <row r="213336" spans="8:8">
      <c r="H213336" s="12"/>
    </row>
    <row r="213337" spans="8:8">
      <c r="H213337" s="12"/>
    </row>
    <row r="213338" spans="8:8">
      <c r="H213338" s="12"/>
    </row>
    <row r="213339" spans="8:8">
      <c r="H213339" s="12"/>
    </row>
    <row r="213340" spans="8:8">
      <c r="H213340" s="12"/>
    </row>
    <row r="213341" spans="8:8">
      <c r="H213341" s="12"/>
    </row>
    <row r="213342" spans="8:8">
      <c r="H213342" s="12"/>
    </row>
    <row r="213343" spans="8:8">
      <c r="H213343" s="12"/>
    </row>
    <row r="213344" spans="8:8">
      <c r="H213344" s="12"/>
    </row>
    <row r="213345" spans="8:8">
      <c r="H213345" s="12"/>
    </row>
    <row r="213346" spans="8:8">
      <c r="H213346" s="12"/>
    </row>
    <row r="213347" spans="8:8">
      <c r="H213347" s="12"/>
    </row>
    <row r="213348" spans="8:8">
      <c r="H213348" s="12"/>
    </row>
    <row r="213349" spans="8:8">
      <c r="H213349" s="12"/>
    </row>
    <row r="213350" spans="8:8">
      <c r="H213350" s="12"/>
    </row>
    <row r="213351" spans="8:8">
      <c r="H213351" s="12"/>
    </row>
    <row r="213352" spans="8:8">
      <c r="H213352" s="12"/>
    </row>
    <row r="213353" spans="8:8">
      <c r="H213353" s="12"/>
    </row>
    <row r="213354" spans="8:8">
      <c r="H213354" s="12"/>
    </row>
    <row r="213355" spans="8:8">
      <c r="H213355" s="12"/>
    </row>
    <row r="213356" spans="8:8">
      <c r="H213356" s="12"/>
    </row>
    <row r="213357" spans="8:8">
      <c r="H213357" s="12"/>
    </row>
    <row r="213358" spans="8:8">
      <c r="H213358" s="12"/>
    </row>
    <row r="213359" spans="8:8">
      <c r="H213359" s="12"/>
    </row>
    <row r="213360" spans="8:8">
      <c r="H213360" s="12"/>
    </row>
    <row r="213361" spans="8:8">
      <c r="H213361" s="12"/>
    </row>
    <row r="213362" spans="8:8">
      <c r="H213362" s="12"/>
    </row>
    <row r="213363" spans="8:8">
      <c r="H213363" s="12"/>
    </row>
    <row r="213364" spans="8:8">
      <c r="H213364" s="12"/>
    </row>
    <row r="213365" spans="8:8">
      <c r="H213365" s="12"/>
    </row>
    <row r="213366" spans="8:8">
      <c r="H213366" s="12"/>
    </row>
    <row r="213367" spans="8:8">
      <c r="H213367" s="12"/>
    </row>
    <row r="213368" spans="8:8">
      <c r="H213368" s="12"/>
    </row>
    <row r="213369" spans="8:8">
      <c r="H213369" s="12"/>
    </row>
    <row r="213370" spans="8:8">
      <c r="H213370" s="12"/>
    </row>
    <row r="213371" spans="8:8">
      <c r="H213371" s="12"/>
    </row>
    <row r="213372" spans="8:8">
      <c r="H213372" s="12"/>
    </row>
    <row r="213373" spans="8:8">
      <c r="H213373" s="12"/>
    </row>
    <row r="213374" spans="8:8">
      <c r="H213374" s="12"/>
    </row>
    <row r="213375" spans="8:8">
      <c r="H213375" s="12"/>
    </row>
    <row r="213376" spans="8:8">
      <c r="H213376" s="12"/>
    </row>
    <row r="213377" spans="8:8">
      <c r="H213377" s="12"/>
    </row>
    <row r="213378" spans="8:8">
      <c r="H213378" s="12"/>
    </row>
    <row r="213379" spans="8:8">
      <c r="H213379" s="12"/>
    </row>
    <row r="213380" spans="8:8">
      <c r="H213380" s="12"/>
    </row>
    <row r="213381" spans="8:8">
      <c r="H213381" s="12"/>
    </row>
    <row r="213382" spans="8:8">
      <c r="H213382" s="12"/>
    </row>
    <row r="213383" spans="8:8">
      <c r="H213383" s="12"/>
    </row>
    <row r="213384" spans="8:8">
      <c r="H213384" s="12"/>
    </row>
    <row r="213385" spans="8:8">
      <c r="H213385" s="12"/>
    </row>
    <row r="213386" spans="8:8">
      <c r="H213386" s="12"/>
    </row>
    <row r="213387" spans="8:8">
      <c r="H213387" s="12"/>
    </row>
    <row r="213388" spans="8:8">
      <c r="H213388" s="12"/>
    </row>
    <row r="213389" spans="8:8">
      <c r="H213389" s="12"/>
    </row>
    <row r="213390" spans="8:8">
      <c r="H213390" s="12"/>
    </row>
    <row r="213391" spans="8:8">
      <c r="H213391" s="12"/>
    </row>
    <row r="213392" spans="8:8">
      <c r="H213392" s="12"/>
    </row>
    <row r="213393" spans="8:8">
      <c r="H213393" s="12"/>
    </row>
    <row r="213394" spans="8:8">
      <c r="H213394" s="12"/>
    </row>
    <row r="213395" spans="8:8">
      <c r="H213395" s="12"/>
    </row>
    <row r="213396" spans="8:8">
      <c r="H213396" s="12"/>
    </row>
    <row r="213397" spans="8:8">
      <c r="H213397" s="12"/>
    </row>
    <row r="213398" spans="8:8">
      <c r="H213398" s="12"/>
    </row>
    <row r="213399" spans="8:8">
      <c r="H213399" s="12"/>
    </row>
    <row r="213400" spans="8:8">
      <c r="H213400" s="12"/>
    </row>
    <row r="213401" spans="8:8">
      <c r="H213401" s="12"/>
    </row>
    <row r="213402" spans="8:8">
      <c r="H213402" s="12"/>
    </row>
    <row r="213403" spans="8:8">
      <c r="H213403" s="12"/>
    </row>
    <row r="213404" spans="8:8">
      <c r="H213404" s="12"/>
    </row>
    <row r="213405" spans="8:8">
      <c r="H213405" s="12"/>
    </row>
    <row r="213406" spans="8:8">
      <c r="H213406" s="12"/>
    </row>
    <row r="213407" spans="8:8">
      <c r="H213407" s="12"/>
    </row>
    <row r="213408" spans="8:8">
      <c r="H213408" s="12"/>
    </row>
    <row r="213409" spans="8:8">
      <c r="H213409" s="12"/>
    </row>
    <row r="213410" spans="8:8">
      <c r="H213410" s="12"/>
    </row>
    <row r="213411" spans="8:8">
      <c r="H213411" s="12"/>
    </row>
    <row r="213412" spans="8:8">
      <c r="H213412" s="12"/>
    </row>
    <row r="213413" spans="8:8">
      <c r="H213413" s="12"/>
    </row>
    <row r="213414" spans="8:8">
      <c r="H213414" s="12"/>
    </row>
    <row r="213415" spans="8:8">
      <c r="H213415" s="12"/>
    </row>
    <row r="213416" spans="8:8">
      <c r="H213416" s="12"/>
    </row>
    <row r="213417" spans="8:8">
      <c r="H213417" s="12"/>
    </row>
    <row r="213418" spans="8:8">
      <c r="H213418" s="12"/>
    </row>
    <row r="213419" spans="8:8">
      <c r="H213419" s="12"/>
    </row>
    <row r="213420" spans="8:8">
      <c r="H213420" s="12"/>
    </row>
    <row r="213421" spans="8:8">
      <c r="H213421" s="12"/>
    </row>
    <row r="213422" spans="8:8">
      <c r="H213422" s="12"/>
    </row>
    <row r="213423" spans="8:8">
      <c r="H213423" s="12"/>
    </row>
    <row r="213424" spans="8:8">
      <c r="H213424" s="12"/>
    </row>
    <row r="213425" spans="8:8">
      <c r="H213425" s="12"/>
    </row>
    <row r="213426" spans="8:8">
      <c r="H213426" s="12"/>
    </row>
    <row r="213427" spans="8:8">
      <c r="H213427" s="12"/>
    </row>
    <row r="213428" spans="8:8">
      <c r="H213428" s="12"/>
    </row>
    <row r="213429" spans="8:8">
      <c r="H213429" s="12"/>
    </row>
    <row r="213430" spans="8:8">
      <c r="H213430" s="12"/>
    </row>
    <row r="213431" spans="8:8">
      <c r="H213431" s="12"/>
    </row>
    <row r="213432" spans="8:8">
      <c r="H213432" s="12"/>
    </row>
    <row r="213433" spans="8:8">
      <c r="H213433" s="12"/>
    </row>
    <row r="213434" spans="8:8">
      <c r="H213434" s="12"/>
    </row>
    <row r="213435" spans="8:8">
      <c r="H213435" s="12"/>
    </row>
    <row r="213436" spans="8:8">
      <c r="H213436" s="12"/>
    </row>
    <row r="213437" spans="8:8">
      <c r="H213437" s="12"/>
    </row>
    <row r="213438" spans="8:8">
      <c r="H213438" s="12"/>
    </row>
    <row r="213439" spans="8:8">
      <c r="H213439" s="12"/>
    </row>
    <row r="213440" spans="8:8">
      <c r="H213440" s="12"/>
    </row>
    <row r="213441" spans="8:8">
      <c r="H213441" s="12"/>
    </row>
    <row r="213442" spans="8:8">
      <c r="H213442" s="12"/>
    </row>
    <row r="213443" spans="8:8">
      <c r="H213443" s="12"/>
    </row>
    <row r="213444" spans="8:8">
      <c r="H213444" s="12"/>
    </row>
    <row r="213445" spans="8:8">
      <c r="H213445" s="12"/>
    </row>
    <row r="213446" spans="8:8">
      <c r="H213446" s="12"/>
    </row>
    <row r="213447" spans="8:8">
      <c r="H213447" s="12"/>
    </row>
    <row r="213448" spans="8:8">
      <c r="H213448" s="12"/>
    </row>
    <row r="213449" spans="8:8">
      <c r="H213449" s="12"/>
    </row>
    <row r="213450" spans="8:8">
      <c r="H213450" s="12"/>
    </row>
    <row r="213451" spans="8:8">
      <c r="H213451" s="12"/>
    </row>
    <row r="213452" spans="8:8">
      <c r="H213452" s="12"/>
    </row>
    <row r="213453" spans="8:8">
      <c r="H213453" s="12"/>
    </row>
    <row r="213454" spans="8:8">
      <c r="H213454" s="12"/>
    </row>
    <row r="213455" spans="8:8">
      <c r="H213455" s="12"/>
    </row>
    <row r="213456" spans="8:8">
      <c r="H213456" s="12"/>
    </row>
    <row r="213457" spans="8:8">
      <c r="H213457" s="12"/>
    </row>
    <row r="213458" spans="8:8">
      <c r="H213458" s="12"/>
    </row>
    <row r="213459" spans="8:8">
      <c r="H213459" s="12"/>
    </row>
    <row r="213460" spans="8:8">
      <c r="H213460" s="12"/>
    </row>
    <row r="213461" spans="8:8">
      <c r="H213461" s="12"/>
    </row>
    <row r="213462" spans="8:8">
      <c r="H213462" s="12"/>
    </row>
    <row r="213463" spans="8:8">
      <c r="H213463" s="12"/>
    </row>
    <row r="213464" spans="8:8">
      <c r="H213464" s="12"/>
    </row>
    <row r="213465" spans="8:8">
      <c r="H213465" s="12"/>
    </row>
    <row r="213466" spans="8:8">
      <c r="H213466" s="12"/>
    </row>
    <row r="213467" spans="8:8">
      <c r="H213467" s="12"/>
    </row>
    <row r="213468" spans="8:8">
      <c r="H213468" s="12"/>
    </row>
    <row r="213469" spans="8:8">
      <c r="H213469" s="12"/>
    </row>
    <row r="213470" spans="8:8">
      <c r="H213470" s="12"/>
    </row>
    <row r="213471" spans="8:8">
      <c r="H213471" s="12"/>
    </row>
    <row r="213472" spans="8:8">
      <c r="H213472" s="12"/>
    </row>
    <row r="213473" spans="8:8">
      <c r="H213473" s="12"/>
    </row>
    <row r="213474" spans="8:8">
      <c r="H213474" s="12"/>
    </row>
    <row r="213475" spans="8:8">
      <c r="H213475" s="12"/>
    </row>
    <row r="213476" spans="8:8">
      <c r="H213476" s="12"/>
    </row>
    <row r="213477" spans="8:8">
      <c r="H213477" s="12"/>
    </row>
    <row r="213478" spans="8:8">
      <c r="H213478" s="12"/>
    </row>
    <row r="213479" spans="8:8">
      <c r="H213479" s="12"/>
    </row>
    <row r="213480" spans="8:8">
      <c r="H213480" s="12"/>
    </row>
    <row r="213481" spans="8:8">
      <c r="H213481" s="12"/>
    </row>
    <row r="213482" spans="8:8">
      <c r="H213482" s="12"/>
    </row>
    <row r="213483" spans="8:8">
      <c r="H213483" s="12"/>
    </row>
    <row r="213484" spans="8:8">
      <c r="H213484" s="12"/>
    </row>
    <row r="213485" spans="8:8">
      <c r="H213485" s="12"/>
    </row>
    <row r="213486" spans="8:8">
      <c r="H213486" s="12"/>
    </row>
    <row r="213487" spans="8:8">
      <c r="H213487" s="12"/>
    </row>
    <row r="213488" spans="8:8">
      <c r="H213488" s="12"/>
    </row>
    <row r="213489" spans="8:8">
      <c r="H213489" s="12"/>
    </row>
    <row r="213490" spans="8:8">
      <c r="H213490" s="12"/>
    </row>
    <row r="213491" spans="8:8">
      <c r="H213491" s="12"/>
    </row>
    <row r="213492" spans="8:8">
      <c r="H213492" s="12"/>
    </row>
    <row r="213493" spans="8:8">
      <c r="H213493" s="12"/>
    </row>
    <row r="213494" spans="8:8">
      <c r="H213494" s="12"/>
    </row>
    <row r="213495" spans="8:8">
      <c r="H213495" s="12"/>
    </row>
    <row r="213496" spans="8:8">
      <c r="H213496" s="12"/>
    </row>
    <row r="213497" spans="8:8">
      <c r="H213497" s="12"/>
    </row>
    <row r="213498" spans="8:8">
      <c r="H213498" s="12"/>
    </row>
    <row r="213499" spans="8:8">
      <c r="H213499" s="12"/>
    </row>
    <row r="213500" spans="8:8">
      <c r="H213500" s="12"/>
    </row>
    <row r="213501" spans="8:8">
      <c r="H213501" s="12"/>
    </row>
    <row r="213502" spans="8:8">
      <c r="H213502" s="12"/>
    </row>
    <row r="213503" spans="8:8">
      <c r="H213503" s="12"/>
    </row>
    <row r="213504" spans="8:8">
      <c r="H213504" s="12"/>
    </row>
    <row r="213505" spans="8:8">
      <c r="H213505" s="12"/>
    </row>
    <row r="213506" spans="8:8">
      <c r="H213506" s="12"/>
    </row>
    <row r="213507" spans="8:8">
      <c r="H213507" s="12"/>
    </row>
    <row r="213508" spans="8:8">
      <c r="H213508" s="12"/>
    </row>
    <row r="213509" spans="8:8">
      <c r="H213509" s="12"/>
    </row>
    <row r="213510" spans="8:8">
      <c r="H213510" s="12"/>
    </row>
    <row r="213511" spans="8:8">
      <c r="H213511" s="12"/>
    </row>
    <row r="213512" spans="8:8">
      <c r="H213512" s="12"/>
    </row>
    <row r="213513" spans="8:8">
      <c r="H213513" s="12"/>
    </row>
    <row r="213514" spans="8:8">
      <c r="H213514" s="12"/>
    </row>
    <row r="213515" spans="8:8">
      <c r="H213515" s="12"/>
    </row>
    <row r="213516" spans="8:8">
      <c r="H213516" s="12"/>
    </row>
    <row r="213517" spans="8:8">
      <c r="H213517" s="12"/>
    </row>
    <row r="213518" spans="8:8">
      <c r="H213518" s="12"/>
    </row>
    <row r="213519" spans="8:8">
      <c r="H213519" s="12"/>
    </row>
    <row r="213520" spans="8:8">
      <c r="H213520" s="12"/>
    </row>
    <row r="213521" spans="8:8">
      <c r="H213521" s="12"/>
    </row>
    <row r="213522" spans="8:8">
      <c r="H213522" s="12"/>
    </row>
    <row r="213523" spans="8:8">
      <c r="H213523" s="12"/>
    </row>
    <row r="213524" spans="8:8">
      <c r="H213524" s="12"/>
    </row>
    <row r="213525" spans="8:8">
      <c r="H213525" s="12"/>
    </row>
    <row r="213526" spans="8:8">
      <c r="H213526" s="12"/>
    </row>
    <row r="213527" spans="8:8">
      <c r="H213527" s="12"/>
    </row>
    <row r="213528" spans="8:8">
      <c r="H213528" s="12"/>
    </row>
    <row r="213529" spans="8:8">
      <c r="H213529" s="12"/>
    </row>
    <row r="213530" spans="8:8">
      <c r="H213530" s="12"/>
    </row>
    <row r="213531" spans="8:8">
      <c r="H213531" s="12"/>
    </row>
    <row r="213532" spans="8:8">
      <c r="H213532" s="12"/>
    </row>
    <row r="213533" spans="8:8">
      <c r="H213533" s="12"/>
    </row>
    <row r="213534" spans="8:8">
      <c r="H213534" s="12"/>
    </row>
    <row r="213535" spans="8:8">
      <c r="H213535" s="12"/>
    </row>
    <row r="213536" spans="8:8">
      <c r="H213536" s="12"/>
    </row>
    <row r="213537" spans="8:8">
      <c r="H213537" s="12"/>
    </row>
    <row r="213538" spans="8:8">
      <c r="H213538" s="12"/>
    </row>
    <row r="213539" spans="8:8">
      <c r="H213539" s="12"/>
    </row>
    <row r="213540" spans="8:8">
      <c r="H213540" s="12"/>
    </row>
    <row r="213541" spans="8:8">
      <c r="H213541" s="12"/>
    </row>
    <row r="213542" spans="8:8">
      <c r="H213542" s="12"/>
    </row>
    <row r="213543" spans="8:8">
      <c r="H213543" s="12"/>
    </row>
    <row r="213544" spans="8:8">
      <c r="H213544" s="12"/>
    </row>
    <row r="213545" spans="8:8">
      <c r="H213545" s="12"/>
    </row>
    <row r="213546" spans="8:8">
      <c r="H213546" s="12"/>
    </row>
    <row r="213547" spans="8:8">
      <c r="H213547" s="12"/>
    </row>
    <row r="213548" spans="8:8">
      <c r="H213548" s="12"/>
    </row>
    <row r="213549" spans="8:8">
      <c r="H213549" s="12"/>
    </row>
    <row r="213550" spans="8:8">
      <c r="H213550" s="12"/>
    </row>
    <row r="213551" spans="8:8">
      <c r="H213551" s="12"/>
    </row>
    <row r="213552" spans="8:8">
      <c r="H213552" s="12"/>
    </row>
    <row r="213553" spans="8:8">
      <c r="H213553" s="12"/>
    </row>
    <row r="213554" spans="8:8">
      <c r="H213554" s="12"/>
    </row>
    <row r="213555" spans="8:8">
      <c r="H213555" s="12"/>
    </row>
    <row r="213556" spans="8:8">
      <c r="H213556" s="12"/>
    </row>
    <row r="213557" spans="8:8">
      <c r="H213557" s="12"/>
    </row>
    <row r="213558" spans="8:8">
      <c r="H213558" s="12"/>
    </row>
    <row r="213559" spans="8:8">
      <c r="H213559" s="12"/>
    </row>
    <row r="213560" spans="8:8">
      <c r="H213560" s="12"/>
    </row>
    <row r="213561" spans="8:8">
      <c r="H213561" s="12"/>
    </row>
    <row r="213562" spans="8:8">
      <c r="H213562" s="12"/>
    </row>
    <row r="213563" spans="8:8">
      <c r="H213563" s="12"/>
    </row>
    <row r="213564" spans="8:8">
      <c r="H213564" s="12"/>
    </row>
    <row r="213565" spans="8:8">
      <c r="H213565" s="12"/>
    </row>
    <row r="213566" spans="8:8">
      <c r="H213566" s="12"/>
    </row>
    <row r="213567" spans="8:8">
      <c r="H213567" s="12"/>
    </row>
    <row r="213568" spans="8:8">
      <c r="H213568" s="12"/>
    </row>
    <row r="213569" spans="8:8">
      <c r="H213569" s="12"/>
    </row>
    <row r="213570" spans="8:8">
      <c r="H213570" s="12"/>
    </row>
    <row r="213571" spans="8:8">
      <c r="H213571" s="12"/>
    </row>
    <row r="213572" spans="8:8">
      <c r="H213572" s="12"/>
    </row>
    <row r="213573" spans="8:8">
      <c r="H213573" s="12"/>
    </row>
    <row r="213574" spans="8:8">
      <c r="H213574" s="12"/>
    </row>
    <row r="213575" spans="8:8">
      <c r="H213575" s="12"/>
    </row>
    <row r="213576" spans="8:8">
      <c r="H213576" s="12"/>
    </row>
    <row r="213577" spans="8:8">
      <c r="H213577" s="12"/>
    </row>
    <row r="213578" spans="8:8">
      <c r="H213578" s="12"/>
    </row>
    <row r="213579" spans="8:8">
      <c r="H213579" s="12"/>
    </row>
    <row r="213580" spans="8:8">
      <c r="H213580" s="12"/>
    </row>
    <row r="213581" spans="8:8">
      <c r="H213581" s="12"/>
    </row>
    <row r="213582" spans="8:8">
      <c r="H213582" s="12"/>
    </row>
    <row r="213583" spans="8:8">
      <c r="H213583" s="12"/>
    </row>
    <row r="213584" spans="8:8">
      <c r="H213584" s="12"/>
    </row>
    <row r="213585" spans="8:8">
      <c r="H213585" s="12"/>
    </row>
    <row r="213586" spans="8:8">
      <c r="H213586" s="12"/>
    </row>
    <row r="213587" spans="8:8">
      <c r="H213587" s="12"/>
    </row>
    <row r="213588" spans="8:8">
      <c r="H213588" s="12"/>
    </row>
    <row r="213589" spans="8:8">
      <c r="H213589" s="12"/>
    </row>
    <row r="213590" spans="8:8">
      <c r="H213590" s="12"/>
    </row>
    <row r="213591" spans="8:8">
      <c r="H213591" s="12"/>
    </row>
    <row r="213592" spans="8:8">
      <c r="H213592" s="12"/>
    </row>
    <row r="213593" spans="8:8">
      <c r="H213593" s="12"/>
    </row>
    <row r="213594" spans="8:8">
      <c r="H213594" s="12"/>
    </row>
    <row r="213595" spans="8:8">
      <c r="H213595" s="12"/>
    </row>
    <row r="213596" spans="8:8">
      <c r="H213596" s="12"/>
    </row>
    <row r="213597" spans="8:8">
      <c r="H213597" s="12"/>
    </row>
    <row r="213598" spans="8:8">
      <c r="H213598" s="12"/>
    </row>
    <row r="213599" spans="8:8">
      <c r="H213599" s="12"/>
    </row>
    <row r="213600" spans="8:8">
      <c r="H213600" s="12"/>
    </row>
    <row r="213601" spans="8:8">
      <c r="H213601" s="12"/>
    </row>
    <row r="213602" spans="8:8">
      <c r="H213602" s="12"/>
    </row>
    <row r="213603" spans="8:8">
      <c r="H213603" s="12"/>
    </row>
    <row r="213604" spans="8:8">
      <c r="H213604" s="12"/>
    </row>
    <row r="213605" spans="8:8">
      <c r="H213605" s="12"/>
    </row>
    <row r="213606" spans="8:8">
      <c r="H213606" s="12"/>
    </row>
    <row r="213607" spans="8:8">
      <c r="H213607" s="12"/>
    </row>
    <row r="213608" spans="8:8">
      <c r="H213608" s="12"/>
    </row>
    <row r="213609" spans="8:8">
      <c r="H213609" s="12"/>
    </row>
    <row r="213610" spans="8:8">
      <c r="H213610" s="12"/>
    </row>
    <row r="213611" spans="8:8">
      <c r="H213611" s="12"/>
    </row>
    <row r="213612" spans="8:8">
      <c r="H213612" s="12"/>
    </row>
    <row r="213613" spans="8:8">
      <c r="H213613" s="12"/>
    </row>
    <row r="213614" spans="8:8">
      <c r="H213614" s="12"/>
    </row>
    <row r="213615" spans="8:8">
      <c r="H213615" s="12"/>
    </row>
    <row r="213616" spans="8:8">
      <c r="H213616" s="12"/>
    </row>
    <row r="213617" spans="8:8">
      <c r="H213617" s="12"/>
    </row>
    <row r="213618" spans="8:8">
      <c r="H213618" s="12"/>
    </row>
    <row r="213619" spans="8:8">
      <c r="H213619" s="12"/>
    </row>
    <row r="213620" spans="8:8">
      <c r="H213620" s="12"/>
    </row>
    <row r="213621" spans="8:8">
      <c r="H213621" s="12"/>
    </row>
    <row r="213622" spans="8:8">
      <c r="H213622" s="12"/>
    </row>
    <row r="213623" spans="8:8">
      <c r="H213623" s="12"/>
    </row>
    <row r="213624" spans="8:8">
      <c r="H213624" s="12"/>
    </row>
    <row r="213625" spans="8:8">
      <c r="H213625" s="12"/>
    </row>
    <row r="213626" spans="8:8">
      <c r="H213626" s="12"/>
    </row>
    <row r="213627" spans="8:8">
      <c r="H213627" s="12"/>
    </row>
    <row r="213628" spans="8:8">
      <c r="H213628" s="12"/>
    </row>
    <row r="213629" spans="8:8">
      <c r="H213629" s="12"/>
    </row>
    <row r="213630" spans="8:8">
      <c r="H213630" s="12"/>
    </row>
    <row r="213631" spans="8:8">
      <c r="H213631" s="12"/>
    </row>
    <row r="213632" spans="8:8">
      <c r="H213632" s="12"/>
    </row>
    <row r="213633" spans="8:8">
      <c r="H213633" s="12"/>
    </row>
    <row r="213634" spans="8:8">
      <c r="H213634" s="12"/>
    </row>
    <row r="213635" spans="8:8">
      <c r="H213635" s="12"/>
    </row>
    <row r="213636" spans="8:8">
      <c r="H213636" s="12"/>
    </row>
    <row r="213637" spans="8:8">
      <c r="H213637" s="12"/>
    </row>
    <row r="213638" spans="8:8">
      <c r="H213638" s="12"/>
    </row>
    <row r="213639" spans="8:8">
      <c r="H213639" s="12"/>
    </row>
    <row r="213640" spans="8:8">
      <c r="H213640" s="12"/>
    </row>
    <row r="213641" spans="8:8">
      <c r="H213641" s="12"/>
    </row>
    <row r="213642" spans="8:8">
      <c r="H213642" s="12"/>
    </row>
    <row r="213643" spans="8:8">
      <c r="H213643" s="12"/>
    </row>
    <row r="213644" spans="8:8">
      <c r="H213644" s="12"/>
    </row>
    <row r="213645" spans="8:8">
      <c r="H213645" s="12"/>
    </row>
    <row r="213646" spans="8:8">
      <c r="H213646" s="12"/>
    </row>
    <row r="213647" spans="8:8">
      <c r="H213647" s="12"/>
    </row>
    <row r="213648" spans="8:8">
      <c r="H213648" s="12"/>
    </row>
    <row r="213649" spans="8:8">
      <c r="H213649" s="12"/>
    </row>
    <row r="213650" spans="8:8">
      <c r="H213650" s="12"/>
    </row>
    <row r="213651" spans="8:8">
      <c r="H213651" s="12"/>
    </row>
    <row r="213652" spans="8:8">
      <c r="H213652" s="12"/>
    </row>
    <row r="213653" spans="8:8">
      <c r="H213653" s="12"/>
    </row>
    <row r="213654" spans="8:8">
      <c r="H213654" s="12"/>
    </row>
    <row r="213655" spans="8:8">
      <c r="H213655" s="12"/>
    </row>
    <row r="213656" spans="8:8">
      <c r="H213656" s="12"/>
    </row>
    <row r="213657" spans="8:8">
      <c r="H213657" s="12"/>
    </row>
    <row r="213658" spans="8:8">
      <c r="H213658" s="12"/>
    </row>
    <row r="213659" spans="8:8">
      <c r="H213659" s="12"/>
    </row>
    <row r="213660" spans="8:8">
      <c r="H213660" s="12"/>
    </row>
    <row r="213661" spans="8:8">
      <c r="H213661" s="12"/>
    </row>
    <row r="213662" spans="8:8">
      <c r="H213662" s="12"/>
    </row>
    <row r="213663" spans="8:8">
      <c r="H213663" s="12"/>
    </row>
    <row r="213664" spans="8:8">
      <c r="H213664" s="12"/>
    </row>
    <row r="213665" spans="8:8">
      <c r="H213665" s="12"/>
    </row>
    <row r="213666" spans="8:8">
      <c r="H213666" s="12"/>
    </row>
    <row r="213667" spans="8:8">
      <c r="H213667" s="12"/>
    </row>
    <row r="213668" spans="8:8">
      <c r="H213668" s="12"/>
    </row>
    <row r="213669" spans="8:8">
      <c r="H213669" s="12"/>
    </row>
    <row r="213670" spans="8:8">
      <c r="H213670" s="12"/>
    </row>
    <row r="213671" spans="8:8">
      <c r="H213671" s="12"/>
    </row>
    <row r="213672" spans="8:8">
      <c r="H213672" s="12"/>
    </row>
    <row r="213673" spans="8:8">
      <c r="H213673" s="12"/>
    </row>
    <row r="213674" spans="8:8">
      <c r="H213674" s="12"/>
    </row>
    <row r="213675" spans="8:8">
      <c r="H213675" s="12"/>
    </row>
    <row r="213676" spans="8:8">
      <c r="H213676" s="12"/>
    </row>
    <row r="213677" spans="8:8">
      <c r="H213677" s="12"/>
    </row>
    <row r="213678" spans="8:8">
      <c r="H213678" s="12"/>
    </row>
    <row r="213679" spans="8:8">
      <c r="H213679" s="12"/>
    </row>
    <row r="213680" spans="8:8">
      <c r="H213680" s="12"/>
    </row>
    <row r="213681" spans="8:8">
      <c r="H213681" s="12"/>
    </row>
    <row r="213682" spans="8:8">
      <c r="H213682" s="12"/>
    </row>
    <row r="213683" spans="8:8">
      <c r="H213683" s="12"/>
    </row>
    <row r="213684" spans="8:8">
      <c r="H213684" s="12"/>
    </row>
    <row r="213685" spans="8:8">
      <c r="H213685" s="12"/>
    </row>
    <row r="213686" spans="8:8">
      <c r="H213686" s="12"/>
    </row>
    <row r="213687" spans="8:8">
      <c r="H213687" s="12"/>
    </row>
    <row r="213688" spans="8:8">
      <c r="H213688" s="12"/>
    </row>
    <row r="213689" spans="8:8">
      <c r="H213689" s="12"/>
    </row>
    <row r="213690" spans="8:8">
      <c r="H213690" s="12"/>
    </row>
    <row r="213691" spans="8:8">
      <c r="H213691" s="12"/>
    </row>
    <row r="213692" spans="8:8">
      <c r="H213692" s="12"/>
    </row>
    <row r="213693" spans="8:8">
      <c r="H213693" s="12"/>
    </row>
    <row r="213694" spans="8:8">
      <c r="H213694" s="12"/>
    </row>
    <row r="213695" spans="8:8">
      <c r="H213695" s="12"/>
    </row>
    <row r="213696" spans="8:8">
      <c r="H213696" s="12"/>
    </row>
    <row r="213697" spans="8:8">
      <c r="H213697" s="12"/>
    </row>
    <row r="213698" spans="8:8">
      <c r="H213698" s="12"/>
    </row>
    <row r="213699" spans="8:8">
      <c r="H213699" s="12"/>
    </row>
    <row r="213700" spans="8:8">
      <c r="H213700" s="12"/>
    </row>
    <row r="213701" spans="8:8">
      <c r="H213701" s="12"/>
    </row>
    <row r="213702" spans="8:8">
      <c r="H213702" s="12"/>
    </row>
    <row r="213703" spans="8:8">
      <c r="H213703" s="12"/>
    </row>
    <row r="213704" spans="8:8">
      <c r="H213704" s="12"/>
    </row>
    <row r="213705" spans="8:8">
      <c r="H213705" s="12"/>
    </row>
    <row r="213706" spans="8:8">
      <c r="H213706" s="12"/>
    </row>
    <row r="213707" spans="8:8">
      <c r="H213707" s="12"/>
    </row>
    <row r="213708" spans="8:8">
      <c r="H213708" s="12"/>
    </row>
    <row r="213709" spans="8:8">
      <c r="H213709" s="12"/>
    </row>
    <row r="213710" spans="8:8">
      <c r="H213710" s="12"/>
    </row>
    <row r="213711" spans="8:8">
      <c r="H213711" s="12"/>
    </row>
    <row r="213712" spans="8:8">
      <c r="H213712" s="12"/>
    </row>
    <row r="213713" spans="8:8">
      <c r="H213713" s="12"/>
    </row>
    <row r="213714" spans="8:8">
      <c r="H213714" s="12"/>
    </row>
    <row r="213715" spans="8:8">
      <c r="H213715" s="12"/>
    </row>
    <row r="213716" spans="8:8">
      <c r="H213716" s="12"/>
    </row>
    <row r="213717" spans="8:8">
      <c r="H213717" s="12"/>
    </row>
    <row r="213718" spans="8:8">
      <c r="H213718" s="12"/>
    </row>
    <row r="213719" spans="8:8">
      <c r="H213719" s="12"/>
    </row>
    <row r="213720" spans="8:8">
      <c r="H213720" s="12"/>
    </row>
    <row r="213721" spans="8:8">
      <c r="H213721" s="12"/>
    </row>
    <row r="213722" spans="8:8">
      <c r="H213722" s="12"/>
    </row>
    <row r="213723" spans="8:8">
      <c r="H213723" s="12"/>
    </row>
    <row r="213724" spans="8:8">
      <c r="H213724" s="12"/>
    </row>
    <row r="213725" spans="8:8">
      <c r="H213725" s="12"/>
    </row>
    <row r="213726" spans="8:8">
      <c r="H213726" s="12"/>
    </row>
    <row r="213727" spans="8:8">
      <c r="H213727" s="12"/>
    </row>
    <row r="213728" spans="8:8">
      <c r="H213728" s="12"/>
    </row>
    <row r="213729" spans="8:8">
      <c r="H213729" s="12"/>
    </row>
    <row r="213730" spans="8:8">
      <c r="H213730" s="12"/>
    </row>
    <row r="213731" spans="8:8">
      <c r="H213731" s="12"/>
    </row>
    <row r="213732" spans="8:8">
      <c r="H213732" s="12"/>
    </row>
    <row r="213733" spans="8:8">
      <c r="H213733" s="12"/>
    </row>
    <row r="213734" spans="8:8">
      <c r="H213734" s="12"/>
    </row>
    <row r="213735" spans="8:8">
      <c r="H213735" s="12"/>
    </row>
    <row r="213736" spans="8:8">
      <c r="H213736" s="12"/>
    </row>
    <row r="213737" spans="8:8">
      <c r="H213737" s="12"/>
    </row>
    <row r="213738" spans="8:8">
      <c r="H213738" s="12"/>
    </row>
    <row r="213739" spans="8:8">
      <c r="H213739" s="12"/>
    </row>
    <row r="213740" spans="8:8">
      <c r="H213740" s="12"/>
    </row>
    <row r="213741" spans="8:8">
      <c r="H213741" s="12"/>
    </row>
    <row r="213742" spans="8:8">
      <c r="H213742" s="12"/>
    </row>
    <row r="213743" spans="8:8">
      <c r="H213743" s="12"/>
    </row>
    <row r="213744" spans="8:8">
      <c r="H213744" s="12"/>
    </row>
    <row r="213745" spans="8:8">
      <c r="H213745" s="12"/>
    </row>
    <row r="213746" spans="8:8">
      <c r="H213746" s="12"/>
    </row>
    <row r="213747" spans="8:8">
      <c r="H213747" s="12"/>
    </row>
    <row r="213748" spans="8:8">
      <c r="H213748" s="12"/>
    </row>
    <row r="213749" spans="8:8">
      <c r="H213749" s="12"/>
    </row>
    <row r="213750" spans="8:8">
      <c r="H213750" s="12"/>
    </row>
    <row r="213751" spans="8:8">
      <c r="H213751" s="12"/>
    </row>
    <row r="213752" spans="8:8">
      <c r="H213752" s="12"/>
    </row>
    <row r="213753" spans="8:8">
      <c r="H213753" s="12"/>
    </row>
    <row r="213754" spans="8:8">
      <c r="H213754" s="12"/>
    </row>
    <row r="213755" spans="8:8">
      <c r="H213755" s="12"/>
    </row>
    <row r="213756" spans="8:8">
      <c r="H213756" s="12"/>
    </row>
    <row r="213757" spans="8:8">
      <c r="H213757" s="12"/>
    </row>
    <row r="213758" spans="8:8">
      <c r="H213758" s="12"/>
    </row>
    <row r="213759" spans="8:8">
      <c r="H213759" s="12"/>
    </row>
    <row r="213760" spans="8:8">
      <c r="H213760" s="12"/>
    </row>
    <row r="213761" spans="8:8">
      <c r="H213761" s="12"/>
    </row>
    <row r="213762" spans="8:8">
      <c r="H213762" s="12"/>
    </row>
    <row r="213763" spans="8:8">
      <c r="H213763" s="12"/>
    </row>
    <row r="213764" spans="8:8">
      <c r="H213764" s="12"/>
    </row>
    <row r="213765" spans="8:8">
      <c r="H213765" s="12"/>
    </row>
    <row r="213766" spans="8:8">
      <c r="H213766" s="12"/>
    </row>
    <row r="213767" spans="8:8">
      <c r="H213767" s="12"/>
    </row>
    <row r="213768" spans="8:8">
      <c r="H213768" s="12"/>
    </row>
    <row r="213769" spans="8:8">
      <c r="H213769" s="12"/>
    </row>
    <row r="213770" spans="8:8">
      <c r="H213770" s="12"/>
    </row>
    <row r="213771" spans="8:8">
      <c r="H213771" s="12"/>
    </row>
    <row r="213772" spans="8:8">
      <c r="H213772" s="12"/>
    </row>
    <row r="213773" spans="8:8">
      <c r="H213773" s="12"/>
    </row>
    <row r="213774" spans="8:8">
      <c r="H213774" s="12"/>
    </row>
    <row r="213775" spans="8:8">
      <c r="H213775" s="12"/>
    </row>
    <row r="213776" spans="8:8">
      <c r="H213776" s="12"/>
    </row>
    <row r="213777" spans="8:8">
      <c r="H213777" s="12"/>
    </row>
    <row r="213778" spans="8:8">
      <c r="H213778" s="12"/>
    </row>
    <row r="213779" spans="8:8">
      <c r="H213779" s="12"/>
    </row>
    <row r="213780" spans="8:8">
      <c r="H213780" s="12"/>
    </row>
    <row r="213781" spans="8:8">
      <c r="H213781" s="12"/>
    </row>
    <row r="213782" spans="8:8">
      <c r="H213782" s="12"/>
    </row>
    <row r="213783" spans="8:8">
      <c r="H213783" s="12"/>
    </row>
    <row r="213784" spans="8:8">
      <c r="H213784" s="12"/>
    </row>
    <row r="213785" spans="8:8">
      <c r="H213785" s="12"/>
    </row>
    <row r="213786" spans="8:8">
      <c r="H213786" s="12"/>
    </row>
    <row r="213787" spans="8:8">
      <c r="H213787" s="12"/>
    </row>
    <row r="213788" spans="8:8">
      <c r="H213788" s="12"/>
    </row>
    <row r="213789" spans="8:8">
      <c r="H213789" s="12"/>
    </row>
    <row r="213790" spans="8:8">
      <c r="H213790" s="12"/>
    </row>
    <row r="213791" spans="8:8">
      <c r="H213791" s="12"/>
    </row>
    <row r="213792" spans="8:8">
      <c r="H213792" s="12"/>
    </row>
    <row r="213793" spans="8:8">
      <c r="H213793" s="12"/>
    </row>
    <row r="213794" spans="8:8">
      <c r="H213794" s="12"/>
    </row>
    <row r="213795" spans="8:8">
      <c r="H213795" s="12"/>
    </row>
    <row r="213796" spans="8:8">
      <c r="H213796" s="12"/>
    </row>
    <row r="213797" spans="8:8">
      <c r="H213797" s="12"/>
    </row>
    <row r="213798" spans="8:8">
      <c r="H213798" s="12"/>
    </row>
    <row r="213799" spans="8:8">
      <c r="H213799" s="12"/>
    </row>
    <row r="213800" spans="8:8">
      <c r="H213800" s="12"/>
    </row>
    <row r="213801" spans="8:8">
      <c r="H213801" s="12"/>
    </row>
    <row r="213802" spans="8:8">
      <c r="H213802" s="12"/>
    </row>
    <row r="213803" spans="8:8">
      <c r="H213803" s="12"/>
    </row>
    <row r="213804" spans="8:8">
      <c r="H213804" s="12"/>
    </row>
    <row r="213805" spans="8:8">
      <c r="H213805" s="12"/>
    </row>
    <row r="213806" spans="8:8">
      <c r="H213806" s="12"/>
    </row>
    <row r="213807" spans="8:8">
      <c r="H213807" s="12"/>
    </row>
    <row r="213808" spans="8:8">
      <c r="H213808" s="12"/>
    </row>
    <row r="213809" spans="8:8">
      <c r="H213809" s="12"/>
    </row>
    <row r="213810" spans="8:8">
      <c r="H213810" s="12"/>
    </row>
    <row r="213811" spans="8:8">
      <c r="H213811" s="12"/>
    </row>
    <row r="213812" spans="8:8">
      <c r="H213812" s="12"/>
    </row>
    <row r="213813" spans="8:8">
      <c r="H213813" s="12"/>
    </row>
    <row r="213814" spans="8:8">
      <c r="H213814" s="12"/>
    </row>
    <row r="213815" spans="8:8">
      <c r="H213815" s="12"/>
    </row>
    <row r="213816" spans="8:8">
      <c r="H213816" s="12"/>
    </row>
    <row r="213817" spans="8:8">
      <c r="H213817" s="12"/>
    </row>
    <row r="213818" spans="8:8">
      <c r="H213818" s="12"/>
    </row>
    <row r="213819" spans="8:8">
      <c r="H213819" s="12"/>
    </row>
    <row r="213820" spans="8:8">
      <c r="H213820" s="12"/>
    </row>
    <row r="213821" spans="8:8">
      <c r="H213821" s="12"/>
    </row>
    <row r="213822" spans="8:8">
      <c r="H213822" s="12"/>
    </row>
    <row r="213823" spans="8:8">
      <c r="H213823" s="12"/>
    </row>
    <row r="213824" spans="8:8">
      <c r="H213824" s="12"/>
    </row>
    <row r="213825" spans="8:8">
      <c r="H213825" s="12"/>
    </row>
    <row r="213826" spans="8:8">
      <c r="H213826" s="12"/>
    </row>
    <row r="213827" spans="8:8">
      <c r="H213827" s="12"/>
    </row>
    <row r="213828" spans="8:8">
      <c r="H213828" s="12"/>
    </row>
    <row r="213829" spans="8:8">
      <c r="H213829" s="12"/>
    </row>
    <row r="213830" spans="8:8">
      <c r="H213830" s="12"/>
    </row>
    <row r="213831" spans="8:8">
      <c r="H213831" s="12"/>
    </row>
    <row r="213832" spans="8:8">
      <c r="H213832" s="12"/>
    </row>
    <row r="213833" spans="8:8">
      <c r="H213833" s="12"/>
    </row>
    <row r="213834" spans="8:8">
      <c r="H213834" s="12"/>
    </row>
    <row r="213835" spans="8:8">
      <c r="H213835" s="12"/>
    </row>
    <row r="213836" spans="8:8">
      <c r="H213836" s="12"/>
    </row>
    <row r="213837" spans="8:8">
      <c r="H213837" s="12"/>
    </row>
    <row r="213838" spans="8:8">
      <c r="H213838" s="12"/>
    </row>
    <row r="213839" spans="8:8">
      <c r="H213839" s="12"/>
    </row>
    <row r="213840" spans="8:8">
      <c r="H213840" s="12"/>
    </row>
    <row r="213841" spans="8:8">
      <c r="H213841" s="12"/>
    </row>
    <row r="213842" spans="8:8">
      <c r="H213842" s="12"/>
    </row>
    <row r="213843" spans="8:8">
      <c r="H213843" s="12"/>
    </row>
    <row r="213844" spans="8:8">
      <c r="H213844" s="12"/>
    </row>
    <row r="213845" spans="8:8">
      <c r="H213845" s="12"/>
    </row>
    <row r="213846" spans="8:8">
      <c r="H213846" s="12"/>
    </row>
    <row r="213847" spans="8:8">
      <c r="H213847" s="12"/>
    </row>
    <row r="213848" spans="8:8">
      <c r="H213848" s="12"/>
    </row>
    <row r="213849" spans="8:8">
      <c r="H213849" s="12"/>
    </row>
    <row r="213850" spans="8:8">
      <c r="H213850" s="12"/>
    </row>
    <row r="213851" spans="8:8">
      <c r="H213851" s="12"/>
    </row>
    <row r="213852" spans="8:8">
      <c r="H213852" s="12"/>
    </row>
    <row r="213853" spans="8:8">
      <c r="H213853" s="12"/>
    </row>
    <row r="213854" spans="8:8">
      <c r="H213854" s="12"/>
    </row>
    <row r="213855" spans="8:8">
      <c r="H213855" s="12"/>
    </row>
    <row r="213856" spans="8:8">
      <c r="H213856" s="12"/>
    </row>
    <row r="213857" spans="8:8">
      <c r="H213857" s="12"/>
    </row>
    <row r="213858" spans="8:8">
      <c r="H213858" s="12"/>
    </row>
    <row r="213859" spans="8:8">
      <c r="H213859" s="12"/>
    </row>
    <row r="213860" spans="8:8">
      <c r="H213860" s="12"/>
    </row>
    <row r="213861" spans="8:8">
      <c r="H213861" s="12"/>
    </row>
    <row r="213862" spans="8:8">
      <c r="H213862" s="12"/>
    </row>
    <row r="213863" spans="8:8">
      <c r="H213863" s="12"/>
    </row>
    <row r="213864" spans="8:8">
      <c r="H213864" s="12"/>
    </row>
    <row r="213865" spans="8:8">
      <c r="H213865" s="12"/>
    </row>
    <row r="213866" spans="8:8">
      <c r="H213866" s="12"/>
    </row>
    <row r="213867" spans="8:8">
      <c r="H213867" s="12"/>
    </row>
    <row r="213868" spans="8:8">
      <c r="H213868" s="12"/>
    </row>
    <row r="213869" spans="8:8">
      <c r="H213869" s="12"/>
    </row>
    <row r="213870" spans="8:8">
      <c r="H213870" s="12"/>
    </row>
    <row r="213871" spans="8:8">
      <c r="H213871" s="12"/>
    </row>
    <row r="213872" spans="8:8">
      <c r="H213872" s="12"/>
    </row>
    <row r="213873" spans="8:8">
      <c r="H213873" s="12"/>
    </row>
    <row r="213874" spans="8:8">
      <c r="H213874" s="12"/>
    </row>
    <row r="213875" spans="8:8">
      <c r="H213875" s="12"/>
    </row>
    <row r="213876" spans="8:8">
      <c r="H213876" s="12"/>
    </row>
    <row r="213877" spans="8:8">
      <c r="H213877" s="12"/>
    </row>
    <row r="213878" spans="8:8">
      <c r="H213878" s="12"/>
    </row>
    <row r="213879" spans="8:8">
      <c r="H213879" s="12"/>
    </row>
    <row r="213880" spans="8:8">
      <c r="H213880" s="12"/>
    </row>
    <row r="213881" spans="8:8">
      <c r="H213881" s="12"/>
    </row>
    <row r="213882" spans="8:8">
      <c r="H213882" s="12"/>
    </row>
    <row r="213883" spans="8:8">
      <c r="H213883" s="12"/>
    </row>
    <row r="213884" spans="8:8">
      <c r="H213884" s="12"/>
    </row>
    <row r="213885" spans="8:8">
      <c r="H213885" s="12"/>
    </row>
    <row r="213886" spans="8:8">
      <c r="H213886" s="12"/>
    </row>
    <row r="213887" spans="8:8">
      <c r="H213887" s="12"/>
    </row>
    <row r="213888" spans="8:8">
      <c r="H213888" s="12"/>
    </row>
    <row r="213889" spans="8:8">
      <c r="H213889" s="12"/>
    </row>
    <row r="213890" spans="8:8">
      <c r="H213890" s="12"/>
    </row>
    <row r="213891" spans="8:8">
      <c r="H213891" s="12"/>
    </row>
    <row r="213892" spans="8:8">
      <c r="H213892" s="12"/>
    </row>
    <row r="213893" spans="8:8">
      <c r="H213893" s="12"/>
    </row>
    <row r="213894" spans="8:8">
      <c r="H213894" s="12"/>
    </row>
    <row r="213895" spans="8:8">
      <c r="H213895" s="12"/>
    </row>
    <row r="213896" spans="8:8">
      <c r="H213896" s="12"/>
    </row>
    <row r="213897" spans="8:8">
      <c r="H213897" s="12"/>
    </row>
    <row r="213898" spans="8:8">
      <c r="H213898" s="12"/>
    </row>
    <row r="213899" spans="8:8">
      <c r="H213899" s="12"/>
    </row>
    <row r="213900" spans="8:8">
      <c r="H213900" s="12"/>
    </row>
    <row r="213901" spans="8:8">
      <c r="H213901" s="12"/>
    </row>
    <row r="213902" spans="8:8">
      <c r="H213902" s="12"/>
    </row>
    <row r="213903" spans="8:8">
      <c r="H213903" s="12"/>
    </row>
    <row r="213904" spans="8:8">
      <c r="H213904" s="12"/>
    </row>
    <row r="213905" spans="8:8">
      <c r="H213905" s="12"/>
    </row>
    <row r="213906" spans="8:8">
      <c r="H213906" s="12"/>
    </row>
    <row r="213907" spans="8:8">
      <c r="H213907" s="12"/>
    </row>
    <row r="213908" spans="8:8">
      <c r="H213908" s="12"/>
    </row>
    <row r="213909" spans="8:8">
      <c r="H213909" s="12"/>
    </row>
    <row r="213910" spans="8:8">
      <c r="H213910" s="12"/>
    </row>
    <row r="213911" spans="8:8">
      <c r="H213911" s="12"/>
    </row>
    <row r="213912" spans="8:8">
      <c r="H213912" s="12"/>
    </row>
    <row r="213913" spans="8:8">
      <c r="H213913" s="12"/>
    </row>
    <row r="213914" spans="8:8">
      <c r="H213914" s="12"/>
    </row>
    <row r="213915" spans="8:8">
      <c r="H213915" s="12"/>
    </row>
    <row r="213916" spans="8:8">
      <c r="H213916" s="12"/>
    </row>
    <row r="213917" spans="8:8">
      <c r="H213917" s="12"/>
    </row>
    <row r="213918" spans="8:8">
      <c r="H213918" s="12"/>
    </row>
    <row r="213919" spans="8:8">
      <c r="H213919" s="12"/>
    </row>
    <row r="213920" spans="8:8">
      <c r="H213920" s="12"/>
    </row>
    <row r="213921" spans="8:8">
      <c r="H213921" s="12"/>
    </row>
    <row r="213922" spans="8:8">
      <c r="H213922" s="12"/>
    </row>
    <row r="213923" spans="8:8">
      <c r="H213923" s="12"/>
    </row>
    <row r="213924" spans="8:8">
      <c r="H213924" s="12"/>
    </row>
    <row r="213925" spans="8:8">
      <c r="H213925" s="12"/>
    </row>
    <row r="213926" spans="8:8">
      <c r="H213926" s="12"/>
    </row>
    <row r="213927" spans="8:8">
      <c r="H213927" s="12"/>
    </row>
    <row r="213928" spans="8:8">
      <c r="H213928" s="12"/>
    </row>
    <row r="213929" spans="8:8">
      <c r="H213929" s="12"/>
    </row>
    <row r="213930" spans="8:8">
      <c r="H213930" s="12"/>
    </row>
    <row r="213931" spans="8:8">
      <c r="H213931" s="12"/>
    </row>
    <row r="213932" spans="8:8">
      <c r="H213932" s="12"/>
    </row>
    <row r="213933" spans="8:8">
      <c r="H213933" s="12"/>
    </row>
    <row r="213934" spans="8:8">
      <c r="H213934" s="12"/>
    </row>
    <row r="213935" spans="8:8">
      <c r="H213935" s="12"/>
    </row>
    <row r="213936" spans="8:8">
      <c r="H213936" s="12"/>
    </row>
    <row r="213937" spans="8:8">
      <c r="H213937" s="12"/>
    </row>
    <row r="213938" spans="8:8">
      <c r="H213938" s="12"/>
    </row>
    <row r="213939" spans="8:8">
      <c r="H213939" s="12"/>
    </row>
    <row r="213940" spans="8:8">
      <c r="H213940" s="12"/>
    </row>
    <row r="213941" spans="8:8">
      <c r="H213941" s="12"/>
    </row>
    <row r="213942" spans="8:8">
      <c r="H213942" s="12"/>
    </row>
    <row r="213943" spans="8:8">
      <c r="H213943" s="12"/>
    </row>
    <row r="213944" spans="8:8">
      <c r="H213944" s="12"/>
    </row>
    <row r="213945" spans="8:8">
      <c r="H213945" s="12"/>
    </row>
    <row r="213946" spans="8:8">
      <c r="H213946" s="12"/>
    </row>
    <row r="213947" spans="8:8">
      <c r="H213947" s="12"/>
    </row>
    <row r="213948" spans="8:8">
      <c r="H213948" s="12"/>
    </row>
    <row r="213949" spans="8:8">
      <c r="H213949" s="12"/>
    </row>
    <row r="213950" spans="8:8">
      <c r="H213950" s="12"/>
    </row>
    <row r="213951" spans="8:8">
      <c r="H213951" s="12"/>
    </row>
    <row r="213952" spans="8:8">
      <c r="H213952" s="12"/>
    </row>
    <row r="213953" spans="8:8">
      <c r="H213953" s="12"/>
    </row>
    <row r="213954" spans="8:8">
      <c r="H213954" s="12"/>
    </row>
    <row r="213955" spans="8:8">
      <c r="H213955" s="12"/>
    </row>
    <row r="213956" spans="8:8">
      <c r="H213956" s="12"/>
    </row>
    <row r="213957" spans="8:8">
      <c r="H213957" s="12"/>
    </row>
    <row r="213958" spans="8:8">
      <c r="H213958" s="12"/>
    </row>
    <row r="213959" spans="8:8">
      <c r="H213959" s="12"/>
    </row>
    <row r="213960" spans="8:8">
      <c r="H213960" s="12"/>
    </row>
    <row r="213961" spans="8:8">
      <c r="H213961" s="12"/>
    </row>
    <row r="213962" spans="8:8">
      <c r="H213962" s="12"/>
    </row>
    <row r="213963" spans="8:8">
      <c r="H213963" s="12"/>
    </row>
    <row r="213964" spans="8:8">
      <c r="H213964" s="12"/>
    </row>
    <row r="213965" spans="8:8">
      <c r="H213965" s="12"/>
    </row>
    <row r="213966" spans="8:8">
      <c r="H213966" s="12"/>
    </row>
    <row r="213967" spans="8:8">
      <c r="H213967" s="12"/>
    </row>
    <row r="213968" spans="8:8">
      <c r="H213968" s="12"/>
    </row>
    <row r="213969" spans="8:8">
      <c r="H213969" s="12"/>
    </row>
    <row r="213970" spans="8:8">
      <c r="H213970" s="12"/>
    </row>
    <row r="213971" spans="8:8">
      <c r="H213971" s="12"/>
    </row>
    <row r="213972" spans="8:8">
      <c r="H213972" s="12"/>
    </row>
    <row r="213973" spans="8:8">
      <c r="H213973" s="12"/>
    </row>
    <row r="213974" spans="8:8">
      <c r="H213974" s="12"/>
    </row>
    <row r="213975" spans="8:8">
      <c r="H213975" s="12"/>
    </row>
    <row r="213976" spans="8:8">
      <c r="H213976" s="12"/>
    </row>
    <row r="213977" spans="8:8">
      <c r="H213977" s="12"/>
    </row>
    <row r="213978" spans="8:8">
      <c r="H213978" s="12"/>
    </row>
    <row r="213979" spans="8:8">
      <c r="H213979" s="12"/>
    </row>
    <row r="213980" spans="8:8">
      <c r="H213980" s="12"/>
    </row>
    <row r="213981" spans="8:8">
      <c r="H213981" s="12"/>
    </row>
    <row r="213982" spans="8:8">
      <c r="H213982" s="12"/>
    </row>
    <row r="213983" spans="8:8">
      <c r="H213983" s="12"/>
    </row>
    <row r="213984" spans="8:8">
      <c r="H213984" s="12"/>
    </row>
    <row r="213985" spans="8:8">
      <c r="H213985" s="12"/>
    </row>
    <row r="213986" spans="8:8">
      <c r="H213986" s="12"/>
    </row>
    <row r="213987" spans="8:8">
      <c r="H213987" s="12"/>
    </row>
    <row r="213988" spans="8:8">
      <c r="H213988" s="12"/>
    </row>
    <row r="213989" spans="8:8">
      <c r="H213989" s="12"/>
    </row>
    <row r="213990" spans="8:8">
      <c r="H213990" s="12"/>
    </row>
    <row r="213991" spans="8:8">
      <c r="H213991" s="12"/>
    </row>
    <row r="213992" spans="8:8">
      <c r="H213992" s="12"/>
    </row>
    <row r="213993" spans="8:8">
      <c r="H213993" s="12"/>
    </row>
    <row r="213994" spans="8:8">
      <c r="H213994" s="12"/>
    </row>
    <row r="213995" spans="8:8">
      <c r="H213995" s="12"/>
    </row>
    <row r="213996" spans="8:8">
      <c r="H213996" s="12"/>
    </row>
    <row r="213997" spans="8:8">
      <c r="H213997" s="12"/>
    </row>
    <row r="213998" spans="8:8">
      <c r="H213998" s="12"/>
    </row>
    <row r="213999" spans="8:8">
      <c r="H213999" s="12"/>
    </row>
    <row r="214000" spans="8:8">
      <c r="H214000" s="12"/>
    </row>
    <row r="214001" spans="8:8">
      <c r="H214001" s="12"/>
    </row>
    <row r="214002" spans="8:8">
      <c r="H214002" s="12"/>
    </row>
    <row r="214003" spans="8:8">
      <c r="H214003" s="12"/>
    </row>
    <row r="214004" spans="8:8">
      <c r="H214004" s="12"/>
    </row>
    <row r="214005" spans="8:8">
      <c r="H214005" s="12"/>
    </row>
    <row r="214006" spans="8:8">
      <c r="H214006" s="12"/>
    </row>
    <row r="214007" spans="8:8">
      <c r="H214007" s="12"/>
    </row>
    <row r="214008" spans="8:8">
      <c r="H214008" s="12"/>
    </row>
    <row r="214009" spans="8:8">
      <c r="H214009" s="12"/>
    </row>
    <row r="214010" spans="8:8">
      <c r="H214010" s="12"/>
    </row>
    <row r="214011" spans="8:8">
      <c r="H214011" s="12"/>
    </row>
    <row r="214012" spans="8:8">
      <c r="H214012" s="12"/>
    </row>
    <row r="214013" spans="8:8">
      <c r="H214013" s="12"/>
    </row>
    <row r="214014" spans="8:8">
      <c r="H214014" s="12"/>
    </row>
    <row r="214015" spans="8:8">
      <c r="H214015" s="12"/>
    </row>
    <row r="214016" spans="8:8">
      <c r="H214016" s="12"/>
    </row>
    <row r="214017" spans="8:8">
      <c r="H214017" s="12"/>
    </row>
    <row r="214018" spans="8:8">
      <c r="H214018" s="12"/>
    </row>
    <row r="214019" spans="8:8">
      <c r="H214019" s="12"/>
    </row>
    <row r="214020" spans="8:8">
      <c r="H214020" s="12"/>
    </row>
    <row r="214021" spans="8:8">
      <c r="H214021" s="12"/>
    </row>
    <row r="214022" spans="8:8">
      <c r="H214022" s="12"/>
    </row>
    <row r="214023" spans="8:8">
      <c r="H214023" s="12"/>
    </row>
    <row r="214024" spans="8:8">
      <c r="H214024" s="12"/>
    </row>
    <row r="214025" spans="8:8">
      <c r="H214025" s="12"/>
    </row>
    <row r="214026" spans="8:8">
      <c r="H214026" s="12"/>
    </row>
    <row r="214027" spans="8:8">
      <c r="H214027" s="12"/>
    </row>
    <row r="214028" spans="8:8">
      <c r="H214028" s="12"/>
    </row>
    <row r="214029" spans="8:8">
      <c r="H214029" s="12"/>
    </row>
    <row r="214030" spans="8:8">
      <c r="H214030" s="12"/>
    </row>
    <row r="214031" spans="8:8">
      <c r="H214031" s="12"/>
    </row>
    <row r="214032" spans="8:8">
      <c r="H214032" s="12"/>
    </row>
    <row r="214033" spans="8:8">
      <c r="H214033" s="12"/>
    </row>
    <row r="214034" spans="8:8">
      <c r="H214034" s="12"/>
    </row>
    <row r="214035" spans="8:8">
      <c r="H214035" s="12"/>
    </row>
    <row r="214036" spans="8:8">
      <c r="H214036" s="12"/>
    </row>
    <row r="214037" spans="8:8">
      <c r="H214037" s="12"/>
    </row>
    <row r="214038" spans="8:8">
      <c r="H214038" s="12"/>
    </row>
    <row r="214039" spans="8:8">
      <c r="H214039" s="12"/>
    </row>
    <row r="214040" spans="8:8">
      <c r="H214040" s="12"/>
    </row>
    <row r="214041" spans="8:8">
      <c r="H214041" s="12"/>
    </row>
    <row r="214042" spans="8:8">
      <c r="H214042" s="12"/>
    </row>
    <row r="214043" spans="8:8">
      <c r="H214043" s="12"/>
    </row>
    <row r="214044" spans="8:8">
      <c r="H214044" s="12"/>
    </row>
    <row r="214045" spans="8:8">
      <c r="H214045" s="12"/>
    </row>
    <row r="214046" spans="8:8">
      <c r="H214046" s="12"/>
    </row>
    <row r="214047" spans="8:8">
      <c r="H214047" s="12"/>
    </row>
    <row r="214048" spans="8:8">
      <c r="H214048" s="12"/>
    </row>
    <row r="214049" spans="8:8">
      <c r="H214049" s="12"/>
    </row>
    <row r="214050" spans="8:8">
      <c r="H214050" s="12"/>
    </row>
    <row r="214051" spans="8:8">
      <c r="H214051" s="12"/>
    </row>
    <row r="214052" spans="8:8">
      <c r="H214052" s="12"/>
    </row>
    <row r="214053" spans="8:8">
      <c r="H214053" s="12"/>
    </row>
    <row r="214054" spans="8:8">
      <c r="H214054" s="12"/>
    </row>
    <row r="214055" spans="8:8">
      <c r="H214055" s="12"/>
    </row>
    <row r="214056" spans="8:8">
      <c r="H214056" s="12"/>
    </row>
    <row r="214057" spans="8:8">
      <c r="H214057" s="12"/>
    </row>
    <row r="214058" spans="8:8">
      <c r="H214058" s="12"/>
    </row>
    <row r="214059" spans="8:8">
      <c r="H214059" s="12"/>
    </row>
    <row r="214060" spans="8:8">
      <c r="H214060" s="12"/>
    </row>
    <row r="214061" spans="8:8">
      <c r="H214061" s="12"/>
    </row>
    <row r="214062" spans="8:8">
      <c r="H214062" s="12"/>
    </row>
    <row r="214063" spans="8:8">
      <c r="H214063" s="12"/>
    </row>
    <row r="214064" spans="8:8">
      <c r="H214064" s="12"/>
    </row>
    <row r="214065" spans="8:8">
      <c r="H214065" s="12"/>
    </row>
    <row r="214066" spans="8:8">
      <c r="H214066" s="12"/>
    </row>
    <row r="214067" spans="8:8">
      <c r="H214067" s="12"/>
    </row>
    <row r="214068" spans="8:8">
      <c r="H214068" s="12"/>
    </row>
    <row r="214069" spans="8:8">
      <c r="H214069" s="12"/>
    </row>
    <row r="214070" spans="8:8">
      <c r="H214070" s="12"/>
    </row>
    <row r="214071" spans="8:8">
      <c r="H214071" s="12"/>
    </row>
    <row r="214072" spans="8:8">
      <c r="H214072" s="12"/>
    </row>
    <row r="214073" spans="8:8">
      <c r="H214073" s="12"/>
    </row>
    <row r="214074" spans="8:8">
      <c r="H214074" s="12"/>
    </row>
    <row r="214075" spans="8:8">
      <c r="H214075" s="12"/>
    </row>
    <row r="214076" spans="8:8">
      <c r="H214076" s="12"/>
    </row>
    <row r="214077" spans="8:8">
      <c r="H214077" s="12"/>
    </row>
    <row r="214078" spans="8:8">
      <c r="H214078" s="12"/>
    </row>
    <row r="214079" spans="8:8">
      <c r="H214079" s="12"/>
    </row>
    <row r="214080" spans="8:8">
      <c r="H214080" s="12"/>
    </row>
    <row r="214081" spans="8:8">
      <c r="H214081" s="12"/>
    </row>
    <row r="214082" spans="8:8">
      <c r="H214082" s="12"/>
    </row>
    <row r="214083" spans="8:8">
      <c r="H214083" s="12"/>
    </row>
    <row r="214084" spans="8:8">
      <c r="H214084" s="12"/>
    </row>
    <row r="214085" spans="8:8">
      <c r="H214085" s="12"/>
    </row>
    <row r="214086" spans="8:8">
      <c r="H214086" s="12"/>
    </row>
    <row r="214087" spans="8:8">
      <c r="H214087" s="12"/>
    </row>
    <row r="214088" spans="8:8">
      <c r="H214088" s="12"/>
    </row>
    <row r="214089" spans="8:8">
      <c r="H214089" s="12"/>
    </row>
    <row r="214090" spans="8:8">
      <c r="H214090" s="12"/>
    </row>
    <row r="214091" spans="8:8">
      <c r="H214091" s="12"/>
    </row>
    <row r="214092" spans="8:8">
      <c r="H214092" s="12"/>
    </row>
    <row r="214093" spans="8:8">
      <c r="H214093" s="12"/>
    </row>
    <row r="214094" spans="8:8">
      <c r="H214094" s="12"/>
    </row>
    <row r="214095" spans="8:8">
      <c r="H214095" s="12"/>
    </row>
    <row r="214096" spans="8:8">
      <c r="H214096" s="12"/>
    </row>
    <row r="214097" spans="8:8">
      <c r="H214097" s="12"/>
    </row>
    <row r="214098" spans="8:8">
      <c r="H214098" s="12"/>
    </row>
    <row r="214099" spans="8:8">
      <c r="H214099" s="12"/>
    </row>
    <row r="214100" spans="8:8">
      <c r="H214100" s="12"/>
    </row>
    <row r="214101" spans="8:8">
      <c r="H214101" s="12"/>
    </row>
    <row r="214102" spans="8:8">
      <c r="H214102" s="12"/>
    </row>
    <row r="214103" spans="8:8">
      <c r="H214103" s="12"/>
    </row>
    <row r="214104" spans="8:8">
      <c r="H214104" s="12"/>
    </row>
    <row r="214105" spans="8:8">
      <c r="H214105" s="12"/>
    </row>
    <row r="214106" spans="8:8">
      <c r="H214106" s="12"/>
    </row>
    <row r="214107" spans="8:8">
      <c r="H214107" s="12"/>
    </row>
    <row r="214108" spans="8:8">
      <c r="H214108" s="12"/>
    </row>
    <row r="214109" spans="8:8">
      <c r="H214109" s="12"/>
    </row>
    <row r="214110" spans="8:8">
      <c r="H214110" s="12"/>
    </row>
    <row r="214111" spans="8:8">
      <c r="H214111" s="12"/>
    </row>
    <row r="214112" spans="8:8">
      <c r="H214112" s="12"/>
    </row>
    <row r="214113" spans="8:8">
      <c r="H214113" s="12"/>
    </row>
    <row r="214114" spans="8:8">
      <c r="H214114" s="12"/>
    </row>
    <row r="214115" spans="8:8">
      <c r="H214115" s="12"/>
    </row>
    <row r="214116" spans="8:8">
      <c r="H214116" s="12"/>
    </row>
    <row r="214117" spans="8:8">
      <c r="H214117" s="12"/>
    </row>
    <row r="214118" spans="8:8">
      <c r="H214118" s="12"/>
    </row>
    <row r="214119" spans="8:8">
      <c r="H214119" s="12"/>
    </row>
    <row r="214120" spans="8:8">
      <c r="H214120" s="12"/>
    </row>
    <row r="214121" spans="8:8">
      <c r="H214121" s="12"/>
    </row>
    <row r="214122" spans="8:8">
      <c r="H214122" s="12"/>
    </row>
    <row r="214123" spans="8:8">
      <c r="H214123" s="12"/>
    </row>
    <row r="214124" spans="8:8">
      <c r="H214124" s="12"/>
    </row>
    <row r="214125" spans="8:8">
      <c r="H214125" s="12"/>
    </row>
    <row r="214126" spans="8:8">
      <c r="H214126" s="12"/>
    </row>
    <row r="214127" spans="8:8">
      <c r="H214127" s="12"/>
    </row>
    <row r="214128" spans="8:8">
      <c r="H214128" s="12"/>
    </row>
    <row r="214129" spans="8:8">
      <c r="H214129" s="12"/>
    </row>
    <row r="214130" spans="8:8">
      <c r="H214130" s="12"/>
    </row>
    <row r="214131" spans="8:8">
      <c r="H214131" s="12"/>
    </row>
    <row r="214132" spans="8:8">
      <c r="H214132" s="12"/>
    </row>
    <row r="214133" spans="8:8">
      <c r="H214133" s="12"/>
    </row>
    <row r="214134" spans="8:8">
      <c r="H214134" s="12"/>
    </row>
    <row r="214135" spans="8:8">
      <c r="H214135" s="12"/>
    </row>
    <row r="214136" spans="8:8">
      <c r="H214136" s="12"/>
    </row>
    <row r="214137" spans="8:8">
      <c r="H214137" s="12"/>
    </row>
    <row r="214138" spans="8:8">
      <c r="H214138" s="12"/>
    </row>
    <row r="214139" spans="8:8">
      <c r="H214139" s="12"/>
    </row>
    <row r="214140" spans="8:8">
      <c r="H214140" s="12"/>
    </row>
    <row r="214141" spans="8:8">
      <c r="H214141" s="12"/>
    </row>
    <row r="214142" spans="8:8">
      <c r="H214142" s="12"/>
    </row>
    <row r="214143" spans="8:8">
      <c r="H214143" s="12"/>
    </row>
    <row r="214144" spans="8:8">
      <c r="H214144" s="12"/>
    </row>
    <row r="214145" spans="8:8">
      <c r="H214145" s="12"/>
    </row>
    <row r="214146" spans="8:8">
      <c r="H214146" s="12"/>
    </row>
    <row r="214147" spans="8:8">
      <c r="H214147" s="12"/>
    </row>
    <row r="214148" spans="8:8">
      <c r="H214148" s="12"/>
    </row>
    <row r="214149" spans="8:8">
      <c r="H214149" s="12"/>
    </row>
    <row r="214150" spans="8:8">
      <c r="H214150" s="12"/>
    </row>
    <row r="214151" spans="8:8">
      <c r="H214151" s="12"/>
    </row>
    <row r="214152" spans="8:8">
      <c r="H214152" s="12"/>
    </row>
    <row r="214153" spans="8:8">
      <c r="H214153" s="12"/>
    </row>
    <row r="214154" spans="8:8">
      <c r="H214154" s="12"/>
    </row>
    <row r="214155" spans="8:8">
      <c r="H214155" s="12"/>
    </row>
    <row r="214156" spans="8:8">
      <c r="H214156" s="12"/>
    </row>
    <row r="214157" spans="8:8">
      <c r="H214157" s="12"/>
    </row>
    <row r="214158" spans="8:8">
      <c r="H214158" s="12"/>
    </row>
    <row r="214159" spans="8:8">
      <c r="H214159" s="12"/>
    </row>
    <row r="214160" spans="8:8">
      <c r="H214160" s="12"/>
    </row>
    <row r="214161" spans="8:8">
      <c r="H214161" s="12"/>
    </row>
    <row r="214162" spans="8:8">
      <c r="H214162" s="12"/>
    </row>
    <row r="214163" spans="8:8">
      <c r="H214163" s="12"/>
    </row>
    <row r="214164" spans="8:8">
      <c r="H214164" s="12"/>
    </row>
    <row r="214165" spans="8:8">
      <c r="H214165" s="12"/>
    </row>
    <row r="214166" spans="8:8">
      <c r="H214166" s="12"/>
    </row>
    <row r="214167" spans="8:8">
      <c r="H214167" s="12"/>
    </row>
    <row r="214168" spans="8:8">
      <c r="H214168" s="12"/>
    </row>
    <row r="214169" spans="8:8">
      <c r="H214169" s="12"/>
    </row>
    <row r="214170" spans="8:8">
      <c r="H214170" s="12"/>
    </row>
    <row r="214171" spans="8:8">
      <c r="H214171" s="12"/>
    </row>
    <row r="214172" spans="8:8">
      <c r="H214172" s="12"/>
    </row>
    <row r="214173" spans="8:8">
      <c r="H214173" s="12"/>
    </row>
    <row r="214174" spans="8:8">
      <c r="H214174" s="12"/>
    </row>
    <row r="214175" spans="8:8">
      <c r="H214175" s="12"/>
    </row>
    <row r="214176" spans="8:8">
      <c r="H214176" s="12"/>
    </row>
    <row r="214177" spans="8:8">
      <c r="H214177" s="12"/>
    </row>
    <row r="214178" spans="8:8">
      <c r="H214178" s="12"/>
    </row>
    <row r="214179" spans="8:8">
      <c r="H214179" s="12"/>
    </row>
    <row r="214180" spans="8:8">
      <c r="H214180" s="12"/>
    </row>
    <row r="214181" spans="8:8">
      <c r="H214181" s="12"/>
    </row>
    <row r="214182" spans="8:8">
      <c r="H214182" s="12"/>
    </row>
    <row r="214183" spans="8:8">
      <c r="H214183" s="12"/>
    </row>
    <row r="214184" spans="8:8">
      <c r="H214184" s="12"/>
    </row>
    <row r="214185" spans="8:8">
      <c r="H214185" s="12"/>
    </row>
    <row r="214186" spans="8:8">
      <c r="H214186" s="12"/>
    </row>
    <row r="214187" spans="8:8">
      <c r="H214187" s="12"/>
    </row>
    <row r="214188" spans="8:8">
      <c r="H214188" s="12"/>
    </row>
    <row r="214189" spans="8:8">
      <c r="H214189" s="12"/>
    </row>
    <row r="214190" spans="8:8">
      <c r="H214190" s="12"/>
    </row>
    <row r="214191" spans="8:8">
      <c r="H214191" s="12"/>
    </row>
    <row r="214192" spans="8:8">
      <c r="H214192" s="12"/>
    </row>
    <row r="214193" spans="8:8">
      <c r="H214193" s="12"/>
    </row>
    <row r="214194" spans="8:8">
      <c r="H214194" s="12"/>
    </row>
    <row r="214195" spans="8:8">
      <c r="H214195" s="12"/>
    </row>
    <row r="214196" spans="8:8">
      <c r="H214196" s="12"/>
    </row>
    <row r="214197" spans="8:8">
      <c r="H214197" s="12"/>
    </row>
    <row r="214198" spans="8:8">
      <c r="H214198" s="12"/>
    </row>
    <row r="214199" spans="8:8">
      <c r="H214199" s="12"/>
    </row>
    <row r="214200" spans="8:8">
      <c r="H214200" s="12"/>
    </row>
    <row r="214201" spans="8:8">
      <c r="H214201" s="12"/>
    </row>
    <row r="214202" spans="8:8">
      <c r="H214202" s="12"/>
    </row>
    <row r="214203" spans="8:8">
      <c r="H214203" s="12"/>
    </row>
    <row r="214204" spans="8:8">
      <c r="H214204" s="12"/>
    </row>
    <row r="214205" spans="8:8">
      <c r="H214205" s="12"/>
    </row>
    <row r="214206" spans="8:8">
      <c r="H214206" s="12"/>
    </row>
    <row r="214207" spans="8:8">
      <c r="H214207" s="12"/>
    </row>
    <row r="214208" spans="8:8">
      <c r="H214208" s="12"/>
    </row>
    <row r="214209" spans="8:8">
      <c r="H214209" s="12"/>
    </row>
    <row r="214210" spans="8:8">
      <c r="H214210" s="12"/>
    </row>
    <row r="214211" spans="8:8">
      <c r="H214211" s="12"/>
    </row>
    <row r="214212" spans="8:8">
      <c r="H214212" s="12"/>
    </row>
    <row r="214213" spans="8:8">
      <c r="H214213" s="12"/>
    </row>
    <row r="214214" spans="8:8">
      <c r="H214214" s="12"/>
    </row>
    <row r="214215" spans="8:8">
      <c r="H214215" s="12"/>
    </row>
    <row r="214216" spans="8:8">
      <c r="H214216" s="12"/>
    </row>
    <row r="214217" spans="8:8">
      <c r="H214217" s="12"/>
    </row>
    <row r="214218" spans="8:8">
      <c r="H214218" s="12"/>
    </row>
    <row r="214219" spans="8:8">
      <c r="H214219" s="12"/>
    </row>
    <row r="214220" spans="8:8">
      <c r="H214220" s="12"/>
    </row>
    <row r="214221" spans="8:8">
      <c r="H214221" s="12"/>
    </row>
    <row r="214222" spans="8:8">
      <c r="H214222" s="12"/>
    </row>
    <row r="214223" spans="8:8">
      <c r="H214223" s="12"/>
    </row>
    <row r="214224" spans="8:8">
      <c r="H214224" s="12"/>
    </row>
    <row r="214225" spans="8:8">
      <c r="H214225" s="12"/>
    </row>
    <row r="214226" spans="8:8">
      <c r="H214226" s="12"/>
    </row>
    <row r="214227" spans="8:8">
      <c r="H214227" s="12"/>
    </row>
    <row r="214228" spans="8:8">
      <c r="H214228" s="12"/>
    </row>
    <row r="214229" spans="8:8">
      <c r="H214229" s="12"/>
    </row>
    <row r="214230" spans="8:8">
      <c r="H214230" s="12"/>
    </row>
    <row r="214231" spans="8:8">
      <c r="H214231" s="12"/>
    </row>
    <row r="214232" spans="8:8">
      <c r="H214232" s="12"/>
    </row>
    <row r="214233" spans="8:8">
      <c r="H214233" s="12"/>
    </row>
    <row r="214234" spans="8:8">
      <c r="H214234" s="12"/>
    </row>
    <row r="214235" spans="8:8">
      <c r="H214235" s="12"/>
    </row>
    <row r="214236" spans="8:8">
      <c r="H214236" s="12"/>
    </row>
    <row r="214237" spans="8:8">
      <c r="H214237" s="12"/>
    </row>
    <row r="214238" spans="8:8">
      <c r="H214238" s="12"/>
    </row>
    <row r="214239" spans="8:8">
      <c r="H214239" s="12"/>
    </row>
    <row r="214240" spans="8:8">
      <c r="H214240" s="12"/>
    </row>
    <row r="214241" spans="8:8">
      <c r="H214241" s="12"/>
    </row>
    <row r="214242" spans="8:8">
      <c r="H214242" s="12"/>
    </row>
    <row r="214243" spans="8:8">
      <c r="H214243" s="12"/>
    </row>
    <row r="214244" spans="8:8">
      <c r="H214244" s="12"/>
    </row>
    <row r="214245" spans="8:8">
      <c r="H214245" s="12"/>
    </row>
    <row r="214246" spans="8:8">
      <c r="H214246" s="12"/>
    </row>
    <row r="214247" spans="8:8">
      <c r="H214247" s="12"/>
    </row>
    <row r="214248" spans="8:8">
      <c r="H214248" s="12"/>
    </row>
    <row r="214249" spans="8:8">
      <c r="H214249" s="12"/>
    </row>
    <row r="214250" spans="8:8">
      <c r="H214250" s="12"/>
    </row>
    <row r="214251" spans="8:8">
      <c r="H214251" s="12"/>
    </row>
    <row r="214252" spans="8:8">
      <c r="H214252" s="12"/>
    </row>
    <row r="214253" spans="8:8">
      <c r="H214253" s="12"/>
    </row>
    <row r="214254" spans="8:8">
      <c r="H214254" s="12"/>
    </row>
    <row r="214255" spans="8:8">
      <c r="H214255" s="12"/>
    </row>
    <row r="214256" spans="8:8">
      <c r="H214256" s="12"/>
    </row>
    <row r="214257" spans="8:8">
      <c r="H214257" s="12"/>
    </row>
    <row r="214258" spans="8:8">
      <c r="H214258" s="12"/>
    </row>
    <row r="214259" spans="8:8">
      <c r="H214259" s="12"/>
    </row>
    <row r="214260" spans="8:8">
      <c r="H214260" s="12"/>
    </row>
    <row r="214261" spans="8:8">
      <c r="H214261" s="12"/>
    </row>
    <row r="214262" spans="8:8">
      <c r="H214262" s="12"/>
    </row>
    <row r="214263" spans="8:8">
      <c r="H214263" s="12"/>
    </row>
    <row r="214264" spans="8:8">
      <c r="H214264" s="12"/>
    </row>
    <row r="214265" spans="8:8">
      <c r="H214265" s="12"/>
    </row>
    <row r="214266" spans="8:8">
      <c r="H214266" s="12"/>
    </row>
    <row r="214267" spans="8:8">
      <c r="H214267" s="12"/>
    </row>
    <row r="214268" spans="8:8">
      <c r="H214268" s="12"/>
    </row>
    <row r="214269" spans="8:8">
      <c r="H214269" s="12"/>
    </row>
    <row r="214270" spans="8:8">
      <c r="H214270" s="12"/>
    </row>
    <row r="214271" spans="8:8">
      <c r="H214271" s="12"/>
    </row>
    <row r="214272" spans="8:8">
      <c r="H214272" s="12"/>
    </row>
    <row r="214273" spans="8:8">
      <c r="H214273" s="12"/>
    </row>
    <row r="214274" spans="8:8">
      <c r="H214274" s="12"/>
    </row>
    <row r="214275" spans="8:8">
      <c r="H214275" s="12"/>
    </row>
    <row r="214276" spans="8:8">
      <c r="H214276" s="12"/>
    </row>
    <row r="214277" spans="8:8">
      <c r="H214277" s="12"/>
    </row>
    <row r="214278" spans="8:8">
      <c r="H214278" s="12"/>
    </row>
    <row r="214279" spans="8:8">
      <c r="H214279" s="12"/>
    </row>
    <row r="214280" spans="8:8">
      <c r="H214280" s="12"/>
    </row>
    <row r="214281" spans="8:8">
      <c r="H214281" s="12"/>
    </row>
    <row r="214282" spans="8:8">
      <c r="H214282" s="12"/>
    </row>
    <row r="214283" spans="8:8">
      <c r="H214283" s="12"/>
    </row>
    <row r="214284" spans="8:8">
      <c r="H214284" s="12"/>
    </row>
    <row r="214285" spans="8:8">
      <c r="H214285" s="12"/>
    </row>
    <row r="214286" spans="8:8">
      <c r="H214286" s="12"/>
    </row>
    <row r="214287" spans="8:8">
      <c r="H214287" s="12"/>
    </row>
    <row r="214288" spans="8:8">
      <c r="H214288" s="12"/>
    </row>
    <row r="214289" spans="8:8">
      <c r="H214289" s="12"/>
    </row>
    <row r="214290" spans="8:8">
      <c r="H214290" s="12"/>
    </row>
    <row r="214291" spans="8:8">
      <c r="H214291" s="12"/>
    </row>
    <row r="214292" spans="8:8">
      <c r="H214292" s="12"/>
    </row>
    <row r="214293" spans="8:8">
      <c r="H214293" s="12"/>
    </row>
    <row r="214294" spans="8:8">
      <c r="H214294" s="12"/>
    </row>
    <row r="214295" spans="8:8">
      <c r="H214295" s="12"/>
    </row>
    <row r="214296" spans="8:8">
      <c r="H214296" s="12"/>
    </row>
    <row r="214297" spans="8:8">
      <c r="H214297" s="12"/>
    </row>
    <row r="214298" spans="8:8">
      <c r="H214298" s="12"/>
    </row>
    <row r="214299" spans="8:8">
      <c r="H214299" s="12"/>
    </row>
    <row r="214300" spans="8:8">
      <c r="H214300" s="12"/>
    </row>
    <row r="214301" spans="8:8">
      <c r="H214301" s="12"/>
    </row>
    <row r="214302" spans="8:8">
      <c r="H214302" s="12"/>
    </row>
    <row r="214303" spans="8:8">
      <c r="H214303" s="12"/>
    </row>
    <row r="214304" spans="8:8">
      <c r="H214304" s="12"/>
    </row>
    <row r="214305" spans="8:8">
      <c r="H214305" s="12"/>
    </row>
    <row r="214306" spans="8:8">
      <c r="H214306" s="12"/>
    </row>
    <row r="214307" spans="8:8">
      <c r="H214307" s="12"/>
    </row>
    <row r="214308" spans="8:8">
      <c r="H214308" s="12"/>
    </row>
    <row r="214309" spans="8:8">
      <c r="H214309" s="12"/>
    </row>
    <row r="214310" spans="8:8">
      <c r="H214310" s="12"/>
    </row>
    <row r="214311" spans="8:8">
      <c r="H214311" s="12"/>
    </row>
    <row r="214312" spans="8:8">
      <c r="H214312" s="12"/>
    </row>
    <row r="214313" spans="8:8">
      <c r="H214313" s="12"/>
    </row>
    <row r="214314" spans="8:8">
      <c r="H214314" s="12"/>
    </row>
    <row r="214315" spans="8:8">
      <c r="H214315" s="12"/>
    </row>
    <row r="214316" spans="8:8">
      <c r="H214316" s="12"/>
    </row>
    <row r="214317" spans="8:8">
      <c r="H214317" s="12"/>
    </row>
    <row r="214318" spans="8:8">
      <c r="H214318" s="12"/>
    </row>
    <row r="214319" spans="8:8">
      <c r="H214319" s="12"/>
    </row>
    <row r="214320" spans="8:8">
      <c r="H214320" s="12"/>
    </row>
    <row r="214321" spans="8:8">
      <c r="H214321" s="12"/>
    </row>
    <row r="214322" spans="8:8">
      <c r="H214322" s="12"/>
    </row>
    <row r="214323" spans="8:8">
      <c r="H214323" s="12"/>
    </row>
    <row r="214324" spans="8:8">
      <c r="H214324" s="12"/>
    </row>
    <row r="214325" spans="8:8">
      <c r="H214325" s="12"/>
    </row>
    <row r="214326" spans="8:8">
      <c r="H214326" s="12"/>
    </row>
    <row r="214327" spans="8:8">
      <c r="H214327" s="12"/>
    </row>
    <row r="214328" spans="8:8">
      <c r="H214328" s="12"/>
    </row>
    <row r="214329" spans="8:8">
      <c r="H214329" s="12"/>
    </row>
    <row r="214330" spans="8:8">
      <c r="H214330" s="12"/>
    </row>
    <row r="214331" spans="8:8">
      <c r="H214331" s="12"/>
    </row>
    <row r="214332" spans="8:8">
      <c r="H214332" s="12"/>
    </row>
    <row r="214333" spans="8:8">
      <c r="H214333" s="12"/>
    </row>
    <row r="214334" spans="8:8">
      <c r="H214334" s="12"/>
    </row>
    <row r="214335" spans="8:8">
      <c r="H214335" s="12"/>
    </row>
    <row r="214336" spans="8:8">
      <c r="H214336" s="12"/>
    </row>
    <row r="214337" spans="8:8">
      <c r="H214337" s="12"/>
    </row>
    <row r="214338" spans="8:8">
      <c r="H214338" s="12"/>
    </row>
    <row r="214339" spans="8:8">
      <c r="H214339" s="12"/>
    </row>
    <row r="214340" spans="8:8">
      <c r="H214340" s="12"/>
    </row>
    <row r="214341" spans="8:8">
      <c r="H214341" s="12"/>
    </row>
    <row r="214342" spans="8:8">
      <c r="H214342" s="12"/>
    </row>
    <row r="214343" spans="8:8">
      <c r="H214343" s="12"/>
    </row>
    <row r="214344" spans="8:8">
      <c r="H214344" s="12"/>
    </row>
    <row r="214345" spans="8:8">
      <c r="H214345" s="12"/>
    </row>
    <row r="214346" spans="8:8">
      <c r="H214346" s="12"/>
    </row>
    <row r="214347" spans="8:8">
      <c r="H214347" s="12"/>
    </row>
    <row r="214348" spans="8:8">
      <c r="H214348" s="12"/>
    </row>
    <row r="214349" spans="8:8">
      <c r="H214349" s="12"/>
    </row>
    <row r="214350" spans="8:8">
      <c r="H214350" s="12"/>
    </row>
    <row r="214351" spans="8:8">
      <c r="H214351" s="12"/>
    </row>
    <row r="214352" spans="8:8">
      <c r="H214352" s="12"/>
    </row>
    <row r="214353" spans="8:8">
      <c r="H214353" s="12"/>
    </row>
    <row r="214354" spans="8:8">
      <c r="H214354" s="12"/>
    </row>
    <row r="214355" spans="8:8">
      <c r="H214355" s="12"/>
    </row>
    <row r="214356" spans="8:8">
      <c r="H214356" s="12"/>
    </row>
    <row r="214357" spans="8:8">
      <c r="H214357" s="12"/>
    </row>
    <row r="214358" spans="8:8">
      <c r="H214358" s="12"/>
    </row>
    <row r="214359" spans="8:8">
      <c r="H214359" s="12"/>
    </row>
    <row r="214360" spans="8:8">
      <c r="H214360" s="12"/>
    </row>
    <row r="214361" spans="8:8">
      <c r="H214361" s="12"/>
    </row>
    <row r="214362" spans="8:8">
      <c r="H214362" s="12"/>
    </row>
    <row r="214363" spans="8:8">
      <c r="H214363" s="12"/>
    </row>
    <row r="214364" spans="8:8">
      <c r="H214364" s="12"/>
    </row>
    <row r="214365" spans="8:8">
      <c r="H214365" s="12"/>
    </row>
    <row r="214366" spans="8:8">
      <c r="H214366" s="12"/>
    </row>
    <row r="214367" spans="8:8">
      <c r="H214367" s="12"/>
    </row>
    <row r="214368" spans="8:8">
      <c r="H214368" s="12"/>
    </row>
    <row r="214369" spans="8:8">
      <c r="H214369" s="12"/>
    </row>
    <row r="214370" spans="8:8">
      <c r="H214370" s="12"/>
    </row>
    <row r="214371" spans="8:8">
      <c r="H214371" s="12"/>
    </row>
    <row r="214372" spans="8:8">
      <c r="H214372" s="12"/>
    </row>
    <row r="214373" spans="8:8">
      <c r="H214373" s="12"/>
    </row>
    <row r="214374" spans="8:8">
      <c r="H214374" s="12"/>
    </row>
    <row r="214375" spans="8:8">
      <c r="H214375" s="12"/>
    </row>
    <row r="214376" spans="8:8">
      <c r="H214376" s="12"/>
    </row>
    <row r="214377" spans="8:8">
      <c r="H214377" s="12"/>
    </row>
    <row r="214378" spans="8:8">
      <c r="H214378" s="12"/>
    </row>
    <row r="214379" spans="8:8">
      <c r="H214379" s="12"/>
    </row>
    <row r="214380" spans="8:8">
      <c r="H214380" s="12"/>
    </row>
    <row r="214381" spans="8:8">
      <c r="H214381" s="12"/>
    </row>
    <row r="214382" spans="8:8">
      <c r="H214382" s="12"/>
    </row>
    <row r="214383" spans="8:8">
      <c r="H214383" s="12"/>
    </row>
    <row r="214384" spans="8:8">
      <c r="H214384" s="12"/>
    </row>
    <row r="214385" spans="8:8">
      <c r="H214385" s="12"/>
    </row>
    <row r="214386" spans="8:8">
      <c r="H214386" s="12"/>
    </row>
    <row r="214387" spans="8:8">
      <c r="H214387" s="12"/>
    </row>
    <row r="214388" spans="8:8">
      <c r="H214388" s="12"/>
    </row>
    <row r="214389" spans="8:8">
      <c r="H214389" s="12"/>
    </row>
    <row r="214390" spans="8:8">
      <c r="H214390" s="12"/>
    </row>
    <row r="214391" spans="8:8">
      <c r="H214391" s="12"/>
    </row>
    <row r="214392" spans="8:8">
      <c r="H214392" s="12"/>
    </row>
    <row r="214393" spans="8:8">
      <c r="H214393" s="12"/>
    </row>
    <row r="214394" spans="8:8">
      <c r="H214394" s="12"/>
    </row>
    <row r="214395" spans="8:8">
      <c r="H214395" s="12"/>
    </row>
    <row r="214396" spans="8:8">
      <c r="H214396" s="12"/>
    </row>
    <row r="214397" spans="8:8">
      <c r="H214397" s="12"/>
    </row>
    <row r="214398" spans="8:8">
      <c r="H214398" s="12"/>
    </row>
    <row r="214399" spans="8:8">
      <c r="H214399" s="12"/>
    </row>
    <row r="214400" spans="8:8">
      <c r="H214400" s="12"/>
    </row>
    <row r="214401" spans="8:8">
      <c r="H214401" s="12"/>
    </row>
    <row r="214402" spans="8:8">
      <c r="H214402" s="12"/>
    </row>
    <row r="214403" spans="8:8">
      <c r="H214403" s="12"/>
    </row>
    <row r="214404" spans="8:8">
      <c r="H214404" s="12"/>
    </row>
    <row r="214405" spans="8:8">
      <c r="H214405" s="12"/>
    </row>
    <row r="214406" spans="8:8">
      <c r="H214406" s="12"/>
    </row>
    <row r="214407" spans="8:8">
      <c r="H214407" s="12"/>
    </row>
    <row r="214408" spans="8:8">
      <c r="H214408" s="12"/>
    </row>
    <row r="214409" spans="8:8">
      <c r="H214409" s="12"/>
    </row>
    <row r="214410" spans="8:8">
      <c r="H214410" s="12"/>
    </row>
    <row r="214411" spans="8:8">
      <c r="H214411" s="12"/>
    </row>
    <row r="214412" spans="8:8">
      <c r="H214412" s="12"/>
    </row>
    <row r="214413" spans="8:8">
      <c r="H214413" s="12"/>
    </row>
    <row r="214414" spans="8:8">
      <c r="H214414" s="12"/>
    </row>
    <row r="214415" spans="8:8">
      <c r="H214415" s="12"/>
    </row>
    <row r="214416" spans="8:8">
      <c r="H214416" s="12"/>
    </row>
    <row r="214417" spans="8:8">
      <c r="H214417" s="12"/>
    </row>
    <row r="214418" spans="8:8">
      <c r="H214418" s="12"/>
    </row>
    <row r="214419" spans="8:8">
      <c r="H214419" s="12"/>
    </row>
    <row r="214420" spans="8:8">
      <c r="H214420" s="12"/>
    </row>
    <row r="214421" spans="8:8">
      <c r="H214421" s="12"/>
    </row>
    <row r="214422" spans="8:8">
      <c r="H214422" s="12"/>
    </row>
    <row r="214423" spans="8:8">
      <c r="H214423" s="12"/>
    </row>
    <row r="214424" spans="8:8">
      <c r="H214424" s="12"/>
    </row>
    <row r="214425" spans="8:8">
      <c r="H214425" s="12"/>
    </row>
    <row r="214426" spans="8:8">
      <c r="H214426" s="12"/>
    </row>
    <row r="214427" spans="8:8">
      <c r="H214427" s="12"/>
    </row>
    <row r="214428" spans="8:8">
      <c r="H214428" s="12"/>
    </row>
    <row r="214429" spans="8:8">
      <c r="H214429" s="12"/>
    </row>
    <row r="214430" spans="8:8">
      <c r="H214430" s="12"/>
    </row>
    <row r="214431" spans="8:8">
      <c r="H214431" s="12"/>
    </row>
    <row r="214432" spans="8:8">
      <c r="H214432" s="12"/>
    </row>
    <row r="214433" spans="8:8">
      <c r="H214433" s="12"/>
    </row>
    <row r="214434" spans="8:8">
      <c r="H214434" s="12"/>
    </row>
    <row r="214435" spans="8:8">
      <c r="H214435" s="12"/>
    </row>
    <row r="214436" spans="8:8">
      <c r="H214436" s="12"/>
    </row>
    <row r="214437" spans="8:8">
      <c r="H214437" s="12"/>
    </row>
    <row r="214438" spans="8:8">
      <c r="H214438" s="12"/>
    </row>
    <row r="214439" spans="8:8">
      <c r="H214439" s="12"/>
    </row>
    <row r="214440" spans="8:8">
      <c r="H214440" s="12"/>
    </row>
    <row r="214441" spans="8:8">
      <c r="H214441" s="12"/>
    </row>
    <row r="214442" spans="8:8">
      <c r="H214442" s="12"/>
    </row>
    <row r="214443" spans="8:8">
      <c r="H214443" s="12"/>
    </row>
    <row r="214444" spans="8:8">
      <c r="H214444" s="12"/>
    </row>
    <row r="214445" spans="8:8">
      <c r="H214445" s="12"/>
    </row>
    <row r="214446" spans="8:8">
      <c r="H214446" s="12"/>
    </row>
    <row r="214447" spans="8:8">
      <c r="H214447" s="12"/>
    </row>
    <row r="214448" spans="8:8">
      <c r="H214448" s="12"/>
    </row>
    <row r="214449" spans="8:8">
      <c r="H214449" s="12"/>
    </row>
    <row r="214450" spans="8:8">
      <c r="H214450" s="12"/>
    </row>
    <row r="214451" spans="8:8">
      <c r="H214451" s="12"/>
    </row>
    <row r="214452" spans="8:8">
      <c r="H214452" s="12"/>
    </row>
    <row r="214453" spans="8:8">
      <c r="H214453" s="12"/>
    </row>
    <row r="214454" spans="8:8">
      <c r="H214454" s="12"/>
    </row>
    <row r="214455" spans="8:8">
      <c r="H214455" s="12"/>
    </row>
    <row r="214456" spans="8:8">
      <c r="H214456" s="12"/>
    </row>
    <row r="214457" spans="8:8">
      <c r="H214457" s="12"/>
    </row>
    <row r="214458" spans="8:8">
      <c r="H214458" s="12"/>
    </row>
    <row r="214459" spans="8:8">
      <c r="H214459" s="12"/>
    </row>
    <row r="214460" spans="8:8">
      <c r="H214460" s="12"/>
    </row>
    <row r="214461" spans="8:8">
      <c r="H214461" s="12"/>
    </row>
    <row r="214462" spans="8:8">
      <c r="H214462" s="12"/>
    </row>
    <row r="214463" spans="8:8">
      <c r="H214463" s="12"/>
    </row>
    <row r="214464" spans="8:8">
      <c r="H214464" s="12"/>
    </row>
    <row r="214465" spans="8:8">
      <c r="H214465" s="12"/>
    </row>
    <row r="214466" spans="8:8">
      <c r="H214466" s="12"/>
    </row>
    <row r="214467" spans="8:8">
      <c r="H214467" s="12"/>
    </row>
    <row r="214468" spans="8:8">
      <c r="H214468" s="12"/>
    </row>
    <row r="214469" spans="8:8">
      <c r="H214469" s="12"/>
    </row>
    <row r="214470" spans="8:8">
      <c r="H214470" s="12"/>
    </row>
    <row r="214471" spans="8:8">
      <c r="H214471" s="12"/>
    </row>
    <row r="214472" spans="8:8">
      <c r="H214472" s="12"/>
    </row>
    <row r="214473" spans="8:8">
      <c r="H214473" s="12"/>
    </row>
    <row r="214474" spans="8:8">
      <c r="H214474" s="12"/>
    </row>
    <row r="214475" spans="8:8">
      <c r="H214475" s="12"/>
    </row>
    <row r="214476" spans="8:8">
      <c r="H214476" s="12"/>
    </row>
    <row r="214477" spans="8:8">
      <c r="H214477" s="12"/>
    </row>
    <row r="214478" spans="8:8">
      <c r="H214478" s="12"/>
    </row>
    <row r="214479" spans="8:8">
      <c r="H214479" s="12"/>
    </row>
    <row r="214480" spans="8:8">
      <c r="H214480" s="12"/>
    </row>
    <row r="214481" spans="8:8">
      <c r="H214481" s="12"/>
    </row>
    <row r="214482" spans="8:8">
      <c r="H214482" s="12"/>
    </row>
    <row r="214483" spans="8:8">
      <c r="H214483" s="12"/>
    </row>
    <row r="214484" spans="8:8">
      <c r="H214484" s="12"/>
    </row>
    <row r="214485" spans="8:8">
      <c r="H214485" s="12"/>
    </row>
    <row r="214486" spans="8:8">
      <c r="H214486" s="12"/>
    </row>
    <row r="214487" spans="8:8">
      <c r="H214487" s="12"/>
    </row>
    <row r="214488" spans="8:8">
      <c r="H214488" s="12"/>
    </row>
    <row r="214489" spans="8:8">
      <c r="H214489" s="12"/>
    </row>
    <row r="214490" spans="8:8">
      <c r="H214490" s="12"/>
    </row>
    <row r="214491" spans="8:8">
      <c r="H214491" s="12"/>
    </row>
    <row r="214492" spans="8:8">
      <c r="H214492" s="12"/>
    </row>
    <row r="214493" spans="8:8">
      <c r="H214493" s="12"/>
    </row>
    <row r="214494" spans="8:8">
      <c r="H214494" s="12"/>
    </row>
    <row r="214495" spans="8:8">
      <c r="H214495" s="12"/>
    </row>
    <row r="214496" spans="8:8">
      <c r="H214496" s="12"/>
    </row>
    <row r="214497" spans="8:8">
      <c r="H214497" s="12"/>
    </row>
    <row r="214498" spans="8:8">
      <c r="H214498" s="12"/>
    </row>
    <row r="214499" spans="8:8">
      <c r="H214499" s="12"/>
    </row>
    <row r="214500" spans="8:8">
      <c r="H214500" s="12"/>
    </row>
    <row r="214501" spans="8:8">
      <c r="H214501" s="12"/>
    </row>
    <row r="214502" spans="8:8">
      <c r="H214502" s="12"/>
    </row>
    <row r="214503" spans="8:8">
      <c r="H214503" s="12"/>
    </row>
    <row r="214504" spans="8:8">
      <c r="H214504" s="12"/>
    </row>
    <row r="214505" spans="8:8">
      <c r="H214505" s="12"/>
    </row>
    <row r="214506" spans="8:8">
      <c r="H214506" s="12"/>
    </row>
    <row r="214507" spans="8:8">
      <c r="H214507" s="12"/>
    </row>
    <row r="214508" spans="8:8">
      <c r="H214508" s="12"/>
    </row>
    <row r="214509" spans="8:8">
      <c r="H214509" s="12"/>
    </row>
    <row r="214510" spans="8:8">
      <c r="H214510" s="12"/>
    </row>
    <row r="214511" spans="8:8">
      <c r="H214511" s="12"/>
    </row>
    <row r="214512" spans="8:8">
      <c r="H214512" s="12"/>
    </row>
    <row r="214513" spans="8:8">
      <c r="H214513" s="12"/>
    </row>
    <row r="214514" spans="8:8">
      <c r="H214514" s="12"/>
    </row>
    <row r="214515" spans="8:8">
      <c r="H214515" s="12"/>
    </row>
    <row r="214516" spans="8:8">
      <c r="H214516" s="12"/>
    </row>
    <row r="214517" spans="8:8">
      <c r="H214517" s="12"/>
    </row>
    <row r="214518" spans="8:8">
      <c r="H214518" s="12"/>
    </row>
    <row r="214519" spans="8:8">
      <c r="H214519" s="12"/>
    </row>
    <row r="214520" spans="8:8">
      <c r="H214520" s="12"/>
    </row>
    <row r="214521" spans="8:8">
      <c r="H214521" s="12"/>
    </row>
    <row r="214522" spans="8:8">
      <c r="H214522" s="12"/>
    </row>
    <row r="214523" spans="8:8">
      <c r="H214523" s="12"/>
    </row>
    <row r="214524" spans="8:8">
      <c r="H214524" s="12"/>
    </row>
    <row r="214525" spans="8:8">
      <c r="H214525" s="12"/>
    </row>
    <row r="214526" spans="8:8">
      <c r="H214526" s="12"/>
    </row>
    <row r="214527" spans="8:8">
      <c r="H214527" s="12"/>
    </row>
    <row r="214528" spans="8:8">
      <c r="H214528" s="12"/>
    </row>
    <row r="214529" spans="8:8">
      <c r="H214529" s="12"/>
    </row>
    <row r="214530" spans="8:8">
      <c r="H214530" s="12"/>
    </row>
    <row r="214531" spans="8:8">
      <c r="H214531" s="12"/>
    </row>
    <row r="214532" spans="8:8">
      <c r="H214532" s="12"/>
    </row>
    <row r="214533" spans="8:8">
      <c r="H214533" s="12"/>
    </row>
    <row r="214534" spans="8:8">
      <c r="H214534" s="12"/>
    </row>
    <row r="214535" spans="8:8">
      <c r="H214535" s="12"/>
    </row>
    <row r="214536" spans="8:8">
      <c r="H214536" s="12"/>
    </row>
    <row r="214537" spans="8:8">
      <c r="H214537" s="12"/>
    </row>
    <row r="214538" spans="8:8">
      <c r="H214538" s="12"/>
    </row>
    <row r="214539" spans="8:8">
      <c r="H214539" s="12"/>
    </row>
    <row r="214540" spans="8:8">
      <c r="H214540" s="12"/>
    </row>
    <row r="214541" spans="8:8">
      <c r="H214541" s="12"/>
    </row>
    <row r="214542" spans="8:8">
      <c r="H214542" s="12"/>
    </row>
    <row r="214543" spans="8:8">
      <c r="H214543" s="12"/>
    </row>
    <row r="214544" spans="8:8">
      <c r="H214544" s="12"/>
    </row>
    <row r="214545" spans="8:8">
      <c r="H214545" s="12"/>
    </row>
    <row r="214546" spans="8:8">
      <c r="H214546" s="12"/>
    </row>
    <row r="214547" spans="8:8">
      <c r="H214547" s="12"/>
    </row>
    <row r="214548" spans="8:8">
      <c r="H214548" s="12"/>
    </row>
    <row r="214549" spans="8:8">
      <c r="H214549" s="12"/>
    </row>
    <row r="214550" spans="8:8">
      <c r="H214550" s="12"/>
    </row>
    <row r="214551" spans="8:8">
      <c r="H214551" s="12"/>
    </row>
    <row r="214552" spans="8:8">
      <c r="H214552" s="12"/>
    </row>
    <row r="214553" spans="8:8">
      <c r="H214553" s="12"/>
    </row>
    <row r="214554" spans="8:8">
      <c r="H214554" s="12"/>
    </row>
    <row r="214555" spans="8:8">
      <c r="H214555" s="12"/>
    </row>
    <row r="214556" spans="8:8">
      <c r="H214556" s="12"/>
    </row>
    <row r="214557" spans="8:8">
      <c r="H214557" s="12"/>
    </row>
    <row r="214558" spans="8:8">
      <c r="H214558" s="12"/>
    </row>
    <row r="214559" spans="8:8">
      <c r="H214559" s="12"/>
    </row>
    <row r="214560" spans="8:8">
      <c r="H214560" s="12"/>
    </row>
    <row r="214561" spans="8:8">
      <c r="H214561" s="12"/>
    </row>
    <row r="214562" spans="8:8">
      <c r="H214562" s="12"/>
    </row>
    <row r="214563" spans="8:8">
      <c r="H214563" s="12"/>
    </row>
    <row r="214564" spans="8:8">
      <c r="H214564" s="12"/>
    </row>
    <row r="214565" spans="8:8">
      <c r="H214565" s="12"/>
    </row>
    <row r="214566" spans="8:8">
      <c r="H214566" s="12"/>
    </row>
    <row r="214567" spans="8:8">
      <c r="H214567" s="12"/>
    </row>
    <row r="214568" spans="8:8">
      <c r="H214568" s="12"/>
    </row>
    <row r="214569" spans="8:8">
      <c r="H214569" s="12"/>
    </row>
    <row r="214570" spans="8:8">
      <c r="H214570" s="12"/>
    </row>
    <row r="214571" spans="8:8">
      <c r="H214571" s="12"/>
    </row>
    <row r="214572" spans="8:8">
      <c r="H214572" s="12"/>
    </row>
    <row r="214573" spans="8:8">
      <c r="H214573" s="12"/>
    </row>
    <row r="214574" spans="8:8">
      <c r="H214574" s="12"/>
    </row>
    <row r="214575" spans="8:8">
      <c r="H214575" s="12"/>
    </row>
    <row r="214576" spans="8:8">
      <c r="H214576" s="12"/>
    </row>
    <row r="214577" spans="8:8">
      <c r="H214577" s="12"/>
    </row>
    <row r="214578" spans="8:8">
      <c r="H214578" s="12"/>
    </row>
    <row r="214579" spans="8:8">
      <c r="H214579" s="12"/>
    </row>
    <row r="214580" spans="8:8">
      <c r="H214580" s="12"/>
    </row>
    <row r="214581" spans="8:8">
      <c r="H214581" s="12"/>
    </row>
    <row r="214582" spans="8:8">
      <c r="H214582" s="12"/>
    </row>
    <row r="214583" spans="8:8">
      <c r="H214583" s="12"/>
    </row>
    <row r="214584" spans="8:8">
      <c r="H214584" s="12"/>
    </row>
    <row r="214585" spans="8:8">
      <c r="H214585" s="12"/>
    </row>
    <row r="214586" spans="8:8">
      <c r="H214586" s="12"/>
    </row>
    <row r="214587" spans="8:8">
      <c r="H214587" s="12"/>
    </row>
    <row r="214588" spans="8:8">
      <c r="H214588" s="12"/>
    </row>
    <row r="214589" spans="8:8">
      <c r="H214589" s="12"/>
    </row>
    <row r="214590" spans="8:8">
      <c r="H214590" s="12"/>
    </row>
    <row r="214591" spans="8:8">
      <c r="H214591" s="12"/>
    </row>
    <row r="214592" spans="8:8">
      <c r="H214592" s="12"/>
    </row>
    <row r="214593" spans="8:8">
      <c r="H214593" s="12"/>
    </row>
    <row r="214594" spans="8:8">
      <c r="H214594" s="12"/>
    </row>
    <row r="214595" spans="8:8">
      <c r="H214595" s="12"/>
    </row>
    <row r="214596" spans="8:8">
      <c r="H214596" s="12"/>
    </row>
    <row r="214597" spans="8:8">
      <c r="H214597" s="12"/>
    </row>
    <row r="214598" spans="8:8">
      <c r="H214598" s="12"/>
    </row>
    <row r="214599" spans="8:8">
      <c r="H214599" s="12"/>
    </row>
    <row r="214600" spans="8:8">
      <c r="H214600" s="12"/>
    </row>
    <row r="214601" spans="8:8">
      <c r="H214601" s="12"/>
    </row>
    <row r="214602" spans="8:8">
      <c r="H214602" s="12"/>
    </row>
    <row r="214603" spans="8:8">
      <c r="H214603" s="12"/>
    </row>
    <row r="214604" spans="8:8">
      <c r="H214604" s="12"/>
    </row>
    <row r="214605" spans="8:8">
      <c r="H214605" s="12"/>
    </row>
    <row r="214606" spans="8:8">
      <c r="H214606" s="12"/>
    </row>
    <row r="214607" spans="8:8">
      <c r="H214607" s="12"/>
    </row>
    <row r="214608" spans="8:8">
      <c r="H214608" s="12"/>
    </row>
    <row r="214609" spans="8:8">
      <c r="H214609" s="12"/>
    </row>
    <row r="214610" spans="8:8">
      <c r="H214610" s="12"/>
    </row>
    <row r="214611" spans="8:8">
      <c r="H214611" s="12"/>
    </row>
    <row r="214612" spans="8:8">
      <c r="H214612" s="12"/>
    </row>
    <row r="214613" spans="8:8">
      <c r="H214613" s="12"/>
    </row>
    <row r="214614" spans="8:8">
      <c r="H214614" s="12"/>
    </row>
    <row r="214615" spans="8:8">
      <c r="H214615" s="12"/>
    </row>
    <row r="214616" spans="8:8">
      <c r="H214616" s="12"/>
    </row>
    <row r="214617" spans="8:8">
      <c r="H214617" s="12"/>
    </row>
    <row r="214618" spans="8:8">
      <c r="H214618" s="12"/>
    </row>
    <row r="214619" spans="8:8">
      <c r="H214619" s="12"/>
    </row>
    <row r="214620" spans="8:8">
      <c r="H214620" s="12"/>
    </row>
    <row r="214621" spans="8:8">
      <c r="H214621" s="12"/>
    </row>
    <row r="214622" spans="8:8">
      <c r="H214622" s="12"/>
    </row>
    <row r="214623" spans="8:8">
      <c r="H214623" s="12"/>
    </row>
    <row r="214624" spans="8:8">
      <c r="H214624" s="12"/>
    </row>
    <row r="214625" spans="8:8">
      <c r="H214625" s="12"/>
    </row>
    <row r="214626" spans="8:8">
      <c r="H214626" s="12"/>
    </row>
    <row r="214627" spans="8:8">
      <c r="H214627" s="12"/>
    </row>
    <row r="214628" spans="8:8">
      <c r="H214628" s="12"/>
    </row>
    <row r="214629" spans="8:8">
      <c r="H214629" s="12"/>
    </row>
    <row r="214630" spans="8:8">
      <c r="H214630" s="12"/>
    </row>
    <row r="214631" spans="8:8">
      <c r="H214631" s="12"/>
    </row>
    <row r="214632" spans="8:8">
      <c r="H214632" s="12"/>
    </row>
    <row r="214633" spans="8:8">
      <c r="H214633" s="12"/>
    </row>
    <row r="214634" spans="8:8">
      <c r="H214634" s="12"/>
    </row>
    <row r="214635" spans="8:8">
      <c r="H214635" s="12"/>
    </row>
    <row r="214636" spans="8:8">
      <c r="H214636" s="12"/>
    </row>
    <row r="214637" spans="8:8">
      <c r="H214637" s="12"/>
    </row>
    <row r="214638" spans="8:8">
      <c r="H214638" s="12"/>
    </row>
    <row r="214639" spans="8:8">
      <c r="H214639" s="12"/>
    </row>
    <row r="214640" spans="8:8">
      <c r="H214640" s="12"/>
    </row>
    <row r="214641" spans="8:8">
      <c r="H214641" s="12"/>
    </row>
    <row r="214642" spans="8:8">
      <c r="H214642" s="12"/>
    </row>
    <row r="214643" spans="8:8">
      <c r="H214643" s="12"/>
    </row>
    <row r="214644" spans="8:8">
      <c r="H214644" s="12"/>
    </row>
    <row r="214645" spans="8:8">
      <c r="H214645" s="12"/>
    </row>
    <row r="214646" spans="8:8">
      <c r="H214646" s="12"/>
    </row>
    <row r="214647" spans="8:8">
      <c r="H214647" s="12"/>
    </row>
    <row r="214648" spans="8:8">
      <c r="H214648" s="12"/>
    </row>
    <row r="214649" spans="8:8">
      <c r="H214649" s="12"/>
    </row>
    <row r="214650" spans="8:8">
      <c r="H214650" s="12"/>
    </row>
    <row r="214651" spans="8:8">
      <c r="H214651" s="12"/>
    </row>
    <row r="214652" spans="8:8">
      <c r="H214652" s="12"/>
    </row>
    <row r="214653" spans="8:8">
      <c r="H214653" s="12"/>
    </row>
    <row r="214654" spans="8:8">
      <c r="H214654" s="12"/>
    </row>
    <row r="214655" spans="8:8">
      <c r="H214655" s="12"/>
    </row>
    <row r="214656" spans="8:8">
      <c r="H214656" s="12"/>
    </row>
    <row r="214657" spans="8:8">
      <c r="H214657" s="12"/>
    </row>
    <row r="214658" spans="8:8">
      <c r="H214658" s="12"/>
    </row>
    <row r="214659" spans="8:8">
      <c r="H214659" s="12"/>
    </row>
    <row r="214660" spans="8:8">
      <c r="H214660" s="12"/>
    </row>
    <row r="214661" spans="8:8">
      <c r="H214661" s="12"/>
    </row>
    <row r="214662" spans="8:8">
      <c r="H214662" s="12"/>
    </row>
    <row r="214663" spans="8:8">
      <c r="H214663" s="12"/>
    </row>
    <row r="214664" spans="8:8">
      <c r="H214664" s="12"/>
    </row>
    <row r="214665" spans="8:8">
      <c r="H214665" s="12"/>
    </row>
    <row r="214666" spans="8:8">
      <c r="H214666" s="12"/>
    </row>
    <row r="214667" spans="8:8">
      <c r="H214667" s="12"/>
    </row>
    <row r="214668" spans="8:8">
      <c r="H214668" s="12"/>
    </row>
    <row r="214669" spans="8:8">
      <c r="H214669" s="12"/>
    </row>
    <row r="214670" spans="8:8">
      <c r="H214670" s="12"/>
    </row>
    <row r="214671" spans="8:8">
      <c r="H214671" s="12"/>
    </row>
    <row r="214672" spans="8:8">
      <c r="H214672" s="12"/>
    </row>
    <row r="214673" spans="8:8">
      <c r="H214673" s="12"/>
    </row>
    <row r="214674" spans="8:8">
      <c r="H214674" s="12"/>
    </row>
    <row r="214675" spans="8:8">
      <c r="H214675" s="12"/>
    </row>
    <row r="214676" spans="8:8">
      <c r="H214676" s="12"/>
    </row>
    <row r="214677" spans="8:8">
      <c r="H214677" s="12"/>
    </row>
    <row r="214678" spans="8:8">
      <c r="H214678" s="12"/>
    </row>
    <row r="214679" spans="8:8">
      <c r="H214679" s="12"/>
    </row>
    <row r="214680" spans="8:8">
      <c r="H214680" s="12"/>
    </row>
    <row r="214681" spans="8:8">
      <c r="H214681" s="12"/>
    </row>
    <row r="214682" spans="8:8">
      <c r="H214682" s="12"/>
    </row>
    <row r="214683" spans="8:8">
      <c r="H214683" s="12"/>
    </row>
    <row r="214684" spans="8:8">
      <c r="H214684" s="12"/>
    </row>
    <row r="214685" spans="8:8">
      <c r="H214685" s="12"/>
    </row>
    <row r="214686" spans="8:8">
      <c r="H214686" s="12"/>
    </row>
    <row r="214687" spans="8:8">
      <c r="H214687" s="12"/>
    </row>
    <row r="214688" spans="8:8">
      <c r="H214688" s="12"/>
    </row>
    <row r="214689" spans="8:8">
      <c r="H214689" s="12"/>
    </row>
    <row r="214690" spans="8:8">
      <c r="H214690" s="12"/>
    </row>
    <row r="214691" spans="8:8">
      <c r="H214691" s="12"/>
    </row>
    <row r="214692" spans="8:8">
      <c r="H214692" s="12"/>
    </row>
    <row r="214693" spans="8:8">
      <c r="H214693" s="12"/>
    </row>
    <row r="214694" spans="8:8">
      <c r="H214694" s="12"/>
    </row>
    <row r="214695" spans="8:8">
      <c r="H214695" s="12"/>
    </row>
    <row r="214696" spans="8:8">
      <c r="H214696" s="12"/>
    </row>
    <row r="214697" spans="8:8">
      <c r="H214697" s="12"/>
    </row>
    <row r="214698" spans="8:8">
      <c r="H214698" s="12"/>
    </row>
    <row r="214699" spans="8:8">
      <c r="H214699" s="12"/>
    </row>
    <row r="214700" spans="8:8">
      <c r="H214700" s="12"/>
    </row>
    <row r="214701" spans="8:8">
      <c r="H214701" s="12"/>
    </row>
    <row r="214702" spans="8:8">
      <c r="H214702" s="12"/>
    </row>
    <row r="214703" spans="8:8">
      <c r="H214703" s="12"/>
    </row>
    <row r="214704" spans="8:8">
      <c r="H214704" s="12"/>
    </row>
    <row r="214705" spans="8:8">
      <c r="H214705" s="12"/>
    </row>
    <row r="214706" spans="8:8">
      <c r="H214706" s="12"/>
    </row>
    <row r="214707" spans="8:8">
      <c r="H214707" s="12"/>
    </row>
    <row r="214708" spans="8:8">
      <c r="H214708" s="12"/>
    </row>
    <row r="214709" spans="8:8">
      <c r="H214709" s="12"/>
    </row>
    <row r="214710" spans="8:8">
      <c r="H214710" s="12"/>
    </row>
    <row r="214711" spans="8:8">
      <c r="H214711" s="12"/>
    </row>
    <row r="214712" spans="8:8">
      <c r="H214712" s="12"/>
    </row>
    <row r="214713" spans="8:8">
      <c r="H214713" s="12"/>
    </row>
    <row r="214714" spans="8:8">
      <c r="H214714" s="12"/>
    </row>
    <row r="214715" spans="8:8">
      <c r="H214715" s="12"/>
    </row>
    <row r="214716" spans="8:8">
      <c r="H214716" s="12"/>
    </row>
    <row r="214717" spans="8:8">
      <c r="H214717" s="12"/>
    </row>
    <row r="214718" spans="8:8">
      <c r="H214718" s="12"/>
    </row>
    <row r="214719" spans="8:8">
      <c r="H214719" s="12"/>
    </row>
    <row r="214720" spans="8:8">
      <c r="H214720" s="12"/>
    </row>
    <row r="214721" spans="8:8">
      <c r="H214721" s="12"/>
    </row>
    <row r="214722" spans="8:8">
      <c r="H214722" s="12"/>
    </row>
    <row r="214723" spans="8:8">
      <c r="H214723" s="12"/>
    </row>
    <row r="214724" spans="8:8">
      <c r="H214724" s="12"/>
    </row>
    <row r="214725" spans="8:8">
      <c r="H214725" s="12"/>
    </row>
    <row r="214726" spans="8:8">
      <c r="H214726" s="12"/>
    </row>
    <row r="214727" spans="8:8">
      <c r="H214727" s="12"/>
    </row>
    <row r="214728" spans="8:8">
      <c r="H214728" s="12"/>
    </row>
    <row r="214729" spans="8:8">
      <c r="H214729" s="12"/>
    </row>
    <row r="214730" spans="8:8">
      <c r="H214730" s="12"/>
    </row>
    <row r="214731" spans="8:8">
      <c r="H214731" s="12"/>
    </row>
    <row r="214732" spans="8:8">
      <c r="H214732" s="12"/>
    </row>
    <row r="214733" spans="8:8">
      <c r="H214733" s="12"/>
    </row>
    <row r="214734" spans="8:8">
      <c r="H214734" s="12"/>
    </row>
    <row r="214735" spans="8:8">
      <c r="H214735" s="12"/>
    </row>
    <row r="214736" spans="8:8">
      <c r="H214736" s="12"/>
    </row>
    <row r="214737" spans="8:8">
      <c r="H214737" s="12"/>
    </row>
    <row r="214738" spans="8:8">
      <c r="H214738" s="12"/>
    </row>
    <row r="214739" spans="8:8">
      <c r="H214739" s="12"/>
    </row>
    <row r="214740" spans="8:8">
      <c r="H214740" s="12"/>
    </row>
    <row r="214741" spans="8:8">
      <c r="H214741" s="12"/>
    </row>
    <row r="214742" spans="8:8">
      <c r="H214742" s="12"/>
    </row>
    <row r="214743" spans="8:8">
      <c r="H214743" s="12"/>
    </row>
    <row r="214744" spans="8:8">
      <c r="H214744" s="12"/>
    </row>
    <row r="214745" spans="8:8">
      <c r="H214745" s="12"/>
    </row>
    <row r="214746" spans="8:8">
      <c r="H214746" s="12"/>
    </row>
    <row r="214747" spans="8:8">
      <c r="H214747" s="12"/>
    </row>
    <row r="214748" spans="8:8">
      <c r="H214748" s="12"/>
    </row>
    <row r="214749" spans="8:8">
      <c r="H214749" s="12"/>
    </row>
    <row r="214750" spans="8:8">
      <c r="H214750" s="12"/>
    </row>
    <row r="214751" spans="8:8">
      <c r="H214751" s="12"/>
    </row>
    <row r="214752" spans="8:8">
      <c r="H214752" s="12"/>
    </row>
    <row r="214753" spans="8:8">
      <c r="H214753" s="12"/>
    </row>
    <row r="214754" spans="8:8">
      <c r="H214754" s="12"/>
    </row>
    <row r="214755" spans="8:8">
      <c r="H214755" s="12"/>
    </row>
    <row r="214756" spans="8:8">
      <c r="H214756" s="12"/>
    </row>
    <row r="214757" spans="8:8">
      <c r="H214757" s="12"/>
    </row>
    <row r="214758" spans="8:8">
      <c r="H214758" s="12"/>
    </row>
    <row r="214759" spans="8:8">
      <c r="H214759" s="12"/>
    </row>
    <row r="214760" spans="8:8">
      <c r="H214760" s="12"/>
    </row>
    <row r="214761" spans="8:8">
      <c r="H214761" s="12"/>
    </row>
    <row r="214762" spans="8:8">
      <c r="H214762" s="12"/>
    </row>
    <row r="214763" spans="8:8">
      <c r="H214763" s="12"/>
    </row>
    <row r="214764" spans="8:8">
      <c r="H214764" s="12"/>
    </row>
    <row r="214765" spans="8:8">
      <c r="H214765" s="12"/>
    </row>
    <row r="214766" spans="8:8">
      <c r="H214766" s="12"/>
    </row>
    <row r="214767" spans="8:8">
      <c r="H214767" s="12"/>
    </row>
    <row r="214768" spans="8:8">
      <c r="H214768" s="12"/>
    </row>
    <row r="214769" spans="8:8">
      <c r="H214769" s="12"/>
    </row>
    <row r="214770" spans="8:8">
      <c r="H214770" s="12"/>
    </row>
    <row r="214771" spans="8:8">
      <c r="H214771" s="12"/>
    </row>
    <row r="214772" spans="8:8">
      <c r="H214772" s="12"/>
    </row>
    <row r="214773" spans="8:8">
      <c r="H214773" s="12"/>
    </row>
    <row r="214774" spans="8:8">
      <c r="H214774" s="12"/>
    </row>
    <row r="214775" spans="8:8">
      <c r="H214775" s="12"/>
    </row>
    <row r="214776" spans="8:8">
      <c r="H214776" s="12"/>
    </row>
    <row r="214777" spans="8:8">
      <c r="H214777" s="12"/>
    </row>
    <row r="214778" spans="8:8">
      <c r="H214778" s="12"/>
    </row>
    <row r="214779" spans="8:8">
      <c r="H214779" s="12"/>
    </row>
    <row r="214780" spans="8:8">
      <c r="H214780" s="12"/>
    </row>
    <row r="214781" spans="8:8">
      <c r="H214781" s="12"/>
    </row>
    <row r="214782" spans="8:8">
      <c r="H214782" s="12"/>
    </row>
    <row r="214783" spans="8:8">
      <c r="H214783" s="12"/>
    </row>
    <row r="214784" spans="8:8">
      <c r="H214784" s="12"/>
    </row>
    <row r="214785" spans="8:8">
      <c r="H214785" s="12"/>
    </row>
    <row r="214786" spans="8:8">
      <c r="H214786" s="12"/>
    </row>
    <row r="214787" spans="8:8">
      <c r="H214787" s="12"/>
    </row>
    <row r="214788" spans="8:8">
      <c r="H214788" s="12"/>
    </row>
    <row r="214789" spans="8:8">
      <c r="H214789" s="12"/>
    </row>
    <row r="214790" spans="8:8">
      <c r="H214790" s="12"/>
    </row>
    <row r="214791" spans="8:8">
      <c r="H214791" s="12"/>
    </row>
    <row r="214792" spans="8:8">
      <c r="H214792" s="12"/>
    </row>
    <row r="214793" spans="8:8">
      <c r="H214793" s="12"/>
    </row>
    <row r="214794" spans="8:8">
      <c r="H214794" s="12"/>
    </row>
    <row r="214795" spans="8:8">
      <c r="H214795" s="12"/>
    </row>
    <row r="214796" spans="8:8">
      <c r="H214796" s="12"/>
    </row>
    <row r="214797" spans="8:8">
      <c r="H214797" s="12"/>
    </row>
    <row r="214798" spans="8:8">
      <c r="H214798" s="12"/>
    </row>
    <row r="214799" spans="8:8">
      <c r="H214799" s="12"/>
    </row>
    <row r="214800" spans="8:8">
      <c r="H214800" s="12"/>
    </row>
    <row r="214801" spans="8:8">
      <c r="H214801" s="12"/>
    </row>
    <row r="214802" spans="8:8">
      <c r="H214802" s="12"/>
    </row>
    <row r="214803" spans="8:8">
      <c r="H214803" s="12"/>
    </row>
    <row r="214804" spans="8:8">
      <c r="H214804" s="12"/>
    </row>
    <row r="214805" spans="8:8">
      <c r="H214805" s="12"/>
    </row>
    <row r="214806" spans="8:8">
      <c r="H214806" s="12"/>
    </row>
    <row r="214807" spans="8:8">
      <c r="H214807" s="12"/>
    </row>
    <row r="214808" spans="8:8">
      <c r="H214808" s="12"/>
    </row>
    <row r="214809" spans="8:8">
      <c r="H214809" s="12"/>
    </row>
    <row r="214810" spans="8:8">
      <c r="H214810" s="12"/>
    </row>
    <row r="214811" spans="8:8">
      <c r="H214811" s="12"/>
    </row>
    <row r="214812" spans="8:8">
      <c r="H214812" s="12"/>
    </row>
    <row r="214813" spans="8:8">
      <c r="H214813" s="12"/>
    </row>
    <row r="214814" spans="8:8">
      <c r="H214814" s="12"/>
    </row>
    <row r="214815" spans="8:8">
      <c r="H214815" s="12"/>
    </row>
    <row r="214816" spans="8:8">
      <c r="H214816" s="12"/>
    </row>
    <row r="214817" spans="8:8">
      <c r="H214817" s="12"/>
    </row>
    <row r="214818" spans="8:8">
      <c r="H214818" s="12"/>
    </row>
    <row r="214819" spans="8:8">
      <c r="H214819" s="12"/>
    </row>
    <row r="214820" spans="8:8">
      <c r="H214820" s="12"/>
    </row>
    <row r="214821" spans="8:8">
      <c r="H214821" s="12"/>
    </row>
    <row r="214822" spans="8:8">
      <c r="H214822" s="12"/>
    </row>
    <row r="214823" spans="8:8">
      <c r="H214823" s="12"/>
    </row>
    <row r="214824" spans="8:8">
      <c r="H214824" s="12"/>
    </row>
    <row r="214825" spans="8:8">
      <c r="H214825" s="12"/>
    </row>
    <row r="214826" spans="8:8">
      <c r="H214826" s="12"/>
    </row>
    <row r="214827" spans="8:8">
      <c r="H214827" s="12"/>
    </row>
    <row r="214828" spans="8:8">
      <c r="H214828" s="12"/>
    </row>
    <row r="214829" spans="8:8">
      <c r="H214829" s="12"/>
    </row>
    <row r="214830" spans="8:8">
      <c r="H214830" s="12"/>
    </row>
    <row r="214831" spans="8:8">
      <c r="H214831" s="12"/>
    </row>
    <row r="214832" spans="8:8">
      <c r="H214832" s="12"/>
    </row>
    <row r="214833" spans="8:8">
      <c r="H214833" s="12"/>
    </row>
    <row r="214834" spans="8:8">
      <c r="H214834" s="12"/>
    </row>
    <row r="214835" spans="8:8">
      <c r="H214835" s="12"/>
    </row>
    <row r="214836" spans="8:8">
      <c r="H214836" s="12"/>
    </row>
    <row r="214837" spans="8:8">
      <c r="H214837" s="12"/>
    </row>
    <row r="214838" spans="8:8">
      <c r="H214838" s="12"/>
    </row>
    <row r="214839" spans="8:8">
      <c r="H214839" s="12"/>
    </row>
    <row r="214840" spans="8:8">
      <c r="H214840" s="12"/>
    </row>
    <row r="214841" spans="8:8">
      <c r="H214841" s="12"/>
    </row>
    <row r="214842" spans="8:8">
      <c r="H214842" s="12"/>
    </row>
    <row r="214843" spans="8:8">
      <c r="H214843" s="12"/>
    </row>
    <row r="214844" spans="8:8">
      <c r="H214844" s="12"/>
    </row>
    <row r="214845" spans="8:8">
      <c r="H214845" s="12"/>
    </row>
    <row r="214846" spans="8:8">
      <c r="H214846" s="12"/>
    </row>
    <row r="214847" spans="8:8">
      <c r="H214847" s="12"/>
    </row>
    <row r="214848" spans="8:8">
      <c r="H214848" s="12"/>
    </row>
    <row r="214849" spans="8:8">
      <c r="H214849" s="12"/>
    </row>
    <row r="214850" spans="8:8">
      <c r="H214850" s="12"/>
    </row>
    <row r="214851" spans="8:8">
      <c r="H214851" s="12"/>
    </row>
    <row r="214852" spans="8:8">
      <c r="H214852" s="12"/>
    </row>
    <row r="214853" spans="8:8">
      <c r="H214853" s="12"/>
    </row>
    <row r="214854" spans="8:8">
      <c r="H214854" s="12"/>
    </row>
    <row r="214855" spans="8:8">
      <c r="H214855" s="12"/>
    </row>
    <row r="214856" spans="8:8">
      <c r="H214856" s="12"/>
    </row>
    <row r="214857" spans="8:8">
      <c r="H214857" s="12"/>
    </row>
    <row r="214858" spans="8:8">
      <c r="H214858" s="12"/>
    </row>
    <row r="214859" spans="8:8">
      <c r="H214859" s="12"/>
    </row>
    <row r="214860" spans="8:8">
      <c r="H214860" s="12"/>
    </row>
    <row r="214861" spans="8:8">
      <c r="H214861" s="12"/>
    </row>
    <row r="214862" spans="8:8">
      <c r="H214862" s="12"/>
    </row>
    <row r="214863" spans="8:8">
      <c r="H214863" s="12"/>
    </row>
    <row r="214864" spans="8:8">
      <c r="H214864" s="12"/>
    </row>
    <row r="214865" spans="8:8">
      <c r="H214865" s="12"/>
    </row>
    <row r="214866" spans="8:8">
      <c r="H214866" s="12"/>
    </row>
    <row r="214867" spans="8:8">
      <c r="H214867" s="12"/>
    </row>
    <row r="214868" spans="8:8">
      <c r="H214868" s="12"/>
    </row>
    <row r="214869" spans="8:8">
      <c r="H214869" s="12"/>
    </row>
    <row r="214870" spans="8:8">
      <c r="H214870" s="12"/>
    </row>
    <row r="214871" spans="8:8">
      <c r="H214871" s="12"/>
    </row>
    <row r="214872" spans="8:8">
      <c r="H214872" s="12"/>
    </row>
    <row r="214873" spans="8:8">
      <c r="H214873" s="12"/>
    </row>
    <row r="214874" spans="8:8">
      <c r="H214874" s="12"/>
    </row>
    <row r="214875" spans="8:8">
      <c r="H214875" s="12"/>
    </row>
    <row r="214876" spans="8:8">
      <c r="H214876" s="12"/>
    </row>
    <row r="214877" spans="8:8">
      <c r="H214877" s="12"/>
    </row>
    <row r="214878" spans="8:8">
      <c r="H214878" s="12"/>
    </row>
    <row r="214879" spans="8:8">
      <c r="H214879" s="12"/>
    </row>
    <row r="214880" spans="8:8">
      <c r="H214880" s="12"/>
    </row>
    <row r="214881" spans="8:8">
      <c r="H214881" s="12"/>
    </row>
    <row r="214882" spans="8:8">
      <c r="H214882" s="12"/>
    </row>
    <row r="214883" spans="8:8">
      <c r="H214883" s="12"/>
    </row>
    <row r="214884" spans="8:8">
      <c r="H214884" s="12"/>
    </row>
    <row r="214885" spans="8:8">
      <c r="H214885" s="12"/>
    </row>
    <row r="214886" spans="8:8">
      <c r="H214886" s="12"/>
    </row>
    <row r="214887" spans="8:8">
      <c r="H214887" s="12"/>
    </row>
    <row r="214888" spans="8:8">
      <c r="H214888" s="12"/>
    </row>
    <row r="214889" spans="8:8">
      <c r="H214889" s="12"/>
    </row>
    <row r="214890" spans="8:8">
      <c r="H214890" s="12"/>
    </row>
    <row r="214891" spans="8:8">
      <c r="H214891" s="12"/>
    </row>
    <row r="214892" spans="8:8">
      <c r="H214892" s="12"/>
    </row>
    <row r="214893" spans="8:8">
      <c r="H214893" s="12"/>
    </row>
    <row r="214894" spans="8:8">
      <c r="H214894" s="12"/>
    </row>
    <row r="214895" spans="8:8">
      <c r="H214895" s="12"/>
    </row>
    <row r="214896" spans="8:8">
      <c r="H214896" s="12"/>
    </row>
    <row r="214897" spans="8:8">
      <c r="H214897" s="12"/>
    </row>
    <row r="214898" spans="8:8">
      <c r="H214898" s="12"/>
    </row>
    <row r="214899" spans="8:8">
      <c r="H214899" s="12"/>
    </row>
    <row r="214900" spans="8:8">
      <c r="H214900" s="12"/>
    </row>
    <row r="214901" spans="8:8">
      <c r="H214901" s="12"/>
    </row>
    <row r="214902" spans="8:8">
      <c r="H214902" s="12"/>
    </row>
    <row r="214903" spans="8:8">
      <c r="H214903" s="12"/>
    </row>
    <row r="214904" spans="8:8">
      <c r="H214904" s="12"/>
    </row>
    <row r="214905" spans="8:8">
      <c r="H214905" s="12"/>
    </row>
    <row r="214906" spans="8:8">
      <c r="H214906" s="12"/>
    </row>
    <row r="214907" spans="8:8">
      <c r="H214907" s="12"/>
    </row>
    <row r="214908" spans="8:8">
      <c r="H214908" s="12"/>
    </row>
    <row r="214909" spans="8:8">
      <c r="H214909" s="12"/>
    </row>
    <row r="214910" spans="8:8">
      <c r="H214910" s="12"/>
    </row>
    <row r="214911" spans="8:8">
      <c r="H214911" s="12"/>
    </row>
    <row r="214912" spans="8:8">
      <c r="H214912" s="12"/>
    </row>
    <row r="214913" spans="8:8">
      <c r="H214913" s="12"/>
    </row>
    <row r="214914" spans="8:8">
      <c r="H214914" s="12"/>
    </row>
    <row r="214915" spans="8:8">
      <c r="H214915" s="12"/>
    </row>
    <row r="214916" spans="8:8">
      <c r="H214916" s="12"/>
    </row>
    <row r="214917" spans="8:8">
      <c r="H214917" s="12"/>
    </row>
    <row r="214918" spans="8:8">
      <c r="H214918" s="12"/>
    </row>
    <row r="214919" spans="8:8">
      <c r="H214919" s="12"/>
    </row>
    <row r="214920" spans="8:8">
      <c r="H214920" s="12"/>
    </row>
    <row r="214921" spans="8:8">
      <c r="H214921" s="12"/>
    </row>
    <row r="214922" spans="8:8">
      <c r="H214922" s="12"/>
    </row>
    <row r="214923" spans="8:8">
      <c r="H214923" s="12"/>
    </row>
    <row r="214924" spans="8:8">
      <c r="H214924" s="12"/>
    </row>
    <row r="214925" spans="8:8">
      <c r="H214925" s="12"/>
    </row>
    <row r="214926" spans="8:8">
      <c r="H214926" s="12"/>
    </row>
    <row r="214927" spans="8:8">
      <c r="H214927" s="12"/>
    </row>
    <row r="214928" spans="8:8">
      <c r="H214928" s="12"/>
    </row>
    <row r="214929" spans="8:8">
      <c r="H214929" s="12"/>
    </row>
    <row r="214930" spans="8:8">
      <c r="H214930" s="12"/>
    </row>
    <row r="214931" spans="8:8">
      <c r="H214931" s="12"/>
    </row>
    <row r="214932" spans="8:8">
      <c r="H214932" s="12"/>
    </row>
    <row r="214933" spans="8:8">
      <c r="H214933" s="12"/>
    </row>
    <row r="214934" spans="8:8">
      <c r="H214934" s="12"/>
    </row>
    <row r="214935" spans="8:8">
      <c r="H214935" s="12"/>
    </row>
    <row r="214936" spans="8:8">
      <c r="H214936" s="12"/>
    </row>
    <row r="214937" spans="8:8">
      <c r="H214937" s="12"/>
    </row>
    <row r="214938" spans="8:8">
      <c r="H214938" s="12"/>
    </row>
    <row r="214939" spans="8:8">
      <c r="H214939" s="12"/>
    </row>
    <row r="214940" spans="8:8">
      <c r="H214940" s="12"/>
    </row>
    <row r="214941" spans="8:8">
      <c r="H214941" s="12"/>
    </row>
    <row r="214942" spans="8:8">
      <c r="H214942" s="12"/>
    </row>
    <row r="214943" spans="8:8">
      <c r="H214943" s="12"/>
    </row>
    <row r="214944" spans="8:8">
      <c r="H214944" s="12"/>
    </row>
    <row r="214945" spans="8:8">
      <c r="H214945" s="12"/>
    </row>
    <row r="214946" spans="8:8">
      <c r="H214946" s="12"/>
    </row>
    <row r="214947" spans="8:8">
      <c r="H214947" s="12"/>
    </row>
    <row r="214948" spans="8:8">
      <c r="H214948" s="12"/>
    </row>
    <row r="214949" spans="8:8">
      <c r="H214949" s="12"/>
    </row>
    <row r="214950" spans="8:8">
      <c r="H214950" s="12"/>
    </row>
    <row r="214951" spans="8:8">
      <c r="H214951" s="12"/>
    </row>
    <row r="214952" spans="8:8">
      <c r="H214952" s="12"/>
    </row>
    <row r="214953" spans="8:8">
      <c r="H214953" s="12"/>
    </row>
    <row r="214954" spans="8:8">
      <c r="H214954" s="12"/>
    </row>
    <row r="214955" spans="8:8">
      <c r="H214955" s="12"/>
    </row>
    <row r="214956" spans="8:8">
      <c r="H214956" s="12"/>
    </row>
    <row r="214957" spans="8:8">
      <c r="H214957" s="12"/>
    </row>
    <row r="214958" spans="8:8">
      <c r="H214958" s="12"/>
    </row>
    <row r="214959" spans="8:8">
      <c r="H214959" s="12"/>
    </row>
    <row r="214960" spans="8:8">
      <c r="H214960" s="12"/>
    </row>
    <row r="214961" spans="8:8">
      <c r="H214961" s="12"/>
    </row>
    <row r="214962" spans="8:8">
      <c r="H214962" s="12"/>
    </row>
    <row r="214963" spans="8:8">
      <c r="H214963" s="12"/>
    </row>
    <row r="214964" spans="8:8">
      <c r="H214964" s="12"/>
    </row>
    <row r="214965" spans="8:8">
      <c r="H214965" s="12"/>
    </row>
    <row r="214966" spans="8:8">
      <c r="H214966" s="12"/>
    </row>
    <row r="214967" spans="8:8">
      <c r="H214967" s="12"/>
    </row>
    <row r="214968" spans="8:8">
      <c r="H214968" s="12"/>
    </row>
    <row r="214969" spans="8:8">
      <c r="H214969" s="12"/>
    </row>
    <row r="214970" spans="8:8">
      <c r="H214970" s="12"/>
    </row>
    <row r="214971" spans="8:8">
      <c r="H214971" s="12"/>
    </row>
    <row r="214972" spans="8:8">
      <c r="H214972" s="12"/>
    </row>
    <row r="214973" spans="8:8">
      <c r="H214973" s="12"/>
    </row>
    <row r="214974" spans="8:8">
      <c r="H214974" s="12"/>
    </row>
    <row r="214975" spans="8:8">
      <c r="H214975" s="12"/>
    </row>
    <row r="214976" spans="8:8">
      <c r="H214976" s="12"/>
    </row>
    <row r="214977" spans="8:8">
      <c r="H214977" s="12"/>
    </row>
    <row r="214978" spans="8:8">
      <c r="H214978" s="12"/>
    </row>
    <row r="214979" spans="8:8">
      <c r="H214979" s="12"/>
    </row>
    <row r="214980" spans="8:8">
      <c r="H214980" s="12"/>
    </row>
    <row r="214981" spans="8:8">
      <c r="H214981" s="12"/>
    </row>
    <row r="214982" spans="8:8">
      <c r="H214982" s="12"/>
    </row>
    <row r="214983" spans="8:8">
      <c r="H214983" s="12"/>
    </row>
    <row r="214984" spans="8:8">
      <c r="H214984" s="12"/>
    </row>
    <row r="214985" spans="8:8">
      <c r="H214985" s="12"/>
    </row>
    <row r="214986" spans="8:8">
      <c r="H214986" s="12"/>
    </row>
    <row r="214987" spans="8:8">
      <c r="H214987" s="12"/>
    </row>
    <row r="214988" spans="8:8">
      <c r="H214988" s="12"/>
    </row>
    <row r="214989" spans="8:8">
      <c r="H214989" s="12"/>
    </row>
    <row r="214990" spans="8:8">
      <c r="H214990" s="12"/>
    </row>
    <row r="214991" spans="8:8">
      <c r="H214991" s="12"/>
    </row>
    <row r="214992" spans="8:8">
      <c r="H214992" s="12"/>
    </row>
    <row r="214993" spans="8:8">
      <c r="H214993" s="12"/>
    </row>
    <row r="214994" spans="8:8">
      <c r="H214994" s="12"/>
    </row>
    <row r="214995" spans="8:8">
      <c r="H214995" s="12"/>
    </row>
    <row r="214996" spans="8:8">
      <c r="H214996" s="12"/>
    </row>
    <row r="214997" spans="8:8">
      <c r="H214997" s="12"/>
    </row>
    <row r="214998" spans="8:8">
      <c r="H214998" s="12"/>
    </row>
    <row r="214999" spans="8:8">
      <c r="H214999" s="12"/>
    </row>
    <row r="215000" spans="8:8">
      <c r="H215000" s="12"/>
    </row>
    <row r="215001" spans="8:8">
      <c r="H215001" s="12"/>
    </row>
    <row r="215002" spans="8:8">
      <c r="H215002" s="12"/>
    </row>
    <row r="215003" spans="8:8">
      <c r="H215003" s="12"/>
    </row>
    <row r="215004" spans="8:8">
      <c r="H215004" s="12"/>
    </row>
    <row r="215005" spans="8:8">
      <c r="H215005" s="12"/>
    </row>
    <row r="215006" spans="8:8">
      <c r="H215006" s="12"/>
    </row>
    <row r="215007" spans="8:8">
      <c r="H215007" s="12"/>
    </row>
    <row r="215008" spans="8:8">
      <c r="H215008" s="12"/>
    </row>
    <row r="215009" spans="8:8">
      <c r="H215009" s="12"/>
    </row>
    <row r="215010" spans="8:8">
      <c r="H215010" s="12"/>
    </row>
    <row r="215011" spans="8:8">
      <c r="H215011" s="12"/>
    </row>
    <row r="215012" spans="8:8">
      <c r="H215012" s="12"/>
    </row>
    <row r="215013" spans="8:8">
      <c r="H215013" s="12"/>
    </row>
    <row r="215014" spans="8:8">
      <c r="H215014" s="12"/>
    </row>
    <row r="215015" spans="8:8">
      <c r="H215015" s="12"/>
    </row>
    <row r="215016" spans="8:8">
      <c r="H215016" s="12"/>
    </row>
    <row r="215017" spans="8:8">
      <c r="H215017" s="12"/>
    </row>
    <row r="215018" spans="8:8">
      <c r="H215018" s="12"/>
    </row>
    <row r="215019" spans="8:8">
      <c r="H215019" s="12"/>
    </row>
    <row r="215020" spans="8:8">
      <c r="H215020" s="12"/>
    </row>
    <row r="215021" spans="8:8">
      <c r="H215021" s="12"/>
    </row>
    <row r="215022" spans="8:8">
      <c r="H215022" s="12"/>
    </row>
    <row r="215023" spans="8:8">
      <c r="H215023" s="12"/>
    </row>
    <row r="215024" spans="8:8">
      <c r="H215024" s="12"/>
    </row>
    <row r="215025" spans="8:8">
      <c r="H215025" s="12"/>
    </row>
    <row r="215026" spans="8:8">
      <c r="H215026" s="12"/>
    </row>
    <row r="215027" spans="8:8">
      <c r="H215027" s="12"/>
    </row>
    <row r="215028" spans="8:8">
      <c r="H215028" s="12"/>
    </row>
    <row r="215029" spans="8:8">
      <c r="H215029" s="12"/>
    </row>
    <row r="215030" spans="8:8">
      <c r="H215030" s="12"/>
    </row>
    <row r="215031" spans="8:8">
      <c r="H215031" s="12"/>
    </row>
    <row r="215032" spans="8:8">
      <c r="H215032" s="12"/>
    </row>
    <row r="215033" spans="8:8">
      <c r="H215033" s="12"/>
    </row>
    <row r="215034" spans="8:8">
      <c r="H215034" s="12"/>
    </row>
    <row r="215035" spans="8:8">
      <c r="H215035" s="12"/>
    </row>
    <row r="215036" spans="8:8">
      <c r="H215036" s="12"/>
    </row>
    <row r="215037" spans="8:8">
      <c r="H215037" s="12"/>
    </row>
    <row r="215038" spans="8:8">
      <c r="H215038" s="12"/>
    </row>
    <row r="215039" spans="8:8">
      <c r="H215039" s="12"/>
    </row>
    <row r="215040" spans="8:8">
      <c r="H215040" s="12"/>
    </row>
    <row r="215041" spans="8:8">
      <c r="H215041" s="12"/>
    </row>
    <row r="215042" spans="8:8">
      <c r="H215042" s="12"/>
    </row>
    <row r="215043" spans="8:8">
      <c r="H215043" s="12"/>
    </row>
    <row r="215044" spans="8:8">
      <c r="H215044" s="12"/>
    </row>
    <row r="215045" spans="8:8">
      <c r="H215045" s="12"/>
    </row>
    <row r="215046" spans="8:8">
      <c r="H215046" s="12"/>
    </row>
    <row r="215047" spans="8:8">
      <c r="H215047" s="12"/>
    </row>
    <row r="215048" spans="8:8">
      <c r="H215048" s="12"/>
    </row>
    <row r="215049" spans="8:8">
      <c r="H215049" s="12"/>
    </row>
    <row r="215050" spans="8:8">
      <c r="H215050" s="12"/>
    </row>
    <row r="215051" spans="8:8">
      <c r="H215051" s="12"/>
    </row>
    <row r="215052" spans="8:8">
      <c r="H215052" s="12"/>
    </row>
    <row r="215053" spans="8:8">
      <c r="H215053" s="12"/>
    </row>
    <row r="215054" spans="8:8">
      <c r="H215054" s="12"/>
    </row>
    <row r="215055" spans="8:8">
      <c r="H215055" s="12"/>
    </row>
    <row r="215056" spans="8:8">
      <c r="H215056" s="12"/>
    </row>
    <row r="215057" spans="8:8">
      <c r="H215057" s="12"/>
    </row>
    <row r="215058" spans="8:8">
      <c r="H215058" s="12"/>
    </row>
    <row r="215059" spans="8:8">
      <c r="H215059" s="12"/>
    </row>
    <row r="215060" spans="8:8">
      <c r="H215060" s="12"/>
    </row>
    <row r="215061" spans="8:8">
      <c r="H215061" s="12"/>
    </row>
    <row r="215062" spans="8:8">
      <c r="H215062" s="12"/>
    </row>
    <row r="215063" spans="8:8">
      <c r="H215063" s="12"/>
    </row>
    <row r="215064" spans="8:8">
      <c r="H215064" s="12"/>
    </row>
    <row r="215065" spans="8:8">
      <c r="H215065" s="12"/>
    </row>
    <row r="215066" spans="8:8">
      <c r="H215066" s="12"/>
    </row>
    <row r="215067" spans="8:8">
      <c r="H215067" s="12"/>
    </row>
    <row r="215068" spans="8:8">
      <c r="H215068" s="12"/>
    </row>
    <row r="215069" spans="8:8">
      <c r="H215069" s="12"/>
    </row>
    <row r="215070" spans="8:8">
      <c r="H215070" s="12"/>
    </row>
    <row r="215071" spans="8:8">
      <c r="H215071" s="12"/>
    </row>
    <row r="215072" spans="8:8">
      <c r="H215072" s="12"/>
    </row>
    <row r="215073" spans="8:8">
      <c r="H215073" s="12"/>
    </row>
    <row r="215074" spans="8:8">
      <c r="H215074" s="12"/>
    </row>
    <row r="215075" spans="8:8">
      <c r="H215075" s="12"/>
    </row>
    <row r="215076" spans="8:8">
      <c r="H215076" s="12"/>
    </row>
    <row r="215077" spans="8:8">
      <c r="H215077" s="12"/>
    </row>
    <row r="215078" spans="8:8">
      <c r="H215078" s="12"/>
    </row>
    <row r="215079" spans="8:8">
      <c r="H215079" s="12"/>
    </row>
    <row r="215080" spans="8:8">
      <c r="H215080" s="12"/>
    </row>
    <row r="215081" spans="8:8">
      <c r="H215081" s="12"/>
    </row>
    <row r="215082" spans="8:8">
      <c r="H215082" s="12"/>
    </row>
    <row r="215083" spans="8:8">
      <c r="H215083" s="12"/>
    </row>
    <row r="215084" spans="8:8">
      <c r="H215084" s="12"/>
    </row>
    <row r="215085" spans="8:8">
      <c r="H215085" s="12"/>
    </row>
    <row r="215086" spans="8:8">
      <c r="H215086" s="12"/>
    </row>
    <row r="215087" spans="8:8">
      <c r="H215087" s="12"/>
    </row>
    <row r="215088" spans="8:8">
      <c r="H215088" s="12"/>
    </row>
    <row r="215089" spans="8:8">
      <c r="H215089" s="12"/>
    </row>
    <row r="215090" spans="8:8">
      <c r="H215090" s="12"/>
    </row>
    <row r="215091" spans="8:8">
      <c r="H215091" s="12"/>
    </row>
    <row r="215092" spans="8:8">
      <c r="H215092" s="12"/>
    </row>
    <row r="215093" spans="8:8">
      <c r="H215093" s="12"/>
    </row>
    <row r="215094" spans="8:8">
      <c r="H215094" s="12"/>
    </row>
    <row r="215095" spans="8:8">
      <c r="H215095" s="12"/>
    </row>
    <row r="215096" spans="8:8">
      <c r="H215096" s="12"/>
    </row>
    <row r="215097" spans="8:8">
      <c r="H215097" s="12"/>
    </row>
    <row r="215098" spans="8:8">
      <c r="H215098" s="12"/>
    </row>
    <row r="215099" spans="8:8">
      <c r="H215099" s="12"/>
    </row>
    <row r="215100" spans="8:8">
      <c r="H215100" s="12"/>
    </row>
    <row r="215101" spans="8:8">
      <c r="H215101" s="12"/>
    </row>
    <row r="215102" spans="8:8">
      <c r="H215102" s="12"/>
    </row>
    <row r="215103" spans="8:8">
      <c r="H215103" s="12"/>
    </row>
    <row r="215104" spans="8:8">
      <c r="H215104" s="12"/>
    </row>
    <row r="215105" spans="8:8">
      <c r="H215105" s="12"/>
    </row>
    <row r="215106" spans="8:8">
      <c r="H215106" s="12"/>
    </row>
    <row r="215107" spans="8:8">
      <c r="H215107" s="12"/>
    </row>
    <row r="215108" spans="8:8">
      <c r="H215108" s="12"/>
    </row>
    <row r="215109" spans="8:8">
      <c r="H215109" s="12"/>
    </row>
    <row r="215110" spans="8:8">
      <c r="H215110" s="12"/>
    </row>
    <row r="215111" spans="8:8">
      <c r="H215111" s="12"/>
    </row>
    <row r="215112" spans="8:8">
      <c r="H215112" s="12"/>
    </row>
    <row r="215113" spans="8:8">
      <c r="H215113" s="12"/>
    </row>
    <row r="215114" spans="8:8">
      <c r="H215114" s="12"/>
    </row>
    <row r="215115" spans="8:8">
      <c r="H215115" s="12"/>
    </row>
    <row r="215116" spans="8:8">
      <c r="H215116" s="12"/>
    </row>
    <row r="215117" spans="8:8">
      <c r="H215117" s="12"/>
    </row>
    <row r="215118" spans="8:8">
      <c r="H215118" s="12"/>
    </row>
    <row r="215119" spans="8:8">
      <c r="H215119" s="12"/>
    </row>
    <row r="215120" spans="8:8">
      <c r="H215120" s="12"/>
    </row>
    <row r="215121" spans="8:8">
      <c r="H215121" s="12"/>
    </row>
    <row r="215122" spans="8:8">
      <c r="H215122" s="12"/>
    </row>
    <row r="215123" spans="8:8">
      <c r="H215123" s="12"/>
    </row>
    <row r="215124" spans="8:8">
      <c r="H215124" s="12"/>
    </row>
    <row r="215125" spans="8:8">
      <c r="H215125" s="12"/>
    </row>
    <row r="215126" spans="8:8">
      <c r="H215126" s="12"/>
    </row>
    <row r="215127" spans="8:8">
      <c r="H215127" s="12"/>
    </row>
    <row r="215128" spans="8:8">
      <c r="H215128" s="12"/>
    </row>
    <row r="215129" spans="8:8">
      <c r="H215129" s="12"/>
    </row>
    <row r="215130" spans="8:8">
      <c r="H215130" s="12"/>
    </row>
    <row r="215131" spans="8:8">
      <c r="H215131" s="12"/>
    </row>
    <row r="215132" spans="8:8">
      <c r="H215132" s="12"/>
    </row>
    <row r="215133" spans="8:8">
      <c r="H215133" s="12"/>
    </row>
    <row r="215134" spans="8:8">
      <c r="H215134" s="12"/>
    </row>
    <row r="215135" spans="8:8">
      <c r="H215135" s="12"/>
    </row>
    <row r="215136" spans="8:8">
      <c r="H215136" s="12"/>
    </row>
    <row r="215137" spans="8:8">
      <c r="H215137" s="12"/>
    </row>
    <row r="215138" spans="8:8">
      <c r="H215138" s="12"/>
    </row>
    <row r="215139" spans="8:8">
      <c r="H215139" s="12"/>
    </row>
    <row r="215140" spans="8:8">
      <c r="H215140" s="12"/>
    </row>
    <row r="215141" spans="8:8">
      <c r="H215141" s="12"/>
    </row>
    <row r="215142" spans="8:8">
      <c r="H215142" s="12"/>
    </row>
    <row r="215143" spans="8:8">
      <c r="H215143" s="12"/>
    </row>
    <row r="215144" spans="8:8">
      <c r="H215144" s="12"/>
    </row>
    <row r="215145" spans="8:8">
      <c r="H215145" s="12"/>
    </row>
    <row r="215146" spans="8:8">
      <c r="H215146" s="12"/>
    </row>
    <row r="215147" spans="8:8">
      <c r="H215147" s="12"/>
    </row>
    <row r="215148" spans="8:8">
      <c r="H215148" s="12"/>
    </row>
    <row r="215149" spans="8:8">
      <c r="H215149" s="12"/>
    </row>
    <row r="215150" spans="8:8">
      <c r="H215150" s="12"/>
    </row>
    <row r="215151" spans="8:8">
      <c r="H215151" s="12"/>
    </row>
    <row r="215152" spans="8:8">
      <c r="H215152" s="12"/>
    </row>
    <row r="215153" spans="8:8">
      <c r="H215153" s="12"/>
    </row>
    <row r="215154" spans="8:8">
      <c r="H215154" s="12"/>
    </row>
    <row r="215155" spans="8:8">
      <c r="H215155" s="12"/>
    </row>
    <row r="215156" spans="8:8">
      <c r="H215156" s="12"/>
    </row>
    <row r="215157" spans="8:8">
      <c r="H215157" s="12"/>
    </row>
    <row r="215158" spans="8:8">
      <c r="H215158" s="12"/>
    </row>
    <row r="215159" spans="8:8">
      <c r="H215159" s="12"/>
    </row>
    <row r="215160" spans="8:8">
      <c r="H215160" s="12"/>
    </row>
    <row r="215161" spans="8:8">
      <c r="H215161" s="12"/>
    </row>
    <row r="215162" spans="8:8">
      <c r="H215162" s="12"/>
    </row>
    <row r="215163" spans="8:8">
      <c r="H215163" s="12"/>
    </row>
    <row r="215164" spans="8:8">
      <c r="H215164" s="12"/>
    </row>
    <row r="215165" spans="8:8">
      <c r="H215165" s="12"/>
    </row>
    <row r="215166" spans="8:8">
      <c r="H215166" s="12"/>
    </row>
    <row r="215167" spans="8:8">
      <c r="H215167" s="12"/>
    </row>
    <row r="215168" spans="8:8">
      <c r="H215168" s="12"/>
    </row>
    <row r="215169" spans="8:8">
      <c r="H215169" s="12"/>
    </row>
    <row r="215170" spans="8:8">
      <c r="H215170" s="12"/>
    </row>
    <row r="215171" spans="8:8">
      <c r="H215171" s="12"/>
    </row>
    <row r="215172" spans="8:8">
      <c r="H215172" s="12"/>
    </row>
    <row r="215173" spans="8:8">
      <c r="H215173" s="12"/>
    </row>
    <row r="215174" spans="8:8">
      <c r="H215174" s="12"/>
    </row>
    <row r="215175" spans="8:8">
      <c r="H215175" s="12"/>
    </row>
    <row r="215176" spans="8:8">
      <c r="H215176" s="12"/>
    </row>
    <row r="215177" spans="8:8">
      <c r="H215177" s="12"/>
    </row>
    <row r="215178" spans="8:8">
      <c r="H215178" s="12"/>
    </row>
    <row r="215179" spans="8:8">
      <c r="H215179" s="12"/>
    </row>
    <row r="215180" spans="8:8">
      <c r="H215180" s="12"/>
    </row>
    <row r="215181" spans="8:8">
      <c r="H215181" s="12"/>
    </row>
    <row r="215182" spans="8:8">
      <c r="H215182" s="12"/>
    </row>
    <row r="215183" spans="8:8">
      <c r="H215183" s="12"/>
    </row>
    <row r="215184" spans="8:8">
      <c r="H215184" s="12"/>
    </row>
    <row r="215185" spans="8:8">
      <c r="H215185" s="12"/>
    </row>
    <row r="215186" spans="8:8">
      <c r="H215186" s="12"/>
    </row>
    <row r="215187" spans="8:8">
      <c r="H215187" s="12"/>
    </row>
    <row r="215188" spans="8:8">
      <c r="H215188" s="12"/>
    </row>
    <row r="215189" spans="8:8">
      <c r="H215189" s="12"/>
    </row>
    <row r="215190" spans="8:8">
      <c r="H215190" s="12"/>
    </row>
    <row r="215191" spans="8:8">
      <c r="H215191" s="12"/>
    </row>
    <row r="215192" spans="8:8">
      <c r="H215192" s="12"/>
    </row>
    <row r="215193" spans="8:8">
      <c r="H215193" s="12"/>
    </row>
    <row r="215194" spans="8:8">
      <c r="H215194" s="12"/>
    </row>
    <row r="215195" spans="8:8">
      <c r="H215195" s="12"/>
    </row>
    <row r="215196" spans="8:8">
      <c r="H215196" s="12"/>
    </row>
    <row r="215197" spans="8:8">
      <c r="H215197" s="12"/>
    </row>
    <row r="215198" spans="8:8">
      <c r="H215198" s="12"/>
    </row>
    <row r="215199" spans="8:8">
      <c r="H215199" s="12"/>
    </row>
    <row r="215200" spans="8:8">
      <c r="H215200" s="12"/>
    </row>
    <row r="215201" spans="8:8">
      <c r="H215201" s="12"/>
    </row>
    <row r="215202" spans="8:8">
      <c r="H215202" s="12"/>
    </row>
    <row r="215203" spans="8:8">
      <c r="H215203" s="12"/>
    </row>
    <row r="215204" spans="8:8">
      <c r="H215204" s="12"/>
    </row>
    <row r="215205" spans="8:8">
      <c r="H215205" s="12"/>
    </row>
    <row r="215206" spans="8:8">
      <c r="H215206" s="12"/>
    </row>
    <row r="215207" spans="8:8">
      <c r="H215207" s="12"/>
    </row>
    <row r="215208" spans="8:8">
      <c r="H215208" s="12"/>
    </row>
    <row r="215209" spans="8:8">
      <c r="H215209" s="12"/>
    </row>
    <row r="215210" spans="8:8">
      <c r="H215210" s="12"/>
    </row>
    <row r="215211" spans="8:8">
      <c r="H215211" s="12"/>
    </row>
    <row r="215212" spans="8:8">
      <c r="H215212" s="12"/>
    </row>
    <row r="215213" spans="8:8">
      <c r="H215213" s="12"/>
    </row>
    <row r="215214" spans="8:8">
      <c r="H215214" s="12"/>
    </row>
    <row r="215215" spans="8:8">
      <c r="H215215" s="12"/>
    </row>
    <row r="215216" spans="8:8">
      <c r="H215216" s="12"/>
    </row>
    <row r="215217" spans="8:8">
      <c r="H215217" s="12"/>
    </row>
    <row r="215218" spans="8:8">
      <c r="H215218" s="12"/>
    </row>
    <row r="215219" spans="8:8">
      <c r="H215219" s="12"/>
    </row>
    <row r="215220" spans="8:8">
      <c r="H215220" s="12"/>
    </row>
    <row r="215221" spans="8:8">
      <c r="H215221" s="12"/>
    </row>
    <row r="215222" spans="8:8">
      <c r="H215222" s="12"/>
    </row>
    <row r="215223" spans="8:8">
      <c r="H215223" s="12"/>
    </row>
    <row r="215224" spans="8:8">
      <c r="H215224" s="12"/>
    </row>
    <row r="215225" spans="8:8">
      <c r="H215225" s="12"/>
    </row>
    <row r="215226" spans="8:8">
      <c r="H215226" s="12"/>
    </row>
    <row r="215227" spans="8:8">
      <c r="H215227" s="12"/>
    </row>
    <row r="215228" spans="8:8">
      <c r="H215228" s="12"/>
    </row>
    <row r="215229" spans="8:8">
      <c r="H215229" s="12"/>
    </row>
    <row r="215230" spans="8:8">
      <c r="H215230" s="12"/>
    </row>
    <row r="215231" spans="8:8">
      <c r="H215231" s="12"/>
    </row>
    <row r="215232" spans="8:8">
      <c r="H215232" s="12"/>
    </row>
    <row r="215233" spans="8:8">
      <c r="H215233" s="12"/>
    </row>
    <row r="215234" spans="8:8">
      <c r="H215234" s="12"/>
    </row>
    <row r="215235" spans="8:8">
      <c r="H215235" s="12"/>
    </row>
    <row r="215236" spans="8:8">
      <c r="H215236" s="12"/>
    </row>
    <row r="215237" spans="8:8">
      <c r="H215237" s="12"/>
    </row>
    <row r="215238" spans="8:8">
      <c r="H215238" s="12"/>
    </row>
    <row r="215239" spans="8:8">
      <c r="H215239" s="12"/>
    </row>
    <row r="215240" spans="8:8">
      <c r="H215240" s="12"/>
    </row>
    <row r="215241" spans="8:8">
      <c r="H215241" s="12"/>
    </row>
    <row r="215242" spans="8:8">
      <c r="H215242" s="12"/>
    </row>
    <row r="215243" spans="8:8">
      <c r="H215243" s="12"/>
    </row>
    <row r="215244" spans="8:8">
      <c r="H215244" s="12"/>
    </row>
    <row r="215245" spans="8:8">
      <c r="H215245" s="12"/>
    </row>
    <row r="215246" spans="8:8">
      <c r="H215246" s="12"/>
    </row>
    <row r="215247" spans="8:8">
      <c r="H215247" s="12"/>
    </row>
    <row r="215248" spans="8:8">
      <c r="H215248" s="12"/>
    </row>
    <row r="215249" spans="8:8">
      <c r="H215249" s="12"/>
    </row>
    <row r="215250" spans="8:8">
      <c r="H215250" s="12"/>
    </row>
    <row r="215251" spans="8:8">
      <c r="H215251" s="12"/>
    </row>
    <row r="215252" spans="8:8">
      <c r="H215252" s="12"/>
    </row>
    <row r="215253" spans="8:8">
      <c r="H215253" s="12"/>
    </row>
    <row r="215254" spans="8:8">
      <c r="H215254" s="12"/>
    </row>
    <row r="215255" spans="8:8">
      <c r="H215255" s="12"/>
    </row>
    <row r="215256" spans="8:8">
      <c r="H215256" s="12"/>
    </row>
    <row r="215257" spans="8:8">
      <c r="H215257" s="12"/>
    </row>
    <row r="215258" spans="8:8">
      <c r="H215258" s="12"/>
    </row>
    <row r="215259" spans="8:8">
      <c r="H215259" s="12"/>
    </row>
    <row r="215260" spans="8:8">
      <c r="H215260" s="12"/>
    </row>
    <row r="215261" spans="8:8">
      <c r="H215261" s="12"/>
    </row>
    <row r="215262" spans="8:8">
      <c r="H215262" s="12"/>
    </row>
    <row r="215263" spans="8:8">
      <c r="H215263" s="12"/>
    </row>
    <row r="215264" spans="8:8">
      <c r="H215264" s="12"/>
    </row>
    <row r="215265" spans="8:8">
      <c r="H215265" s="12"/>
    </row>
    <row r="215266" spans="8:8">
      <c r="H215266" s="12"/>
    </row>
    <row r="215267" spans="8:8">
      <c r="H215267" s="12"/>
    </row>
    <row r="215268" spans="8:8">
      <c r="H215268" s="12"/>
    </row>
    <row r="215269" spans="8:8">
      <c r="H215269" s="12"/>
    </row>
    <row r="215270" spans="8:8">
      <c r="H215270" s="12"/>
    </row>
    <row r="215271" spans="8:8">
      <c r="H215271" s="12"/>
    </row>
    <row r="215272" spans="8:8">
      <c r="H215272" s="12"/>
    </row>
    <row r="215273" spans="8:8">
      <c r="H215273" s="12"/>
    </row>
    <row r="215274" spans="8:8">
      <c r="H215274" s="12"/>
    </row>
    <row r="215275" spans="8:8">
      <c r="H215275" s="12"/>
    </row>
    <row r="215276" spans="8:8">
      <c r="H215276" s="12"/>
    </row>
    <row r="215277" spans="8:8">
      <c r="H215277" s="12"/>
    </row>
    <row r="215278" spans="8:8">
      <c r="H215278" s="12"/>
    </row>
    <row r="215279" spans="8:8">
      <c r="H215279" s="12"/>
    </row>
    <row r="215280" spans="8:8">
      <c r="H215280" s="12"/>
    </row>
    <row r="215281" spans="8:8">
      <c r="H215281" s="12"/>
    </row>
    <row r="215282" spans="8:8">
      <c r="H215282" s="12"/>
    </row>
    <row r="215283" spans="8:8">
      <c r="H215283" s="12"/>
    </row>
    <row r="215284" spans="8:8">
      <c r="H215284" s="12"/>
    </row>
    <row r="215285" spans="8:8">
      <c r="H215285" s="12"/>
    </row>
    <row r="215286" spans="8:8">
      <c r="H215286" s="12"/>
    </row>
    <row r="215287" spans="8:8">
      <c r="H215287" s="12"/>
    </row>
    <row r="215288" spans="8:8">
      <c r="H215288" s="12"/>
    </row>
    <row r="215289" spans="8:8">
      <c r="H215289" s="12"/>
    </row>
    <row r="215290" spans="8:8">
      <c r="H215290" s="12"/>
    </row>
    <row r="215291" spans="8:8">
      <c r="H215291" s="12"/>
    </row>
    <row r="215292" spans="8:8">
      <c r="H215292" s="12"/>
    </row>
    <row r="215293" spans="8:8">
      <c r="H215293" s="12"/>
    </row>
    <row r="215294" spans="8:8">
      <c r="H215294" s="12"/>
    </row>
    <row r="215295" spans="8:8">
      <c r="H215295" s="12"/>
    </row>
    <row r="215296" spans="8:8">
      <c r="H215296" s="12"/>
    </row>
    <row r="215297" spans="8:8">
      <c r="H215297" s="12"/>
    </row>
    <row r="215298" spans="8:8">
      <c r="H215298" s="12"/>
    </row>
    <row r="215299" spans="8:8">
      <c r="H215299" s="12"/>
    </row>
    <row r="215300" spans="8:8">
      <c r="H215300" s="12"/>
    </row>
    <row r="215301" spans="8:8">
      <c r="H215301" s="12"/>
    </row>
    <row r="215302" spans="8:8">
      <c r="H215302" s="12"/>
    </row>
    <row r="215303" spans="8:8">
      <c r="H215303" s="12"/>
    </row>
    <row r="215304" spans="8:8">
      <c r="H215304" s="12"/>
    </row>
    <row r="215305" spans="8:8">
      <c r="H215305" s="12"/>
    </row>
    <row r="215306" spans="8:8">
      <c r="H215306" s="12"/>
    </row>
    <row r="215307" spans="8:8">
      <c r="H215307" s="12"/>
    </row>
    <row r="215308" spans="8:8">
      <c r="H215308" s="12"/>
    </row>
    <row r="215309" spans="8:8">
      <c r="H215309" s="12"/>
    </row>
    <row r="215310" spans="8:8">
      <c r="H215310" s="12"/>
    </row>
    <row r="215311" spans="8:8">
      <c r="H215311" s="12"/>
    </row>
    <row r="215312" spans="8:8">
      <c r="H215312" s="12"/>
    </row>
    <row r="215313" spans="8:8">
      <c r="H215313" s="12"/>
    </row>
    <row r="215314" spans="8:8">
      <c r="H215314" s="12"/>
    </row>
    <row r="215315" spans="8:8">
      <c r="H215315" s="12"/>
    </row>
    <row r="215316" spans="8:8">
      <c r="H215316" s="12"/>
    </row>
    <row r="215317" spans="8:8">
      <c r="H215317" s="12"/>
    </row>
    <row r="215318" spans="8:8">
      <c r="H215318" s="12"/>
    </row>
    <row r="215319" spans="8:8">
      <c r="H215319" s="12"/>
    </row>
    <row r="215320" spans="8:8">
      <c r="H215320" s="12"/>
    </row>
    <row r="215321" spans="8:8">
      <c r="H215321" s="12"/>
    </row>
    <row r="215322" spans="8:8">
      <c r="H215322" s="12"/>
    </row>
    <row r="215323" spans="8:8">
      <c r="H215323" s="12"/>
    </row>
    <row r="215324" spans="8:8">
      <c r="H215324" s="12"/>
    </row>
    <row r="215325" spans="8:8">
      <c r="H215325" s="12"/>
    </row>
    <row r="215326" spans="8:8">
      <c r="H215326" s="12"/>
    </row>
    <row r="215327" spans="8:8">
      <c r="H215327" s="12"/>
    </row>
    <row r="215328" spans="8:8">
      <c r="H215328" s="12"/>
    </row>
    <row r="215329" spans="8:8">
      <c r="H215329" s="12"/>
    </row>
    <row r="215330" spans="8:8">
      <c r="H215330" s="12"/>
    </row>
    <row r="215331" spans="8:8">
      <c r="H215331" s="12"/>
    </row>
    <row r="215332" spans="8:8">
      <c r="H215332" s="12"/>
    </row>
    <row r="215333" spans="8:8">
      <c r="H215333" s="12"/>
    </row>
    <row r="215334" spans="8:8">
      <c r="H215334" s="12"/>
    </row>
    <row r="215335" spans="8:8">
      <c r="H215335" s="12"/>
    </row>
    <row r="215336" spans="8:8">
      <c r="H215336" s="12"/>
    </row>
    <row r="215337" spans="8:8">
      <c r="H215337" s="12"/>
    </row>
    <row r="215338" spans="8:8">
      <c r="H215338" s="12"/>
    </row>
    <row r="215339" spans="8:8">
      <c r="H215339" s="12"/>
    </row>
    <row r="215340" spans="8:8">
      <c r="H215340" s="12"/>
    </row>
    <row r="215341" spans="8:8">
      <c r="H215341" s="12"/>
    </row>
    <row r="215342" spans="8:8">
      <c r="H215342" s="12"/>
    </row>
    <row r="215343" spans="8:8">
      <c r="H215343" s="12"/>
    </row>
    <row r="215344" spans="8:8">
      <c r="H215344" s="12"/>
    </row>
    <row r="215345" spans="8:8">
      <c r="H215345" s="12"/>
    </row>
    <row r="215346" spans="8:8">
      <c r="H215346" s="12"/>
    </row>
    <row r="215347" spans="8:8">
      <c r="H215347" s="12"/>
    </row>
    <row r="215348" spans="8:8">
      <c r="H215348" s="12"/>
    </row>
    <row r="215349" spans="8:8">
      <c r="H215349" s="12"/>
    </row>
    <row r="215350" spans="8:8">
      <c r="H215350" s="12"/>
    </row>
    <row r="215351" spans="8:8">
      <c r="H215351" s="12"/>
    </row>
    <row r="215352" spans="8:8">
      <c r="H215352" s="12"/>
    </row>
    <row r="215353" spans="8:8">
      <c r="H215353" s="12"/>
    </row>
    <row r="215354" spans="8:8">
      <c r="H215354" s="12"/>
    </row>
    <row r="215355" spans="8:8">
      <c r="H215355" s="12"/>
    </row>
    <row r="215356" spans="8:8">
      <c r="H215356" s="12"/>
    </row>
    <row r="215357" spans="8:8">
      <c r="H215357" s="12"/>
    </row>
    <row r="215358" spans="8:8">
      <c r="H215358" s="12"/>
    </row>
    <row r="215359" spans="8:8">
      <c r="H215359" s="12"/>
    </row>
    <row r="215360" spans="8:8">
      <c r="H215360" s="12"/>
    </row>
    <row r="215361" spans="8:8">
      <c r="H215361" s="12"/>
    </row>
    <row r="215362" spans="8:8">
      <c r="H215362" s="12"/>
    </row>
    <row r="215363" spans="8:8">
      <c r="H215363" s="12"/>
    </row>
    <row r="215364" spans="8:8">
      <c r="H215364" s="12"/>
    </row>
    <row r="215365" spans="8:8">
      <c r="H215365" s="12"/>
    </row>
    <row r="215366" spans="8:8">
      <c r="H215366" s="12"/>
    </row>
    <row r="215367" spans="8:8">
      <c r="H215367" s="12"/>
    </row>
    <row r="215368" spans="8:8">
      <c r="H215368" s="12"/>
    </row>
    <row r="215369" spans="8:8">
      <c r="H215369" s="12"/>
    </row>
    <row r="215370" spans="8:8">
      <c r="H215370" s="12"/>
    </row>
    <row r="215371" spans="8:8">
      <c r="H215371" s="12"/>
    </row>
    <row r="215372" spans="8:8">
      <c r="H215372" s="12"/>
    </row>
    <row r="215373" spans="8:8">
      <c r="H215373" s="12"/>
    </row>
    <row r="215374" spans="8:8">
      <c r="H215374" s="12"/>
    </row>
    <row r="215375" spans="8:8">
      <c r="H215375" s="12"/>
    </row>
    <row r="215376" spans="8:8">
      <c r="H215376" s="12"/>
    </row>
    <row r="215377" spans="8:8">
      <c r="H215377" s="12"/>
    </row>
    <row r="215378" spans="8:8">
      <c r="H215378" s="12"/>
    </row>
    <row r="215379" spans="8:8">
      <c r="H215379" s="12"/>
    </row>
    <row r="215380" spans="8:8">
      <c r="H215380" s="12"/>
    </row>
    <row r="215381" spans="8:8">
      <c r="H215381" s="12"/>
    </row>
    <row r="215382" spans="8:8">
      <c r="H215382" s="12"/>
    </row>
    <row r="215383" spans="8:8">
      <c r="H215383" s="12"/>
    </row>
    <row r="215384" spans="8:8">
      <c r="H215384" s="12"/>
    </row>
    <row r="215385" spans="8:8">
      <c r="H215385" s="12"/>
    </row>
    <row r="215386" spans="8:8">
      <c r="H215386" s="12"/>
    </row>
    <row r="215387" spans="8:8">
      <c r="H215387" s="12"/>
    </row>
    <row r="215388" spans="8:8">
      <c r="H215388" s="12"/>
    </row>
    <row r="215389" spans="8:8">
      <c r="H215389" s="12"/>
    </row>
    <row r="215390" spans="8:8">
      <c r="H215390" s="12"/>
    </row>
    <row r="215391" spans="8:8">
      <c r="H215391" s="12"/>
    </row>
    <row r="215392" spans="8:8">
      <c r="H215392" s="12"/>
    </row>
    <row r="215393" spans="8:8">
      <c r="H215393" s="12"/>
    </row>
    <row r="215394" spans="8:8">
      <c r="H215394" s="12"/>
    </row>
    <row r="215395" spans="8:8">
      <c r="H215395" s="12"/>
    </row>
    <row r="215396" spans="8:8">
      <c r="H215396" s="12"/>
    </row>
    <row r="215397" spans="8:8">
      <c r="H215397" s="12"/>
    </row>
    <row r="215398" spans="8:8">
      <c r="H215398" s="12"/>
    </row>
    <row r="215399" spans="8:8">
      <c r="H215399" s="12"/>
    </row>
    <row r="215400" spans="8:8">
      <c r="H215400" s="12"/>
    </row>
    <row r="215401" spans="8:8">
      <c r="H215401" s="12"/>
    </row>
    <row r="215402" spans="8:8">
      <c r="H215402" s="12"/>
    </row>
    <row r="215403" spans="8:8">
      <c r="H215403" s="12"/>
    </row>
    <row r="215404" spans="8:8">
      <c r="H215404" s="12"/>
    </row>
    <row r="215405" spans="8:8">
      <c r="H215405" s="12"/>
    </row>
    <row r="215406" spans="8:8">
      <c r="H215406" s="12"/>
    </row>
    <row r="215407" spans="8:8">
      <c r="H215407" s="12"/>
    </row>
    <row r="215408" spans="8:8">
      <c r="H215408" s="12"/>
    </row>
    <row r="215409" spans="8:8">
      <c r="H215409" s="12"/>
    </row>
    <row r="215410" spans="8:8">
      <c r="H215410" s="12"/>
    </row>
    <row r="215411" spans="8:8">
      <c r="H215411" s="12"/>
    </row>
    <row r="215412" spans="8:8">
      <c r="H215412" s="12"/>
    </row>
    <row r="215413" spans="8:8">
      <c r="H215413" s="12"/>
    </row>
    <row r="215414" spans="8:8">
      <c r="H215414" s="12"/>
    </row>
    <row r="215415" spans="8:8">
      <c r="H215415" s="12"/>
    </row>
    <row r="215416" spans="8:8">
      <c r="H215416" s="12"/>
    </row>
    <row r="215417" spans="8:8">
      <c r="H215417" s="12"/>
    </row>
    <row r="215418" spans="8:8">
      <c r="H215418" s="12"/>
    </row>
    <row r="215419" spans="8:8">
      <c r="H215419" s="12"/>
    </row>
    <row r="215420" spans="8:8">
      <c r="H215420" s="12"/>
    </row>
    <row r="215421" spans="8:8">
      <c r="H215421" s="12"/>
    </row>
    <row r="215422" spans="8:8">
      <c r="H215422" s="12"/>
    </row>
    <row r="215423" spans="8:8">
      <c r="H215423" s="12"/>
    </row>
    <row r="215424" spans="8:8">
      <c r="H215424" s="12"/>
    </row>
    <row r="215425" spans="8:8">
      <c r="H215425" s="12"/>
    </row>
    <row r="215426" spans="8:8">
      <c r="H215426" s="12"/>
    </row>
    <row r="215427" spans="8:8">
      <c r="H215427" s="12"/>
    </row>
    <row r="215428" spans="8:8">
      <c r="H215428" s="12"/>
    </row>
    <row r="215429" spans="8:8">
      <c r="H215429" s="12"/>
    </row>
    <row r="215430" spans="8:8">
      <c r="H215430" s="12"/>
    </row>
    <row r="215431" spans="8:8">
      <c r="H215431" s="12"/>
    </row>
    <row r="215432" spans="8:8">
      <c r="H215432" s="12"/>
    </row>
    <row r="215433" spans="8:8">
      <c r="H215433" s="12"/>
    </row>
    <row r="215434" spans="8:8">
      <c r="H215434" s="12"/>
    </row>
    <row r="215435" spans="8:8">
      <c r="H215435" s="12"/>
    </row>
    <row r="215436" spans="8:8">
      <c r="H215436" s="12"/>
    </row>
    <row r="215437" spans="8:8">
      <c r="H215437" s="12"/>
    </row>
    <row r="215438" spans="8:8">
      <c r="H215438" s="12"/>
    </row>
    <row r="215439" spans="8:8">
      <c r="H215439" s="12"/>
    </row>
    <row r="215440" spans="8:8">
      <c r="H215440" s="12"/>
    </row>
    <row r="215441" spans="8:8">
      <c r="H215441" s="12"/>
    </row>
    <row r="215442" spans="8:8">
      <c r="H215442" s="12"/>
    </row>
    <row r="215443" spans="8:8">
      <c r="H215443" s="12"/>
    </row>
    <row r="215444" spans="8:8">
      <c r="H215444" s="12"/>
    </row>
    <row r="215445" spans="8:8">
      <c r="H215445" s="12"/>
    </row>
    <row r="215446" spans="8:8">
      <c r="H215446" s="12"/>
    </row>
    <row r="215447" spans="8:8">
      <c r="H215447" s="12"/>
    </row>
    <row r="215448" spans="8:8">
      <c r="H215448" s="12"/>
    </row>
    <row r="215449" spans="8:8">
      <c r="H215449" s="12"/>
    </row>
    <row r="215450" spans="8:8">
      <c r="H215450" s="12"/>
    </row>
    <row r="215451" spans="8:8">
      <c r="H215451" s="12"/>
    </row>
    <row r="215452" spans="8:8">
      <c r="H215452" s="12"/>
    </row>
    <row r="215453" spans="8:8">
      <c r="H215453" s="12"/>
    </row>
    <row r="215454" spans="8:8">
      <c r="H215454" s="12"/>
    </row>
    <row r="215455" spans="8:8">
      <c r="H215455" s="12"/>
    </row>
    <row r="215456" spans="8:8">
      <c r="H215456" s="12"/>
    </row>
    <row r="215457" spans="8:8">
      <c r="H215457" s="12"/>
    </row>
    <row r="215458" spans="8:8">
      <c r="H215458" s="12"/>
    </row>
    <row r="215459" spans="8:8">
      <c r="H215459" s="12"/>
    </row>
    <row r="215460" spans="8:8">
      <c r="H215460" s="12"/>
    </row>
    <row r="215461" spans="8:8">
      <c r="H215461" s="12"/>
    </row>
    <row r="215462" spans="8:8">
      <c r="H215462" s="12"/>
    </row>
    <row r="215463" spans="8:8">
      <c r="H215463" s="12"/>
    </row>
    <row r="215464" spans="8:8">
      <c r="H215464" s="12"/>
    </row>
    <row r="215465" spans="8:8">
      <c r="H215465" s="12"/>
    </row>
    <row r="215466" spans="8:8">
      <c r="H215466" s="12"/>
    </row>
    <row r="215467" spans="8:8">
      <c r="H215467" s="12"/>
    </row>
    <row r="215468" spans="8:8">
      <c r="H215468" s="12"/>
    </row>
    <row r="215469" spans="8:8">
      <c r="H215469" s="12"/>
    </row>
    <row r="215470" spans="8:8">
      <c r="H215470" s="12"/>
    </row>
    <row r="215471" spans="8:8">
      <c r="H215471" s="12"/>
    </row>
    <row r="215472" spans="8:8">
      <c r="H215472" s="12"/>
    </row>
    <row r="215473" spans="8:8">
      <c r="H215473" s="12"/>
    </row>
    <row r="215474" spans="8:8">
      <c r="H215474" s="12"/>
    </row>
    <row r="215475" spans="8:8">
      <c r="H215475" s="12"/>
    </row>
    <row r="215476" spans="8:8">
      <c r="H215476" s="12"/>
    </row>
    <row r="215477" spans="8:8">
      <c r="H215477" s="12"/>
    </row>
    <row r="215478" spans="8:8">
      <c r="H215478" s="12"/>
    </row>
    <row r="215479" spans="8:8">
      <c r="H215479" s="12"/>
    </row>
    <row r="215480" spans="8:8">
      <c r="H215480" s="12"/>
    </row>
    <row r="215481" spans="8:8">
      <c r="H215481" s="12"/>
    </row>
    <row r="215482" spans="8:8">
      <c r="H215482" s="12"/>
    </row>
    <row r="215483" spans="8:8">
      <c r="H215483" s="12"/>
    </row>
    <row r="215484" spans="8:8">
      <c r="H215484" s="12"/>
    </row>
    <row r="215485" spans="8:8">
      <c r="H215485" s="12"/>
    </row>
    <row r="215486" spans="8:8">
      <c r="H215486" s="12"/>
    </row>
    <row r="215487" spans="8:8">
      <c r="H215487" s="12"/>
    </row>
    <row r="215488" spans="8:8">
      <c r="H215488" s="12"/>
    </row>
    <row r="215489" spans="8:8">
      <c r="H215489" s="12"/>
    </row>
    <row r="215490" spans="8:8">
      <c r="H215490" s="12"/>
    </row>
    <row r="215491" spans="8:8">
      <c r="H215491" s="12"/>
    </row>
    <row r="215492" spans="8:8">
      <c r="H215492" s="12"/>
    </row>
    <row r="215493" spans="8:8">
      <c r="H215493" s="12"/>
    </row>
    <row r="215494" spans="8:8">
      <c r="H215494" s="12"/>
    </row>
    <row r="215495" spans="8:8">
      <c r="H215495" s="12"/>
    </row>
    <row r="215496" spans="8:8">
      <c r="H215496" s="12"/>
    </row>
    <row r="215497" spans="8:8">
      <c r="H215497" s="12"/>
    </row>
    <row r="215498" spans="8:8">
      <c r="H215498" s="12"/>
    </row>
    <row r="215499" spans="8:8">
      <c r="H215499" s="12"/>
    </row>
    <row r="215500" spans="8:8">
      <c r="H215500" s="12"/>
    </row>
    <row r="215501" spans="8:8">
      <c r="H215501" s="12"/>
    </row>
    <row r="215502" spans="8:8">
      <c r="H215502" s="12"/>
    </row>
    <row r="215503" spans="8:8">
      <c r="H215503" s="12"/>
    </row>
    <row r="215504" spans="8:8">
      <c r="H215504" s="12"/>
    </row>
    <row r="215505" spans="8:8">
      <c r="H215505" s="12"/>
    </row>
    <row r="215506" spans="8:8">
      <c r="H215506" s="12"/>
    </row>
    <row r="215507" spans="8:8">
      <c r="H215507" s="12"/>
    </row>
    <row r="215508" spans="8:8">
      <c r="H215508" s="12"/>
    </row>
    <row r="215509" spans="8:8">
      <c r="H215509" s="12"/>
    </row>
    <row r="215510" spans="8:8">
      <c r="H215510" s="12"/>
    </row>
    <row r="215511" spans="8:8">
      <c r="H215511" s="12"/>
    </row>
    <row r="215512" spans="8:8">
      <c r="H215512" s="12"/>
    </row>
    <row r="215513" spans="8:8">
      <c r="H215513" s="12"/>
    </row>
    <row r="215514" spans="8:8">
      <c r="H215514" s="12"/>
    </row>
    <row r="215515" spans="8:8">
      <c r="H215515" s="12"/>
    </row>
    <row r="215516" spans="8:8">
      <c r="H215516" s="12"/>
    </row>
    <row r="215517" spans="8:8">
      <c r="H215517" s="12"/>
    </row>
    <row r="215518" spans="8:8">
      <c r="H215518" s="12"/>
    </row>
    <row r="215519" spans="8:8">
      <c r="H215519" s="12"/>
    </row>
    <row r="215520" spans="8:8">
      <c r="H215520" s="12"/>
    </row>
    <row r="215521" spans="8:8">
      <c r="H215521" s="12"/>
    </row>
    <row r="215522" spans="8:8">
      <c r="H215522" s="12"/>
    </row>
    <row r="215523" spans="8:8">
      <c r="H215523" s="12"/>
    </row>
    <row r="215524" spans="8:8">
      <c r="H215524" s="12"/>
    </row>
    <row r="215525" spans="8:8">
      <c r="H215525" s="12"/>
    </row>
    <row r="215526" spans="8:8">
      <c r="H215526" s="12"/>
    </row>
    <row r="215527" spans="8:8">
      <c r="H215527" s="12"/>
    </row>
    <row r="215528" spans="8:8">
      <c r="H215528" s="12"/>
    </row>
    <row r="215529" spans="8:8">
      <c r="H215529" s="12"/>
    </row>
    <row r="215530" spans="8:8">
      <c r="H215530" s="12"/>
    </row>
    <row r="215531" spans="8:8">
      <c r="H215531" s="12"/>
    </row>
    <row r="215532" spans="8:8">
      <c r="H215532" s="12"/>
    </row>
    <row r="215533" spans="8:8">
      <c r="H215533" s="12"/>
    </row>
    <row r="215534" spans="8:8">
      <c r="H215534" s="12"/>
    </row>
    <row r="215535" spans="8:8">
      <c r="H215535" s="12"/>
    </row>
    <row r="215536" spans="8:8">
      <c r="H215536" s="12"/>
    </row>
    <row r="215537" spans="8:8">
      <c r="H215537" s="12"/>
    </row>
    <row r="215538" spans="8:8">
      <c r="H215538" s="12"/>
    </row>
    <row r="215539" spans="8:8">
      <c r="H215539" s="12"/>
    </row>
    <row r="215540" spans="8:8">
      <c r="H215540" s="12"/>
    </row>
    <row r="215541" spans="8:8">
      <c r="H215541" s="12"/>
    </row>
    <row r="215542" spans="8:8">
      <c r="H215542" s="12"/>
    </row>
    <row r="215543" spans="8:8">
      <c r="H215543" s="12"/>
    </row>
    <row r="215544" spans="8:8">
      <c r="H215544" s="12"/>
    </row>
    <row r="215545" spans="8:8">
      <c r="H215545" s="12"/>
    </row>
    <row r="215546" spans="8:8">
      <c r="H215546" s="12"/>
    </row>
    <row r="215547" spans="8:8">
      <c r="H215547" s="12"/>
    </row>
    <row r="215548" spans="8:8">
      <c r="H215548" s="12"/>
    </row>
    <row r="215549" spans="8:8">
      <c r="H215549" s="12"/>
    </row>
    <row r="215550" spans="8:8">
      <c r="H215550" s="12"/>
    </row>
    <row r="215551" spans="8:8">
      <c r="H215551" s="12"/>
    </row>
    <row r="215552" spans="8:8">
      <c r="H215552" s="12"/>
    </row>
    <row r="215553" spans="8:8">
      <c r="H215553" s="12"/>
    </row>
    <row r="215554" spans="8:8">
      <c r="H215554" s="12"/>
    </row>
    <row r="215555" spans="8:8">
      <c r="H215555" s="12"/>
    </row>
    <row r="215556" spans="8:8">
      <c r="H215556" s="12"/>
    </row>
    <row r="215557" spans="8:8">
      <c r="H215557" s="12"/>
    </row>
    <row r="215558" spans="8:8">
      <c r="H215558" s="12"/>
    </row>
    <row r="215559" spans="8:8">
      <c r="H215559" s="12"/>
    </row>
    <row r="215560" spans="8:8">
      <c r="H215560" s="12"/>
    </row>
    <row r="215561" spans="8:8">
      <c r="H215561" s="12"/>
    </row>
    <row r="215562" spans="8:8">
      <c r="H215562" s="12"/>
    </row>
    <row r="215563" spans="8:8">
      <c r="H215563" s="12"/>
    </row>
    <row r="215564" spans="8:8">
      <c r="H215564" s="12"/>
    </row>
    <row r="215565" spans="8:8">
      <c r="H215565" s="12"/>
    </row>
    <row r="215566" spans="8:8">
      <c r="H215566" s="12"/>
    </row>
    <row r="215567" spans="8:8">
      <c r="H215567" s="12"/>
    </row>
    <row r="215568" spans="8:8">
      <c r="H215568" s="12"/>
    </row>
    <row r="215569" spans="8:8">
      <c r="H215569" s="12"/>
    </row>
    <row r="215570" spans="8:8">
      <c r="H215570" s="12"/>
    </row>
    <row r="215571" spans="8:8">
      <c r="H215571" s="12"/>
    </row>
    <row r="215572" spans="8:8">
      <c r="H215572" s="12"/>
    </row>
    <row r="215573" spans="8:8">
      <c r="H215573" s="12"/>
    </row>
    <row r="215574" spans="8:8">
      <c r="H215574" s="12"/>
    </row>
    <row r="215575" spans="8:8">
      <c r="H215575" s="12"/>
    </row>
    <row r="215576" spans="8:8">
      <c r="H215576" s="12"/>
    </row>
    <row r="215577" spans="8:8">
      <c r="H215577" s="12"/>
    </row>
    <row r="215578" spans="8:8">
      <c r="H215578" s="12"/>
    </row>
    <row r="215579" spans="8:8">
      <c r="H215579" s="12"/>
    </row>
    <row r="215580" spans="8:8">
      <c r="H215580" s="12"/>
    </row>
    <row r="215581" spans="8:8">
      <c r="H215581" s="12"/>
    </row>
    <row r="215582" spans="8:8">
      <c r="H215582" s="12"/>
    </row>
    <row r="215583" spans="8:8">
      <c r="H215583" s="12"/>
    </row>
    <row r="215584" spans="8:8">
      <c r="H215584" s="12"/>
    </row>
    <row r="215585" spans="8:8">
      <c r="H215585" s="12"/>
    </row>
    <row r="215586" spans="8:8">
      <c r="H215586" s="12"/>
    </row>
    <row r="215587" spans="8:8">
      <c r="H215587" s="12"/>
    </row>
    <row r="215588" spans="8:8">
      <c r="H215588" s="12"/>
    </row>
    <row r="215589" spans="8:8">
      <c r="H215589" s="12"/>
    </row>
    <row r="215590" spans="8:8">
      <c r="H215590" s="12"/>
    </row>
    <row r="215591" spans="8:8">
      <c r="H215591" s="12"/>
    </row>
    <row r="215592" spans="8:8">
      <c r="H215592" s="12"/>
    </row>
    <row r="215593" spans="8:8">
      <c r="H215593" s="12"/>
    </row>
    <row r="215594" spans="8:8">
      <c r="H215594" s="12"/>
    </row>
    <row r="215595" spans="8:8">
      <c r="H215595" s="12"/>
    </row>
    <row r="215596" spans="8:8">
      <c r="H215596" s="12"/>
    </row>
    <row r="215597" spans="8:8">
      <c r="H215597" s="12"/>
    </row>
    <row r="215598" spans="8:8">
      <c r="H215598" s="12"/>
    </row>
    <row r="215599" spans="8:8">
      <c r="H215599" s="12"/>
    </row>
    <row r="215600" spans="8:8">
      <c r="H215600" s="12"/>
    </row>
    <row r="215601" spans="8:8">
      <c r="H215601" s="12"/>
    </row>
    <row r="215602" spans="8:8">
      <c r="H215602" s="12"/>
    </row>
    <row r="215603" spans="8:8">
      <c r="H215603" s="12"/>
    </row>
    <row r="215604" spans="8:8">
      <c r="H215604" s="12"/>
    </row>
    <row r="215605" spans="8:8">
      <c r="H215605" s="12"/>
    </row>
    <row r="215606" spans="8:8">
      <c r="H215606" s="12"/>
    </row>
    <row r="215607" spans="8:8">
      <c r="H215607" s="12"/>
    </row>
    <row r="215608" spans="8:8">
      <c r="H215608" s="12"/>
    </row>
    <row r="215609" spans="8:8">
      <c r="H215609" s="12"/>
    </row>
    <row r="215610" spans="8:8">
      <c r="H215610" s="12"/>
    </row>
    <row r="215611" spans="8:8">
      <c r="H215611" s="12"/>
    </row>
    <row r="215612" spans="8:8">
      <c r="H215612" s="12"/>
    </row>
    <row r="215613" spans="8:8">
      <c r="H215613" s="12"/>
    </row>
    <row r="215614" spans="8:8">
      <c r="H215614" s="12"/>
    </row>
    <row r="215615" spans="8:8">
      <c r="H215615" s="12"/>
    </row>
    <row r="215616" spans="8:8">
      <c r="H215616" s="12"/>
    </row>
    <row r="215617" spans="8:8">
      <c r="H215617" s="12"/>
    </row>
    <row r="215618" spans="8:8">
      <c r="H215618" s="12"/>
    </row>
    <row r="215619" spans="8:8">
      <c r="H215619" s="12"/>
    </row>
    <row r="215620" spans="8:8">
      <c r="H215620" s="12"/>
    </row>
    <row r="215621" spans="8:8">
      <c r="H215621" s="12"/>
    </row>
    <row r="215622" spans="8:8">
      <c r="H215622" s="12"/>
    </row>
    <row r="215623" spans="8:8">
      <c r="H215623" s="12"/>
    </row>
    <row r="215624" spans="8:8">
      <c r="H215624" s="12"/>
    </row>
    <row r="215625" spans="8:8">
      <c r="H215625" s="12"/>
    </row>
    <row r="215626" spans="8:8">
      <c r="H215626" s="12"/>
    </row>
    <row r="215627" spans="8:8">
      <c r="H215627" s="12"/>
    </row>
    <row r="215628" spans="8:8">
      <c r="H215628" s="12"/>
    </row>
    <row r="215629" spans="8:8">
      <c r="H215629" s="12"/>
    </row>
    <row r="215630" spans="8:8">
      <c r="H215630" s="12"/>
    </row>
    <row r="215631" spans="8:8">
      <c r="H215631" s="12"/>
    </row>
    <row r="215632" spans="8:8">
      <c r="H215632" s="12"/>
    </row>
    <row r="215633" spans="8:8">
      <c r="H215633" s="12"/>
    </row>
    <row r="215634" spans="8:8">
      <c r="H215634" s="12"/>
    </row>
    <row r="215635" spans="8:8">
      <c r="H215635" s="12"/>
    </row>
    <row r="215636" spans="8:8">
      <c r="H215636" s="12"/>
    </row>
    <row r="215637" spans="8:8">
      <c r="H215637" s="12"/>
    </row>
    <row r="215638" spans="8:8">
      <c r="H215638" s="12"/>
    </row>
    <row r="215639" spans="8:8">
      <c r="H215639" s="12"/>
    </row>
    <row r="215640" spans="8:8">
      <c r="H215640" s="12"/>
    </row>
    <row r="215641" spans="8:8">
      <c r="H215641" s="12"/>
    </row>
    <row r="215642" spans="8:8">
      <c r="H215642" s="12"/>
    </row>
    <row r="215643" spans="8:8">
      <c r="H215643" s="12"/>
    </row>
    <row r="215644" spans="8:8">
      <c r="H215644" s="12"/>
    </row>
    <row r="215645" spans="8:8">
      <c r="H215645" s="12"/>
    </row>
    <row r="215646" spans="8:8">
      <c r="H215646" s="12"/>
    </row>
    <row r="215647" spans="8:8">
      <c r="H215647" s="12"/>
    </row>
    <row r="215648" spans="8:8">
      <c r="H215648" s="12"/>
    </row>
    <row r="215649" spans="8:8">
      <c r="H215649" s="12"/>
    </row>
    <row r="215650" spans="8:8">
      <c r="H215650" s="12"/>
    </row>
    <row r="215651" spans="8:8">
      <c r="H215651" s="12"/>
    </row>
    <row r="215652" spans="8:8">
      <c r="H215652" s="12"/>
    </row>
    <row r="215653" spans="8:8">
      <c r="H215653" s="12"/>
    </row>
    <row r="215654" spans="8:8">
      <c r="H215654" s="12"/>
    </row>
    <row r="215655" spans="8:8">
      <c r="H215655" s="12"/>
    </row>
    <row r="215656" spans="8:8">
      <c r="H215656" s="12"/>
    </row>
    <row r="215657" spans="8:8">
      <c r="H215657" s="12"/>
    </row>
    <row r="215658" spans="8:8">
      <c r="H215658" s="12"/>
    </row>
    <row r="215659" spans="8:8">
      <c r="H215659" s="12"/>
    </row>
    <row r="215660" spans="8:8">
      <c r="H215660" s="12"/>
    </row>
    <row r="215661" spans="8:8">
      <c r="H215661" s="12"/>
    </row>
    <row r="215662" spans="8:8">
      <c r="H215662" s="12"/>
    </row>
    <row r="215663" spans="8:8">
      <c r="H215663" s="12"/>
    </row>
    <row r="215664" spans="8:8">
      <c r="H215664" s="12"/>
    </row>
    <row r="215665" spans="8:8">
      <c r="H215665" s="12"/>
    </row>
    <row r="215666" spans="8:8">
      <c r="H215666" s="12"/>
    </row>
    <row r="215667" spans="8:8">
      <c r="H215667" s="12"/>
    </row>
    <row r="215668" spans="8:8">
      <c r="H215668" s="12"/>
    </row>
    <row r="215669" spans="8:8">
      <c r="H215669" s="12"/>
    </row>
    <row r="215670" spans="8:8">
      <c r="H215670" s="12"/>
    </row>
    <row r="215671" spans="8:8">
      <c r="H215671" s="12"/>
    </row>
    <row r="215672" spans="8:8">
      <c r="H215672" s="12"/>
    </row>
    <row r="215673" spans="8:8">
      <c r="H215673" s="12"/>
    </row>
    <row r="215674" spans="8:8">
      <c r="H215674" s="12"/>
    </row>
    <row r="215675" spans="8:8">
      <c r="H215675" s="12"/>
    </row>
    <row r="215676" spans="8:8">
      <c r="H215676" s="12"/>
    </row>
    <row r="215677" spans="8:8">
      <c r="H215677" s="12"/>
    </row>
    <row r="215678" spans="8:8">
      <c r="H215678" s="12"/>
    </row>
    <row r="215679" spans="8:8">
      <c r="H215679" s="12"/>
    </row>
    <row r="215680" spans="8:8">
      <c r="H215680" s="12"/>
    </row>
    <row r="215681" spans="8:8">
      <c r="H215681" s="12"/>
    </row>
    <row r="215682" spans="8:8">
      <c r="H215682" s="12"/>
    </row>
    <row r="215683" spans="8:8">
      <c r="H215683" s="12"/>
    </row>
    <row r="215684" spans="8:8">
      <c r="H215684" s="12"/>
    </row>
    <row r="215685" spans="8:8">
      <c r="H215685" s="12"/>
    </row>
    <row r="215686" spans="8:8">
      <c r="H215686" s="12"/>
    </row>
    <row r="215687" spans="8:8">
      <c r="H215687" s="12"/>
    </row>
    <row r="215688" spans="8:8">
      <c r="H215688" s="12"/>
    </row>
    <row r="215689" spans="8:8">
      <c r="H215689" s="12"/>
    </row>
    <row r="215690" spans="8:8">
      <c r="H215690" s="12"/>
    </row>
    <row r="215691" spans="8:8">
      <c r="H215691" s="12"/>
    </row>
    <row r="215692" spans="8:8">
      <c r="H215692" s="12"/>
    </row>
    <row r="215693" spans="8:8">
      <c r="H215693" s="12"/>
    </row>
    <row r="215694" spans="8:8">
      <c r="H215694" s="12"/>
    </row>
    <row r="215695" spans="8:8">
      <c r="H215695" s="12"/>
    </row>
    <row r="215696" spans="8:8">
      <c r="H215696" s="12"/>
    </row>
    <row r="215697" spans="8:8">
      <c r="H215697" s="12"/>
    </row>
    <row r="215698" spans="8:8">
      <c r="H215698" s="12"/>
    </row>
    <row r="215699" spans="8:8">
      <c r="H215699" s="12"/>
    </row>
    <row r="215700" spans="8:8">
      <c r="H215700" s="12"/>
    </row>
    <row r="215701" spans="8:8">
      <c r="H215701" s="12"/>
    </row>
    <row r="215702" spans="8:8">
      <c r="H215702" s="12"/>
    </row>
    <row r="215703" spans="8:8">
      <c r="H215703" s="12"/>
    </row>
    <row r="215704" spans="8:8">
      <c r="H215704" s="12"/>
    </row>
    <row r="215705" spans="8:8">
      <c r="H215705" s="12"/>
    </row>
    <row r="215706" spans="8:8">
      <c r="H215706" s="12"/>
    </row>
    <row r="215707" spans="8:8">
      <c r="H215707" s="12"/>
    </row>
    <row r="215708" spans="8:8">
      <c r="H215708" s="12"/>
    </row>
    <row r="215709" spans="8:8">
      <c r="H215709" s="12"/>
    </row>
    <row r="215710" spans="8:8">
      <c r="H215710" s="12"/>
    </row>
    <row r="215711" spans="8:8">
      <c r="H215711" s="12"/>
    </row>
    <row r="215712" spans="8:8">
      <c r="H215712" s="12"/>
    </row>
    <row r="215713" spans="8:8">
      <c r="H215713" s="12"/>
    </row>
    <row r="215714" spans="8:8">
      <c r="H215714" s="12"/>
    </row>
    <row r="215715" spans="8:8">
      <c r="H215715" s="12"/>
    </row>
    <row r="215716" spans="8:8">
      <c r="H215716" s="12"/>
    </row>
    <row r="215717" spans="8:8">
      <c r="H215717" s="12"/>
    </row>
    <row r="215718" spans="8:8">
      <c r="H215718" s="12"/>
    </row>
    <row r="215719" spans="8:8">
      <c r="H215719" s="12"/>
    </row>
    <row r="215720" spans="8:8">
      <c r="H215720" s="12"/>
    </row>
    <row r="215721" spans="8:8">
      <c r="H215721" s="12"/>
    </row>
    <row r="215722" spans="8:8">
      <c r="H215722" s="12"/>
    </row>
    <row r="215723" spans="8:8">
      <c r="H215723" s="12"/>
    </row>
    <row r="215724" spans="8:8">
      <c r="H215724" s="12"/>
    </row>
    <row r="215725" spans="8:8">
      <c r="H215725" s="12"/>
    </row>
    <row r="215726" spans="8:8">
      <c r="H215726" s="12"/>
    </row>
    <row r="215727" spans="8:8">
      <c r="H215727" s="12"/>
    </row>
    <row r="215728" spans="8:8">
      <c r="H215728" s="12"/>
    </row>
    <row r="215729" spans="8:8">
      <c r="H215729" s="12"/>
    </row>
    <row r="215730" spans="8:8">
      <c r="H215730" s="12"/>
    </row>
    <row r="215731" spans="8:8">
      <c r="H215731" s="12"/>
    </row>
    <row r="215732" spans="8:8">
      <c r="H215732" s="12"/>
    </row>
    <row r="215733" spans="8:8">
      <c r="H215733" s="12"/>
    </row>
    <row r="215734" spans="8:8">
      <c r="H215734" s="12"/>
    </row>
    <row r="215735" spans="8:8">
      <c r="H215735" s="12"/>
    </row>
    <row r="215736" spans="8:8">
      <c r="H215736" s="12"/>
    </row>
    <row r="215737" spans="8:8">
      <c r="H215737" s="12"/>
    </row>
    <row r="215738" spans="8:8">
      <c r="H215738" s="12"/>
    </row>
    <row r="215739" spans="8:8">
      <c r="H215739" s="12"/>
    </row>
    <row r="215740" spans="8:8">
      <c r="H215740" s="12"/>
    </row>
    <row r="215741" spans="8:8">
      <c r="H215741" s="12"/>
    </row>
    <row r="215742" spans="8:8">
      <c r="H215742" s="12"/>
    </row>
    <row r="215743" spans="8:8">
      <c r="H215743" s="12"/>
    </row>
    <row r="215744" spans="8:8">
      <c r="H215744" s="12"/>
    </row>
    <row r="215745" spans="8:8">
      <c r="H215745" s="12"/>
    </row>
    <row r="215746" spans="8:8">
      <c r="H215746" s="12"/>
    </row>
    <row r="215747" spans="8:8">
      <c r="H215747" s="12"/>
    </row>
    <row r="215748" spans="8:8">
      <c r="H215748" s="12"/>
    </row>
    <row r="215749" spans="8:8">
      <c r="H215749" s="12"/>
    </row>
    <row r="215750" spans="8:8">
      <c r="H215750" s="12"/>
    </row>
    <row r="215751" spans="8:8">
      <c r="H215751" s="12"/>
    </row>
    <row r="215752" spans="8:8">
      <c r="H215752" s="12"/>
    </row>
    <row r="215753" spans="8:8">
      <c r="H215753" s="12"/>
    </row>
    <row r="215754" spans="8:8">
      <c r="H215754" s="12"/>
    </row>
    <row r="215755" spans="8:8">
      <c r="H215755" s="12"/>
    </row>
    <row r="215756" spans="8:8">
      <c r="H215756" s="12"/>
    </row>
    <row r="215757" spans="8:8">
      <c r="H215757" s="12"/>
    </row>
    <row r="215758" spans="8:8">
      <c r="H215758" s="12"/>
    </row>
    <row r="215759" spans="8:8">
      <c r="H215759" s="12"/>
    </row>
    <row r="215760" spans="8:8">
      <c r="H215760" s="12"/>
    </row>
    <row r="215761" spans="8:8">
      <c r="H215761" s="12"/>
    </row>
    <row r="215762" spans="8:8">
      <c r="H215762" s="12"/>
    </row>
    <row r="215763" spans="8:8">
      <c r="H215763" s="12"/>
    </row>
    <row r="215764" spans="8:8">
      <c r="H215764" s="12"/>
    </row>
    <row r="215765" spans="8:8">
      <c r="H215765" s="12"/>
    </row>
    <row r="215766" spans="8:8">
      <c r="H215766" s="12"/>
    </row>
    <row r="215767" spans="8:8">
      <c r="H215767" s="12"/>
    </row>
    <row r="215768" spans="8:8">
      <c r="H215768" s="12"/>
    </row>
    <row r="215769" spans="8:8">
      <c r="H215769" s="12"/>
    </row>
    <row r="215770" spans="8:8">
      <c r="H215770" s="12"/>
    </row>
    <row r="215771" spans="8:8">
      <c r="H215771" s="12"/>
    </row>
    <row r="215772" spans="8:8">
      <c r="H215772" s="12"/>
    </row>
    <row r="215773" spans="8:8">
      <c r="H215773" s="12"/>
    </row>
    <row r="215774" spans="8:8">
      <c r="H215774" s="12"/>
    </row>
    <row r="215775" spans="8:8">
      <c r="H215775" s="12"/>
    </row>
    <row r="215776" spans="8:8">
      <c r="H215776" s="12"/>
    </row>
    <row r="215777" spans="8:8">
      <c r="H215777" s="12"/>
    </row>
    <row r="215778" spans="8:8">
      <c r="H215778" s="12"/>
    </row>
    <row r="215779" spans="8:8">
      <c r="H215779" s="12"/>
    </row>
    <row r="215780" spans="8:8">
      <c r="H215780" s="12"/>
    </row>
    <row r="215781" spans="8:8">
      <c r="H215781" s="12"/>
    </row>
    <row r="215782" spans="8:8">
      <c r="H215782" s="12"/>
    </row>
    <row r="215783" spans="8:8">
      <c r="H215783" s="12"/>
    </row>
    <row r="215784" spans="8:8">
      <c r="H215784" s="12"/>
    </row>
    <row r="215785" spans="8:8">
      <c r="H215785" s="12"/>
    </row>
    <row r="215786" spans="8:8">
      <c r="H215786" s="12"/>
    </row>
    <row r="215787" spans="8:8">
      <c r="H215787" s="12"/>
    </row>
    <row r="215788" spans="8:8">
      <c r="H215788" s="12"/>
    </row>
    <row r="215789" spans="8:8">
      <c r="H215789" s="12"/>
    </row>
    <row r="215790" spans="8:8">
      <c r="H215790" s="12"/>
    </row>
    <row r="215791" spans="8:8">
      <c r="H215791" s="12"/>
    </row>
    <row r="215792" spans="8:8">
      <c r="H215792" s="12"/>
    </row>
    <row r="215793" spans="8:8">
      <c r="H215793" s="12"/>
    </row>
    <row r="215794" spans="8:8">
      <c r="H215794" s="12"/>
    </row>
    <row r="215795" spans="8:8">
      <c r="H215795" s="12"/>
    </row>
    <row r="215796" spans="8:8">
      <c r="H215796" s="12"/>
    </row>
    <row r="215797" spans="8:8">
      <c r="H215797" s="12"/>
    </row>
    <row r="215798" spans="8:8">
      <c r="H215798" s="12"/>
    </row>
    <row r="215799" spans="8:8">
      <c r="H215799" s="12"/>
    </row>
    <row r="215800" spans="8:8">
      <c r="H215800" s="12"/>
    </row>
    <row r="215801" spans="8:8">
      <c r="H215801" s="12"/>
    </row>
    <row r="215802" spans="8:8">
      <c r="H215802" s="12"/>
    </row>
    <row r="215803" spans="8:8">
      <c r="H215803" s="12"/>
    </row>
    <row r="215804" spans="8:8">
      <c r="H215804" s="12"/>
    </row>
    <row r="215805" spans="8:8">
      <c r="H215805" s="12"/>
    </row>
    <row r="215806" spans="8:8">
      <c r="H215806" s="12"/>
    </row>
    <row r="215807" spans="8:8">
      <c r="H215807" s="12"/>
    </row>
    <row r="215808" spans="8:8">
      <c r="H215808" s="12"/>
    </row>
    <row r="215809" spans="8:8">
      <c r="H215809" s="12"/>
    </row>
    <row r="215810" spans="8:8">
      <c r="H215810" s="12"/>
    </row>
    <row r="215811" spans="8:8">
      <c r="H215811" s="12"/>
    </row>
    <row r="215812" spans="8:8">
      <c r="H215812" s="12"/>
    </row>
    <row r="215813" spans="8:8">
      <c r="H215813" s="12"/>
    </row>
    <row r="215814" spans="8:8">
      <c r="H215814" s="12"/>
    </row>
    <row r="215815" spans="8:8">
      <c r="H215815" s="12"/>
    </row>
    <row r="215816" spans="8:8">
      <c r="H215816" s="12"/>
    </row>
    <row r="215817" spans="8:8">
      <c r="H215817" s="12"/>
    </row>
    <row r="215818" spans="8:8">
      <c r="H215818" s="12"/>
    </row>
    <row r="215819" spans="8:8">
      <c r="H215819" s="12"/>
    </row>
    <row r="215820" spans="8:8">
      <c r="H215820" s="12"/>
    </row>
    <row r="215821" spans="8:8">
      <c r="H215821" s="12"/>
    </row>
    <row r="215822" spans="8:8">
      <c r="H215822" s="12"/>
    </row>
    <row r="215823" spans="8:8">
      <c r="H215823" s="12"/>
    </row>
    <row r="215824" spans="8:8">
      <c r="H215824" s="12"/>
    </row>
    <row r="215825" spans="8:8">
      <c r="H215825" s="12"/>
    </row>
    <row r="215826" spans="8:8">
      <c r="H215826" s="12"/>
    </row>
    <row r="215827" spans="8:8">
      <c r="H215827" s="12"/>
    </row>
    <row r="215828" spans="8:8">
      <c r="H215828" s="12"/>
    </row>
    <row r="215829" spans="8:8">
      <c r="H215829" s="12"/>
    </row>
    <row r="215830" spans="8:8">
      <c r="H215830" s="12"/>
    </row>
    <row r="215831" spans="8:8">
      <c r="H215831" s="12"/>
    </row>
    <row r="215832" spans="8:8">
      <c r="H215832" s="12"/>
    </row>
    <row r="215833" spans="8:8">
      <c r="H215833" s="12"/>
    </row>
    <row r="215834" spans="8:8">
      <c r="H215834" s="12"/>
    </row>
    <row r="215835" spans="8:8">
      <c r="H215835" s="12"/>
    </row>
    <row r="215836" spans="8:8">
      <c r="H215836" s="12"/>
    </row>
    <row r="215837" spans="8:8">
      <c r="H215837" s="12"/>
    </row>
    <row r="215838" spans="8:8">
      <c r="H215838" s="12"/>
    </row>
    <row r="215839" spans="8:8">
      <c r="H215839" s="12"/>
    </row>
    <row r="215840" spans="8:8">
      <c r="H215840" s="12"/>
    </row>
    <row r="215841" spans="8:8">
      <c r="H215841" s="12"/>
    </row>
    <row r="215842" spans="8:8">
      <c r="H215842" s="12"/>
    </row>
    <row r="215843" spans="8:8">
      <c r="H215843" s="12"/>
    </row>
    <row r="215844" spans="8:8">
      <c r="H215844" s="12"/>
    </row>
    <row r="215845" spans="8:8">
      <c r="H215845" s="12"/>
    </row>
    <row r="215846" spans="8:8">
      <c r="H215846" s="12"/>
    </row>
    <row r="215847" spans="8:8">
      <c r="H215847" s="12"/>
    </row>
    <row r="215848" spans="8:8">
      <c r="H215848" s="12"/>
    </row>
    <row r="215849" spans="8:8">
      <c r="H215849" s="12"/>
    </row>
    <row r="215850" spans="8:8">
      <c r="H215850" s="12"/>
    </row>
    <row r="215851" spans="8:8">
      <c r="H215851" s="12"/>
    </row>
    <row r="215852" spans="8:8">
      <c r="H215852" s="12"/>
    </row>
    <row r="215853" spans="8:8">
      <c r="H215853" s="12"/>
    </row>
    <row r="215854" spans="8:8">
      <c r="H215854" s="12"/>
    </row>
    <row r="215855" spans="8:8">
      <c r="H215855" s="12"/>
    </row>
    <row r="215856" spans="8:8">
      <c r="H215856" s="12"/>
    </row>
    <row r="215857" spans="8:8">
      <c r="H215857" s="12"/>
    </row>
    <row r="215858" spans="8:8">
      <c r="H215858" s="12"/>
    </row>
    <row r="215859" spans="8:8">
      <c r="H215859" s="12"/>
    </row>
    <row r="215860" spans="8:8">
      <c r="H215860" s="12"/>
    </row>
    <row r="215861" spans="8:8">
      <c r="H215861" s="12"/>
    </row>
    <row r="215862" spans="8:8">
      <c r="H215862" s="12"/>
    </row>
    <row r="215863" spans="8:8">
      <c r="H215863" s="12"/>
    </row>
    <row r="215864" spans="8:8">
      <c r="H215864" s="12"/>
    </row>
    <row r="215865" spans="8:8">
      <c r="H215865" s="12"/>
    </row>
    <row r="215866" spans="8:8">
      <c r="H215866" s="12"/>
    </row>
    <row r="215867" spans="8:8">
      <c r="H215867" s="12"/>
    </row>
    <row r="215868" spans="8:8">
      <c r="H215868" s="12"/>
    </row>
    <row r="215869" spans="8:8">
      <c r="H215869" s="12"/>
    </row>
    <row r="215870" spans="8:8">
      <c r="H215870" s="12"/>
    </row>
    <row r="215871" spans="8:8">
      <c r="H215871" s="12"/>
    </row>
    <row r="215872" spans="8:8">
      <c r="H215872" s="12"/>
    </row>
    <row r="215873" spans="8:8">
      <c r="H215873" s="12"/>
    </row>
    <row r="215874" spans="8:8">
      <c r="H215874" s="12"/>
    </row>
    <row r="215875" spans="8:8">
      <c r="H215875" s="12"/>
    </row>
    <row r="215876" spans="8:8">
      <c r="H215876" s="12"/>
    </row>
    <row r="215877" spans="8:8">
      <c r="H215877" s="12"/>
    </row>
    <row r="215878" spans="8:8">
      <c r="H215878" s="12"/>
    </row>
    <row r="215879" spans="8:8">
      <c r="H215879" s="12"/>
    </row>
    <row r="215880" spans="8:8">
      <c r="H215880" s="12"/>
    </row>
    <row r="215881" spans="8:8">
      <c r="H215881" s="12"/>
    </row>
    <row r="215882" spans="8:8">
      <c r="H215882" s="12"/>
    </row>
    <row r="215883" spans="8:8">
      <c r="H215883" s="12"/>
    </row>
    <row r="215884" spans="8:8">
      <c r="H215884" s="12"/>
    </row>
    <row r="215885" spans="8:8">
      <c r="H215885" s="12"/>
    </row>
    <row r="215886" spans="8:8">
      <c r="H215886" s="12"/>
    </row>
    <row r="215887" spans="8:8">
      <c r="H215887" s="12"/>
    </row>
    <row r="215888" spans="8:8">
      <c r="H215888" s="12"/>
    </row>
    <row r="215889" spans="8:8">
      <c r="H215889" s="12"/>
    </row>
    <row r="215890" spans="8:8">
      <c r="H215890" s="12"/>
    </row>
    <row r="215891" spans="8:8">
      <c r="H215891" s="12"/>
    </row>
    <row r="215892" spans="8:8">
      <c r="H215892" s="12"/>
    </row>
    <row r="215893" spans="8:8">
      <c r="H215893" s="12"/>
    </row>
    <row r="215894" spans="8:8">
      <c r="H215894" s="12"/>
    </row>
    <row r="215895" spans="8:8">
      <c r="H215895" s="12"/>
    </row>
    <row r="215896" spans="8:8">
      <c r="H215896" s="12"/>
    </row>
    <row r="215897" spans="8:8">
      <c r="H215897" s="12"/>
    </row>
    <row r="215898" spans="8:8">
      <c r="H215898" s="12"/>
    </row>
    <row r="215899" spans="8:8">
      <c r="H215899" s="12"/>
    </row>
    <row r="215900" spans="8:8">
      <c r="H215900" s="12"/>
    </row>
    <row r="215901" spans="8:8">
      <c r="H215901" s="12"/>
    </row>
    <row r="215902" spans="8:8">
      <c r="H215902" s="12"/>
    </row>
    <row r="215903" spans="8:8">
      <c r="H215903" s="12"/>
    </row>
    <row r="215904" spans="8:8">
      <c r="H215904" s="12"/>
    </row>
    <row r="215905" spans="8:8">
      <c r="H215905" s="12"/>
    </row>
    <row r="215906" spans="8:8">
      <c r="H215906" s="12"/>
    </row>
    <row r="215907" spans="8:8">
      <c r="H215907" s="12"/>
    </row>
    <row r="215908" spans="8:8">
      <c r="H215908" s="12"/>
    </row>
    <row r="215909" spans="8:8">
      <c r="H215909" s="12"/>
    </row>
    <row r="215910" spans="8:8">
      <c r="H215910" s="12"/>
    </row>
    <row r="215911" spans="8:8">
      <c r="H215911" s="12"/>
    </row>
    <row r="215912" spans="8:8">
      <c r="H215912" s="12"/>
    </row>
    <row r="215913" spans="8:8">
      <c r="H215913" s="12"/>
    </row>
    <row r="215914" spans="8:8">
      <c r="H215914" s="12"/>
    </row>
    <row r="215915" spans="8:8">
      <c r="H215915" s="12"/>
    </row>
    <row r="215916" spans="8:8">
      <c r="H215916" s="12"/>
    </row>
    <row r="215917" spans="8:8">
      <c r="H215917" s="12"/>
    </row>
    <row r="215918" spans="8:8">
      <c r="H215918" s="12"/>
    </row>
    <row r="215919" spans="8:8">
      <c r="H215919" s="12"/>
    </row>
    <row r="215920" spans="8:8">
      <c r="H215920" s="12"/>
    </row>
    <row r="215921" spans="8:8">
      <c r="H215921" s="12"/>
    </row>
    <row r="215922" spans="8:8">
      <c r="H215922" s="12"/>
    </row>
    <row r="215923" spans="8:8">
      <c r="H215923" s="12"/>
    </row>
    <row r="215924" spans="8:8">
      <c r="H215924" s="12"/>
    </row>
    <row r="215925" spans="8:8">
      <c r="H215925" s="12"/>
    </row>
    <row r="215926" spans="8:8">
      <c r="H215926" s="12"/>
    </row>
    <row r="215927" spans="8:8">
      <c r="H215927" s="12"/>
    </row>
    <row r="215928" spans="8:8">
      <c r="H215928" s="12"/>
    </row>
    <row r="215929" spans="8:8">
      <c r="H215929" s="12"/>
    </row>
    <row r="215930" spans="8:8">
      <c r="H215930" s="12"/>
    </row>
    <row r="215931" spans="8:8">
      <c r="H215931" s="12"/>
    </row>
    <row r="215932" spans="8:8">
      <c r="H215932" s="12"/>
    </row>
    <row r="215933" spans="8:8">
      <c r="H215933" s="12"/>
    </row>
    <row r="215934" spans="8:8">
      <c r="H215934" s="12"/>
    </row>
    <row r="215935" spans="8:8">
      <c r="H215935" s="12"/>
    </row>
    <row r="215936" spans="8:8">
      <c r="H215936" s="12"/>
    </row>
    <row r="215937" spans="8:8">
      <c r="H215937" s="12"/>
    </row>
    <row r="215938" spans="8:8">
      <c r="H215938" s="12"/>
    </row>
    <row r="215939" spans="8:8">
      <c r="H215939" s="12"/>
    </row>
    <row r="215940" spans="8:8">
      <c r="H215940" s="12"/>
    </row>
    <row r="215941" spans="8:8">
      <c r="H215941" s="12"/>
    </row>
    <row r="215942" spans="8:8">
      <c r="H215942" s="12"/>
    </row>
    <row r="215943" spans="8:8">
      <c r="H215943" s="12"/>
    </row>
    <row r="215944" spans="8:8">
      <c r="H215944" s="12"/>
    </row>
    <row r="215945" spans="8:8">
      <c r="H215945" s="12"/>
    </row>
    <row r="215946" spans="8:8">
      <c r="H215946" s="12"/>
    </row>
    <row r="215947" spans="8:8">
      <c r="H215947" s="12"/>
    </row>
    <row r="215948" spans="8:8">
      <c r="H215948" s="12"/>
    </row>
    <row r="215949" spans="8:8">
      <c r="H215949" s="12"/>
    </row>
    <row r="215950" spans="8:8">
      <c r="H215950" s="12"/>
    </row>
    <row r="215951" spans="8:8">
      <c r="H215951" s="12"/>
    </row>
    <row r="215952" spans="8:8">
      <c r="H215952" s="12"/>
    </row>
    <row r="215953" spans="8:8">
      <c r="H215953" s="12"/>
    </row>
    <row r="215954" spans="8:8">
      <c r="H215954" s="12"/>
    </row>
    <row r="215955" spans="8:8">
      <c r="H215955" s="12"/>
    </row>
    <row r="215956" spans="8:8">
      <c r="H215956" s="12"/>
    </row>
    <row r="215957" spans="8:8">
      <c r="H215957" s="12"/>
    </row>
    <row r="215958" spans="8:8">
      <c r="H215958" s="12"/>
    </row>
    <row r="215959" spans="8:8">
      <c r="H215959" s="12"/>
    </row>
    <row r="215960" spans="8:8">
      <c r="H215960" s="12"/>
    </row>
    <row r="215961" spans="8:8">
      <c r="H215961" s="12"/>
    </row>
    <row r="215962" spans="8:8">
      <c r="H215962" s="12"/>
    </row>
    <row r="215963" spans="8:8">
      <c r="H215963" s="12"/>
    </row>
    <row r="215964" spans="8:8">
      <c r="H215964" s="12"/>
    </row>
    <row r="215965" spans="8:8">
      <c r="H215965" s="12"/>
    </row>
    <row r="215966" spans="8:8">
      <c r="H215966" s="12"/>
    </row>
    <row r="215967" spans="8:8">
      <c r="H215967" s="12"/>
    </row>
    <row r="215968" spans="8:8">
      <c r="H215968" s="12"/>
    </row>
    <row r="215969" spans="8:8">
      <c r="H215969" s="12"/>
    </row>
    <row r="215970" spans="8:8">
      <c r="H215970" s="12"/>
    </row>
    <row r="215971" spans="8:8">
      <c r="H215971" s="12"/>
    </row>
    <row r="215972" spans="8:8">
      <c r="H215972" s="12"/>
    </row>
    <row r="215973" spans="8:8">
      <c r="H215973" s="12"/>
    </row>
    <row r="215974" spans="8:8">
      <c r="H215974" s="12"/>
    </row>
    <row r="215975" spans="8:8">
      <c r="H215975" s="12"/>
    </row>
    <row r="215976" spans="8:8">
      <c r="H215976" s="12"/>
    </row>
    <row r="215977" spans="8:8">
      <c r="H215977" s="12"/>
    </row>
    <row r="215978" spans="8:8">
      <c r="H215978" s="12"/>
    </row>
    <row r="215979" spans="8:8">
      <c r="H215979" s="12"/>
    </row>
    <row r="215980" spans="8:8">
      <c r="H215980" s="12"/>
    </row>
    <row r="215981" spans="8:8">
      <c r="H215981" s="12"/>
    </row>
    <row r="215982" spans="8:8">
      <c r="H215982" s="12"/>
    </row>
    <row r="215983" spans="8:8">
      <c r="H215983" s="12"/>
    </row>
    <row r="215984" spans="8:8">
      <c r="H215984" s="12"/>
    </row>
    <row r="215985" spans="8:8">
      <c r="H215985" s="12"/>
    </row>
    <row r="215986" spans="8:8">
      <c r="H215986" s="12"/>
    </row>
    <row r="215987" spans="8:8">
      <c r="H215987" s="12"/>
    </row>
    <row r="215988" spans="8:8">
      <c r="H215988" s="12"/>
    </row>
    <row r="215989" spans="8:8">
      <c r="H215989" s="12"/>
    </row>
    <row r="215990" spans="8:8">
      <c r="H215990" s="12"/>
    </row>
    <row r="215991" spans="8:8">
      <c r="H215991" s="12"/>
    </row>
    <row r="215992" spans="8:8">
      <c r="H215992" s="12"/>
    </row>
    <row r="215993" spans="8:8">
      <c r="H215993" s="12"/>
    </row>
    <row r="215994" spans="8:8">
      <c r="H215994" s="12"/>
    </row>
    <row r="215995" spans="8:8">
      <c r="H215995" s="12"/>
    </row>
    <row r="215996" spans="8:8">
      <c r="H215996" s="12"/>
    </row>
    <row r="215997" spans="8:8">
      <c r="H215997" s="12"/>
    </row>
    <row r="215998" spans="8:8">
      <c r="H215998" s="12"/>
    </row>
    <row r="215999" spans="8:8">
      <c r="H215999" s="12"/>
    </row>
    <row r="216000" spans="8:8">
      <c r="H216000" s="12"/>
    </row>
    <row r="216001" spans="8:8">
      <c r="H216001" s="12"/>
    </row>
    <row r="216002" spans="8:8">
      <c r="H216002" s="12"/>
    </row>
    <row r="216003" spans="8:8">
      <c r="H216003" s="12"/>
    </row>
    <row r="216004" spans="8:8">
      <c r="H216004" s="12"/>
    </row>
    <row r="216005" spans="8:8">
      <c r="H216005" s="12"/>
    </row>
    <row r="216006" spans="8:8">
      <c r="H216006" s="12"/>
    </row>
    <row r="216007" spans="8:8">
      <c r="H216007" s="12"/>
    </row>
    <row r="216008" spans="8:8">
      <c r="H216008" s="12"/>
    </row>
    <row r="216009" spans="8:8">
      <c r="H216009" s="12"/>
    </row>
    <row r="216010" spans="8:8">
      <c r="H216010" s="12"/>
    </row>
    <row r="216011" spans="8:8">
      <c r="H216011" s="12"/>
    </row>
    <row r="216012" spans="8:8">
      <c r="H216012" s="12"/>
    </row>
    <row r="216013" spans="8:8">
      <c r="H216013" s="12"/>
    </row>
    <row r="216014" spans="8:8">
      <c r="H216014" s="12"/>
    </row>
    <row r="216015" spans="8:8">
      <c r="H216015" s="12"/>
    </row>
    <row r="216016" spans="8:8">
      <c r="H216016" s="12"/>
    </row>
    <row r="216017" spans="8:8">
      <c r="H216017" s="12"/>
    </row>
    <row r="216018" spans="8:8">
      <c r="H216018" s="12"/>
    </row>
    <row r="216019" spans="8:8">
      <c r="H216019" s="12"/>
    </row>
    <row r="216020" spans="8:8">
      <c r="H216020" s="12"/>
    </row>
    <row r="216021" spans="8:8">
      <c r="H216021" s="12"/>
    </row>
    <row r="216022" spans="8:8">
      <c r="H216022" s="12"/>
    </row>
    <row r="216023" spans="8:8">
      <c r="H216023" s="12"/>
    </row>
    <row r="216024" spans="8:8">
      <c r="H216024" s="12"/>
    </row>
    <row r="216025" spans="8:8">
      <c r="H216025" s="12"/>
    </row>
    <row r="216026" spans="8:8">
      <c r="H216026" s="12"/>
    </row>
    <row r="216027" spans="8:8">
      <c r="H216027" s="12"/>
    </row>
    <row r="216028" spans="8:8">
      <c r="H216028" s="12"/>
    </row>
    <row r="216029" spans="8:8">
      <c r="H216029" s="12"/>
    </row>
    <row r="216030" spans="8:8">
      <c r="H216030" s="12"/>
    </row>
    <row r="216031" spans="8:8">
      <c r="H216031" s="12"/>
    </row>
    <row r="216032" spans="8:8">
      <c r="H216032" s="12"/>
    </row>
    <row r="216033" spans="8:8">
      <c r="H216033" s="12"/>
    </row>
    <row r="216034" spans="8:8">
      <c r="H216034" s="12"/>
    </row>
    <row r="216035" spans="8:8">
      <c r="H216035" s="12"/>
    </row>
    <row r="216036" spans="8:8">
      <c r="H216036" s="12"/>
    </row>
    <row r="216037" spans="8:8">
      <c r="H216037" s="12"/>
    </row>
    <row r="216038" spans="8:8">
      <c r="H216038" s="12"/>
    </row>
    <row r="216039" spans="8:8">
      <c r="H216039" s="12"/>
    </row>
    <row r="216040" spans="8:8">
      <c r="H216040" s="12"/>
    </row>
    <row r="216041" spans="8:8">
      <c r="H216041" s="12"/>
    </row>
    <row r="216042" spans="8:8">
      <c r="H216042" s="12"/>
    </row>
    <row r="216043" spans="8:8">
      <c r="H216043" s="12"/>
    </row>
    <row r="216044" spans="8:8">
      <c r="H216044" s="12"/>
    </row>
    <row r="216045" spans="8:8">
      <c r="H216045" s="12"/>
    </row>
    <row r="216046" spans="8:8">
      <c r="H216046" s="12"/>
    </row>
    <row r="216047" spans="8:8">
      <c r="H216047" s="12"/>
    </row>
    <row r="216048" spans="8:8">
      <c r="H216048" s="12"/>
    </row>
    <row r="216049" spans="8:8">
      <c r="H216049" s="12"/>
    </row>
    <row r="216050" spans="8:8">
      <c r="H216050" s="12"/>
    </row>
    <row r="216051" spans="8:8">
      <c r="H216051" s="12"/>
    </row>
    <row r="216052" spans="8:8">
      <c r="H216052" s="12"/>
    </row>
    <row r="216053" spans="8:8">
      <c r="H216053" s="12"/>
    </row>
    <row r="216054" spans="8:8">
      <c r="H216054" s="12"/>
    </row>
    <row r="216055" spans="8:8">
      <c r="H216055" s="12"/>
    </row>
    <row r="216056" spans="8:8">
      <c r="H216056" s="12"/>
    </row>
    <row r="216057" spans="8:8">
      <c r="H216057" s="12"/>
    </row>
    <row r="216058" spans="8:8">
      <c r="H216058" s="12"/>
    </row>
    <row r="216059" spans="8:8">
      <c r="H216059" s="12"/>
    </row>
    <row r="216060" spans="8:8">
      <c r="H216060" s="12"/>
    </row>
    <row r="216061" spans="8:8">
      <c r="H216061" s="12"/>
    </row>
    <row r="216062" spans="8:8">
      <c r="H216062" s="12"/>
    </row>
    <row r="216063" spans="8:8">
      <c r="H216063" s="12"/>
    </row>
    <row r="216064" spans="8:8">
      <c r="H216064" s="12"/>
    </row>
    <row r="216065" spans="8:8">
      <c r="H216065" s="12"/>
    </row>
    <row r="216066" spans="8:8">
      <c r="H216066" s="12"/>
    </row>
    <row r="216067" spans="8:8">
      <c r="H216067" s="12"/>
    </row>
    <row r="216068" spans="8:8">
      <c r="H216068" s="12"/>
    </row>
    <row r="216069" spans="8:8">
      <c r="H216069" s="12"/>
    </row>
    <row r="216070" spans="8:8">
      <c r="H216070" s="12"/>
    </row>
    <row r="216071" spans="8:8">
      <c r="H216071" s="12"/>
    </row>
    <row r="216072" spans="8:8">
      <c r="H216072" s="12"/>
    </row>
    <row r="216073" spans="8:8">
      <c r="H216073" s="12"/>
    </row>
    <row r="216074" spans="8:8">
      <c r="H216074" s="12"/>
    </row>
    <row r="216075" spans="8:8">
      <c r="H216075" s="12"/>
    </row>
    <row r="216076" spans="8:8">
      <c r="H216076" s="12"/>
    </row>
    <row r="216077" spans="8:8">
      <c r="H216077" s="12"/>
    </row>
    <row r="216078" spans="8:8">
      <c r="H216078" s="12"/>
    </row>
    <row r="216079" spans="8:8">
      <c r="H216079" s="12"/>
    </row>
    <row r="216080" spans="8:8">
      <c r="H216080" s="12"/>
    </row>
    <row r="216081" spans="8:8">
      <c r="H216081" s="12"/>
    </row>
    <row r="216082" spans="8:8">
      <c r="H216082" s="12"/>
    </row>
    <row r="216083" spans="8:8">
      <c r="H216083" s="12"/>
    </row>
    <row r="216084" spans="8:8">
      <c r="H216084" s="12"/>
    </row>
    <row r="216085" spans="8:8">
      <c r="H216085" s="12"/>
    </row>
    <row r="216086" spans="8:8">
      <c r="H216086" s="12"/>
    </row>
    <row r="216087" spans="8:8">
      <c r="H216087" s="12"/>
    </row>
    <row r="216088" spans="8:8">
      <c r="H216088" s="12"/>
    </row>
    <row r="216089" spans="8:8">
      <c r="H216089" s="12"/>
    </row>
    <row r="216090" spans="8:8">
      <c r="H216090" s="12"/>
    </row>
    <row r="216091" spans="8:8">
      <c r="H216091" s="12"/>
    </row>
    <row r="216092" spans="8:8">
      <c r="H216092" s="12"/>
    </row>
    <row r="216093" spans="8:8">
      <c r="H216093" s="12"/>
    </row>
    <row r="216094" spans="8:8">
      <c r="H216094" s="12"/>
    </row>
    <row r="216095" spans="8:8">
      <c r="H216095" s="12"/>
    </row>
    <row r="216096" spans="8:8">
      <c r="H216096" s="12"/>
    </row>
    <row r="216097" spans="8:8">
      <c r="H216097" s="12"/>
    </row>
    <row r="216098" spans="8:8">
      <c r="H216098" s="12"/>
    </row>
    <row r="216099" spans="8:8">
      <c r="H216099" s="12"/>
    </row>
    <row r="216100" spans="8:8">
      <c r="H216100" s="12"/>
    </row>
    <row r="216101" spans="8:8">
      <c r="H216101" s="12"/>
    </row>
    <row r="216102" spans="8:8">
      <c r="H216102" s="12"/>
    </row>
    <row r="216103" spans="8:8">
      <c r="H216103" s="12"/>
    </row>
    <row r="216104" spans="8:8">
      <c r="H216104" s="12"/>
    </row>
    <row r="216105" spans="8:8">
      <c r="H216105" s="12"/>
    </row>
    <row r="216106" spans="8:8">
      <c r="H216106" s="12"/>
    </row>
    <row r="216107" spans="8:8">
      <c r="H216107" s="12"/>
    </row>
    <row r="216108" spans="8:8">
      <c r="H216108" s="12"/>
    </row>
    <row r="216109" spans="8:8">
      <c r="H216109" s="12"/>
    </row>
    <row r="216110" spans="8:8">
      <c r="H216110" s="12"/>
    </row>
    <row r="216111" spans="8:8">
      <c r="H216111" s="12"/>
    </row>
    <row r="216112" spans="8:8">
      <c r="H216112" s="12"/>
    </row>
    <row r="216113" spans="8:8">
      <c r="H216113" s="12"/>
    </row>
    <row r="216114" spans="8:8">
      <c r="H216114" s="12"/>
    </row>
    <row r="216115" spans="8:8">
      <c r="H216115" s="12"/>
    </row>
    <row r="216116" spans="8:8">
      <c r="H216116" s="12"/>
    </row>
    <row r="216117" spans="8:8">
      <c r="H216117" s="12"/>
    </row>
    <row r="216118" spans="8:8">
      <c r="H216118" s="12"/>
    </row>
    <row r="216119" spans="8:8">
      <c r="H216119" s="12"/>
    </row>
    <row r="216120" spans="8:8">
      <c r="H216120" s="12"/>
    </row>
    <row r="216121" spans="8:8">
      <c r="H216121" s="12"/>
    </row>
    <row r="216122" spans="8:8">
      <c r="H216122" s="12"/>
    </row>
    <row r="216123" spans="8:8">
      <c r="H216123" s="12"/>
    </row>
    <row r="216124" spans="8:8">
      <c r="H216124" s="12"/>
    </row>
    <row r="216125" spans="8:8">
      <c r="H216125" s="12"/>
    </row>
    <row r="216126" spans="8:8">
      <c r="H216126" s="12"/>
    </row>
    <row r="216127" spans="8:8">
      <c r="H216127" s="12"/>
    </row>
    <row r="216128" spans="8:8">
      <c r="H216128" s="12"/>
    </row>
    <row r="216129" spans="8:8">
      <c r="H216129" s="12"/>
    </row>
    <row r="216130" spans="8:8">
      <c r="H216130" s="12"/>
    </row>
    <row r="216131" spans="8:8">
      <c r="H216131" s="12"/>
    </row>
    <row r="216132" spans="8:8">
      <c r="H216132" s="12"/>
    </row>
    <row r="216133" spans="8:8">
      <c r="H216133" s="12"/>
    </row>
    <row r="216134" spans="8:8">
      <c r="H216134" s="12"/>
    </row>
    <row r="216135" spans="8:8">
      <c r="H216135" s="12"/>
    </row>
    <row r="216136" spans="8:8">
      <c r="H216136" s="12"/>
    </row>
    <row r="216137" spans="8:8">
      <c r="H216137" s="12"/>
    </row>
    <row r="216138" spans="8:8">
      <c r="H216138" s="12"/>
    </row>
    <row r="216139" spans="8:8">
      <c r="H216139" s="12"/>
    </row>
    <row r="216140" spans="8:8">
      <c r="H216140" s="12"/>
    </row>
    <row r="216141" spans="8:8">
      <c r="H216141" s="12"/>
    </row>
    <row r="216142" spans="8:8">
      <c r="H216142" s="12"/>
    </row>
    <row r="216143" spans="8:8">
      <c r="H216143" s="12"/>
    </row>
    <row r="216144" spans="8:8">
      <c r="H216144" s="12"/>
    </row>
    <row r="216145" spans="8:8">
      <c r="H216145" s="12"/>
    </row>
    <row r="216146" spans="8:8">
      <c r="H216146" s="12"/>
    </row>
    <row r="216147" spans="8:8">
      <c r="H216147" s="12"/>
    </row>
    <row r="216148" spans="8:8">
      <c r="H216148" s="12"/>
    </row>
    <row r="216149" spans="8:8">
      <c r="H216149" s="12"/>
    </row>
    <row r="216150" spans="8:8">
      <c r="H216150" s="12"/>
    </row>
    <row r="216151" spans="8:8">
      <c r="H216151" s="12"/>
    </row>
    <row r="216152" spans="8:8">
      <c r="H216152" s="12"/>
    </row>
    <row r="216153" spans="8:8">
      <c r="H216153" s="12"/>
    </row>
    <row r="216154" spans="8:8">
      <c r="H216154" s="12"/>
    </row>
    <row r="216155" spans="8:8">
      <c r="H216155" s="12"/>
    </row>
    <row r="216156" spans="8:8">
      <c r="H216156" s="12"/>
    </row>
    <row r="216157" spans="8:8">
      <c r="H216157" s="12"/>
    </row>
    <row r="216158" spans="8:8">
      <c r="H216158" s="12"/>
    </row>
    <row r="216159" spans="8:8">
      <c r="H216159" s="12"/>
    </row>
    <row r="216160" spans="8:8">
      <c r="H216160" s="12"/>
    </row>
    <row r="216161" spans="8:8">
      <c r="H216161" s="12"/>
    </row>
    <row r="216162" spans="8:8">
      <c r="H216162" s="12"/>
    </row>
    <row r="216163" spans="8:8">
      <c r="H216163" s="12"/>
    </row>
    <row r="216164" spans="8:8">
      <c r="H216164" s="12"/>
    </row>
    <row r="216165" spans="8:8">
      <c r="H216165" s="12"/>
    </row>
    <row r="216166" spans="8:8">
      <c r="H216166" s="12"/>
    </row>
    <row r="216167" spans="8:8">
      <c r="H216167" s="12"/>
    </row>
    <row r="216168" spans="8:8">
      <c r="H216168" s="12"/>
    </row>
    <row r="216169" spans="8:8">
      <c r="H216169" s="12"/>
    </row>
    <row r="216170" spans="8:8">
      <c r="H216170" s="12"/>
    </row>
    <row r="216171" spans="8:8">
      <c r="H216171" s="12"/>
    </row>
    <row r="216172" spans="8:8">
      <c r="H216172" s="12"/>
    </row>
    <row r="216173" spans="8:8">
      <c r="H216173" s="12"/>
    </row>
    <row r="216174" spans="8:8">
      <c r="H216174" s="12"/>
    </row>
    <row r="216175" spans="8:8">
      <c r="H216175" s="12"/>
    </row>
    <row r="216176" spans="8:8">
      <c r="H216176" s="12"/>
    </row>
    <row r="216177" spans="8:8">
      <c r="H216177" s="12"/>
    </row>
    <row r="216178" spans="8:8">
      <c r="H216178" s="12"/>
    </row>
    <row r="216179" spans="8:8">
      <c r="H216179" s="12"/>
    </row>
    <row r="216180" spans="8:8">
      <c r="H216180" s="12"/>
    </row>
    <row r="216181" spans="8:8">
      <c r="H216181" s="12"/>
    </row>
    <row r="216182" spans="8:8">
      <c r="H216182" s="12"/>
    </row>
    <row r="216183" spans="8:8">
      <c r="H216183" s="12"/>
    </row>
    <row r="216184" spans="8:8">
      <c r="H216184" s="12"/>
    </row>
    <row r="216185" spans="8:8">
      <c r="H216185" s="12"/>
    </row>
    <row r="216186" spans="8:8">
      <c r="H216186" s="12"/>
    </row>
    <row r="216187" spans="8:8">
      <c r="H216187" s="12"/>
    </row>
    <row r="216188" spans="8:8">
      <c r="H216188" s="12"/>
    </row>
    <row r="216189" spans="8:8">
      <c r="H216189" s="12"/>
    </row>
    <row r="216190" spans="8:8">
      <c r="H216190" s="12"/>
    </row>
    <row r="216191" spans="8:8">
      <c r="H216191" s="12"/>
    </row>
    <row r="216192" spans="8:8">
      <c r="H216192" s="12"/>
    </row>
    <row r="216193" spans="8:8">
      <c r="H216193" s="12"/>
    </row>
    <row r="216194" spans="8:8">
      <c r="H216194" s="12"/>
    </row>
    <row r="216195" spans="8:8">
      <c r="H216195" s="12"/>
    </row>
    <row r="216196" spans="8:8">
      <c r="H216196" s="12"/>
    </row>
    <row r="216197" spans="8:8">
      <c r="H216197" s="12"/>
    </row>
    <row r="216198" spans="8:8">
      <c r="H216198" s="12"/>
    </row>
    <row r="216199" spans="8:8">
      <c r="H216199" s="12"/>
    </row>
    <row r="216200" spans="8:8">
      <c r="H216200" s="12"/>
    </row>
    <row r="216201" spans="8:8">
      <c r="H216201" s="12"/>
    </row>
    <row r="216202" spans="8:8">
      <c r="H216202" s="12"/>
    </row>
    <row r="216203" spans="8:8">
      <c r="H216203" s="12"/>
    </row>
    <row r="216204" spans="8:8">
      <c r="H216204" s="12"/>
    </row>
    <row r="216205" spans="8:8">
      <c r="H216205" s="12"/>
    </row>
    <row r="216206" spans="8:8">
      <c r="H216206" s="12"/>
    </row>
    <row r="216207" spans="8:8">
      <c r="H216207" s="12"/>
    </row>
    <row r="216208" spans="8:8">
      <c r="H216208" s="12"/>
    </row>
    <row r="216209" spans="8:8">
      <c r="H216209" s="12"/>
    </row>
    <row r="216210" spans="8:8">
      <c r="H216210" s="12"/>
    </row>
    <row r="216211" spans="8:8">
      <c r="H216211" s="12"/>
    </row>
    <row r="216212" spans="8:8">
      <c r="H216212" s="12"/>
    </row>
    <row r="216213" spans="8:8">
      <c r="H216213" s="12"/>
    </row>
    <row r="216214" spans="8:8">
      <c r="H216214" s="12"/>
    </row>
    <row r="216215" spans="8:8">
      <c r="H216215" s="12"/>
    </row>
    <row r="216216" spans="8:8">
      <c r="H216216" s="12"/>
    </row>
    <row r="216217" spans="8:8">
      <c r="H216217" s="12"/>
    </row>
    <row r="216218" spans="8:8">
      <c r="H216218" s="12"/>
    </row>
    <row r="216219" spans="8:8">
      <c r="H216219" s="12"/>
    </row>
    <row r="216220" spans="8:8">
      <c r="H216220" s="12"/>
    </row>
    <row r="216221" spans="8:8">
      <c r="H216221" s="12"/>
    </row>
    <row r="216222" spans="8:8">
      <c r="H216222" s="12"/>
    </row>
    <row r="216223" spans="8:8">
      <c r="H216223" s="12"/>
    </row>
    <row r="216224" spans="8:8">
      <c r="H216224" s="12"/>
    </row>
    <row r="216225" spans="8:8">
      <c r="H216225" s="12"/>
    </row>
    <row r="216226" spans="8:8">
      <c r="H216226" s="12"/>
    </row>
    <row r="216227" spans="8:8">
      <c r="H216227" s="12"/>
    </row>
    <row r="216228" spans="8:8">
      <c r="H216228" s="12"/>
    </row>
    <row r="216229" spans="8:8">
      <c r="H216229" s="12"/>
    </row>
    <row r="216230" spans="8:8">
      <c r="H216230" s="12"/>
    </row>
    <row r="216231" spans="8:8">
      <c r="H216231" s="12"/>
    </row>
    <row r="216232" spans="8:8">
      <c r="H216232" s="12"/>
    </row>
    <row r="216233" spans="8:8">
      <c r="H216233" s="12"/>
    </row>
    <row r="216234" spans="8:8">
      <c r="H216234" s="12"/>
    </row>
    <row r="216235" spans="8:8">
      <c r="H216235" s="12"/>
    </row>
    <row r="216236" spans="8:8">
      <c r="H216236" s="12"/>
    </row>
    <row r="216237" spans="8:8">
      <c r="H216237" s="12"/>
    </row>
    <row r="216238" spans="8:8">
      <c r="H216238" s="12"/>
    </row>
    <row r="216239" spans="8:8">
      <c r="H216239" s="12"/>
    </row>
    <row r="216240" spans="8:8">
      <c r="H216240" s="12"/>
    </row>
    <row r="216241" spans="8:8">
      <c r="H216241" s="12"/>
    </row>
    <row r="216242" spans="8:8">
      <c r="H216242" s="12"/>
    </row>
    <row r="216243" spans="8:8">
      <c r="H216243" s="12"/>
    </row>
    <row r="216244" spans="8:8">
      <c r="H216244" s="12"/>
    </row>
    <row r="216245" spans="8:8">
      <c r="H216245" s="12"/>
    </row>
    <row r="216246" spans="8:8">
      <c r="H216246" s="12"/>
    </row>
    <row r="216247" spans="8:8">
      <c r="H216247" s="12"/>
    </row>
    <row r="216248" spans="8:8">
      <c r="H216248" s="12"/>
    </row>
    <row r="216249" spans="8:8">
      <c r="H216249" s="12"/>
    </row>
    <row r="216250" spans="8:8">
      <c r="H216250" s="12"/>
    </row>
    <row r="216251" spans="8:8">
      <c r="H216251" s="12"/>
    </row>
    <row r="216252" spans="8:8">
      <c r="H216252" s="12"/>
    </row>
    <row r="216253" spans="8:8">
      <c r="H216253" s="12"/>
    </row>
    <row r="216254" spans="8:8">
      <c r="H216254" s="12"/>
    </row>
    <row r="216255" spans="8:8">
      <c r="H216255" s="12"/>
    </row>
    <row r="216256" spans="8:8">
      <c r="H216256" s="12"/>
    </row>
    <row r="216257" spans="8:8">
      <c r="H216257" s="12"/>
    </row>
    <row r="216258" spans="8:8">
      <c r="H216258" s="12"/>
    </row>
    <row r="216259" spans="8:8">
      <c r="H216259" s="12"/>
    </row>
    <row r="216260" spans="8:8">
      <c r="H216260" s="12"/>
    </row>
    <row r="216261" spans="8:8">
      <c r="H216261" s="12"/>
    </row>
    <row r="216262" spans="8:8">
      <c r="H216262" s="12"/>
    </row>
    <row r="216263" spans="8:8">
      <c r="H216263" s="12"/>
    </row>
    <row r="216264" spans="8:8">
      <c r="H216264" s="12"/>
    </row>
    <row r="216265" spans="8:8">
      <c r="H216265" s="12"/>
    </row>
    <row r="216266" spans="8:8">
      <c r="H216266" s="12"/>
    </row>
    <row r="216267" spans="8:8">
      <c r="H216267" s="12"/>
    </row>
    <row r="216268" spans="8:8">
      <c r="H216268" s="12"/>
    </row>
    <row r="216269" spans="8:8">
      <c r="H216269" s="12"/>
    </row>
    <row r="216270" spans="8:8">
      <c r="H216270" s="12"/>
    </row>
    <row r="216271" spans="8:8">
      <c r="H216271" s="12"/>
    </row>
    <row r="216272" spans="8:8">
      <c r="H216272" s="12"/>
    </row>
    <row r="216273" spans="8:8">
      <c r="H216273" s="12"/>
    </row>
    <row r="216274" spans="8:8">
      <c r="H216274" s="12"/>
    </row>
    <row r="216275" spans="8:8">
      <c r="H216275" s="12"/>
    </row>
    <row r="216276" spans="8:8">
      <c r="H216276" s="12"/>
    </row>
    <row r="216277" spans="8:8">
      <c r="H216277" s="12"/>
    </row>
    <row r="216278" spans="8:8">
      <c r="H216278" s="12"/>
    </row>
    <row r="216279" spans="8:8">
      <c r="H216279" s="12"/>
    </row>
    <row r="216280" spans="8:8">
      <c r="H216280" s="12"/>
    </row>
    <row r="216281" spans="8:8">
      <c r="H216281" s="12"/>
    </row>
    <row r="216282" spans="8:8">
      <c r="H216282" s="12"/>
    </row>
    <row r="216283" spans="8:8">
      <c r="H216283" s="12"/>
    </row>
    <row r="216284" spans="8:8">
      <c r="H216284" s="12"/>
    </row>
    <row r="216285" spans="8:8">
      <c r="H216285" s="12"/>
    </row>
    <row r="216286" spans="8:8">
      <c r="H216286" s="12"/>
    </row>
    <row r="216287" spans="8:8">
      <c r="H216287" s="12"/>
    </row>
    <row r="216288" spans="8:8">
      <c r="H216288" s="12"/>
    </row>
    <row r="216289" spans="8:8">
      <c r="H216289" s="12"/>
    </row>
    <row r="216290" spans="8:8">
      <c r="H216290" s="12"/>
    </row>
    <row r="216291" spans="8:8">
      <c r="H216291" s="12"/>
    </row>
    <row r="216292" spans="8:8">
      <c r="H216292" s="12"/>
    </row>
    <row r="216293" spans="8:8">
      <c r="H216293" s="12"/>
    </row>
    <row r="216294" spans="8:8">
      <c r="H216294" s="12"/>
    </row>
    <row r="216295" spans="8:8">
      <c r="H216295" s="12"/>
    </row>
    <row r="216296" spans="8:8">
      <c r="H216296" s="12"/>
    </row>
    <row r="216297" spans="8:8">
      <c r="H216297" s="12"/>
    </row>
    <row r="216298" spans="8:8">
      <c r="H216298" s="12"/>
    </row>
    <row r="216299" spans="8:8">
      <c r="H216299" s="12"/>
    </row>
    <row r="216300" spans="8:8">
      <c r="H216300" s="12"/>
    </row>
    <row r="216301" spans="8:8">
      <c r="H216301" s="12"/>
    </row>
    <row r="216302" spans="8:8">
      <c r="H216302" s="12"/>
    </row>
    <row r="216303" spans="8:8">
      <c r="H216303" s="12"/>
    </row>
    <row r="216304" spans="8:8">
      <c r="H216304" s="12"/>
    </row>
    <row r="216305" spans="8:8">
      <c r="H216305" s="12"/>
    </row>
    <row r="216306" spans="8:8">
      <c r="H216306" s="12"/>
    </row>
    <row r="216307" spans="8:8">
      <c r="H216307" s="12"/>
    </row>
    <row r="216308" spans="8:8">
      <c r="H216308" s="12"/>
    </row>
    <row r="216309" spans="8:8">
      <c r="H216309" s="12"/>
    </row>
    <row r="216310" spans="8:8">
      <c r="H216310" s="12"/>
    </row>
    <row r="216311" spans="8:8">
      <c r="H216311" s="12"/>
    </row>
    <row r="216312" spans="8:8">
      <c r="H216312" s="12"/>
    </row>
    <row r="216313" spans="8:8">
      <c r="H216313" s="12"/>
    </row>
    <row r="216314" spans="8:8">
      <c r="H216314" s="12"/>
    </row>
    <row r="216315" spans="8:8">
      <c r="H216315" s="12"/>
    </row>
    <row r="216316" spans="8:8">
      <c r="H216316" s="12"/>
    </row>
    <row r="216317" spans="8:8">
      <c r="H216317" s="12"/>
    </row>
    <row r="216318" spans="8:8">
      <c r="H216318" s="12"/>
    </row>
    <row r="216319" spans="8:8">
      <c r="H216319" s="12"/>
    </row>
    <row r="216320" spans="8:8">
      <c r="H216320" s="12"/>
    </row>
    <row r="216321" spans="8:8">
      <c r="H216321" s="12"/>
    </row>
    <row r="216322" spans="8:8">
      <c r="H216322" s="12"/>
    </row>
    <row r="216323" spans="8:8">
      <c r="H216323" s="12"/>
    </row>
    <row r="216324" spans="8:8">
      <c r="H216324" s="12"/>
    </row>
    <row r="216325" spans="8:8">
      <c r="H216325" s="12"/>
    </row>
    <row r="216326" spans="8:8">
      <c r="H216326" s="12"/>
    </row>
    <row r="216327" spans="8:8">
      <c r="H216327" s="12"/>
    </row>
    <row r="216328" spans="8:8">
      <c r="H216328" s="12"/>
    </row>
    <row r="216329" spans="8:8">
      <c r="H216329" s="12"/>
    </row>
    <row r="216330" spans="8:8">
      <c r="H216330" s="12"/>
    </row>
    <row r="216331" spans="8:8">
      <c r="H216331" s="12"/>
    </row>
    <row r="216332" spans="8:8">
      <c r="H216332" s="12"/>
    </row>
    <row r="216333" spans="8:8">
      <c r="H216333" s="12"/>
    </row>
    <row r="216334" spans="8:8">
      <c r="H216334" s="12"/>
    </row>
    <row r="216335" spans="8:8">
      <c r="H216335" s="12"/>
    </row>
    <row r="216336" spans="8:8">
      <c r="H216336" s="12"/>
    </row>
    <row r="216337" spans="8:8">
      <c r="H216337" s="12"/>
    </row>
    <row r="216338" spans="8:8">
      <c r="H216338" s="12"/>
    </row>
    <row r="216339" spans="8:8">
      <c r="H216339" s="12"/>
    </row>
    <row r="216340" spans="8:8">
      <c r="H216340" s="12"/>
    </row>
    <row r="216341" spans="8:8">
      <c r="H216341" s="12"/>
    </row>
    <row r="216342" spans="8:8">
      <c r="H216342" s="12"/>
    </row>
    <row r="216343" spans="8:8">
      <c r="H216343" s="12"/>
    </row>
    <row r="216344" spans="8:8">
      <c r="H216344" s="12"/>
    </row>
    <row r="216345" spans="8:8">
      <c r="H216345" s="12"/>
    </row>
    <row r="216346" spans="8:8">
      <c r="H216346" s="12"/>
    </row>
    <row r="216347" spans="8:8">
      <c r="H216347" s="12"/>
    </row>
    <row r="216348" spans="8:8">
      <c r="H216348" s="12"/>
    </row>
    <row r="216349" spans="8:8">
      <c r="H216349" s="12"/>
    </row>
    <row r="216350" spans="8:8">
      <c r="H216350" s="12"/>
    </row>
    <row r="216351" spans="8:8">
      <c r="H216351" s="12"/>
    </row>
    <row r="216352" spans="8:8">
      <c r="H216352" s="12"/>
    </row>
    <row r="216353" spans="8:8">
      <c r="H216353" s="12"/>
    </row>
    <row r="216354" spans="8:8">
      <c r="H216354" s="12"/>
    </row>
    <row r="216355" spans="8:8">
      <c r="H216355" s="12"/>
    </row>
    <row r="216356" spans="8:8">
      <c r="H216356" s="12"/>
    </row>
    <row r="216357" spans="8:8">
      <c r="H216357" s="12"/>
    </row>
    <row r="216358" spans="8:8">
      <c r="H216358" s="12"/>
    </row>
    <row r="216359" spans="8:8">
      <c r="H216359" s="12"/>
    </row>
    <row r="216360" spans="8:8">
      <c r="H216360" s="12"/>
    </row>
    <row r="216361" spans="8:8">
      <c r="H216361" s="12"/>
    </row>
    <row r="216362" spans="8:8">
      <c r="H216362" s="12"/>
    </row>
    <row r="216363" spans="8:8">
      <c r="H216363" s="12"/>
    </row>
    <row r="216364" spans="8:8">
      <c r="H216364" s="12"/>
    </row>
    <row r="216365" spans="8:8">
      <c r="H216365" s="12"/>
    </row>
    <row r="216366" spans="8:8">
      <c r="H216366" s="12"/>
    </row>
    <row r="216367" spans="8:8">
      <c r="H216367" s="12"/>
    </row>
    <row r="216368" spans="8:8">
      <c r="H216368" s="12"/>
    </row>
    <row r="216369" spans="8:8">
      <c r="H216369" s="12"/>
    </row>
    <row r="216370" spans="8:8">
      <c r="H216370" s="12"/>
    </row>
    <row r="216371" spans="8:8">
      <c r="H216371" s="12"/>
    </row>
    <row r="216372" spans="8:8">
      <c r="H216372" s="12"/>
    </row>
    <row r="216373" spans="8:8">
      <c r="H216373" s="12"/>
    </row>
    <row r="216374" spans="8:8">
      <c r="H216374" s="12"/>
    </row>
    <row r="216375" spans="8:8">
      <c r="H216375" s="12"/>
    </row>
    <row r="216376" spans="8:8">
      <c r="H216376" s="12"/>
    </row>
    <row r="216377" spans="8:8">
      <c r="H216377" s="12"/>
    </row>
    <row r="216378" spans="8:8">
      <c r="H216378" s="12"/>
    </row>
    <row r="216379" spans="8:8">
      <c r="H216379" s="12"/>
    </row>
    <row r="216380" spans="8:8">
      <c r="H216380" s="12"/>
    </row>
    <row r="216381" spans="8:8">
      <c r="H216381" s="12"/>
    </row>
    <row r="216382" spans="8:8">
      <c r="H216382" s="12"/>
    </row>
    <row r="216383" spans="8:8">
      <c r="H216383" s="12"/>
    </row>
    <row r="216384" spans="8:8">
      <c r="H216384" s="12"/>
    </row>
    <row r="216385" spans="8:8">
      <c r="H216385" s="12"/>
    </row>
    <row r="216386" spans="8:8">
      <c r="H216386" s="12"/>
    </row>
    <row r="216387" spans="8:8">
      <c r="H216387" s="12"/>
    </row>
    <row r="216388" spans="8:8">
      <c r="H216388" s="12"/>
    </row>
    <row r="216389" spans="8:8">
      <c r="H216389" s="12"/>
    </row>
    <row r="216390" spans="8:8">
      <c r="H216390" s="12"/>
    </row>
    <row r="216391" spans="8:8">
      <c r="H216391" s="12"/>
    </row>
    <row r="216392" spans="8:8">
      <c r="H216392" s="12"/>
    </row>
    <row r="216393" spans="8:8">
      <c r="H216393" s="12"/>
    </row>
    <row r="216394" spans="8:8">
      <c r="H216394" s="12"/>
    </row>
    <row r="216395" spans="8:8">
      <c r="H216395" s="12"/>
    </row>
    <row r="216396" spans="8:8">
      <c r="H216396" s="12"/>
    </row>
    <row r="216397" spans="8:8">
      <c r="H216397" s="12"/>
    </row>
    <row r="216398" spans="8:8">
      <c r="H216398" s="12"/>
    </row>
    <row r="216399" spans="8:8">
      <c r="H216399" s="12"/>
    </row>
    <row r="216400" spans="8:8">
      <c r="H216400" s="12"/>
    </row>
    <row r="216401" spans="8:8">
      <c r="H216401" s="12"/>
    </row>
    <row r="216402" spans="8:8">
      <c r="H216402" s="12"/>
    </row>
    <row r="216403" spans="8:8">
      <c r="H216403" s="12"/>
    </row>
    <row r="216404" spans="8:8">
      <c r="H216404" s="12"/>
    </row>
    <row r="216405" spans="8:8">
      <c r="H216405" s="12"/>
    </row>
    <row r="216406" spans="8:8">
      <c r="H216406" s="12"/>
    </row>
    <row r="216407" spans="8:8">
      <c r="H216407" s="12"/>
    </row>
    <row r="216408" spans="8:8">
      <c r="H216408" s="12"/>
    </row>
    <row r="216409" spans="8:8">
      <c r="H216409" s="12"/>
    </row>
    <row r="216410" spans="8:8">
      <c r="H216410" s="12"/>
    </row>
    <row r="216411" spans="8:8">
      <c r="H216411" s="12"/>
    </row>
    <row r="216412" spans="8:8">
      <c r="H216412" s="12"/>
    </row>
    <row r="216413" spans="8:8">
      <c r="H216413" s="12"/>
    </row>
    <row r="216414" spans="8:8">
      <c r="H216414" s="12"/>
    </row>
    <row r="216415" spans="8:8">
      <c r="H216415" s="12"/>
    </row>
    <row r="216416" spans="8:8">
      <c r="H216416" s="12"/>
    </row>
    <row r="216417" spans="8:8">
      <c r="H216417" s="12"/>
    </row>
    <row r="216418" spans="8:8">
      <c r="H216418" s="12"/>
    </row>
    <row r="216419" spans="8:8">
      <c r="H216419" s="12"/>
    </row>
    <row r="216420" spans="8:8">
      <c r="H216420" s="12"/>
    </row>
    <row r="216421" spans="8:8">
      <c r="H216421" s="12"/>
    </row>
    <row r="216422" spans="8:8">
      <c r="H216422" s="12"/>
    </row>
    <row r="216423" spans="8:8">
      <c r="H216423" s="12"/>
    </row>
    <row r="216424" spans="8:8">
      <c r="H216424" s="12"/>
    </row>
    <row r="216425" spans="8:8">
      <c r="H216425" s="12"/>
    </row>
    <row r="216426" spans="8:8">
      <c r="H216426" s="12"/>
    </row>
    <row r="216427" spans="8:8">
      <c r="H216427" s="12"/>
    </row>
    <row r="216428" spans="8:8">
      <c r="H216428" s="12"/>
    </row>
    <row r="216429" spans="8:8">
      <c r="H216429" s="12"/>
    </row>
    <row r="216430" spans="8:8">
      <c r="H216430" s="12"/>
    </row>
    <row r="216431" spans="8:8">
      <c r="H216431" s="12"/>
    </row>
    <row r="216432" spans="8:8">
      <c r="H216432" s="12"/>
    </row>
    <row r="216433" spans="8:8">
      <c r="H216433" s="12"/>
    </row>
    <row r="216434" spans="8:8">
      <c r="H216434" s="12"/>
    </row>
    <row r="216435" spans="8:8">
      <c r="H216435" s="12"/>
    </row>
    <row r="216436" spans="8:8">
      <c r="H216436" s="12"/>
    </row>
    <row r="216437" spans="8:8">
      <c r="H216437" s="12"/>
    </row>
    <row r="216438" spans="8:8">
      <c r="H216438" s="12"/>
    </row>
    <row r="216439" spans="8:8">
      <c r="H216439" s="12"/>
    </row>
    <row r="216440" spans="8:8">
      <c r="H216440" s="12"/>
    </row>
    <row r="216441" spans="8:8">
      <c r="H216441" s="12"/>
    </row>
    <row r="216442" spans="8:8">
      <c r="H216442" s="12"/>
    </row>
    <row r="216443" spans="8:8">
      <c r="H216443" s="12"/>
    </row>
    <row r="216444" spans="8:8">
      <c r="H216444" s="12"/>
    </row>
    <row r="216445" spans="8:8">
      <c r="H216445" s="12"/>
    </row>
    <row r="216446" spans="8:8">
      <c r="H216446" s="12"/>
    </row>
    <row r="216447" spans="8:8">
      <c r="H216447" s="12"/>
    </row>
    <row r="216448" spans="8:8">
      <c r="H216448" s="12"/>
    </row>
    <row r="216449" spans="8:8">
      <c r="H216449" s="12"/>
    </row>
    <row r="216450" spans="8:8">
      <c r="H216450" s="12"/>
    </row>
    <row r="216451" spans="8:8">
      <c r="H216451" s="12"/>
    </row>
    <row r="216452" spans="8:8">
      <c r="H216452" s="12"/>
    </row>
    <row r="216453" spans="8:8">
      <c r="H216453" s="12"/>
    </row>
    <row r="216454" spans="8:8">
      <c r="H216454" s="12"/>
    </row>
    <row r="216455" spans="8:8">
      <c r="H216455" s="12"/>
    </row>
    <row r="216456" spans="8:8">
      <c r="H216456" s="12"/>
    </row>
    <row r="216457" spans="8:8">
      <c r="H216457" s="12"/>
    </row>
    <row r="216458" spans="8:8">
      <c r="H216458" s="12"/>
    </row>
    <row r="216459" spans="8:8">
      <c r="H216459" s="12"/>
    </row>
    <row r="216460" spans="8:8">
      <c r="H216460" s="12"/>
    </row>
    <row r="216461" spans="8:8">
      <c r="H216461" s="12"/>
    </row>
    <row r="216462" spans="8:8">
      <c r="H216462" s="12"/>
    </row>
    <row r="216463" spans="8:8">
      <c r="H216463" s="12"/>
    </row>
    <row r="216464" spans="8:8">
      <c r="H216464" s="12"/>
    </row>
    <row r="216465" spans="8:8">
      <c r="H216465" s="12"/>
    </row>
    <row r="216466" spans="8:8">
      <c r="H216466" s="12"/>
    </row>
    <row r="216467" spans="8:8">
      <c r="H216467" s="12"/>
    </row>
    <row r="216468" spans="8:8">
      <c r="H216468" s="12"/>
    </row>
    <row r="216469" spans="8:8">
      <c r="H216469" s="12"/>
    </row>
    <row r="216470" spans="8:8">
      <c r="H216470" s="12"/>
    </row>
    <row r="216471" spans="8:8">
      <c r="H216471" s="12"/>
    </row>
    <row r="216472" spans="8:8">
      <c r="H216472" s="12"/>
    </row>
    <row r="216473" spans="8:8">
      <c r="H216473" s="12"/>
    </row>
    <row r="216474" spans="8:8">
      <c r="H216474" s="12"/>
    </row>
    <row r="216475" spans="8:8">
      <c r="H216475" s="12"/>
    </row>
    <row r="216476" spans="8:8">
      <c r="H216476" s="12"/>
    </row>
    <row r="216477" spans="8:8">
      <c r="H216477" s="12"/>
    </row>
    <row r="216478" spans="8:8">
      <c r="H216478" s="12"/>
    </row>
    <row r="216479" spans="8:8">
      <c r="H216479" s="12"/>
    </row>
    <row r="216480" spans="8:8">
      <c r="H216480" s="12"/>
    </row>
    <row r="216481" spans="8:8">
      <c r="H216481" s="12"/>
    </row>
    <row r="216482" spans="8:8">
      <c r="H216482" s="12"/>
    </row>
    <row r="216483" spans="8:8">
      <c r="H216483" s="12"/>
    </row>
    <row r="216484" spans="8:8">
      <c r="H216484" s="12"/>
    </row>
    <row r="216485" spans="8:8">
      <c r="H216485" s="12"/>
    </row>
    <row r="216486" spans="8:8">
      <c r="H216486" s="12"/>
    </row>
    <row r="216487" spans="8:8">
      <c r="H216487" s="12"/>
    </row>
    <row r="216488" spans="8:8">
      <c r="H216488" s="12"/>
    </row>
    <row r="216489" spans="8:8">
      <c r="H216489" s="12"/>
    </row>
    <row r="216490" spans="8:8">
      <c r="H216490" s="12"/>
    </row>
    <row r="216491" spans="8:8">
      <c r="H216491" s="12"/>
    </row>
    <row r="216492" spans="8:8">
      <c r="H216492" s="12"/>
    </row>
    <row r="216493" spans="8:8">
      <c r="H216493" s="12"/>
    </row>
    <row r="216494" spans="8:8">
      <c r="H216494" s="12"/>
    </row>
    <row r="216495" spans="8:8">
      <c r="H216495" s="12"/>
    </row>
    <row r="216496" spans="8:8">
      <c r="H216496" s="12"/>
    </row>
    <row r="216497" spans="8:8">
      <c r="H216497" s="12"/>
    </row>
    <row r="216498" spans="8:8">
      <c r="H216498" s="12"/>
    </row>
    <row r="216499" spans="8:8">
      <c r="H216499" s="12"/>
    </row>
    <row r="216500" spans="8:8">
      <c r="H216500" s="12"/>
    </row>
    <row r="216501" spans="8:8">
      <c r="H216501" s="12"/>
    </row>
    <row r="216502" spans="8:8">
      <c r="H216502" s="12"/>
    </row>
    <row r="216503" spans="8:8">
      <c r="H216503" s="12"/>
    </row>
    <row r="216504" spans="8:8">
      <c r="H216504" s="12"/>
    </row>
    <row r="216505" spans="8:8">
      <c r="H216505" s="12"/>
    </row>
    <row r="216506" spans="8:8">
      <c r="H216506" s="12"/>
    </row>
    <row r="216507" spans="8:8">
      <c r="H216507" s="12"/>
    </row>
    <row r="216508" spans="8:8">
      <c r="H216508" s="12"/>
    </row>
    <row r="216509" spans="8:8">
      <c r="H216509" s="12"/>
    </row>
    <row r="216510" spans="8:8">
      <c r="H216510" s="12"/>
    </row>
    <row r="216511" spans="8:8">
      <c r="H216511" s="12"/>
    </row>
    <row r="216512" spans="8:8">
      <c r="H216512" s="12"/>
    </row>
    <row r="216513" spans="8:8">
      <c r="H216513" s="12"/>
    </row>
    <row r="216514" spans="8:8">
      <c r="H216514" s="12"/>
    </row>
    <row r="216515" spans="8:8">
      <c r="H216515" s="12"/>
    </row>
    <row r="216516" spans="8:8">
      <c r="H216516" s="12"/>
    </row>
    <row r="216517" spans="8:8">
      <c r="H216517" s="12"/>
    </row>
    <row r="216518" spans="8:8">
      <c r="H216518" s="12"/>
    </row>
    <row r="216519" spans="8:8">
      <c r="H216519" s="12"/>
    </row>
    <row r="216520" spans="8:8">
      <c r="H216520" s="12"/>
    </row>
    <row r="216521" spans="8:8">
      <c r="H216521" s="12"/>
    </row>
    <row r="216522" spans="8:8">
      <c r="H216522" s="12"/>
    </row>
    <row r="216523" spans="8:8">
      <c r="H216523" s="12"/>
    </row>
    <row r="216524" spans="8:8">
      <c r="H216524" s="12"/>
    </row>
    <row r="216525" spans="8:8">
      <c r="H216525" s="12"/>
    </row>
    <row r="216526" spans="8:8">
      <c r="H216526" s="12"/>
    </row>
    <row r="216527" spans="8:8">
      <c r="H216527" s="12"/>
    </row>
    <row r="216528" spans="8:8">
      <c r="H216528" s="12"/>
    </row>
    <row r="216529" spans="8:8">
      <c r="H216529" s="12"/>
    </row>
    <row r="216530" spans="8:8">
      <c r="H216530" s="12"/>
    </row>
    <row r="216531" spans="8:8">
      <c r="H216531" s="12"/>
    </row>
    <row r="216532" spans="8:8">
      <c r="H216532" s="12"/>
    </row>
    <row r="216533" spans="8:8">
      <c r="H216533" s="12"/>
    </row>
    <row r="216534" spans="8:8">
      <c r="H216534" s="12"/>
    </row>
    <row r="216535" spans="8:8">
      <c r="H216535" s="12"/>
    </row>
    <row r="216536" spans="8:8">
      <c r="H216536" s="12"/>
    </row>
    <row r="216537" spans="8:8">
      <c r="H216537" s="12"/>
    </row>
    <row r="216538" spans="8:8">
      <c r="H216538" s="12"/>
    </row>
    <row r="216539" spans="8:8">
      <c r="H216539" s="12"/>
    </row>
    <row r="216540" spans="8:8">
      <c r="H216540" s="12"/>
    </row>
    <row r="216541" spans="8:8">
      <c r="H216541" s="12"/>
    </row>
    <row r="216542" spans="8:8">
      <c r="H216542" s="12"/>
    </row>
    <row r="216543" spans="8:8">
      <c r="H216543" s="12"/>
    </row>
    <row r="216544" spans="8:8">
      <c r="H216544" s="12"/>
    </row>
    <row r="216545" spans="8:8">
      <c r="H216545" s="12"/>
    </row>
    <row r="216546" spans="8:8">
      <c r="H216546" s="12"/>
    </row>
    <row r="216547" spans="8:8">
      <c r="H216547" s="12"/>
    </row>
    <row r="216548" spans="8:8">
      <c r="H216548" s="12"/>
    </row>
    <row r="216549" spans="8:8">
      <c r="H216549" s="12"/>
    </row>
    <row r="216550" spans="8:8">
      <c r="H216550" s="12"/>
    </row>
    <row r="216551" spans="8:8">
      <c r="H216551" s="12"/>
    </row>
    <row r="216552" spans="8:8">
      <c r="H216552" s="12"/>
    </row>
    <row r="216553" spans="8:8">
      <c r="H216553" s="12"/>
    </row>
    <row r="216554" spans="8:8">
      <c r="H216554" s="12"/>
    </row>
    <row r="216555" spans="8:8">
      <c r="H216555" s="12"/>
    </row>
    <row r="216556" spans="8:8">
      <c r="H216556" s="12"/>
    </row>
    <row r="216557" spans="8:8">
      <c r="H216557" s="12"/>
    </row>
    <row r="216558" spans="8:8">
      <c r="H216558" s="12"/>
    </row>
    <row r="216559" spans="8:8">
      <c r="H216559" s="12"/>
    </row>
    <row r="216560" spans="8:8">
      <c r="H216560" s="12"/>
    </row>
    <row r="216561" spans="8:8">
      <c r="H216561" s="12"/>
    </row>
    <row r="216562" spans="8:8">
      <c r="H216562" s="12"/>
    </row>
    <row r="216563" spans="8:8">
      <c r="H216563" s="12"/>
    </row>
    <row r="216564" spans="8:8">
      <c r="H216564" s="12"/>
    </row>
    <row r="216565" spans="8:8">
      <c r="H216565" s="12"/>
    </row>
    <row r="216566" spans="8:8">
      <c r="H216566" s="12"/>
    </row>
    <row r="216567" spans="8:8">
      <c r="H216567" s="12"/>
    </row>
    <row r="216568" spans="8:8">
      <c r="H216568" s="12"/>
    </row>
    <row r="216569" spans="8:8">
      <c r="H216569" s="12"/>
    </row>
    <row r="216570" spans="8:8">
      <c r="H216570" s="12"/>
    </row>
    <row r="216571" spans="8:8">
      <c r="H216571" s="12"/>
    </row>
    <row r="216572" spans="8:8">
      <c r="H216572" s="12"/>
    </row>
    <row r="216573" spans="8:8">
      <c r="H216573" s="12"/>
    </row>
    <row r="216574" spans="8:8">
      <c r="H216574" s="12"/>
    </row>
    <row r="216575" spans="8:8">
      <c r="H216575" s="12"/>
    </row>
    <row r="216576" spans="8:8">
      <c r="H216576" s="12"/>
    </row>
    <row r="216577" spans="8:8">
      <c r="H216577" s="12"/>
    </row>
    <row r="216578" spans="8:8">
      <c r="H216578" s="12"/>
    </row>
    <row r="216579" spans="8:8">
      <c r="H216579" s="12"/>
    </row>
    <row r="216580" spans="8:8">
      <c r="H216580" s="12"/>
    </row>
    <row r="216581" spans="8:8">
      <c r="H216581" s="12"/>
    </row>
    <row r="216582" spans="8:8">
      <c r="H216582" s="12"/>
    </row>
    <row r="216583" spans="8:8">
      <c r="H216583" s="12"/>
    </row>
    <row r="216584" spans="8:8">
      <c r="H216584" s="12"/>
    </row>
    <row r="216585" spans="8:8">
      <c r="H216585" s="12"/>
    </row>
    <row r="216586" spans="8:8">
      <c r="H216586" s="12"/>
    </row>
    <row r="216587" spans="8:8">
      <c r="H216587" s="12"/>
    </row>
    <row r="216588" spans="8:8">
      <c r="H216588" s="12"/>
    </row>
    <row r="216589" spans="8:8">
      <c r="H216589" s="12"/>
    </row>
    <row r="216590" spans="8:8">
      <c r="H216590" s="12"/>
    </row>
    <row r="216591" spans="8:8">
      <c r="H216591" s="12"/>
    </row>
    <row r="216592" spans="8:8">
      <c r="H216592" s="12"/>
    </row>
    <row r="216593" spans="8:8">
      <c r="H216593" s="12"/>
    </row>
    <row r="216594" spans="8:8">
      <c r="H216594" s="12"/>
    </row>
    <row r="216595" spans="8:8">
      <c r="H216595" s="12"/>
    </row>
    <row r="216596" spans="8:8">
      <c r="H216596" s="12"/>
    </row>
    <row r="216597" spans="8:8">
      <c r="H216597" s="12"/>
    </row>
    <row r="216598" spans="8:8">
      <c r="H216598" s="12"/>
    </row>
    <row r="216599" spans="8:8">
      <c r="H216599" s="12"/>
    </row>
    <row r="216600" spans="8:8">
      <c r="H216600" s="12"/>
    </row>
    <row r="216601" spans="8:8">
      <c r="H216601" s="12"/>
    </row>
    <row r="216602" spans="8:8">
      <c r="H216602" s="12"/>
    </row>
    <row r="216603" spans="8:8">
      <c r="H216603" s="12"/>
    </row>
    <row r="216604" spans="8:8">
      <c r="H216604" s="12"/>
    </row>
    <row r="216605" spans="8:8">
      <c r="H216605" s="12"/>
    </row>
    <row r="216606" spans="8:8">
      <c r="H216606" s="12"/>
    </row>
    <row r="216607" spans="8:8">
      <c r="H216607" s="12"/>
    </row>
    <row r="216608" spans="8:8">
      <c r="H216608" s="12"/>
    </row>
    <row r="216609" spans="8:8">
      <c r="H216609" s="12"/>
    </row>
    <row r="216610" spans="8:8">
      <c r="H216610" s="12"/>
    </row>
    <row r="216611" spans="8:8">
      <c r="H216611" s="12"/>
    </row>
    <row r="216612" spans="8:8">
      <c r="H216612" s="12"/>
    </row>
    <row r="216613" spans="8:8">
      <c r="H216613" s="12"/>
    </row>
    <row r="216614" spans="8:8">
      <c r="H216614" s="12"/>
    </row>
    <row r="216615" spans="8:8">
      <c r="H216615" s="12"/>
    </row>
    <row r="216616" spans="8:8">
      <c r="H216616" s="12"/>
    </row>
    <row r="216617" spans="8:8">
      <c r="H216617" s="12"/>
    </row>
    <row r="216618" spans="8:8">
      <c r="H216618" s="12"/>
    </row>
    <row r="216619" spans="8:8">
      <c r="H216619" s="12"/>
    </row>
    <row r="216620" spans="8:8">
      <c r="H216620" s="12"/>
    </row>
    <row r="216621" spans="8:8">
      <c r="H216621" s="12"/>
    </row>
    <row r="216622" spans="8:8">
      <c r="H216622" s="12"/>
    </row>
    <row r="216623" spans="8:8">
      <c r="H216623" s="12"/>
    </row>
    <row r="216624" spans="8:8">
      <c r="H216624" s="12"/>
    </row>
    <row r="216625" spans="8:8">
      <c r="H216625" s="12"/>
    </row>
    <row r="216626" spans="8:8">
      <c r="H216626" s="12"/>
    </row>
    <row r="216627" spans="8:8">
      <c r="H216627" s="12"/>
    </row>
    <row r="216628" spans="8:8">
      <c r="H216628" s="12"/>
    </row>
    <row r="216629" spans="8:8">
      <c r="H216629" s="12"/>
    </row>
    <row r="216630" spans="8:8">
      <c r="H216630" s="12"/>
    </row>
    <row r="216631" spans="8:8">
      <c r="H216631" s="12"/>
    </row>
    <row r="216632" spans="8:8">
      <c r="H216632" s="12"/>
    </row>
    <row r="216633" spans="8:8">
      <c r="H216633" s="12"/>
    </row>
    <row r="216634" spans="8:8">
      <c r="H216634" s="12"/>
    </row>
    <row r="216635" spans="8:8">
      <c r="H216635" s="12"/>
    </row>
    <row r="216636" spans="8:8">
      <c r="H216636" s="12"/>
    </row>
    <row r="216637" spans="8:8">
      <c r="H216637" s="12"/>
    </row>
    <row r="216638" spans="8:8">
      <c r="H216638" s="12"/>
    </row>
    <row r="216639" spans="8:8">
      <c r="H216639" s="12"/>
    </row>
    <row r="216640" spans="8:8">
      <c r="H216640" s="12"/>
    </row>
    <row r="216641" spans="8:8">
      <c r="H216641" s="12"/>
    </row>
    <row r="216642" spans="8:8">
      <c r="H216642" s="12"/>
    </row>
    <row r="216643" spans="8:8">
      <c r="H216643" s="12"/>
    </row>
    <row r="216644" spans="8:8">
      <c r="H216644" s="12"/>
    </row>
    <row r="216645" spans="8:8">
      <c r="H216645" s="12"/>
    </row>
    <row r="216646" spans="8:8">
      <c r="H216646" s="12"/>
    </row>
    <row r="216647" spans="8:8">
      <c r="H216647" s="12"/>
    </row>
    <row r="216648" spans="8:8">
      <c r="H216648" s="12"/>
    </row>
    <row r="216649" spans="8:8">
      <c r="H216649" s="12"/>
    </row>
    <row r="216650" spans="8:8">
      <c r="H216650" s="12"/>
    </row>
    <row r="216651" spans="8:8">
      <c r="H216651" s="12"/>
    </row>
    <row r="216652" spans="8:8">
      <c r="H216652" s="12"/>
    </row>
    <row r="216653" spans="8:8">
      <c r="H216653" s="12"/>
    </row>
    <row r="216654" spans="8:8">
      <c r="H216654" s="12"/>
    </row>
    <row r="216655" spans="8:8">
      <c r="H216655" s="12"/>
    </row>
    <row r="216656" spans="8:8">
      <c r="H216656" s="12"/>
    </row>
    <row r="216657" spans="8:8">
      <c r="H216657" s="12"/>
    </row>
    <row r="216658" spans="8:8">
      <c r="H216658" s="12"/>
    </row>
    <row r="216659" spans="8:8">
      <c r="H216659" s="12"/>
    </row>
    <row r="216660" spans="8:8">
      <c r="H216660" s="12"/>
    </row>
    <row r="216661" spans="8:8">
      <c r="H216661" s="12"/>
    </row>
    <row r="216662" spans="8:8">
      <c r="H216662" s="12"/>
    </row>
    <row r="216663" spans="8:8">
      <c r="H216663" s="12"/>
    </row>
    <row r="216664" spans="8:8">
      <c r="H216664" s="12"/>
    </row>
    <row r="216665" spans="8:8">
      <c r="H216665" s="12"/>
    </row>
    <row r="216666" spans="8:8">
      <c r="H216666" s="12"/>
    </row>
    <row r="216667" spans="8:8">
      <c r="H216667" s="12"/>
    </row>
    <row r="216668" spans="8:8">
      <c r="H216668" s="12"/>
    </row>
    <row r="216669" spans="8:8">
      <c r="H216669" s="12"/>
    </row>
    <row r="216670" spans="8:8">
      <c r="H216670" s="12"/>
    </row>
    <row r="216671" spans="8:8">
      <c r="H216671" s="12"/>
    </row>
    <row r="216672" spans="8:8">
      <c r="H216672" s="12"/>
    </row>
    <row r="216673" spans="8:8">
      <c r="H216673" s="12"/>
    </row>
    <row r="216674" spans="8:8">
      <c r="H216674" s="12"/>
    </row>
    <row r="216675" spans="8:8">
      <c r="H216675" s="12"/>
    </row>
    <row r="216676" spans="8:8">
      <c r="H216676" s="12"/>
    </row>
    <row r="216677" spans="8:8">
      <c r="H216677" s="12"/>
    </row>
    <row r="216678" spans="8:8">
      <c r="H216678" s="12"/>
    </row>
    <row r="216679" spans="8:8">
      <c r="H216679" s="12"/>
    </row>
    <row r="216680" spans="8:8">
      <c r="H216680" s="12"/>
    </row>
    <row r="216681" spans="8:8">
      <c r="H216681" s="12"/>
    </row>
    <row r="216682" spans="8:8">
      <c r="H216682" s="12"/>
    </row>
    <row r="216683" spans="8:8">
      <c r="H216683" s="12"/>
    </row>
    <row r="216684" spans="8:8">
      <c r="H216684" s="12"/>
    </row>
    <row r="216685" spans="8:8">
      <c r="H216685" s="12"/>
    </row>
    <row r="216686" spans="8:8">
      <c r="H216686" s="12"/>
    </row>
    <row r="216687" spans="8:8">
      <c r="H216687" s="12"/>
    </row>
    <row r="216688" spans="8:8">
      <c r="H216688" s="12"/>
    </row>
    <row r="216689" spans="8:8">
      <c r="H216689" s="12"/>
    </row>
    <row r="216690" spans="8:8">
      <c r="H216690" s="12"/>
    </row>
    <row r="216691" spans="8:8">
      <c r="H216691" s="12"/>
    </row>
    <row r="216692" spans="8:8">
      <c r="H216692" s="12"/>
    </row>
    <row r="216693" spans="8:8">
      <c r="H216693" s="12"/>
    </row>
    <row r="216694" spans="8:8">
      <c r="H216694" s="12"/>
    </row>
    <row r="216695" spans="8:8">
      <c r="H216695" s="12"/>
    </row>
    <row r="216696" spans="8:8">
      <c r="H216696" s="12"/>
    </row>
    <row r="216697" spans="8:8">
      <c r="H216697" s="12"/>
    </row>
    <row r="216698" spans="8:8">
      <c r="H216698" s="12"/>
    </row>
    <row r="216699" spans="8:8">
      <c r="H216699" s="12"/>
    </row>
    <row r="216700" spans="8:8">
      <c r="H216700" s="12"/>
    </row>
    <row r="216701" spans="8:8">
      <c r="H216701" s="12"/>
    </row>
    <row r="216702" spans="8:8">
      <c r="H216702" s="12"/>
    </row>
    <row r="216703" spans="8:8">
      <c r="H216703" s="12"/>
    </row>
    <row r="216704" spans="8:8">
      <c r="H216704" s="12"/>
    </row>
    <row r="216705" spans="8:8">
      <c r="H216705" s="12"/>
    </row>
    <row r="216706" spans="8:8">
      <c r="H216706" s="12"/>
    </row>
    <row r="216707" spans="8:8">
      <c r="H216707" s="12"/>
    </row>
    <row r="216708" spans="8:8">
      <c r="H216708" s="12"/>
    </row>
    <row r="216709" spans="8:8">
      <c r="H216709" s="12"/>
    </row>
    <row r="216710" spans="8:8">
      <c r="H216710" s="12"/>
    </row>
    <row r="216711" spans="8:8">
      <c r="H216711" s="12"/>
    </row>
    <row r="216712" spans="8:8">
      <c r="H216712" s="12"/>
    </row>
    <row r="216713" spans="8:8">
      <c r="H216713" s="12"/>
    </row>
    <row r="216714" spans="8:8">
      <c r="H216714" s="12"/>
    </row>
    <row r="216715" spans="8:8">
      <c r="H216715" s="12"/>
    </row>
    <row r="216716" spans="8:8">
      <c r="H216716" s="12"/>
    </row>
    <row r="216717" spans="8:8">
      <c r="H216717" s="12"/>
    </row>
    <row r="216718" spans="8:8">
      <c r="H216718" s="12"/>
    </row>
    <row r="216719" spans="8:8">
      <c r="H216719" s="12"/>
    </row>
    <row r="216720" spans="8:8">
      <c r="H216720" s="12"/>
    </row>
    <row r="216721" spans="8:8">
      <c r="H216721" s="12"/>
    </row>
    <row r="216722" spans="8:8">
      <c r="H216722" s="12"/>
    </row>
    <row r="216723" spans="8:8">
      <c r="H216723" s="12"/>
    </row>
    <row r="216724" spans="8:8">
      <c r="H216724" s="12"/>
    </row>
    <row r="216725" spans="8:8">
      <c r="H216725" s="12"/>
    </row>
    <row r="216726" spans="8:8">
      <c r="H216726" s="12"/>
    </row>
    <row r="216727" spans="8:8">
      <c r="H216727" s="12"/>
    </row>
    <row r="216728" spans="8:8">
      <c r="H216728" s="12"/>
    </row>
    <row r="216729" spans="8:8">
      <c r="H216729" s="12"/>
    </row>
    <row r="216730" spans="8:8">
      <c r="H216730" s="12"/>
    </row>
    <row r="216731" spans="8:8">
      <c r="H216731" s="12"/>
    </row>
    <row r="216732" spans="8:8">
      <c r="H216732" s="12"/>
    </row>
    <row r="216733" spans="8:8">
      <c r="H216733" s="12"/>
    </row>
    <row r="216734" spans="8:8">
      <c r="H216734" s="12"/>
    </row>
    <row r="216735" spans="8:8">
      <c r="H216735" s="12"/>
    </row>
    <row r="216736" spans="8:8">
      <c r="H216736" s="12"/>
    </row>
    <row r="216737" spans="8:8">
      <c r="H216737" s="12"/>
    </row>
    <row r="216738" spans="8:8">
      <c r="H216738" s="12"/>
    </row>
    <row r="216739" spans="8:8">
      <c r="H216739" s="12"/>
    </row>
    <row r="216740" spans="8:8">
      <c r="H216740" s="12"/>
    </row>
    <row r="216741" spans="8:8">
      <c r="H216741" s="12"/>
    </row>
    <row r="216742" spans="8:8">
      <c r="H216742" s="12"/>
    </row>
    <row r="216743" spans="8:8">
      <c r="H216743" s="12"/>
    </row>
    <row r="216744" spans="8:8">
      <c r="H216744" s="12"/>
    </row>
    <row r="216745" spans="8:8">
      <c r="H216745" s="12"/>
    </row>
    <row r="216746" spans="8:8">
      <c r="H216746" s="12"/>
    </row>
    <row r="216747" spans="8:8">
      <c r="H216747" s="12"/>
    </row>
    <row r="216748" spans="8:8">
      <c r="H216748" s="12"/>
    </row>
    <row r="216749" spans="8:8">
      <c r="H216749" s="12"/>
    </row>
    <row r="216750" spans="8:8">
      <c r="H216750" s="12"/>
    </row>
    <row r="216751" spans="8:8">
      <c r="H216751" s="12"/>
    </row>
    <row r="216752" spans="8:8">
      <c r="H216752" s="12"/>
    </row>
    <row r="216753" spans="8:8">
      <c r="H216753" s="12"/>
    </row>
    <row r="216754" spans="8:8">
      <c r="H216754" s="12"/>
    </row>
    <row r="216755" spans="8:8">
      <c r="H216755" s="12"/>
    </row>
    <row r="216756" spans="8:8">
      <c r="H216756" s="12"/>
    </row>
    <row r="216757" spans="8:8">
      <c r="H216757" s="12"/>
    </row>
    <row r="216758" spans="8:8">
      <c r="H216758" s="12"/>
    </row>
    <row r="216759" spans="8:8">
      <c r="H216759" s="12"/>
    </row>
    <row r="216760" spans="8:8">
      <c r="H216760" s="12"/>
    </row>
    <row r="216761" spans="8:8">
      <c r="H216761" s="12"/>
    </row>
    <row r="216762" spans="8:8">
      <c r="H216762" s="12"/>
    </row>
    <row r="216763" spans="8:8">
      <c r="H216763" s="12"/>
    </row>
    <row r="216764" spans="8:8">
      <c r="H216764" s="12"/>
    </row>
    <row r="216765" spans="8:8">
      <c r="H216765" s="12"/>
    </row>
    <row r="216766" spans="8:8">
      <c r="H216766" s="12"/>
    </row>
    <row r="216767" spans="8:8">
      <c r="H216767" s="12"/>
    </row>
    <row r="216768" spans="8:8">
      <c r="H216768" s="12"/>
    </row>
    <row r="216769" spans="8:8">
      <c r="H216769" s="12"/>
    </row>
    <row r="216770" spans="8:8">
      <c r="H216770" s="12"/>
    </row>
    <row r="216771" spans="8:8">
      <c r="H216771" s="12"/>
    </row>
    <row r="216772" spans="8:8">
      <c r="H216772" s="12"/>
    </row>
    <row r="216773" spans="8:8">
      <c r="H216773" s="12"/>
    </row>
    <row r="216774" spans="8:8">
      <c r="H216774" s="12"/>
    </row>
    <row r="216775" spans="8:8">
      <c r="H216775" s="12"/>
    </row>
    <row r="216776" spans="8:8">
      <c r="H216776" s="12"/>
    </row>
    <row r="216777" spans="8:8">
      <c r="H216777" s="12"/>
    </row>
    <row r="216778" spans="8:8">
      <c r="H216778" s="12"/>
    </row>
    <row r="216779" spans="8:8">
      <c r="H216779" s="12"/>
    </row>
    <row r="216780" spans="8:8">
      <c r="H216780" s="12"/>
    </row>
    <row r="216781" spans="8:8">
      <c r="H216781" s="12"/>
    </row>
    <row r="216782" spans="8:8">
      <c r="H216782" s="12"/>
    </row>
    <row r="216783" spans="8:8">
      <c r="H216783" s="12"/>
    </row>
    <row r="216784" spans="8:8">
      <c r="H216784" s="12"/>
    </row>
    <row r="216785" spans="8:8">
      <c r="H216785" s="12"/>
    </row>
    <row r="216786" spans="8:8">
      <c r="H216786" s="12"/>
    </row>
    <row r="216787" spans="8:8">
      <c r="H216787" s="12"/>
    </row>
    <row r="216788" spans="8:8">
      <c r="H216788" s="12"/>
    </row>
    <row r="216789" spans="8:8">
      <c r="H216789" s="12"/>
    </row>
    <row r="216790" spans="8:8">
      <c r="H216790" s="12"/>
    </row>
    <row r="216791" spans="8:8">
      <c r="H216791" s="12"/>
    </row>
    <row r="216792" spans="8:8">
      <c r="H216792" s="12"/>
    </row>
    <row r="216793" spans="8:8">
      <c r="H216793" s="12"/>
    </row>
    <row r="216794" spans="8:8">
      <c r="H216794" s="12"/>
    </row>
    <row r="216795" spans="8:8">
      <c r="H216795" s="12"/>
    </row>
    <row r="216796" spans="8:8">
      <c r="H216796" s="12"/>
    </row>
    <row r="216797" spans="8:8">
      <c r="H216797" s="12"/>
    </row>
    <row r="216798" spans="8:8">
      <c r="H216798" s="12"/>
    </row>
    <row r="216799" spans="8:8">
      <c r="H216799" s="12"/>
    </row>
    <row r="216800" spans="8:8">
      <c r="H216800" s="12"/>
    </row>
    <row r="216801" spans="8:8">
      <c r="H216801" s="12"/>
    </row>
    <row r="216802" spans="8:8">
      <c r="H216802" s="12"/>
    </row>
    <row r="216803" spans="8:8">
      <c r="H216803" s="12"/>
    </row>
    <row r="216804" spans="8:8">
      <c r="H216804" s="12"/>
    </row>
    <row r="216805" spans="8:8">
      <c r="H216805" s="12"/>
    </row>
    <row r="216806" spans="8:8">
      <c r="H216806" s="12"/>
    </row>
    <row r="216807" spans="8:8">
      <c r="H216807" s="12"/>
    </row>
    <row r="216808" spans="8:8">
      <c r="H216808" s="12"/>
    </row>
    <row r="216809" spans="8:8">
      <c r="H216809" s="12"/>
    </row>
    <row r="216810" spans="8:8">
      <c r="H216810" s="12"/>
    </row>
    <row r="216811" spans="8:8">
      <c r="H216811" s="12"/>
    </row>
    <row r="216812" spans="8:8">
      <c r="H216812" s="12"/>
    </row>
    <row r="216813" spans="8:8">
      <c r="H216813" s="12"/>
    </row>
    <row r="216814" spans="8:8">
      <c r="H216814" s="12"/>
    </row>
    <row r="216815" spans="8:8">
      <c r="H216815" s="12"/>
    </row>
    <row r="216816" spans="8:8">
      <c r="H216816" s="12"/>
    </row>
    <row r="216817" spans="8:8">
      <c r="H216817" s="12"/>
    </row>
    <row r="216818" spans="8:8">
      <c r="H216818" s="12"/>
    </row>
    <row r="216819" spans="8:8">
      <c r="H216819" s="12"/>
    </row>
    <row r="216820" spans="8:8">
      <c r="H216820" s="12"/>
    </row>
    <row r="216821" spans="8:8">
      <c r="H216821" s="12"/>
    </row>
    <row r="216822" spans="8:8">
      <c r="H216822" s="12"/>
    </row>
    <row r="216823" spans="8:8">
      <c r="H216823" s="12"/>
    </row>
    <row r="216824" spans="8:8">
      <c r="H216824" s="12"/>
    </row>
    <row r="216825" spans="8:8">
      <c r="H216825" s="12"/>
    </row>
    <row r="216826" spans="8:8">
      <c r="H216826" s="12"/>
    </row>
    <row r="216827" spans="8:8">
      <c r="H216827" s="12"/>
    </row>
    <row r="216828" spans="8:8">
      <c r="H216828" s="12"/>
    </row>
    <row r="216829" spans="8:8">
      <c r="H216829" s="12"/>
    </row>
    <row r="216830" spans="8:8">
      <c r="H216830" s="12"/>
    </row>
    <row r="216831" spans="8:8">
      <c r="H216831" s="12"/>
    </row>
    <row r="216832" spans="8:8">
      <c r="H216832" s="12"/>
    </row>
    <row r="216833" spans="8:8">
      <c r="H216833" s="12"/>
    </row>
    <row r="216834" spans="8:8">
      <c r="H216834" s="12"/>
    </row>
    <row r="216835" spans="8:8">
      <c r="H216835" s="12"/>
    </row>
    <row r="216836" spans="8:8">
      <c r="H216836" s="12"/>
    </row>
    <row r="216837" spans="8:8">
      <c r="H216837" s="12"/>
    </row>
    <row r="216838" spans="8:8">
      <c r="H216838" s="12"/>
    </row>
    <row r="216839" spans="8:8">
      <c r="H216839" s="12"/>
    </row>
    <row r="216840" spans="8:8">
      <c r="H216840" s="12"/>
    </row>
    <row r="216841" spans="8:8">
      <c r="H216841" s="12"/>
    </row>
    <row r="216842" spans="8:8">
      <c r="H216842" s="12"/>
    </row>
    <row r="216843" spans="8:8">
      <c r="H216843" s="12"/>
    </row>
    <row r="216844" spans="8:8">
      <c r="H216844" s="12"/>
    </row>
    <row r="216845" spans="8:8">
      <c r="H216845" s="12"/>
    </row>
    <row r="216846" spans="8:8">
      <c r="H216846" s="12"/>
    </row>
    <row r="216847" spans="8:8">
      <c r="H216847" s="12"/>
    </row>
    <row r="216848" spans="8:8">
      <c r="H216848" s="12"/>
    </row>
    <row r="216849" spans="8:8">
      <c r="H216849" s="12"/>
    </row>
    <row r="216850" spans="8:8">
      <c r="H216850" s="12"/>
    </row>
    <row r="216851" spans="8:8">
      <c r="H216851" s="12"/>
    </row>
    <row r="216852" spans="8:8">
      <c r="H216852" s="12"/>
    </row>
    <row r="216853" spans="8:8">
      <c r="H216853" s="12"/>
    </row>
    <row r="216854" spans="8:8">
      <c r="H216854" s="12"/>
    </row>
    <row r="216855" spans="8:8">
      <c r="H216855" s="12"/>
    </row>
    <row r="216856" spans="8:8">
      <c r="H216856" s="12"/>
    </row>
    <row r="216857" spans="8:8">
      <c r="H216857" s="12"/>
    </row>
    <row r="216858" spans="8:8">
      <c r="H216858" s="12"/>
    </row>
    <row r="216859" spans="8:8">
      <c r="H216859" s="12"/>
    </row>
    <row r="216860" spans="8:8">
      <c r="H216860" s="12"/>
    </row>
    <row r="216861" spans="8:8">
      <c r="H216861" s="12"/>
    </row>
    <row r="216862" spans="8:8">
      <c r="H216862" s="12"/>
    </row>
    <row r="216863" spans="8:8">
      <c r="H216863" s="12"/>
    </row>
    <row r="216864" spans="8:8">
      <c r="H216864" s="12"/>
    </row>
    <row r="216865" spans="8:8">
      <c r="H216865" s="12"/>
    </row>
    <row r="216866" spans="8:8">
      <c r="H216866" s="12"/>
    </row>
    <row r="216867" spans="8:8">
      <c r="H216867" s="12"/>
    </row>
    <row r="216868" spans="8:8">
      <c r="H216868" s="12"/>
    </row>
    <row r="216869" spans="8:8">
      <c r="H216869" s="12"/>
    </row>
    <row r="216870" spans="8:8">
      <c r="H216870" s="12"/>
    </row>
    <row r="216871" spans="8:8">
      <c r="H216871" s="12"/>
    </row>
    <row r="216872" spans="8:8">
      <c r="H216872" s="12"/>
    </row>
    <row r="216873" spans="8:8">
      <c r="H216873" s="12"/>
    </row>
    <row r="216874" spans="8:8">
      <c r="H216874" s="12"/>
    </row>
    <row r="216875" spans="8:8">
      <c r="H216875" s="12"/>
    </row>
    <row r="216876" spans="8:8">
      <c r="H216876" s="12"/>
    </row>
    <row r="216877" spans="8:8">
      <c r="H216877" s="12"/>
    </row>
    <row r="216878" spans="8:8">
      <c r="H216878" s="12"/>
    </row>
    <row r="216879" spans="8:8">
      <c r="H216879" s="12"/>
    </row>
    <row r="216880" spans="8:8">
      <c r="H216880" s="12"/>
    </row>
    <row r="216881" spans="8:8">
      <c r="H216881" s="12"/>
    </row>
    <row r="216882" spans="8:8">
      <c r="H216882" s="12"/>
    </row>
    <row r="216883" spans="8:8">
      <c r="H216883" s="12"/>
    </row>
    <row r="216884" spans="8:8">
      <c r="H216884" s="12"/>
    </row>
    <row r="216885" spans="8:8">
      <c r="H216885" s="12"/>
    </row>
    <row r="216886" spans="8:8">
      <c r="H216886" s="12"/>
    </row>
    <row r="216887" spans="8:8">
      <c r="H216887" s="12"/>
    </row>
    <row r="216888" spans="8:8">
      <c r="H216888" s="12"/>
    </row>
    <row r="216889" spans="8:8">
      <c r="H216889" s="12"/>
    </row>
    <row r="216890" spans="8:8">
      <c r="H216890" s="12"/>
    </row>
    <row r="216891" spans="8:8">
      <c r="H216891" s="12"/>
    </row>
    <row r="216892" spans="8:8">
      <c r="H216892" s="12"/>
    </row>
    <row r="216893" spans="8:8">
      <c r="H216893" s="12"/>
    </row>
    <row r="216894" spans="8:8">
      <c r="H216894" s="12"/>
    </row>
    <row r="216895" spans="8:8">
      <c r="H216895" s="12"/>
    </row>
    <row r="216896" spans="8:8">
      <c r="H216896" s="12"/>
    </row>
    <row r="216897" spans="8:8">
      <c r="H216897" s="12"/>
    </row>
    <row r="216898" spans="8:8">
      <c r="H216898" s="12"/>
    </row>
    <row r="216899" spans="8:8">
      <c r="H216899" s="12"/>
    </row>
    <row r="216900" spans="8:8">
      <c r="H216900" s="12"/>
    </row>
    <row r="216901" spans="8:8">
      <c r="H216901" s="12"/>
    </row>
    <row r="216902" spans="8:8">
      <c r="H216902" s="12"/>
    </row>
    <row r="216903" spans="8:8">
      <c r="H216903" s="12"/>
    </row>
    <row r="216904" spans="8:8">
      <c r="H216904" s="12"/>
    </row>
    <row r="216905" spans="8:8">
      <c r="H216905" s="12"/>
    </row>
    <row r="216906" spans="8:8">
      <c r="H216906" s="12"/>
    </row>
    <row r="216907" spans="8:8">
      <c r="H216907" s="12"/>
    </row>
    <row r="216908" spans="8:8">
      <c r="H216908" s="12"/>
    </row>
    <row r="216909" spans="8:8">
      <c r="H216909" s="12"/>
    </row>
    <row r="216910" spans="8:8">
      <c r="H216910" s="12"/>
    </row>
    <row r="216911" spans="8:8">
      <c r="H216911" s="12"/>
    </row>
    <row r="216912" spans="8:8">
      <c r="H216912" s="12"/>
    </row>
    <row r="216913" spans="8:8">
      <c r="H216913" s="12"/>
    </row>
    <row r="216914" spans="8:8">
      <c r="H216914" s="12"/>
    </row>
    <row r="216915" spans="8:8">
      <c r="H216915" s="12"/>
    </row>
    <row r="216916" spans="8:8">
      <c r="H216916" s="12"/>
    </row>
    <row r="216917" spans="8:8">
      <c r="H216917" s="12"/>
    </row>
    <row r="216918" spans="8:8">
      <c r="H216918" s="12"/>
    </row>
    <row r="216919" spans="8:8">
      <c r="H216919" s="12"/>
    </row>
    <row r="216920" spans="8:8">
      <c r="H216920" s="12"/>
    </row>
    <row r="216921" spans="8:8">
      <c r="H216921" s="12"/>
    </row>
    <row r="216922" spans="8:8">
      <c r="H216922" s="12"/>
    </row>
    <row r="216923" spans="8:8">
      <c r="H216923" s="12"/>
    </row>
    <row r="216924" spans="8:8">
      <c r="H216924" s="12"/>
    </row>
    <row r="216925" spans="8:8">
      <c r="H216925" s="12"/>
    </row>
    <row r="216926" spans="8:8">
      <c r="H216926" s="12"/>
    </row>
    <row r="216927" spans="8:8">
      <c r="H216927" s="12"/>
    </row>
    <row r="216928" spans="8:8">
      <c r="H216928" s="12"/>
    </row>
    <row r="216929" spans="8:8">
      <c r="H216929" s="12"/>
    </row>
    <row r="216930" spans="8:8">
      <c r="H216930" s="12"/>
    </row>
    <row r="216931" spans="8:8">
      <c r="H216931" s="12"/>
    </row>
    <row r="216932" spans="8:8">
      <c r="H216932" s="12"/>
    </row>
    <row r="216933" spans="8:8">
      <c r="H216933" s="12"/>
    </row>
    <row r="216934" spans="8:8">
      <c r="H216934" s="12"/>
    </row>
    <row r="216935" spans="8:8">
      <c r="H216935" s="12"/>
    </row>
    <row r="216936" spans="8:8">
      <c r="H216936" s="12"/>
    </row>
    <row r="216937" spans="8:8">
      <c r="H216937" s="12"/>
    </row>
    <row r="216938" spans="8:8">
      <c r="H216938" s="12"/>
    </row>
    <row r="216939" spans="8:8">
      <c r="H216939" s="12"/>
    </row>
    <row r="216940" spans="8:8">
      <c r="H216940" s="12"/>
    </row>
    <row r="216941" spans="8:8">
      <c r="H216941" s="12"/>
    </row>
    <row r="216942" spans="8:8">
      <c r="H216942" s="12"/>
    </row>
    <row r="216943" spans="8:8">
      <c r="H216943" s="12"/>
    </row>
    <row r="216944" spans="8:8">
      <c r="H216944" s="12"/>
    </row>
    <row r="216945" spans="8:8">
      <c r="H216945" s="12"/>
    </row>
    <row r="216946" spans="8:8">
      <c r="H216946" s="12"/>
    </row>
    <row r="216947" spans="8:8">
      <c r="H216947" s="12"/>
    </row>
    <row r="216948" spans="8:8">
      <c r="H216948" s="12"/>
    </row>
    <row r="216949" spans="8:8">
      <c r="H216949" s="12"/>
    </row>
    <row r="216950" spans="8:8">
      <c r="H216950" s="12"/>
    </row>
    <row r="216951" spans="8:8">
      <c r="H216951" s="12"/>
    </row>
    <row r="216952" spans="8:8">
      <c r="H216952" s="12"/>
    </row>
    <row r="216953" spans="8:8">
      <c r="H216953" s="12"/>
    </row>
    <row r="216954" spans="8:8">
      <c r="H216954" s="12"/>
    </row>
    <row r="216955" spans="8:8">
      <c r="H216955" s="12"/>
    </row>
    <row r="216956" spans="8:8">
      <c r="H216956" s="12"/>
    </row>
    <row r="216957" spans="8:8">
      <c r="H216957" s="12"/>
    </row>
    <row r="216958" spans="8:8">
      <c r="H216958" s="12"/>
    </row>
    <row r="216959" spans="8:8">
      <c r="H216959" s="12"/>
    </row>
    <row r="216960" spans="8:8">
      <c r="H216960" s="12"/>
    </row>
    <row r="216961" spans="8:8">
      <c r="H216961" s="12"/>
    </row>
    <row r="216962" spans="8:8">
      <c r="H216962" s="12"/>
    </row>
    <row r="216963" spans="8:8">
      <c r="H216963" s="12"/>
    </row>
    <row r="216964" spans="8:8">
      <c r="H216964" s="12"/>
    </row>
    <row r="216965" spans="8:8">
      <c r="H216965" s="12"/>
    </row>
    <row r="216966" spans="8:8">
      <c r="H216966" s="12"/>
    </row>
    <row r="216967" spans="8:8">
      <c r="H216967" s="12"/>
    </row>
    <row r="216968" spans="8:8">
      <c r="H216968" s="12"/>
    </row>
    <row r="216969" spans="8:8">
      <c r="H216969" s="12"/>
    </row>
    <row r="216970" spans="8:8">
      <c r="H216970" s="12"/>
    </row>
    <row r="216971" spans="8:8">
      <c r="H216971" s="12"/>
    </row>
    <row r="216972" spans="8:8">
      <c r="H216972" s="12"/>
    </row>
    <row r="216973" spans="8:8">
      <c r="H216973" s="12"/>
    </row>
    <row r="216974" spans="8:8">
      <c r="H216974" s="12"/>
    </row>
    <row r="216975" spans="8:8">
      <c r="H216975" s="12"/>
    </row>
    <row r="216976" spans="8:8">
      <c r="H216976" s="12"/>
    </row>
    <row r="216977" spans="8:8">
      <c r="H216977" s="12"/>
    </row>
    <row r="216978" spans="8:8">
      <c r="H216978" s="12"/>
    </row>
    <row r="216979" spans="8:8">
      <c r="H216979" s="12"/>
    </row>
    <row r="216980" spans="8:8">
      <c r="H216980" s="12"/>
    </row>
    <row r="216981" spans="8:8">
      <c r="H216981" s="12"/>
    </row>
    <row r="216982" spans="8:8">
      <c r="H216982" s="12"/>
    </row>
    <row r="216983" spans="8:8">
      <c r="H216983" s="12"/>
    </row>
    <row r="216984" spans="8:8">
      <c r="H216984" s="12"/>
    </row>
    <row r="216985" spans="8:8">
      <c r="H216985" s="12"/>
    </row>
    <row r="216986" spans="8:8">
      <c r="H216986" s="12"/>
    </row>
    <row r="216987" spans="8:8">
      <c r="H216987" s="12"/>
    </row>
    <row r="216988" spans="8:8">
      <c r="H216988" s="12"/>
    </row>
    <row r="216989" spans="8:8">
      <c r="H216989" s="12"/>
    </row>
    <row r="216990" spans="8:8">
      <c r="H216990" s="12"/>
    </row>
    <row r="216991" spans="8:8">
      <c r="H216991" s="12"/>
    </row>
    <row r="216992" spans="8:8">
      <c r="H216992" s="12"/>
    </row>
    <row r="216993" spans="8:8">
      <c r="H216993" s="12"/>
    </row>
    <row r="216994" spans="8:8">
      <c r="H216994" s="12"/>
    </row>
    <row r="216995" spans="8:8">
      <c r="H216995" s="12"/>
    </row>
    <row r="216996" spans="8:8">
      <c r="H216996" s="12"/>
    </row>
    <row r="216997" spans="8:8">
      <c r="H216997" s="12"/>
    </row>
    <row r="216998" spans="8:8">
      <c r="H216998" s="12"/>
    </row>
    <row r="216999" spans="8:8">
      <c r="H216999" s="12"/>
    </row>
    <row r="217000" spans="8:8">
      <c r="H217000" s="12"/>
    </row>
    <row r="217001" spans="8:8">
      <c r="H217001" s="12"/>
    </row>
    <row r="217002" spans="8:8">
      <c r="H217002" s="12"/>
    </row>
    <row r="217003" spans="8:8">
      <c r="H217003" s="12"/>
    </row>
    <row r="217004" spans="8:8">
      <c r="H217004" s="12"/>
    </row>
    <row r="217005" spans="8:8">
      <c r="H217005" s="12"/>
    </row>
    <row r="217006" spans="8:8">
      <c r="H217006" s="12"/>
    </row>
    <row r="217007" spans="8:8">
      <c r="H217007" s="12"/>
    </row>
    <row r="217008" spans="8:8">
      <c r="H217008" s="12"/>
    </row>
    <row r="217009" spans="8:8">
      <c r="H217009" s="12"/>
    </row>
    <row r="217010" spans="8:8">
      <c r="H217010" s="12"/>
    </row>
    <row r="217011" spans="8:8">
      <c r="H217011" s="12"/>
    </row>
    <row r="217012" spans="8:8">
      <c r="H217012" s="12"/>
    </row>
    <row r="217013" spans="8:8">
      <c r="H217013" s="12"/>
    </row>
    <row r="217014" spans="8:8">
      <c r="H217014" s="12"/>
    </row>
    <row r="217015" spans="8:8">
      <c r="H217015" s="12"/>
    </row>
    <row r="217016" spans="8:8">
      <c r="H217016" s="12"/>
    </row>
    <row r="217017" spans="8:8">
      <c r="H217017" s="12"/>
    </row>
    <row r="217018" spans="8:8">
      <c r="H217018" s="12"/>
    </row>
    <row r="217019" spans="8:8">
      <c r="H217019" s="12"/>
    </row>
    <row r="217020" spans="8:8">
      <c r="H217020" s="12"/>
    </row>
    <row r="217021" spans="8:8">
      <c r="H217021" s="12"/>
    </row>
    <row r="217022" spans="8:8">
      <c r="H217022" s="12"/>
    </row>
    <row r="217023" spans="8:8">
      <c r="H217023" s="12"/>
    </row>
    <row r="217024" spans="8:8">
      <c r="H217024" s="12"/>
    </row>
    <row r="217025" spans="8:8">
      <c r="H217025" s="12"/>
    </row>
    <row r="217026" spans="8:8">
      <c r="H217026" s="12"/>
    </row>
    <row r="217027" spans="8:8">
      <c r="H217027" s="12"/>
    </row>
    <row r="217028" spans="8:8">
      <c r="H217028" s="12"/>
    </row>
    <row r="217029" spans="8:8">
      <c r="H217029" s="12"/>
    </row>
    <row r="217030" spans="8:8">
      <c r="H217030" s="12"/>
    </row>
    <row r="217031" spans="8:8">
      <c r="H217031" s="12"/>
    </row>
    <row r="217032" spans="8:8">
      <c r="H217032" s="12"/>
    </row>
    <row r="217033" spans="8:8">
      <c r="H217033" s="12"/>
    </row>
    <row r="217034" spans="8:8">
      <c r="H217034" s="12"/>
    </row>
    <row r="217035" spans="8:8">
      <c r="H217035" s="12"/>
    </row>
    <row r="217036" spans="8:8">
      <c r="H217036" s="12"/>
    </row>
    <row r="217037" spans="8:8">
      <c r="H217037" s="12"/>
    </row>
    <row r="217038" spans="8:8">
      <c r="H217038" s="12"/>
    </row>
    <row r="217039" spans="8:8">
      <c r="H217039" s="12"/>
    </row>
    <row r="217040" spans="8:8">
      <c r="H217040" s="12"/>
    </row>
    <row r="217041" spans="8:8">
      <c r="H217041" s="12"/>
    </row>
    <row r="217042" spans="8:8">
      <c r="H217042" s="12"/>
    </row>
    <row r="217043" spans="8:8">
      <c r="H217043" s="12"/>
    </row>
    <row r="217044" spans="8:8">
      <c r="H217044" s="12"/>
    </row>
    <row r="217045" spans="8:8">
      <c r="H217045" s="12"/>
    </row>
    <row r="217046" spans="8:8">
      <c r="H217046" s="12"/>
    </row>
    <row r="217047" spans="8:8">
      <c r="H217047" s="12"/>
    </row>
    <row r="217048" spans="8:8">
      <c r="H217048" s="12"/>
    </row>
    <row r="217049" spans="8:8">
      <c r="H217049" s="12"/>
    </row>
    <row r="217050" spans="8:8">
      <c r="H217050" s="12"/>
    </row>
    <row r="217051" spans="8:8">
      <c r="H217051" s="12"/>
    </row>
    <row r="217052" spans="8:8">
      <c r="H217052" s="12"/>
    </row>
    <row r="217053" spans="8:8">
      <c r="H217053" s="12"/>
    </row>
    <row r="217054" spans="8:8">
      <c r="H217054" s="12"/>
    </row>
    <row r="217055" spans="8:8">
      <c r="H217055" s="12"/>
    </row>
    <row r="217056" spans="8:8">
      <c r="H217056" s="12"/>
    </row>
    <row r="217057" spans="8:8">
      <c r="H217057" s="12"/>
    </row>
    <row r="217058" spans="8:8">
      <c r="H217058" s="12"/>
    </row>
    <row r="217059" spans="8:8">
      <c r="H217059" s="12"/>
    </row>
    <row r="217060" spans="8:8">
      <c r="H217060" s="12"/>
    </row>
    <row r="217061" spans="8:8">
      <c r="H217061" s="12"/>
    </row>
    <row r="217062" spans="8:8">
      <c r="H217062" s="12"/>
    </row>
    <row r="217063" spans="8:8">
      <c r="H217063" s="12"/>
    </row>
    <row r="217064" spans="8:8">
      <c r="H217064" s="12"/>
    </row>
    <row r="217065" spans="8:8">
      <c r="H217065" s="12"/>
    </row>
    <row r="217066" spans="8:8">
      <c r="H217066" s="12"/>
    </row>
    <row r="217067" spans="8:8">
      <c r="H217067" s="12"/>
    </row>
    <row r="217068" spans="8:8">
      <c r="H217068" s="12"/>
    </row>
    <row r="217069" spans="8:8">
      <c r="H217069" s="12"/>
    </row>
    <row r="217070" spans="8:8">
      <c r="H217070" s="12"/>
    </row>
    <row r="217071" spans="8:8">
      <c r="H217071" s="12"/>
    </row>
    <row r="217072" spans="8:8">
      <c r="H217072" s="12"/>
    </row>
    <row r="217073" spans="8:8">
      <c r="H217073" s="12"/>
    </row>
    <row r="217074" spans="8:8">
      <c r="H217074" s="12"/>
    </row>
    <row r="217075" spans="8:8">
      <c r="H217075" s="12"/>
    </row>
    <row r="217076" spans="8:8">
      <c r="H217076" s="12"/>
    </row>
    <row r="217077" spans="8:8">
      <c r="H217077" s="12"/>
    </row>
    <row r="217078" spans="8:8">
      <c r="H217078" s="12"/>
    </row>
    <row r="217079" spans="8:8">
      <c r="H217079" s="12"/>
    </row>
    <row r="217080" spans="8:8">
      <c r="H217080" s="12"/>
    </row>
    <row r="217081" spans="8:8">
      <c r="H217081" s="12"/>
    </row>
    <row r="217082" spans="8:8">
      <c r="H217082" s="12"/>
    </row>
    <row r="217083" spans="8:8">
      <c r="H217083" s="12"/>
    </row>
    <row r="217084" spans="8:8">
      <c r="H217084" s="12"/>
    </row>
    <row r="217085" spans="8:8">
      <c r="H217085" s="12"/>
    </row>
    <row r="217086" spans="8:8">
      <c r="H217086" s="12"/>
    </row>
    <row r="217087" spans="8:8">
      <c r="H217087" s="12"/>
    </row>
    <row r="217088" spans="8:8">
      <c r="H217088" s="12"/>
    </row>
    <row r="217089" spans="8:8">
      <c r="H217089" s="12"/>
    </row>
    <row r="217090" spans="8:8">
      <c r="H217090" s="12"/>
    </row>
    <row r="217091" spans="8:8">
      <c r="H217091" s="12"/>
    </row>
    <row r="217092" spans="8:8">
      <c r="H217092" s="12"/>
    </row>
    <row r="217093" spans="8:8">
      <c r="H217093" s="12"/>
    </row>
    <row r="217094" spans="8:8">
      <c r="H217094" s="12"/>
    </row>
    <row r="217095" spans="8:8">
      <c r="H217095" s="12"/>
    </row>
    <row r="217096" spans="8:8">
      <c r="H217096" s="12"/>
    </row>
    <row r="217097" spans="8:8">
      <c r="H217097" s="12"/>
    </row>
    <row r="217098" spans="8:8">
      <c r="H217098" s="12"/>
    </row>
    <row r="217099" spans="8:8">
      <c r="H217099" s="12"/>
    </row>
    <row r="217100" spans="8:8">
      <c r="H217100" s="12"/>
    </row>
    <row r="217101" spans="8:8">
      <c r="H217101" s="12"/>
    </row>
    <row r="217102" spans="8:8">
      <c r="H217102" s="12"/>
    </row>
    <row r="217103" spans="8:8">
      <c r="H217103" s="12"/>
    </row>
    <row r="217104" spans="8:8">
      <c r="H217104" s="12"/>
    </row>
    <row r="217105" spans="8:8">
      <c r="H217105" s="12"/>
    </row>
    <row r="217106" spans="8:8">
      <c r="H217106" s="12"/>
    </row>
    <row r="217107" spans="8:8">
      <c r="H217107" s="12"/>
    </row>
    <row r="217108" spans="8:8">
      <c r="H217108" s="12"/>
    </row>
    <row r="217109" spans="8:8">
      <c r="H217109" s="12"/>
    </row>
    <row r="217110" spans="8:8">
      <c r="H217110" s="12"/>
    </row>
    <row r="217111" spans="8:8">
      <c r="H217111" s="12"/>
    </row>
    <row r="217112" spans="8:8">
      <c r="H217112" s="12"/>
    </row>
    <row r="217113" spans="8:8">
      <c r="H217113" s="12"/>
    </row>
    <row r="217114" spans="8:8">
      <c r="H217114" s="12"/>
    </row>
    <row r="217115" spans="8:8">
      <c r="H217115" s="12"/>
    </row>
    <row r="217116" spans="8:8">
      <c r="H217116" s="12"/>
    </row>
    <row r="217117" spans="8:8">
      <c r="H217117" s="12"/>
    </row>
    <row r="217118" spans="8:8">
      <c r="H217118" s="12"/>
    </row>
    <row r="217119" spans="8:8">
      <c r="H217119" s="12"/>
    </row>
    <row r="217120" spans="8:8">
      <c r="H217120" s="12"/>
    </row>
    <row r="217121" spans="8:8">
      <c r="H217121" s="12"/>
    </row>
    <row r="217122" spans="8:8">
      <c r="H217122" s="12"/>
    </row>
    <row r="217123" spans="8:8">
      <c r="H217123" s="12"/>
    </row>
    <row r="217124" spans="8:8">
      <c r="H217124" s="12"/>
    </row>
    <row r="217125" spans="8:8">
      <c r="H217125" s="12"/>
    </row>
    <row r="217126" spans="8:8">
      <c r="H217126" s="12"/>
    </row>
    <row r="217127" spans="8:8">
      <c r="H217127" s="12"/>
    </row>
    <row r="217128" spans="8:8">
      <c r="H217128" s="12"/>
    </row>
    <row r="217129" spans="8:8">
      <c r="H217129" s="12"/>
    </row>
    <row r="217130" spans="8:8">
      <c r="H217130" s="12"/>
    </row>
    <row r="217131" spans="8:8">
      <c r="H217131" s="12"/>
    </row>
    <row r="217132" spans="8:8">
      <c r="H217132" s="12"/>
    </row>
    <row r="217133" spans="8:8">
      <c r="H217133" s="12"/>
    </row>
    <row r="217134" spans="8:8">
      <c r="H217134" s="12"/>
    </row>
    <row r="217135" spans="8:8">
      <c r="H217135" s="12"/>
    </row>
    <row r="217136" spans="8:8">
      <c r="H217136" s="12"/>
    </row>
    <row r="217137" spans="8:8">
      <c r="H217137" s="12"/>
    </row>
    <row r="217138" spans="8:8">
      <c r="H217138" s="12"/>
    </row>
    <row r="217139" spans="8:8">
      <c r="H217139" s="12"/>
    </row>
    <row r="217140" spans="8:8">
      <c r="H217140" s="12"/>
    </row>
    <row r="217141" spans="8:8">
      <c r="H217141" s="12"/>
    </row>
    <row r="217142" spans="8:8">
      <c r="H217142" s="12"/>
    </row>
    <row r="217143" spans="8:8">
      <c r="H217143" s="12"/>
    </row>
    <row r="217144" spans="8:8">
      <c r="H217144" s="12"/>
    </row>
    <row r="217145" spans="8:8">
      <c r="H217145" s="12"/>
    </row>
    <row r="217146" spans="8:8">
      <c r="H217146" s="12"/>
    </row>
    <row r="217147" spans="8:8">
      <c r="H217147" s="12"/>
    </row>
    <row r="217148" spans="8:8">
      <c r="H217148" s="12"/>
    </row>
    <row r="217149" spans="8:8">
      <c r="H217149" s="12"/>
    </row>
    <row r="217150" spans="8:8">
      <c r="H217150" s="12"/>
    </row>
    <row r="217151" spans="8:8">
      <c r="H217151" s="12"/>
    </row>
    <row r="217152" spans="8:8">
      <c r="H217152" s="12"/>
    </row>
    <row r="217153" spans="8:8">
      <c r="H217153" s="12"/>
    </row>
    <row r="217154" spans="8:8">
      <c r="H217154" s="12"/>
    </row>
    <row r="217155" spans="8:8">
      <c r="H217155" s="12"/>
    </row>
    <row r="217156" spans="8:8">
      <c r="H217156" s="12"/>
    </row>
    <row r="217157" spans="8:8">
      <c r="H217157" s="12"/>
    </row>
    <row r="217158" spans="8:8">
      <c r="H217158" s="12"/>
    </row>
    <row r="217159" spans="8:8">
      <c r="H217159" s="12"/>
    </row>
    <row r="217160" spans="8:8">
      <c r="H217160" s="12"/>
    </row>
    <row r="217161" spans="8:8">
      <c r="H217161" s="12"/>
    </row>
    <row r="217162" spans="8:8">
      <c r="H217162" s="12"/>
    </row>
    <row r="217163" spans="8:8">
      <c r="H217163" s="12"/>
    </row>
    <row r="217164" spans="8:8">
      <c r="H217164" s="12"/>
    </row>
    <row r="217165" spans="8:8">
      <c r="H217165" s="12"/>
    </row>
    <row r="217166" spans="8:8">
      <c r="H217166" s="12"/>
    </row>
    <row r="217167" spans="8:8">
      <c r="H217167" s="12"/>
    </row>
    <row r="217168" spans="8:8">
      <c r="H217168" s="12"/>
    </row>
    <row r="217169" spans="8:8">
      <c r="H217169" s="12"/>
    </row>
    <row r="217170" spans="8:8">
      <c r="H217170" s="12"/>
    </row>
    <row r="217171" spans="8:8">
      <c r="H217171" s="12"/>
    </row>
    <row r="217172" spans="8:8">
      <c r="H217172" s="12"/>
    </row>
    <row r="217173" spans="8:8">
      <c r="H217173" s="12"/>
    </row>
    <row r="217174" spans="8:8">
      <c r="H217174" s="12"/>
    </row>
    <row r="217175" spans="8:8">
      <c r="H217175" s="12"/>
    </row>
    <row r="217176" spans="8:8">
      <c r="H217176" s="12"/>
    </row>
    <row r="217177" spans="8:8">
      <c r="H217177" s="12"/>
    </row>
    <row r="217178" spans="8:8">
      <c r="H217178" s="12"/>
    </row>
    <row r="217179" spans="8:8">
      <c r="H217179" s="12"/>
    </row>
    <row r="217180" spans="8:8">
      <c r="H217180" s="12"/>
    </row>
    <row r="217181" spans="8:8">
      <c r="H217181" s="12"/>
    </row>
    <row r="217182" spans="8:8">
      <c r="H217182" s="12"/>
    </row>
    <row r="217183" spans="8:8">
      <c r="H217183" s="12"/>
    </row>
    <row r="217184" spans="8:8">
      <c r="H217184" s="12"/>
    </row>
    <row r="217185" spans="8:8">
      <c r="H217185" s="12"/>
    </row>
    <row r="217186" spans="8:8">
      <c r="H217186" s="12"/>
    </row>
    <row r="217187" spans="8:8">
      <c r="H217187" s="12"/>
    </row>
    <row r="217188" spans="8:8">
      <c r="H217188" s="12"/>
    </row>
    <row r="217189" spans="8:8">
      <c r="H217189" s="12"/>
    </row>
    <row r="217190" spans="8:8">
      <c r="H217190" s="12"/>
    </row>
    <row r="217191" spans="8:8">
      <c r="H217191" s="12"/>
    </row>
    <row r="217192" spans="8:8">
      <c r="H217192" s="12"/>
    </row>
    <row r="217193" spans="8:8">
      <c r="H217193" s="12"/>
    </row>
    <row r="217194" spans="8:8">
      <c r="H217194" s="12"/>
    </row>
    <row r="217195" spans="8:8">
      <c r="H217195" s="12"/>
    </row>
    <row r="217196" spans="8:8">
      <c r="H217196" s="12"/>
    </row>
    <row r="217197" spans="8:8">
      <c r="H217197" s="12"/>
    </row>
    <row r="217198" spans="8:8">
      <c r="H217198" s="12"/>
    </row>
    <row r="217199" spans="8:8">
      <c r="H217199" s="12"/>
    </row>
    <row r="217200" spans="8:8">
      <c r="H217200" s="12"/>
    </row>
    <row r="217201" spans="8:8">
      <c r="H217201" s="12"/>
    </row>
    <row r="217202" spans="8:8">
      <c r="H217202" s="12"/>
    </row>
    <row r="217203" spans="8:8">
      <c r="H217203" s="12"/>
    </row>
    <row r="217204" spans="8:8">
      <c r="H217204" s="12"/>
    </row>
    <row r="217205" spans="8:8">
      <c r="H217205" s="12"/>
    </row>
    <row r="217206" spans="8:8">
      <c r="H217206" s="12"/>
    </row>
    <row r="217207" spans="8:8">
      <c r="H217207" s="12"/>
    </row>
    <row r="217208" spans="8:8">
      <c r="H217208" s="12"/>
    </row>
    <row r="217209" spans="8:8">
      <c r="H217209" s="12"/>
    </row>
    <row r="217210" spans="8:8">
      <c r="H217210" s="12"/>
    </row>
    <row r="217211" spans="8:8">
      <c r="H217211" s="12"/>
    </row>
    <row r="217212" spans="8:8">
      <c r="H217212" s="12"/>
    </row>
    <row r="217213" spans="8:8">
      <c r="H217213" s="12"/>
    </row>
    <row r="217214" spans="8:8">
      <c r="H217214" s="12"/>
    </row>
    <row r="217215" spans="8:8">
      <c r="H217215" s="12"/>
    </row>
    <row r="217216" spans="8:8">
      <c r="H217216" s="12"/>
    </row>
    <row r="217217" spans="8:8">
      <c r="H217217" s="12"/>
    </row>
    <row r="217218" spans="8:8">
      <c r="H217218" s="12"/>
    </row>
    <row r="217219" spans="8:8">
      <c r="H217219" s="12"/>
    </row>
    <row r="217220" spans="8:8">
      <c r="H217220" s="12"/>
    </row>
    <row r="217221" spans="8:8">
      <c r="H217221" s="12"/>
    </row>
    <row r="217222" spans="8:8">
      <c r="H217222" s="12"/>
    </row>
    <row r="217223" spans="8:8">
      <c r="H217223" s="12"/>
    </row>
    <row r="217224" spans="8:8">
      <c r="H217224" s="12"/>
    </row>
    <row r="217225" spans="8:8">
      <c r="H217225" s="12"/>
    </row>
    <row r="217226" spans="8:8">
      <c r="H217226" s="12"/>
    </row>
    <row r="217227" spans="8:8">
      <c r="H217227" s="12"/>
    </row>
    <row r="217228" spans="8:8">
      <c r="H217228" s="12"/>
    </row>
    <row r="217229" spans="8:8">
      <c r="H217229" s="12"/>
    </row>
    <row r="217230" spans="8:8">
      <c r="H217230" s="12"/>
    </row>
    <row r="217231" spans="8:8">
      <c r="H217231" s="12"/>
    </row>
    <row r="217232" spans="8:8">
      <c r="H217232" s="12"/>
    </row>
    <row r="217233" spans="8:8">
      <c r="H217233" s="12"/>
    </row>
    <row r="217234" spans="8:8">
      <c r="H217234" s="12"/>
    </row>
    <row r="217235" spans="8:8">
      <c r="H217235" s="12"/>
    </row>
    <row r="217236" spans="8:8">
      <c r="H217236" s="12"/>
    </row>
    <row r="217237" spans="8:8">
      <c r="H217237" s="12"/>
    </row>
    <row r="217238" spans="8:8">
      <c r="H217238" s="12"/>
    </row>
    <row r="217239" spans="8:8">
      <c r="H217239" s="12"/>
    </row>
    <row r="217240" spans="8:8">
      <c r="H217240" s="12"/>
    </row>
    <row r="217241" spans="8:8">
      <c r="H217241" s="12"/>
    </row>
    <row r="217242" spans="8:8">
      <c r="H217242" s="12"/>
    </row>
    <row r="217243" spans="8:8">
      <c r="H217243" s="12"/>
    </row>
    <row r="217244" spans="8:8">
      <c r="H217244" s="12"/>
    </row>
    <row r="217245" spans="8:8">
      <c r="H217245" s="12"/>
    </row>
    <row r="217246" spans="8:8">
      <c r="H217246" s="12"/>
    </row>
    <row r="217247" spans="8:8">
      <c r="H217247" s="12"/>
    </row>
    <row r="217248" spans="8:8">
      <c r="H217248" s="12"/>
    </row>
    <row r="217249" spans="8:8">
      <c r="H217249" s="12"/>
    </row>
    <row r="217250" spans="8:8">
      <c r="H217250" s="12"/>
    </row>
    <row r="217251" spans="8:8">
      <c r="H217251" s="12"/>
    </row>
    <row r="217252" spans="8:8">
      <c r="H217252" s="12"/>
    </row>
    <row r="217253" spans="8:8">
      <c r="H217253" s="12"/>
    </row>
    <row r="217254" spans="8:8">
      <c r="H217254" s="12"/>
    </row>
    <row r="217255" spans="8:8">
      <c r="H217255" s="12"/>
    </row>
    <row r="217256" spans="8:8">
      <c r="H217256" s="12"/>
    </row>
    <row r="217257" spans="8:8">
      <c r="H217257" s="12"/>
    </row>
    <row r="217258" spans="8:8">
      <c r="H217258" s="12"/>
    </row>
    <row r="217259" spans="8:8">
      <c r="H217259" s="12"/>
    </row>
    <row r="217260" spans="8:8">
      <c r="H217260" s="12"/>
    </row>
    <row r="217261" spans="8:8">
      <c r="H217261" s="12"/>
    </row>
    <row r="217262" spans="8:8">
      <c r="H217262" s="12"/>
    </row>
    <row r="217263" spans="8:8">
      <c r="H217263" s="12"/>
    </row>
    <row r="217264" spans="8:8">
      <c r="H217264" s="12"/>
    </row>
    <row r="217265" spans="8:8">
      <c r="H217265" s="12"/>
    </row>
    <row r="217266" spans="8:8">
      <c r="H217266" s="12"/>
    </row>
    <row r="217267" spans="8:8">
      <c r="H217267" s="12"/>
    </row>
    <row r="217268" spans="8:8">
      <c r="H217268" s="12"/>
    </row>
    <row r="217269" spans="8:8">
      <c r="H217269" s="12"/>
    </row>
    <row r="217270" spans="8:8">
      <c r="H217270" s="12"/>
    </row>
    <row r="217271" spans="8:8">
      <c r="H217271" s="12"/>
    </row>
    <row r="217272" spans="8:8">
      <c r="H217272" s="12"/>
    </row>
    <row r="217273" spans="8:8">
      <c r="H217273" s="12"/>
    </row>
    <row r="217274" spans="8:8">
      <c r="H217274" s="12"/>
    </row>
    <row r="217275" spans="8:8">
      <c r="H217275" s="12"/>
    </row>
    <row r="217276" spans="8:8">
      <c r="H217276" s="12"/>
    </row>
    <row r="217277" spans="8:8">
      <c r="H217277" s="12"/>
    </row>
    <row r="217278" spans="8:8">
      <c r="H217278" s="12"/>
    </row>
    <row r="217279" spans="8:8">
      <c r="H217279" s="12"/>
    </row>
    <row r="217280" spans="8:8">
      <c r="H217280" s="12"/>
    </row>
    <row r="217281" spans="8:8">
      <c r="H217281" s="12"/>
    </row>
    <row r="217282" spans="8:8">
      <c r="H217282" s="12"/>
    </row>
    <row r="217283" spans="8:8">
      <c r="H217283" s="12"/>
    </row>
    <row r="217284" spans="8:8">
      <c r="H217284" s="12"/>
    </row>
    <row r="217285" spans="8:8">
      <c r="H217285" s="12"/>
    </row>
    <row r="217286" spans="8:8">
      <c r="H217286" s="12"/>
    </row>
    <row r="217287" spans="8:8">
      <c r="H217287" s="12"/>
    </row>
    <row r="217288" spans="8:8">
      <c r="H217288" s="12"/>
    </row>
    <row r="217289" spans="8:8">
      <c r="H217289" s="12"/>
    </row>
    <row r="217290" spans="8:8">
      <c r="H217290" s="12"/>
    </row>
    <row r="217291" spans="8:8">
      <c r="H217291" s="12"/>
    </row>
    <row r="217292" spans="8:8">
      <c r="H217292" s="12"/>
    </row>
    <row r="217293" spans="8:8">
      <c r="H217293" s="12"/>
    </row>
    <row r="217294" spans="8:8">
      <c r="H217294" s="12"/>
    </row>
    <row r="217295" spans="8:8">
      <c r="H217295" s="12"/>
    </row>
    <row r="217296" spans="8:8">
      <c r="H217296" s="12"/>
    </row>
    <row r="217297" spans="8:8">
      <c r="H217297" s="12"/>
    </row>
    <row r="217298" spans="8:8">
      <c r="H217298" s="12"/>
    </row>
    <row r="217299" spans="8:8">
      <c r="H217299" s="12"/>
    </row>
    <row r="217300" spans="8:8">
      <c r="H217300" s="12"/>
    </row>
    <row r="217301" spans="8:8">
      <c r="H217301" s="12"/>
    </row>
    <row r="217302" spans="8:8">
      <c r="H217302" s="12"/>
    </row>
    <row r="217303" spans="8:8">
      <c r="H217303" s="12"/>
    </row>
    <row r="217304" spans="8:8">
      <c r="H217304" s="12"/>
    </row>
    <row r="217305" spans="8:8">
      <c r="H217305" s="12"/>
    </row>
    <row r="217306" spans="8:8">
      <c r="H217306" s="12"/>
    </row>
    <row r="217307" spans="8:8">
      <c r="H217307" s="12"/>
    </row>
    <row r="217308" spans="8:8">
      <c r="H217308" s="12"/>
    </row>
    <row r="217309" spans="8:8">
      <c r="H217309" s="12"/>
    </row>
    <row r="217310" spans="8:8">
      <c r="H217310" s="12"/>
    </row>
    <row r="217311" spans="8:8">
      <c r="H217311" s="12"/>
    </row>
    <row r="217312" spans="8:8">
      <c r="H217312" s="12"/>
    </row>
    <row r="217313" spans="8:8">
      <c r="H217313" s="12"/>
    </row>
    <row r="217314" spans="8:8">
      <c r="H217314" s="12"/>
    </row>
    <row r="217315" spans="8:8">
      <c r="H217315" s="12"/>
    </row>
    <row r="217316" spans="8:8">
      <c r="H217316" s="12"/>
    </row>
    <row r="217317" spans="8:8">
      <c r="H217317" s="12"/>
    </row>
    <row r="217318" spans="8:8">
      <c r="H217318" s="12"/>
    </row>
    <row r="217319" spans="8:8">
      <c r="H217319" s="12"/>
    </row>
    <row r="217320" spans="8:8">
      <c r="H217320" s="12"/>
    </row>
    <row r="217321" spans="8:8">
      <c r="H217321" s="12"/>
    </row>
    <row r="217322" spans="8:8">
      <c r="H217322" s="12"/>
    </row>
    <row r="217323" spans="8:8">
      <c r="H217323" s="12"/>
    </row>
    <row r="217324" spans="8:8">
      <c r="H217324" s="12"/>
    </row>
    <row r="217325" spans="8:8">
      <c r="H217325" s="12"/>
    </row>
    <row r="217326" spans="8:8">
      <c r="H217326" s="12"/>
    </row>
    <row r="217327" spans="8:8">
      <c r="H217327" s="12"/>
    </row>
    <row r="217328" spans="8:8">
      <c r="H217328" s="12"/>
    </row>
    <row r="217329" spans="8:8">
      <c r="H217329" s="12"/>
    </row>
    <row r="217330" spans="8:8">
      <c r="H217330" s="12"/>
    </row>
    <row r="217331" spans="8:8">
      <c r="H217331" s="12"/>
    </row>
    <row r="217332" spans="8:8">
      <c r="H217332" s="12"/>
    </row>
    <row r="217333" spans="8:8">
      <c r="H217333" s="12"/>
    </row>
    <row r="217334" spans="8:8">
      <c r="H217334" s="12"/>
    </row>
    <row r="217335" spans="8:8">
      <c r="H217335" s="12"/>
    </row>
    <row r="217336" spans="8:8">
      <c r="H217336" s="12"/>
    </row>
    <row r="217337" spans="8:8">
      <c r="H217337" s="12"/>
    </row>
    <row r="217338" spans="8:8">
      <c r="H217338" s="12"/>
    </row>
    <row r="217339" spans="8:8">
      <c r="H217339" s="12"/>
    </row>
    <row r="217340" spans="8:8">
      <c r="H217340" s="12"/>
    </row>
    <row r="217341" spans="8:8">
      <c r="H217341" s="12"/>
    </row>
    <row r="217342" spans="8:8">
      <c r="H217342" s="12"/>
    </row>
    <row r="217343" spans="8:8">
      <c r="H217343" s="12"/>
    </row>
    <row r="217344" spans="8:8">
      <c r="H217344" s="12"/>
    </row>
    <row r="217345" spans="8:8">
      <c r="H217345" s="12"/>
    </row>
    <row r="217346" spans="8:8">
      <c r="H217346" s="12"/>
    </row>
    <row r="217347" spans="8:8">
      <c r="H217347" s="12"/>
    </row>
    <row r="217348" spans="8:8">
      <c r="H217348" s="12"/>
    </row>
    <row r="217349" spans="8:8">
      <c r="H217349" s="12"/>
    </row>
    <row r="217350" spans="8:8">
      <c r="H217350" s="12"/>
    </row>
    <row r="217351" spans="8:8">
      <c r="H217351" s="12"/>
    </row>
    <row r="217352" spans="8:8">
      <c r="H217352" s="12"/>
    </row>
    <row r="217353" spans="8:8">
      <c r="H217353" s="12"/>
    </row>
    <row r="217354" spans="8:8">
      <c r="H217354" s="12"/>
    </row>
    <row r="217355" spans="8:8">
      <c r="H217355" s="12"/>
    </row>
    <row r="217356" spans="8:8">
      <c r="H217356" s="12"/>
    </row>
    <row r="217357" spans="8:8">
      <c r="H217357" s="12"/>
    </row>
    <row r="217358" spans="8:8">
      <c r="H217358" s="12"/>
    </row>
    <row r="217359" spans="8:8">
      <c r="H217359" s="12"/>
    </row>
    <row r="217360" spans="8:8">
      <c r="H217360" s="12"/>
    </row>
    <row r="217361" spans="8:8">
      <c r="H217361" s="12"/>
    </row>
    <row r="217362" spans="8:8">
      <c r="H217362" s="12"/>
    </row>
    <row r="217363" spans="8:8">
      <c r="H217363" s="12"/>
    </row>
    <row r="217364" spans="8:8">
      <c r="H217364" s="12"/>
    </row>
    <row r="217365" spans="8:8">
      <c r="H217365" s="12"/>
    </row>
    <row r="217366" spans="8:8">
      <c r="H217366" s="12"/>
    </row>
    <row r="217367" spans="8:8">
      <c r="H217367" s="12"/>
    </row>
    <row r="217368" spans="8:8">
      <c r="H217368" s="12"/>
    </row>
    <row r="217369" spans="8:8">
      <c r="H217369" s="12"/>
    </row>
    <row r="217370" spans="8:8">
      <c r="H217370" s="12"/>
    </row>
    <row r="217371" spans="8:8">
      <c r="H217371" s="12"/>
    </row>
    <row r="217372" spans="8:8">
      <c r="H217372" s="12"/>
    </row>
    <row r="217373" spans="8:8">
      <c r="H217373" s="12"/>
    </row>
    <row r="217374" spans="8:8">
      <c r="H217374" s="12"/>
    </row>
    <row r="217375" spans="8:8">
      <c r="H217375" s="12"/>
    </row>
    <row r="217376" spans="8:8">
      <c r="H217376" s="12"/>
    </row>
    <row r="217377" spans="8:8">
      <c r="H217377" s="12"/>
    </row>
    <row r="217378" spans="8:8">
      <c r="H217378" s="12"/>
    </row>
    <row r="217379" spans="8:8">
      <c r="H217379" s="12"/>
    </row>
    <row r="217380" spans="8:8">
      <c r="H217380" s="12"/>
    </row>
    <row r="217381" spans="8:8">
      <c r="H217381" s="12"/>
    </row>
    <row r="217382" spans="8:8">
      <c r="H217382" s="12"/>
    </row>
    <row r="217383" spans="8:8">
      <c r="H217383" s="12"/>
    </row>
    <row r="217384" spans="8:8">
      <c r="H217384" s="12"/>
    </row>
    <row r="217385" spans="8:8">
      <c r="H217385" s="12"/>
    </row>
    <row r="217386" spans="8:8">
      <c r="H217386" s="12"/>
    </row>
    <row r="217387" spans="8:8">
      <c r="H217387" s="12"/>
    </row>
    <row r="217388" spans="8:8">
      <c r="H217388" s="12"/>
    </row>
    <row r="217389" spans="8:8">
      <c r="H217389" s="12"/>
    </row>
    <row r="217390" spans="8:8">
      <c r="H217390" s="12"/>
    </row>
    <row r="217391" spans="8:8">
      <c r="H217391" s="12"/>
    </row>
    <row r="217392" spans="8:8">
      <c r="H217392" s="12"/>
    </row>
    <row r="217393" spans="8:8">
      <c r="H217393" s="12"/>
    </row>
    <row r="217394" spans="8:8">
      <c r="H217394" s="12"/>
    </row>
    <row r="217395" spans="8:8">
      <c r="H217395" s="12"/>
    </row>
    <row r="217396" spans="8:8">
      <c r="H217396" s="12"/>
    </row>
    <row r="217397" spans="8:8">
      <c r="H217397" s="12"/>
    </row>
    <row r="217398" spans="8:8">
      <c r="H217398" s="12"/>
    </row>
    <row r="217399" spans="8:8">
      <c r="H217399" s="12"/>
    </row>
    <row r="217400" spans="8:8">
      <c r="H217400" s="12"/>
    </row>
    <row r="217401" spans="8:8">
      <c r="H217401" s="12"/>
    </row>
    <row r="217402" spans="8:8">
      <c r="H217402" s="12"/>
    </row>
    <row r="217403" spans="8:8">
      <c r="H217403" s="12"/>
    </row>
    <row r="217404" spans="8:8">
      <c r="H217404" s="12"/>
    </row>
    <row r="217405" spans="8:8">
      <c r="H217405" s="12"/>
    </row>
    <row r="217406" spans="8:8">
      <c r="H217406" s="12"/>
    </row>
    <row r="217407" spans="8:8">
      <c r="H217407" s="12"/>
    </row>
    <row r="217408" spans="8:8">
      <c r="H217408" s="12"/>
    </row>
    <row r="217409" spans="8:8">
      <c r="H217409" s="12"/>
    </row>
    <row r="217410" spans="8:8">
      <c r="H217410" s="12"/>
    </row>
    <row r="217411" spans="8:8">
      <c r="H217411" s="12"/>
    </row>
    <row r="217412" spans="8:8">
      <c r="H217412" s="12"/>
    </row>
    <row r="217413" spans="8:8">
      <c r="H217413" s="12"/>
    </row>
    <row r="217414" spans="8:8">
      <c r="H217414" s="12"/>
    </row>
    <row r="217415" spans="8:8">
      <c r="H217415" s="12"/>
    </row>
    <row r="217416" spans="8:8">
      <c r="H217416" s="12"/>
    </row>
    <row r="217417" spans="8:8">
      <c r="H217417" s="12"/>
    </row>
    <row r="217418" spans="8:8">
      <c r="H217418" s="12"/>
    </row>
    <row r="217419" spans="8:8">
      <c r="H217419" s="12"/>
    </row>
    <row r="217420" spans="8:8">
      <c r="H217420" s="12"/>
    </row>
    <row r="217421" spans="8:8">
      <c r="H217421" s="12"/>
    </row>
    <row r="217422" spans="8:8">
      <c r="H217422" s="12"/>
    </row>
    <row r="217423" spans="8:8">
      <c r="H217423" s="12"/>
    </row>
    <row r="217424" spans="8:8">
      <c r="H217424" s="12"/>
    </row>
    <row r="217425" spans="8:8">
      <c r="H217425" s="12"/>
    </row>
    <row r="217426" spans="8:8">
      <c r="H217426" s="12"/>
    </row>
    <row r="217427" spans="8:8">
      <c r="H217427" s="12"/>
    </row>
    <row r="217428" spans="8:8">
      <c r="H217428" s="12"/>
    </row>
    <row r="217429" spans="8:8">
      <c r="H217429" s="12"/>
    </row>
    <row r="217430" spans="8:8">
      <c r="H217430" s="12"/>
    </row>
    <row r="217431" spans="8:8">
      <c r="H217431" s="12"/>
    </row>
    <row r="217432" spans="8:8">
      <c r="H217432" s="12"/>
    </row>
    <row r="217433" spans="8:8">
      <c r="H217433" s="12"/>
    </row>
    <row r="217434" spans="8:8">
      <c r="H217434" s="12"/>
    </row>
    <row r="217435" spans="8:8">
      <c r="H217435" s="12"/>
    </row>
    <row r="217436" spans="8:8">
      <c r="H217436" s="12"/>
    </row>
    <row r="217437" spans="8:8">
      <c r="H217437" s="12"/>
    </row>
    <row r="217438" spans="8:8">
      <c r="H217438" s="12"/>
    </row>
    <row r="217439" spans="8:8">
      <c r="H217439" s="12"/>
    </row>
    <row r="217440" spans="8:8">
      <c r="H217440" s="12"/>
    </row>
    <row r="217441" spans="8:8">
      <c r="H217441" s="12"/>
    </row>
    <row r="217442" spans="8:8">
      <c r="H217442" s="12"/>
    </row>
    <row r="217443" spans="8:8">
      <c r="H217443" s="12"/>
    </row>
    <row r="217444" spans="8:8">
      <c r="H217444" s="12"/>
    </row>
    <row r="217445" spans="8:8">
      <c r="H217445" s="12"/>
    </row>
    <row r="217446" spans="8:8">
      <c r="H217446" s="12"/>
    </row>
    <row r="217447" spans="8:8">
      <c r="H217447" s="12"/>
    </row>
    <row r="217448" spans="8:8">
      <c r="H217448" s="12"/>
    </row>
    <row r="217449" spans="8:8">
      <c r="H217449" s="12"/>
    </row>
    <row r="217450" spans="8:8">
      <c r="H217450" s="12"/>
    </row>
    <row r="217451" spans="8:8">
      <c r="H217451" s="12"/>
    </row>
    <row r="217452" spans="8:8">
      <c r="H217452" s="12"/>
    </row>
    <row r="217453" spans="8:8">
      <c r="H217453" s="12"/>
    </row>
    <row r="217454" spans="8:8">
      <c r="H217454" s="12"/>
    </row>
    <row r="217455" spans="8:8">
      <c r="H217455" s="12"/>
    </row>
    <row r="217456" spans="8:8">
      <c r="H217456" s="12"/>
    </row>
    <row r="217457" spans="8:8">
      <c r="H217457" s="12"/>
    </row>
    <row r="217458" spans="8:8">
      <c r="H217458" s="12"/>
    </row>
    <row r="217459" spans="8:8">
      <c r="H217459" s="12"/>
    </row>
    <row r="217460" spans="8:8">
      <c r="H217460" s="12"/>
    </row>
    <row r="217461" spans="8:8">
      <c r="H217461" s="12"/>
    </row>
    <row r="217462" spans="8:8">
      <c r="H217462" s="12"/>
    </row>
    <row r="217463" spans="8:8">
      <c r="H217463" s="12"/>
    </row>
    <row r="217464" spans="8:8">
      <c r="H217464" s="12"/>
    </row>
    <row r="217465" spans="8:8">
      <c r="H217465" s="12"/>
    </row>
    <row r="217466" spans="8:8">
      <c r="H217466" s="12"/>
    </row>
    <row r="217467" spans="8:8">
      <c r="H217467" s="12"/>
    </row>
    <row r="217468" spans="8:8">
      <c r="H217468" s="12"/>
    </row>
    <row r="217469" spans="8:8">
      <c r="H217469" s="12"/>
    </row>
    <row r="217470" spans="8:8">
      <c r="H217470" s="12"/>
    </row>
    <row r="217471" spans="8:8">
      <c r="H217471" s="12"/>
    </row>
    <row r="217472" spans="8:8">
      <c r="H217472" s="12"/>
    </row>
    <row r="217473" spans="8:8">
      <c r="H217473" s="12"/>
    </row>
    <row r="217474" spans="8:8">
      <c r="H217474" s="12"/>
    </row>
    <row r="217475" spans="8:8">
      <c r="H217475" s="12"/>
    </row>
    <row r="217476" spans="8:8">
      <c r="H217476" s="12"/>
    </row>
    <row r="217477" spans="8:8">
      <c r="H217477" s="12"/>
    </row>
    <row r="217478" spans="8:8">
      <c r="H217478" s="12"/>
    </row>
    <row r="217479" spans="8:8">
      <c r="H217479" s="12"/>
    </row>
    <row r="217480" spans="8:8">
      <c r="H217480" s="12"/>
    </row>
    <row r="217481" spans="8:8">
      <c r="H217481" s="12"/>
    </row>
    <row r="217482" spans="8:8">
      <c r="H217482" s="12"/>
    </row>
    <row r="217483" spans="8:8">
      <c r="H217483" s="12"/>
    </row>
    <row r="217484" spans="8:8">
      <c r="H217484" s="12"/>
    </row>
    <row r="217485" spans="8:8">
      <c r="H217485" s="12"/>
    </row>
    <row r="217486" spans="8:8">
      <c r="H217486" s="12"/>
    </row>
    <row r="217487" spans="8:8">
      <c r="H217487" s="12"/>
    </row>
    <row r="217488" spans="8:8">
      <c r="H217488" s="12"/>
    </row>
    <row r="217489" spans="8:8">
      <c r="H217489" s="12"/>
    </row>
    <row r="217490" spans="8:8">
      <c r="H217490" s="12"/>
    </row>
    <row r="217491" spans="8:8">
      <c r="H217491" s="12"/>
    </row>
    <row r="217492" spans="8:8">
      <c r="H217492" s="12"/>
    </row>
    <row r="217493" spans="8:8">
      <c r="H217493" s="12"/>
    </row>
    <row r="217494" spans="8:8">
      <c r="H217494" s="12"/>
    </row>
    <row r="217495" spans="8:8">
      <c r="H217495" s="12"/>
    </row>
    <row r="217496" spans="8:8">
      <c r="H217496" s="12"/>
    </row>
    <row r="217497" spans="8:8">
      <c r="H217497" s="12"/>
    </row>
    <row r="217498" spans="8:8">
      <c r="H217498" s="12"/>
    </row>
    <row r="217499" spans="8:8">
      <c r="H217499" s="12"/>
    </row>
    <row r="217500" spans="8:8">
      <c r="H217500" s="12"/>
    </row>
    <row r="217501" spans="8:8">
      <c r="H217501" s="12"/>
    </row>
    <row r="217502" spans="8:8">
      <c r="H217502" s="12"/>
    </row>
    <row r="217503" spans="8:8">
      <c r="H217503" s="12"/>
    </row>
    <row r="217504" spans="8:8">
      <c r="H217504" s="12"/>
    </row>
    <row r="217505" spans="8:8">
      <c r="H217505" s="12"/>
    </row>
    <row r="217506" spans="8:8">
      <c r="H217506" s="12"/>
    </row>
    <row r="217507" spans="8:8">
      <c r="H217507" s="12"/>
    </row>
    <row r="217508" spans="8:8">
      <c r="H217508" s="12"/>
    </row>
    <row r="217509" spans="8:8">
      <c r="H217509" s="12"/>
    </row>
    <row r="217510" spans="8:8">
      <c r="H217510" s="12"/>
    </row>
    <row r="217511" spans="8:8">
      <c r="H217511" s="12"/>
    </row>
    <row r="217512" spans="8:8">
      <c r="H217512" s="12"/>
    </row>
    <row r="217513" spans="8:8">
      <c r="H217513" s="12"/>
    </row>
    <row r="217514" spans="8:8">
      <c r="H217514" s="12"/>
    </row>
    <row r="217515" spans="8:8">
      <c r="H217515" s="12"/>
    </row>
    <row r="217516" spans="8:8">
      <c r="H217516" s="12"/>
    </row>
    <row r="217517" spans="8:8">
      <c r="H217517" s="12"/>
    </row>
    <row r="217518" spans="8:8">
      <c r="H217518" s="12"/>
    </row>
    <row r="217519" spans="8:8">
      <c r="H217519" s="12"/>
    </row>
    <row r="217520" spans="8:8">
      <c r="H217520" s="12"/>
    </row>
    <row r="217521" spans="8:8">
      <c r="H217521" s="12"/>
    </row>
    <row r="217522" spans="8:8">
      <c r="H217522" s="12"/>
    </row>
    <row r="217523" spans="8:8">
      <c r="H217523" s="12"/>
    </row>
    <row r="217524" spans="8:8">
      <c r="H217524" s="12"/>
    </row>
    <row r="217525" spans="8:8">
      <c r="H217525" s="12"/>
    </row>
    <row r="217526" spans="8:8">
      <c r="H217526" s="12"/>
    </row>
    <row r="217527" spans="8:8">
      <c r="H217527" s="12"/>
    </row>
    <row r="217528" spans="8:8">
      <c r="H217528" s="12"/>
    </row>
    <row r="217529" spans="8:8">
      <c r="H217529" s="12"/>
    </row>
    <row r="217530" spans="8:8">
      <c r="H217530" s="12"/>
    </row>
    <row r="217531" spans="8:8">
      <c r="H217531" s="12"/>
    </row>
    <row r="217532" spans="8:8">
      <c r="H217532" s="12"/>
    </row>
    <row r="217533" spans="8:8">
      <c r="H217533" s="12"/>
    </row>
    <row r="217534" spans="8:8">
      <c r="H217534" s="12"/>
    </row>
    <row r="217535" spans="8:8">
      <c r="H217535" s="12"/>
    </row>
    <row r="217536" spans="8:8">
      <c r="H217536" s="12"/>
    </row>
    <row r="217537" spans="8:8">
      <c r="H217537" s="12"/>
    </row>
    <row r="217538" spans="8:8">
      <c r="H217538" s="12"/>
    </row>
    <row r="217539" spans="8:8">
      <c r="H217539" s="12"/>
    </row>
    <row r="217540" spans="8:8">
      <c r="H217540" s="12"/>
    </row>
    <row r="217541" spans="8:8">
      <c r="H217541" s="12"/>
    </row>
    <row r="217542" spans="8:8">
      <c r="H217542" s="12"/>
    </row>
    <row r="217543" spans="8:8">
      <c r="H217543" s="12"/>
    </row>
    <row r="217544" spans="8:8">
      <c r="H217544" s="12"/>
    </row>
    <row r="217545" spans="8:8">
      <c r="H217545" s="12"/>
    </row>
    <row r="217546" spans="8:8">
      <c r="H217546" s="12"/>
    </row>
    <row r="217547" spans="8:8">
      <c r="H217547" s="12"/>
    </row>
    <row r="217548" spans="8:8">
      <c r="H217548" s="12"/>
    </row>
    <row r="217549" spans="8:8">
      <c r="H217549" s="12"/>
    </row>
    <row r="217550" spans="8:8">
      <c r="H217550" s="12"/>
    </row>
    <row r="217551" spans="8:8">
      <c r="H217551" s="12"/>
    </row>
    <row r="217552" spans="8:8">
      <c r="H217552" s="12"/>
    </row>
    <row r="217553" spans="8:8">
      <c r="H217553" s="12"/>
    </row>
    <row r="217554" spans="8:8">
      <c r="H217554" s="12"/>
    </row>
    <row r="217555" spans="8:8">
      <c r="H217555" s="12"/>
    </row>
    <row r="217556" spans="8:8">
      <c r="H217556" s="12"/>
    </row>
    <row r="217557" spans="8:8">
      <c r="H217557" s="12"/>
    </row>
    <row r="217558" spans="8:8">
      <c r="H217558" s="12"/>
    </row>
    <row r="217559" spans="8:8">
      <c r="H217559" s="12"/>
    </row>
    <row r="217560" spans="8:8">
      <c r="H217560" s="12"/>
    </row>
    <row r="217561" spans="8:8">
      <c r="H217561" s="12"/>
    </row>
    <row r="217562" spans="8:8">
      <c r="H217562" s="12"/>
    </row>
    <row r="217563" spans="8:8">
      <c r="H217563" s="12"/>
    </row>
    <row r="217564" spans="8:8">
      <c r="H217564" s="12"/>
    </row>
    <row r="217565" spans="8:8">
      <c r="H217565" s="12"/>
    </row>
    <row r="217566" spans="8:8">
      <c r="H217566" s="12"/>
    </row>
    <row r="217567" spans="8:8">
      <c r="H217567" s="12"/>
    </row>
    <row r="217568" spans="8:8">
      <c r="H217568" s="12"/>
    </row>
    <row r="217569" spans="8:8">
      <c r="H217569" s="12"/>
    </row>
    <row r="217570" spans="8:8">
      <c r="H217570" s="12"/>
    </row>
    <row r="217571" spans="8:8">
      <c r="H217571" s="12"/>
    </row>
    <row r="217572" spans="8:8">
      <c r="H217572" s="12"/>
    </row>
    <row r="217573" spans="8:8">
      <c r="H217573" s="12"/>
    </row>
    <row r="217574" spans="8:8">
      <c r="H217574" s="12"/>
    </row>
    <row r="217575" spans="8:8">
      <c r="H217575" s="12"/>
    </row>
    <row r="217576" spans="8:8">
      <c r="H217576" s="12"/>
    </row>
    <row r="217577" spans="8:8">
      <c r="H217577" s="12"/>
    </row>
    <row r="217578" spans="8:8">
      <c r="H217578" s="12"/>
    </row>
    <row r="217579" spans="8:8">
      <c r="H217579" s="12"/>
    </row>
    <row r="217580" spans="8:8">
      <c r="H217580" s="12"/>
    </row>
    <row r="217581" spans="8:8">
      <c r="H217581" s="12"/>
    </row>
    <row r="217582" spans="8:8">
      <c r="H217582" s="12"/>
    </row>
    <row r="217583" spans="8:8">
      <c r="H217583" s="12"/>
    </row>
    <row r="217584" spans="8:8">
      <c r="H217584" s="12"/>
    </row>
    <row r="217585" spans="8:8">
      <c r="H217585" s="12"/>
    </row>
    <row r="217586" spans="8:8">
      <c r="H217586" s="12"/>
    </row>
    <row r="217587" spans="8:8">
      <c r="H217587" s="12"/>
    </row>
    <row r="217588" spans="8:8">
      <c r="H217588" s="12"/>
    </row>
    <row r="217589" spans="8:8">
      <c r="H217589" s="12"/>
    </row>
    <row r="217590" spans="8:8">
      <c r="H217590" s="12"/>
    </row>
    <row r="217591" spans="8:8">
      <c r="H217591" s="12"/>
    </row>
    <row r="217592" spans="8:8">
      <c r="H217592" s="12"/>
    </row>
    <row r="217593" spans="8:8">
      <c r="H217593" s="12"/>
    </row>
    <row r="217594" spans="8:8">
      <c r="H217594" s="12"/>
    </row>
    <row r="217595" spans="8:8">
      <c r="H217595" s="12"/>
    </row>
    <row r="217596" spans="8:8">
      <c r="H217596" s="12"/>
    </row>
    <row r="217597" spans="8:8">
      <c r="H217597" s="12"/>
    </row>
    <row r="217598" spans="8:8">
      <c r="H217598" s="12"/>
    </row>
    <row r="217599" spans="8:8">
      <c r="H217599" s="12"/>
    </row>
    <row r="217600" spans="8:8">
      <c r="H217600" s="12"/>
    </row>
    <row r="217601" spans="8:8">
      <c r="H217601" s="12"/>
    </row>
    <row r="217602" spans="8:8">
      <c r="H217602" s="12"/>
    </row>
    <row r="217603" spans="8:8">
      <c r="H217603" s="12"/>
    </row>
    <row r="217604" spans="8:8">
      <c r="H217604" s="12"/>
    </row>
    <row r="217605" spans="8:8">
      <c r="H217605" s="12"/>
    </row>
    <row r="217606" spans="8:8">
      <c r="H217606" s="12"/>
    </row>
    <row r="217607" spans="8:8">
      <c r="H217607" s="12"/>
    </row>
    <row r="217608" spans="8:8">
      <c r="H217608" s="12"/>
    </row>
    <row r="217609" spans="8:8">
      <c r="H217609" s="12"/>
    </row>
    <row r="217610" spans="8:8">
      <c r="H217610" s="12"/>
    </row>
    <row r="217611" spans="8:8">
      <c r="H217611" s="12"/>
    </row>
    <row r="217612" spans="8:8">
      <c r="H217612" s="12"/>
    </row>
    <row r="217613" spans="8:8">
      <c r="H217613" s="12"/>
    </row>
    <row r="217614" spans="8:8">
      <c r="H217614" s="12"/>
    </row>
    <row r="217615" spans="8:8">
      <c r="H217615" s="12"/>
    </row>
    <row r="217616" spans="8:8">
      <c r="H217616" s="12"/>
    </row>
    <row r="217617" spans="8:8">
      <c r="H217617" s="12"/>
    </row>
    <row r="217618" spans="8:8">
      <c r="H217618" s="12"/>
    </row>
    <row r="217619" spans="8:8">
      <c r="H217619" s="12"/>
    </row>
    <row r="217620" spans="8:8">
      <c r="H217620" s="12"/>
    </row>
    <row r="217621" spans="8:8">
      <c r="H217621" s="12"/>
    </row>
    <row r="217622" spans="8:8">
      <c r="H217622" s="12"/>
    </row>
    <row r="217623" spans="8:8">
      <c r="H217623" s="12"/>
    </row>
    <row r="217624" spans="8:8">
      <c r="H217624" s="12"/>
    </row>
    <row r="217625" spans="8:8">
      <c r="H217625" s="12"/>
    </row>
    <row r="217626" spans="8:8">
      <c r="H217626" s="12"/>
    </row>
    <row r="217627" spans="8:8">
      <c r="H217627" s="12"/>
    </row>
    <row r="217628" spans="8:8">
      <c r="H217628" s="12"/>
    </row>
    <row r="217629" spans="8:8">
      <c r="H217629" s="12"/>
    </row>
    <row r="217630" spans="8:8">
      <c r="H217630" s="12"/>
    </row>
    <row r="217631" spans="8:8">
      <c r="H217631" s="12"/>
    </row>
    <row r="217632" spans="8:8">
      <c r="H217632" s="12"/>
    </row>
    <row r="217633" spans="8:8">
      <c r="H217633" s="12"/>
    </row>
    <row r="217634" spans="8:8">
      <c r="H217634" s="12"/>
    </row>
    <row r="217635" spans="8:8">
      <c r="H217635" s="12"/>
    </row>
    <row r="217636" spans="8:8">
      <c r="H217636" s="12"/>
    </row>
    <row r="217637" spans="8:8">
      <c r="H217637" s="12"/>
    </row>
    <row r="217638" spans="8:8">
      <c r="H217638" s="12"/>
    </row>
    <row r="217639" spans="8:8">
      <c r="H217639" s="12"/>
    </row>
    <row r="217640" spans="8:8">
      <c r="H217640" s="12"/>
    </row>
    <row r="217641" spans="8:8">
      <c r="H217641" s="12"/>
    </row>
    <row r="217642" spans="8:8">
      <c r="H217642" s="12"/>
    </row>
    <row r="217643" spans="8:8">
      <c r="H217643" s="12"/>
    </row>
    <row r="217644" spans="8:8">
      <c r="H217644" s="12"/>
    </row>
    <row r="217645" spans="8:8">
      <c r="H217645" s="12"/>
    </row>
    <row r="217646" spans="8:8">
      <c r="H217646" s="12"/>
    </row>
    <row r="217647" spans="8:8">
      <c r="H217647" s="12"/>
    </row>
    <row r="217648" spans="8:8">
      <c r="H217648" s="12"/>
    </row>
    <row r="217649" spans="8:8">
      <c r="H217649" s="12"/>
    </row>
    <row r="217650" spans="8:8">
      <c r="H217650" s="12"/>
    </row>
    <row r="217651" spans="8:8">
      <c r="H217651" s="12"/>
    </row>
    <row r="217652" spans="8:8">
      <c r="H217652" s="12"/>
    </row>
    <row r="217653" spans="8:8">
      <c r="H217653" s="12"/>
    </row>
    <row r="217654" spans="8:8">
      <c r="H217654" s="12"/>
    </row>
    <row r="217655" spans="8:8">
      <c r="H217655" s="12"/>
    </row>
    <row r="217656" spans="8:8">
      <c r="H217656" s="12"/>
    </row>
    <row r="217657" spans="8:8">
      <c r="H217657" s="12"/>
    </row>
    <row r="217658" spans="8:8">
      <c r="H217658" s="12"/>
    </row>
    <row r="217659" spans="8:8">
      <c r="H217659" s="12"/>
    </row>
    <row r="217660" spans="8:8">
      <c r="H217660" s="12"/>
    </row>
    <row r="217661" spans="8:8">
      <c r="H217661" s="12"/>
    </row>
    <row r="217662" spans="8:8">
      <c r="H217662" s="12"/>
    </row>
    <row r="217663" spans="8:8">
      <c r="H217663" s="12"/>
    </row>
    <row r="217664" spans="8:8">
      <c r="H217664" s="12"/>
    </row>
    <row r="217665" spans="8:8">
      <c r="H217665" s="12"/>
    </row>
    <row r="217666" spans="8:8">
      <c r="H217666" s="12"/>
    </row>
    <row r="217667" spans="8:8">
      <c r="H217667" s="12"/>
    </row>
    <row r="217668" spans="8:8">
      <c r="H217668" s="12"/>
    </row>
    <row r="217669" spans="8:8">
      <c r="H217669" s="12"/>
    </row>
    <row r="217670" spans="8:8">
      <c r="H217670" s="12"/>
    </row>
    <row r="217671" spans="8:8">
      <c r="H217671" s="12"/>
    </row>
    <row r="217672" spans="8:8">
      <c r="H217672" s="12"/>
    </row>
    <row r="217673" spans="8:8">
      <c r="H217673" s="12"/>
    </row>
    <row r="217674" spans="8:8">
      <c r="H217674" s="12"/>
    </row>
    <row r="217675" spans="8:8">
      <c r="H217675" s="12"/>
    </row>
    <row r="217676" spans="8:8">
      <c r="H217676" s="12"/>
    </row>
    <row r="217677" spans="8:8">
      <c r="H217677" s="12"/>
    </row>
    <row r="217678" spans="8:8">
      <c r="H217678" s="12"/>
    </row>
    <row r="217679" spans="8:8">
      <c r="H217679" s="12"/>
    </row>
    <row r="217680" spans="8:8">
      <c r="H217680" s="12"/>
    </row>
    <row r="217681" spans="8:8">
      <c r="H217681" s="12"/>
    </row>
    <row r="217682" spans="8:8">
      <c r="H217682" s="12"/>
    </row>
    <row r="217683" spans="8:8">
      <c r="H217683" s="12"/>
    </row>
    <row r="217684" spans="8:8">
      <c r="H217684" s="12"/>
    </row>
    <row r="217685" spans="8:8">
      <c r="H217685" s="12"/>
    </row>
    <row r="217686" spans="8:8">
      <c r="H217686" s="12"/>
    </row>
    <row r="217687" spans="8:8">
      <c r="H217687" s="12"/>
    </row>
    <row r="217688" spans="8:8">
      <c r="H217688" s="12"/>
    </row>
    <row r="217689" spans="8:8">
      <c r="H217689" s="12"/>
    </row>
    <row r="217690" spans="8:8">
      <c r="H217690" s="12"/>
    </row>
    <row r="217691" spans="8:8">
      <c r="H217691" s="12"/>
    </row>
    <row r="217692" spans="8:8">
      <c r="H217692" s="12"/>
    </row>
    <row r="217693" spans="8:8">
      <c r="H217693" s="12"/>
    </row>
    <row r="217694" spans="8:8">
      <c r="H217694" s="12"/>
    </row>
    <row r="217695" spans="8:8">
      <c r="H217695" s="12"/>
    </row>
    <row r="217696" spans="8:8">
      <c r="H217696" s="12"/>
    </row>
    <row r="217697" spans="8:8">
      <c r="H217697" s="12"/>
    </row>
    <row r="217698" spans="8:8">
      <c r="H217698" s="12"/>
    </row>
    <row r="217699" spans="8:8">
      <c r="H217699" s="12"/>
    </row>
    <row r="217700" spans="8:8">
      <c r="H217700" s="12"/>
    </row>
    <row r="217701" spans="8:8">
      <c r="H217701" s="12"/>
    </row>
    <row r="217702" spans="8:8">
      <c r="H217702" s="12"/>
    </row>
    <row r="217703" spans="8:8">
      <c r="H217703" s="12"/>
    </row>
    <row r="217704" spans="8:8">
      <c r="H217704" s="12"/>
    </row>
    <row r="217705" spans="8:8">
      <c r="H217705" s="12"/>
    </row>
    <row r="217706" spans="8:8">
      <c r="H217706" s="12"/>
    </row>
    <row r="217707" spans="8:8">
      <c r="H217707" s="12"/>
    </row>
    <row r="217708" spans="8:8">
      <c r="H217708" s="12"/>
    </row>
    <row r="217709" spans="8:8">
      <c r="H217709" s="12"/>
    </row>
    <row r="217710" spans="8:8">
      <c r="H217710" s="12"/>
    </row>
    <row r="217711" spans="8:8">
      <c r="H217711" s="12"/>
    </row>
    <row r="217712" spans="8:8">
      <c r="H217712" s="12"/>
    </row>
    <row r="217713" spans="8:8">
      <c r="H217713" s="12"/>
    </row>
    <row r="217714" spans="8:8">
      <c r="H217714" s="12"/>
    </row>
    <row r="217715" spans="8:8">
      <c r="H217715" s="12"/>
    </row>
    <row r="217716" spans="8:8">
      <c r="H217716" s="12"/>
    </row>
    <row r="217717" spans="8:8">
      <c r="H217717" s="12"/>
    </row>
    <row r="217718" spans="8:8">
      <c r="H217718" s="12"/>
    </row>
    <row r="217719" spans="8:8">
      <c r="H217719" s="12"/>
    </row>
    <row r="217720" spans="8:8">
      <c r="H217720" s="12"/>
    </row>
    <row r="217721" spans="8:8">
      <c r="H217721" s="12"/>
    </row>
    <row r="217722" spans="8:8">
      <c r="H217722" s="12"/>
    </row>
    <row r="217723" spans="8:8">
      <c r="H217723" s="12"/>
    </row>
    <row r="217724" spans="8:8">
      <c r="H217724" s="12"/>
    </row>
    <row r="217725" spans="8:8">
      <c r="H217725" s="12"/>
    </row>
    <row r="217726" spans="8:8">
      <c r="H217726" s="12"/>
    </row>
    <row r="217727" spans="8:8">
      <c r="H217727" s="12"/>
    </row>
    <row r="217728" spans="8:8">
      <c r="H217728" s="12"/>
    </row>
    <row r="217729" spans="8:8">
      <c r="H217729" s="12"/>
    </row>
    <row r="217730" spans="8:8">
      <c r="H217730" s="12"/>
    </row>
    <row r="217731" spans="8:8">
      <c r="H217731" s="12"/>
    </row>
    <row r="217732" spans="8:8">
      <c r="H217732" s="12"/>
    </row>
    <row r="217733" spans="8:8">
      <c r="H217733" s="12"/>
    </row>
    <row r="217734" spans="8:8">
      <c r="H217734" s="12"/>
    </row>
    <row r="217735" spans="8:8">
      <c r="H217735" s="12"/>
    </row>
    <row r="217736" spans="8:8">
      <c r="H217736" s="12"/>
    </row>
    <row r="217737" spans="8:8">
      <c r="H217737" s="12"/>
    </row>
    <row r="217738" spans="8:8">
      <c r="H217738" s="12"/>
    </row>
    <row r="217739" spans="8:8">
      <c r="H217739" s="12"/>
    </row>
    <row r="217740" spans="8:8">
      <c r="H217740" s="12"/>
    </row>
    <row r="217741" spans="8:8">
      <c r="H217741" s="12"/>
    </row>
    <row r="217742" spans="8:8">
      <c r="H217742" s="12"/>
    </row>
    <row r="217743" spans="8:8">
      <c r="H217743" s="12"/>
    </row>
    <row r="217744" spans="8:8">
      <c r="H217744" s="12"/>
    </row>
    <row r="217745" spans="8:8">
      <c r="H217745" s="12"/>
    </row>
    <row r="217746" spans="8:8">
      <c r="H217746" s="12"/>
    </row>
    <row r="217747" spans="8:8">
      <c r="H217747" s="12"/>
    </row>
    <row r="217748" spans="8:8">
      <c r="H217748" s="12"/>
    </row>
    <row r="217749" spans="8:8">
      <c r="H217749" s="12"/>
    </row>
    <row r="217750" spans="8:8">
      <c r="H217750" s="12"/>
    </row>
    <row r="217751" spans="8:8">
      <c r="H217751" s="12"/>
    </row>
    <row r="217752" spans="8:8">
      <c r="H217752" s="12"/>
    </row>
    <row r="217753" spans="8:8">
      <c r="H217753" s="12"/>
    </row>
    <row r="217754" spans="8:8">
      <c r="H217754" s="12"/>
    </row>
    <row r="217755" spans="8:8">
      <c r="H217755" s="12"/>
    </row>
    <row r="217756" spans="8:8">
      <c r="H217756" s="12"/>
    </row>
    <row r="217757" spans="8:8">
      <c r="H217757" s="12"/>
    </row>
    <row r="217758" spans="8:8">
      <c r="H217758" s="12"/>
    </row>
    <row r="217759" spans="8:8">
      <c r="H217759" s="12"/>
    </row>
    <row r="217760" spans="8:8">
      <c r="H217760" s="12"/>
    </row>
    <row r="217761" spans="8:8">
      <c r="H217761" s="12"/>
    </row>
    <row r="217762" spans="8:8">
      <c r="H217762" s="12"/>
    </row>
    <row r="217763" spans="8:8">
      <c r="H217763" s="12"/>
    </row>
    <row r="217764" spans="8:8">
      <c r="H217764" s="12"/>
    </row>
    <row r="217765" spans="8:8">
      <c r="H217765" s="12"/>
    </row>
    <row r="217766" spans="8:8">
      <c r="H217766" s="12"/>
    </row>
    <row r="217767" spans="8:8">
      <c r="H217767" s="12"/>
    </row>
    <row r="217768" spans="8:8">
      <c r="H217768" s="12"/>
    </row>
    <row r="217769" spans="8:8">
      <c r="H217769" s="12"/>
    </row>
    <row r="217770" spans="8:8">
      <c r="H217770" s="12"/>
    </row>
    <row r="217771" spans="8:8">
      <c r="H217771" s="12"/>
    </row>
    <row r="217772" spans="8:8">
      <c r="H217772" s="12"/>
    </row>
    <row r="217773" spans="8:8">
      <c r="H217773" s="12"/>
    </row>
    <row r="217774" spans="8:8">
      <c r="H217774" s="12"/>
    </row>
    <row r="217775" spans="8:8">
      <c r="H217775" s="12"/>
    </row>
    <row r="217776" spans="8:8">
      <c r="H217776" s="12"/>
    </row>
    <row r="217777" spans="8:8">
      <c r="H217777" s="12"/>
    </row>
    <row r="217778" spans="8:8">
      <c r="H217778" s="12"/>
    </row>
    <row r="217779" spans="8:8">
      <c r="H217779" s="12"/>
    </row>
    <row r="217780" spans="8:8">
      <c r="H217780" s="12"/>
    </row>
    <row r="217781" spans="8:8">
      <c r="H217781" s="12"/>
    </row>
    <row r="217782" spans="8:8">
      <c r="H217782" s="12"/>
    </row>
    <row r="217783" spans="8:8">
      <c r="H217783" s="12"/>
    </row>
    <row r="217784" spans="8:8">
      <c r="H217784" s="12"/>
    </row>
    <row r="217785" spans="8:8">
      <c r="H217785" s="12"/>
    </row>
    <row r="217786" spans="8:8">
      <c r="H217786" s="12"/>
    </row>
    <row r="217787" spans="8:8">
      <c r="H217787" s="12"/>
    </row>
    <row r="217788" spans="8:8">
      <c r="H217788" s="12"/>
    </row>
    <row r="217789" spans="8:8">
      <c r="H217789" s="12"/>
    </row>
    <row r="217790" spans="8:8">
      <c r="H217790" s="12"/>
    </row>
    <row r="217791" spans="8:8">
      <c r="H217791" s="12"/>
    </row>
    <row r="217792" spans="8:8">
      <c r="H217792" s="12"/>
    </row>
    <row r="217793" spans="8:8">
      <c r="H217793" s="12"/>
    </row>
    <row r="217794" spans="8:8">
      <c r="H217794" s="12"/>
    </row>
    <row r="217795" spans="8:8">
      <c r="H217795" s="12"/>
    </row>
    <row r="217796" spans="8:8">
      <c r="H217796" s="12"/>
    </row>
    <row r="217797" spans="8:8">
      <c r="H217797" s="12"/>
    </row>
    <row r="217798" spans="8:8">
      <c r="H217798" s="12"/>
    </row>
    <row r="217799" spans="8:8">
      <c r="H217799" s="12"/>
    </row>
    <row r="217800" spans="8:8">
      <c r="H217800" s="12"/>
    </row>
    <row r="217801" spans="8:8">
      <c r="H217801" s="12"/>
    </row>
    <row r="217802" spans="8:8">
      <c r="H217802" s="12"/>
    </row>
    <row r="217803" spans="8:8">
      <c r="H217803" s="12"/>
    </row>
    <row r="217804" spans="8:8">
      <c r="H217804" s="12"/>
    </row>
    <row r="217805" spans="8:8">
      <c r="H217805" s="12"/>
    </row>
    <row r="217806" spans="8:8">
      <c r="H217806" s="12"/>
    </row>
    <row r="217807" spans="8:8">
      <c r="H217807" s="12"/>
    </row>
    <row r="217808" spans="8:8">
      <c r="H217808" s="12"/>
    </row>
    <row r="217809" spans="8:8">
      <c r="H217809" s="12"/>
    </row>
    <row r="217810" spans="8:8">
      <c r="H217810" s="12"/>
    </row>
    <row r="217811" spans="8:8">
      <c r="H217811" s="12"/>
    </row>
    <row r="217812" spans="8:8">
      <c r="H217812" s="12"/>
    </row>
    <row r="217813" spans="8:8">
      <c r="H217813" s="12"/>
    </row>
    <row r="217814" spans="8:8">
      <c r="H217814" s="12"/>
    </row>
    <row r="217815" spans="8:8">
      <c r="H217815" s="12"/>
    </row>
    <row r="217816" spans="8:8">
      <c r="H217816" s="12"/>
    </row>
    <row r="217817" spans="8:8">
      <c r="H217817" s="12"/>
    </row>
    <row r="217818" spans="8:8">
      <c r="H217818" s="12"/>
    </row>
    <row r="217819" spans="8:8">
      <c r="H217819" s="12"/>
    </row>
    <row r="217820" spans="8:8">
      <c r="H217820" s="12"/>
    </row>
    <row r="217821" spans="8:8">
      <c r="H217821" s="12"/>
    </row>
    <row r="217822" spans="8:8">
      <c r="H217822" s="12"/>
    </row>
    <row r="217823" spans="8:8">
      <c r="H217823" s="12"/>
    </row>
    <row r="217824" spans="8:8">
      <c r="H217824" s="12"/>
    </row>
    <row r="217825" spans="8:8">
      <c r="H217825" s="12"/>
    </row>
    <row r="217826" spans="8:8">
      <c r="H217826" s="12"/>
    </row>
    <row r="217827" spans="8:8">
      <c r="H217827" s="12"/>
    </row>
    <row r="217828" spans="8:8">
      <c r="H217828" s="12"/>
    </row>
    <row r="217829" spans="8:8">
      <c r="H217829" s="12"/>
    </row>
    <row r="217830" spans="8:8">
      <c r="H217830" s="12"/>
    </row>
    <row r="217831" spans="8:8">
      <c r="H217831" s="12"/>
    </row>
    <row r="217832" spans="8:8">
      <c r="H217832" s="12"/>
    </row>
    <row r="217833" spans="8:8">
      <c r="H217833" s="12"/>
    </row>
    <row r="217834" spans="8:8">
      <c r="H217834" s="12"/>
    </row>
    <row r="217835" spans="8:8">
      <c r="H217835" s="12"/>
    </row>
    <row r="217836" spans="8:8">
      <c r="H217836" s="12"/>
    </row>
    <row r="217837" spans="8:8">
      <c r="H217837" s="12"/>
    </row>
    <row r="217838" spans="8:8">
      <c r="H217838" s="12"/>
    </row>
    <row r="217839" spans="8:8">
      <c r="H217839" s="12"/>
    </row>
    <row r="217840" spans="8:8">
      <c r="H217840" s="12"/>
    </row>
    <row r="217841" spans="8:8">
      <c r="H217841" s="12"/>
    </row>
    <row r="217842" spans="8:8">
      <c r="H217842" s="12"/>
    </row>
    <row r="217843" spans="8:8">
      <c r="H217843" s="12"/>
    </row>
    <row r="217844" spans="8:8">
      <c r="H217844" s="12"/>
    </row>
    <row r="217845" spans="8:8">
      <c r="H217845" s="12"/>
    </row>
    <row r="217846" spans="8:8">
      <c r="H217846" s="12"/>
    </row>
    <row r="217847" spans="8:8">
      <c r="H217847" s="12"/>
    </row>
    <row r="217848" spans="8:8">
      <c r="H217848" s="12"/>
    </row>
    <row r="217849" spans="8:8">
      <c r="H217849" s="12"/>
    </row>
    <row r="217850" spans="8:8">
      <c r="H217850" s="12"/>
    </row>
    <row r="217851" spans="8:8">
      <c r="H217851" s="12"/>
    </row>
    <row r="217852" spans="8:8">
      <c r="H217852" s="12"/>
    </row>
    <row r="217853" spans="8:8">
      <c r="H217853" s="12"/>
    </row>
    <row r="217854" spans="8:8">
      <c r="H217854" s="12"/>
    </row>
    <row r="217855" spans="8:8">
      <c r="H217855" s="12"/>
    </row>
    <row r="217856" spans="8:8">
      <c r="H217856" s="12"/>
    </row>
    <row r="217857" spans="8:8">
      <c r="H217857" s="12"/>
    </row>
    <row r="217858" spans="8:8">
      <c r="H217858" s="12"/>
    </row>
    <row r="217859" spans="8:8">
      <c r="H217859" s="12"/>
    </row>
    <row r="217860" spans="8:8">
      <c r="H217860" s="12"/>
    </row>
    <row r="217861" spans="8:8">
      <c r="H217861" s="12"/>
    </row>
    <row r="217862" spans="8:8">
      <c r="H217862" s="12"/>
    </row>
    <row r="217863" spans="8:8">
      <c r="H217863" s="12"/>
    </row>
    <row r="217864" spans="8:8">
      <c r="H217864" s="12"/>
    </row>
    <row r="217865" spans="8:8">
      <c r="H217865" s="12"/>
    </row>
    <row r="217866" spans="8:8">
      <c r="H217866" s="12"/>
    </row>
    <row r="217867" spans="8:8">
      <c r="H217867" s="12"/>
    </row>
    <row r="217868" spans="8:8">
      <c r="H217868" s="12"/>
    </row>
    <row r="217869" spans="8:8">
      <c r="H217869" s="12"/>
    </row>
    <row r="217870" spans="8:8">
      <c r="H217870" s="12"/>
    </row>
    <row r="217871" spans="8:8">
      <c r="H217871" s="12"/>
    </row>
    <row r="217872" spans="8:8">
      <c r="H217872" s="12"/>
    </row>
    <row r="217873" spans="8:8">
      <c r="H217873" s="12"/>
    </row>
    <row r="217874" spans="8:8">
      <c r="H217874" s="12"/>
    </row>
    <row r="217875" spans="8:8">
      <c r="H217875" s="12"/>
    </row>
    <row r="217876" spans="8:8">
      <c r="H217876" s="12"/>
    </row>
    <row r="217877" spans="8:8">
      <c r="H217877" s="12"/>
    </row>
    <row r="217878" spans="8:8">
      <c r="H217878" s="12"/>
    </row>
    <row r="217879" spans="8:8">
      <c r="H217879" s="12"/>
    </row>
    <row r="217880" spans="8:8">
      <c r="H217880" s="12"/>
    </row>
    <row r="217881" spans="8:8">
      <c r="H217881" s="12"/>
    </row>
    <row r="217882" spans="8:8">
      <c r="H217882" s="12"/>
    </row>
    <row r="217883" spans="8:8">
      <c r="H217883" s="12"/>
    </row>
    <row r="217884" spans="8:8">
      <c r="H217884" s="12"/>
    </row>
    <row r="217885" spans="8:8">
      <c r="H217885" s="12"/>
    </row>
    <row r="217886" spans="8:8">
      <c r="H217886" s="12"/>
    </row>
    <row r="217887" spans="8:8">
      <c r="H217887" s="12"/>
    </row>
    <row r="217888" spans="8:8">
      <c r="H217888" s="12"/>
    </row>
    <row r="217889" spans="8:8">
      <c r="H217889" s="12"/>
    </row>
    <row r="217890" spans="8:8">
      <c r="H217890" s="12"/>
    </row>
    <row r="217891" spans="8:8">
      <c r="H217891" s="12"/>
    </row>
    <row r="217892" spans="8:8">
      <c r="H217892" s="12"/>
    </row>
    <row r="217893" spans="8:8">
      <c r="H217893" s="12"/>
    </row>
    <row r="217894" spans="8:8">
      <c r="H217894" s="12"/>
    </row>
    <row r="217895" spans="8:8">
      <c r="H217895" s="12"/>
    </row>
    <row r="217896" spans="8:8">
      <c r="H217896" s="12"/>
    </row>
    <row r="217897" spans="8:8">
      <c r="H217897" s="12"/>
    </row>
    <row r="217898" spans="8:8">
      <c r="H217898" s="12"/>
    </row>
    <row r="217899" spans="8:8">
      <c r="H217899" s="12"/>
    </row>
    <row r="217900" spans="8:8">
      <c r="H217900" s="12"/>
    </row>
    <row r="217901" spans="8:8">
      <c r="H217901" s="12"/>
    </row>
    <row r="217902" spans="8:8">
      <c r="H217902" s="12"/>
    </row>
    <row r="217903" spans="8:8">
      <c r="H217903" s="12"/>
    </row>
    <row r="217904" spans="8:8">
      <c r="H217904" s="12"/>
    </row>
    <row r="217905" spans="8:8">
      <c r="H217905" s="12"/>
    </row>
    <row r="217906" spans="8:8">
      <c r="H217906" s="12"/>
    </row>
    <row r="217907" spans="8:8">
      <c r="H217907" s="12"/>
    </row>
    <row r="217908" spans="8:8">
      <c r="H217908" s="12"/>
    </row>
    <row r="217909" spans="8:8">
      <c r="H217909" s="12"/>
    </row>
    <row r="217910" spans="8:8">
      <c r="H217910" s="12"/>
    </row>
    <row r="217911" spans="8:8">
      <c r="H217911" s="12"/>
    </row>
    <row r="217912" spans="8:8">
      <c r="H217912" s="12"/>
    </row>
    <row r="217913" spans="8:8">
      <c r="H217913" s="12"/>
    </row>
    <row r="217914" spans="8:8">
      <c r="H217914" s="12"/>
    </row>
    <row r="217915" spans="8:8">
      <c r="H217915" s="12"/>
    </row>
    <row r="217916" spans="8:8">
      <c r="H217916" s="12"/>
    </row>
    <row r="217917" spans="8:8">
      <c r="H217917" s="12"/>
    </row>
    <row r="217918" spans="8:8">
      <c r="H217918" s="12"/>
    </row>
    <row r="217919" spans="8:8">
      <c r="H217919" s="12"/>
    </row>
    <row r="217920" spans="8:8">
      <c r="H217920" s="12"/>
    </row>
    <row r="217921" spans="8:8">
      <c r="H217921" s="12"/>
    </row>
    <row r="217922" spans="8:8">
      <c r="H217922" s="12"/>
    </row>
    <row r="217923" spans="8:8">
      <c r="H217923" s="12"/>
    </row>
    <row r="217924" spans="8:8">
      <c r="H217924" s="12"/>
    </row>
    <row r="217925" spans="8:8">
      <c r="H217925" s="12"/>
    </row>
    <row r="217926" spans="8:8">
      <c r="H217926" s="12"/>
    </row>
    <row r="217927" spans="8:8">
      <c r="H217927" s="12"/>
    </row>
    <row r="217928" spans="8:8">
      <c r="H217928" s="12"/>
    </row>
    <row r="217929" spans="8:8">
      <c r="H217929" s="12"/>
    </row>
    <row r="217930" spans="8:8">
      <c r="H217930" s="12"/>
    </row>
    <row r="217931" spans="8:8">
      <c r="H217931" s="12"/>
    </row>
    <row r="217932" spans="8:8">
      <c r="H217932" s="12"/>
    </row>
    <row r="217933" spans="8:8">
      <c r="H217933" s="12"/>
    </row>
    <row r="217934" spans="8:8">
      <c r="H217934" s="12"/>
    </row>
    <row r="217935" spans="8:8">
      <c r="H217935" s="12"/>
    </row>
    <row r="217936" spans="8:8">
      <c r="H217936" s="12"/>
    </row>
    <row r="217937" spans="8:8">
      <c r="H217937" s="12"/>
    </row>
    <row r="217938" spans="8:8">
      <c r="H217938" s="12"/>
    </row>
    <row r="217939" spans="8:8">
      <c r="H217939" s="12"/>
    </row>
    <row r="217940" spans="8:8">
      <c r="H217940" s="12"/>
    </row>
    <row r="217941" spans="8:8">
      <c r="H217941" s="12"/>
    </row>
    <row r="217942" spans="8:8">
      <c r="H217942" s="12"/>
    </row>
    <row r="217943" spans="8:8">
      <c r="H217943" s="12"/>
    </row>
    <row r="217944" spans="8:8">
      <c r="H217944" s="12"/>
    </row>
    <row r="217945" spans="8:8">
      <c r="H217945" s="12"/>
    </row>
    <row r="217946" spans="8:8">
      <c r="H217946" s="12"/>
    </row>
    <row r="217947" spans="8:8">
      <c r="H217947" s="12"/>
    </row>
    <row r="217948" spans="8:8">
      <c r="H217948" s="12"/>
    </row>
    <row r="217949" spans="8:8">
      <c r="H217949" s="12"/>
    </row>
    <row r="217950" spans="8:8">
      <c r="H217950" s="12"/>
    </row>
    <row r="217951" spans="8:8">
      <c r="H217951" s="12"/>
    </row>
    <row r="217952" spans="8:8">
      <c r="H217952" s="12"/>
    </row>
    <row r="217953" spans="8:8">
      <c r="H217953" s="12"/>
    </row>
    <row r="217954" spans="8:8">
      <c r="H217954" s="12"/>
    </row>
    <row r="217955" spans="8:8">
      <c r="H217955" s="12"/>
    </row>
    <row r="217956" spans="8:8">
      <c r="H217956" s="12"/>
    </row>
    <row r="217957" spans="8:8">
      <c r="H217957" s="12"/>
    </row>
    <row r="217958" spans="8:8">
      <c r="H217958" s="12"/>
    </row>
    <row r="217959" spans="8:8">
      <c r="H217959" s="12"/>
    </row>
    <row r="217960" spans="8:8">
      <c r="H217960" s="12"/>
    </row>
    <row r="217961" spans="8:8">
      <c r="H217961" s="12"/>
    </row>
    <row r="217962" spans="8:8">
      <c r="H217962" s="12"/>
    </row>
    <row r="217963" spans="8:8">
      <c r="H217963" s="12"/>
    </row>
    <row r="217964" spans="8:8">
      <c r="H217964" s="12"/>
    </row>
    <row r="217965" spans="8:8">
      <c r="H217965" s="12"/>
    </row>
    <row r="217966" spans="8:8">
      <c r="H217966" s="12"/>
    </row>
    <row r="217967" spans="8:8">
      <c r="H217967" s="12"/>
    </row>
    <row r="217968" spans="8:8">
      <c r="H217968" s="12"/>
    </row>
    <row r="217969" spans="8:8">
      <c r="H217969" s="12"/>
    </row>
    <row r="217970" spans="8:8">
      <c r="H217970" s="12"/>
    </row>
    <row r="217971" spans="8:8">
      <c r="H217971" s="12"/>
    </row>
    <row r="217972" spans="8:8">
      <c r="H217972" s="12"/>
    </row>
    <row r="217973" spans="8:8">
      <c r="H217973" s="12"/>
    </row>
    <row r="217974" spans="8:8">
      <c r="H217974" s="12"/>
    </row>
    <row r="217975" spans="8:8">
      <c r="H217975" s="12"/>
    </row>
    <row r="217976" spans="8:8">
      <c r="H217976" s="12"/>
    </row>
    <row r="217977" spans="8:8">
      <c r="H217977" s="12"/>
    </row>
    <row r="217978" spans="8:8">
      <c r="H217978" s="12"/>
    </row>
    <row r="217979" spans="8:8">
      <c r="H217979" s="12"/>
    </row>
    <row r="217980" spans="8:8">
      <c r="H217980" s="12"/>
    </row>
    <row r="217981" spans="8:8">
      <c r="H217981" s="12"/>
    </row>
    <row r="217982" spans="8:8">
      <c r="H217982" s="12"/>
    </row>
    <row r="217983" spans="8:8">
      <c r="H217983" s="12"/>
    </row>
    <row r="217984" spans="8:8">
      <c r="H217984" s="12"/>
    </row>
    <row r="217985" spans="8:8">
      <c r="H217985" s="12"/>
    </row>
    <row r="217986" spans="8:8">
      <c r="H217986" s="12"/>
    </row>
    <row r="217987" spans="8:8">
      <c r="H217987" s="12"/>
    </row>
    <row r="217988" spans="8:8">
      <c r="H217988" s="12"/>
    </row>
    <row r="217989" spans="8:8">
      <c r="H217989" s="12"/>
    </row>
    <row r="217990" spans="8:8">
      <c r="H217990" s="12"/>
    </row>
    <row r="217991" spans="8:8">
      <c r="H217991" s="12"/>
    </row>
    <row r="217992" spans="8:8">
      <c r="H217992" s="12"/>
    </row>
    <row r="217993" spans="8:8">
      <c r="H217993" s="12"/>
    </row>
    <row r="217994" spans="8:8">
      <c r="H217994" s="12"/>
    </row>
    <row r="217995" spans="8:8">
      <c r="H217995" s="12"/>
    </row>
    <row r="217996" spans="8:8">
      <c r="H217996" s="12"/>
    </row>
    <row r="217997" spans="8:8">
      <c r="H217997" s="12"/>
    </row>
    <row r="217998" spans="8:8">
      <c r="H217998" s="12"/>
    </row>
    <row r="217999" spans="8:8">
      <c r="H217999" s="12"/>
    </row>
    <row r="218000" spans="8:8">
      <c r="H218000" s="12"/>
    </row>
    <row r="218001" spans="8:8">
      <c r="H218001" s="12"/>
    </row>
    <row r="218002" spans="8:8">
      <c r="H218002" s="12"/>
    </row>
    <row r="218003" spans="8:8">
      <c r="H218003" s="12"/>
    </row>
    <row r="218004" spans="8:8">
      <c r="H218004" s="12"/>
    </row>
    <row r="218005" spans="8:8">
      <c r="H218005" s="12"/>
    </row>
    <row r="218006" spans="8:8">
      <c r="H218006" s="12"/>
    </row>
    <row r="218007" spans="8:8">
      <c r="H218007" s="12"/>
    </row>
    <row r="218008" spans="8:8">
      <c r="H218008" s="12"/>
    </row>
    <row r="218009" spans="8:8">
      <c r="H218009" s="12"/>
    </row>
    <row r="218010" spans="8:8">
      <c r="H218010" s="12"/>
    </row>
    <row r="218011" spans="8:8">
      <c r="H218011" s="12"/>
    </row>
    <row r="218012" spans="8:8">
      <c r="H218012" s="12"/>
    </row>
    <row r="218013" spans="8:8">
      <c r="H218013" s="12"/>
    </row>
    <row r="218014" spans="8:8">
      <c r="H218014" s="12"/>
    </row>
    <row r="218015" spans="8:8">
      <c r="H218015" s="12"/>
    </row>
    <row r="218016" spans="8:8">
      <c r="H218016" s="12"/>
    </row>
    <row r="218017" spans="8:8">
      <c r="H218017" s="12"/>
    </row>
    <row r="218018" spans="8:8">
      <c r="H218018" s="12"/>
    </row>
    <row r="218019" spans="8:8">
      <c r="H218019" s="12"/>
    </row>
    <row r="218020" spans="8:8">
      <c r="H218020" s="12"/>
    </row>
    <row r="218021" spans="8:8">
      <c r="H218021" s="12"/>
    </row>
    <row r="218022" spans="8:8">
      <c r="H218022" s="12"/>
    </row>
    <row r="218023" spans="8:8">
      <c r="H218023" s="12"/>
    </row>
    <row r="218024" spans="8:8">
      <c r="H218024" s="12"/>
    </row>
    <row r="218025" spans="8:8">
      <c r="H218025" s="12"/>
    </row>
    <row r="218026" spans="8:8">
      <c r="H218026" s="12"/>
    </row>
    <row r="218027" spans="8:8">
      <c r="H218027" s="12"/>
    </row>
    <row r="218028" spans="8:8">
      <c r="H218028" s="12"/>
    </row>
    <row r="218029" spans="8:8">
      <c r="H218029" s="12"/>
    </row>
    <row r="218030" spans="8:8">
      <c r="H218030" s="12"/>
    </row>
    <row r="218031" spans="8:8">
      <c r="H218031" s="12"/>
    </row>
    <row r="218032" spans="8:8">
      <c r="H218032" s="12"/>
    </row>
    <row r="218033" spans="8:8">
      <c r="H218033" s="12"/>
    </row>
    <row r="218034" spans="8:8">
      <c r="H218034" s="12"/>
    </row>
    <row r="218035" spans="8:8">
      <c r="H218035" s="12"/>
    </row>
    <row r="218036" spans="8:8">
      <c r="H218036" s="12"/>
    </row>
    <row r="218037" spans="8:8">
      <c r="H218037" s="12"/>
    </row>
    <row r="218038" spans="8:8">
      <c r="H218038" s="12"/>
    </row>
    <row r="218039" spans="8:8">
      <c r="H218039" s="12"/>
    </row>
    <row r="218040" spans="8:8">
      <c r="H218040" s="12"/>
    </row>
    <row r="218041" spans="8:8">
      <c r="H218041" s="12"/>
    </row>
    <row r="218042" spans="8:8">
      <c r="H218042" s="12"/>
    </row>
    <row r="218043" spans="8:8">
      <c r="H218043" s="12"/>
    </row>
    <row r="218044" spans="8:8">
      <c r="H218044" s="12"/>
    </row>
    <row r="218045" spans="8:8">
      <c r="H218045" s="12"/>
    </row>
    <row r="218046" spans="8:8">
      <c r="H218046" s="12"/>
    </row>
    <row r="218047" spans="8:8">
      <c r="H218047" s="12"/>
    </row>
    <row r="218048" spans="8:8">
      <c r="H218048" s="12"/>
    </row>
    <row r="218049" spans="8:8">
      <c r="H218049" s="12"/>
    </row>
    <row r="218050" spans="8:8">
      <c r="H218050" s="12"/>
    </row>
    <row r="218051" spans="8:8">
      <c r="H218051" s="12"/>
    </row>
    <row r="218052" spans="8:8">
      <c r="H218052" s="12"/>
    </row>
    <row r="218053" spans="8:8">
      <c r="H218053" s="12"/>
    </row>
    <row r="218054" spans="8:8">
      <c r="H218054" s="12"/>
    </row>
    <row r="218055" spans="8:8">
      <c r="H218055" s="12"/>
    </row>
    <row r="218056" spans="8:8">
      <c r="H218056" s="12"/>
    </row>
    <row r="218057" spans="8:8">
      <c r="H218057" s="12"/>
    </row>
    <row r="218058" spans="8:8">
      <c r="H218058" s="12"/>
    </row>
    <row r="218059" spans="8:8">
      <c r="H218059" s="12"/>
    </row>
    <row r="218060" spans="8:8">
      <c r="H218060" s="12"/>
    </row>
    <row r="218061" spans="8:8">
      <c r="H218061" s="12"/>
    </row>
    <row r="218062" spans="8:8">
      <c r="H218062" s="12"/>
    </row>
    <row r="218063" spans="8:8">
      <c r="H218063" s="12"/>
    </row>
    <row r="218064" spans="8:8">
      <c r="H218064" s="12"/>
    </row>
    <row r="218065" spans="8:8">
      <c r="H218065" s="12"/>
    </row>
    <row r="218066" spans="8:8">
      <c r="H218066" s="12"/>
    </row>
    <row r="218067" spans="8:8">
      <c r="H218067" s="12"/>
    </row>
    <row r="218068" spans="8:8">
      <c r="H218068" s="12"/>
    </row>
    <row r="218069" spans="8:8">
      <c r="H218069" s="12"/>
    </row>
    <row r="218070" spans="8:8">
      <c r="H218070" s="12"/>
    </row>
    <row r="218071" spans="8:8">
      <c r="H218071" s="12"/>
    </row>
    <row r="218072" spans="8:8">
      <c r="H218072" s="12"/>
    </row>
    <row r="218073" spans="8:8">
      <c r="H218073" s="12"/>
    </row>
    <row r="218074" spans="8:8">
      <c r="H218074" s="12"/>
    </row>
    <row r="218075" spans="8:8">
      <c r="H218075" s="12"/>
    </row>
    <row r="218076" spans="8:8">
      <c r="H218076" s="12"/>
    </row>
    <row r="218077" spans="8:8">
      <c r="H218077" s="12"/>
    </row>
    <row r="218078" spans="8:8">
      <c r="H218078" s="12"/>
    </row>
    <row r="218079" spans="8:8">
      <c r="H218079" s="12"/>
    </row>
    <row r="218080" spans="8:8">
      <c r="H218080" s="12"/>
    </row>
    <row r="218081" spans="8:8">
      <c r="H218081" s="12"/>
    </row>
    <row r="218082" spans="8:8">
      <c r="H218082" s="12"/>
    </row>
    <row r="218083" spans="8:8">
      <c r="H218083" s="12"/>
    </row>
    <row r="218084" spans="8:8">
      <c r="H218084" s="12"/>
    </row>
    <row r="218085" spans="8:8">
      <c r="H218085" s="12"/>
    </row>
    <row r="218086" spans="8:8">
      <c r="H218086" s="12"/>
    </row>
    <row r="218087" spans="8:8">
      <c r="H218087" s="12"/>
    </row>
    <row r="218088" spans="8:8">
      <c r="H218088" s="12"/>
    </row>
    <row r="218089" spans="8:8">
      <c r="H218089" s="12"/>
    </row>
    <row r="218090" spans="8:8">
      <c r="H218090" s="12"/>
    </row>
    <row r="218091" spans="8:8">
      <c r="H218091" s="12"/>
    </row>
    <row r="218092" spans="8:8">
      <c r="H218092" s="12"/>
    </row>
    <row r="218093" spans="8:8">
      <c r="H218093" s="12"/>
    </row>
    <row r="218094" spans="8:8">
      <c r="H218094" s="12"/>
    </row>
    <row r="218095" spans="8:8">
      <c r="H218095" s="12"/>
    </row>
    <row r="218096" spans="8:8">
      <c r="H218096" s="12"/>
    </row>
    <row r="218097" spans="8:8">
      <c r="H218097" s="12"/>
    </row>
    <row r="218098" spans="8:8">
      <c r="H218098" s="12"/>
    </row>
    <row r="218099" spans="8:8">
      <c r="H218099" s="12"/>
    </row>
    <row r="218100" spans="8:8">
      <c r="H218100" s="12"/>
    </row>
    <row r="218101" spans="8:8">
      <c r="H218101" s="12"/>
    </row>
    <row r="218102" spans="8:8">
      <c r="H218102" s="12"/>
    </row>
    <row r="218103" spans="8:8">
      <c r="H218103" s="12"/>
    </row>
    <row r="218104" spans="8:8">
      <c r="H218104" s="12"/>
    </row>
    <row r="218105" spans="8:8">
      <c r="H218105" s="12"/>
    </row>
    <row r="218106" spans="8:8">
      <c r="H218106" s="12"/>
    </row>
    <row r="218107" spans="8:8">
      <c r="H218107" s="12"/>
    </row>
    <row r="218108" spans="8:8">
      <c r="H218108" s="12"/>
    </row>
    <row r="218109" spans="8:8">
      <c r="H218109" s="12"/>
    </row>
    <row r="218110" spans="8:8">
      <c r="H218110" s="12"/>
    </row>
    <row r="218111" spans="8:8">
      <c r="H218111" s="12"/>
    </row>
    <row r="218112" spans="8:8">
      <c r="H218112" s="12"/>
    </row>
    <row r="218113" spans="8:8">
      <c r="H218113" s="12"/>
    </row>
    <row r="218114" spans="8:8">
      <c r="H218114" s="12"/>
    </row>
    <row r="218115" spans="8:8">
      <c r="H218115" s="12"/>
    </row>
    <row r="218116" spans="8:8">
      <c r="H218116" s="12"/>
    </row>
    <row r="218117" spans="8:8">
      <c r="H218117" s="12"/>
    </row>
    <row r="218118" spans="8:8">
      <c r="H218118" s="12"/>
    </row>
    <row r="218119" spans="8:8">
      <c r="H218119" s="12"/>
    </row>
    <row r="218120" spans="8:8">
      <c r="H218120" s="12"/>
    </row>
    <row r="218121" spans="8:8">
      <c r="H218121" s="12"/>
    </row>
    <row r="218122" spans="8:8">
      <c r="H218122" s="12"/>
    </row>
    <row r="218123" spans="8:8">
      <c r="H218123" s="12"/>
    </row>
    <row r="218124" spans="8:8">
      <c r="H218124" s="12"/>
    </row>
    <row r="218125" spans="8:8">
      <c r="H218125" s="12"/>
    </row>
    <row r="218126" spans="8:8">
      <c r="H218126" s="12"/>
    </row>
    <row r="218127" spans="8:8">
      <c r="H218127" s="12"/>
    </row>
    <row r="218128" spans="8:8">
      <c r="H218128" s="12"/>
    </row>
    <row r="218129" spans="8:8">
      <c r="H218129" s="12"/>
    </row>
    <row r="218130" spans="8:8">
      <c r="H218130" s="12"/>
    </row>
    <row r="218131" spans="8:8">
      <c r="H218131" s="12"/>
    </row>
    <row r="218132" spans="8:8">
      <c r="H218132" s="12"/>
    </row>
    <row r="218133" spans="8:8">
      <c r="H218133" s="12"/>
    </row>
    <row r="218134" spans="8:8">
      <c r="H218134" s="12"/>
    </row>
    <row r="218135" spans="8:8">
      <c r="H218135" s="12"/>
    </row>
    <row r="218136" spans="8:8">
      <c r="H218136" s="12"/>
    </row>
    <row r="218137" spans="8:8">
      <c r="H218137" s="12"/>
    </row>
    <row r="218138" spans="8:8">
      <c r="H218138" s="12"/>
    </row>
    <row r="218139" spans="8:8">
      <c r="H218139" s="12"/>
    </row>
    <row r="218140" spans="8:8">
      <c r="H218140" s="12"/>
    </row>
    <row r="218141" spans="8:8">
      <c r="H218141" s="12"/>
    </row>
    <row r="218142" spans="8:8">
      <c r="H218142" s="12"/>
    </row>
    <row r="218143" spans="8:8">
      <c r="H218143" s="12"/>
    </row>
    <row r="218144" spans="8:8">
      <c r="H218144" s="12"/>
    </row>
    <row r="218145" spans="8:8">
      <c r="H218145" s="12"/>
    </row>
    <row r="218146" spans="8:8">
      <c r="H218146" s="12"/>
    </row>
    <row r="218147" spans="8:8">
      <c r="H218147" s="12"/>
    </row>
    <row r="218148" spans="8:8">
      <c r="H218148" s="12"/>
    </row>
    <row r="218149" spans="8:8">
      <c r="H218149" s="12"/>
    </row>
    <row r="218150" spans="8:8">
      <c r="H218150" s="12"/>
    </row>
    <row r="218151" spans="8:8">
      <c r="H218151" s="12"/>
    </row>
    <row r="218152" spans="8:8">
      <c r="H218152" s="12"/>
    </row>
    <row r="218153" spans="8:8">
      <c r="H218153" s="12"/>
    </row>
    <row r="218154" spans="8:8">
      <c r="H218154" s="12"/>
    </row>
    <row r="218155" spans="8:8">
      <c r="H218155" s="12"/>
    </row>
    <row r="218156" spans="8:8">
      <c r="H218156" s="12"/>
    </row>
    <row r="218157" spans="8:8">
      <c r="H218157" s="12"/>
    </row>
    <row r="218158" spans="8:8">
      <c r="H218158" s="12"/>
    </row>
    <row r="218159" spans="8:8">
      <c r="H218159" s="12"/>
    </row>
    <row r="218160" spans="8:8">
      <c r="H218160" s="12"/>
    </row>
    <row r="218161" spans="8:8">
      <c r="H218161" s="12"/>
    </row>
    <row r="218162" spans="8:8">
      <c r="H218162" s="12"/>
    </row>
    <row r="218163" spans="8:8">
      <c r="H218163" s="12"/>
    </row>
    <row r="218164" spans="8:8">
      <c r="H218164" s="12"/>
    </row>
    <row r="218165" spans="8:8">
      <c r="H218165" s="12"/>
    </row>
    <row r="218166" spans="8:8">
      <c r="H218166" s="12"/>
    </row>
    <row r="218167" spans="8:8">
      <c r="H218167" s="12"/>
    </row>
    <row r="218168" spans="8:8">
      <c r="H218168" s="12"/>
    </row>
    <row r="218169" spans="8:8">
      <c r="H218169" s="12"/>
    </row>
    <row r="218170" spans="8:8">
      <c r="H218170" s="12"/>
    </row>
    <row r="218171" spans="8:8">
      <c r="H218171" s="12"/>
    </row>
    <row r="218172" spans="8:8">
      <c r="H218172" s="12"/>
    </row>
    <row r="218173" spans="8:8">
      <c r="H218173" s="12"/>
    </row>
    <row r="218174" spans="8:8">
      <c r="H218174" s="12"/>
    </row>
    <row r="218175" spans="8:8">
      <c r="H218175" s="12"/>
    </row>
    <row r="218176" spans="8:8">
      <c r="H218176" s="12"/>
    </row>
    <row r="218177" spans="8:8">
      <c r="H218177" s="12"/>
    </row>
    <row r="218178" spans="8:8">
      <c r="H218178" s="12"/>
    </row>
    <row r="218179" spans="8:8">
      <c r="H218179" s="12"/>
    </row>
    <row r="218180" spans="8:8">
      <c r="H218180" s="12"/>
    </row>
    <row r="218181" spans="8:8">
      <c r="H218181" s="12"/>
    </row>
    <row r="218182" spans="8:8">
      <c r="H218182" s="12"/>
    </row>
    <row r="218183" spans="8:8">
      <c r="H218183" s="12"/>
    </row>
    <row r="218184" spans="8:8">
      <c r="H218184" s="12"/>
    </row>
    <row r="218185" spans="8:8">
      <c r="H218185" s="12"/>
    </row>
    <row r="218186" spans="8:8">
      <c r="H218186" s="12"/>
    </row>
    <row r="218187" spans="8:8">
      <c r="H218187" s="12"/>
    </row>
    <row r="218188" spans="8:8">
      <c r="H218188" s="12"/>
    </row>
    <row r="218189" spans="8:8">
      <c r="H218189" s="12"/>
    </row>
    <row r="218190" spans="8:8">
      <c r="H218190" s="12"/>
    </row>
    <row r="218191" spans="8:8">
      <c r="H218191" s="12"/>
    </row>
    <row r="218192" spans="8:8">
      <c r="H218192" s="12"/>
    </row>
    <row r="218193" spans="8:8">
      <c r="H218193" s="12"/>
    </row>
    <row r="218194" spans="8:8">
      <c r="H218194" s="12"/>
    </row>
    <row r="218195" spans="8:8">
      <c r="H218195" s="12"/>
    </row>
    <row r="218196" spans="8:8">
      <c r="H218196" s="12"/>
    </row>
    <row r="218197" spans="8:8">
      <c r="H218197" s="12"/>
    </row>
    <row r="218198" spans="8:8">
      <c r="H218198" s="12"/>
    </row>
    <row r="218199" spans="8:8">
      <c r="H218199" s="12"/>
    </row>
    <row r="218200" spans="8:8">
      <c r="H218200" s="12"/>
    </row>
    <row r="218201" spans="8:8">
      <c r="H218201" s="12"/>
    </row>
    <row r="218202" spans="8:8">
      <c r="H218202" s="12"/>
    </row>
    <row r="218203" spans="8:8">
      <c r="H218203" s="12"/>
    </row>
    <row r="218204" spans="8:8">
      <c r="H218204" s="12"/>
    </row>
    <row r="218205" spans="8:8">
      <c r="H218205" s="12"/>
    </row>
    <row r="218206" spans="8:8">
      <c r="H218206" s="12"/>
    </row>
    <row r="218207" spans="8:8">
      <c r="H218207" s="12"/>
    </row>
    <row r="218208" spans="8:8">
      <c r="H218208" s="12"/>
    </row>
    <row r="218209" spans="8:8">
      <c r="H218209" s="12"/>
    </row>
    <row r="218210" spans="8:8">
      <c r="H218210" s="12"/>
    </row>
    <row r="218211" spans="8:8">
      <c r="H218211" s="12"/>
    </row>
    <row r="218212" spans="8:8">
      <c r="H218212" s="12"/>
    </row>
    <row r="218213" spans="8:8">
      <c r="H218213" s="12"/>
    </row>
    <row r="218214" spans="8:8">
      <c r="H218214" s="12"/>
    </row>
    <row r="218215" spans="8:8">
      <c r="H218215" s="12"/>
    </row>
    <row r="218216" spans="8:8">
      <c r="H218216" s="12"/>
    </row>
    <row r="218217" spans="8:8">
      <c r="H218217" s="12"/>
    </row>
    <row r="218218" spans="8:8">
      <c r="H218218" s="12"/>
    </row>
    <row r="218219" spans="8:8">
      <c r="H218219" s="12"/>
    </row>
    <row r="218220" spans="8:8">
      <c r="H218220" s="12"/>
    </row>
    <row r="218221" spans="8:8">
      <c r="H218221" s="12"/>
    </row>
    <row r="218222" spans="8:8">
      <c r="H218222" s="12"/>
    </row>
    <row r="218223" spans="8:8">
      <c r="H218223" s="12"/>
    </row>
    <row r="218224" spans="8:8">
      <c r="H218224" s="12"/>
    </row>
    <row r="218225" spans="8:8">
      <c r="H218225" s="12"/>
    </row>
    <row r="218226" spans="8:8">
      <c r="H218226" s="12"/>
    </row>
    <row r="218227" spans="8:8">
      <c r="H218227" s="12"/>
    </row>
    <row r="218228" spans="8:8">
      <c r="H218228" s="12"/>
    </row>
    <row r="218229" spans="8:8">
      <c r="H218229" s="12"/>
    </row>
    <row r="218230" spans="8:8">
      <c r="H218230" s="12"/>
    </row>
    <row r="218231" spans="8:8">
      <c r="H218231" s="12"/>
    </row>
    <row r="218232" spans="8:8">
      <c r="H218232" s="12"/>
    </row>
    <row r="218233" spans="8:8">
      <c r="H218233" s="12"/>
    </row>
    <row r="218234" spans="8:8">
      <c r="H218234" s="12"/>
    </row>
    <row r="218235" spans="8:8">
      <c r="H218235" s="12"/>
    </row>
    <row r="218236" spans="8:8">
      <c r="H218236" s="12"/>
    </row>
    <row r="218237" spans="8:8">
      <c r="H218237" s="12"/>
    </row>
    <row r="218238" spans="8:8">
      <c r="H218238" s="12"/>
    </row>
    <row r="218239" spans="8:8">
      <c r="H218239" s="12"/>
    </row>
    <row r="218240" spans="8:8">
      <c r="H218240" s="12"/>
    </row>
    <row r="218241" spans="8:8">
      <c r="H218241" s="12"/>
    </row>
    <row r="218242" spans="8:8">
      <c r="H218242" s="12"/>
    </row>
    <row r="218243" spans="8:8">
      <c r="H218243" s="12"/>
    </row>
    <row r="218244" spans="8:8">
      <c r="H218244" s="12"/>
    </row>
    <row r="218245" spans="8:8">
      <c r="H218245" s="12"/>
    </row>
    <row r="218246" spans="8:8">
      <c r="H218246" s="12"/>
    </row>
    <row r="218247" spans="8:8">
      <c r="H218247" s="12"/>
    </row>
    <row r="218248" spans="8:8">
      <c r="H218248" s="12"/>
    </row>
    <row r="218249" spans="8:8">
      <c r="H218249" s="12"/>
    </row>
    <row r="218250" spans="8:8">
      <c r="H218250" s="12"/>
    </row>
    <row r="218251" spans="8:8">
      <c r="H218251" s="12"/>
    </row>
    <row r="218252" spans="8:8">
      <c r="H218252" s="12"/>
    </row>
    <row r="218253" spans="8:8">
      <c r="H218253" s="12"/>
    </row>
    <row r="218254" spans="8:8">
      <c r="H218254" s="12"/>
    </row>
    <row r="218255" spans="8:8">
      <c r="H218255" s="12"/>
    </row>
    <row r="218256" spans="8:8">
      <c r="H218256" s="12"/>
    </row>
    <row r="218257" spans="8:8">
      <c r="H218257" s="12"/>
    </row>
    <row r="218258" spans="8:8">
      <c r="H218258" s="12"/>
    </row>
    <row r="218259" spans="8:8">
      <c r="H218259" s="12"/>
    </row>
    <row r="218260" spans="8:8">
      <c r="H218260" s="12"/>
    </row>
    <row r="218261" spans="8:8">
      <c r="H218261" s="12"/>
    </row>
    <row r="218262" spans="8:8">
      <c r="H218262" s="12"/>
    </row>
    <row r="218263" spans="8:8">
      <c r="H218263" s="12"/>
    </row>
    <row r="218264" spans="8:8">
      <c r="H218264" s="12"/>
    </row>
    <row r="218265" spans="8:8">
      <c r="H218265" s="12"/>
    </row>
    <row r="218266" spans="8:8">
      <c r="H218266" s="12"/>
    </row>
    <row r="218267" spans="8:8">
      <c r="H218267" s="12"/>
    </row>
    <row r="218268" spans="8:8">
      <c r="H218268" s="12"/>
    </row>
    <row r="218269" spans="8:8">
      <c r="H218269" s="12"/>
    </row>
    <row r="218270" spans="8:8">
      <c r="H218270" s="12"/>
    </row>
    <row r="218271" spans="8:8">
      <c r="H218271" s="12"/>
    </row>
    <row r="218272" spans="8:8">
      <c r="H218272" s="12"/>
    </row>
    <row r="218273" spans="8:8">
      <c r="H218273" s="12"/>
    </row>
    <row r="218274" spans="8:8">
      <c r="H218274" s="12"/>
    </row>
    <row r="218275" spans="8:8">
      <c r="H218275" s="12"/>
    </row>
    <row r="218276" spans="8:8">
      <c r="H218276" s="12"/>
    </row>
    <row r="218277" spans="8:8">
      <c r="H218277" s="12"/>
    </row>
    <row r="218278" spans="8:8">
      <c r="H218278" s="12"/>
    </row>
    <row r="218279" spans="8:8">
      <c r="H218279" s="12"/>
    </row>
    <row r="218280" spans="8:8">
      <c r="H218280" s="12"/>
    </row>
    <row r="218281" spans="8:8">
      <c r="H218281" s="12"/>
    </row>
    <row r="218282" spans="8:8">
      <c r="H218282" s="12"/>
    </row>
    <row r="218283" spans="8:8">
      <c r="H218283" s="12"/>
    </row>
    <row r="218284" spans="8:8">
      <c r="H218284" s="12"/>
    </row>
    <row r="218285" spans="8:8">
      <c r="H218285" s="12"/>
    </row>
    <row r="218286" spans="8:8">
      <c r="H218286" s="12"/>
    </row>
    <row r="218287" spans="8:8">
      <c r="H218287" s="12"/>
    </row>
    <row r="218288" spans="8:8">
      <c r="H218288" s="12"/>
    </row>
    <row r="218289" spans="8:8">
      <c r="H218289" s="12"/>
    </row>
    <row r="218290" spans="8:8">
      <c r="H218290" s="12"/>
    </row>
    <row r="218291" spans="8:8">
      <c r="H218291" s="12"/>
    </row>
    <row r="218292" spans="8:8">
      <c r="H218292" s="12"/>
    </row>
    <row r="218293" spans="8:8">
      <c r="H218293" s="12"/>
    </row>
    <row r="218294" spans="8:8">
      <c r="H218294" s="12"/>
    </row>
    <row r="218295" spans="8:8">
      <c r="H218295" s="12"/>
    </row>
    <row r="218296" spans="8:8">
      <c r="H218296" s="12"/>
    </row>
    <row r="218297" spans="8:8">
      <c r="H218297" s="12"/>
    </row>
    <row r="218298" spans="8:8">
      <c r="H218298" s="12"/>
    </row>
    <row r="218299" spans="8:8">
      <c r="H218299" s="12"/>
    </row>
    <row r="218300" spans="8:8">
      <c r="H218300" s="12"/>
    </row>
    <row r="218301" spans="8:8">
      <c r="H218301" s="12"/>
    </row>
    <row r="218302" spans="8:8">
      <c r="H218302" s="12"/>
    </row>
    <row r="218303" spans="8:8">
      <c r="H218303" s="12"/>
    </row>
    <row r="218304" spans="8:8">
      <c r="H218304" s="12"/>
    </row>
    <row r="218305" spans="8:8">
      <c r="H218305" s="12"/>
    </row>
    <row r="218306" spans="8:8">
      <c r="H218306" s="12"/>
    </row>
    <row r="218307" spans="8:8">
      <c r="H218307" s="12"/>
    </row>
    <row r="218308" spans="8:8">
      <c r="H218308" s="12"/>
    </row>
    <row r="218309" spans="8:8">
      <c r="H218309" s="12"/>
    </row>
    <row r="218310" spans="8:8">
      <c r="H218310" s="12"/>
    </row>
    <row r="218311" spans="8:8">
      <c r="H218311" s="12"/>
    </row>
    <row r="218312" spans="8:8">
      <c r="H218312" s="12"/>
    </row>
    <row r="218313" spans="8:8">
      <c r="H218313" s="12"/>
    </row>
    <row r="218314" spans="8:8">
      <c r="H218314" s="12"/>
    </row>
    <row r="218315" spans="8:8">
      <c r="H218315" s="12"/>
    </row>
    <row r="218316" spans="8:8">
      <c r="H218316" s="12"/>
    </row>
    <row r="218317" spans="8:8">
      <c r="H218317" s="12"/>
    </row>
    <row r="218318" spans="8:8">
      <c r="H218318" s="12"/>
    </row>
    <row r="218319" spans="8:8">
      <c r="H218319" s="12"/>
    </row>
    <row r="218320" spans="8:8">
      <c r="H218320" s="12"/>
    </row>
    <row r="218321" spans="8:8">
      <c r="H218321" s="12"/>
    </row>
    <row r="218322" spans="8:8">
      <c r="H218322" s="12"/>
    </row>
    <row r="218323" spans="8:8">
      <c r="H218323" s="12"/>
    </row>
    <row r="218324" spans="8:8">
      <c r="H218324" s="12"/>
    </row>
    <row r="218325" spans="8:8">
      <c r="H218325" s="12"/>
    </row>
    <row r="218326" spans="8:8">
      <c r="H218326" s="12"/>
    </row>
    <row r="218327" spans="8:8">
      <c r="H218327" s="12"/>
    </row>
    <row r="218328" spans="8:8">
      <c r="H218328" s="12"/>
    </row>
    <row r="218329" spans="8:8">
      <c r="H218329" s="12"/>
    </row>
    <row r="218330" spans="8:8">
      <c r="H218330" s="12"/>
    </row>
    <row r="218331" spans="8:8">
      <c r="H218331" s="12"/>
    </row>
    <row r="218332" spans="8:8">
      <c r="H218332" s="12"/>
    </row>
    <row r="218333" spans="8:8">
      <c r="H218333" s="12"/>
    </row>
    <row r="218334" spans="8:8">
      <c r="H218334" s="12"/>
    </row>
    <row r="218335" spans="8:8">
      <c r="H218335" s="12"/>
    </row>
    <row r="218336" spans="8:8">
      <c r="H218336" s="12"/>
    </row>
    <row r="218337" spans="8:8">
      <c r="H218337" s="12"/>
    </row>
    <row r="218338" spans="8:8">
      <c r="H218338" s="12"/>
    </row>
    <row r="218339" spans="8:8">
      <c r="H218339" s="12"/>
    </row>
    <row r="218340" spans="8:8">
      <c r="H218340" s="12"/>
    </row>
    <row r="218341" spans="8:8">
      <c r="H218341" s="12"/>
    </row>
    <row r="218342" spans="8:8">
      <c r="H218342" s="12"/>
    </row>
    <row r="218343" spans="8:8">
      <c r="H218343" s="12"/>
    </row>
    <row r="218344" spans="8:8">
      <c r="H218344" s="12"/>
    </row>
    <row r="218345" spans="8:8">
      <c r="H218345" s="12"/>
    </row>
    <row r="218346" spans="8:8">
      <c r="H218346" s="12"/>
    </row>
    <row r="218347" spans="8:8">
      <c r="H218347" s="12"/>
    </row>
    <row r="218348" spans="8:8">
      <c r="H218348" s="12"/>
    </row>
    <row r="218349" spans="8:8">
      <c r="H218349" s="12"/>
    </row>
    <row r="218350" spans="8:8">
      <c r="H218350" s="12"/>
    </row>
    <row r="218351" spans="8:8">
      <c r="H218351" s="12"/>
    </row>
    <row r="218352" spans="8:8">
      <c r="H218352" s="12"/>
    </row>
    <row r="218353" spans="8:8">
      <c r="H218353" s="12"/>
    </row>
    <row r="218354" spans="8:8">
      <c r="H218354" s="12"/>
    </row>
    <row r="218355" spans="8:8">
      <c r="H218355" s="12"/>
    </row>
    <row r="218356" spans="8:8">
      <c r="H218356" s="12"/>
    </row>
    <row r="218357" spans="8:8">
      <c r="H218357" s="12"/>
    </row>
    <row r="218358" spans="8:8">
      <c r="H218358" s="12"/>
    </row>
    <row r="218359" spans="8:8">
      <c r="H218359" s="12"/>
    </row>
    <row r="218360" spans="8:8">
      <c r="H218360" s="12"/>
    </row>
    <row r="218361" spans="8:8">
      <c r="H218361" s="12"/>
    </row>
    <row r="218362" spans="8:8">
      <c r="H218362" s="12"/>
    </row>
    <row r="218363" spans="8:8">
      <c r="H218363" s="12"/>
    </row>
    <row r="218364" spans="8:8">
      <c r="H218364" s="12"/>
    </row>
    <row r="218365" spans="8:8">
      <c r="H218365" s="12"/>
    </row>
    <row r="218366" spans="8:8">
      <c r="H218366" s="12"/>
    </row>
    <row r="218367" spans="8:8">
      <c r="H218367" s="12"/>
    </row>
    <row r="218368" spans="8:8">
      <c r="H218368" s="12"/>
    </row>
    <row r="218369" spans="8:8">
      <c r="H218369" s="12"/>
    </row>
    <row r="218370" spans="8:8">
      <c r="H218370" s="12"/>
    </row>
    <row r="218371" spans="8:8">
      <c r="H218371" s="12"/>
    </row>
    <row r="218372" spans="8:8">
      <c r="H218372" s="12"/>
    </row>
    <row r="218373" spans="8:8">
      <c r="H218373" s="12"/>
    </row>
    <row r="218374" spans="8:8">
      <c r="H218374" s="12"/>
    </row>
    <row r="218375" spans="8:8">
      <c r="H218375" s="12"/>
    </row>
    <row r="218376" spans="8:8">
      <c r="H218376" s="12"/>
    </row>
    <row r="218377" spans="8:8">
      <c r="H218377" s="12"/>
    </row>
    <row r="218378" spans="8:8">
      <c r="H218378" s="12"/>
    </row>
    <row r="218379" spans="8:8">
      <c r="H218379" s="12"/>
    </row>
    <row r="218380" spans="8:8">
      <c r="H218380" s="12"/>
    </row>
    <row r="218381" spans="8:8">
      <c r="H218381" s="12"/>
    </row>
    <row r="218382" spans="8:8">
      <c r="H218382" s="12"/>
    </row>
    <row r="218383" spans="8:8">
      <c r="H218383" s="12"/>
    </row>
    <row r="218384" spans="8:8">
      <c r="H218384" s="12"/>
    </row>
    <row r="218385" spans="8:8">
      <c r="H218385" s="12"/>
    </row>
    <row r="218386" spans="8:8">
      <c r="H218386" s="12"/>
    </row>
    <row r="218387" spans="8:8">
      <c r="H218387" s="12"/>
    </row>
    <row r="218388" spans="8:8">
      <c r="H218388" s="12"/>
    </row>
    <row r="218389" spans="8:8">
      <c r="H218389" s="12"/>
    </row>
    <row r="218390" spans="8:8">
      <c r="H218390" s="12"/>
    </row>
    <row r="218391" spans="8:8">
      <c r="H218391" s="12"/>
    </row>
    <row r="218392" spans="8:8">
      <c r="H218392" s="12"/>
    </row>
    <row r="218393" spans="8:8">
      <c r="H218393" s="12"/>
    </row>
    <row r="218394" spans="8:8">
      <c r="H218394" s="12"/>
    </row>
    <row r="218395" spans="8:8">
      <c r="H218395" s="12"/>
    </row>
    <row r="218396" spans="8:8">
      <c r="H218396" s="12"/>
    </row>
    <row r="218397" spans="8:8">
      <c r="H218397" s="12"/>
    </row>
    <row r="218398" spans="8:8">
      <c r="H218398" s="12"/>
    </row>
    <row r="218399" spans="8:8">
      <c r="H218399" s="12"/>
    </row>
    <row r="218400" spans="8:8">
      <c r="H218400" s="12"/>
    </row>
    <row r="218401" spans="8:8">
      <c r="H218401" s="12"/>
    </row>
    <row r="218402" spans="8:8">
      <c r="H218402" s="12"/>
    </row>
    <row r="218403" spans="8:8">
      <c r="H218403" s="12"/>
    </row>
    <row r="218404" spans="8:8">
      <c r="H218404" s="12"/>
    </row>
    <row r="218405" spans="8:8">
      <c r="H218405" s="12"/>
    </row>
    <row r="218406" spans="8:8">
      <c r="H218406" s="12"/>
    </row>
    <row r="218407" spans="8:8">
      <c r="H218407" s="12"/>
    </row>
    <row r="218408" spans="8:8">
      <c r="H218408" s="12"/>
    </row>
    <row r="218409" spans="8:8">
      <c r="H218409" s="12"/>
    </row>
    <row r="218410" spans="8:8">
      <c r="H218410" s="12"/>
    </row>
    <row r="218411" spans="8:8">
      <c r="H218411" s="12"/>
    </row>
    <row r="218412" spans="8:8">
      <c r="H218412" s="12"/>
    </row>
    <row r="218413" spans="8:8">
      <c r="H218413" s="12"/>
    </row>
    <row r="218414" spans="8:8">
      <c r="H218414" s="12"/>
    </row>
    <row r="218415" spans="8:8">
      <c r="H218415" s="12"/>
    </row>
    <row r="218416" spans="8:8">
      <c r="H218416" s="12"/>
    </row>
    <row r="218417" spans="8:8">
      <c r="H218417" s="12"/>
    </row>
    <row r="218418" spans="8:8">
      <c r="H218418" s="12"/>
    </row>
    <row r="218419" spans="8:8">
      <c r="H218419" s="12"/>
    </row>
    <row r="218420" spans="8:8">
      <c r="H218420" s="12"/>
    </row>
    <row r="218421" spans="8:8">
      <c r="H218421" s="12"/>
    </row>
    <row r="218422" spans="8:8">
      <c r="H218422" s="12"/>
    </row>
    <row r="218423" spans="8:8">
      <c r="H218423" s="12"/>
    </row>
    <row r="218424" spans="8:8">
      <c r="H218424" s="12"/>
    </row>
    <row r="218425" spans="8:8">
      <c r="H218425" s="12"/>
    </row>
    <row r="218426" spans="8:8">
      <c r="H218426" s="12"/>
    </row>
    <row r="218427" spans="8:8">
      <c r="H218427" s="12"/>
    </row>
    <row r="218428" spans="8:8">
      <c r="H218428" s="12"/>
    </row>
    <row r="218429" spans="8:8">
      <c r="H218429" s="12"/>
    </row>
    <row r="218430" spans="8:8">
      <c r="H218430" s="12"/>
    </row>
    <row r="218431" spans="8:8">
      <c r="H218431" s="12"/>
    </row>
    <row r="218432" spans="8:8">
      <c r="H218432" s="12"/>
    </row>
    <row r="218433" spans="8:8">
      <c r="H218433" s="12"/>
    </row>
    <row r="218434" spans="8:8">
      <c r="H218434" s="12"/>
    </row>
    <row r="218435" spans="8:8">
      <c r="H218435" s="12"/>
    </row>
    <row r="218436" spans="8:8">
      <c r="H218436" s="12"/>
    </row>
    <row r="218437" spans="8:8">
      <c r="H218437" s="12"/>
    </row>
    <row r="218438" spans="8:8">
      <c r="H218438" s="12"/>
    </row>
    <row r="218439" spans="8:8">
      <c r="H218439" s="12"/>
    </row>
    <row r="218440" spans="8:8">
      <c r="H218440" s="12"/>
    </row>
    <row r="218441" spans="8:8">
      <c r="H218441" s="12"/>
    </row>
    <row r="218442" spans="8:8">
      <c r="H218442" s="12"/>
    </row>
    <row r="218443" spans="8:8">
      <c r="H218443" s="12"/>
    </row>
    <row r="218444" spans="8:8">
      <c r="H218444" s="12"/>
    </row>
    <row r="218445" spans="8:8">
      <c r="H218445" s="12"/>
    </row>
    <row r="218446" spans="8:8">
      <c r="H218446" s="12"/>
    </row>
    <row r="218447" spans="8:8">
      <c r="H218447" s="12"/>
    </row>
    <row r="218448" spans="8:8">
      <c r="H218448" s="12"/>
    </row>
    <row r="218449" spans="8:8">
      <c r="H218449" s="12"/>
    </row>
    <row r="218450" spans="8:8">
      <c r="H218450" s="12"/>
    </row>
    <row r="218451" spans="8:8">
      <c r="H218451" s="12"/>
    </row>
    <row r="218452" spans="8:8">
      <c r="H218452" s="12"/>
    </row>
    <row r="218453" spans="8:8">
      <c r="H218453" s="12"/>
    </row>
    <row r="218454" spans="8:8">
      <c r="H218454" s="12"/>
    </row>
    <row r="218455" spans="8:8">
      <c r="H218455" s="12"/>
    </row>
    <row r="218456" spans="8:8">
      <c r="H218456" s="12"/>
    </row>
    <row r="218457" spans="8:8">
      <c r="H218457" s="12"/>
    </row>
    <row r="218458" spans="8:8">
      <c r="H218458" s="12"/>
    </row>
    <row r="218459" spans="8:8">
      <c r="H218459" s="12"/>
    </row>
    <row r="218460" spans="8:8">
      <c r="H218460" s="12"/>
    </row>
    <row r="218461" spans="8:8">
      <c r="H218461" s="12"/>
    </row>
    <row r="218462" spans="8:8">
      <c r="H218462" s="12"/>
    </row>
    <row r="218463" spans="8:8">
      <c r="H218463" s="12"/>
    </row>
    <row r="218464" spans="8:8">
      <c r="H218464" s="12"/>
    </row>
    <row r="218465" spans="8:8">
      <c r="H218465" s="12"/>
    </row>
    <row r="218466" spans="8:8">
      <c r="H218466" s="12"/>
    </row>
    <row r="218467" spans="8:8">
      <c r="H218467" s="12"/>
    </row>
    <row r="218468" spans="8:8">
      <c r="H218468" s="12"/>
    </row>
    <row r="218469" spans="8:8">
      <c r="H218469" s="12"/>
    </row>
    <row r="218470" spans="8:8">
      <c r="H218470" s="12"/>
    </row>
    <row r="218471" spans="8:8">
      <c r="H218471" s="12"/>
    </row>
    <row r="218472" spans="8:8">
      <c r="H218472" s="12"/>
    </row>
    <row r="218473" spans="8:8">
      <c r="H218473" s="12"/>
    </row>
    <row r="218474" spans="8:8">
      <c r="H218474" s="12"/>
    </row>
    <row r="218475" spans="8:8">
      <c r="H218475" s="12"/>
    </row>
    <row r="218476" spans="8:8">
      <c r="H218476" s="12"/>
    </row>
    <row r="218477" spans="8:8">
      <c r="H218477" s="12"/>
    </row>
    <row r="218478" spans="8:8">
      <c r="H218478" s="12"/>
    </row>
    <row r="218479" spans="8:8">
      <c r="H218479" s="12"/>
    </row>
    <row r="218480" spans="8:8">
      <c r="H218480" s="12"/>
    </row>
    <row r="218481" spans="8:8">
      <c r="H218481" s="12"/>
    </row>
    <row r="218482" spans="8:8">
      <c r="H218482" s="12"/>
    </row>
    <row r="218483" spans="8:8">
      <c r="H218483" s="12"/>
    </row>
    <row r="218484" spans="8:8">
      <c r="H218484" s="12"/>
    </row>
    <row r="218485" spans="8:8">
      <c r="H218485" s="12"/>
    </row>
    <row r="218486" spans="8:8">
      <c r="H218486" s="12"/>
    </row>
    <row r="218487" spans="8:8">
      <c r="H218487" s="12"/>
    </row>
    <row r="218488" spans="8:8">
      <c r="H218488" s="12"/>
    </row>
    <row r="218489" spans="8:8">
      <c r="H218489" s="12"/>
    </row>
    <row r="218490" spans="8:8">
      <c r="H218490" s="12"/>
    </row>
    <row r="218491" spans="8:8">
      <c r="H218491" s="12"/>
    </row>
    <row r="218492" spans="8:8">
      <c r="H218492" s="12"/>
    </row>
    <row r="218493" spans="8:8">
      <c r="H218493" s="12"/>
    </row>
    <row r="218494" spans="8:8">
      <c r="H218494" s="12"/>
    </row>
    <row r="218495" spans="8:8">
      <c r="H218495" s="12"/>
    </row>
    <row r="218496" spans="8:8">
      <c r="H218496" s="12"/>
    </row>
    <row r="218497" spans="8:8">
      <c r="H218497" s="12"/>
    </row>
    <row r="218498" spans="8:8">
      <c r="H218498" s="12"/>
    </row>
    <row r="218499" spans="8:8">
      <c r="H218499" s="12"/>
    </row>
    <row r="218500" spans="8:8">
      <c r="H218500" s="12"/>
    </row>
    <row r="218501" spans="8:8">
      <c r="H218501" s="12"/>
    </row>
    <row r="218502" spans="8:8">
      <c r="H218502" s="12"/>
    </row>
    <row r="218503" spans="8:8">
      <c r="H218503" s="12"/>
    </row>
    <row r="218504" spans="8:8">
      <c r="H218504" s="12"/>
    </row>
    <row r="218505" spans="8:8">
      <c r="H218505" s="12"/>
    </row>
    <row r="218506" spans="8:8">
      <c r="H218506" s="12"/>
    </row>
    <row r="218507" spans="8:8">
      <c r="H218507" s="12"/>
    </row>
    <row r="218508" spans="8:8">
      <c r="H218508" s="12"/>
    </row>
    <row r="218509" spans="8:8">
      <c r="H218509" s="12"/>
    </row>
    <row r="218510" spans="8:8">
      <c r="H218510" s="12"/>
    </row>
    <row r="218511" spans="8:8">
      <c r="H218511" s="12"/>
    </row>
    <row r="218512" spans="8:8">
      <c r="H218512" s="12"/>
    </row>
    <row r="218513" spans="8:8">
      <c r="H218513" s="12"/>
    </row>
    <row r="218514" spans="8:8">
      <c r="H218514" s="12"/>
    </row>
    <row r="218515" spans="8:8">
      <c r="H218515" s="12"/>
    </row>
    <row r="218516" spans="8:8">
      <c r="H218516" s="12"/>
    </row>
    <row r="218517" spans="8:8">
      <c r="H218517" s="12"/>
    </row>
    <row r="218518" spans="8:8">
      <c r="H218518" s="12"/>
    </row>
    <row r="218519" spans="8:8">
      <c r="H218519" s="12"/>
    </row>
    <row r="218520" spans="8:8">
      <c r="H218520" s="12"/>
    </row>
    <row r="218521" spans="8:8">
      <c r="H218521" s="12"/>
    </row>
    <row r="218522" spans="8:8">
      <c r="H218522" s="12"/>
    </row>
    <row r="218523" spans="8:8">
      <c r="H218523" s="12"/>
    </row>
    <row r="218524" spans="8:8">
      <c r="H218524" s="12"/>
    </row>
    <row r="218525" spans="8:8">
      <c r="H218525" s="12"/>
    </row>
    <row r="218526" spans="8:8">
      <c r="H218526" s="12"/>
    </row>
    <row r="218527" spans="8:8">
      <c r="H218527" s="12"/>
    </row>
    <row r="218528" spans="8:8">
      <c r="H218528" s="12"/>
    </row>
    <row r="218529" spans="8:8">
      <c r="H218529" s="12"/>
    </row>
    <row r="218530" spans="8:8">
      <c r="H218530" s="12"/>
    </row>
    <row r="218531" spans="8:8">
      <c r="H218531" s="12"/>
    </row>
    <row r="218532" spans="8:8">
      <c r="H218532" s="12"/>
    </row>
    <row r="218533" spans="8:8">
      <c r="H218533" s="12"/>
    </row>
    <row r="218534" spans="8:8">
      <c r="H218534" s="12"/>
    </row>
    <row r="218535" spans="8:8">
      <c r="H218535" s="12"/>
    </row>
    <row r="218536" spans="8:8">
      <c r="H218536" s="12"/>
    </row>
    <row r="218537" spans="8:8">
      <c r="H218537" s="12"/>
    </row>
    <row r="218538" spans="8:8">
      <c r="H218538" s="12"/>
    </row>
    <row r="218539" spans="8:8">
      <c r="H218539" s="12"/>
    </row>
    <row r="218540" spans="8:8">
      <c r="H218540" s="12"/>
    </row>
    <row r="218541" spans="8:8">
      <c r="H218541" s="12"/>
    </row>
    <row r="218542" spans="8:8">
      <c r="H218542" s="12"/>
    </row>
    <row r="218543" spans="8:8">
      <c r="H218543" s="12"/>
    </row>
    <row r="218544" spans="8:8">
      <c r="H218544" s="12"/>
    </row>
    <row r="218545" spans="8:8">
      <c r="H218545" s="12"/>
    </row>
    <row r="218546" spans="8:8">
      <c r="H218546" s="12"/>
    </row>
    <row r="218547" spans="8:8">
      <c r="H218547" s="12"/>
    </row>
    <row r="218548" spans="8:8">
      <c r="H218548" s="12"/>
    </row>
    <row r="218549" spans="8:8">
      <c r="H218549" s="12"/>
    </row>
    <row r="218550" spans="8:8">
      <c r="H218550" s="12"/>
    </row>
    <row r="218551" spans="8:8">
      <c r="H218551" s="12"/>
    </row>
    <row r="218552" spans="8:8">
      <c r="H218552" s="12"/>
    </row>
    <row r="218553" spans="8:8">
      <c r="H218553" s="12"/>
    </row>
    <row r="218554" spans="8:8">
      <c r="H218554" s="12"/>
    </row>
    <row r="218555" spans="8:8">
      <c r="H218555" s="12"/>
    </row>
    <row r="218556" spans="8:8">
      <c r="H218556" s="12"/>
    </row>
    <row r="218557" spans="8:8">
      <c r="H218557" s="12"/>
    </row>
    <row r="218558" spans="8:8">
      <c r="H218558" s="12"/>
    </row>
    <row r="218559" spans="8:8">
      <c r="H218559" s="12"/>
    </row>
    <row r="218560" spans="8:8">
      <c r="H218560" s="12"/>
    </row>
    <row r="218561" spans="8:8">
      <c r="H218561" s="12"/>
    </row>
    <row r="218562" spans="8:8">
      <c r="H218562" s="12"/>
    </row>
    <row r="218563" spans="8:8">
      <c r="H218563" s="12"/>
    </row>
    <row r="218564" spans="8:8">
      <c r="H218564" s="12"/>
    </row>
    <row r="218565" spans="8:8">
      <c r="H218565" s="12"/>
    </row>
    <row r="218566" spans="8:8">
      <c r="H218566" s="12"/>
    </row>
    <row r="218567" spans="8:8">
      <c r="H218567" s="12"/>
    </row>
    <row r="218568" spans="8:8">
      <c r="H218568" s="12"/>
    </row>
    <row r="218569" spans="8:8">
      <c r="H218569" s="12"/>
    </row>
    <row r="218570" spans="8:8">
      <c r="H218570" s="12"/>
    </row>
    <row r="218571" spans="8:8">
      <c r="H218571" s="12"/>
    </row>
    <row r="218572" spans="8:8">
      <c r="H218572" s="12"/>
    </row>
    <row r="218573" spans="8:8">
      <c r="H218573" s="12"/>
    </row>
    <row r="218574" spans="8:8">
      <c r="H218574" s="12"/>
    </row>
    <row r="218575" spans="8:8">
      <c r="H218575" s="12"/>
    </row>
    <row r="218576" spans="8:8">
      <c r="H218576" s="12"/>
    </row>
    <row r="218577" spans="8:8">
      <c r="H218577" s="12"/>
    </row>
    <row r="218578" spans="8:8">
      <c r="H218578" s="12"/>
    </row>
    <row r="218579" spans="8:8">
      <c r="H218579" s="12"/>
    </row>
    <row r="218580" spans="8:8">
      <c r="H218580" s="12"/>
    </row>
    <row r="218581" spans="8:8">
      <c r="H218581" s="12"/>
    </row>
    <row r="218582" spans="8:8">
      <c r="H218582" s="12"/>
    </row>
    <row r="218583" spans="8:8">
      <c r="H218583" s="12"/>
    </row>
    <row r="218584" spans="8:8">
      <c r="H218584" s="12"/>
    </row>
    <row r="218585" spans="8:8">
      <c r="H218585" s="12"/>
    </row>
    <row r="218586" spans="8:8">
      <c r="H218586" s="12"/>
    </row>
    <row r="218587" spans="8:8">
      <c r="H218587" s="12"/>
    </row>
    <row r="218588" spans="8:8">
      <c r="H218588" s="12"/>
    </row>
    <row r="218589" spans="8:8">
      <c r="H218589" s="12"/>
    </row>
    <row r="218590" spans="8:8">
      <c r="H218590" s="12"/>
    </row>
    <row r="218591" spans="8:8">
      <c r="H218591" s="12"/>
    </row>
    <row r="218592" spans="8:8">
      <c r="H218592" s="12"/>
    </row>
    <row r="218593" spans="8:8">
      <c r="H218593" s="12"/>
    </row>
    <row r="218594" spans="8:8">
      <c r="H218594" s="12"/>
    </row>
    <row r="218595" spans="8:8">
      <c r="H218595" s="12"/>
    </row>
    <row r="218596" spans="8:8">
      <c r="H218596" s="12"/>
    </row>
    <row r="218597" spans="8:8">
      <c r="H218597" s="12"/>
    </row>
    <row r="218598" spans="8:8">
      <c r="H218598" s="12"/>
    </row>
    <row r="218599" spans="8:8">
      <c r="H218599" s="12"/>
    </row>
    <row r="218600" spans="8:8">
      <c r="H218600" s="12"/>
    </row>
    <row r="218601" spans="8:8">
      <c r="H218601" s="12"/>
    </row>
    <row r="218602" spans="8:8">
      <c r="H218602" s="12"/>
    </row>
    <row r="218603" spans="8:8">
      <c r="H218603" s="12"/>
    </row>
    <row r="218604" spans="8:8">
      <c r="H218604" s="12"/>
    </row>
    <row r="218605" spans="8:8">
      <c r="H218605" s="12"/>
    </row>
    <row r="218606" spans="8:8">
      <c r="H218606" s="12"/>
    </row>
    <row r="218607" spans="8:8">
      <c r="H218607" s="12"/>
    </row>
    <row r="218608" spans="8:8">
      <c r="H218608" s="12"/>
    </row>
    <row r="218609" spans="8:8">
      <c r="H218609" s="12"/>
    </row>
    <row r="218610" spans="8:8">
      <c r="H218610" s="12"/>
    </row>
    <row r="218611" spans="8:8">
      <c r="H218611" s="12"/>
    </row>
    <row r="218612" spans="8:8">
      <c r="H218612" s="12"/>
    </row>
    <row r="218613" spans="8:8">
      <c r="H218613" s="12"/>
    </row>
    <row r="218614" spans="8:8">
      <c r="H218614" s="12"/>
    </row>
    <row r="218615" spans="8:8">
      <c r="H218615" s="12"/>
    </row>
    <row r="218616" spans="8:8">
      <c r="H218616" s="12"/>
    </row>
    <row r="218617" spans="8:8">
      <c r="H218617" s="12"/>
    </row>
    <row r="218618" spans="8:8">
      <c r="H218618" s="12"/>
    </row>
    <row r="218619" spans="8:8">
      <c r="H218619" s="12"/>
    </row>
    <row r="218620" spans="8:8">
      <c r="H218620" s="12"/>
    </row>
    <row r="218621" spans="8:8">
      <c r="H218621" s="12"/>
    </row>
    <row r="218622" spans="8:8">
      <c r="H218622" s="12"/>
    </row>
    <row r="218623" spans="8:8">
      <c r="H218623" s="12"/>
    </row>
    <row r="218624" spans="8:8">
      <c r="H218624" s="12"/>
    </row>
    <row r="218625" spans="8:8">
      <c r="H218625" s="12"/>
    </row>
    <row r="218626" spans="8:8">
      <c r="H218626" s="12"/>
    </row>
    <row r="218627" spans="8:8">
      <c r="H218627" s="12"/>
    </row>
    <row r="218628" spans="8:8">
      <c r="H218628" s="12"/>
    </row>
    <row r="218629" spans="8:8">
      <c r="H218629" s="12"/>
    </row>
    <row r="218630" spans="8:8">
      <c r="H218630" s="12"/>
    </row>
    <row r="218631" spans="8:8">
      <c r="H218631" s="12"/>
    </row>
    <row r="218632" spans="8:8">
      <c r="H218632" s="12"/>
    </row>
    <row r="218633" spans="8:8">
      <c r="H218633" s="12"/>
    </row>
    <row r="218634" spans="8:8">
      <c r="H218634" s="12"/>
    </row>
    <row r="218635" spans="8:8">
      <c r="H218635" s="12"/>
    </row>
    <row r="218636" spans="8:8">
      <c r="H218636" s="12"/>
    </row>
    <row r="218637" spans="8:8">
      <c r="H218637" s="12"/>
    </row>
    <row r="218638" spans="8:8">
      <c r="H218638" s="12"/>
    </row>
    <row r="218639" spans="8:8">
      <c r="H218639" s="12"/>
    </row>
    <row r="218640" spans="8:8">
      <c r="H218640" s="12"/>
    </row>
    <row r="218641" spans="8:8">
      <c r="H218641" s="12"/>
    </row>
    <row r="218642" spans="8:8">
      <c r="H218642" s="12"/>
    </row>
    <row r="218643" spans="8:8">
      <c r="H218643" s="12"/>
    </row>
    <row r="218644" spans="8:8">
      <c r="H218644" s="12"/>
    </row>
    <row r="218645" spans="8:8">
      <c r="H218645" s="12"/>
    </row>
    <row r="218646" spans="8:8">
      <c r="H218646" s="12"/>
    </row>
    <row r="218647" spans="8:8">
      <c r="H218647" s="12"/>
    </row>
    <row r="218648" spans="8:8">
      <c r="H218648" s="12"/>
    </row>
    <row r="218649" spans="8:8">
      <c r="H218649" s="12"/>
    </row>
    <row r="218650" spans="8:8">
      <c r="H218650" s="12"/>
    </row>
    <row r="218651" spans="8:8">
      <c r="H218651" s="12"/>
    </row>
    <row r="218652" spans="8:8">
      <c r="H218652" s="12"/>
    </row>
    <row r="218653" spans="8:8">
      <c r="H218653" s="12"/>
    </row>
    <row r="218654" spans="8:8">
      <c r="H218654" s="12"/>
    </row>
    <row r="218655" spans="8:8">
      <c r="H218655" s="12"/>
    </row>
    <row r="218656" spans="8:8">
      <c r="H218656" s="12"/>
    </row>
    <row r="218657" spans="8:8">
      <c r="H218657" s="12"/>
    </row>
    <row r="218658" spans="8:8">
      <c r="H218658" s="12"/>
    </row>
    <row r="218659" spans="8:8">
      <c r="H218659" s="12"/>
    </row>
    <row r="218660" spans="8:8">
      <c r="H218660" s="12"/>
    </row>
    <row r="218661" spans="8:8">
      <c r="H218661" s="12"/>
    </row>
    <row r="218662" spans="8:8">
      <c r="H218662" s="12"/>
    </row>
    <row r="218663" spans="8:8">
      <c r="H218663" s="12"/>
    </row>
    <row r="218664" spans="8:8">
      <c r="H218664" s="12"/>
    </row>
    <row r="218665" spans="8:8">
      <c r="H218665" s="12"/>
    </row>
    <row r="218666" spans="8:8">
      <c r="H218666" s="12"/>
    </row>
    <row r="218667" spans="8:8">
      <c r="H218667" s="12"/>
    </row>
    <row r="218668" spans="8:8">
      <c r="H218668" s="12"/>
    </row>
    <row r="218669" spans="8:8">
      <c r="H218669" s="12"/>
    </row>
    <row r="218670" spans="8:8">
      <c r="H218670" s="12"/>
    </row>
    <row r="218671" spans="8:8">
      <c r="H218671" s="12"/>
    </row>
    <row r="218672" spans="8:8">
      <c r="H218672" s="12"/>
    </row>
    <row r="218673" spans="8:8">
      <c r="H218673" s="12"/>
    </row>
    <row r="218674" spans="8:8">
      <c r="H218674" s="12"/>
    </row>
    <row r="218675" spans="8:8">
      <c r="H218675" s="12"/>
    </row>
    <row r="218676" spans="8:8">
      <c r="H218676" s="12"/>
    </row>
    <row r="218677" spans="8:8">
      <c r="H218677" s="12"/>
    </row>
    <row r="218678" spans="8:8">
      <c r="H218678" s="12"/>
    </row>
    <row r="218679" spans="8:8">
      <c r="H218679" s="12"/>
    </row>
    <row r="218680" spans="8:8">
      <c r="H218680" s="12"/>
    </row>
    <row r="218681" spans="8:8">
      <c r="H218681" s="12"/>
    </row>
    <row r="218682" spans="8:8">
      <c r="H218682" s="12"/>
    </row>
    <row r="218683" spans="8:8">
      <c r="H218683" s="12"/>
    </row>
    <row r="218684" spans="8:8">
      <c r="H218684" s="12"/>
    </row>
    <row r="218685" spans="8:8">
      <c r="H218685" s="12"/>
    </row>
    <row r="218686" spans="8:8">
      <c r="H218686" s="12"/>
    </row>
    <row r="218687" spans="8:8">
      <c r="H218687" s="12"/>
    </row>
    <row r="218688" spans="8:8">
      <c r="H218688" s="12"/>
    </row>
    <row r="218689" spans="8:8">
      <c r="H218689" s="12"/>
    </row>
    <row r="218690" spans="8:8">
      <c r="H218690" s="12"/>
    </row>
    <row r="218691" spans="8:8">
      <c r="H218691" s="12"/>
    </row>
    <row r="218692" spans="8:8">
      <c r="H218692" s="12"/>
    </row>
    <row r="218693" spans="8:8">
      <c r="H218693" s="12"/>
    </row>
    <row r="218694" spans="8:8">
      <c r="H218694" s="12"/>
    </row>
    <row r="218695" spans="8:8">
      <c r="H218695" s="12"/>
    </row>
    <row r="218696" spans="8:8">
      <c r="H218696" s="12"/>
    </row>
    <row r="218697" spans="8:8">
      <c r="H218697" s="12"/>
    </row>
    <row r="218698" spans="8:8">
      <c r="H218698" s="12"/>
    </row>
    <row r="218699" spans="8:8">
      <c r="H218699" s="12"/>
    </row>
    <row r="218700" spans="8:8">
      <c r="H218700" s="12"/>
    </row>
    <row r="218701" spans="8:8">
      <c r="H218701" s="12"/>
    </row>
    <row r="218702" spans="8:8">
      <c r="H218702" s="12"/>
    </row>
    <row r="218703" spans="8:8">
      <c r="H218703" s="12"/>
    </row>
    <row r="218704" spans="8:8">
      <c r="H218704" s="12"/>
    </row>
    <row r="218705" spans="8:8">
      <c r="H218705" s="12"/>
    </row>
    <row r="218706" spans="8:8">
      <c r="H218706" s="12"/>
    </row>
    <row r="218707" spans="8:8">
      <c r="H218707" s="12"/>
    </row>
    <row r="218708" spans="8:8">
      <c r="H218708" s="12"/>
    </row>
    <row r="218709" spans="8:8">
      <c r="H218709" s="12"/>
    </row>
    <row r="218710" spans="8:8">
      <c r="H218710" s="12"/>
    </row>
    <row r="218711" spans="8:8">
      <c r="H218711" s="12"/>
    </row>
    <row r="218712" spans="8:8">
      <c r="H218712" s="12"/>
    </row>
    <row r="218713" spans="8:8">
      <c r="H218713" s="12"/>
    </row>
    <row r="218714" spans="8:8">
      <c r="H218714" s="12"/>
    </row>
    <row r="218715" spans="8:8">
      <c r="H218715" s="12"/>
    </row>
    <row r="218716" spans="8:8">
      <c r="H218716" s="12"/>
    </row>
    <row r="218717" spans="8:8">
      <c r="H218717" s="12"/>
    </row>
    <row r="218718" spans="8:8">
      <c r="H218718" s="12"/>
    </row>
    <row r="218719" spans="8:8">
      <c r="H218719" s="12"/>
    </row>
    <row r="218720" spans="8:8">
      <c r="H218720" s="12"/>
    </row>
    <row r="218721" spans="8:8">
      <c r="H218721" s="12"/>
    </row>
    <row r="218722" spans="8:8">
      <c r="H218722" s="12"/>
    </row>
    <row r="218723" spans="8:8">
      <c r="H218723" s="12"/>
    </row>
    <row r="218724" spans="8:8">
      <c r="H218724" s="12"/>
    </row>
    <row r="218725" spans="8:8">
      <c r="H218725" s="12"/>
    </row>
    <row r="218726" spans="8:8">
      <c r="H218726" s="12"/>
    </row>
    <row r="218727" spans="8:8">
      <c r="H218727" s="12"/>
    </row>
    <row r="218728" spans="8:8">
      <c r="H218728" s="12"/>
    </row>
    <row r="218729" spans="8:8">
      <c r="H218729" s="12"/>
    </row>
    <row r="218730" spans="8:8">
      <c r="H218730" s="12"/>
    </row>
    <row r="218731" spans="8:8">
      <c r="H218731" s="12"/>
    </row>
    <row r="218732" spans="8:8">
      <c r="H218732" s="12"/>
    </row>
    <row r="218733" spans="8:8">
      <c r="H218733" s="12"/>
    </row>
    <row r="218734" spans="8:8">
      <c r="H218734" s="12"/>
    </row>
    <row r="218735" spans="8:8">
      <c r="H218735" s="12"/>
    </row>
    <row r="218736" spans="8:8">
      <c r="H218736" s="12"/>
    </row>
    <row r="218737" spans="8:8">
      <c r="H218737" s="12"/>
    </row>
    <row r="218738" spans="8:8">
      <c r="H218738" s="12"/>
    </row>
    <row r="218739" spans="8:8">
      <c r="H218739" s="12"/>
    </row>
    <row r="218740" spans="8:8">
      <c r="H218740" s="12"/>
    </row>
    <row r="218741" spans="8:8">
      <c r="H218741" s="12"/>
    </row>
    <row r="218742" spans="8:8">
      <c r="H218742" s="12"/>
    </row>
    <row r="218743" spans="8:8">
      <c r="H218743" s="12"/>
    </row>
    <row r="218744" spans="8:8">
      <c r="H218744" s="12"/>
    </row>
    <row r="218745" spans="8:8">
      <c r="H218745" s="12"/>
    </row>
    <row r="218746" spans="8:8">
      <c r="H218746" s="12"/>
    </row>
    <row r="218747" spans="8:8">
      <c r="H218747" s="12"/>
    </row>
    <row r="218748" spans="8:8">
      <c r="H218748" s="12"/>
    </row>
    <row r="218749" spans="8:8">
      <c r="H218749" s="12"/>
    </row>
    <row r="218750" spans="8:8">
      <c r="H218750" s="12"/>
    </row>
    <row r="218751" spans="8:8">
      <c r="H218751" s="12"/>
    </row>
    <row r="218752" spans="8:8">
      <c r="H218752" s="12"/>
    </row>
    <row r="218753" spans="8:8">
      <c r="H218753" s="12"/>
    </row>
    <row r="218754" spans="8:8">
      <c r="H218754" s="12"/>
    </row>
    <row r="218755" spans="8:8">
      <c r="H218755" s="12"/>
    </row>
    <row r="218756" spans="8:8">
      <c r="H218756" s="12"/>
    </row>
    <row r="218757" spans="8:8">
      <c r="H218757" s="12"/>
    </row>
    <row r="218758" spans="8:8">
      <c r="H218758" s="12"/>
    </row>
    <row r="218759" spans="8:8">
      <c r="H218759" s="12"/>
    </row>
    <row r="218760" spans="8:8">
      <c r="H218760" s="12"/>
    </row>
    <row r="218761" spans="8:8">
      <c r="H218761" s="12"/>
    </row>
    <row r="218762" spans="8:8">
      <c r="H218762" s="12"/>
    </row>
    <row r="218763" spans="8:8">
      <c r="H218763" s="12"/>
    </row>
    <row r="218764" spans="8:8">
      <c r="H218764" s="12"/>
    </row>
    <row r="218765" spans="8:8">
      <c r="H218765" s="12"/>
    </row>
    <row r="218766" spans="8:8">
      <c r="H218766" s="12"/>
    </row>
    <row r="218767" spans="8:8">
      <c r="H218767" s="12"/>
    </row>
    <row r="218768" spans="8:8">
      <c r="H218768" s="12"/>
    </row>
    <row r="218769" spans="8:8">
      <c r="H218769" s="12"/>
    </row>
    <row r="218770" spans="8:8">
      <c r="H218770" s="12"/>
    </row>
    <row r="218771" spans="8:8">
      <c r="H218771" s="12"/>
    </row>
    <row r="218772" spans="8:8">
      <c r="H218772" s="12"/>
    </row>
    <row r="218773" spans="8:8">
      <c r="H218773" s="12"/>
    </row>
    <row r="218774" spans="8:8">
      <c r="H218774" s="12"/>
    </row>
    <row r="218775" spans="8:8">
      <c r="H218775" s="12"/>
    </row>
    <row r="218776" spans="8:8">
      <c r="H218776" s="12"/>
    </row>
    <row r="218777" spans="8:8">
      <c r="H218777" s="12"/>
    </row>
    <row r="218778" spans="8:8">
      <c r="H218778" s="12"/>
    </row>
    <row r="218779" spans="8:8">
      <c r="H218779" s="12"/>
    </row>
    <row r="218780" spans="8:8">
      <c r="H218780" s="12"/>
    </row>
    <row r="218781" spans="8:8">
      <c r="H218781" s="12"/>
    </row>
    <row r="218782" spans="8:8">
      <c r="H218782" s="12"/>
    </row>
    <row r="218783" spans="8:8">
      <c r="H218783" s="12"/>
    </row>
    <row r="218784" spans="8:8">
      <c r="H218784" s="12"/>
    </row>
    <row r="218785" spans="8:8">
      <c r="H218785" s="12"/>
    </row>
    <row r="218786" spans="8:8">
      <c r="H218786" s="12"/>
    </row>
    <row r="218787" spans="8:8">
      <c r="H218787" s="12"/>
    </row>
    <row r="218788" spans="8:8">
      <c r="H218788" s="12"/>
    </row>
    <row r="218789" spans="8:8">
      <c r="H218789" s="12"/>
    </row>
    <row r="218790" spans="8:8">
      <c r="H218790" s="12"/>
    </row>
    <row r="218791" spans="8:8">
      <c r="H218791" s="12"/>
    </row>
    <row r="218792" spans="8:8">
      <c r="H218792" s="12"/>
    </row>
    <row r="218793" spans="8:8">
      <c r="H218793" s="12"/>
    </row>
    <row r="218794" spans="8:8">
      <c r="H218794" s="12"/>
    </row>
    <row r="218795" spans="8:8">
      <c r="H218795" s="12"/>
    </row>
    <row r="218796" spans="8:8">
      <c r="H218796" s="12"/>
    </row>
    <row r="218797" spans="8:8">
      <c r="H218797" s="12"/>
    </row>
    <row r="218798" spans="8:8">
      <c r="H218798" s="12"/>
    </row>
    <row r="218799" spans="8:8">
      <c r="H218799" s="12"/>
    </row>
    <row r="218800" spans="8:8">
      <c r="H218800" s="12"/>
    </row>
    <row r="218801" spans="8:8">
      <c r="H218801" s="12"/>
    </row>
    <row r="218802" spans="8:8">
      <c r="H218802" s="12"/>
    </row>
    <row r="218803" spans="8:8">
      <c r="H218803" s="12"/>
    </row>
    <row r="218804" spans="8:8">
      <c r="H218804" s="12"/>
    </row>
    <row r="218805" spans="8:8">
      <c r="H218805" s="12"/>
    </row>
    <row r="218806" spans="8:8">
      <c r="H218806" s="12"/>
    </row>
    <row r="218807" spans="8:8">
      <c r="H218807" s="12"/>
    </row>
    <row r="218808" spans="8:8">
      <c r="H218808" s="12"/>
    </row>
    <row r="218809" spans="8:8">
      <c r="H218809" s="12"/>
    </row>
    <row r="218810" spans="8:8">
      <c r="H218810" s="12"/>
    </row>
    <row r="218811" spans="8:8">
      <c r="H218811" s="12"/>
    </row>
    <row r="218812" spans="8:8">
      <c r="H218812" s="12"/>
    </row>
    <row r="218813" spans="8:8">
      <c r="H218813" s="12"/>
    </row>
    <row r="218814" spans="8:8">
      <c r="H218814" s="12"/>
    </row>
    <row r="218815" spans="8:8">
      <c r="H218815" s="12"/>
    </row>
    <row r="218816" spans="8:8">
      <c r="H218816" s="12"/>
    </row>
    <row r="218817" spans="8:8">
      <c r="H218817" s="12"/>
    </row>
    <row r="218818" spans="8:8">
      <c r="H218818" s="12"/>
    </row>
    <row r="218819" spans="8:8">
      <c r="H218819" s="12"/>
    </row>
    <row r="218820" spans="8:8">
      <c r="H218820" s="12"/>
    </row>
    <row r="218821" spans="8:8">
      <c r="H218821" s="12"/>
    </row>
    <row r="218822" spans="8:8">
      <c r="H218822" s="12"/>
    </row>
    <row r="218823" spans="8:8">
      <c r="H218823" s="12"/>
    </row>
    <row r="218824" spans="8:8">
      <c r="H218824" s="12"/>
    </row>
    <row r="218825" spans="8:8">
      <c r="H218825" s="12"/>
    </row>
    <row r="218826" spans="8:8">
      <c r="H218826" s="12"/>
    </row>
    <row r="218827" spans="8:8">
      <c r="H218827" s="12"/>
    </row>
    <row r="218828" spans="8:8">
      <c r="H218828" s="12"/>
    </row>
    <row r="218829" spans="8:8">
      <c r="H218829" s="12"/>
    </row>
    <row r="218830" spans="8:8">
      <c r="H218830" s="12"/>
    </row>
    <row r="218831" spans="8:8">
      <c r="H218831" s="12"/>
    </row>
    <row r="218832" spans="8:8">
      <c r="H218832" s="12"/>
    </row>
    <row r="218833" spans="8:8">
      <c r="H218833" s="12"/>
    </row>
    <row r="218834" spans="8:8">
      <c r="H218834" s="12"/>
    </row>
    <row r="218835" spans="8:8">
      <c r="H218835" s="12"/>
    </row>
    <row r="218836" spans="8:8">
      <c r="H218836" s="12"/>
    </row>
    <row r="218837" spans="8:8">
      <c r="H218837" s="12"/>
    </row>
    <row r="218838" spans="8:8">
      <c r="H218838" s="12"/>
    </row>
    <row r="218839" spans="8:8">
      <c r="H218839" s="12"/>
    </row>
    <row r="218840" spans="8:8">
      <c r="H218840" s="12"/>
    </row>
    <row r="218841" spans="8:8">
      <c r="H218841" s="12"/>
    </row>
    <row r="218842" spans="8:8">
      <c r="H218842" s="12"/>
    </row>
    <row r="218843" spans="8:8">
      <c r="H218843" s="12"/>
    </row>
    <row r="218844" spans="8:8">
      <c r="H218844" s="12"/>
    </row>
    <row r="218845" spans="8:8">
      <c r="H218845" s="12"/>
    </row>
    <row r="218846" spans="8:8">
      <c r="H218846" s="12"/>
    </row>
    <row r="218847" spans="8:8">
      <c r="H218847" s="12"/>
    </row>
    <row r="218848" spans="8:8">
      <c r="H218848" s="12"/>
    </row>
    <row r="218849" spans="8:8">
      <c r="H218849" s="12"/>
    </row>
    <row r="218850" spans="8:8">
      <c r="H218850" s="12"/>
    </row>
    <row r="218851" spans="8:8">
      <c r="H218851" s="12"/>
    </row>
    <row r="218852" spans="8:8">
      <c r="H218852" s="12"/>
    </row>
    <row r="218853" spans="8:8">
      <c r="H218853" s="12"/>
    </row>
    <row r="218854" spans="8:8">
      <c r="H218854" s="12"/>
    </row>
    <row r="218855" spans="8:8">
      <c r="H218855" s="12"/>
    </row>
    <row r="218856" spans="8:8">
      <c r="H218856" s="12"/>
    </row>
    <row r="218857" spans="8:8">
      <c r="H218857" s="12"/>
    </row>
    <row r="218858" spans="8:8">
      <c r="H218858" s="12"/>
    </row>
    <row r="218859" spans="8:8">
      <c r="H218859" s="12"/>
    </row>
    <row r="218860" spans="8:8">
      <c r="H218860" s="12"/>
    </row>
    <row r="218861" spans="8:8">
      <c r="H218861" s="12"/>
    </row>
    <row r="218862" spans="8:8">
      <c r="H218862" s="12"/>
    </row>
    <row r="218863" spans="8:8">
      <c r="H218863" s="12"/>
    </row>
    <row r="218864" spans="8:8">
      <c r="H218864" s="12"/>
    </row>
    <row r="218865" spans="8:8">
      <c r="H218865" s="12"/>
    </row>
    <row r="218866" spans="8:8">
      <c r="H218866" s="12"/>
    </row>
    <row r="218867" spans="8:8">
      <c r="H218867" s="12"/>
    </row>
    <row r="218868" spans="8:8">
      <c r="H218868" s="12"/>
    </row>
    <row r="218869" spans="8:8">
      <c r="H218869" s="12"/>
    </row>
    <row r="218870" spans="8:8">
      <c r="H218870" s="12"/>
    </row>
    <row r="218871" spans="8:8">
      <c r="H218871" s="12"/>
    </row>
    <row r="218872" spans="8:8">
      <c r="H218872" s="12"/>
    </row>
    <row r="218873" spans="8:8">
      <c r="H218873" s="12"/>
    </row>
    <row r="218874" spans="8:8">
      <c r="H218874" s="12"/>
    </row>
    <row r="218875" spans="8:8">
      <c r="H218875" s="12"/>
    </row>
    <row r="218876" spans="8:8">
      <c r="H218876" s="12"/>
    </row>
    <row r="218877" spans="8:8">
      <c r="H218877" s="12"/>
    </row>
    <row r="218878" spans="8:8">
      <c r="H218878" s="12"/>
    </row>
    <row r="218879" spans="8:8">
      <c r="H218879" s="12"/>
    </row>
    <row r="218880" spans="8:8">
      <c r="H218880" s="12"/>
    </row>
    <row r="218881" spans="8:8">
      <c r="H218881" s="12"/>
    </row>
    <row r="218882" spans="8:8">
      <c r="H218882" s="12"/>
    </row>
    <row r="218883" spans="8:8">
      <c r="H218883" s="12"/>
    </row>
    <row r="218884" spans="8:8">
      <c r="H218884" s="12"/>
    </row>
    <row r="218885" spans="8:8">
      <c r="H218885" s="12"/>
    </row>
    <row r="218886" spans="8:8">
      <c r="H218886" s="12"/>
    </row>
    <row r="218887" spans="8:8">
      <c r="H218887" s="12"/>
    </row>
    <row r="218888" spans="8:8">
      <c r="H218888" s="12"/>
    </row>
    <row r="218889" spans="8:8">
      <c r="H218889" s="12"/>
    </row>
    <row r="218890" spans="8:8">
      <c r="H218890" s="12"/>
    </row>
    <row r="218891" spans="8:8">
      <c r="H218891" s="12"/>
    </row>
    <row r="218892" spans="8:8">
      <c r="H218892" s="12"/>
    </row>
    <row r="218893" spans="8:8">
      <c r="H218893" s="12"/>
    </row>
    <row r="218894" spans="8:8">
      <c r="H218894" s="12"/>
    </row>
    <row r="218895" spans="8:8">
      <c r="H218895" s="12"/>
    </row>
    <row r="218896" spans="8:8">
      <c r="H218896" s="12"/>
    </row>
    <row r="218897" spans="8:8">
      <c r="H218897" s="12"/>
    </row>
    <row r="218898" spans="8:8">
      <c r="H218898" s="12"/>
    </row>
    <row r="218899" spans="8:8">
      <c r="H218899" s="12"/>
    </row>
    <row r="218900" spans="8:8">
      <c r="H218900" s="12"/>
    </row>
    <row r="218901" spans="8:8">
      <c r="H218901" s="12"/>
    </row>
    <row r="218902" spans="8:8">
      <c r="H218902" s="12"/>
    </row>
    <row r="218903" spans="8:8">
      <c r="H218903" s="12"/>
    </row>
    <row r="218904" spans="8:8">
      <c r="H218904" s="12"/>
    </row>
    <row r="218905" spans="8:8">
      <c r="H218905" s="12"/>
    </row>
    <row r="218906" spans="8:8">
      <c r="H218906" s="12"/>
    </row>
    <row r="218907" spans="8:8">
      <c r="H218907" s="12"/>
    </row>
    <row r="218908" spans="8:8">
      <c r="H218908" s="12"/>
    </row>
    <row r="218909" spans="8:8">
      <c r="H218909" s="12"/>
    </row>
    <row r="218910" spans="8:8">
      <c r="H218910" s="12"/>
    </row>
    <row r="218911" spans="8:8">
      <c r="H218911" s="12"/>
    </row>
    <row r="218912" spans="8:8">
      <c r="H218912" s="12"/>
    </row>
    <row r="218913" spans="8:8">
      <c r="H218913" s="12"/>
    </row>
    <row r="218914" spans="8:8">
      <c r="H218914" s="12"/>
    </row>
    <row r="218915" spans="8:8">
      <c r="H218915" s="12"/>
    </row>
    <row r="218916" spans="8:8">
      <c r="H218916" s="12"/>
    </row>
    <row r="218917" spans="8:8">
      <c r="H218917" s="12"/>
    </row>
    <row r="218918" spans="8:8">
      <c r="H218918" s="12"/>
    </row>
    <row r="218919" spans="8:8">
      <c r="H218919" s="12"/>
    </row>
    <row r="218920" spans="8:8">
      <c r="H218920" s="12"/>
    </row>
    <row r="218921" spans="8:8">
      <c r="H218921" s="12"/>
    </row>
    <row r="218922" spans="8:8">
      <c r="H218922" s="12"/>
    </row>
    <row r="218923" spans="8:8">
      <c r="H218923" s="12"/>
    </row>
    <row r="218924" spans="8:8">
      <c r="H218924" s="12"/>
    </row>
    <row r="218925" spans="8:8">
      <c r="H218925" s="12"/>
    </row>
    <row r="218926" spans="8:8">
      <c r="H218926" s="12"/>
    </row>
    <row r="218927" spans="8:8">
      <c r="H218927" s="12"/>
    </row>
    <row r="218928" spans="8:8">
      <c r="H218928" s="12"/>
    </row>
    <row r="218929" spans="8:8">
      <c r="H218929" s="12"/>
    </row>
    <row r="218930" spans="8:8">
      <c r="H218930" s="12"/>
    </row>
    <row r="218931" spans="8:8">
      <c r="H218931" s="12"/>
    </row>
    <row r="218932" spans="8:8">
      <c r="H218932" s="12"/>
    </row>
    <row r="218933" spans="8:8">
      <c r="H218933" s="12"/>
    </row>
    <row r="218934" spans="8:8">
      <c r="H218934" s="12"/>
    </row>
    <row r="218935" spans="8:8">
      <c r="H218935" s="12"/>
    </row>
    <row r="218936" spans="8:8">
      <c r="H218936" s="12"/>
    </row>
    <row r="218937" spans="8:8">
      <c r="H218937" s="12"/>
    </row>
    <row r="218938" spans="8:8">
      <c r="H218938" s="12"/>
    </row>
    <row r="218939" spans="8:8">
      <c r="H218939" s="12"/>
    </row>
    <row r="218940" spans="8:8">
      <c r="H218940" s="12"/>
    </row>
    <row r="218941" spans="8:8">
      <c r="H218941" s="12"/>
    </row>
    <row r="218942" spans="8:8">
      <c r="H218942" s="12"/>
    </row>
    <row r="218943" spans="8:8">
      <c r="H218943" s="12"/>
    </row>
    <row r="218944" spans="8:8">
      <c r="H218944" s="12"/>
    </row>
    <row r="218945" spans="8:8">
      <c r="H218945" s="12"/>
    </row>
    <row r="218946" spans="8:8">
      <c r="H218946" s="12"/>
    </row>
    <row r="218947" spans="8:8">
      <c r="H218947" s="12"/>
    </row>
    <row r="218948" spans="8:8">
      <c r="H218948" s="12"/>
    </row>
    <row r="218949" spans="8:8">
      <c r="H218949" s="12"/>
    </row>
    <row r="218950" spans="8:8">
      <c r="H218950" s="12"/>
    </row>
    <row r="218951" spans="8:8">
      <c r="H218951" s="12"/>
    </row>
    <row r="218952" spans="8:8">
      <c r="H218952" s="12"/>
    </row>
    <row r="218953" spans="8:8">
      <c r="H218953" s="12"/>
    </row>
    <row r="218954" spans="8:8">
      <c r="H218954" s="12"/>
    </row>
    <row r="218955" spans="8:8">
      <c r="H218955" s="12"/>
    </row>
    <row r="218956" spans="8:8">
      <c r="H218956" s="12"/>
    </row>
    <row r="218957" spans="8:8">
      <c r="H218957" s="12"/>
    </row>
    <row r="218958" spans="8:8">
      <c r="H218958" s="12"/>
    </row>
    <row r="218959" spans="8:8">
      <c r="H218959" s="12"/>
    </row>
    <row r="218960" spans="8:8">
      <c r="H218960" s="12"/>
    </row>
    <row r="218961" spans="8:8">
      <c r="H218961" s="12"/>
    </row>
    <row r="218962" spans="8:8">
      <c r="H218962" s="12"/>
    </row>
    <row r="218963" spans="8:8">
      <c r="H218963" s="12"/>
    </row>
    <row r="218964" spans="8:8">
      <c r="H218964" s="12"/>
    </row>
    <row r="218965" spans="8:8">
      <c r="H218965" s="12"/>
    </row>
    <row r="218966" spans="8:8">
      <c r="H218966" s="12"/>
    </row>
    <row r="218967" spans="8:8">
      <c r="H218967" s="12"/>
    </row>
    <row r="218968" spans="8:8">
      <c r="H218968" s="12"/>
    </row>
    <row r="218969" spans="8:8">
      <c r="H218969" s="12"/>
    </row>
    <row r="218970" spans="8:8">
      <c r="H218970" s="12"/>
    </row>
    <row r="218971" spans="8:8">
      <c r="H218971" s="12"/>
    </row>
    <row r="218972" spans="8:8">
      <c r="H218972" s="12"/>
    </row>
    <row r="218973" spans="8:8">
      <c r="H218973" s="12"/>
    </row>
    <row r="218974" spans="8:8">
      <c r="H218974" s="12"/>
    </row>
    <row r="218975" spans="8:8">
      <c r="H218975" s="12"/>
    </row>
    <row r="218976" spans="8:8">
      <c r="H218976" s="12"/>
    </row>
    <row r="218977" spans="8:8">
      <c r="H218977" s="12"/>
    </row>
    <row r="218978" spans="8:8">
      <c r="H218978" s="12"/>
    </row>
    <row r="218979" spans="8:8">
      <c r="H218979" s="12"/>
    </row>
    <row r="218980" spans="8:8">
      <c r="H218980" s="12"/>
    </row>
    <row r="218981" spans="8:8">
      <c r="H218981" s="12"/>
    </row>
    <row r="218982" spans="8:8">
      <c r="H218982" s="12"/>
    </row>
    <row r="218983" spans="8:8">
      <c r="H218983" s="12"/>
    </row>
    <row r="218984" spans="8:8">
      <c r="H218984" s="12"/>
    </row>
    <row r="218985" spans="8:8">
      <c r="H218985" s="12"/>
    </row>
    <row r="218986" spans="8:8">
      <c r="H218986" s="12"/>
    </row>
    <row r="218987" spans="8:8">
      <c r="H218987" s="12"/>
    </row>
    <row r="218988" spans="8:8">
      <c r="H218988" s="12"/>
    </row>
    <row r="218989" spans="8:8">
      <c r="H218989" s="12"/>
    </row>
    <row r="218990" spans="8:8">
      <c r="H218990" s="12"/>
    </row>
    <row r="218991" spans="8:8">
      <c r="H218991" s="12"/>
    </row>
    <row r="218992" spans="8:8">
      <c r="H218992" s="12"/>
    </row>
    <row r="218993" spans="8:8">
      <c r="H218993" s="12"/>
    </row>
    <row r="218994" spans="8:8">
      <c r="H218994" s="12"/>
    </row>
    <row r="218995" spans="8:8">
      <c r="H218995" s="12"/>
    </row>
    <row r="218996" spans="8:8">
      <c r="H218996" s="12"/>
    </row>
    <row r="218997" spans="8:8">
      <c r="H218997" s="12"/>
    </row>
    <row r="218998" spans="8:8">
      <c r="H218998" s="12"/>
    </row>
    <row r="218999" spans="8:8">
      <c r="H218999" s="12"/>
    </row>
    <row r="219000" spans="8:8">
      <c r="H219000" s="12"/>
    </row>
    <row r="219001" spans="8:8">
      <c r="H219001" s="12"/>
    </row>
    <row r="219002" spans="8:8">
      <c r="H219002" s="12"/>
    </row>
    <row r="219003" spans="8:8">
      <c r="H219003" s="12"/>
    </row>
    <row r="219004" spans="8:8">
      <c r="H219004" s="12"/>
    </row>
    <row r="219005" spans="8:8">
      <c r="H219005" s="12"/>
    </row>
    <row r="219006" spans="8:8">
      <c r="H219006" s="12"/>
    </row>
    <row r="219007" spans="8:8">
      <c r="H219007" s="12"/>
    </row>
    <row r="219008" spans="8:8">
      <c r="H219008" s="12"/>
    </row>
    <row r="219009" spans="8:8">
      <c r="H219009" s="12"/>
    </row>
    <row r="219010" spans="8:8">
      <c r="H219010" s="12"/>
    </row>
    <row r="219011" spans="8:8">
      <c r="H219011" s="12"/>
    </row>
    <row r="219012" spans="8:8">
      <c r="H219012" s="12"/>
    </row>
    <row r="219013" spans="8:8">
      <c r="H219013" s="12"/>
    </row>
    <row r="219014" spans="8:8">
      <c r="H219014" s="12"/>
    </row>
    <row r="219015" spans="8:8">
      <c r="H219015" s="12"/>
    </row>
    <row r="219016" spans="8:8">
      <c r="H219016" s="12"/>
    </row>
    <row r="219017" spans="8:8">
      <c r="H219017" s="12"/>
    </row>
    <row r="219018" spans="8:8">
      <c r="H219018" s="12"/>
    </row>
    <row r="219019" spans="8:8">
      <c r="H219019" s="12"/>
    </row>
    <row r="219020" spans="8:8">
      <c r="H219020" s="12"/>
    </row>
    <row r="219021" spans="8:8">
      <c r="H219021" s="12"/>
    </row>
    <row r="219022" spans="8:8">
      <c r="H219022" s="12"/>
    </row>
    <row r="219023" spans="8:8">
      <c r="H219023" s="12"/>
    </row>
    <row r="219024" spans="8:8">
      <c r="H219024" s="12"/>
    </row>
    <row r="219025" spans="8:8">
      <c r="H219025" s="12"/>
    </row>
    <row r="219026" spans="8:8">
      <c r="H219026" s="12"/>
    </row>
    <row r="219027" spans="8:8">
      <c r="H219027" s="12"/>
    </row>
    <row r="219028" spans="8:8">
      <c r="H219028" s="12"/>
    </row>
    <row r="219029" spans="8:8">
      <c r="H219029" s="12"/>
    </row>
    <row r="219030" spans="8:8">
      <c r="H219030" s="12"/>
    </row>
    <row r="219031" spans="8:8">
      <c r="H219031" s="12"/>
    </row>
    <row r="219032" spans="8:8">
      <c r="H219032" s="12"/>
    </row>
    <row r="219033" spans="8:8">
      <c r="H219033" s="12"/>
    </row>
    <row r="219034" spans="8:8">
      <c r="H219034" s="12"/>
    </row>
    <row r="219035" spans="8:8">
      <c r="H219035" s="12"/>
    </row>
    <row r="219036" spans="8:8">
      <c r="H219036" s="12"/>
    </row>
    <row r="219037" spans="8:8">
      <c r="H219037" s="12"/>
    </row>
    <row r="219038" spans="8:8">
      <c r="H219038" s="12"/>
    </row>
    <row r="219039" spans="8:8">
      <c r="H219039" s="12"/>
    </row>
    <row r="219040" spans="8:8">
      <c r="H219040" s="12"/>
    </row>
    <row r="219041" spans="8:8">
      <c r="H219041" s="12"/>
    </row>
    <row r="219042" spans="8:8">
      <c r="H219042" s="12"/>
    </row>
    <row r="219043" spans="8:8">
      <c r="H219043" s="12"/>
    </row>
    <row r="219044" spans="8:8">
      <c r="H219044" s="12"/>
    </row>
    <row r="219045" spans="8:8">
      <c r="H219045" s="12"/>
    </row>
    <row r="219046" spans="8:8">
      <c r="H219046" s="12"/>
    </row>
    <row r="219047" spans="8:8">
      <c r="H219047" s="12"/>
    </row>
    <row r="219048" spans="8:8">
      <c r="H219048" s="12"/>
    </row>
    <row r="219049" spans="8:8">
      <c r="H219049" s="12"/>
    </row>
    <row r="219050" spans="8:8">
      <c r="H219050" s="12"/>
    </row>
    <row r="219051" spans="8:8">
      <c r="H219051" s="12"/>
    </row>
    <row r="219052" spans="8:8">
      <c r="H219052" s="12"/>
    </row>
    <row r="219053" spans="8:8">
      <c r="H219053" s="12"/>
    </row>
    <row r="219054" spans="8:8">
      <c r="H219054" s="12"/>
    </row>
    <row r="219055" spans="8:8">
      <c r="H219055" s="12"/>
    </row>
    <row r="219056" spans="8:8">
      <c r="H219056" s="12"/>
    </row>
    <row r="219057" spans="8:8">
      <c r="H219057" s="12"/>
    </row>
    <row r="219058" spans="8:8">
      <c r="H219058" s="12"/>
    </row>
    <row r="219059" spans="8:8">
      <c r="H219059" s="12"/>
    </row>
    <row r="219060" spans="8:8">
      <c r="H219060" s="12"/>
    </row>
    <row r="219061" spans="8:8">
      <c r="H219061" s="12"/>
    </row>
    <row r="219062" spans="8:8">
      <c r="H219062" s="12"/>
    </row>
    <row r="219063" spans="8:8">
      <c r="H219063" s="12"/>
    </row>
    <row r="219064" spans="8:8">
      <c r="H219064" s="12"/>
    </row>
    <row r="219065" spans="8:8">
      <c r="H219065" s="12"/>
    </row>
    <row r="219066" spans="8:8">
      <c r="H219066" s="12"/>
    </row>
    <row r="219067" spans="8:8">
      <c r="H219067" s="12"/>
    </row>
    <row r="219068" spans="8:8">
      <c r="H219068" s="12"/>
    </row>
    <row r="219069" spans="8:8">
      <c r="H219069" s="12"/>
    </row>
    <row r="219070" spans="8:8">
      <c r="H219070" s="12"/>
    </row>
    <row r="219071" spans="8:8">
      <c r="H219071" s="12"/>
    </row>
    <row r="219072" spans="8:8">
      <c r="H219072" s="12"/>
    </row>
    <row r="219073" spans="8:8">
      <c r="H219073" s="12"/>
    </row>
    <row r="219074" spans="8:8">
      <c r="H219074" s="12"/>
    </row>
    <row r="219075" spans="8:8">
      <c r="H219075" s="12"/>
    </row>
    <row r="219076" spans="8:8">
      <c r="H219076" s="12"/>
    </row>
    <row r="219077" spans="8:8">
      <c r="H219077" s="12"/>
    </row>
    <row r="219078" spans="8:8">
      <c r="H219078" s="12"/>
    </row>
    <row r="219079" spans="8:8">
      <c r="H219079" s="12"/>
    </row>
    <row r="219080" spans="8:8">
      <c r="H219080" s="12"/>
    </row>
    <row r="219081" spans="8:8">
      <c r="H219081" s="12"/>
    </row>
    <row r="219082" spans="8:8">
      <c r="H219082" s="12"/>
    </row>
    <row r="219083" spans="8:8">
      <c r="H219083" s="12"/>
    </row>
    <row r="219084" spans="8:8">
      <c r="H219084" s="12"/>
    </row>
    <row r="219085" spans="8:8">
      <c r="H219085" s="12"/>
    </row>
    <row r="219086" spans="8:8">
      <c r="H219086" s="12"/>
    </row>
    <row r="219087" spans="8:8">
      <c r="H219087" s="12"/>
    </row>
    <row r="219088" spans="8:8">
      <c r="H219088" s="12"/>
    </row>
    <row r="219089" spans="8:8">
      <c r="H219089" s="12"/>
    </row>
    <row r="219090" spans="8:8">
      <c r="H219090" s="12"/>
    </row>
    <row r="219091" spans="8:8">
      <c r="H219091" s="12"/>
    </row>
    <row r="219092" spans="8:8">
      <c r="H219092" s="12"/>
    </row>
    <row r="219093" spans="8:8">
      <c r="H219093" s="12"/>
    </row>
    <row r="219094" spans="8:8">
      <c r="H219094" s="12"/>
    </row>
    <row r="219095" spans="8:8">
      <c r="H219095" s="12"/>
    </row>
    <row r="219096" spans="8:8">
      <c r="H219096" s="12"/>
    </row>
    <row r="219097" spans="8:8">
      <c r="H219097" s="12"/>
    </row>
    <row r="219098" spans="8:8">
      <c r="H219098" s="12"/>
    </row>
    <row r="219099" spans="8:8">
      <c r="H219099" s="12"/>
    </row>
    <row r="219100" spans="8:8">
      <c r="H219100" s="12"/>
    </row>
    <row r="219101" spans="8:8">
      <c r="H219101" s="12"/>
    </row>
    <row r="219102" spans="8:8">
      <c r="H219102" s="12"/>
    </row>
    <row r="219103" spans="8:8">
      <c r="H219103" s="12"/>
    </row>
    <row r="219104" spans="8:8">
      <c r="H219104" s="12"/>
    </row>
    <row r="219105" spans="8:8">
      <c r="H219105" s="12"/>
    </row>
    <row r="219106" spans="8:8">
      <c r="H219106" s="12"/>
    </row>
    <row r="219107" spans="8:8">
      <c r="H219107" s="12"/>
    </row>
    <row r="219108" spans="8:8">
      <c r="H219108" s="12"/>
    </row>
    <row r="219109" spans="8:8">
      <c r="H219109" s="12"/>
    </row>
    <row r="219110" spans="8:8">
      <c r="H219110" s="12"/>
    </row>
    <row r="219111" spans="8:8">
      <c r="H219111" s="12"/>
    </row>
    <row r="219112" spans="8:8">
      <c r="H219112" s="12"/>
    </row>
    <row r="219113" spans="8:8">
      <c r="H219113" s="12"/>
    </row>
    <row r="219114" spans="8:8">
      <c r="H219114" s="12"/>
    </row>
    <row r="219115" spans="8:8">
      <c r="H219115" s="12"/>
    </row>
    <row r="219116" spans="8:8">
      <c r="H219116" s="12"/>
    </row>
    <row r="219117" spans="8:8">
      <c r="H219117" s="12"/>
    </row>
    <row r="219118" spans="8:8">
      <c r="H219118" s="12"/>
    </row>
    <row r="219119" spans="8:8">
      <c r="H219119" s="12"/>
    </row>
    <row r="219120" spans="8:8">
      <c r="H219120" s="12"/>
    </row>
    <row r="219121" spans="8:8">
      <c r="H219121" s="12"/>
    </row>
    <row r="219122" spans="8:8">
      <c r="H219122" s="12"/>
    </row>
    <row r="219123" spans="8:8">
      <c r="H219123" s="12"/>
    </row>
    <row r="219124" spans="8:8">
      <c r="H219124" s="12"/>
    </row>
    <row r="219125" spans="8:8">
      <c r="H219125" s="12"/>
    </row>
    <row r="219126" spans="8:8">
      <c r="H219126" s="12"/>
    </row>
    <row r="219127" spans="8:8">
      <c r="H219127" s="12"/>
    </row>
    <row r="219128" spans="8:8">
      <c r="H219128" s="12"/>
    </row>
    <row r="219129" spans="8:8">
      <c r="H219129" s="12"/>
    </row>
    <row r="219130" spans="8:8">
      <c r="H219130" s="12"/>
    </row>
    <row r="219131" spans="8:8">
      <c r="H219131" s="12"/>
    </row>
    <row r="219132" spans="8:8">
      <c r="H219132" s="12"/>
    </row>
    <row r="219133" spans="8:8">
      <c r="H219133" s="12"/>
    </row>
    <row r="219134" spans="8:8">
      <c r="H219134" s="12"/>
    </row>
    <row r="219135" spans="8:8">
      <c r="H219135" s="12"/>
    </row>
    <row r="219136" spans="8:8">
      <c r="H219136" s="12"/>
    </row>
    <row r="219137" spans="8:8">
      <c r="H219137" s="12"/>
    </row>
    <row r="219138" spans="8:8">
      <c r="H219138" s="12"/>
    </row>
    <row r="219139" spans="8:8">
      <c r="H219139" s="12"/>
    </row>
    <row r="219140" spans="8:8">
      <c r="H219140" s="12"/>
    </row>
    <row r="219141" spans="8:8">
      <c r="H219141" s="12"/>
    </row>
    <row r="219142" spans="8:8">
      <c r="H219142" s="12"/>
    </row>
    <row r="219143" spans="8:8">
      <c r="H219143" s="12"/>
    </row>
    <row r="219144" spans="8:8">
      <c r="H219144" s="12"/>
    </row>
    <row r="219145" spans="8:8">
      <c r="H219145" s="12"/>
    </row>
    <row r="219146" spans="8:8">
      <c r="H219146" s="12"/>
    </row>
    <row r="219147" spans="8:8">
      <c r="H219147" s="12"/>
    </row>
    <row r="219148" spans="8:8">
      <c r="H219148" s="12"/>
    </row>
    <row r="219149" spans="8:8">
      <c r="H219149" s="12"/>
    </row>
    <row r="219150" spans="8:8">
      <c r="H219150" s="12"/>
    </row>
    <row r="219151" spans="8:8">
      <c r="H219151" s="12"/>
    </row>
    <row r="219152" spans="8:8">
      <c r="H219152" s="12"/>
    </row>
    <row r="219153" spans="8:8">
      <c r="H219153" s="12"/>
    </row>
    <row r="219154" spans="8:8">
      <c r="H219154" s="12"/>
    </row>
    <row r="219155" spans="8:8">
      <c r="H219155" s="12"/>
    </row>
    <row r="219156" spans="8:8">
      <c r="H219156" s="12"/>
    </row>
    <row r="219157" spans="8:8">
      <c r="H219157" s="12"/>
    </row>
    <row r="219158" spans="8:8">
      <c r="H219158" s="12"/>
    </row>
    <row r="219159" spans="8:8">
      <c r="H219159" s="12"/>
    </row>
    <row r="219160" spans="8:8">
      <c r="H219160" s="12"/>
    </row>
    <row r="219161" spans="8:8">
      <c r="H219161" s="12"/>
    </row>
    <row r="219162" spans="8:8">
      <c r="H219162" s="12"/>
    </row>
    <row r="219163" spans="8:8">
      <c r="H219163" s="12"/>
    </row>
    <row r="219164" spans="8:8">
      <c r="H219164" s="12"/>
    </row>
    <row r="219165" spans="8:8">
      <c r="H219165" s="12"/>
    </row>
    <row r="219166" spans="8:8">
      <c r="H219166" s="12"/>
    </row>
    <row r="219167" spans="8:8">
      <c r="H219167" s="12"/>
    </row>
    <row r="219168" spans="8:8">
      <c r="H219168" s="12"/>
    </row>
    <row r="219169" spans="8:8">
      <c r="H219169" s="12"/>
    </row>
    <row r="219170" spans="8:8">
      <c r="H219170" s="12"/>
    </row>
    <row r="219171" spans="8:8">
      <c r="H219171" s="12"/>
    </row>
    <row r="219172" spans="8:8">
      <c r="H219172" s="12"/>
    </row>
    <row r="219173" spans="8:8">
      <c r="H219173" s="12"/>
    </row>
    <row r="219174" spans="8:8">
      <c r="H219174" s="12"/>
    </row>
    <row r="219175" spans="8:8">
      <c r="H219175" s="12"/>
    </row>
    <row r="219176" spans="8:8">
      <c r="H219176" s="12"/>
    </row>
    <row r="219177" spans="8:8">
      <c r="H219177" s="12"/>
    </row>
    <row r="219178" spans="8:8">
      <c r="H219178" s="12"/>
    </row>
    <row r="219179" spans="8:8">
      <c r="H219179" s="12"/>
    </row>
    <row r="219180" spans="8:8">
      <c r="H219180" s="12"/>
    </row>
    <row r="219181" spans="8:8">
      <c r="H219181" s="12"/>
    </row>
    <row r="219182" spans="8:8">
      <c r="H219182" s="12"/>
    </row>
    <row r="219183" spans="8:8">
      <c r="H219183" s="12"/>
    </row>
    <row r="219184" spans="8:8">
      <c r="H219184" s="12"/>
    </row>
    <row r="219185" spans="8:8">
      <c r="H219185" s="12"/>
    </row>
    <row r="219186" spans="8:8">
      <c r="H219186" s="12"/>
    </row>
    <row r="219187" spans="8:8">
      <c r="H219187" s="12"/>
    </row>
    <row r="219188" spans="8:8">
      <c r="H219188" s="12"/>
    </row>
    <row r="219189" spans="8:8">
      <c r="H219189" s="12"/>
    </row>
    <row r="219190" spans="8:8">
      <c r="H219190" s="12"/>
    </row>
    <row r="219191" spans="8:8">
      <c r="H219191" s="12"/>
    </row>
    <row r="219192" spans="8:8">
      <c r="H219192" s="12"/>
    </row>
    <row r="219193" spans="8:8">
      <c r="H219193" s="12"/>
    </row>
    <row r="219194" spans="8:8">
      <c r="H219194" s="12"/>
    </row>
    <row r="219195" spans="8:8">
      <c r="H219195" s="12"/>
    </row>
    <row r="219196" spans="8:8">
      <c r="H219196" s="12"/>
    </row>
    <row r="219197" spans="8:8">
      <c r="H219197" s="12"/>
    </row>
    <row r="219198" spans="8:8">
      <c r="H219198" s="12"/>
    </row>
    <row r="219199" spans="8:8">
      <c r="H219199" s="12"/>
    </row>
    <row r="219200" spans="8:8">
      <c r="H219200" s="12"/>
    </row>
    <row r="219201" spans="8:8">
      <c r="H219201" s="12"/>
    </row>
    <row r="219202" spans="8:8">
      <c r="H219202" s="12"/>
    </row>
    <row r="219203" spans="8:8">
      <c r="H219203" s="12"/>
    </row>
    <row r="219204" spans="8:8">
      <c r="H219204" s="12"/>
    </row>
    <row r="219205" spans="8:8">
      <c r="H219205" s="12"/>
    </row>
    <row r="219206" spans="8:8">
      <c r="H219206" s="12"/>
    </row>
    <row r="219207" spans="8:8">
      <c r="H219207" s="12"/>
    </row>
    <row r="219208" spans="8:8">
      <c r="H219208" s="12"/>
    </row>
    <row r="219209" spans="8:8">
      <c r="H219209" s="12"/>
    </row>
    <row r="219210" spans="8:8">
      <c r="H219210" s="12"/>
    </row>
    <row r="219211" spans="8:8">
      <c r="H219211" s="12"/>
    </row>
    <row r="219212" spans="8:8">
      <c r="H219212" s="12"/>
    </row>
    <row r="219213" spans="8:8">
      <c r="H219213" s="12"/>
    </row>
    <row r="219214" spans="8:8">
      <c r="H219214" s="12"/>
    </row>
    <row r="219215" spans="8:8">
      <c r="H219215" s="12"/>
    </row>
    <row r="219216" spans="8:8">
      <c r="H219216" s="12"/>
    </row>
    <row r="219217" spans="8:8">
      <c r="H219217" s="12"/>
    </row>
    <row r="219218" spans="8:8">
      <c r="H219218" s="12"/>
    </row>
    <row r="219219" spans="8:8">
      <c r="H219219" s="12"/>
    </row>
    <row r="219220" spans="8:8">
      <c r="H219220" s="12"/>
    </row>
    <row r="219221" spans="8:8">
      <c r="H219221" s="12"/>
    </row>
    <row r="219222" spans="8:8">
      <c r="H219222" s="12"/>
    </row>
    <row r="219223" spans="8:8">
      <c r="H219223" s="12"/>
    </row>
    <row r="219224" spans="8:8">
      <c r="H219224" s="12"/>
    </row>
    <row r="219225" spans="8:8">
      <c r="H219225" s="12"/>
    </row>
    <row r="219226" spans="8:8">
      <c r="H219226" s="12"/>
    </row>
    <row r="219227" spans="8:8">
      <c r="H219227" s="12"/>
    </row>
    <row r="219228" spans="8:8">
      <c r="H219228" s="12"/>
    </row>
    <row r="219229" spans="8:8">
      <c r="H219229" s="12"/>
    </row>
    <row r="219230" spans="8:8">
      <c r="H219230" s="12"/>
    </row>
    <row r="219231" spans="8:8">
      <c r="H219231" s="12"/>
    </row>
    <row r="219232" spans="8:8">
      <c r="H219232" s="12"/>
    </row>
    <row r="219233" spans="8:8">
      <c r="H219233" s="12"/>
    </row>
    <row r="219234" spans="8:8">
      <c r="H219234" s="12"/>
    </row>
    <row r="219235" spans="8:8">
      <c r="H219235" s="12"/>
    </row>
    <row r="219236" spans="8:8">
      <c r="H219236" s="12"/>
    </row>
    <row r="219237" spans="8:8">
      <c r="H219237" s="12"/>
    </row>
    <row r="219238" spans="8:8">
      <c r="H219238" s="12"/>
    </row>
    <row r="219239" spans="8:8">
      <c r="H219239" s="12"/>
    </row>
    <row r="219240" spans="8:8">
      <c r="H219240" s="12"/>
    </row>
    <row r="219241" spans="8:8">
      <c r="H219241" s="12"/>
    </row>
    <row r="219242" spans="8:8">
      <c r="H219242" s="12"/>
    </row>
    <row r="219243" spans="8:8">
      <c r="H219243" s="12"/>
    </row>
    <row r="219244" spans="8:8">
      <c r="H219244" s="12"/>
    </row>
    <row r="219245" spans="8:8">
      <c r="H219245" s="12"/>
    </row>
    <row r="219246" spans="8:8">
      <c r="H219246" s="12"/>
    </row>
    <row r="219247" spans="8:8">
      <c r="H219247" s="12"/>
    </row>
    <row r="219248" spans="8:8">
      <c r="H219248" s="12"/>
    </row>
    <row r="219249" spans="8:8">
      <c r="H219249" s="12"/>
    </row>
    <row r="219250" spans="8:8">
      <c r="H219250" s="12"/>
    </row>
    <row r="219251" spans="8:8">
      <c r="H219251" s="12"/>
    </row>
    <row r="219252" spans="8:8">
      <c r="H219252" s="12"/>
    </row>
    <row r="219253" spans="8:8">
      <c r="H219253" s="12"/>
    </row>
    <row r="219254" spans="8:8">
      <c r="H219254" s="12"/>
    </row>
    <row r="219255" spans="8:8">
      <c r="H219255" s="12"/>
    </row>
    <row r="219256" spans="8:8">
      <c r="H219256" s="12"/>
    </row>
    <row r="219257" spans="8:8">
      <c r="H219257" s="12"/>
    </row>
    <row r="219258" spans="8:8">
      <c r="H219258" s="12"/>
    </row>
    <row r="219259" spans="8:8">
      <c r="H219259" s="12"/>
    </row>
    <row r="219260" spans="8:8">
      <c r="H219260" s="12"/>
    </row>
    <row r="219261" spans="8:8">
      <c r="H219261" s="12"/>
    </row>
    <row r="219262" spans="8:8">
      <c r="H219262" s="12"/>
    </row>
    <row r="219263" spans="8:8">
      <c r="H219263" s="12"/>
    </row>
    <row r="219264" spans="8:8">
      <c r="H219264" s="12"/>
    </row>
    <row r="219265" spans="8:8">
      <c r="H219265" s="12"/>
    </row>
    <row r="219266" spans="8:8">
      <c r="H219266" s="12"/>
    </row>
    <row r="219267" spans="8:8">
      <c r="H219267" s="12"/>
    </row>
    <row r="219268" spans="8:8">
      <c r="H219268" s="12"/>
    </row>
    <row r="219269" spans="8:8">
      <c r="H219269" s="12"/>
    </row>
    <row r="219270" spans="8:8">
      <c r="H219270" s="12"/>
    </row>
    <row r="219271" spans="8:8">
      <c r="H219271" s="12"/>
    </row>
    <row r="219272" spans="8:8">
      <c r="H219272" s="12"/>
    </row>
    <row r="219273" spans="8:8">
      <c r="H219273" s="12"/>
    </row>
    <row r="219274" spans="8:8">
      <c r="H219274" s="12"/>
    </row>
    <row r="219275" spans="8:8">
      <c r="H219275" s="12"/>
    </row>
    <row r="219276" spans="8:8">
      <c r="H219276" s="12"/>
    </row>
    <row r="219277" spans="8:8">
      <c r="H219277" s="12"/>
    </row>
    <row r="219278" spans="8:8">
      <c r="H219278" s="12"/>
    </row>
    <row r="219279" spans="8:8">
      <c r="H219279" s="12"/>
    </row>
    <row r="219280" spans="8:8">
      <c r="H219280" s="12"/>
    </row>
    <row r="219281" spans="8:8">
      <c r="H219281" s="12"/>
    </row>
    <row r="219282" spans="8:8">
      <c r="H219282" s="12"/>
    </row>
    <row r="219283" spans="8:8">
      <c r="H219283" s="12"/>
    </row>
    <row r="219284" spans="8:8">
      <c r="H219284" s="12"/>
    </row>
    <row r="219285" spans="8:8">
      <c r="H219285" s="12"/>
    </row>
    <row r="219286" spans="8:8">
      <c r="H219286" s="12"/>
    </row>
    <row r="219287" spans="8:8">
      <c r="H219287" s="12"/>
    </row>
    <row r="219288" spans="8:8">
      <c r="H219288" s="12"/>
    </row>
    <row r="219289" spans="8:8">
      <c r="H219289" s="12"/>
    </row>
    <row r="219290" spans="8:8">
      <c r="H219290" s="12"/>
    </row>
    <row r="219291" spans="8:8">
      <c r="H219291" s="12"/>
    </row>
    <row r="219292" spans="8:8">
      <c r="H219292" s="12"/>
    </row>
    <row r="219293" spans="8:8">
      <c r="H219293" s="12"/>
    </row>
    <row r="219294" spans="8:8">
      <c r="H219294" s="12"/>
    </row>
    <row r="219295" spans="8:8">
      <c r="H219295" s="12"/>
    </row>
    <row r="219296" spans="8:8">
      <c r="H219296" s="12"/>
    </row>
    <row r="219297" spans="8:8">
      <c r="H219297" s="12"/>
    </row>
    <row r="219298" spans="8:8">
      <c r="H219298" s="12"/>
    </row>
    <row r="219299" spans="8:8">
      <c r="H219299" s="12"/>
    </row>
    <row r="219300" spans="8:8">
      <c r="H219300" s="12"/>
    </row>
    <row r="219301" spans="8:8">
      <c r="H219301" s="12"/>
    </row>
    <row r="219302" spans="8:8">
      <c r="H219302" s="12"/>
    </row>
    <row r="219303" spans="8:8">
      <c r="H219303" s="12"/>
    </row>
    <row r="219304" spans="8:8">
      <c r="H219304" s="12"/>
    </row>
    <row r="219305" spans="8:8">
      <c r="H219305" s="12"/>
    </row>
    <row r="219306" spans="8:8">
      <c r="H219306" s="12"/>
    </row>
    <row r="219307" spans="8:8">
      <c r="H219307" s="12"/>
    </row>
    <row r="219308" spans="8:8">
      <c r="H219308" s="12"/>
    </row>
    <row r="219309" spans="8:8">
      <c r="H219309" s="12"/>
    </row>
    <row r="219310" spans="8:8">
      <c r="H219310" s="12"/>
    </row>
    <row r="219311" spans="8:8">
      <c r="H219311" s="12"/>
    </row>
    <row r="219312" spans="8:8">
      <c r="H219312" s="12"/>
    </row>
    <row r="219313" spans="8:8">
      <c r="H219313" s="12"/>
    </row>
    <row r="219314" spans="8:8">
      <c r="H219314" s="12"/>
    </row>
    <row r="219315" spans="8:8">
      <c r="H219315" s="12"/>
    </row>
    <row r="219316" spans="8:8">
      <c r="H219316" s="12"/>
    </row>
    <row r="219317" spans="8:8">
      <c r="H219317" s="12"/>
    </row>
    <row r="219318" spans="8:8">
      <c r="H219318" s="12"/>
    </row>
    <row r="219319" spans="8:8">
      <c r="H219319" s="12"/>
    </row>
    <row r="219320" spans="8:8">
      <c r="H219320" s="12"/>
    </row>
    <row r="219321" spans="8:8">
      <c r="H219321" s="12"/>
    </row>
    <row r="219322" spans="8:8">
      <c r="H219322" s="12"/>
    </row>
    <row r="219323" spans="8:8">
      <c r="H219323" s="12"/>
    </row>
    <row r="219324" spans="8:8">
      <c r="H219324" s="12"/>
    </row>
    <row r="219325" spans="8:8">
      <c r="H219325" s="12"/>
    </row>
    <row r="219326" spans="8:8">
      <c r="H219326" s="12"/>
    </row>
    <row r="219327" spans="8:8">
      <c r="H219327" s="12"/>
    </row>
    <row r="219328" spans="8:8">
      <c r="H219328" s="12"/>
    </row>
    <row r="219329" spans="8:8">
      <c r="H219329" s="12"/>
    </row>
    <row r="219330" spans="8:8">
      <c r="H219330" s="12"/>
    </row>
    <row r="219331" spans="8:8">
      <c r="H219331" s="12"/>
    </row>
    <row r="219332" spans="8:8">
      <c r="H219332" s="12"/>
    </row>
    <row r="219333" spans="8:8">
      <c r="H219333" s="12"/>
    </row>
    <row r="219334" spans="8:8">
      <c r="H219334" s="12"/>
    </row>
    <row r="219335" spans="8:8">
      <c r="H219335" s="12"/>
    </row>
    <row r="219336" spans="8:8">
      <c r="H219336" s="12"/>
    </row>
    <row r="219337" spans="8:8">
      <c r="H219337" s="12"/>
    </row>
    <row r="219338" spans="8:8">
      <c r="H219338" s="12"/>
    </row>
    <row r="219339" spans="8:8">
      <c r="H219339" s="12"/>
    </row>
    <row r="219340" spans="8:8">
      <c r="H219340" s="12"/>
    </row>
    <row r="219341" spans="8:8">
      <c r="H219341" s="12"/>
    </row>
    <row r="219342" spans="8:8">
      <c r="H219342" s="12"/>
    </row>
    <row r="219343" spans="8:8">
      <c r="H219343" s="12"/>
    </row>
    <row r="219344" spans="8:8">
      <c r="H219344" s="12"/>
    </row>
    <row r="219345" spans="8:8">
      <c r="H219345" s="12"/>
    </row>
    <row r="219346" spans="8:8">
      <c r="H219346" s="12"/>
    </row>
    <row r="219347" spans="8:8">
      <c r="H219347" s="12"/>
    </row>
    <row r="219348" spans="8:8">
      <c r="H219348" s="12"/>
    </row>
    <row r="219349" spans="8:8">
      <c r="H219349" s="12"/>
    </row>
    <row r="219350" spans="8:8">
      <c r="H219350" s="12"/>
    </row>
    <row r="219351" spans="8:8">
      <c r="H219351" s="12"/>
    </row>
    <row r="219352" spans="8:8">
      <c r="H219352" s="12"/>
    </row>
    <row r="219353" spans="8:8">
      <c r="H219353" s="12"/>
    </row>
    <row r="219354" spans="8:8">
      <c r="H219354" s="12"/>
    </row>
    <row r="219355" spans="8:8">
      <c r="H219355" s="12"/>
    </row>
    <row r="219356" spans="8:8">
      <c r="H219356" s="12"/>
    </row>
    <row r="219357" spans="8:8">
      <c r="H219357" s="12"/>
    </row>
    <row r="219358" spans="8:8">
      <c r="H219358" s="12"/>
    </row>
    <row r="219359" spans="8:8">
      <c r="H219359" s="12"/>
    </row>
    <row r="219360" spans="8:8">
      <c r="H219360" s="12"/>
    </row>
    <row r="219361" spans="8:8">
      <c r="H219361" s="12"/>
    </row>
    <row r="219362" spans="8:8">
      <c r="H219362" s="12"/>
    </row>
    <row r="219363" spans="8:8">
      <c r="H219363" s="12"/>
    </row>
    <row r="219364" spans="8:8">
      <c r="H219364" s="12"/>
    </row>
    <row r="219365" spans="8:8">
      <c r="H219365" s="12"/>
    </row>
    <row r="219366" spans="8:8">
      <c r="H219366" s="12"/>
    </row>
    <row r="219367" spans="8:8">
      <c r="H219367" s="12"/>
    </row>
    <row r="219368" spans="8:8">
      <c r="H219368" s="12"/>
    </row>
    <row r="219369" spans="8:8">
      <c r="H219369" s="12"/>
    </row>
    <row r="219370" spans="8:8">
      <c r="H219370" s="12"/>
    </row>
    <row r="219371" spans="8:8">
      <c r="H219371" s="12"/>
    </row>
    <row r="219372" spans="8:8">
      <c r="H219372" s="12"/>
    </row>
    <row r="219373" spans="8:8">
      <c r="H219373" s="12"/>
    </row>
    <row r="219374" spans="8:8">
      <c r="H219374" s="12"/>
    </row>
    <row r="219375" spans="8:8">
      <c r="H219375" s="12"/>
    </row>
    <row r="219376" spans="8:8">
      <c r="H219376" s="12"/>
    </row>
    <row r="219377" spans="8:8">
      <c r="H219377" s="12"/>
    </row>
    <row r="219378" spans="8:8">
      <c r="H219378" s="12"/>
    </row>
    <row r="219379" spans="8:8">
      <c r="H219379" s="12"/>
    </row>
    <row r="219380" spans="8:8">
      <c r="H219380" s="12"/>
    </row>
    <row r="219381" spans="8:8">
      <c r="H219381" s="12"/>
    </row>
    <row r="219382" spans="8:8">
      <c r="H219382" s="12"/>
    </row>
    <row r="219383" spans="8:8">
      <c r="H219383" s="12"/>
    </row>
    <row r="219384" spans="8:8">
      <c r="H219384" s="12"/>
    </row>
    <row r="219385" spans="8:8">
      <c r="H219385" s="12"/>
    </row>
    <row r="219386" spans="8:8">
      <c r="H219386" s="12"/>
    </row>
    <row r="219387" spans="8:8">
      <c r="H219387" s="12"/>
    </row>
    <row r="219388" spans="8:8">
      <c r="H219388" s="12"/>
    </row>
    <row r="219389" spans="8:8">
      <c r="H219389" s="12"/>
    </row>
    <row r="219390" spans="8:8">
      <c r="H219390" s="12"/>
    </row>
    <row r="219391" spans="8:8">
      <c r="H219391" s="12"/>
    </row>
    <row r="219392" spans="8:8">
      <c r="H219392" s="12"/>
    </row>
    <row r="219393" spans="8:8">
      <c r="H219393" s="12"/>
    </row>
    <row r="219394" spans="8:8">
      <c r="H219394" s="12"/>
    </row>
    <row r="219395" spans="8:8">
      <c r="H219395" s="12"/>
    </row>
    <row r="219396" spans="8:8">
      <c r="H219396" s="12"/>
    </row>
    <row r="219397" spans="8:8">
      <c r="H219397" s="12"/>
    </row>
    <row r="219398" spans="8:8">
      <c r="H219398" s="12"/>
    </row>
    <row r="219399" spans="8:8">
      <c r="H219399" s="12"/>
    </row>
    <row r="219400" spans="8:8">
      <c r="H219400" s="12"/>
    </row>
    <row r="219401" spans="8:8">
      <c r="H219401" s="12"/>
    </row>
    <row r="219402" spans="8:8">
      <c r="H219402" s="12"/>
    </row>
    <row r="219403" spans="8:8">
      <c r="H219403" s="12"/>
    </row>
    <row r="219404" spans="8:8">
      <c r="H219404" s="12"/>
    </row>
    <row r="219405" spans="8:8">
      <c r="H219405" s="12"/>
    </row>
    <row r="219406" spans="8:8">
      <c r="H219406" s="12"/>
    </row>
    <row r="219407" spans="8:8">
      <c r="H219407" s="12"/>
    </row>
    <row r="219408" spans="8:8">
      <c r="H219408" s="12"/>
    </row>
    <row r="219409" spans="8:8">
      <c r="H219409" s="12"/>
    </row>
    <row r="219410" spans="8:8">
      <c r="H219410" s="12"/>
    </row>
    <row r="219411" spans="8:8">
      <c r="H219411" s="12"/>
    </row>
    <row r="219412" spans="8:8">
      <c r="H219412" s="12"/>
    </row>
    <row r="219413" spans="8:8">
      <c r="H219413" s="12"/>
    </row>
    <row r="219414" spans="8:8">
      <c r="H219414" s="12"/>
    </row>
    <row r="219415" spans="8:8">
      <c r="H219415" s="12"/>
    </row>
    <row r="219416" spans="8:8">
      <c r="H219416" s="12"/>
    </row>
    <row r="219417" spans="8:8">
      <c r="H219417" s="12"/>
    </row>
    <row r="219418" spans="8:8">
      <c r="H219418" s="12"/>
    </row>
    <row r="219419" spans="8:8">
      <c r="H219419" s="12"/>
    </row>
    <row r="219420" spans="8:8">
      <c r="H219420" s="12"/>
    </row>
    <row r="219421" spans="8:8">
      <c r="H219421" s="12"/>
    </row>
    <row r="219422" spans="8:8">
      <c r="H219422" s="12"/>
    </row>
    <row r="219423" spans="8:8">
      <c r="H219423" s="12"/>
    </row>
    <row r="219424" spans="8:8">
      <c r="H219424" s="12"/>
    </row>
    <row r="219425" spans="8:8">
      <c r="H219425" s="12"/>
    </row>
    <row r="219426" spans="8:8">
      <c r="H219426" s="12"/>
    </row>
    <row r="219427" spans="8:8">
      <c r="H219427" s="12"/>
    </row>
    <row r="219428" spans="8:8">
      <c r="H219428" s="12"/>
    </row>
    <row r="219429" spans="8:8">
      <c r="H219429" s="12"/>
    </row>
    <row r="219430" spans="8:8">
      <c r="H219430" s="12"/>
    </row>
    <row r="219431" spans="8:8">
      <c r="H219431" s="12"/>
    </row>
    <row r="219432" spans="8:8">
      <c r="H219432" s="12"/>
    </row>
    <row r="219433" spans="8:8">
      <c r="H219433" s="12"/>
    </row>
    <row r="219434" spans="8:8">
      <c r="H219434" s="12"/>
    </row>
    <row r="219435" spans="8:8">
      <c r="H219435" s="12"/>
    </row>
    <row r="219436" spans="8:8">
      <c r="H219436" s="12"/>
    </row>
    <row r="219437" spans="8:8">
      <c r="H219437" s="12"/>
    </row>
    <row r="219438" spans="8:8">
      <c r="H219438" s="12"/>
    </row>
    <row r="219439" spans="8:8">
      <c r="H219439" s="12"/>
    </row>
    <row r="219440" spans="8:8">
      <c r="H219440" s="12"/>
    </row>
    <row r="219441" spans="8:8">
      <c r="H219441" s="12"/>
    </row>
    <row r="219442" spans="8:8">
      <c r="H219442" s="12"/>
    </row>
    <row r="219443" spans="8:8">
      <c r="H219443" s="12"/>
    </row>
    <row r="219444" spans="8:8">
      <c r="H219444" s="12"/>
    </row>
    <row r="219445" spans="8:8">
      <c r="H219445" s="12"/>
    </row>
    <row r="219446" spans="8:8">
      <c r="H219446" s="12"/>
    </row>
    <row r="219447" spans="8:8">
      <c r="H219447" s="12"/>
    </row>
    <row r="219448" spans="8:8">
      <c r="H219448" s="12"/>
    </row>
    <row r="219449" spans="8:8">
      <c r="H219449" s="12"/>
    </row>
    <row r="219450" spans="8:8">
      <c r="H219450" s="12"/>
    </row>
    <row r="219451" spans="8:8">
      <c r="H219451" s="12"/>
    </row>
    <row r="219452" spans="8:8">
      <c r="H219452" s="12"/>
    </row>
    <row r="219453" spans="8:8">
      <c r="H219453" s="12"/>
    </row>
    <row r="219454" spans="8:8">
      <c r="H219454" s="12"/>
    </row>
    <row r="219455" spans="8:8">
      <c r="H219455" s="12"/>
    </row>
    <row r="219456" spans="8:8">
      <c r="H219456" s="12"/>
    </row>
    <row r="219457" spans="8:8">
      <c r="H219457" s="12"/>
    </row>
    <row r="219458" spans="8:8">
      <c r="H219458" s="12"/>
    </row>
    <row r="219459" spans="8:8">
      <c r="H219459" s="12"/>
    </row>
    <row r="219460" spans="8:8">
      <c r="H219460" s="12"/>
    </row>
    <row r="219461" spans="8:8">
      <c r="H219461" s="12"/>
    </row>
    <row r="219462" spans="8:8">
      <c r="H219462" s="12"/>
    </row>
    <row r="219463" spans="8:8">
      <c r="H219463" s="12"/>
    </row>
    <row r="219464" spans="8:8">
      <c r="H219464" s="12"/>
    </row>
    <row r="219465" spans="8:8">
      <c r="H219465" s="12"/>
    </row>
    <row r="219466" spans="8:8">
      <c r="H219466" s="12"/>
    </row>
    <row r="219467" spans="8:8">
      <c r="H219467" s="12"/>
    </row>
    <row r="219468" spans="8:8">
      <c r="H219468" s="12"/>
    </row>
    <row r="219469" spans="8:8">
      <c r="H219469" s="12"/>
    </row>
    <row r="219470" spans="8:8">
      <c r="H219470" s="12"/>
    </row>
    <row r="219471" spans="8:8">
      <c r="H219471" s="12"/>
    </row>
    <row r="219472" spans="8:8">
      <c r="H219472" s="12"/>
    </row>
    <row r="219473" spans="8:8">
      <c r="H219473" s="12"/>
    </row>
    <row r="219474" spans="8:8">
      <c r="H219474" s="12"/>
    </row>
    <row r="219475" spans="8:8">
      <c r="H219475" s="12"/>
    </row>
    <row r="219476" spans="8:8">
      <c r="H219476" s="12"/>
    </row>
    <row r="219477" spans="8:8">
      <c r="H219477" s="12"/>
    </row>
    <row r="219478" spans="8:8">
      <c r="H219478" s="12"/>
    </row>
    <row r="219479" spans="8:8">
      <c r="H219479" s="12"/>
    </row>
    <row r="219480" spans="8:8">
      <c r="H219480" s="12"/>
    </row>
    <row r="219481" spans="8:8">
      <c r="H219481" s="12"/>
    </row>
    <row r="219482" spans="8:8">
      <c r="H219482" s="12"/>
    </row>
    <row r="219483" spans="8:8">
      <c r="H219483" s="12"/>
    </row>
    <row r="219484" spans="8:8">
      <c r="H219484" s="12"/>
    </row>
    <row r="219485" spans="8:8">
      <c r="H219485" s="12"/>
    </row>
    <row r="219486" spans="8:8">
      <c r="H219486" s="12"/>
    </row>
    <row r="219487" spans="8:8">
      <c r="H219487" s="12"/>
    </row>
    <row r="219488" spans="8:8">
      <c r="H219488" s="12"/>
    </row>
    <row r="219489" spans="8:8">
      <c r="H219489" s="12"/>
    </row>
    <row r="219490" spans="8:8">
      <c r="H219490" s="12"/>
    </row>
    <row r="219491" spans="8:8">
      <c r="H219491" s="12"/>
    </row>
    <row r="219492" spans="8:8">
      <c r="H219492" s="12"/>
    </row>
    <row r="219493" spans="8:8">
      <c r="H219493" s="12"/>
    </row>
    <row r="219494" spans="8:8">
      <c r="H219494" s="12"/>
    </row>
    <row r="219495" spans="8:8">
      <c r="H219495" s="12"/>
    </row>
    <row r="219496" spans="8:8">
      <c r="H219496" s="12"/>
    </row>
    <row r="219497" spans="8:8">
      <c r="H219497" s="12"/>
    </row>
    <row r="219498" spans="8:8">
      <c r="H219498" s="12"/>
    </row>
    <row r="219499" spans="8:8">
      <c r="H219499" s="12"/>
    </row>
    <row r="219500" spans="8:8">
      <c r="H219500" s="12"/>
    </row>
    <row r="219501" spans="8:8">
      <c r="H219501" s="12"/>
    </row>
    <row r="219502" spans="8:8">
      <c r="H219502" s="12"/>
    </row>
    <row r="219503" spans="8:8">
      <c r="H219503" s="12"/>
    </row>
    <row r="219504" spans="8:8">
      <c r="H219504" s="12"/>
    </row>
    <row r="219505" spans="8:8">
      <c r="H219505" s="12"/>
    </row>
    <row r="219506" spans="8:8">
      <c r="H219506" s="12"/>
    </row>
    <row r="219507" spans="8:8">
      <c r="H219507" s="12"/>
    </row>
    <row r="219508" spans="8:8">
      <c r="H219508" s="12"/>
    </row>
    <row r="219509" spans="8:8">
      <c r="H219509" s="12"/>
    </row>
    <row r="219510" spans="8:8">
      <c r="H219510" s="12"/>
    </row>
    <row r="219511" spans="8:8">
      <c r="H219511" s="12"/>
    </row>
    <row r="219512" spans="8:8">
      <c r="H219512" s="12"/>
    </row>
    <row r="219513" spans="8:8">
      <c r="H219513" s="12"/>
    </row>
    <row r="219514" spans="8:8">
      <c r="H219514" s="12"/>
    </row>
    <row r="219515" spans="8:8">
      <c r="H219515" s="12"/>
    </row>
    <row r="219516" spans="8:8">
      <c r="H219516" s="12"/>
    </row>
    <row r="219517" spans="8:8">
      <c r="H219517" s="12"/>
    </row>
    <row r="219518" spans="8:8">
      <c r="H219518" s="12"/>
    </row>
    <row r="219519" spans="8:8">
      <c r="H219519" s="12"/>
    </row>
    <row r="219520" spans="8:8">
      <c r="H219520" s="12"/>
    </row>
    <row r="219521" spans="8:8">
      <c r="H219521" s="12"/>
    </row>
    <row r="219522" spans="8:8">
      <c r="H219522" s="12"/>
    </row>
    <row r="219523" spans="8:8">
      <c r="H219523" s="12"/>
    </row>
    <row r="219524" spans="8:8">
      <c r="H219524" s="12"/>
    </row>
    <row r="219525" spans="8:8">
      <c r="H219525" s="12"/>
    </row>
    <row r="219526" spans="8:8">
      <c r="H219526" s="12"/>
    </row>
    <row r="219527" spans="8:8">
      <c r="H219527" s="12"/>
    </row>
    <row r="219528" spans="8:8">
      <c r="H219528" s="12"/>
    </row>
    <row r="219529" spans="8:8">
      <c r="H219529" s="12"/>
    </row>
    <row r="219530" spans="8:8">
      <c r="H219530" s="12"/>
    </row>
    <row r="219531" spans="8:8">
      <c r="H219531" s="12"/>
    </row>
    <row r="219532" spans="8:8">
      <c r="H219532" s="12"/>
    </row>
    <row r="219533" spans="8:8">
      <c r="H219533" s="12"/>
    </row>
    <row r="219534" spans="8:8">
      <c r="H219534" s="12"/>
    </row>
    <row r="219535" spans="8:8">
      <c r="H219535" s="12"/>
    </row>
    <row r="219536" spans="8:8">
      <c r="H219536" s="12"/>
    </row>
    <row r="219537" spans="8:8">
      <c r="H219537" s="12"/>
    </row>
    <row r="219538" spans="8:8">
      <c r="H219538" s="12"/>
    </row>
    <row r="219539" spans="8:8">
      <c r="H219539" s="12"/>
    </row>
    <row r="219540" spans="8:8">
      <c r="H219540" s="12"/>
    </row>
    <row r="219541" spans="8:8">
      <c r="H219541" s="12"/>
    </row>
    <row r="219542" spans="8:8">
      <c r="H219542" s="12"/>
    </row>
    <row r="219543" spans="8:8">
      <c r="H219543" s="12"/>
    </row>
    <row r="219544" spans="8:8">
      <c r="H219544" s="12"/>
    </row>
    <row r="219545" spans="8:8">
      <c r="H219545" s="12"/>
    </row>
    <row r="219546" spans="8:8">
      <c r="H219546" s="12"/>
    </row>
    <row r="219547" spans="8:8">
      <c r="H219547" s="12"/>
    </row>
    <row r="219548" spans="8:8">
      <c r="H219548" s="12"/>
    </row>
    <row r="219549" spans="8:8">
      <c r="H219549" s="12"/>
    </row>
    <row r="219550" spans="8:8">
      <c r="H219550" s="12"/>
    </row>
    <row r="219551" spans="8:8">
      <c r="H219551" s="12"/>
    </row>
    <row r="219552" spans="8:8">
      <c r="H219552" s="12"/>
    </row>
    <row r="219553" spans="8:8">
      <c r="H219553" s="12"/>
    </row>
    <row r="219554" spans="8:8">
      <c r="H219554" s="12"/>
    </row>
    <row r="219555" spans="8:8">
      <c r="H219555" s="12"/>
    </row>
    <row r="219556" spans="8:8">
      <c r="H219556" s="12"/>
    </row>
    <row r="219557" spans="8:8">
      <c r="H219557" s="12"/>
    </row>
    <row r="219558" spans="8:8">
      <c r="H219558" s="12"/>
    </row>
    <row r="219559" spans="8:8">
      <c r="H219559" s="12"/>
    </row>
    <row r="219560" spans="8:8">
      <c r="H219560" s="12"/>
    </row>
    <row r="219561" spans="8:8">
      <c r="H219561" s="12"/>
    </row>
    <row r="219562" spans="8:8">
      <c r="H219562" s="12"/>
    </row>
    <row r="219563" spans="8:8">
      <c r="H219563" s="12"/>
    </row>
    <row r="219564" spans="8:8">
      <c r="H219564" s="12"/>
    </row>
    <row r="219565" spans="8:8">
      <c r="H219565" s="12"/>
    </row>
    <row r="219566" spans="8:8">
      <c r="H219566" s="12"/>
    </row>
    <row r="219567" spans="8:8">
      <c r="H219567" s="12"/>
    </row>
    <row r="219568" spans="8:8">
      <c r="H219568" s="12"/>
    </row>
    <row r="219569" spans="8:8">
      <c r="H219569" s="12"/>
    </row>
    <row r="219570" spans="8:8">
      <c r="H219570" s="12"/>
    </row>
    <row r="219571" spans="8:8">
      <c r="H219571" s="12"/>
    </row>
    <row r="219572" spans="8:8">
      <c r="H219572" s="12"/>
    </row>
    <row r="219573" spans="8:8">
      <c r="H219573" s="12"/>
    </row>
    <row r="219574" spans="8:8">
      <c r="H219574" s="12"/>
    </row>
    <row r="219575" spans="8:8">
      <c r="H219575" s="12"/>
    </row>
    <row r="219576" spans="8:8">
      <c r="H219576" s="12"/>
    </row>
    <row r="219577" spans="8:8">
      <c r="H219577" s="12"/>
    </row>
    <row r="219578" spans="8:8">
      <c r="H219578" s="12"/>
    </row>
    <row r="219579" spans="8:8">
      <c r="H219579" s="12"/>
    </row>
    <row r="219580" spans="8:8">
      <c r="H219580" s="12"/>
    </row>
    <row r="219581" spans="8:8">
      <c r="H219581" s="12"/>
    </row>
    <row r="219582" spans="8:8">
      <c r="H219582" s="12"/>
    </row>
    <row r="219583" spans="8:8">
      <c r="H219583" s="12"/>
    </row>
    <row r="219584" spans="8:8">
      <c r="H219584" s="12"/>
    </row>
    <row r="219585" spans="8:8">
      <c r="H219585" s="12"/>
    </row>
    <row r="219586" spans="8:8">
      <c r="H219586" s="12"/>
    </row>
    <row r="219587" spans="8:8">
      <c r="H219587" s="12"/>
    </row>
    <row r="219588" spans="8:8">
      <c r="H219588" s="12"/>
    </row>
    <row r="219589" spans="8:8">
      <c r="H219589" s="12"/>
    </row>
    <row r="219590" spans="8:8">
      <c r="H219590" s="12"/>
    </row>
    <row r="219591" spans="8:8">
      <c r="H219591" s="12"/>
    </row>
    <row r="219592" spans="8:8">
      <c r="H219592" s="12"/>
    </row>
    <row r="219593" spans="8:8">
      <c r="H219593" s="12"/>
    </row>
    <row r="219594" spans="8:8">
      <c r="H219594" s="12"/>
    </row>
    <row r="219595" spans="8:8">
      <c r="H219595" s="12"/>
    </row>
    <row r="219596" spans="8:8">
      <c r="H219596" s="12"/>
    </row>
    <row r="219597" spans="8:8">
      <c r="H219597" s="12"/>
    </row>
    <row r="219598" spans="8:8">
      <c r="H219598" s="12"/>
    </row>
    <row r="219599" spans="8:8">
      <c r="H219599" s="12"/>
    </row>
    <row r="219600" spans="8:8">
      <c r="H219600" s="12"/>
    </row>
    <row r="219601" spans="8:8">
      <c r="H219601" s="12"/>
    </row>
    <row r="219602" spans="8:8">
      <c r="H219602" s="12"/>
    </row>
    <row r="219603" spans="8:8">
      <c r="H219603" s="12"/>
    </row>
    <row r="219604" spans="8:8">
      <c r="H219604" s="12"/>
    </row>
    <row r="219605" spans="8:8">
      <c r="H219605" s="12"/>
    </row>
    <row r="219606" spans="8:8">
      <c r="H219606" s="12"/>
    </row>
    <row r="219607" spans="8:8">
      <c r="H219607" s="12"/>
    </row>
    <row r="219608" spans="8:8">
      <c r="H219608" s="12"/>
    </row>
    <row r="219609" spans="8:8">
      <c r="H219609" s="12"/>
    </row>
    <row r="219610" spans="8:8">
      <c r="H219610" s="12"/>
    </row>
    <row r="219611" spans="8:8">
      <c r="H219611" s="12"/>
    </row>
    <row r="219612" spans="8:8">
      <c r="H219612" s="12"/>
    </row>
    <row r="219613" spans="8:8">
      <c r="H219613" s="12"/>
    </row>
    <row r="219614" spans="8:8">
      <c r="H219614" s="12"/>
    </row>
    <row r="219615" spans="8:8">
      <c r="H219615" s="12"/>
    </row>
    <row r="219616" spans="8:8">
      <c r="H219616" s="12"/>
    </row>
    <row r="219617" spans="8:8">
      <c r="H219617" s="12"/>
    </row>
    <row r="219618" spans="8:8">
      <c r="H219618" s="12"/>
    </row>
    <row r="219619" spans="8:8">
      <c r="H219619" s="12"/>
    </row>
    <row r="219620" spans="8:8">
      <c r="H219620" s="12"/>
    </row>
    <row r="219621" spans="8:8">
      <c r="H219621" s="12"/>
    </row>
    <row r="219622" spans="8:8">
      <c r="H219622" s="12"/>
    </row>
    <row r="219623" spans="8:8">
      <c r="H219623" s="12"/>
    </row>
    <row r="219624" spans="8:8">
      <c r="H219624" s="12"/>
    </row>
    <row r="219625" spans="8:8">
      <c r="H219625" s="12"/>
    </row>
    <row r="219626" spans="8:8">
      <c r="H219626" s="12"/>
    </row>
    <row r="219627" spans="8:8">
      <c r="H219627" s="12"/>
    </row>
    <row r="219628" spans="8:8">
      <c r="H219628" s="12"/>
    </row>
    <row r="219629" spans="8:8">
      <c r="H219629" s="12"/>
    </row>
    <row r="219630" spans="8:8">
      <c r="H219630" s="12"/>
    </row>
    <row r="219631" spans="8:8">
      <c r="H219631" s="12"/>
    </row>
    <row r="219632" spans="8:8">
      <c r="H219632" s="12"/>
    </row>
    <row r="219633" spans="8:8">
      <c r="H219633" s="12"/>
    </row>
    <row r="219634" spans="8:8">
      <c r="H219634" s="12"/>
    </row>
    <row r="219635" spans="8:8">
      <c r="H219635" s="12"/>
    </row>
    <row r="219636" spans="8:8">
      <c r="H219636" s="12"/>
    </row>
    <row r="219637" spans="8:8">
      <c r="H219637" s="12"/>
    </row>
    <row r="219638" spans="8:8">
      <c r="H219638" s="12"/>
    </row>
    <row r="219639" spans="8:8">
      <c r="H219639" s="12"/>
    </row>
    <row r="219640" spans="8:8">
      <c r="H219640" s="12"/>
    </row>
    <row r="219641" spans="8:8">
      <c r="H219641" s="12"/>
    </row>
    <row r="219642" spans="8:8">
      <c r="H219642" s="12"/>
    </row>
    <row r="219643" spans="8:8">
      <c r="H219643" s="12"/>
    </row>
    <row r="219644" spans="8:8">
      <c r="H219644" s="12"/>
    </row>
    <row r="219645" spans="8:8">
      <c r="H219645" s="12"/>
    </row>
    <row r="219646" spans="8:8">
      <c r="H219646" s="12"/>
    </row>
    <row r="219647" spans="8:8">
      <c r="H219647" s="12"/>
    </row>
    <row r="219648" spans="8:8">
      <c r="H219648" s="12"/>
    </row>
    <row r="219649" spans="8:8">
      <c r="H219649" s="12"/>
    </row>
    <row r="219650" spans="8:8">
      <c r="H219650" s="12"/>
    </row>
    <row r="219651" spans="8:8">
      <c r="H219651" s="12"/>
    </row>
    <row r="219652" spans="8:8">
      <c r="H219652" s="12"/>
    </row>
    <row r="219653" spans="8:8">
      <c r="H219653" s="12"/>
    </row>
    <row r="219654" spans="8:8">
      <c r="H219654" s="12"/>
    </row>
    <row r="219655" spans="8:8">
      <c r="H219655" s="12"/>
    </row>
    <row r="219656" spans="8:8">
      <c r="H219656" s="12"/>
    </row>
    <row r="219657" spans="8:8">
      <c r="H219657" s="12"/>
    </row>
    <row r="219658" spans="8:8">
      <c r="H219658" s="12"/>
    </row>
    <row r="219659" spans="8:8">
      <c r="H219659" s="12"/>
    </row>
    <row r="219660" spans="8:8">
      <c r="H219660" s="12"/>
    </row>
    <row r="219661" spans="8:8">
      <c r="H219661" s="12"/>
    </row>
    <row r="219662" spans="8:8">
      <c r="H219662" s="12"/>
    </row>
    <row r="219663" spans="8:8">
      <c r="H219663" s="12"/>
    </row>
    <row r="219664" spans="8:8">
      <c r="H219664" s="12"/>
    </row>
    <row r="219665" spans="8:8">
      <c r="H219665" s="12"/>
    </row>
    <row r="219666" spans="8:8">
      <c r="H219666" s="12"/>
    </row>
    <row r="219667" spans="8:8">
      <c r="H219667" s="12"/>
    </row>
    <row r="219668" spans="8:8">
      <c r="H219668" s="12"/>
    </row>
    <row r="219669" spans="8:8">
      <c r="H219669" s="12"/>
    </row>
    <row r="219670" spans="8:8">
      <c r="H219670" s="12"/>
    </row>
    <row r="219671" spans="8:8">
      <c r="H219671" s="12"/>
    </row>
    <row r="219672" spans="8:8">
      <c r="H219672" s="12"/>
    </row>
    <row r="219673" spans="8:8">
      <c r="H219673" s="12"/>
    </row>
    <row r="219674" spans="8:8">
      <c r="H219674" s="12"/>
    </row>
    <row r="219675" spans="8:8">
      <c r="H219675" s="12"/>
    </row>
    <row r="219676" spans="8:8">
      <c r="H219676" s="12"/>
    </row>
    <row r="219677" spans="8:8">
      <c r="H219677" s="12"/>
    </row>
    <row r="219678" spans="8:8">
      <c r="H219678" s="12"/>
    </row>
    <row r="219679" spans="8:8">
      <c r="H219679" s="12"/>
    </row>
    <row r="219680" spans="8:8">
      <c r="H219680" s="12"/>
    </row>
    <row r="219681" spans="8:8">
      <c r="H219681" s="12"/>
    </row>
    <row r="219682" spans="8:8">
      <c r="H219682" s="12"/>
    </row>
    <row r="219683" spans="8:8">
      <c r="H219683" s="12"/>
    </row>
    <row r="219684" spans="8:8">
      <c r="H219684" s="12"/>
    </row>
    <row r="219685" spans="8:8">
      <c r="H219685" s="12"/>
    </row>
    <row r="219686" spans="8:8">
      <c r="H219686" s="12"/>
    </row>
    <row r="219687" spans="8:8">
      <c r="H219687" s="12"/>
    </row>
    <row r="219688" spans="8:8">
      <c r="H219688" s="12"/>
    </row>
    <row r="219689" spans="8:8">
      <c r="H219689" s="12"/>
    </row>
    <row r="219690" spans="8:8">
      <c r="H219690" s="12"/>
    </row>
    <row r="219691" spans="8:8">
      <c r="H219691" s="12"/>
    </row>
    <row r="219692" spans="8:8">
      <c r="H219692" s="12"/>
    </row>
    <row r="219693" spans="8:8">
      <c r="H219693" s="12"/>
    </row>
    <row r="219694" spans="8:8">
      <c r="H219694" s="12"/>
    </row>
    <row r="219695" spans="8:8">
      <c r="H219695" s="12"/>
    </row>
    <row r="219696" spans="8:8">
      <c r="H219696" s="12"/>
    </row>
    <row r="219697" spans="8:8">
      <c r="H219697" s="12"/>
    </row>
    <row r="219698" spans="8:8">
      <c r="H219698" s="12"/>
    </row>
    <row r="219699" spans="8:8">
      <c r="H219699" s="12"/>
    </row>
    <row r="219700" spans="8:8">
      <c r="H219700" s="12"/>
    </row>
    <row r="219701" spans="8:8">
      <c r="H219701" s="12"/>
    </row>
    <row r="219702" spans="8:8">
      <c r="H219702" s="12"/>
    </row>
    <row r="219703" spans="8:8">
      <c r="H219703" s="12"/>
    </row>
    <row r="219704" spans="8:8">
      <c r="H219704" s="12"/>
    </row>
    <row r="219705" spans="8:8">
      <c r="H219705" s="12"/>
    </row>
    <row r="219706" spans="8:8">
      <c r="H219706" s="12"/>
    </row>
    <row r="219707" spans="8:8">
      <c r="H219707" s="12"/>
    </row>
    <row r="219708" spans="8:8">
      <c r="H219708" s="12"/>
    </row>
    <row r="219709" spans="8:8">
      <c r="H219709" s="12"/>
    </row>
    <row r="219710" spans="8:8">
      <c r="H219710" s="12"/>
    </row>
    <row r="219711" spans="8:8">
      <c r="H219711" s="12"/>
    </row>
    <row r="219712" spans="8:8">
      <c r="H219712" s="12"/>
    </row>
    <row r="219713" spans="8:8">
      <c r="H219713" s="12"/>
    </row>
    <row r="219714" spans="8:8">
      <c r="H219714" s="12"/>
    </row>
    <row r="219715" spans="8:8">
      <c r="H219715" s="12"/>
    </row>
    <row r="219716" spans="8:8">
      <c r="H219716" s="12"/>
    </row>
    <row r="219717" spans="8:8">
      <c r="H219717" s="12"/>
    </row>
    <row r="219718" spans="8:8">
      <c r="H219718" s="12"/>
    </row>
    <row r="219719" spans="8:8">
      <c r="H219719" s="12"/>
    </row>
    <row r="219720" spans="8:8">
      <c r="H219720" s="12"/>
    </row>
    <row r="219721" spans="8:8">
      <c r="H219721" s="12"/>
    </row>
    <row r="219722" spans="8:8">
      <c r="H219722" s="12"/>
    </row>
    <row r="219723" spans="8:8">
      <c r="H219723" s="12"/>
    </row>
    <row r="219724" spans="8:8">
      <c r="H219724" s="12"/>
    </row>
    <row r="219725" spans="8:8">
      <c r="H219725" s="12"/>
    </row>
    <row r="219726" spans="8:8">
      <c r="H219726" s="12"/>
    </row>
    <row r="219727" spans="8:8">
      <c r="H219727" s="12"/>
    </row>
    <row r="219728" spans="8:8">
      <c r="H219728" s="12"/>
    </row>
    <row r="219729" spans="8:8">
      <c r="H219729" s="12"/>
    </row>
    <row r="219730" spans="8:8">
      <c r="H219730" s="12"/>
    </row>
    <row r="219731" spans="8:8">
      <c r="H219731" s="12"/>
    </row>
    <row r="219732" spans="8:8">
      <c r="H219732" s="12"/>
    </row>
    <row r="219733" spans="8:8">
      <c r="H219733" s="12"/>
    </row>
    <row r="219734" spans="8:8">
      <c r="H219734" s="12"/>
    </row>
    <row r="219735" spans="8:8">
      <c r="H219735" s="12"/>
    </row>
    <row r="219736" spans="8:8">
      <c r="H219736" s="12"/>
    </row>
    <row r="219737" spans="8:8">
      <c r="H219737" s="12"/>
    </row>
    <row r="219738" spans="8:8">
      <c r="H219738" s="12"/>
    </row>
    <row r="219739" spans="8:8">
      <c r="H219739" s="12"/>
    </row>
    <row r="219740" spans="8:8">
      <c r="H219740" s="12"/>
    </row>
    <row r="219741" spans="8:8">
      <c r="H219741" s="12"/>
    </row>
    <row r="219742" spans="8:8">
      <c r="H219742" s="12"/>
    </row>
    <row r="219743" spans="8:8">
      <c r="H219743" s="12"/>
    </row>
    <row r="219744" spans="8:8">
      <c r="H219744" s="12"/>
    </row>
    <row r="219745" spans="8:8">
      <c r="H219745" s="12"/>
    </row>
    <row r="219746" spans="8:8">
      <c r="H219746" s="12"/>
    </row>
    <row r="219747" spans="8:8">
      <c r="H219747" s="12"/>
    </row>
    <row r="219748" spans="8:8">
      <c r="H219748" s="12"/>
    </row>
    <row r="219749" spans="8:8">
      <c r="H219749" s="12"/>
    </row>
    <row r="219750" spans="8:8">
      <c r="H219750" s="12"/>
    </row>
    <row r="219751" spans="8:8">
      <c r="H219751" s="12"/>
    </row>
    <row r="219752" spans="8:8">
      <c r="H219752" s="12"/>
    </row>
    <row r="219753" spans="8:8">
      <c r="H219753" s="12"/>
    </row>
    <row r="219754" spans="8:8">
      <c r="H219754" s="12"/>
    </row>
    <row r="219755" spans="8:8">
      <c r="H219755" s="12"/>
    </row>
    <row r="219756" spans="8:8">
      <c r="H219756" s="12"/>
    </row>
    <row r="219757" spans="8:8">
      <c r="H219757" s="12"/>
    </row>
    <row r="219758" spans="8:8">
      <c r="H219758" s="12"/>
    </row>
    <row r="219759" spans="8:8">
      <c r="H219759" s="12"/>
    </row>
    <row r="219760" spans="8:8">
      <c r="H219760" s="12"/>
    </row>
    <row r="219761" spans="8:8">
      <c r="H219761" s="12"/>
    </row>
    <row r="219762" spans="8:8">
      <c r="H219762" s="12"/>
    </row>
    <row r="219763" spans="8:8">
      <c r="H219763" s="12"/>
    </row>
    <row r="219764" spans="8:8">
      <c r="H219764" s="12"/>
    </row>
    <row r="219765" spans="8:8">
      <c r="H219765" s="12"/>
    </row>
    <row r="219766" spans="8:8">
      <c r="H219766" s="12"/>
    </row>
    <row r="219767" spans="8:8">
      <c r="H219767" s="12"/>
    </row>
    <row r="219768" spans="8:8">
      <c r="H219768" s="12"/>
    </row>
    <row r="219769" spans="8:8">
      <c r="H219769" s="12"/>
    </row>
    <row r="219770" spans="8:8">
      <c r="H219770" s="12"/>
    </row>
    <row r="219771" spans="8:8">
      <c r="H219771" s="12"/>
    </row>
    <row r="219772" spans="8:8">
      <c r="H219772" s="12"/>
    </row>
    <row r="219773" spans="8:8">
      <c r="H219773" s="12"/>
    </row>
    <row r="219774" spans="8:8">
      <c r="H219774" s="12"/>
    </row>
    <row r="219775" spans="8:8">
      <c r="H219775" s="12"/>
    </row>
    <row r="219776" spans="8:8">
      <c r="H219776" s="12"/>
    </row>
    <row r="219777" spans="8:8">
      <c r="H219777" s="12"/>
    </row>
    <row r="219778" spans="8:8">
      <c r="H219778" s="12"/>
    </row>
    <row r="219779" spans="8:8">
      <c r="H219779" s="12"/>
    </row>
    <row r="219780" spans="8:8">
      <c r="H219780" s="12"/>
    </row>
    <row r="219781" spans="8:8">
      <c r="H219781" s="12"/>
    </row>
    <row r="219782" spans="8:8">
      <c r="H219782" s="12"/>
    </row>
    <row r="219783" spans="8:8">
      <c r="H219783" s="12"/>
    </row>
    <row r="219784" spans="8:8">
      <c r="H219784" s="12"/>
    </row>
    <row r="219785" spans="8:8">
      <c r="H219785" s="12"/>
    </row>
    <row r="219786" spans="8:8">
      <c r="H219786" s="12"/>
    </row>
    <row r="219787" spans="8:8">
      <c r="H219787" s="12"/>
    </row>
    <row r="219788" spans="8:8">
      <c r="H219788" s="12"/>
    </row>
    <row r="219789" spans="8:8">
      <c r="H219789" s="12"/>
    </row>
    <row r="219790" spans="8:8">
      <c r="H219790" s="12"/>
    </row>
    <row r="219791" spans="8:8">
      <c r="H219791" s="12"/>
    </row>
    <row r="219792" spans="8:8">
      <c r="H219792" s="12"/>
    </row>
    <row r="219793" spans="8:8">
      <c r="H219793" s="12"/>
    </row>
    <row r="219794" spans="8:8">
      <c r="H219794" s="12"/>
    </row>
    <row r="219795" spans="8:8">
      <c r="H219795" s="12"/>
    </row>
    <row r="219796" spans="8:8">
      <c r="H219796" s="12"/>
    </row>
    <row r="219797" spans="8:8">
      <c r="H219797" s="12"/>
    </row>
    <row r="219798" spans="8:8">
      <c r="H219798" s="12"/>
    </row>
    <row r="219799" spans="8:8">
      <c r="H219799" s="12"/>
    </row>
    <row r="219800" spans="8:8">
      <c r="H219800" s="12"/>
    </row>
    <row r="219801" spans="8:8">
      <c r="H219801" s="12"/>
    </row>
    <row r="219802" spans="8:8">
      <c r="H219802" s="12"/>
    </row>
    <row r="219803" spans="8:8">
      <c r="H219803" s="12"/>
    </row>
    <row r="219804" spans="8:8">
      <c r="H219804" s="12"/>
    </row>
    <row r="219805" spans="8:8">
      <c r="H219805" s="12"/>
    </row>
    <row r="219806" spans="8:8">
      <c r="H219806" s="12"/>
    </row>
    <row r="219807" spans="8:8">
      <c r="H219807" s="12"/>
    </row>
    <row r="219808" spans="8:8">
      <c r="H219808" s="12"/>
    </row>
    <row r="219809" spans="8:8">
      <c r="H219809" s="12"/>
    </row>
    <row r="219810" spans="8:8">
      <c r="H219810" s="12"/>
    </row>
    <row r="219811" spans="8:8">
      <c r="H219811" s="12"/>
    </row>
    <row r="219812" spans="8:8">
      <c r="H219812" s="12"/>
    </row>
    <row r="219813" spans="8:8">
      <c r="H219813" s="12"/>
    </row>
    <row r="219814" spans="8:8">
      <c r="H219814" s="12"/>
    </row>
    <row r="219815" spans="8:8">
      <c r="H219815" s="12"/>
    </row>
    <row r="219816" spans="8:8">
      <c r="H219816" s="12"/>
    </row>
    <row r="219817" spans="8:8">
      <c r="H219817" s="12"/>
    </row>
    <row r="219818" spans="8:8">
      <c r="H219818" s="12"/>
    </row>
    <row r="219819" spans="8:8">
      <c r="H219819" s="12"/>
    </row>
    <row r="219820" spans="8:8">
      <c r="H219820" s="12"/>
    </row>
    <row r="219821" spans="8:8">
      <c r="H219821" s="12"/>
    </row>
    <row r="219822" spans="8:8">
      <c r="H219822" s="12"/>
    </row>
    <row r="219823" spans="8:8">
      <c r="H219823" s="12"/>
    </row>
    <row r="219824" spans="8:8">
      <c r="H219824" s="12"/>
    </row>
    <row r="219825" spans="8:8">
      <c r="H219825" s="12"/>
    </row>
    <row r="219826" spans="8:8">
      <c r="H219826" s="12"/>
    </row>
    <row r="219827" spans="8:8">
      <c r="H219827" s="12"/>
    </row>
    <row r="219828" spans="8:8">
      <c r="H219828" s="12"/>
    </row>
    <row r="219829" spans="8:8">
      <c r="H219829" s="12"/>
    </row>
    <row r="219830" spans="8:8">
      <c r="H219830" s="12"/>
    </row>
    <row r="219831" spans="8:8">
      <c r="H219831" s="12"/>
    </row>
    <row r="219832" spans="8:8">
      <c r="H219832" s="12"/>
    </row>
    <row r="219833" spans="8:8">
      <c r="H219833" s="12"/>
    </row>
    <row r="219834" spans="8:8">
      <c r="H219834" s="12"/>
    </row>
    <row r="219835" spans="8:8">
      <c r="H219835" s="12"/>
    </row>
    <row r="219836" spans="8:8">
      <c r="H219836" s="12"/>
    </row>
    <row r="219837" spans="8:8">
      <c r="H219837" s="12"/>
    </row>
    <row r="219838" spans="8:8">
      <c r="H219838" s="12"/>
    </row>
    <row r="219839" spans="8:8">
      <c r="H219839" s="12"/>
    </row>
    <row r="219840" spans="8:8">
      <c r="H219840" s="12"/>
    </row>
    <row r="219841" spans="8:8">
      <c r="H219841" s="12"/>
    </row>
    <row r="219842" spans="8:8">
      <c r="H219842" s="12"/>
    </row>
    <row r="219843" spans="8:8">
      <c r="H219843" s="12"/>
    </row>
    <row r="219844" spans="8:8">
      <c r="H219844" s="12"/>
    </row>
    <row r="219845" spans="8:8">
      <c r="H219845" s="12"/>
    </row>
    <row r="219846" spans="8:8">
      <c r="H219846" s="12"/>
    </row>
    <row r="219847" spans="8:8">
      <c r="H219847" s="12"/>
    </row>
    <row r="219848" spans="8:8">
      <c r="H219848" s="12"/>
    </row>
    <row r="219849" spans="8:8">
      <c r="H219849" s="12"/>
    </row>
    <row r="219850" spans="8:8">
      <c r="H219850" s="12"/>
    </row>
    <row r="219851" spans="8:8">
      <c r="H219851" s="12"/>
    </row>
    <row r="219852" spans="8:8">
      <c r="H219852" s="12"/>
    </row>
    <row r="219853" spans="8:8">
      <c r="H219853" s="12"/>
    </row>
    <row r="219854" spans="8:8">
      <c r="H219854" s="12"/>
    </row>
    <row r="219855" spans="8:8">
      <c r="H219855" s="12"/>
    </row>
    <row r="219856" spans="8:8">
      <c r="H219856" s="12"/>
    </row>
    <row r="219857" spans="8:8">
      <c r="H219857" s="12"/>
    </row>
    <row r="219858" spans="8:8">
      <c r="H219858" s="12"/>
    </row>
    <row r="219859" spans="8:8">
      <c r="H219859" s="12"/>
    </row>
    <row r="219860" spans="8:8">
      <c r="H219860" s="12"/>
    </row>
    <row r="219861" spans="8:8">
      <c r="H219861" s="12"/>
    </row>
    <row r="219862" spans="8:8">
      <c r="H219862" s="12"/>
    </row>
    <row r="219863" spans="8:8">
      <c r="H219863" s="12"/>
    </row>
    <row r="219864" spans="8:8">
      <c r="H219864" s="12"/>
    </row>
    <row r="219865" spans="8:8">
      <c r="H219865" s="12"/>
    </row>
    <row r="219866" spans="8:8">
      <c r="H219866" s="12"/>
    </row>
    <row r="219867" spans="8:8">
      <c r="H219867" s="12"/>
    </row>
    <row r="219868" spans="8:8">
      <c r="H219868" s="12"/>
    </row>
    <row r="219869" spans="8:8">
      <c r="H219869" s="12"/>
    </row>
    <row r="219870" spans="8:8">
      <c r="H219870" s="12"/>
    </row>
    <row r="219871" spans="8:8">
      <c r="H219871" s="12"/>
    </row>
    <row r="219872" spans="8:8">
      <c r="H219872" s="12"/>
    </row>
    <row r="219873" spans="8:8">
      <c r="H219873" s="12"/>
    </row>
    <row r="219874" spans="8:8">
      <c r="H219874" s="12"/>
    </row>
    <row r="219875" spans="8:8">
      <c r="H219875" s="12"/>
    </row>
    <row r="219876" spans="8:8">
      <c r="H219876" s="12"/>
    </row>
    <row r="219877" spans="8:8">
      <c r="H219877" s="12"/>
    </row>
    <row r="219878" spans="8:8">
      <c r="H219878" s="12"/>
    </row>
    <row r="219879" spans="8:8">
      <c r="H219879" s="12"/>
    </row>
    <row r="219880" spans="8:8">
      <c r="H219880" s="12"/>
    </row>
    <row r="219881" spans="8:8">
      <c r="H219881" s="12"/>
    </row>
    <row r="219882" spans="8:8">
      <c r="H219882" s="12"/>
    </row>
    <row r="219883" spans="8:8">
      <c r="H219883" s="12"/>
    </row>
    <row r="219884" spans="8:8">
      <c r="H219884" s="12"/>
    </row>
    <row r="219885" spans="8:8">
      <c r="H219885" s="12"/>
    </row>
    <row r="219886" spans="8:8">
      <c r="H219886" s="12"/>
    </row>
    <row r="219887" spans="8:8">
      <c r="H219887" s="12"/>
    </row>
    <row r="219888" spans="8:8">
      <c r="H219888" s="12"/>
    </row>
    <row r="219889" spans="8:8">
      <c r="H219889" s="12"/>
    </row>
    <row r="219890" spans="8:8">
      <c r="H219890" s="12"/>
    </row>
    <row r="219891" spans="8:8">
      <c r="H219891" s="12"/>
    </row>
    <row r="219892" spans="8:8">
      <c r="H219892" s="12"/>
    </row>
    <row r="219893" spans="8:8">
      <c r="H219893" s="12"/>
    </row>
    <row r="219894" spans="8:8">
      <c r="H219894" s="12"/>
    </row>
    <row r="219895" spans="8:8">
      <c r="H219895" s="12"/>
    </row>
    <row r="219896" spans="8:8">
      <c r="H219896" s="12"/>
    </row>
    <row r="219897" spans="8:8">
      <c r="H219897" s="12"/>
    </row>
    <row r="219898" spans="8:8">
      <c r="H219898" s="12"/>
    </row>
    <row r="219899" spans="8:8">
      <c r="H219899" s="12"/>
    </row>
    <row r="219900" spans="8:8">
      <c r="H219900" s="12"/>
    </row>
    <row r="219901" spans="8:8">
      <c r="H219901" s="12"/>
    </row>
    <row r="219902" spans="8:8">
      <c r="H219902" s="12"/>
    </row>
    <row r="219903" spans="8:8">
      <c r="H219903" s="12"/>
    </row>
    <row r="219904" spans="8:8">
      <c r="H219904" s="12"/>
    </row>
    <row r="219905" spans="8:8">
      <c r="H219905" s="12"/>
    </row>
    <row r="219906" spans="8:8">
      <c r="H219906" s="12"/>
    </row>
    <row r="219907" spans="8:8">
      <c r="H219907" s="12"/>
    </row>
    <row r="219908" spans="8:8">
      <c r="H219908" s="12"/>
    </row>
    <row r="219909" spans="8:8">
      <c r="H219909" s="12"/>
    </row>
    <row r="219910" spans="8:8">
      <c r="H219910" s="12"/>
    </row>
    <row r="219911" spans="8:8">
      <c r="H219911" s="12"/>
    </row>
    <row r="219912" spans="8:8">
      <c r="H219912" s="12"/>
    </row>
    <row r="219913" spans="8:8">
      <c r="H219913" s="12"/>
    </row>
    <row r="219914" spans="8:8">
      <c r="H219914" s="12"/>
    </row>
    <row r="219915" spans="8:8">
      <c r="H219915" s="12"/>
    </row>
    <row r="219916" spans="8:8">
      <c r="H219916" s="12"/>
    </row>
    <row r="219917" spans="8:8">
      <c r="H219917" s="12"/>
    </row>
    <row r="219918" spans="8:8">
      <c r="H219918" s="12"/>
    </row>
    <row r="219919" spans="8:8">
      <c r="H219919" s="12"/>
    </row>
    <row r="219920" spans="8:8">
      <c r="H219920" s="12"/>
    </row>
    <row r="219921" spans="8:8">
      <c r="H219921" s="12"/>
    </row>
    <row r="219922" spans="8:8">
      <c r="H219922" s="12"/>
    </row>
    <row r="219923" spans="8:8">
      <c r="H219923" s="12"/>
    </row>
    <row r="219924" spans="8:8">
      <c r="H219924" s="12"/>
    </row>
    <row r="219925" spans="8:8">
      <c r="H219925" s="12"/>
    </row>
    <row r="219926" spans="8:8">
      <c r="H219926" s="12"/>
    </row>
    <row r="219927" spans="8:8">
      <c r="H219927" s="12"/>
    </row>
    <row r="219928" spans="8:8">
      <c r="H219928" s="12"/>
    </row>
    <row r="219929" spans="8:8">
      <c r="H219929" s="12"/>
    </row>
    <row r="219930" spans="8:8">
      <c r="H219930" s="12"/>
    </row>
    <row r="219931" spans="8:8">
      <c r="H219931" s="12"/>
    </row>
    <row r="219932" spans="8:8">
      <c r="H219932" s="12"/>
    </row>
    <row r="219933" spans="8:8">
      <c r="H219933" s="12"/>
    </row>
    <row r="219934" spans="8:8">
      <c r="H219934" s="12"/>
    </row>
    <row r="219935" spans="8:8">
      <c r="H219935" s="12"/>
    </row>
    <row r="219936" spans="8:8">
      <c r="H219936" s="12"/>
    </row>
    <row r="219937" spans="8:8">
      <c r="H219937" s="12"/>
    </row>
    <row r="219938" spans="8:8">
      <c r="H219938" s="12"/>
    </row>
    <row r="219939" spans="8:8">
      <c r="H219939" s="12"/>
    </row>
    <row r="219940" spans="8:8">
      <c r="H219940" s="12"/>
    </row>
    <row r="219941" spans="8:8">
      <c r="H219941" s="12"/>
    </row>
    <row r="219942" spans="8:8">
      <c r="H219942" s="12"/>
    </row>
    <row r="219943" spans="8:8">
      <c r="H219943" s="12"/>
    </row>
    <row r="219944" spans="8:8">
      <c r="H219944" s="12"/>
    </row>
    <row r="219945" spans="8:8">
      <c r="H219945" s="12"/>
    </row>
    <row r="219946" spans="8:8">
      <c r="H219946" s="12"/>
    </row>
    <row r="219947" spans="8:8">
      <c r="H219947" s="12"/>
    </row>
    <row r="219948" spans="8:8">
      <c r="H219948" s="12"/>
    </row>
    <row r="219949" spans="8:8">
      <c r="H219949" s="12"/>
    </row>
    <row r="219950" spans="8:8">
      <c r="H219950" s="12"/>
    </row>
    <row r="219951" spans="8:8">
      <c r="H219951" s="12"/>
    </row>
    <row r="219952" spans="8:8">
      <c r="H219952" s="12"/>
    </row>
    <row r="219953" spans="8:8">
      <c r="H219953" s="12"/>
    </row>
    <row r="219954" spans="8:8">
      <c r="H219954" s="12"/>
    </row>
    <row r="219955" spans="8:8">
      <c r="H219955" s="12"/>
    </row>
    <row r="219956" spans="8:8">
      <c r="H219956" s="12"/>
    </row>
    <row r="219957" spans="8:8">
      <c r="H219957" s="12"/>
    </row>
    <row r="219958" spans="8:8">
      <c r="H219958" s="12"/>
    </row>
    <row r="219959" spans="8:8">
      <c r="H219959" s="12"/>
    </row>
    <row r="219960" spans="8:8">
      <c r="H219960" s="12"/>
    </row>
    <row r="219961" spans="8:8">
      <c r="H219961" s="12"/>
    </row>
    <row r="219962" spans="8:8">
      <c r="H219962" s="12"/>
    </row>
    <row r="219963" spans="8:8">
      <c r="H219963" s="12"/>
    </row>
    <row r="219964" spans="8:8">
      <c r="H219964" s="12"/>
    </row>
    <row r="219965" spans="8:8">
      <c r="H219965" s="12"/>
    </row>
    <row r="219966" spans="8:8">
      <c r="H219966" s="12"/>
    </row>
    <row r="219967" spans="8:8">
      <c r="H219967" s="12"/>
    </row>
    <row r="219968" spans="8:8">
      <c r="H219968" s="12"/>
    </row>
    <row r="219969" spans="8:8">
      <c r="H219969" s="12"/>
    </row>
    <row r="219970" spans="8:8">
      <c r="H219970" s="12"/>
    </row>
    <row r="219971" spans="8:8">
      <c r="H219971" s="12"/>
    </row>
    <row r="219972" spans="8:8">
      <c r="H219972" s="12"/>
    </row>
    <row r="219973" spans="8:8">
      <c r="H219973" s="12"/>
    </row>
    <row r="219974" spans="8:8">
      <c r="H219974" s="12"/>
    </row>
    <row r="219975" spans="8:8">
      <c r="H219975" s="12"/>
    </row>
    <row r="219976" spans="8:8">
      <c r="H219976" s="12"/>
    </row>
    <row r="219977" spans="8:8">
      <c r="H219977" s="12"/>
    </row>
    <row r="219978" spans="8:8">
      <c r="H219978" s="12"/>
    </row>
    <row r="219979" spans="8:8">
      <c r="H219979" s="12"/>
    </row>
    <row r="219980" spans="8:8">
      <c r="H219980" s="12"/>
    </row>
    <row r="219981" spans="8:8">
      <c r="H219981" s="12"/>
    </row>
    <row r="219982" spans="8:8">
      <c r="H219982" s="12"/>
    </row>
    <row r="219983" spans="8:8">
      <c r="H219983" s="12"/>
    </row>
    <row r="219984" spans="8:8">
      <c r="H219984" s="12"/>
    </row>
    <row r="219985" spans="8:8">
      <c r="H219985" s="12"/>
    </row>
    <row r="219986" spans="8:8">
      <c r="H219986" s="12"/>
    </row>
    <row r="219987" spans="8:8">
      <c r="H219987" s="12"/>
    </row>
    <row r="219988" spans="8:8">
      <c r="H219988" s="12"/>
    </row>
    <row r="219989" spans="8:8">
      <c r="H219989" s="12"/>
    </row>
    <row r="219990" spans="8:8">
      <c r="H219990" s="12"/>
    </row>
    <row r="219991" spans="8:8">
      <c r="H219991" s="12"/>
    </row>
    <row r="219992" spans="8:8">
      <c r="H219992" s="12"/>
    </row>
    <row r="219993" spans="8:8">
      <c r="H219993" s="12"/>
    </row>
    <row r="219994" spans="8:8">
      <c r="H219994" s="12"/>
    </row>
    <row r="219995" spans="8:8">
      <c r="H219995" s="12"/>
    </row>
    <row r="219996" spans="8:8">
      <c r="H219996" s="12"/>
    </row>
    <row r="219997" spans="8:8">
      <c r="H219997" s="12"/>
    </row>
    <row r="219998" spans="8:8">
      <c r="H219998" s="12"/>
    </row>
    <row r="219999" spans="8:8">
      <c r="H219999" s="12"/>
    </row>
    <row r="220000" spans="8:8">
      <c r="H220000" s="12"/>
    </row>
    <row r="220001" spans="8:8">
      <c r="H220001" s="12"/>
    </row>
    <row r="220002" spans="8:8">
      <c r="H220002" s="12"/>
    </row>
    <row r="220003" spans="8:8">
      <c r="H220003" s="12"/>
    </row>
    <row r="220004" spans="8:8">
      <c r="H220004" s="12"/>
    </row>
    <row r="220005" spans="8:8">
      <c r="H220005" s="12"/>
    </row>
    <row r="220006" spans="8:8">
      <c r="H220006" s="12"/>
    </row>
    <row r="220007" spans="8:8">
      <c r="H220007" s="12"/>
    </row>
    <row r="220008" spans="8:8">
      <c r="H220008" s="12"/>
    </row>
    <row r="220009" spans="8:8">
      <c r="H220009" s="12"/>
    </row>
    <row r="220010" spans="8:8">
      <c r="H220010" s="12"/>
    </row>
    <row r="220011" spans="8:8">
      <c r="H220011" s="12"/>
    </row>
    <row r="220012" spans="8:8">
      <c r="H220012" s="12"/>
    </row>
    <row r="220013" spans="8:8">
      <c r="H220013" s="12"/>
    </row>
    <row r="220014" spans="8:8">
      <c r="H220014" s="12"/>
    </row>
    <row r="220015" spans="8:8">
      <c r="H220015" s="12"/>
    </row>
    <row r="220016" spans="8:8">
      <c r="H220016" s="12"/>
    </row>
    <row r="220017" spans="8:8">
      <c r="H220017" s="12"/>
    </row>
    <row r="220018" spans="8:8">
      <c r="H220018" s="12"/>
    </row>
    <row r="220019" spans="8:8">
      <c r="H220019" s="12"/>
    </row>
    <row r="220020" spans="8:8">
      <c r="H220020" s="12"/>
    </row>
    <row r="220021" spans="8:8">
      <c r="H220021" s="12"/>
    </row>
    <row r="220022" spans="8:8">
      <c r="H220022" s="12"/>
    </row>
    <row r="220023" spans="8:8">
      <c r="H220023" s="12"/>
    </row>
    <row r="220024" spans="8:8">
      <c r="H220024" s="12"/>
    </row>
    <row r="220025" spans="8:8">
      <c r="H220025" s="12"/>
    </row>
    <row r="220026" spans="8:8">
      <c r="H220026" s="12"/>
    </row>
    <row r="220027" spans="8:8">
      <c r="H220027" s="12"/>
    </row>
    <row r="220028" spans="8:8">
      <c r="H220028" s="12"/>
    </row>
    <row r="220029" spans="8:8">
      <c r="H220029" s="12"/>
    </row>
    <row r="220030" spans="8:8">
      <c r="H220030" s="12"/>
    </row>
    <row r="220031" spans="8:8">
      <c r="H220031" s="12"/>
    </row>
    <row r="220032" spans="8:8">
      <c r="H220032" s="12"/>
    </row>
    <row r="220033" spans="8:8">
      <c r="H220033" s="12"/>
    </row>
    <row r="220034" spans="8:8">
      <c r="H220034" s="12"/>
    </row>
    <row r="220035" spans="8:8">
      <c r="H220035" s="12"/>
    </row>
    <row r="220036" spans="8:8">
      <c r="H220036" s="12"/>
    </row>
    <row r="220037" spans="8:8">
      <c r="H220037" s="12"/>
    </row>
    <row r="220038" spans="8:8">
      <c r="H220038" s="12"/>
    </row>
    <row r="220039" spans="8:8">
      <c r="H220039" s="12"/>
    </row>
    <row r="220040" spans="8:8">
      <c r="H220040" s="12"/>
    </row>
    <row r="220041" spans="8:8">
      <c r="H220041" s="12"/>
    </row>
    <row r="220042" spans="8:8">
      <c r="H220042" s="12"/>
    </row>
    <row r="220043" spans="8:8">
      <c r="H220043" s="12"/>
    </row>
    <row r="220044" spans="8:8">
      <c r="H220044" s="12"/>
    </row>
    <row r="220045" spans="8:8">
      <c r="H220045" s="12"/>
    </row>
    <row r="220046" spans="8:8">
      <c r="H220046" s="12"/>
    </row>
    <row r="220047" spans="8:8">
      <c r="H220047" s="12"/>
    </row>
    <row r="220048" spans="8:8">
      <c r="H220048" s="12"/>
    </row>
    <row r="220049" spans="8:8">
      <c r="H220049" s="12"/>
    </row>
    <row r="220050" spans="8:8">
      <c r="H220050" s="12"/>
    </row>
    <row r="220051" spans="8:8">
      <c r="H220051" s="12"/>
    </row>
    <row r="220052" spans="8:8">
      <c r="H220052" s="12"/>
    </row>
    <row r="220053" spans="8:8">
      <c r="H220053" s="12"/>
    </row>
    <row r="220054" spans="8:8">
      <c r="H220054" s="12"/>
    </row>
    <row r="220055" spans="8:8">
      <c r="H220055" s="12"/>
    </row>
    <row r="220056" spans="8:8">
      <c r="H220056" s="12"/>
    </row>
    <row r="220057" spans="8:8">
      <c r="H220057" s="12"/>
    </row>
    <row r="220058" spans="8:8">
      <c r="H220058" s="12"/>
    </row>
    <row r="220059" spans="8:8">
      <c r="H220059" s="12"/>
    </row>
    <row r="220060" spans="8:8">
      <c r="H220060" s="12"/>
    </row>
    <row r="220061" spans="8:8">
      <c r="H220061" s="12"/>
    </row>
    <row r="220062" spans="8:8">
      <c r="H220062" s="12"/>
    </row>
    <row r="220063" spans="8:8">
      <c r="H220063" s="12"/>
    </row>
    <row r="220064" spans="8:8">
      <c r="H220064" s="12"/>
    </row>
    <row r="220065" spans="8:8">
      <c r="H220065" s="12"/>
    </row>
    <row r="220066" spans="8:8">
      <c r="H220066" s="12"/>
    </row>
    <row r="220067" spans="8:8">
      <c r="H220067" s="12"/>
    </row>
    <row r="220068" spans="8:8">
      <c r="H220068" s="12"/>
    </row>
    <row r="220069" spans="8:8">
      <c r="H220069" s="12"/>
    </row>
    <row r="220070" spans="8:8">
      <c r="H220070" s="12"/>
    </row>
    <row r="220071" spans="8:8">
      <c r="H220071" s="12"/>
    </row>
    <row r="220072" spans="8:8">
      <c r="H220072" s="12"/>
    </row>
    <row r="220073" spans="8:8">
      <c r="H220073" s="12"/>
    </row>
    <row r="220074" spans="8:8">
      <c r="H220074" s="12"/>
    </row>
    <row r="220075" spans="8:8">
      <c r="H220075" s="12"/>
    </row>
    <row r="220076" spans="8:8">
      <c r="H220076" s="12"/>
    </row>
    <row r="220077" spans="8:8">
      <c r="H220077" s="12"/>
    </row>
    <row r="220078" spans="8:8">
      <c r="H220078" s="12"/>
    </row>
    <row r="220079" spans="8:8">
      <c r="H220079" s="12"/>
    </row>
    <row r="220080" spans="8:8">
      <c r="H220080" s="12"/>
    </row>
    <row r="220081" spans="8:8">
      <c r="H220081" s="12"/>
    </row>
    <row r="220082" spans="8:8">
      <c r="H220082" s="12"/>
    </row>
    <row r="220083" spans="8:8">
      <c r="H220083" s="12"/>
    </row>
    <row r="220084" spans="8:8">
      <c r="H220084" s="12"/>
    </row>
    <row r="220085" spans="8:8">
      <c r="H220085" s="12"/>
    </row>
    <row r="220086" spans="8:8">
      <c r="H220086" s="12"/>
    </row>
    <row r="220087" spans="8:8">
      <c r="H220087" s="12"/>
    </row>
    <row r="220088" spans="8:8">
      <c r="H220088" s="12"/>
    </row>
    <row r="220089" spans="8:8">
      <c r="H220089" s="12"/>
    </row>
    <row r="220090" spans="8:8">
      <c r="H220090" s="12"/>
    </row>
    <row r="220091" spans="8:8">
      <c r="H220091" s="12"/>
    </row>
    <row r="220092" spans="8:8">
      <c r="H220092" s="12"/>
    </row>
    <row r="220093" spans="8:8">
      <c r="H220093" s="12"/>
    </row>
    <row r="220094" spans="8:8">
      <c r="H220094" s="12"/>
    </row>
    <row r="220095" spans="8:8">
      <c r="H220095" s="12"/>
    </row>
    <row r="220096" spans="8:8">
      <c r="H220096" s="12"/>
    </row>
    <row r="220097" spans="8:8">
      <c r="H220097" s="12"/>
    </row>
    <row r="220098" spans="8:8">
      <c r="H220098" s="12"/>
    </row>
    <row r="220099" spans="8:8">
      <c r="H220099" s="12"/>
    </row>
    <row r="220100" spans="8:8">
      <c r="H220100" s="12"/>
    </row>
    <row r="220101" spans="8:8">
      <c r="H220101" s="12"/>
    </row>
    <row r="220102" spans="8:8">
      <c r="H220102" s="12"/>
    </row>
    <row r="220103" spans="8:8">
      <c r="H220103" s="12"/>
    </row>
    <row r="220104" spans="8:8">
      <c r="H220104" s="12"/>
    </row>
    <row r="220105" spans="8:8">
      <c r="H220105" s="12"/>
    </row>
    <row r="220106" spans="8:8">
      <c r="H220106" s="12"/>
    </row>
    <row r="220107" spans="8:8">
      <c r="H220107" s="12"/>
    </row>
    <row r="220108" spans="8:8">
      <c r="H220108" s="12"/>
    </row>
    <row r="220109" spans="8:8">
      <c r="H220109" s="12"/>
    </row>
    <row r="220110" spans="8:8">
      <c r="H220110" s="12"/>
    </row>
    <row r="220111" spans="8:8">
      <c r="H220111" s="12"/>
    </row>
    <row r="220112" spans="8:8">
      <c r="H220112" s="12"/>
    </row>
    <row r="220113" spans="8:8">
      <c r="H220113" s="12"/>
    </row>
    <row r="220114" spans="8:8">
      <c r="H220114" s="12"/>
    </row>
    <row r="220115" spans="8:8">
      <c r="H220115" s="12"/>
    </row>
    <row r="220116" spans="8:8">
      <c r="H220116" s="12"/>
    </row>
    <row r="220117" spans="8:8">
      <c r="H220117" s="12"/>
    </row>
    <row r="220118" spans="8:8">
      <c r="H220118" s="12"/>
    </row>
    <row r="220119" spans="8:8">
      <c r="H220119" s="12"/>
    </row>
    <row r="220120" spans="8:8">
      <c r="H220120" s="12"/>
    </row>
    <row r="220121" spans="8:8">
      <c r="H220121" s="12"/>
    </row>
    <row r="220122" spans="8:8">
      <c r="H220122" s="12"/>
    </row>
    <row r="220123" spans="8:8">
      <c r="H220123" s="12"/>
    </row>
    <row r="220124" spans="8:8">
      <c r="H220124" s="12"/>
    </row>
    <row r="220125" spans="8:8">
      <c r="H220125" s="12"/>
    </row>
    <row r="220126" spans="8:8">
      <c r="H220126" s="12"/>
    </row>
    <row r="220127" spans="8:8">
      <c r="H220127" s="12"/>
    </row>
    <row r="220128" spans="8:8">
      <c r="H220128" s="12"/>
    </row>
    <row r="220129" spans="8:8">
      <c r="H220129" s="12"/>
    </row>
    <row r="220130" spans="8:8">
      <c r="H220130" s="12"/>
    </row>
    <row r="220131" spans="8:8">
      <c r="H220131" s="12"/>
    </row>
    <row r="220132" spans="8:8">
      <c r="H220132" s="12"/>
    </row>
    <row r="220133" spans="8:8">
      <c r="H220133" s="12"/>
    </row>
    <row r="220134" spans="8:8">
      <c r="H220134" s="12"/>
    </row>
    <row r="220135" spans="8:8">
      <c r="H220135" s="12"/>
    </row>
    <row r="220136" spans="8:8">
      <c r="H220136" s="12"/>
    </row>
    <row r="220137" spans="8:8">
      <c r="H220137" s="12"/>
    </row>
    <row r="220138" spans="8:8">
      <c r="H220138" s="12"/>
    </row>
    <row r="220139" spans="8:8">
      <c r="H220139" s="12"/>
    </row>
    <row r="220140" spans="8:8">
      <c r="H220140" s="12"/>
    </row>
    <row r="220141" spans="8:8">
      <c r="H220141" s="12"/>
    </row>
    <row r="220142" spans="8:8">
      <c r="H220142" s="12"/>
    </row>
    <row r="220143" spans="8:8">
      <c r="H220143" s="12"/>
    </row>
    <row r="220144" spans="8:8">
      <c r="H220144" s="12"/>
    </row>
    <row r="220145" spans="8:8">
      <c r="H220145" s="12"/>
    </row>
    <row r="220146" spans="8:8">
      <c r="H220146" s="12"/>
    </row>
    <row r="220147" spans="8:8">
      <c r="H220147" s="12"/>
    </row>
    <row r="220148" spans="8:8">
      <c r="H220148" s="12"/>
    </row>
    <row r="220149" spans="8:8">
      <c r="H220149" s="12"/>
    </row>
    <row r="220150" spans="8:8">
      <c r="H220150" s="12"/>
    </row>
    <row r="220151" spans="8:8">
      <c r="H220151" s="12"/>
    </row>
    <row r="220152" spans="8:8">
      <c r="H220152" s="12"/>
    </row>
    <row r="220153" spans="8:8">
      <c r="H220153" s="12"/>
    </row>
    <row r="220154" spans="8:8">
      <c r="H220154" s="12"/>
    </row>
    <row r="220155" spans="8:8">
      <c r="H220155" s="12"/>
    </row>
    <row r="220156" spans="8:8">
      <c r="H220156" s="12"/>
    </row>
    <row r="220157" spans="8:8">
      <c r="H220157" s="12"/>
    </row>
    <row r="220158" spans="8:8">
      <c r="H220158" s="12"/>
    </row>
    <row r="220159" spans="8:8">
      <c r="H220159" s="12"/>
    </row>
    <row r="220160" spans="8:8">
      <c r="H220160" s="12"/>
    </row>
    <row r="220161" spans="8:8">
      <c r="H220161" s="12"/>
    </row>
    <row r="220162" spans="8:8">
      <c r="H220162" s="12"/>
    </row>
    <row r="220163" spans="8:8">
      <c r="H220163" s="12"/>
    </row>
    <row r="220164" spans="8:8">
      <c r="H220164" s="12"/>
    </row>
    <row r="220165" spans="8:8">
      <c r="H220165" s="12"/>
    </row>
    <row r="220166" spans="8:8">
      <c r="H220166" s="12"/>
    </row>
    <row r="220167" spans="8:8">
      <c r="H220167" s="12"/>
    </row>
    <row r="220168" spans="8:8">
      <c r="H220168" s="12"/>
    </row>
    <row r="220169" spans="8:8">
      <c r="H220169" s="12"/>
    </row>
    <row r="220170" spans="8:8">
      <c r="H220170" s="12"/>
    </row>
    <row r="220171" spans="8:8">
      <c r="H220171" s="12"/>
    </row>
    <row r="220172" spans="8:8">
      <c r="H220172" s="12"/>
    </row>
    <row r="220173" spans="8:8">
      <c r="H220173" s="12"/>
    </row>
    <row r="220174" spans="8:8">
      <c r="H220174" s="12"/>
    </row>
    <row r="220175" spans="8:8">
      <c r="H220175" s="12"/>
    </row>
    <row r="220176" spans="8:8">
      <c r="H220176" s="12"/>
    </row>
    <row r="220177" spans="8:8">
      <c r="H220177" s="12"/>
    </row>
    <row r="220178" spans="8:8">
      <c r="H220178" s="12"/>
    </row>
    <row r="220179" spans="8:8">
      <c r="H220179" s="12"/>
    </row>
    <row r="220180" spans="8:8">
      <c r="H220180" s="12"/>
    </row>
    <row r="220181" spans="8:8">
      <c r="H220181" s="12"/>
    </row>
    <row r="220182" spans="8:8">
      <c r="H220182" s="12"/>
    </row>
    <row r="220183" spans="8:8">
      <c r="H220183" s="12"/>
    </row>
    <row r="220184" spans="8:8">
      <c r="H220184" s="12"/>
    </row>
    <row r="220185" spans="8:8">
      <c r="H220185" s="12"/>
    </row>
    <row r="220186" spans="8:8">
      <c r="H220186" s="12"/>
    </row>
    <row r="220187" spans="8:8">
      <c r="H220187" s="12"/>
    </row>
    <row r="220188" spans="8:8">
      <c r="H220188" s="12"/>
    </row>
    <row r="220189" spans="8:8">
      <c r="H220189" s="12"/>
    </row>
    <row r="220190" spans="8:8">
      <c r="H220190" s="12"/>
    </row>
    <row r="220191" spans="8:8">
      <c r="H220191" s="12"/>
    </row>
    <row r="220192" spans="8:8">
      <c r="H220192" s="12"/>
    </row>
    <row r="220193" spans="8:8">
      <c r="H220193" s="12"/>
    </row>
    <row r="220194" spans="8:8">
      <c r="H220194" s="12"/>
    </row>
    <row r="220195" spans="8:8">
      <c r="H220195" s="12"/>
    </row>
    <row r="220196" spans="8:8">
      <c r="H220196" s="12"/>
    </row>
    <row r="220197" spans="8:8">
      <c r="H220197" s="12"/>
    </row>
    <row r="220198" spans="8:8">
      <c r="H220198" s="12"/>
    </row>
    <row r="220199" spans="8:8">
      <c r="H220199" s="12"/>
    </row>
    <row r="220200" spans="8:8">
      <c r="H220200" s="12"/>
    </row>
    <row r="220201" spans="8:8">
      <c r="H220201" s="12"/>
    </row>
    <row r="220202" spans="8:8">
      <c r="H220202" s="12"/>
    </row>
    <row r="220203" spans="8:8">
      <c r="H220203" s="12"/>
    </row>
    <row r="220204" spans="8:8">
      <c r="H220204" s="12"/>
    </row>
    <row r="220205" spans="8:8">
      <c r="H220205" s="12"/>
    </row>
    <row r="220206" spans="8:8">
      <c r="H220206" s="12"/>
    </row>
    <row r="220207" spans="8:8">
      <c r="H220207" s="12"/>
    </row>
    <row r="220208" spans="8:8">
      <c r="H220208" s="12"/>
    </row>
    <row r="220209" spans="8:8">
      <c r="H220209" s="12"/>
    </row>
    <row r="220210" spans="8:8">
      <c r="H220210" s="12"/>
    </row>
    <row r="220211" spans="8:8">
      <c r="H220211" s="12"/>
    </row>
    <row r="220212" spans="8:8">
      <c r="H220212" s="12"/>
    </row>
    <row r="220213" spans="8:8">
      <c r="H220213" s="12"/>
    </row>
    <row r="220214" spans="8:8">
      <c r="H220214" s="12"/>
    </row>
    <row r="220215" spans="8:8">
      <c r="H220215" s="12"/>
    </row>
    <row r="220216" spans="8:8">
      <c r="H220216" s="12"/>
    </row>
    <row r="220217" spans="8:8">
      <c r="H220217" s="12"/>
    </row>
    <row r="220218" spans="8:8">
      <c r="H220218" s="12"/>
    </row>
    <row r="220219" spans="8:8">
      <c r="H220219" s="12"/>
    </row>
    <row r="220220" spans="8:8">
      <c r="H220220" s="12"/>
    </row>
    <row r="220221" spans="8:8">
      <c r="H220221" s="12"/>
    </row>
    <row r="220222" spans="8:8">
      <c r="H220222" s="12"/>
    </row>
    <row r="220223" spans="8:8">
      <c r="H220223" s="12"/>
    </row>
    <row r="220224" spans="8:8">
      <c r="H220224" s="12"/>
    </row>
    <row r="220225" spans="8:8">
      <c r="H220225" s="12"/>
    </row>
    <row r="220226" spans="8:8">
      <c r="H220226" s="12"/>
    </row>
    <row r="220227" spans="8:8">
      <c r="H220227" s="12"/>
    </row>
    <row r="220228" spans="8:8">
      <c r="H220228" s="12"/>
    </row>
    <row r="220229" spans="8:8">
      <c r="H220229" s="12"/>
    </row>
    <row r="220230" spans="8:8">
      <c r="H220230" s="12"/>
    </row>
    <row r="220231" spans="8:8">
      <c r="H220231" s="12"/>
    </row>
    <row r="220232" spans="8:8">
      <c r="H220232" s="12"/>
    </row>
    <row r="220233" spans="8:8">
      <c r="H220233" s="12"/>
    </row>
    <row r="220234" spans="8:8">
      <c r="H220234" s="12"/>
    </row>
    <row r="220235" spans="8:8">
      <c r="H220235" s="12"/>
    </row>
    <row r="220236" spans="8:8">
      <c r="H220236" s="12"/>
    </row>
    <row r="220237" spans="8:8">
      <c r="H220237" s="12"/>
    </row>
    <row r="220238" spans="8:8">
      <c r="H220238" s="12"/>
    </row>
    <row r="220239" spans="8:8">
      <c r="H220239" s="12"/>
    </row>
    <row r="220240" spans="8:8">
      <c r="H220240" s="12"/>
    </row>
    <row r="220241" spans="8:8">
      <c r="H220241" s="12"/>
    </row>
    <row r="220242" spans="8:8">
      <c r="H220242" s="12"/>
    </row>
    <row r="220243" spans="8:8">
      <c r="H220243" s="12"/>
    </row>
    <row r="220244" spans="8:8">
      <c r="H220244" s="12"/>
    </row>
    <row r="220245" spans="8:8">
      <c r="H220245" s="12"/>
    </row>
    <row r="220246" spans="8:8">
      <c r="H220246" s="12"/>
    </row>
    <row r="220247" spans="8:8">
      <c r="H220247" s="12"/>
    </row>
    <row r="220248" spans="8:8">
      <c r="H220248" s="12"/>
    </row>
    <row r="220249" spans="8:8">
      <c r="H220249" s="12"/>
    </row>
    <row r="220250" spans="8:8">
      <c r="H220250" s="12"/>
    </row>
    <row r="220251" spans="8:8">
      <c r="H220251" s="12"/>
    </row>
    <row r="220252" spans="8:8">
      <c r="H220252" s="12"/>
    </row>
    <row r="220253" spans="8:8">
      <c r="H220253" s="12"/>
    </row>
    <row r="220254" spans="8:8">
      <c r="H220254" s="12"/>
    </row>
    <row r="220255" spans="8:8">
      <c r="H220255" s="12"/>
    </row>
    <row r="220256" spans="8:8">
      <c r="H220256" s="12"/>
    </row>
    <row r="220257" spans="8:8">
      <c r="H220257" s="12"/>
    </row>
    <row r="220258" spans="8:8">
      <c r="H220258" s="12"/>
    </row>
    <row r="220259" spans="8:8">
      <c r="H220259" s="12"/>
    </row>
    <row r="220260" spans="8:8">
      <c r="H220260" s="12"/>
    </row>
    <row r="220261" spans="8:8">
      <c r="H220261" s="12"/>
    </row>
    <row r="220262" spans="8:8">
      <c r="H220262" s="12"/>
    </row>
    <row r="220263" spans="8:8">
      <c r="H220263" s="12"/>
    </row>
    <row r="220264" spans="8:8">
      <c r="H220264" s="12"/>
    </row>
    <row r="220265" spans="8:8">
      <c r="H220265" s="12"/>
    </row>
    <row r="220266" spans="8:8">
      <c r="H220266" s="12"/>
    </row>
    <row r="220267" spans="8:8">
      <c r="H220267" s="12"/>
    </row>
    <row r="220268" spans="8:8">
      <c r="H220268" s="12"/>
    </row>
    <row r="220269" spans="8:8">
      <c r="H220269" s="12"/>
    </row>
    <row r="220270" spans="8:8">
      <c r="H220270" s="12"/>
    </row>
    <row r="220271" spans="8:8">
      <c r="H220271" s="12"/>
    </row>
    <row r="220272" spans="8:8">
      <c r="H220272" s="12"/>
    </row>
    <row r="220273" spans="8:8">
      <c r="H220273" s="12"/>
    </row>
    <row r="220274" spans="8:8">
      <c r="H220274" s="12"/>
    </row>
    <row r="220275" spans="8:8">
      <c r="H220275" s="12"/>
    </row>
    <row r="220276" spans="8:8">
      <c r="H220276" s="12"/>
    </row>
    <row r="220277" spans="8:8">
      <c r="H220277" s="12"/>
    </row>
    <row r="220278" spans="8:8">
      <c r="H220278" s="12"/>
    </row>
    <row r="220279" spans="8:8">
      <c r="H220279" s="12"/>
    </row>
    <row r="220280" spans="8:8">
      <c r="H220280" s="12"/>
    </row>
    <row r="220281" spans="8:8">
      <c r="H220281" s="12"/>
    </row>
    <row r="220282" spans="8:8">
      <c r="H220282" s="12"/>
    </row>
    <row r="220283" spans="8:8">
      <c r="H220283" s="12"/>
    </row>
    <row r="220284" spans="8:8">
      <c r="H220284" s="12"/>
    </row>
    <row r="220285" spans="8:8">
      <c r="H220285" s="12"/>
    </row>
    <row r="220286" spans="8:8">
      <c r="H220286" s="12"/>
    </row>
    <row r="220287" spans="8:8">
      <c r="H220287" s="12"/>
    </row>
    <row r="220288" spans="8:8">
      <c r="H220288" s="12"/>
    </row>
    <row r="220289" spans="8:8">
      <c r="H220289" s="12"/>
    </row>
    <row r="220290" spans="8:8">
      <c r="H220290" s="12"/>
    </row>
    <row r="220291" spans="8:8">
      <c r="H220291" s="12"/>
    </row>
    <row r="220292" spans="8:8">
      <c r="H220292" s="12"/>
    </row>
    <row r="220293" spans="8:8">
      <c r="H220293" s="12"/>
    </row>
    <row r="220294" spans="8:8">
      <c r="H220294" s="12"/>
    </row>
    <row r="220295" spans="8:8">
      <c r="H220295" s="12"/>
    </row>
    <row r="220296" spans="8:8">
      <c r="H220296" s="12"/>
    </row>
    <row r="220297" spans="8:8">
      <c r="H220297" s="12"/>
    </row>
    <row r="220298" spans="8:8">
      <c r="H220298" s="12"/>
    </row>
    <row r="220299" spans="8:8">
      <c r="H220299" s="12"/>
    </row>
    <row r="220300" spans="8:8">
      <c r="H220300" s="12"/>
    </row>
    <row r="220301" spans="8:8">
      <c r="H220301" s="12"/>
    </row>
    <row r="220302" spans="8:8">
      <c r="H220302" s="12"/>
    </row>
    <row r="220303" spans="8:8">
      <c r="H220303" s="12"/>
    </row>
    <row r="220304" spans="8:8">
      <c r="H220304" s="12"/>
    </row>
    <row r="220305" spans="8:8">
      <c r="H220305" s="12"/>
    </row>
    <row r="220306" spans="8:8">
      <c r="H220306" s="12"/>
    </row>
    <row r="220307" spans="8:8">
      <c r="H220307" s="12"/>
    </row>
    <row r="220308" spans="8:8">
      <c r="H220308" s="12"/>
    </row>
    <row r="220309" spans="8:8">
      <c r="H220309" s="12"/>
    </row>
    <row r="220310" spans="8:8">
      <c r="H220310" s="12"/>
    </row>
    <row r="220311" spans="8:8">
      <c r="H220311" s="12"/>
    </row>
    <row r="220312" spans="8:8">
      <c r="H220312" s="12"/>
    </row>
    <row r="220313" spans="8:8">
      <c r="H220313" s="12"/>
    </row>
    <row r="220314" spans="8:8">
      <c r="H220314" s="12"/>
    </row>
    <row r="220315" spans="8:8">
      <c r="H220315" s="12"/>
    </row>
    <row r="220316" spans="8:8">
      <c r="H220316" s="12"/>
    </row>
    <row r="220317" spans="8:8">
      <c r="H220317" s="12"/>
    </row>
    <row r="220318" spans="8:8">
      <c r="H220318" s="12"/>
    </row>
    <row r="220319" spans="8:8">
      <c r="H220319" s="12"/>
    </row>
    <row r="220320" spans="8:8">
      <c r="H220320" s="12"/>
    </row>
    <row r="220321" spans="8:8">
      <c r="H220321" s="12"/>
    </row>
    <row r="220322" spans="8:8">
      <c r="H220322" s="12"/>
    </row>
    <row r="220323" spans="8:8">
      <c r="H220323" s="12"/>
    </row>
    <row r="220324" spans="8:8">
      <c r="H220324" s="12"/>
    </row>
    <row r="220325" spans="8:8">
      <c r="H220325" s="12"/>
    </row>
    <row r="220326" spans="8:8">
      <c r="H220326" s="12"/>
    </row>
    <row r="220327" spans="8:8">
      <c r="H220327" s="12"/>
    </row>
    <row r="220328" spans="8:8">
      <c r="H220328" s="12"/>
    </row>
    <row r="220329" spans="8:8">
      <c r="H220329" s="12"/>
    </row>
    <row r="220330" spans="8:8">
      <c r="H220330" s="12"/>
    </row>
    <row r="220331" spans="8:8">
      <c r="H220331" s="12"/>
    </row>
    <row r="220332" spans="8:8">
      <c r="H220332" s="12"/>
    </row>
    <row r="220333" spans="8:8">
      <c r="H220333" s="12"/>
    </row>
    <row r="220334" spans="8:8">
      <c r="H220334" s="12"/>
    </row>
    <row r="220335" spans="8:8">
      <c r="H220335" s="12"/>
    </row>
    <row r="220336" spans="8:8">
      <c r="H220336" s="12"/>
    </row>
    <row r="220337" spans="8:8">
      <c r="H220337" s="12"/>
    </row>
    <row r="220338" spans="8:8">
      <c r="H220338" s="12"/>
    </row>
    <row r="220339" spans="8:8">
      <c r="H220339" s="12"/>
    </row>
    <row r="220340" spans="8:8">
      <c r="H220340" s="12"/>
    </row>
    <row r="220341" spans="8:8">
      <c r="H220341" s="12"/>
    </row>
    <row r="220342" spans="8:8">
      <c r="H220342" s="12"/>
    </row>
    <row r="220343" spans="8:8">
      <c r="H220343" s="12"/>
    </row>
    <row r="220344" spans="8:8">
      <c r="H220344" s="12"/>
    </row>
    <row r="220345" spans="8:8">
      <c r="H220345" s="12"/>
    </row>
    <row r="220346" spans="8:8">
      <c r="H220346" s="12"/>
    </row>
    <row r="220347" spans="8:8">
      <c r="H220347" s="12"/>
    </row>
    <row r="220348" spans="8:8">
      <c r="H220348" s="12"/>
    </row>
    <row r="220349" spans="8:8">
      <c r="H220349" s="12"/>
    </row>
    <row r="220350" spans="8:8">
      <c r="H220350" s="12"/>
    </row>
    <row r="220351" spans="8:8">
      <c r="H220351" s="12"/>
    </row>
    <row r="220352" spans="8:8">
      <c r="H220352" s="12"/>
    </row>
    <row r="220353" spans="8:8">
      <c r="H220353" s="12"/>
    </row>
    <row r="220354" spans="8:8">
      <c r="H220354" s="12"/>
    </row>
    <row r="220355" spans="8:8">
      <c r="H220355" s="12"/>
    </row>
    <row r="220356" spans="8:8">
      <c r="H220356" s="12"/>
    </row>
    <row r="220357" spans="8:8">
      <c r="H220357" s="12"/>
    </row>
    <row r="220358" spans="8:8">
      <c r="H220358" s="12"/>
    </row>
    <row r="220359" spans="8:8">
      <c r="H220359" s="12"/>
    </row>
    <row r="220360" spans="8:8">
      <c r="H220360" s="12"/>
    </row>
    <row r="220361" spans="8:8">
      <c r="H220361" s="12"/>
    </row>
    <row r="220362" spans="8:8">
      <c r="H220362" s="12"/>
    </row>
    <row r="220363" spans="8:8">
      <c r="H220363" s="12"/>
    </row>
    <row r="220364" spans="8:8">
      <c r="H220364" s="12"/>
    </row>
    <row r="220365" spans="8:8">
      <c r="H220365" s="12"/>
    </row>
    <row r="220366" spans="8:8">
      <c r="H220366" s="12"/>
    </row>
    <row r="220367" spans="8:8">
      <c r="H220367" s="12"/>
    </row>
    <row r="220368" spans="8:8">
      <c r="H220368" s="12"/>
    </row>
    <row r="220369" spans="8:8">
      <c r="H220369" s="12"/>
    </row>
    <row r="220370" spans="8:8">
      <c r="H220370" s="12"/>
    </row>
    <row r="220371" spans="8:8">
      <c r="H220371" s="12"/>
    </row>
    <row r="220372" spans="8:8">
      <c r="H220372" s="12"/>
    </row>
    <row r="220373" spans="8:8">
      <c r="H220373" s="12"/>
    </row>
    <row r="220374" spans="8:8">
      <c r="H220374" s="12"/>
    </row>
    <row r="220375" spans="8:8">
      <c r="H220375" s="12"/>
    </row>
    <row r="220376" spans="8:8">
      <c r="H220376" s="12"/>
    </row>
    <row r="220377" spans="8:8">
      <c r="H220377" s="12"/>
    </row>
    <row r="220378" spans="8:8">
      <c r="H220378" s="12"/>
    </row>
    <row r="220379" spans="8:8">
      <c r="H220379" s="12"/>
    </row>
    <row r="220380" spans="8:8">
      <c r="H220380" s="12"/>
    </row>
    <row r="220381" spans="8:8">
      <c r="H220381" s="12"/>
    </row>
    <row r="220382" spans="8:8">
      <c r="H220382" s="12"/>
    </row>
    <row r="220383" spans="8:8">
      <c r="H220383" s="12"/>
    </row>
    <row r="220384" spans="8:8">
      <c r="H220384" s="12"/>
    </row>
    <row r="220385" spans="8:8">
      <c r="H220385" s="12"/>
    </row>
    <row r="220386" spans="8:8">
      <c r="H220386" s="12"/>
    </row>
    <row r="220387" spans="8:8">
      <c r="H220387" s="12"/>
    </row>
    <row r="220388" spans="8:8">
      <c r="H220388" s="12"/>
    </row>
    <row r="220389" spans="8:8">
      <c r="H220389" s="12"/>
    </row>
    <row r="220390" spans="8:8">
      <c r="H220390" s="12"/>
    </row>
    <row r="220391" spans="8:8">
      <c r="H220391" s="12"/>
    </row>
    <row r="220392" spans="8:8">
      <c r="H220392" s="12"/>
    </row>
    <row r="220393" spans="8:8">
      <c r="H220393" s="12"/>
    </row>
    <row r="220394" spans="8:8">
      <c r="H220394" s="12"/>
    </row>
    <row r="220395" spans="8:8">
      <c r="H220395" s="12"/>
    </row>
    <row r="220396" spans="8:8">
      <c r="H220396" s="12"/>
    </row>
    <row r="220397" spans="8:8">
      <c r="H220397" s="12"/>
    </row>
    <row r="220398" spans="8:8">
      <c r="H220398" s="12"/>
    </row>
    <row r="220399" spans="8:8">
      <c r="H220399" s="12"/>
    </row>
    <row r="220400" spans="8:8">
      <c r="H220400" s="12"/>
    </row>
    <row r="220401" spans="8:8">
      <c r="H220401" s="12"/>
    </row>
    <row r="220402" spans="8:8">
      <c r="H220402" s="12"/>
    </row>
    <row r="220403" spans="8:8">
      <c r="H220403" s="12"/>
    </row>
    <row r="220404" spans="8:8">
      <c r="H220404" s="12"/>
    </row>
    <row r="220405" spans="8:8">
      <c r="H220405" s="12"/>
    </row>
    <row r="220406" spans="8:8">
      <c r="H220406" s="12"/>
    </row>
    <row r="220407" spans="8:8">
      <c r="H220407" s="12"/>
    </row>
    <row r="220408" spans="8:8">
      <c r="H220408" s="12"/>
    </row>
    <row r="220409" spans="8:8">
      <c r="H220409" s="12"/>
    </row>
    <row r="220410" spans="8:8">
      <c r="H220410" s="12"/>
    </row>
    <row r="220411" spans="8:8">
      <c r="H220411" s="12"/>
    </row>
    <row r="220412" spans="8:8">
      <c r="H220412" s="12"/>
    </row>
    <row r="220413" spans="8:8">
      <c r="H220413" s="12"/>
    </row>
    <row r="220414" spans="8:8">
      <c r="H220414" s="12"/>
    </row>
    <row r="220415" spans="8:8">
      <c r="H220415" s="12"/>
    </row>
    <row r="220416" spans="8:8">
      <c r="H220416" s="12"/>
    </row>
    <row r="220417" spans="8:8">
      <c r="H220417" s="12"/>
    </row>
    <row r="220418" spans="8:8">
      <c r="H220418" s="12"/>
    </row>
    <row r="220419" spans="8:8">
      <c r="H220419" s="12"/>
    </row>
    <row r="220420" spans="8:8">
      <c r="H220420" s="12"/>
    </row>
    <row r="220421" spans="8:8">
      <c r="H220421" s="12"/>
    </row>
    <row r="220422" spans="8:8">
      <c r="H220422" s="12"/>
    </row>
    <row r="220423" spans="8:8">
      <c r="H220423" s="12"/>
    </row>
    <row r="220424" spans="8:8">
      <c r="H220424" s="12"/>
    </row>
    <row r="220425" spans="8:8">
      <c r="H220425" s="12"/>
    </row>
    <row r="220426" spans="8:8">
      <c r="H220426" s="12"/>
    </row>
    <row r="220427" spans="8:8">
      <c r="H220427" s="12"/>
    </row>
    <row r="220428" spans="8:8">
      <c r="H220428" s="12"/>
    </row>
    <row r="220429" spans="8:8">
      <c r="H220429" s="12"/>
    </row>
    <row r="220430" spans="8:8">
      <c r="H220430" s="12"/>
    </row>
    <row r="220431" spans="8:8">
      <c r="H220431" s="12"/>
    </row>
    <row r="220432" spans="8:8">
      <c r="H220432" s="12"/>
    </row>
    <row r="220433" spans="8:8">
      <c r="H220433" s="12"/>
    </row>
    <row r="220434" spans="8:8">
      <c r="H220434" s="12"/>
    </row>
    <row r="220435" spans="8:8">
      <c r="H220435" s="12"/>
    </row>
    <row r="220436" spans="8:8">
      <c r="H220436" s="12"/>
    </row>
    <row r="220437" spans="8:8">
      <c r="H220437" s="12"/>
    </row>
    <row r="220438" spans="8:8">
      <c r="H220438" s="12"/>
    </row>
    <row r="220439" spans="8:8">
      <c r="H220439" s="12"/>
    </row>
    <row r="220440" spans="8:8">
      <c r="H220440" s="12"/>
    </row>
    <row r="220441" spans="8:8">
      <c r="H220441" s="12"/>
    </row>
    <row r="220442" spans="8:8">
      <c r="H220442" s="12"/>
    </row>
    <row r="220443" spans="8:8">
      <c r="H220443" s="12"/>
    </row>
    <row r="220444" spans="8:8">
      <c r="H220444" s="12"/>
    </row>
    <row r="220445" spans="8:8">
      <c r="H220445" s="12"/>
    </row>
    <row r="220446" spans="8:8">
      <c r="H220446" s="12"/>
    </row>
    <row r="220447" spans="8:8">
      <c r="H220447" s="12"/>
    </row>
    <row r="220448" spans="8:8">
      <c r="H220448" s="12"/>
    </row>
    <row r="220449" spans="8:8">
      <c r="H220449" s="12"/>
    </row>
    <row r="220450" spans="8:8">
      <c r="H220450" s="12"/>
    </row>
    <row r="220451" spans="8:8">
      <c r="H220451" s="12"/>
    </row>
    <row r="220452" spans="8:8">
      <c r="H220452" s="12"/>
    </row>
    <row r="220453" spans="8:8">
      <c r="H220453" s="12"/>
    </row>
    <row r="220454" spans="8:8">
      <c r="H220454" s="12"/>
    </row>
    <row r="220455" spans="8:8">
      <c r="H220455" s="12"/>
    </row>
    <row r="220456" spans="8:8">
      <c r="H220456" s="12"/>
    </row>
    <row r="220457" spans="8:8">
      <c r="H220457" s="12"/>
    </row>
    <row r="220458" spans="8:8">
      <c r="H220458" s="12"/>
    </row>
    <row r="220459" spans="8:8">
      <c r="H220459" s="12"/>
    </row>
    <row r="220460" spans="8:8">
      <c r="H220460" s="12"/>
    </row>
    <row r="220461" spans="8:8">
      <c r="H220461" s="12"/>
    </row>
    <row r="220462" spans="8:8">
      <c r="H220462" s="12"/>
    </row>
    <row r="220463" spans="8:8">
      <c r="H220463" s="12"/>
    </row>
    <row r="220464" spans="8:8">
      <c r="H220464" s="12"/>
    </row>
    <row r="220465" spans="8:8">
      <c r="H220465" s="12"/>
    </row>
    <row r="220466" spans="8:8">
      <c r="H220466" s="12"/>
    </row>
    <row r="220467" spans="8:8">
      <c r="H220467" s="12"/>
    </row>
    <row r="220468" spans="8:8">
      <c r="H220468" s="12"/>
    </row>
    <row r="220469" spans="8:8">
      <c r="H220469" s="12"/>
    </row>
    <row r="220470" spans="8:8">
      <c r="H220470" s="12"/>
    </row>
    <row r="220471" spans="8:8">
      <c r="H220471" s="12"/>
    </row>
    <row r="220472" spans="8:8">
      <c r="H220472" s="12"/>
    </row>
    <row r="220473" spans="8:8">
      <c r="H220473" s="12"/>
    </row>
    <row r="220474" spans="8:8">
      <c r="H220474" s="12"/>
    </row>
    <row r="220475" spans="8:8">
      <c r="H220475" s="12"/>
    </row>
    <row r="220476" spans="8:8">
      <c r="H220476" s="12"/>
    </row>
    <row r="220477" spans="8:8">
      <c r="H220477" s="12"/>
    </row>
    <row r="220478" spans="8:8">
      <c r="H220478" s="12"/>
    </row>
    <row r="220479" spans="8:8">
      <c r="H220479" s="12"/>
    </row>
    <row r="220480" spans="8:8">
      <c r="H220480" s="12"/>
    </row>
    <row r="220481" spans="8:8">
      <c r="H220481" s="12"/>
    </row>
    <row r="220482" spans="8:8">
      <c r="H220482" s="12"/>
    </row>
    <row r="220483" spans="8:8">
      <c r="H220483" s="12"/>
    </row>
    <row r="220484" spans="8:8">
      <c r="H220484" s="12"/>
    </row>
    <row r="220485" spans="8:8">
      <c r="H220485" s="12"/>
    </row>
    <row r="220486" spans="8:8">
      <c r="H220486" s="12"/>
    </row>
    <row r="220487" spans="8:8">
      <c r="H220487" s="12"/>
    </row>
    <row r="220488" spans="8:8">
      <c r="H220488" s="12"/>
    </row>
    <row r="220489" spans="8:8">
      <c r="H220489" s="12"/>
    </row>
    <row r="220490" spans="8:8">
      <c r="H220490" s="12"/>
    </row>
    <row r="220491" spans="8:8">
      <c r="H220491" s="12"/>
    </row>
    <row r="220492" spans="8:8">
      <c r="H220492" s="12"/>
    </row>
    <row r="220493" spans="8:8">
      <c r="H220493" s="12"/>
    </row>
    <row r="220494" spans="8:8">
      <c r="H220494" s="12"/>
    </row>
    <row r="220495" spans="8:8">
      <c r="H220495" s="12"/>
    </row>
    <row r="220496" spans="8:8">
      <c r="H220496" s="12"/>
    </row>
    <row r="220497" spans="8:8">
      <c r="H220497" s="12"/>
    </row>
    <row r="220498" spans="8:8">
      <c r="H220498" s="12"/>
    </row>
    <row r="220499" spans="8:8">
      <c r="H220499" s="12"/>
    </row>
    <row r="220500" spans="8:8">
      <c r="H220500" s="12"/>
    </row>
    <row r="220501" spans="8:8">
      <c r="H220501" s="12"/>
    </row>
    <row r="220502" spans="8:8">
      <c r="H220502" s="12"/>
    </row>
    <row r="220503" spans="8:8">
      <c r="H220503" s="12"/>
    </row>
    <row r="220504" spans="8:8">
      <c r="H220504" s="12"/>
    </row>
    <row r="220505" spans="8:8">
      <c r="H220505" s="12"/>
    </row>
    <row r="220506" spans="8:8">
      <c r="H220506" s="12"/>
    </row>
    <row r="220507" spans="8:8">
      <c r="H220507" s="12"/>
    </row>
    <row r="220508" spans="8:8">
      <c r="H220508" s="12"/>
    </row>
    <row r="220509" spans="8:8">
      <c r="H220509" s="12"/>
    </row>
    <row r="220510" spans="8:8">
      <c r="H220510" s="12"/>
    </row>
    <row r="220511" spans="8:8">
      <c r="H220511" s="12"/>
    </row>
    <row r="220512" spans="8:8">
      <c r="H220512" s="12"/>
    </row>
    <row r="220513" spans="8:8">
      <c r="H220513" s="12"/>
    </row>
    <row r="220514" spans="8:8">
      <c r="H220514" s="12"/>
    </row>
    <row r="220515" spans="8:8">
      <c r="H220515" s="12"/>
    </row>
    <row r="220516" spans="8:8">
      <c r="H220516" s="12"/>
    </row>
    <row r="220517" spans="8:8">
      <c r="H220517" s="12"/>
    </row>
    <row r="220518" spans="8:8">
      <c r="H220518" s="12"/>
    </row>
    <row r="220519" spans="8:8">
      <c r="H220519" s="12"/>
    </row>
    <row r="220520" spans="8:8">
      <c r="H220520" s="12"/>
    </row>
    <row r="220521" spans="8:8">
      <c r="H220521" s="12"/>
    </row>
    <row r="220522" spans="8:8">
      <c r="H220522" s="12"/>
    </row>
    <row r="220523" spans="8:8">
      <c r="H220523" s="12"/>
    </row>
    <row r="220524" spans="8:8">
      <c r="H220524" s="12"/>
    </row>
    <row r="220525" spans="8:8">
      <c r="H220525" s="12"/>
    </row>
    <row r="220526" spans="8:8">
      <c r="H220526" s="12"/>
    </row>
    <row r="220527" spans="8:8">
      <c r="H220527" s="12"/>
    </row>
    <row r="220528" spans="8:8">
      <c r="H220528" s="12"/>
    </row>
    <row r="220529" spans="8:8">
      <c r="H220529" s="12"/>
    </row>
    <row r="220530" spans="8:8">
      <c r="H220530" s="12"/>
    </row>
    <row r="220531" spans="8:8">
      <c r="H220531" s="12"/>
    </row>
    <row r="220532" spans="8:8">
      <c r="H220532" s="12"/>
    </row>
    <row r="220533" spans="8:8">
      <c r="H220533" s="12"/>
    </row>
    <row r="220534" spans="8:8">
      <c r="H220534" s="12"/>
    </row>
    <row r="220535" spans="8:8">
      <c r="H220535" s="12"/>
    </row>
    <row r="220536" spans="8:8">
      <c r="H220536" s="12"/>
    </row>
    <row r="220537" spans="8:8">
      <c r="H220537" s="12"/>
    </row>
    <row r="220538" spans="8:8">
      <c r="H220538" s="12"/>
    </row>
    <row r="220539" spans="8:8">
      <c r="H220539" s="12"/>
    </row>
    <row r="220540" spans="8:8">
      <c r="H220540" s="12"/>
    </row>
    <row r="220541" spans="8:8">
      <c r="H220541" s="12"/>
    </row>
    <row r="220542" spans="8:8">
      <c r="H220542" s="12"/>
    </row>
    <row r="220543" spans="8:8">
      <c r="H220543" s="12"/>
    </row>
    <row r="220544" spans="8:8">
      <c r="H220544" s="12"/>
    </row>
    <row r="220545" spans="8:8">
      <c r="H220545" s="12"/>
    </row>
    <row r="220546" spans="8:8">
      <c r="H220546" s="12"/>
    </row>
    <row r="220547" spans="8:8">
      <c r="H220547" s="12"/>
    </row>
    <row r="220548" spans="8:8">
      <c r="H220548" s="12"/>
    </row>
    <row r="220549" spans="8:8">
      <c r="H220549" s="12"/>
    </row>
    <row r="220550" spans="8:8">
      <c r="H220550" s="12"/>
    </row>
    <row r="220551" spans="8:8">
      <c r="H220551" s="12"/>
    </row>
    <row r="220552" spans="8:8">
      <c r="H220552" s="12"/>
    </row>
    <row r="220553" spans="8:8">
      <c r="H220553" s="12"/>
    </row>
    <row r="220554" spans="8:8">
      <c r="H220554" s="12"/>
    </row>
    <row r="220555" spans="8:8">
      <c r="H220555" s="12"/>
    </row>
    <row r="220556" spans="8:8">
      <c r="H220556" s="12"/>
    </row>
    <row r="220557" spans="8:8">
      <c r="H220557" s="12"/>
    </row>
    <row r="220558" spans="8:8">
      <c r="H220558" s="12"/>
    </row>
    <row r="220559" spans="8:8">
      <c r="H220559" s="12"/>
    </row>
    <row r="220560" spans="8:8">
      <c r="H220560" s="12"/>
    </row>
    <row r="220561" spans="8:8">
      <c r="H220561" s="12"/>
    </row>
    <row r="220562" spans="8:8">
      <c r="H220562" s="12"/>
    </row>
    <row r="220563" spans="8:8">
      <c r="H220563" s="12"/>
    </row>
    <row r="220564" spans="8:8">
      <c r="H220564" s="12"/>
    </row>
    <row r="220565" spans="8:8">
      <c r="H220565" s="12"/>
    </row>
    <row r="220566" spans="8:8">
      <c r="H220566" s="12"/>
    </row>
    <row r="220567" spans="8:8">
      <c r="H220567" s="12"/>
    </row>
    <row r="220568" spans="8:8">
      <c r="H220568" s="12"/>
    </row>
    <row r="220569" spans="8:8">
      <c r="H220569" s="12"/>
    </row>
    <row r="220570" spans="8:8">
      <c r="H220570" s="12"/>
    </row>
    <row r="220571" spans="8:8">
      <c r="H220571" s="12"/>
    </row>
    <row r="220572" spans="8:8">
      <c r="H220572" s="12"/>
    </row>
    <row r="220573" spans="8:8">
      <c r="H220573" s="12"/>
    </row>
    <row r="220574" spans="8:8">
      <c r="H220574" s="12"/>
    </row>
    <row r="220575" spans="8:8">
      <c r="H220575" s="12"/>
    </row>
    <row r="220576" spans="8:8">
      <c r="H220576" s="12"/>
    </row>
    <row r="220577" spans="8:8">
      <c r="H220577" s="12"/>
    </row>
    <row r="220578" spans="8:8">
      <c r="H220578" s="12"/>
    </row>
    <row r="220579" spans="8:8">
      <c r="H220579" s="12"/>
    </row>
    <row r="220580" spans="8:8">
      <c r="H220580" s="12"/>
    </row>
    <row r="220581" spans="8:8">
      <c r="H220581" s="12"/>
    </row>
    <row r="220582" spans="8:8">
      <c r="H220582" s="12"/>
    </row>
    <row r="220583" spans="8:8">
      <c r="H220583" s="12"/>
    </row>
    <row r="220584" spans="8:8">
      <c r="H220584" s="12"/>
    </row>
    <row r="220585" spans="8:8">
      <c r="H220585" s="12"/>
    </row>
    <row r="220586" spans="8:8">
      <c r="H220586" s="12"/>
    </row>
    <row r="220587" spans="8:8">
      <c r="H220587" s="12"/>
    </row>
    <row r="220588" spans="8:8">
      <c r="H220588" s="12"/>
    </row>
    <row r="220589" spans="8:8">
      <c r="H220589" s="12"/>
    </row>
    <row r="220590" spans="8:8">
      <c r="H220590" s="12"/>
    </row>
    <row r="220591" spans="8:8">
      <c r="H220591" s="12"/>
    </row>
    <row r="220592" spans="8:8">
      <c r="H220592" s="12"/>
    </row>
    <row r="220593" spans="8:8">
      <c r="H220593" s="12"/>
    </row>
    <row r="220594" spans="8:8">
      <c r="H220594" s="12"/>
    </row>
    <row r="220595" spans="8:8">
      <c r="H220595" s="12"/>
    </row>
    <row r="220596" spans="8:8">
      <c r="H220596" s="12"/>
    </row>
    <row r="220597" spans="8:8">
      <c r="H220597" s="12"/>
    </row>
    <row r="220598" spans="8:8">
      <c r="H220598" s="12"/>
    </row>
    <row r="220599" spans="8:8">
      <c r="H220599" s="12"/>
    </row>
    <row r="220600" spans="8:8">
      <c r="H220600" s="12"/>
    </row>
    <row r="220601" spans="8:8">
      <c r="H220601" s="12"/>
    </row>
    <row r="220602" spans="8:8">
      <c r="H220602" s="12"/>
    </row>
    <row r="220603" spans="8:8">
      <c r="H220603" s="12"/>
    </row>
    <row r="220604" spans="8:8">
      <c r="H220604" s="12"/>
    </row>
    <row r="220605" spans="8:8">
      <c r="H220605" s="12"/>
    </row>
    <row r="220606" spans="8:8">
      <c r="H220606" s="12"/>
    </row>
    <row r="220607" spans="8:8">
      <c r="H220607" s="12"/>
    </row>
    <row r="220608" spans="8:8">
      <c r="H220608" s="12"/>
    </row>
    <row r="220609" spans="8:8">
      <c r="H220609" s="12"/>
    </row>
    <row r="220610" spans="8:8">
      <c r="H220610" s="12"/>
    </row>
    <row r="220611" spans="8:8">
      <c r="H220611" s="12"/>
    </row>
    <row r="220612" spans="8:8">
      <c r="H220612" s="12"/>
    </row>
    <row r="220613" spans="8:8">
      <c r="H220613" s="12"/>
    </row>
    <row r="220614" spans="8:8">
      <c r="H220614" s="12"/>
    </row>
    <row r="220615" spans="8:8">
      <c r="H220615" s="12"/>
    </row>
    <row r="220616" spans="8:8">
      <c r="H220616" s="12"/>
    </row>
    <row r="220617" spans="8:8">
      <c r="H220617" s="12"/>
    </row>
    <row r="220618" spans="8:8">
      <c r="H220618" s="12"/>
    </row>
    <row r="220619" spans="8:8">
      <c r="H220619" s="12"/>
    </row>
    <row r="220620" spans="8:8">
      <c r="H220620" s="12"/>
    </row>
    <row r="220621" spans="8:8">
      <c r="H220621" s="12"/>
    </row>
    <row r="220622" spans="8:8">
      <c r="H220622" s="12"/>
    </row>
    <row r="220623" spans="8:8">
      <c r="H220623" s="12"/>
    </row>
    <row r="220624" spans="8:8">
      <c r="H220624" s="12"/>
    </row>
    <row r="220625" spans="8:8">
      <c r="H220625" s="12"/>
    </row>
    <row r="220626" spans="8:8">
      <c r="H220626" s="12"/>
    </row>
    <row r="220627" spans="8:8">
      <c r="H220627" s="12"/>
    </row>
    <row r="220628" spans="8:8">
      <c r="H220628" s="12"/>
    </row>
    <row r="220629" spans="8:8">
      <c r="H220629" s="12"/>
    </row>
    <row r="220630" spans="8:8">
      <c r="H220630" s="12"/>
    </row>
    <row r="220631" spans="8:8">
      <c r="H220631" s="12"/>
    </row>
    <row r="220632" spans="8:8">
      <c r="H220632" s="12"/>
    </row>
    <row r="220633" spans="8:8">
      <c r="H220633" s="12"/>
    </row>
    <row r="220634" spans="8:8">
      <c r="H220634" s="12"/>
    </row>
    <row r="220635" spans="8:8">
      <c r="H220635" s="12"/>
    </row>
    <row r="220636" spans="8:8">
      <c r="H220636" s="12"/>
    </row>
    <row r="220637" spans="8:8">
      <c r="H220637" s="12"/>
    </row>
    <row r="220638" spans="8:8">
      <c r="H220638" s="12"/>
    </row>
    <row r="220639" spans="8:8">
      <c r="H220639" s="12"/>
    </row>
    <row r="220640" spans="8:8">
      <c r="H220640" s="12"/>
    </row>
    <row r="220641" spans="8:8">
      <c r="H220641" s="12"/>
    </row>
    <row r="220642" spans="8:8">
      <c r="H220642" s="12"/>
    </row>
    <row r="220643" spans="8:8">
      <c r="H220643" s="12"/>
    </row>
    <row r="220644" spans="8:8">
      <c r="H220644" s="12"/>
    </row>
    <row r="220645" spans="8:8">
      <c r="H220645" s="12"/>
    </row>
    <row r="220646" spans="8:8">
      <c r="H220646" s="12"/>
    </row>
    <row r="220647" spans="8:8">
      <c r="H220647" s="12"/>
    </row>
    <row r="220648" spans="8:8">
      <c r="H220648" s="12"/>
    </row>
    <row r="220649" spans="8:8">
      <c r="H220649" s="12"/>
    </row>
    <row r="220650" spans="8:8">
      <c r="H220650" s="12"/>
    </row>
    <row r="220651" spans="8:8">
      <c r="H220651" s="12"/>
    </row>
    <row r="220652" spans="8:8">
      <c r="H220652" s="12"/>
    </row>
    <row r="220653" spans="8:8">
      <c r="H220653" s="12"/>
    </row>
    <row r="220654" spans="8:8">
      <c r="H220654" s="12"/>
    </row>
    <row r="220655" spans="8:8">
      <c r="H220655" s="12"/>
    </row>
    <row r="220656" spans="8:8">
      <c r="H220656" s="12"/>
    </row>
    <row r="220657" spans="8:8">
      <c r="H220657" s="12"/>
    </row>
    <row r="220658" spans="8:8">
      <c r="H220658" s="12"/>
    </row>
    <row r="220659" spans="8:8">
      <c r="H220659" s="12"/>
    </row>
    <row r="220660" spans="8:8">
      <c r="H220660" s="12"/>
    </row>
    <row r="220661" spans="8:8">
      <c r="H220661" s="12"/>
    </row>
    <row r="220662" spans="8:8">
      <c r="H220662" s="12"/>
    </row>
    <row r="220663" spans="8:8">
      <c r="H220663" s="12"/>
    </row>
    <row r="220664" spans="8:8">
      <c r="H220664" s="12"/>
    </row>
    <row r="220665" spans="8:8">
      <c r="H220665" s="12"/>
    </row>
    <row r="220666" spans="8:8">
      <c r="H220666" s="12"/>
    </row>
    <row r="220667" spans="8:8">
      <c r="H220667" s="12"/>
    </row>
    <row r="220668" spans="8:8">
      <c r="H220668" s="12"/>
    </row>
    <row r="220669" spans="8:8">
      <c r="H220669" s="12"/>
    </row>
    <row r="220670" spans="8:8">
      <c r="H220670" s="12"/>
    </row>
    <row r="220671" spans="8:8">
      <c r="H220671" s="12"/>
    </row>
    <row r="220672" spans="8:8">
      <c r="H220672" s="12"/>
    </row>
    <row r="220673" spans="8:8">
      <c r="H220673" s="12"/>
    </row>
    <row r="220674" spans="8:8">
      <c r="H220674" s="12"/>
    </row>
    <row r="220675" spans="8:8">
      <c r="H220675" s="12"/>
    </row>
    <row r="220676" spans="8:8">
      <c r="H220676" s="12"/>
    </row>
    <row r="220677" spans="8:8">
      <c r="H220677" s="12"/>
    </row>
    <row r="220678" spans="8:8">
      <c r="H220678" s="12"/>
    </row>
    <row r="220679" spans="8:8">
      <c r="H220679" s="12"/>
    </row>
    <row r="220680" spans="8:8">
      <c r="H220680" s="12"/>
    </row>
    <row r="220681" spans="8:8">
      <c r="H220681" s="12"/>
    </row>
    <row r="220682" spans="8:8">
      <c r="H220682" s="12"/>
    </row>
    <row r="220683" spans="8:8">
      <c r="H220683" s="12"/>
    </row>
    <row r="220684" spans="8:8">
      <c r="H220684" s="12"/>
    </row>
    <row r="220685" spans="8:8">
      <c r="H220685" s="12"/>
    </row>
    <row r="220686" spans="8:8">
      <c r="H220686" s="12"/>
    </row>
    <row r="220687" spans="8:8">
      <c r="H220687" s="12"/>
    </row>
    <row r="220688" spans="8:8">
      <c r="H220688" s="12"/>
    </row>
    <row r="220689" spans="8:8">
      <c r="H220689" s="12"/>
    </row>
    <row r="220690" spans="8:8">
      <c r="H220690" s="12"/>
    </row>
    <row r="220691" spans="8:8">
      <c r="H220691" s="12"/>
    </row>
    <row r="220692" spans="8:8">
      <c r="H220692" s="12"/>
    </row>
    <row r="220693" spans="8:8">
      <c r="H220693" s="12"/>
    </row>
    <row r="220694" spans="8:8">
      <c r="H220694" s="12"/>
    </row>
    <row r="220695" spans="8:8">
      <c r="H220695" s="12"/>
    </row>
    <row r="220696" spans="8:8">
      <c r="H220696" s="12"/>
    </row>
    <row r="220697" spans="8:8">
      <c r="H220697" s="12"/>
    </row>
    <row r="220698" spans="8:8">
      <c r="H220698" s="12"/>
    </row>
    <row r="220699" spans="8:8">
      <c r="H220699" s="12"/>
    </row>
    <row r="220700" spans="8:8">
      <c r="H220700" s="12"/>
    </row>
    <row r="220701" spans="8:8">
      <c r="H220701" s="12"/>
    </row>
    <row r="220702" spans="8:8">
      <c r="H220702" s="12"/>
    </row>
    <row r="220703" spans="8:8">
      <c r="H220703" s="12"/>
    </row>
    <row r="220704" spans="8:8">
      <c r="H220704" s="12"/>
    </row>
    <row r="220705" spans="8:8">
      <c r="H220705" s="12"/>
    </row>
    <row r="220706" spans="8:8">
      <c r="H220706" s="12"/>
    </row>
    <row r="220707" spans="8:8">
      <c r="H220707" s="12"/>
    </row>
    <row r="220708" spans="8:8">
      <c r="H220708" s="12"/>
    </row>
    <row r="220709" spans="8:8">
      <c r="H220709" s="12"/>
    </row>
    <row r="220710" spans="8:8">
      <c r="H220710" s="12"/>
    </row>
    <row r="220711" spans="8:8">
      <c r="H220711" s="12"/>
    </row>
    <row r="220712" spans="8:8">
      <c r="H220712" s="12"/>
    </row>
    <row r="220713" spans="8:8">
      <c r="H220713" s="12"/>
    </row>
    <row r="220714" spans="8:8">
      <c r="H220714" s="12"/>
    </row>
    <row r="220715" spans="8:8">
      <c r="H220715" s="12"/>
    </row>
    <row r="220716" spans="8:8">
      <c r="H220716" s="12"/>
    </row>
    <row r="220717" spans="8:8">
      <c r="H220717" s="12"/>
    </row>
    <row r="220718" spans="8:8">
      <c r="H220718" s="12"/>
    </row>
    <row r="220719" spans="8:8">
      <c r="H220719" s="12"/>
    </row>
    <row r="220720" spans="8:8">
      <c r="H220720" s="12"/>
    </row>
    <row r="220721" spans="8:8">
      <c r="H220721" s="12"/>
    </row>
    <row r="220722" spans="8:8">
      <c r="H220722" s="12"/>
    </row>
    <row r="220723" spans="8:8">
      <c r="H220723" s="12"/>
    </row>
    <row r="220724" spans="8:8">
      <c r="H220724" s="12"/>
    </row>
    <row r="220725" spans="8:8">
      <c r="H220725" s="12"/>
    </row>
    <row r="220726" spans="8:8">
      <c r="H220726" s="12"/>
    </row>
    <row r="220727" spans="8:8">
      <c r="H220727" s="12"/>
    </row>
    <row r="220728" spans="8:8">
      <c r="H220728" s="12"/>
    </row>
    <row r="220729" spans="8:8">
      <c r="H220729" s="12"/>
    </row>
    <row r="220730" spans="8:8">
      <c r="H220730" s="12"/>
    </row>
    <row r="220731" spans="8:8">
      <c r="H220731" s="12"/>
    </row>
    <row r="220732" spans="8:8">
      <c r="H220732" s="12"/>
    </row>
    <row r="220733" spans="8:8">
      <c r="H220733" s="12"/>
    </row>
    <row r="220734" spans="8:8">
      <c r="H220734" s="12"/>
    </row>
    <row r="220735" spans="8:8">
      <c r="H220735" s="12"/>
    </row>
    <row r="220736" spans="8:8">
      <c r="H220736" s="12"/>
    </row>
    <row r="220737" spans="8:8">
      <c r="H220737" s="12"/>
    </row>
    <row r="220738" spans="8:8">
      <c r="H220738" s="12"/>
    </row>
    <row r="220739" spans="8:8">
      <c r="H220739" s="12"/>
    </row>
    <row r="220740" spans="8:8">
      <c r="H220740" s="12"/>
    </row>
    <row r="220741" spans="8:8">
      <c r="H220741" s="12"/>
    </row>
    <row r="220742" spans="8:8">
      <c r="H220742" s="12"/>
    </row>
    <row r="220743" spans="8:8">
      <c r="H220743" s="12"/>
    </row>
    <row r="220744" spans="8:8">
      <c r="H220744" s="12"/>
    </row>
    <row r="220745" spans="8:8">
      <c r="H220745" s="12"/>
    </row>
    <row r="220746" spans="8:8">
      <c r="H220746" s="12"/>
    </row>
    <row r="220747" spans="8:8">
      <c r="H220747" s="12"/>
    </row>
    <row r="220748" spans="8:8">
      <c r="H220748" s="12"/>
    </row>
    <row r="220749" spans="8:8">
      <c r="H220749" s="12"/>
    </row>
    <row r="220750" spans="8:8">
      <c r="H220750" s="12"/>
    </row>
    <row r="220751" spans="8:8">
      <c r="H220751" s="12"/>
    </row>
    <row r="220752" spans="8:8">
      <c r="H220752" s="12"/>
    </row>
    <row r="220753" spans="8:8">
      <c r="H220753" s="12"/>
    </row>
    <row r="220754" spans="8:8">
      <c r="H220754" s="12"/>
    </row>
    <row r="220755" spans="8:8">
      <c r="H220755" s="12"/>
    </row>
    <row r="220756" spans="8:8">
      <c r="H220756" s="12"/>
    </row>
    <row r="220757" spans="8:8">
      <c r="H220757" s="12"/>
    </row>
    <row r="220758" spans="8:8">
      <c r="H220758" s="12"/>
    </row>
    <row r="220759" spans="8:8">
      <c r="H220759" s="12"/>
    </row>
    <row r="220760" spans="8:8">
      <c r="H220760" s="12"/>
    </row>
    <row r="220761" spans="8:8">
      <c r="H220761" s="12"/>
    </row>
    <row r="220762" spans="8:8">
      <c r="H220762" s="12"/>
    </row>
    <row r="220763" spans="8:8">
      <c r="H220763" s="12"/>
    </row>
    <row r="220764" spans="8:8">
      <c r="H220764" s="12"/>
    </row>
    <row r="220765" spans="8:8">
      <c r="H220765" s="12"/>
    </row>
    <row r="220766" spans="8:8">
      <c r="H220766" s="12"/>
    </row>
    <row r="220767" spans="8:8">
      <c r="H220767" s="12"/>
    </row>
    <row r="220768" spans="8:8">
      <c r="H220768" s="12"/>
    </row>
    <row r="220769" spans="8:8">
      <c r="H220769" s="12"/>
    </row>
    <row r="220770" spans="8:8">
      <c r="H220770" s="12"/>
    </row>
    <row r="220771" spans="8:8">
      <c r="H220771" s="12"/>
    </row>
    <row r="220772" spans="8:8">
      <c r="H220772" s="12"/>
    </row>
    <row r="220773" spans="8:8">
      <c r="H220773" s="12"/>
    </row>
    <row r="220774" spans="8:8">
      <c r="H220774" s="12"/>
    </row>
    <row r="220775" spans="8:8">
      <c r="H220775" s="12"/>
    </row>
    <row r="220776" spans="8:8">
      <c r="H220776" s="12"/>
    </row>
    <row r="220777" spans="8:8">
      <c r="H220777" s="12"/>
    </row>
    <row r="220778" spans="8:8">
      <c r="H220778" s="12"/>
    </row>
    <row r="220779" spans="8:8">
      <c r="H220779" s="12"/>
    </row>
    <row r="220780" spans="8:8">
      <c r="H220780" s="12"/>
    </row>
    <row r="220781" spans="8:8">
      <c r="H220781" s="12"/>
    </row>
    <row r="220782" spans="8:8">
      <c r="H220782" s="12"/>
    </row>
    <row r="220783" spans="8:8">
      <c r="H220783" s="12"/>
    </row>
    <row r="220784" spans="8:8">
      <c r="H220784" s="12"/>
    </row>
    <row r="220785" spans="8:8">
      <c r="H220785" s="12"/>
    </row>
    <row r="220786" spans="8:8">
      <c r="H220786" s="12"/>
    </row>
    <row r="220787" spans="8:8">
      <c r="H220787" s="12"/>
    </row>
    <row r="220788" spans="8:8">
      <c r="H220788" s="12"/>
    </row>
    <row r="220789" spans="8:8">
      <c r="H220789" s="12"/>
    </row>
    <row r="220790" spans="8:8">
      <c r="H220790" s="12"/>
    </row>
    <row r="220791" spans="8:8">
      <c r="H220791" s="12"/>
    </row>
    <row r="220792" spans="8:8">
      <c r="H220792" s="12"/>
    </row>
    <row r="220793" spans="8:8">
      <c r="H220793" s="12"/>
    </row>
    <row r="220794" spans="8:8">
      <c r="H220794" s="12"/>
    </row>
    <row r="220795" spans="8:8">
      <c r="H220795" s="12"/>
    </row>
    <row r="220796" spans="8:8">
      <c r="H220796" s="12"/>
    </row>
    <row r="220797" spans="8:8">
      <c r="H220797" s="12"/>
    </row>
    <row r="220798" spans="8:8">
      <c r="H220798" s="12"/>
    </row>
    <row r="220799" spans="8:8">
      <c r="H220799" s="12"/>
    </row>
    <row r="220800" spans="8:8">
      <c r="H220800" s="12"/>
    </row>
    <row r="220801" spans="8:8">
      <c r="H220801" s="12"/>
    </row>
    <row r="220802" spans="8:8">
      <c r="H220802" s="12"/>
    </row>
    <row r="220803" spans="8:8">
      <c r="H220803" s="12"/>
    </row>
    <row r="220804" spans="8:8">
      <c r="H220804" s="12"/>
    </row>
    <row r="220805" spans="8:8">
      <c r="H220805" s="12"/>
    </row>
    <row r="220806" spans="8:8">
      <c r="H220806" s="12"/>
    </row>
    <row r="220807" spans="8:8">
      <c r="H220807" s="12"/>
    </row>
    <row r="220808" spans="8:8">
      <c r="H220808" s="12"/>
    </row>
    <row r="220809" spans="8:8">
      <c r="H220809" s="12"/>
    </row>
    <row r="220810" spans="8:8">
      <c r="H220810" s="12"/>
    </row>
    <row r="220811" spans="8:8">
      <c r="H220811" s="12"/>
    </row>
    <row r="220812" spans="8:8">
      <c r="H220812" s="12"/>
    </row>
    <row r="220813" spans="8:8">
      <c r="H220813" s="12"/>
    </row>
    <row r="220814" spans="8:8">
      <c r="H220814" s="12"/>
    </row>
    <row r="220815" spans="8:8">
      <c r="H220815" s="12"/>
    </row>
    <row r="220816" spans="8:8">
      <c r="H220816" s="12"/>
    </row>
    <row r="220817" spans="8:8">
      <c r="H220817" s="12"/>
    </row>
    <row r="220818" spans="8:8">
      <c r="H220818" s="12"/>
    </row>
    <row r="220819" spans="8:8">
      <c r="H220819" s="12"/>
    </row>
    <row r="220820" spans="8:8">
      <c r="H220820" s="12"/>
    </row>
    <row r="220821" spans="8:8">
      <c r="H220821" s="12"/>
    </row>
    <row r="220822" spans="8:8">
      <c r="H220822" s="12"/>
    </row>
    <row r="220823" spans="8:8">
      <c r="H220823" s="12"/>
    </row>
    <row r="220824" spans="8:8">
      <c r="H220824" s="12"/>
    </row>
    <row r="220825" spans="8:8">
      <c r="H220825" s="12"/>
    </row>
    <row r="220826" spans="8:8">
      <c r="H220826" s="12"/>
    </row>
    <row r="220827" spans="8:8">
      <c r="H220827" s="12"/>
    </row>
    <row r="220828" spans="8:8">
      <c r="H220828" s="12"/>
    </row>
    <row r="220829" spans="8:8">
      <c r="H220829" s="12"/>
    </row>
    <row r="220830" spans="8:8">
      <c r="H220830" s="12"/>
    </row>
    <row r="220831" spans="8:8">
      <c r="H220831" s="12"/>
    </row>
    <row r="220832" spans="8:8">
      <c r="H220832" s="12"/>
    </row>
    <row r="220833" spans="8:8">
      <c r="H220833" s="12"/>
    </row>
    <row r="220834" spans="8:8">
      <c r="H220834" s="12"/>
    </row>
    <row r="220835" spans="8:8">
      <c r="H220835" s="12"/>
    </row>
    <row r="220836" spans="8:8">
      <c r="H220836" s="12"/>
    </row>
    <row r="220837" spans="8:8">
      <c r="H220837" s="12"/>
    </row>
    <row r="220838" spans="8:8">
      <c r="H220838" s="12"/>
    </row>
    <row r="220839" spans="8:8">
      <c r="H220839" s="12"/>
    </row>
    <row r="220840" spans="8:8">
      <c r="H220840" s="12"/>
    </row>
    <row r="220841" spans="8:8">
      <c r="H220841" s="12"/>
    </row>
    <row r="220842" spans="8:8">
      <c r="H220842" s="12"/>
    </row>
    <row r="220843" spans="8:8">
      <c r="H220843" s="12"/>
    </row>
    <row r="220844" spans="8:8">
      <c r="H220844" s="12"/>
    </row>
    <row r="220845" spans="8:8">
      <c r="H220845" s="12"/>
    </row>
    <row r="220846" spans="8:8">
      <c r="H220846" s="12"/>
    </row>
    <row r="220847" spans="8:8">
      <c r="H220847" s="12"/>
    </row>
    <row r="220848" spans="8:8">
      <c r="H220848" s="12"/>
    </row>
    <row r="220849" spans="8:8">
      <c r="H220849" s="12"/>
    </row>
    <row r="220850" spans="8:8">
      <c r="H220850" s="12"/>
    </row>
    <row r="220851" spans="8:8">
      <c r="H220851" s="12"/>
    </row>
    <row r="220852" spans="8:8">
      <c r="H220852" s="12"/>
    </row>
    <row r="220853" spans="8:8">
      <c r="H220853" s="12"/>
    </row>
    <row r="220854" spans="8:8">
      <c r="H220854" s="12"/>
    </row>
    <row r="220855" spans="8:8">
      <c r="H220855" s="12"/>
    </row>
    <row r="220856" spans="8:8">
      <c r="H220856" s="12"/>
    </row>
    <row r="220857" spans="8:8">
      <c r="H220857" s="12"/>
    </row>
    <row r="220858" spans="8:8">
      <c r="H220858" s="12"/>
    </row>
    <row r="220859" spans="8:8">
      <c r="H220859" s="12"/>
    </row>
    <row r="220860" spans="8:8">
      <c r="H220860" s="12"/>
    </row>
    <row r="220861" spans="8:8">
      <c r="H220861" s="12"/>
    </row>
    <row r="220862" spans="8:8">
      <c r="H220862" s="12"/>
    </row>
    <row r="220863" spans="8:8">
      <c r="H220863" s="12"/>
    </row>
    <row r="220864" spans="8:8">
      <c r="H220864" s="12"/>
    </row>
    <row r="220865" spans="8:8">
      <c r="H220865" s="12"/>
    </row>
    <row r="220866" spans="8:8">
      <c r="H220866" s="12"/>
    </row>
    <row r="220867" spans="8:8">
      <c r="H220867" s="12"/>
    </row>
    <row r="220868" spans="8:8">
      <c r="H220868" s="12"/>
    </row>
    <row r="220869" spans="8:8">
      <c r="H220869" s="12"/>
    </row>
    <row r="220870" spans="8:8">
      <c r="H220870" s="12"/>
    </row>
    <row r="220871" spans="8:8">
      <c r="H220871" s="12"/>
    </row>
    <row r="220872" spans="8:8">
      <c r="H220872" s="12"/>
    </row>
    <row r="220873" spans="8:8">
      <c r="H220873" s="12"/>
    </row>
    <row r="220874" spans="8:8">
      <c r="H220874" s="12"/>
    </row>
    <row r="220875" spans="8:8">
      <c r="H220875" s="12"/>
    </row>
    <row r="220876" spans="8:8">
      <c r="H220876" s="12"/>
    </row>
    <row r="220877" spans="8:8">
      <c r="H220877" s="12"/>
    </row>
    <row r="220878" spans="8:8">
      <c r="H220878" s="12"/>
    </row>
    <row r="220879" spans="8:8">
      <c r="H220879" s="12"/>
    </row>
    <row r="220880" spans="8:8">
      <c r="H220880" s="12"/>
    </row>
    <row r="220881" spans="8:8">
      <c r="H220881" s="12"/>
    </row>
    <row r="220882" spans="8:8">
      <c r="H220882" s="12"/>
    </row>
    <row r="220883" spans="8:8">
      <c r="H220883" s="12"/>
    </row>
    <row r="220884" spans="8:8">
      <c r="H220884" s="12"/>
    </row>
    <row r="220885" spans="8:8">
      <c r="H220885" s="12"/>
    </row>
    <row r="220886" spans="8:8">
      <c r="H220886" s="12"/>
    </row>
    <row r="220887" spans="8:8">
      <c r="H220887" s="12"/>
    </row>
    <row r="220888" spans="8:8">
      <c r="H220888" s="12"/>
    </row>
    <row r="220889" spans="8:8">
      <c r="H220889" s="12"/>
    </row>
    <row r="220890" spans="8:8">
      <c r="H220890" s="12"/>
    </row>
    <row r="220891" spans="8:8">
      <c r="H220891" s="12"/>
    </row>
    <row r="220892" spans="8:8">
      <c r="H220892" s="12"/>
    </row>
    <row r="220893" spans="8:8">
      <c r="H220893" s="12"/>
    </row>
    <row r="220894" spans="8:8">
      <c r="H220894" s="12"/>
    </row>
    <row r="220895" spans="8:8">
      <c r="H220895" s="12"/>
    </row>
    <row r="220896" spans="8:8">
      <c r="H220896" s="12"/>
    </row>
    <row r="220897" spans="8:8">
      <c r="H220897" s="12"/>
    </row>
    <row r="220898" spans="8:8">
      <c r="H220898" s="12"/>
    </row>
    <row r="220899" spans="8:8">
      <c r="H220899" s="12"/>
    </row>
    <row r="220900" spans="8:8">
      <c r="H220900" s="12"/>
    </row>
    <row r="220901" spans="8:8">
      <c r="H220901" s="12"/>
    </row>
    <row r="220902" spans="8:8">
      <c r="H220902" s="12"/>
    </row>
    <row r="220903" spans="8:8">
      <c r="H220903" s="12"/>
    </row>
    <row r="220904" spans="8:8">
      <c r="H220904" s="12"/>
    </row>
    <row r="220905" spans="8:8">
      <c r="H220905" s="12"/>
    </row>
    <row r="220906" spans="8:8">
      <c r="H220906" s="12"/>
    </row>
    <row r="220907" spans="8:8">
      <c r="H220907" s="12"/>
    </row>
    <row r="220908" spans="8:8">
      <c r="H220908" s="12"/>
    </row>
    <row r="220909" spans="8:8">
      <c r="H220909" s="12"/>
    </row>
    <row r="220910" spans="8:8">
      <c r="H220910" s="12"/>
    </row>
    <row r="220911" spans="8:8">
      <c r="H220911" s="12"/>
    </row>
    <row r="220912" spans="8:8">
      <c r="H220912" s="12"/>
    </row>
    <row r="220913" spans="8:8">
      <c r="H220913" s="12"/>
    </row>
    <row r="220914" spans="8:8">
      <c r="H220914" s="12"/>
    </row>
    <row r="220915" spans="8:8">
      <c r="H220915" s="12"/>
    </row>
    <row r="220916" spans="8:8">
      <c r="H220916" s="12"/>
    </row>
    <row r="220917" spans="8:8">
      <c r="H220917" s="12"/>
    </row>
    <row r="220918" spans="8:8">
      <c r="H220918" s="12"/>
    </row>
    <row r="220919" spans="8:8">
      <c r="H220919" s="12"/>
    </row>
    <row r="220920" spans="8:8">
      <c r="H220920" s="12"/>
    </row>
    <row r="220921" spans="8:8">
      <c r="H220921" s="12"/>
    </row>
    <row r="220922" spans="8:8">
      <c r="H220922" s="12"/>
    </row>
    <row r="220923" spans="8:8">
      <c r="H220923" s="12"/>
    </row>
    <row r="220924" spans="8:8">
      <c r="H220924" s="12"/>
    </row>
    <row r="220925" spans="8:8">
      <c r="H220925" s="12"/>
    </row>
    <row r="220926" spans="8:8">
      <c r="H220926" s="12"/>
    </row>
    <row r="220927" spans="8:8">
      <c r="H220927" s="12"/>
    </row>
    <row r="220928" spans="8:8">
      <c r="H220928" s="12"/>
    </row>
    <row r="220929" spans="8:8">
      <c r="H220929" s="12"/>
    </row>
    <row r="220930" spans="8:8">
      <c r="H220930" s="12"/>
    </row>
    <row r="220931" spans="8:8">
      <c r="H220931" s="12"/>
    </row>
    <row r="220932" spans="8:8">
      <c r="H220932" s="12"/>
    </row>
    <row r="220933" spans="8:8">
      <c r="H220933" s="12"/>
    </row>
    <row r="220934" spans="8:8">
      <c r="H220934" s="12"/>
    </row>
    <row r="220935" spans="8:8">
      <c r="H220935" s="12"/>
    </row>
    <row r="220936" spans="8:8">
      <c r="H220936" s="12"/>
    </row>
    <row r="220937" spans="8:8">
      <c r="H220937" s="12"/>
    </row>
    <row r="220938" spans="8:8">
      <c r="H220938" s="12"/>
    </row>
    <row r="220939" spans="8:8">
      <c r="H220939" s="12"/>
    </row>
    <row r="220940" spans="8:8">
      <c r="H220940" s="12"/>
    </row>
    <row r="220941" spans="8:8">
      <c r="H220941" s="12"/>
    </row>
    <row r="220942" spans="8:8">
      <c r="H220942" s="12"/>
    </row>
    <row r="220943" spans="8:8">
      <c r="H220943" s="12"/>
    </row>
    <row r="220944" spans="8:8">
      <c r="H220944" s="12"/>
    </row>
    <row r="220945" spans="8:8">
      <c r="H220945" s="12"/>
    </row>
    <row r="220946" spans="8:8">
      <c r="H220946" s="12"/>
    </row>
    <row r="220947" spans="8:8">
      <c r="H220947" s="12"/>
    </row>
    <row r="220948" spans="8:8">
      <c r="H220948" s="12"/>
    </row>
    <row r="220949" spans="8:8">
      <c r="H220949" s="12"/>
    </row>
    <row r="220950" spans="8:8">
      <c r="H220950" s="12"/>
    </row>
    <row r="220951" spans="8:8">
      <c r="H220951" s="12"/>
    </row>
    <row r="220952" spans="8:8">
      <c r="H220952" s="12"/>
    </row>
    <row r="220953" spans="8:8">
      <c r="H220953" s="12"/>
    </row>
    <row r="220954" spans="8:8">
      <c r="H220954" s="12"/>
    </row>
    <row r="220955" spans="8:8">
      <c r="H220955" s="12"/>
    </row>
    <row r="220956" spans="8:8">
      <c r="H220956" s="12"/>
    </row>
    <row r="220957" spans="8:8">
      <c r="H220957" s="12"/>
    </row>
    <row r="220958" spans="8:8">
      <c r="H220958" s="12"/>
    </row>
    <row r="220959" spans="8:8">
      <c r="H220959" s="12"/>
    </row>
    <row r="220960" spans="8:8">
      <c r="H220960" s="12"/>
    </row>
    <row r="220961" spans="8:8">
      <c r="H220961" s="12"/>
    </row>
    <row r="220962" spans="8:8">
      <c r="H220962" s="12"/>
    </row>
    <row r="220963" spans="8:8">
      <c r="H220963" s="12"/>
    </row>
    <row r="220964" spans="8:8">
      <c r="H220964" s="12"/>
    </row>
    <row r="220965" spans="8:8">
      <c r="H220965" s="12"/>
    </row>
    <row r="220966" spans="8:8">
      <c r="H220966" s="12"/>
    </row>
    <row r="220967" spans="8:8">
      <c r="H220967" s="12"/>
    </row>
    <row r="220968" spans="8:8">
      <c r="H220968" s="12"/>
    </row>
    <row r="220969" spans="8:8">
      <c r="H220969" s="12"/>
    </row>
    <row r="220970" spans="8:8">
      <c r="H220970" s="12"/>
    </row>
    <row r="220971" spans="8:8">
      <c r="H220971" s="12"/>
    </row>
    <row r="220972" spans="8:8">
      <c r="H220972" s="12"/>
    </row>
    <row r="220973" spans="8:8">
      <c r="H220973" s="12"/>
    </row>
    <row r="220974" spans="8:8">
      <c r="H220974" s="12"/>
    </row>
    <row r="220975" spans="8:8">
      <c r="H220975" s="12"/>
    </row>
    <row r="220976" spans="8:8">
      <c r="H220976" s="12"/>
    </row>
    <row r="220977" spans="8:8">
      <c r="H220977" s="12"/>
    </row>
    <row r="220978" spans="8:8">
      <c r="H220978" s="12"/>
    </row>
    <row r="220979" spans="8:8">
      <c r="H220979" s="12"/>
    </row>
    <row r="220980" spans="8:8">
      <c r="H220980" s="12"/>
    </row>
    <row r="220981" spans="8:8">
      <c r="H220981" s="12"/>
    </row>
    <row r="220982" spans="8:8">
      <c r="H220982" s="12"/>
    </row>
    <row r="220983" spans="8:8">
      <c r="H220983" s="12"/>
    </row>
    <row r="220984" spans="8:8">
      <c r="H220984" s="12"/>
    </row>
    <row r="220985" spans="8:8">
      <c r="H220985" s="12"/>
    </row>
    <row r="220986" spans="8:8">
      <c r="H220986" s="12"/>
    </row>
    <row r="220987" spans="8:8">
      <c r="H220987" s="12"/>
    </row>
    <row r="220988" spans="8:8">
      <c r="H220988" s="12"/>
    </row>
    <row r="220989" spans="8:8">
      <c r="H220989" s="12"/>
    </row>
    <row r="220990" spans="8:8">
      <c r="H220990" s="12"/>
    </row>
    <row r="220991" spans="8:8">
      <c r="H220991" s="12"/>
    </row>
    <row r="220992" spans="8:8">
      <c r="H220992" s="12"/>
    </row>
    <row r="220993" spans="8:8">
      <c r="H220993" s="12"/>
    </row>
    <row r="220994" spans="8:8">
      <c r="H220994" s="12"/>
    </row>
    <row r="220995" spans="8:8">
      <c r="H220995" s="12"/>
    </row>
    <row r="220996" spans="8:8">
      <c r="H220996" s="12"/>
    </row>
    <row r="220997" spans="8:8">
      <c r="H220997" s="12"/>
    </row>
    <row r="220998" spans="8:8">
      <c r="H220998" s="12"/>
    </row>
    <row r="220999" spans="8:8">
      <c r="H220999" s="12"/>
    </row>
    <row r="221000" spans="8:8">
      <c r="H221000" s="12"/>
    </row>
    <row r="221001" spans="8:8">
      <c r="H221001" s="12"/>
    </row>
    <row r="221002" spans="8:8">
      <c r="H221002" s="12"/>
    </row>
    <row r="221003" spans="8:8">
      <c r="H221003" s="12"/>
    </row>
    <row r="221004" spans="8:8">
      <c r="H221004" s="12"/>
    </row>
    <row r="221005" spans="8:8">
      <c r="H221005" s="12"/>
    </row>
    <row r="221006" spans="8:8">
      <c r="H221006" s="12"/>
    </row>
    <row r="221007" spans="8:8">
      <c r="H221007" s="12"/>
    </row>
    <row r="221008" spans="8:8">
      <c r="H221008" s="12"/>
    </row>
    <row r="221009" spans="8:8">
      <c r="H221009" s="12"/>
    </row>
    <row r="221010" spans="8:8">
      <c r="H221010" s="12"/>
    </row>
    <row r="221011" spans="8:8">
      <c r="H221011" s="12"/>
    </row>
    <row r="221012" spans="8:8">
      <c r="H221012" s="12"/>
    </row>
    <row r="221013" spans="8:8">
      <c r="H221013" s="12"/>
    </row>
    <row r="221014" spans="8:8">
      <c r="H221014" s="12"/>
    </row>
    <row r="221015" spans="8:8">
      <c r="H221015" s="12"/>
    </row>
    <row r="221016" spans="8:8">
      <c r="H221016" s="12"/>
    </row>
    <row r="221017" spans="8:8">
      <c r="H221017" s="12"/>
    </row>
    <row r="221018" spans="8:8">
      <c r="H221018" s="12"/>
    </row>
    <row r="221019" spans="8:8">
      <c r="H221019" s="12"/>
    </row>
    <row r="221020" spans="8:8">
      <c r="H221020" s="12"/>
    </row>
    <row r="221021" spans="8:8">
      <c r="H221021" s="12"/>
    </row>
    <row r="221022" spans="8:8">
      <c r="H221022" s="12"/>
    </row>
    <row r="221023" spans="8:8">
      <c r="H221023" s="12"/>
    </row>
    <row r="221024" spans="8:8">
      <c r="H221024" s="12"/>
    </row>
    <row r="221025" spans="8:8">
      <c r="H221025" s="12"/>
    </row>
    <row r="221026" spans="8:8">
      <c r="H221026" s="12"/>
    </row>
    <row r="221027" spans="8:8">
      <c r="H221027" s="12"/>
    </row>
    <row r="221028" spans="8:8">
      <c r="H221028" s="12"/>
    </row>
    <row r="221029" spans="8:8">
      <c r="H221029" s="12"/>
    </row>
    <row r="221030" spans="8:8">
      <c r="H221030" s="12"/>
    </row>
    <row r="221031" spans="8:8">
      <c r="H221031" s="12"/>
    </row>
    <row r="221032" spans="8:8">
      <c r="H221032" s="12"/>
    </row>
    <row r="221033" spans="8:8">
      <c r="H221033" s="12"/>
    </row>
    <row r="221034" spans="8:8">
      <c r="H221034" s="12"/>
    </row>
    <row r="221035" spans="8:8">
      <c r="H221035" s="12"/>
    </row>
    <row r="221036" spans="8:8">
      <c r="H221036" s="12"/>
    </row>
    <row r="221037" spans="8:8">
      <c r="H221037" s="12"/>
    </row>
    <row r="221038" spans="8:8">
      <c r="H221038" s="12"/>
    </row>
    <row r="221039" spans="8:8">
      <c r="H221039" s="12"/>
    </row>
    <row r="221040" spans="8:8">
      <c r="H221040" s="12"/>
    </row>
    <row r="221041" spans="8:8">
      <c r="H221041" s="12"/>
    </row>
    <row r="221042" spans="8:8">
      <c r="H221042" s="12"/>
    </row>
    <row r="221043" spans="8:8">
      <c r="H221043" s="12"/>
    </row>
    <row r="221044" spans="8:8">
      <c r="H221044" s="12"/>
    </row>
    <row r="221045" spans="8:8">
      <c r="H221045" s="12"/>
    </row>
    <row r="221046" spans="8:8">
      <c r="H221046" s="12"/>
    </row>
    <row r="221047" spans="8:8">
      <c r="H221047" s="12"/>
    </row>
    <row r="221048" spans="8:8">
      <c r="H221048" s="12"/>
    </row>
    <row r="221049" spans="8:8">
      <c r="H221049" s="12"/>
    </row>
    <row r="221050" spans="8:8">
      <c r="H221050" s="12"/>
    </row>
    <row r="221051" spans="8:8">
      <c r="H221051" s="12"/>
    </row>
    <row r="221052" spans="8:8">
      <c r="H221052" s="12"/>
    </row>
    <row r="221053" spans="8:8">
      <c r="H221053" s="12"/>
    </row>
    <row r="221054" spans="8:8">
      <c r="H221054" s="12"/>
    </row>
    <row r="221055" spans="8:8">
      <c r="H221055" s="12"/>
    </row>
    <row r="221056" spans="8:8">
      <c r="H221056" s="12"/>
    </row>
    <row r="221057" spans="8:8">
      <c r="H221057" s="12"/>
    </row>
    <row r="221058" spans="8:8">
      <c r="H221058" s="12"/>
    </row>
    <row r="221059" spans="8:8">
      <c r="H221059" s="12"/>
    </row>
    <row r="221060" spans="8:8">
      <c r="H221060" s="12"/>
    </row>
    <row r="221061" spans="8:8">
      <c r="H221061" s="12"/>
    </row>
    <row r="221062" spans="8:8">
      <c r="H221062" s="12"/>
    </row>
    <row r="221063" spans="8:8">
      <c r="H221063" s="12"/>
    </row>
    <row r="221064" spans="8:8">
      <c r="H221064" s="12"/>
    </row>
    <row r="221065" spans="8:8">
      <c r="H221065" s="12"/>
    </row>
    <row r="221066" spans="8:8">
      <c r="H221066" s="12"/>
    </row>
    <row r="221067" spans="8:8">
      <c r="H221067" s="12"/>
    </row>
    <row r="221068" spans="8:8">
      <c r="H221068" s="12"/>
    </row>
    <row r="221069" spans="8:8">
      <c r="H221069" s="12"/>
    </row>
    <row r="221070" spans="8:8">
      <c r="H221070" s="12"/>
    </row>
    <row r="221071" spans="8:8">
      <c r="H221071" s="12"/>
    </row>
    <row r="221072" spans="8:8">
      <c r="H221072" s="12"/>
    </row>
    <row r="221073" spans="8:8">
      <c r="H221073" s="12"/>
    </row>
    <row r="221074" spans="8:8">
      <c r="H221074" s="12"/>
    </row>
    <row r="221075" spans="8:8">
      <c r="H221075" s="12"/>
    </row>
    <row r="221076" spans="8:8">
      <c r="H221076" s="12"/>
    </row>
    <row r="221077" spans="8:8">
      <c r="H221077" s="12"/>
    </row>
    <row r="221078" spans="8:8">
      <c r="H221078" s="12"/>
    </row>
    <row r="221079" spans="8:8">
      <c r="H221079" s="12"/>
    </row>
    <row r="221080" spans="8:8">
      <c r="H221080" s="12"/>
    </row>
    <row r="221081" spans="8:8">
      <c r="H221081" s="12"/>
    </row>
    <row r="221082" spans="8:8">
      <c r="H221082" s="12"/>
    </row>
    <row r="221083" spans="8:8">
      <c r="H221083" s="12"/>
    </row>
    <row r="221084" spans="8:8">
      <c r="H221084" s="12"/>
    </row>
    <row r="221085" spans="8:8">
      <c r="H221085" s="12"/>
    </row>
    <row r="221086" spans="8:8">
      <c r="H221086" s="12"/>
    </row>
    <row r="221087" spans="8:8">
      <c r="H221087" s="12"/>
    </row>
    <row r="221088" spans="8:8">
      <c r="H221088" s="12"/>
    </row>
    <row r="221089" spans="8:8">
      <c r="H221089" s="12"/>
    </row>
    <row r="221090" spans="8:8">
      <c r="H221090" s="12"/>
    </row>
    <row r="221091" spans="8:8">
      <c r="H221091" s="12"/>
    </row>
    <row r="221092" spans="8:8">
      <c r="H221092" s="12"/>
    </row>
    <row r="221093" spans="8:8">
      <c r="H221093" s="12"/>
    </row>
    <row r="221094" spans="8:8">
      <c r="H221094" s="12"/>
    </row>
    <row r="221095" spans="8:8">
      <c r="H221095" s="12"/>
    </row>
    <row r="221096" spans="8:8">
      <c r="H221096" s="12"/>
    </row>
    <row r="221097" spans="8:8">
      <c r="H221097" s="12"/>
    </row>
    <row r="221098" spans="8:8">
      <c r="H221098" s="12"/>
    </row>
    <row r="221099" spans="8:8">
      <c r="H221099" s="12"/>
    </row>
    <row r="221100" spans="8:8">
      <c r="H221100" s="12"/>
    </row>
    <row r="221101" spans="8:8">
      <c r="H221101" s="12"/>
    </row>
    <row r="221102" spans="8:8">
      <c r="H221102" s="12"/>
    </row>
    <row r="221103" spans="8:8">
      <c r="H221103" s="12"/>
    </row>
    <row r="221104" spans="8:8">
      <c r="H221104" s="12"/>
    </row>
    <row r="221105" spans="8:8">
      <c r="H221105" s="12"/>
    </row>
    <row r="221106" spans="8:8">
      <c r="H221106" s="12"/>
    </row>
    <row r="221107" spans="8:8">
      <c r="H221107" s="12"/>
    </row>
    <row r="221108" spans="8:8">
      <c r="H221108" s="12"/>
    </row>
    <row r="221109" spans="8:8">
      <c r="H221109" s="12"/>
    </row>
    <row r="221110" spans="8:8">
      <c r="H221110" s="12"/>
    </row>
    <row r="221111" spans="8:8">
      <c r="H221111" s="12"/>
    </row>
    <row r="221112" spans="8:8">
      <c r="H221112" s="12"/>
    </row>
    <row r="221113" spans="8:8">
      <c r="H221113" s="12"/>
    </row>
    <row r="221114" spans="8:8">
      <c r="H221114" s="12"/>
    </row>
    <row r="221115" spans="8:8">
      <c r="H221115" s="12"/>
    </row>
    <row r="221116" spans="8:8">
      <c r="H221116" s="12"/>
    </row>
    <row r="221117" spans="8:8">
      <c r="H221117" s="12"/>
    </row>
    <row r="221118" spans="8:8">
      <c r="H221118" s="12"/>
    </row>
    <row r="221119" spans="8:8">
      <c r="H221119" s="12"/>
    </row>
    <row r="221120" spans="8:8">
      <c r="H221120" s="12"/>
    </row>
    <row r="221121" spans="8:8">
      <c r="H221121" s="12"/>
    </row>
    <row r="221122" spans="8:8">
      <c r="H221122" s="12"/>
    </row>
    <row r="221123" spans="8:8">
      <c r="H221123" s="12"/>
    </row>
    <row r="221124" spans="8:8">
      <c r="H221124" s="12"/>
    </row>
    <row r="221125" spans="8:8">
      <c r="H221125" s="12"/>
    </row>
    <row r="221126" spans="8:8">
      <c r="H221126" s="12"/>
    </row>
    <row r="221127" spans="8:8">
      <c r="H221127" s="12"/>
    </row>
    <row r="221128" spans="8:8">
      <c r="H221128" s="12"/>
    </row>
    <row r="221129" spans="8:8">
      <c r="H221129" s="12"/>
    </row>
    <row r="221130" spans="8:8">
      <c r="H221130" s="12"/>
    </row>
    <row r="221131" spans="8:8">
      <c r="H221131" s="12"/>
    </row>
    <row r="221132" spans="8:8">
      <c r="H221132" s="12"/>
    </row>
    <row r="221133" spans="8:8">
      <c r="H221133" s="12"/>
    </row>
    <row r="221134" spans="8:8">
      <c r="H221134" s="12"/>
    </row>
    <row r="221135" spans="8:8">
      <c r="H221135" s="12"/>
    </row>
    <row r="221136" spans="8:8">
      <c r="H221136" s="12"/>
    </row>
    <row r="221137" spans="8:8">
      <c r="H221137" s="12"/>
    </row>
    <row r="221138" spans="8:8">
      <c r="H221138" s="12"/>
    </row>
    <row r="221139" spans="8:8">
      <c r="H221139" s="12"/>
    </row>
    <row r="221140" spans="8:8">
      <c r="H221140" s="12"/>
    </row>
    <row r="221141" spans="8:8">
      <c r="H221141" s="12"/>
    </row>
    <row r="221142" spans="8:8">
      <c r="H221142" s="12"/>
    </row>
    <row r="221143" spans="8:8">
      <c r="H221143" s="12"/>
    </row>
    <row r="221144" spans="8:8">
      <c r="H221144" s="12"/>
    </row>
    <row r="221145" spans="8:8">
      <c r="H221145" s="12"/>
    </row>
    <row r="221146" spans="8:8">
      <c r="H221146" s="12"/>
    </row>
    <row r="221147" spans="8:8">
      <c r="H221147" s="12"/>
    </row>
    <row r="221148" spans="8:8">
      <c r="H221148" s="12"/>
    </row>
    <row r="221149" spans="8:8">
      <c r="H221149" s="12"/>
    </row>
    <row r="221150" spans="8:8">
      <c r="H221150" s="12"/>
    </row>
    <row r="221151" spans="8:8">
      <c r="H221151" s="12"/>
    </row>
    <row r="221152" spans="8:8">
      <c r="H221152" s="12"/>
    </row>
    <row r="221153" spans="8:8">
      <c r="H221153" s="12"/>
    </row>
    <row r="221154" spans="8:8">
      <c r="H221154" s="12"/>
    </row>
    <row r="221155" spans="8:8">
      <c r="H221155" s="12"/>
    </row>
    <row r="221156" spans="8:8">
      <c r="H221156" s="12"/>
    </row>
    <row r="221157" spans="8:8">
      <c r="H221157" s="12"/>
    </row>
    <row r="221158" spans="8:8">
      <c r="H221158" s="12"/>
    </row>
    <row r="221159" spans="8:8">
      <c r="H221159" s="12"/>
    </row>
    <row r="221160" spans="8:8">
      <c r="H221160" s="12"/>
    </row>
    <row r="221161" spans="8:8">
      <c r="H221161" s="12"/>
    </row>
    <row r="221162" spans="8:8">
      <c r="H221162" s="12"/>
    </row>
    <row r="221163" spans="8:8">
      <c r="H221163" s="12"/>
    </row>
    <row r="221164" spans="8:8">
      <c r="H221164" s="12"/>
    </row>
    <row r="221165" spans="8:8">
      <c r="H221165" s="12"/>
    </row>
    <row r="221166" spans="8:8">
      <c r="H221166" s="12"/>
    </row>
    <row r="221167" spans="8:8">
      <c r="H221167" s="12"/>
    </row>
    <row r="221168" spans="8:8">
      <c r="H221168" s="12"/>
    </row>
    <row r="221169" spans="8:8">
      <c r="H221169" s="12"/>
    </row>
    <row r="221170" spans="8:8">
      <c r="H221170" s="12"/>
    </row>
    <row r="221171" spans="8:8">
      <c r="H221171" s="12"/>
    </row>
    <row r="221172" spans="8:8">
      <c r="H221172" s="12"/>
    </row>
    <row r="221173" spans="8:8">
      <c r="H221173" s="12"/>
    </row>
    <row r="221174" spans="8:8">
      <c r="H221174" s="12"/>
    </row>
    <row r="221175" spans="8:8">
      <c r="H221175" s="12"/>
    </row>
    <row r="221176" spans="8:8">
      <c r="H221176" s="12"/>
    </row>
    <row r="221177" spans="8:8">
      <c r="H221177" s="12"/>
    </row>
    <row r="221178" spans="8:8">
      <c r="H221178" s="12"/>
    </row>
    <row r="221179" spans="8:8">
      <c r="H221179" s="12"/>
    </row>
    <row r="221180" spans="8:8">
      <c r="H221180" s="12"/>
    </row>
    <row r="221181" spans="8:8">
      <c r="H221181" s="12"/>
    </row>
    <row r="221182" spans="8:8">
      <c r="H221182" s="12"/>
    </row>
    <row r="221183" spans="8:8">
      <c r="H221183" s="12"/>
    </row>
    <row r="221184" spans="8:8">
      <c r="H221184" s="12"/>
    </row>
    <row r="221185" spans="8:8">
      <c r="H221185" s="12"/>
    </row>
    <row r="221186" spans="8:8">
      <c r="H221186" s="12"/>
    </row>
    <row r="221187" spans="8:8">
      <c r="H221187" s="12"/>
    </row>
    <row r="221188" spans="8:8">
      <c r="H221188" s="12"/>
    </row>
    <row r="221189" spans="8:8">
      <c r="H221189" s="12"/>
    </row>
    <row r="221190" spans="8:8">
      <c r="H221190" s="12"/>
    </row>
    <row r="221191" spans="8:8">
      <c r="H221191" s="12"/>
    </row>
    <row r="221192" spans="8:8">
      <c r="H221192" s="12"/>
    </row>
    <row r="221193" spans="8:8">
      <c r="H221193" s="12"/>
    </row>
    <row r="221194" spans="8:8">
      <c r="H221194" s="12"/>
    </row>
    <row r="221195" spans="8:8">
      <c r="H221195" s="12"/>
    </row>
    <row r="221196" spans="8:8">
      <c r="H221196" s="12"/>
    </row>
    <row r="221197" spans="8:8">
      <c r="H221197" s="12"/>
    </row>
    <row r="221198" spans="8:8">
      <c r="H221198" s="12"/>
    </row>
    <row r="221199" spans="8:8">
      <c r="H221199" s="12"/>
    </row>
    <row r="221200" spans="8:8">
      <c r="H221200" s="12"/>
    </row>
    <row r="221201" spans="8:8">
      <c r="H221201" s="12"/>
    </row>
    <row r="221202" spans="8:8">
      <c r="H221202" s="12"/>
    </row>
    <row r="221203" spans="8:8">
      <c r="H221203" s="12"/>
    </row>
    <row r="221204" spans="8:8">
      <c r="H221204" s="12"/>
    </row>
    <row r="221205" spans="8:8">
      <c r="H221205" s="12"/>
    </row>
    <row r="221206" spans="8:8">
      <c r="H221206" s="12"/>
    </row>
    <row r="221207" spans="8:8">
      <c r="H221207" s="12"/>
    </row>
    <row r="221208" spans="8:8">
      <c r="H221208" s="12"/>
    </row>
    <row r="221209" spans="8:8">
      <c r="H221209" s="12"/>
    </row>
    <row r="221210" spans="8:8">
      <c r="H221210" s="12"/>
    </row>
    <row r="221211" spans="8:8">
      <c r="H221211" s="12"/>
    </row>
    <row r="221212" spans="8:8">
      <c r="H221212" s="12"/>
    </row>
    <row r="221213" spans="8:8">
      <c r="H221213" s="12"/>
    </row>
    <row r="221214" spans="8:8">
      <c r="H221214" s="12"/>
    </row>
    <row r="221215" spans="8:8">
      <c r="H221215" s="12"/>
    </row>
    <row r="221216" spans="8:8">
      <c r="H221216" s="12"/>
    </row>
    <row r="221217" spans="8:8">
      <c r="H221217" s="12"/>
    </row>
    <row r="221218" spans="8:8">
      <c r="H221218" s="12"/>
    </row>
    <row r="221219" spans="8:8">
      <c r="H221219" s="12"/>
    </row>
    <row r="221220" spans="8:8">
      <c r="H221220" s="12"/>
    </row>
    <row r="221221" spans="8:8">
      <c r="H221221" s="12"/>
    </row>
    <row r="221222" spans="8:8">
      <c r="H221222" s="12"/>
    </row>
    <row r="221223" spans="8:8">
      <c r="H221223" s="12"/>
    </row>
    <row r="221224" spans="8:8">
      <c r="H221224" s="12"/>
    </row>
    <row r="221225" spans="8:8">
      <c r="H221225" s="12"/>
    </row>
    <row r="221226" spans="8:8">
      <c r="H221226" s="12"/>
    </row>
    <row r="221227" spans="8:8">
      <c r="H221227" s="12"/>
    </row>
    <row r="221228" spans="8:8">
      <c r="H221228" s="12"/>
    </row>
    <row r="221229" spans="8:8">
      <c r="H221229" s="12"/>
    </row>
    <row r="221230" spans="8:8">
      <c r="H221230" s="12"/>
    </row>
    <row r="221231" spans="8:8">
      <c r="H221231" s="12"/>
    </row>
    <row r="221232" spans="8:8">
      <c r="H221232" s="12"/>
    </row>
    <row r="221233" spans="8:8">
      <c r="H221233" s="12"/>
    </row>
    <row r="221234" spans="8:8">
      <c r="H221234" s="12"/>
    </row>
    <row r="221235" spans="8:8">
      <c r="H221235" s="12"/>
    </row>
    <row r="221236" spans="8:8">
      <c r="H221236" s="12"/>
    </row>
    <row r="221237" spans="8:8">
      <c r="H221237" s="12"/>
    </row>
    <row r="221238" spans="8:8">
      <c r="H221238" s="12"/>
    </row>
    <row r="221239" spans="8:8">
      <c r="H221239" s="12"/>
    </row>
    <row r="221240" spans="8:8">
      <c r="H221240" s="12"/>
    </row>
    <row r="221241" spans="8:8">
      <c r="H221241" s="12"/>
    </row>
    <row r="221242" spans="8:8">
      <c r="H221242" s="12"/>
    </row>
    <row r="221243" spans="8:8">
      <c r="H221243" s="12"/>
    </row>
    <row r="221244" spans="8:8">
      <c r="H221244" s="12"/>
    </row>
    <row r="221245" spans="8:8">
      <c r="H221245" s="12"/>
    </row>
    <row r="221246" spans="8:8">
      <c r="H221246" s="12"/>
    </row>
    <row r="221247" spans="8:8">
      <c r="H221247" s="12"/>
    </row>
    <row r="221248" spans="8:8">
      <c r="H221248" s="12"/>
    </row>
    <row r="221249" spans="8:8">
      <c r="H221249" s="12"/>
    </row>
    <row r="221250" spans="8:8">
      <c r="H221250" s="12"/>
    </row>
    <row r="221251" spans="8:8">
      <c r="H221251" s="12"/>
    </row>
    <row r="221252" spans="8:8">
      <c r="H221252" s="12"/>
    </row>
    <row r="221253" spans="8:8">
      <c r="H221253" s="12"/>
    </row>
    <row r="221254" spans="8:8">
      <c r="H221254" s="12"/>
    </row>
    <row r="221255" spans="8:8">
      <c r="H221255" s="12"/>
    </row>
    <row r="221256" spans="8:8">
      <c r="H221256" s="12"/>
    </row>
    <row r="221257" spans="8:8">
      <c r="H221257" s="12"/>
    </row>
    <row r="221258" spans="8:8">
      <c r="H221258" s="12"/>
    </row>
    <row r="221259" spans="8:8">
      <c r="H221259" s="12"/>
    </row>
    <row r="221260" spans="8:8">
      <c r="H221260" s="12"/>
    </row>
    <row r="221261" spans="8:8">
      <c r="H221261" s="12"/>
    </row>
    <row r="221262" spans="8:8">
      <c r="H221262" s="12"/>
    </row>
    <row r="221263" spans="8:8">
      <c r="H221263" s="12"/>
    </row>
    <row r="221264" spans="8:8">
      <c r="H221264" s="12"/>
    </row>
    <row r="221265" spans="8:8">
      <c r="H221265" s="12"/>
    </row>
    <row r="221266" spans="8:8">
      <c r="H221266" s="12"/>
    </row>
    <row r="221267" spans="8:8">
      <c r="H221267" s="12"/>
    </row>
    <row r="221268" spans="8:8">
      <c r="H221268" s="12"/>
    </row>
    <row r="221269" spans="8:8">
      <c r="H221269" s="12"/>
    </row>
    <row r="221270" spans="8:8">
      <c r="H221270" s="12"/>
    </row>
    <row r="221271" spans="8:8">
      <c r="H221271" s="12"/>
    </row>
    <row r="221272" spans="8:8">
      <c r="H221272" s="12"/>
    </row>
    <row r="221273" spans="8:8">
      <c r="H221273" s="12"/>
    </row>
    <row r="221274" spans="8:8">
      <c r="H221274" s="12"/>
    </row>
    <row r="221275" spans="8:8">
      <c r="H221275" s="12"/>
    </row>
    <row r="221276" spans="8:8">
      <c r="H221276" s="12"/>
    </row>
    <row r="221277" spans="8:8">
      <c r="H221277" s="12"/>
    </row>
    <row r="221278" spans="8:8">
      <c r="H221278" s="12"/>
    </row>
    <row r="221279" spans="8:8">
      <c r="H221279" s="12"/>
    </row>
    <row r="221280" spans="8:8">
      <c r="H221280" s="12"/>
    </row>
    <row r="221281" spans="8:8">
      <c r="H221281" s="12"/>
    </row>
    <row r="221282" spans="8:8">
      <c r="H221282" s="12"/>
    </row>
    <row r="221283" spans="8:8">
      <c r="H221283" s="12"/>
    </row>
    <row r="221284" spans="8:8">
      <c r="H221284" s="12"/>
    </row>
    <row r="221285" spans="8:8">
      <c r="H221285" s="12"/>
    </row>
    <row r="221286" spans="8:8">
      <c r="H221286" s="12"/>
    </row>
    <row r="221287" spans="8:8">
      <c r="H221287" s="12"/>
    </row>
    <row r="221288" spans="8:8">
      <c r="H221288" s="12"/>
    </row>
    <row r="221289" spans="8:8">
      <c r="H221289" s="12"/>
    </row>
    <row r="221290" spans="8:8">
      <c r="H221290" s="12"/>
    </row>
    <row r="221291" spans="8:8">
      <c r="H221291" s="12"/>
    </row>
    <row r="221292" spans="8:8">
      <c r="H221292" s="12"/>
    </row>
    <row r="221293" spans="8:8">
      <c r="H221293" s="12"/>
    </row>
    <row r="221294" spans="8:8">
      <c r="H221294" s="12"/>
    </row>
    <row r="221295" spans="8:8">
      <c r="H221295" s="12"/>
    </row>
    <row r="221296" spans="8:8">
      <c r="H221296" s="12"/>
    </row>
    <row r="221297" spans="8:8">
      <c r="H221297" s="12"/>
    </row>
    <row r="221298" spans="8:8">
      <c r="H221298" s="12"/>
    </row>
    <row r="221299" spans="8:8">
      <c r="H221299" s="12"/>
    </row>
    <row r="221300" spans="8:8">
      <c r="H221300" s="12"/>
    </row>
    <row r="221301" spans="8:8">
      <c r="H221301" s="12"/>
    </row>
    <row r="221302" spans="8:8">
      <c r="H221302" s="12"/>
    </row>
    <row r="221303" spans="8:8">
      <c r="H221303" s="12"/>
    </row>
    <row r="221304" spans="8:8">
      <c r="H221304" s="12"/>
    </row>
    <row r="221305" spans="8:8">
      <c r="H221305" s="12"/>
    </row>
    <row r="221306" spans="8:8">
      <c r="H221306" s="12"/>
    </row>
    <row r="221307" spans="8:8">
      <c r="H221307" s="12"/>
    </row>
    <row r="221308" spans="8:8">
      <c r="H221308" s="12"/>
    </row>
    <row r="221309" spans="8:8">
      <c r="H221309" s="12"/>
    </row>
    <row r="221310" spans="8:8">
      <c r="H221310" s="12"/>
    </row>
    <row r="221311" spans="8:8">
      <c r="H221311" s="12"/>
    </row>
    <row r="221312" spans="8:8">
      <c r="H221312" s="12"/>
    </row>
    <row r="221313" spans="8:8">
      <c r="H221313" s="12"/>
    </row>
    <row r="221314" spans="8:8">
      <c r="H221314" s="12"/>
    </row>
    <row r="221315" spans="8:8">
      <c r="H221315" s="12"/>
    </row>
    <row r="221316" spans="8:8">
      <c r="H221316" s="12"/>
    </row>
    <row r="221317" spans="8:8">
      <c r="H221317" s="12"/>
    </row>
    <row r="221318" spans="8:8">
      <c r="H221318" s="12"/>
    </row>
    <row r="221319" spans="8:8">
      <c r="H221319" s="12"/>
    </row>
    <row r="221320" spans="8:8">
      <c r="H221320" s="12"/>
    </row>
    <row r="221321" spans="8:8">
      <c r="H221321" s="12"/>
    </row>
    <row r="221322" spans="8:8">
      <c r="H221322" s="12"/>
    </row>
    <row r="221323" spans="8:8">
      <c r="H221323" s="12"/>
    </row>
    <row r="221324" spans="8:8">
      <c r="H221324" s="12"/>
    </row>
    <row r="221325" spans="8:8">
      <c r="H221325" s="12"/>
    </row>
    <row r="221326" spans="8:8">
      <c r="H221326" s="12"/>
    </row>
    <row r="221327" spans="8:8">
      <c r="H221327" s="12"/>
    </row>
    <row r="221328" spans="8:8">
      <c r="H221328" s="12"/>
    </row>
    <row r="221329" spans="8:8">
      <c r="H221329" s="12"/>
    </row>
    <row r="221330" spans="8:8">
      <c r="H221330" s="12"/>
    </row>
    <row r="221331" spans="8:8">
      <c r="H221331" s="12"/>
    </row>
    <row r="221332" spans="8:8">
      <c r="H221332" s="12"/>
    </row>
    <row r="221333" spans="8:8">
      <c r="H221333" s="12"/>
    </row>
    <row r="221334" spans="8:8">
      <c r="H221334" s="12"/>
    </row>
    <row r="221335" spans="8:8">
      <c r="H221335" s="12"/>
    </row>
    <row r="221336" spans="8:8">
      <c r="H221336" s="12"/>
    </row>
    <row r="221337" spans="8:8">
      <c r="H221337" s="12"/>
    </row>
    <row r="221338" spans="8:8">
      <c r="H221338" s="12"/>
    </row>
    <row r="221339" spans="8:8">
      <c r="H221339" s="12"/>
    </row>
    <row r="221340" spans="8:8">
      <c r="H221340" s="12"/>
    </row>
    <row r="221341" spans="8:8">
      <c r="H221341" s="12"/>
    </row>
    <row r="221342" spans="8:8">
      <c r="H221342" s="12"/>
    </row>
    <row r="221343" spans="8:8">
      <c r="H221343" s="12"/>
    </row>
    <row r="221344" spans="8:8">
      <c r="H221344" s="12"/>
    </row>
    <row r="221345" spans="8:8">
      <c r="H221345" s="12"/>
    </row>
    <row r="221346" spans="8:8">
      <c r="H221346" s="12"/>
    </row>
    <row r="221347" spans="8:8">
      <c r="H221347" s="12"/>
    </row>
    <row r="221348" spans="8:8">
      <c r="H221348" s="12"/>
    </row>
    <row r="221349" spans="8:8">
      <c r="H221349" s="12"/>
    </row>
    <row r="221350" spans="8:8">
      <c r="H221350" s="12"/>
    </row>
    <row r="221351" spans="8:8">
      <c r="H221351" s="12"/>
    </row>
    <row r="221352" spans="8:8">
      <c r="H221352" s="12"/>
    </row>
    <row r="221353" spans="8:8">
      <c r="H221353" s="12"/>
    </row>
    <row r="221354" spans="8:8">
      <c r="H221354" s="12"/>
    </row>
    <row r="221355" spans="8:8">
      <c r="H221355" s="12"/>
    </row>
    <row r="221356" spans="8:8">
      <c r="H221356" s="12"/>
    </row>
    <row r="221357" spans="8:8">
      <c r="H221357" s="12"/>
    </row>
    <row r="221358" spans="8:8">
      <c r="H221358" s="12"/>
    </row>
    <row r="221359" spans="8:8">
      <c r="H221359" s="12"/>
    </row>
    <row r="221360" spans="8:8">
      <c r="H221360" s="12"/>
    </row>
    <row r="221361" spans="8:8">
      <c r="H221361" s="12"/>
    </row>
    <row r="221362" spans="8:8">
      <c r="H221362" s="12"/>
    </row>
    <row r="221363" spans="8:8">
      <c r="H221363" s="12"/>
    </row>
    <row r="221364" spans="8:8">
      <c r="H221364" s="12"/>
    </row>
    <row r="221365" spans="8:8">
      <c r="H221365" s="12"/>
    </row>
    <row r="221366" spans="8:8">
      <c r="H221366" s="12"/>
    </row>
    <row r="221367" spans="8:8">
      <c r="H221367" s="12"/>
    </row>
    <row r="221368" spans="8:8">
      <c r="H221368" s="12"/>
    </row>
    <row r="221369" spans="8:8">
      <c r="H221369" s="12"/>
    </row>
    <row r="221370" spans="8:8">
      <c r="H221370" s="12"/>
    </row>
    <row r="221371" spans="8:8">
      <c r="H221371" s="12"/>
    </row>
    <row r="221372" spans="8:8">
      <c r="H221372" s="12"/>
    </row>
    <row r="221373" spans="8:8">
      <c r="H221373" s="12"/>
    </row>
    <row r="221374" spans="8:8">
      <c r="H221374" s="12"/>
    </row>
    <row r="221375" spans="8:8">
      <c r="H221375" s="12"/>
    </row>
    <row r="221376" spans="8:8">
      <c r="H221376" s="12"/>
    </row>
    <row r="221377" spans="8:8">
      <c r="H221377" s="12"/>
    </row>
    <row r="221378" spans="8:8">
      <c r="H221378" s="12"/>
    </row>
    <row r="221379" spans="8:8">
      <c r="H221379" s="12"/>
    </row>
    <row r="221380" spans="8:8">
      <c r="H221380" s="12"/>
    </row>
    <row r="221381" spans="8:8">
      <c r="H221381" s="12"/>
    </row>
    <row r="221382" spans="8:8">
      <c r="H221382" s="12"/>
    </row>
    <row r="221383" spans="8:8">
      <c r="H221383" s="12"/>
    </row>
    <row r="221384" spans="8:8">
      <c r="H221384" s="12"/>
    </row>
    <row r="221385" spans="8:8">
      <c r="H221385" s="12"/>
    </row>
    <row r="221386" spans="8:8">
      <c r="H221386" s="12"/>
    </row>
    <row r="221387" spans="8:8">
      <c r="H221387" s="12"/>
    </row>
    <row r="221388" spans="8:8">
      <c r="H221388" s="12"/>
    </row>
    <row r="221389" spans="8:8">
      <c r="H221389" s="12"/>
    </row>
    <row r="221390" spans="8:8">
      <c r="H221390" s="12"/>
    </row>
    <row r="221391" spans="8:8">
      <c r="H221391" s="12"/>
    </row>
    <row r="221392" spans="8:8">
      <c r="H221392" s="12"/>
    </row>
    <row r="221393" spans="8:8">
      <c r="H221393" s="12"/>
    </row>
    <row r="221394" spans="8:8">
      <c r="H221394" s="12"/>
    </row>
    <row r="221395" spans="8:8">
      <c r="H221395" s="12"/>
    </row>
    <row r="221396" spans="8:8">
      <c r="H221396" s="12"/>
    </row>
    <row r="221397" spans="8:8">
      <c r="H221397" s="12"/>
    </row>
    <row r="221398" spans="8:8">
      <c r="H221398" s="12"/>
    </row>
    <row r="221399" spans="8:8">
      <c r="H221399" s="12"/>
    </row>
    <row r="221400" spans="8:8">
      <c r="H221400" s="12"/>
    </row>
    <row r="221401" spans="8:8">
      <c r="H221401" s="12"/>
    </row>
    <row r="221402" spans="8:8">
      <c r="H221402" s="12"/>
    </row>
    <row r="221403" spans="8:8">
      <c r="H221403" s="12"/>
    </row>
    <row r="221404" spans="8:8">
      <c r="H221404" s="12"/>
    </row>
    <row r="221405" spans="8:8">
      <c r="H221405" s="12"/>
    </row>
    <row r="221406" spans="8:8">
      <c r="H221406" s="12"/>
    </row>
    <row r="221407" spans="8:8">
      <c r="H221407" s="12"/>
    </row>
    <row r="221408" spans="8:8">
      <c r="H221408" s="12"/>
    </row>
    <row r="221409" spans="8:8">
      <c r="H221409" s="12"/>
    </row>
    <row r="221410" spans="8:8">
      <c r="H221410" s="12"/>
    </row>
    <row r="221411" spans="8:8">
      <c r="H221411" s="12"/>
    </row>
    <row r="221412" spans="8:8">
      <c r="H221412" s="12"/>
    </row>
    <row r="221413" spans="8:8">
      <c r="H221413" s="12"/>
    </row>
    <row r="221414" spans="8:8">
      <c r="H221414" s="12"/>
    </row>
    <row r="221415" spans="8:8">
      <c r="H221415" s="12"/>
    </row>
    <row r="221416" spans="8:8">
      <c r="H221416" s="12"/>
    </row>
    <row r="221417" spans="8:8">
      <c r="H221417" s="12"/>
    </row>
    <row r="221418" spans="8:8">
      <c r="H221418" s="12"/>
    </row>
    <row r="221419" spans="8:8">
      <c r="H221419" s="12"/>
    </row>
    <row r="221420" spans="8:8">
      <c r="H221420" s="12"/>
    </row>
    <row r="221421" spans="8:8">
      <c r="H221421" s="12"/>
    </row>
    <row r="221422" spans="8:8">
      <c r="H221422" s="12"/>
    </row>
    <row r="221423" spans="8:8">
      <c r="H221423" s="12"/>
    </row>
    <row r="221424" spans="8:8">
      <c r="H221424" s="12"/>
    </row>
    <row r="221425" spans="8:8">
      <c r="H221425" s="12"/>
    </row>
    <row r="221426" spans="8:8">
      <c r="H221426" s="12"/>
    </row>
    <row r="221427" spans="8:8">
      <c r="H221427" s="12"/>
    </row>
    <row r="221428" spans="8:8">
      <c r="H221428" s="12"/>
    </row>
    <row r="221429" spans="8:8">
      <c r="H221429" s="12"/>
    </row>
    <row r="221430" spans="8:8">
      <c r="H221430" s="12"/>
    </row>
    <row r="221431" spans="8:8">
      <c r="H221431" s="12"/>
    </row>
    <row r="221432" spans="8:8">
      <c r="H221432" s="12"/>
    </row>
    <row r="221433" spans="8:8">
      <c r="H221433" s="12"/>
    </row>
    <row r="221434" spans="8:8">
      <c r="H221434" s="12"/>
    </row>
    <row r="221435" spans="8:8">
      <c r="H221435" s="12"/>
    </row>
    <row r="221436" spans="8:8">
      <c r="H221436" s="12"/>
    </row>
    <row r="221437" spans="8:8">
      <c r="H221437" s="12"/>
    </row>
    <row r="221438" spans="8:8">
      <c r="H221438" s="12"/>
    </row>
    <row r="221439" spans="8:8">
      <c r="H221439" s="12"/>
    </row>
    <row r="221440" spans="8:8">
      <c r="H221440" s="12"/>
    </row>
    <row r="221441" spans="8:8">
      <c r="H221441" s="12"/>
    </row>
    <row r="221442" spans="8:8">
      <c r="H221442" s="12"/>
    </row>
    <row r="221443" spans="8:8">
      <c r="H221443" s="12"/>
    </row>
    <row r="221444" spans="8:8">
      <c r="H221444" s="12"/>
    </row>
    <row r="221445" spans="8:8">
      <c r="H221445" s="12"/>
    </row>
    <row r="221446" spans="8:8">
      <c r="H221446" s="12"/>
    </row>
    <row r="221447" spans="8:8">
      <c r="H221447" s="12"/>
    </row>
    <row r="221448" spans="8:8">
      <c r="H221448" s="12"/>
    </row>
    <row r="221449" spans="8:8">
      <c r="H221449" s="12"/>
    </row>
    <row r="221450" spans="8:8">
      <c r="H221450" s="12"/>
    </row>
    <row r="221451" spans="8:8">
      <c r="H221451" s="12"/>
    </row>
    <row r="221452" spans="8:8">
      <c r="H221452" s="12"/>
    </row>
    <row r="221453" spans="8:8">
      <c r="H221453" s="12"/>
    </row>
    <row r="221454" spans="8:8">
      <c r="H221454" s="12"/>
    </row>
    <row r="221455" spans="8:8">
      <c r="H221455" s="12"/>
    </row>
    <row r="221456" spans="8:8">
      <c r="H221456" s="12"/>
    </row>
    <row r="221457" spans="8:8">
      <c r="H221457" s="12"/>
    </row>
    <row r="221458" spans="8:8">
      <c r="H221458" s="12"/>
    </row>
    <row r="221459" spans="8:8">
      <c r="H221459" s="12"/>
    </row>
    <row r="221460" spans="8:8">
      <c r="H221460" s="12"/>
    </row>
    <row r="221461" spans="8:8">
      <c r="H221461" s="12"/>
    </row>
    <row r="221462" spans="8:8">
      <c r="H221462" s="12"/>
    </row>
    <row r="221463" spans="8:8">
      <c r="H221463" s="12"/>
    </row>
    <row r="221464" spans="8:8">
      <c r="H221464" s="12"/>
    </row>
    <row r="221465" spans="8:8">
      <c r="H221465" s="12"/>
    </row>
    <row r="221466" spans="8:8">
      <c r="H221466" s="12"/>
    </row>
    <row r="221467" spans="8:8">
      <c r="H221467" s="12"/>
    </row>
    <row r="221468" spans="8:8">
      <c r="H221468" s="12"/>
    </row>
    <row r="221469" spans="8:8">
      <c r="H221469" s="12"/>
    </row>
    <row r="221470" spans="8:8">
      <c r="H221470" s="12"/>
    </row>
    <row r="221471" spans="8:8">
      <c r="H221471" s="12"/>
    </row>
    <row r="221472" spans="8:8">
      <c r="H221472" s="12"/>
    </row>
    <row r="221473" spans="8:8">
      <c r="H221473" s="12"/>
    </row>
    <row r="221474" spans="8:8">
      <c r="H221474" s="12"/>
    </row>
    <row r="221475" spans="8:8">
      <c r="H221475" s="12"/>
    </row>
    <row r="221476" spans="8:8">
      <c r="H221476" s="12"/>
    </row>
    <row r="221477" spans="8:8">
      <c r="H221477" s="12"/>
    </row>
    <row r="221478" spans="8:8">
      <c r="H221478" s="12"/>
    </row>
    <row r="221479" spans="8:8">
      <c r="H221479" s="12"/>
    </row>
    <row r="221480" spans="8:8">
      <c r="H221480" s="12"/>
    </row>
    <row r="221481" spans="8:8">
      <c r="H221481" s="12"/>
    </row>
    <row r="221482" spans="8:8">
      <c r="H221482" s="12"/>
    </row>
    <row r="221483" spans="8:8">
      <c r="H221483" s="12"/>
    </row>
    <row r="221484" spans="8:8">
      <c r="H221484" s="12"/>
    </row>
    <row r="221485" spans="8:8">
      <c r="H221485" s="12"/>
    </row>
    <row r="221486" spans="8:8">
      <c r="H221486" s="12"/>
    </row>
    <row r="221487" spans="8:8">
      <c r="H221487" s="12"/>
    </row>
    <row r="221488" spans="8:8">
      <c r="H221488" s="12"/>
    </row>
    <row r="221489" spans="8:8">
      <c r="H221489" s="12"/>
    </row>
    <row r="221490" spans="8:8">
      <c r="H221490" s="12"/>
    </row>
    <row r="221491" spans="8:8">
      <c r="H221491" s="12"/>
    </row>
    <row r="221492" spans="8:8">
      <c r="H221492" s="12"/>
    </row>
    <row r="221493" spans="8:8">
      <c r="H221493" s="12"/>
    </row>
    <row r="221494" spans="8:8">
      <c r="H221494" s="12"/>
    </row>
    <row r="221495" spans="8:8">
      <c r="H221495" s="12"/>
    </row>
    <row r="221496" spans="8:8">
      <c r="H221496" s="12"/>
    </row>
    <row r="221497" spans="8:8">
      <c r="H221497" s="12"/>
    </row>
    <row r="221498" spans="8:8">
      <c r="H221498" s="12"/>
    </row>
    <row r="221499" spans="8:8">
      <c r="H221499" s="12"/>
    </row>
    <row r="221500" spans="8:8">
      <c r="H221500" s="12"/>
    </row>
    <row r="221501" spans="8:8">
      <c r="H221501" s="12"/>
    </row>
    <row r="221502" spans="8:8">
      <c r="H221502" s="12"/>
    </row>
    <row r="221503" spans="8:8">
      <c r="H221503" s="12"/>
    </row>
    <row r="221504" spans="8:8">
      <c r="H221504" s="12"/>
    </row>
    <row r="221505" spans="8:8">
      <c r="H221505" s="12"/>
    </row>
    <row r="221506" spans="8:8">
      <c r="H221506" s="12"/>
    </row>
    <row r="221507" spans="8:8">
      <c r="H221507" s="12"/>
    </row>
    <row r="221508" spans="8:8">
      <c r="H221508" s="12"/>
    </row>
    <row r="221509" spans="8:8">
      <c r="H221509" s="12"/>
    </row>
    <row r="221510" spans="8:8">
      <c r="H221510" s="12"/>
    </row>
    <row r="221511" spans="8:8">
      <c r="H221511" s="12"/>
    </row>
    <row r="221512" spans="8:8">
      <c r="H221512" s="12"/>
    </row>
    <row r="221513" spans="8:8">
      <c r="H221513" s="12"/>
    </row>
    <row r="221514" spans="8:8">
      <c r="H221514" s="12"/>
    </row>
    <row r="221515" spans="8:8">
      <c r="H221515" s="12"/>
    </row>
    <row r="221516" spans="8:8">
      <c r="H221516" s="12"/>
    </row>
    <row r="221517" spans="8:8">
      <c r="H221517" s="12"/>
    </row>
    <row r="221518" spans="8:8">
      <c r="H221518" s="12"/>
    </row>
    <row r="221519" spans="8:8">
      <c r="H221519" s="12"/>
    </row>
    <row r="221520" spans="8:8">
      <c r="H221520" s="12"/>
    </row>
    <row r="221521" spans="8:8">
      <c r="H221521" s="12"/>
    </row>
    <row r="221522" spans="8:8">
      <c r="H221522" s="12"/>
    </row>
    <row r="221523" spans="8:8">
      <c r="H221523" s="12"/>
    </row>
    <row r="221524" spans="8:8">
      <c r="H221524" s="12"/>
    </row>
    <row r="221525" spans="8:8">
      <c r="H221525" s="12"/>
    </row>
    <row r="221526" spans="8:8">
      <c r="H221526" s="12"/>
    </row>
    <row r="221527" spans="8:8">
      <c r="H221527" s="12"/>
    </row>
    <row r="221528" spans="8:8">
      <c r="H221528" s="12"/>
    </row>
    <row r="221529" spans="8:8">
      <c r="H221529" s="12"/>
    </row>
    <row r="221530" spans="8:8">
      <c r="H221530" s="12"/>
    </row>
    <row r="221531" spans="8:8">
      <c r="H221531" s="12"/>
    </row>
    <row r="221532" spans="8:8">
      <c r="H221532" s="12"/>
    </row>
    <row r="221533" spans="8:8">
      <c r="H221533" s="12"/>
    </row>
    <row r="221534" spans="8:8">
      <c r="H221534" s="12"/>
    </row>
    <row r="221535" spans="8:8">
      <c r="H221535" s="12"/>
    </row>
    <row r="221536" spans="8:8">
      <c r="H221536" s="12"/>
    </row>
    <row r="221537" spans="8:8">
      <c r="H221537" s="12"/>
    </row>
    <row r="221538" spans="8:8">
      <c r="H221538" s="12"/>
    </row>
    <row r="221539" spans="8:8">
      <c r="H221539" s="12"/>
    </row>
    <row r="221540" spans="8:8">
      <c r="H221540" s="12"/>
    </row>
    <row r="221541" spans="8:8">
      <c r="H221541" s="12"/>
    </row>
    <row r="221542" spans="8:8">
      <c r="H221542" s="12"/>
    </row>
    <row r="221543" spans="8:8">
      <c r="H221543" s="12"/>
    </row>
    <row r="221544" spans="8:8">
      <c r="H221544" s="12"/>
    </row>
    <row r="221545" spans="8:8">
      <c r="H221545" s="12"/>
    </row>
    <row r="221546" spans="8:8">
      <c r="H221546" s="12"/>
    </row>
    <row r="221547" spans="8:8">
      <c r="H221547" s="12"/>
    </row>
    <row r="221548" spans="8:8">
      <c r="H221548" s="12"/>
    </row>
    <row r="221549" spans="8:8">
      <c r="H221549" s="12"/>
    </row>
    <row r="221550" spans="8:8">
      <c r="H221550" s="12"/>
    </row>
    <row r="221551" spans="8:8">
      <c r="H221551" s="12"/>
    </row>
    <row r="221552" spans="8:8">
      <c r="H221552" s="12"/>
    </row>
    <row r="221553" spans="8:8">
      <c r="H221553" s="12"/>
    </row>
    <row r="221554" spans="8:8">
      <c r="H221554" s="12"/>
    </row>
    <row r="221555" spans="8:8">
      <c r="H221555" s="12"/>
    </row>
    <row r="221556" spans="8:8">
      <c r="H221556" s="12"/>
    </row>
    <row r="221557" spans="8:8">
      <c r="H221557" s="12"/>
    </row>
    <row r="221558" spans="8:8">
      <c r="H221558" s="12"/>
    </row>
    <row r="221559" spans="8:8">
      <c r="H221559" s="12"/>
    </row>
    <row r="221560" spans="8:8">
      <c r="H221560" s="12"/>
    </row>
    <row r="221561" spans="8:8">
      <c r="H221561" s="12"/>
    </row>
    <row r="221562" spans="8:8">
      <c r="H221562" s="12"/>
    </row>
    <row r="221563" spans="8:8">
      <c r="H221563" s="12"/>
    </row>
    <row r="221564" spans="8:8">
      <c r="H221564" s="12"/>
    </row>
    <row r="221565" spans="8:8">
      <c r="H221565" s="12"/>
    </row>
    <row r="221566" spans="8:8">
      <c r="H221566" s="12"/>
    </row>
    <row r="221567" spans="8:8">
      <c r="H221567" s="12"/>
    </row>
    <row r="221568" spans="8:8">
      <c r="H221568" s="12"/>
    </row>
    <row r="221569" spans="8:8">
      <c r="H221569" s="12"/>
    </row>
    <row r="221570" spans="8:8">
      <c r="H221570" s="12"/>
    </row>
    <row r="221571" spans="8:8">
      <c r="H221571" s="12"/>
    </row>
    <row r="221572" spans="8:8">
      <c r="H221572" s="12"/>
    </row>
    <row r="221573" spans="8:8">
      <c r="H221573" s="12"/>
    </row>
    <row r="221574" spans="8:8">
      <c r="H221574" s="12"/>
    </row>
    <row r="221575" spans="8:8">
      <c r="H221575" s="12"/>
    </row>
    <row r="221576" spans="8:8">
      <c r="H221576" s="12"/>
    </row>
    <row r="221577" spans="8:8">
      <c r="H221577" s="12"/>
    </row>
    <row r="221578" spans="8:8">
      <c r="H221578" s="12"/>
    </row>
    <row r="221579" spans="8:8">
      <c r="H221579" s="12"/>
    </row>
    <row r="221580" spans="8:8">
      <c r="H221580" s="12"/>
    </row>
    <row r="221581" spans="8:8">
      <c r="H221581" s="12"/>
    </row>
    <row r="221582" spans="8:8">
      <c r="H221582" s="12"/>
    </row>
    <row r="221583" spans="8:8">
      <c r="H221583" s="12"/>
    </row>
    <row r="221584" spans="8:8">
      <c r="H221584" s="12"/>
    </row>
    <row r="221585" spans="8:8">
      <c r="H221585" s="12"/>
    </row>
    <row r="221586" spans="8:8">
      <c r="H221586" s="12"/>
    </row>
    <row r="221587" spans="8:8">
      <c r="H221587" s="12"/>
    </row>
    <row r="221588" spans="8:8">
      <c r="H221588" s="12"/>
    </row>
    <row r="221589" spans="8:8">
      <c r="H221589" s="12"/>
    </row>
    <row r="221590" spans="8:8">
      <c r="H221590" s="12"/>
    </row>
    <row r="221591" spans="8:8">
      <c r="H221591" s="12"/>
    </row>
    <row r="221592" spans="8:8">
      <c r="H221592" s="12"/>
    </row>
    <row r="221593" spans="8:8">
      <c r="H221593" s="12"/>
    </row>
    <row r="221594" spans="8:8">
      <c r="H221594" s="12"/>
    </row>
    <row r="221595" spans="8:8">
      <c r="H221595" s="12"/>
    </row>
    <row r="221596" spans="8:8">
      <c r="H221596" s="12"/>
    </row>
    <row r="221597" spans="8:8">
      <c r="H221597" s="12"/>
    </row>
    <row r="221598" spans="8:8">
      <c r="H221598" s="12"/>
    </row>
    <row r="221599" spans="8:8">
      <c r="H221599" s="12"/>
    </row>
    <row r="221600" spans="8:8">
      <c r="H221600" s="12"/>
    </row>
    <row r="221601" spans="8:8">
      <c r="H221601" s="12"/>
    </row>
    <row r="221602" spans="8:8">
      <c r="H221602" s="12"/>
    </row>
    <row r="221603" spans="8:8">
      <c r="H221603" s="12"/>
    </row>
    <row r="221604" spans="8:8">
      <c r="H221604" s="12"/>
    </row>
    <row r="221605" spans="8:8">
      <c r="H221605" s="12"/>
    </row>
    <row r="221606" spans="8:8">
      <c r="H221606" s="12"/>
    </row>
    <row r="221607" spans="8:8">
      <c r="H221607" s="12"/>
    </row>
    <row r="221608" spans="8:8">
      <c r="H221608" s="12"/>
    </row>
    <row r="221609" spans="8:8">
      <c r="H221609" s="12"/>
    </row>
    <row r="221610" spans="8:8">
      <c r="H221610" s="12"/>
    </row>
    <row r="221611" spans="8:8">
      <c r="H221611" s="12"/>
    </row>
    <row r="221612" spans="8:8">
      <c r="H221612" s="12"/>
    </row>
    <row r="221613" spans="8:8">
      <c r="H221613" s="12"/>
    </row>
    <row r="221614" spans="8:8">
      <c r="H221614" s="12"/>
    </row>
    <row r="221615" spans="8:8">
      <c r="H221615" s="12"/>
    </row>
    <row r="221616" spans="8:8">
      <c r="H221616" s="12"/>
    </row>
    <row r="221617" spans="8:8">
      <c r="H221617" s="12"/>
    </row>
    <row r="221618" spans="8:8">
      <c r="H221618" s="12"/>
    </row>
    <row r="221619" spans="8:8">
      <c r="H221619" s="12"/>
    </row>
    <row r="221620" spans="8:8">
      <c r="H221620" s="12"/>
    </row>
    <row r="221621" spans="8:8">
      <c r="H221621" s="12"/>
    </row>
    <row r="221622" spans="8:8">
      <c r="H221622" s="12"/>
    </row>
    <row r="221623" spans="8:8">
      <c r="H221623" s="12"/>
    </row>
    <row r="221624" spans="8:8">
      <c r="H221624" s="12"/>
    </row>
    <row r="221625" spans="8:8">
      <c r="H221625" s="12"/>
    </row>
    <row r="221626" spans="8:8">
      <c r="H221626" s="12"/>
    </row>
    <row r="221627" spans="8:8">
      <c r="H221627" s="12"/>
    </row>
    <row r="221628" spans="8:8">
      <c r="H221628" s="12"/>
    </row>
    <row r="221629" spans="8:8">
      <c r="H221629" s="12"/>
    </row>
    <row r="221630" spans="8:8">
      <c r="H221630" s="12"/>
    </row>
    <row r="221631" spans="8:8">
      <c r="H221631" s="12"/>
    </row>
    <row r="221632" spans="8:8">
      <c r="H221632" s="12"/>
    </row>
    <row r="221633" spans="8:8">
      <c r="H221633" s="12"/>
    </row>
    <row r="221634" spans="8:8">
      <c r="H221634" s="12"/>
    </row>
    <row r="221635" spans="8:8">
      <c r="H221635" s="12"/>
    </row>
    <row r="221636" spans="8:8">
      <c r="H221636" s="12"/>
    </row>
    <row r="221637" spans="8:8">
      <c r="H221637" s="12"/>
    </row>
    <row r="221638" spans="8:8">
      <c r="H221638" s="12"/>
    </row>
    <row r="221639" spans="8:8">
      <c r="H221639" s="12"/>
    </row>
    <row r="221640" spans="8:8">
      <c r="H221640" s="12"/>
    </row>
    <row r="221641" spans="8:8">
      <c r="H221641" s="12"/>
    </row>
    <row r="221642" spans="8:8">
      <c r="H221642" s="12"/>
    </row>
    <row r="221643" spans="8:8">
      <c r="H221643" s="12"/>
    </row>
    <row r="221644" spans="8:8">
      <c r="H221644" s="12"/>
    </row>
    <row r="221645" spans="8:8">
      <c r="H221645" s="12"/>
    </row>
    <row r="221646" spans="8:8">
      <c r="H221646" s="12"/>
    </row>
    <row r="221647" spans="8:8">
      <c r="H221647" s="12"/>
    </row>
    <row r="221648" spans="8:8">
      <c r="H221648" s="12"/>
    </row>
    <row r="221649" spans="8:8">
      <c r="H221649" s="12"/>
    </row>
    <row r="221650" spans="8:8">
      <c r="H221650" s="12"/>
    </row>
    <row r="221651" spans="8:8">
      <c r="H221651" s="12"/>
    </row>
    <row r="221652" spans="8:8">
      <c r="H221652" s="12"/>
    </row>
    <row r="221653" spans="8:8">
      <c r="H221653" s="12"/>
    </row>
    <row r="221654" spans="8:8">
      <c r="H221654" s="12"/>
    </row>
    <row r="221655" spans="8:8">
      <c r="H221655" s="12"/>
    </row>
    <row r="221656" spans="8:8">
      <c r="H221656" s="12"/>
    </row>
    <row r="221657" spans="8:8">
      <c r="H221657" s="12"/>
    </row>
    <row r="221658" spans="8:8">
      <c r="H221658" s="12"/>
    </row>
    <row r="221659" spans="8:8">
      <c r="H221659" s="12"/>
    </row>
    <row r="221660" spans="8:8">
      <c r="H221660" s="12"/>
    </row>
    <row r="221661" spans="8:8">
      <c r="H221661" s="12"/>
    </row>
    <row r="221662" spans="8:8">
      <c r="H221662" s="12"/>
    </row>
    <row r="221663" spans="8:8">
      <c r="H221663" s="12"/>
    </row>
    <row r="221664" spans="8:8">
      <c r="H221664" s="12"/>
    </row>
    <row r="221665" spans="8:8">
      <c r="H221665" s="12"/>
    </row>
    <row r="221666" spans="8:8">
      <c r="H221666" s="12"/>
    </row>
    <row r="221667" spans="8:8">
      <c r="H221667" s="12"/>
    </row>
    <row r="221668" spans="8:8">
      <c r="H221668" s="12"/>
    </row>
    <row r="221669" spans="8:8">
      <c r="H221669" s="12"/>
    </row>
    <row r="221670" spans="8:8">
      <c r="H221670" s="12"/>
    </row>
    <row r="221671" spans="8:8">
      <c r="H221671" s="12"/>
    </row>
    <row r="221672" spans="8:8">
      <c r="H221672" s="12"/>
    </row>
    <row r="221673" spans="8:8">
      <c r="H221673" s="12"/>
    </row>
    <row r="221674" spans="8:8">
      <c r="H221674" s="12"/>
    </row>
    <row r="221675" spans="8:8">
      <c r="H221675" s="12"/>
    </row>
    <row r="221676" spans="8:8">
      <c r="H221676" s="12"/>
    </row>
    <row r="221677" spans="8:8">
      <c r="H221677" s="12"/>
    </row>
    <row r="221678" spans="8:8">
      <c r="H221678" s="12"/>
    </row>
    <row r="221679" spans="8:8">
      <c r="H221679" s="12"/>
    </row>
    <row r="221680" spans="8:8">
      <c r="H221680" s="12"/>
    </row>
    <row r="221681" spans="8:8">
      <c r="H221681" s="12"/>
    </row>
    <row r="221682" spans="8:8">
      <c r="H221682" s="12"/>
    </row>
    <row r="221683" spans="8:8">
      <c r="H221683" s="12"/>
    </row>
    <row r="221684" spans="8:8">
      <c r="H221684" s="12"/>
    </row>
    <row r="221685" spans="8:8">
      <c r="H221685" s="12"/>
    </row>
    <row r="221686" spans="8:8">
      <c r="H221686" s="12"/>
    </row>
    <row r="221687" spans="8:8">
      <c r="H221687" s="12"/>
    </row>
    <row r="221688" spans="8:8">
      <c r="H221688" s="12"/>
    </row>
    <row r="221689" spans="8:8">
      <c r="H221689" s="12"/>
    </row>
    <row r="221690" spans="8:8">
      <c r="H221690" s="12"/>
    </row>
    <row r="221691" spans="8:8">
      <c r="H221691" s="12"/>
    </row>
    <row r="221692" spans="8:8">
      <c r="H221692" s="12"/>
    </row>
    <row r="221693" spans="8:8">
      <c r="H221693" s="12"/>
    </row>
    <row r="221694" spans="8:8">
      <c r="H221694" s="12"/>
    </row>
    <row r="221695" spans="8:8">
      <c r="H221695" s="12"/>
    </row>
    <row r="221696" spans="8:8">
      <c r="H221696" s="12"/>
    </row>
    <row r="221697" spans="8:8">
      <c r="H221697" s="12"/>
    </row>
    <row r="221698" spans="8:8">
      <c r="H221698" s="12"/>
    </row>
    <row r="221699" spans="8:8">
      <c r="H221699" s="12"/>
    </row>
    <row r="221700" spans="8:8">
      <c r="H221700" s="12"/>
    </row>
    <row r="221701" spans="8:8">
      <c r="H221701" s="12"/>
    </row>
    <row r="221702" spans="8:8">
      <c r="H221702" s="12"/>
    </row>
    <row r="221703" spans="8:8">
      <c r="H221703" s="12"/>
    </row>
    <row r="221704" spans="8:8">
      <c r="H221704" s="12"/>
    </row>
    <row r="221705" spans="8:8">
      <c r="H221705" s="12"/>
    </row>
    <row r="221706" spans="8:8">
      <c r="H221706" s="12"/>
    </row>
    <row r="221707" spans="8:8">
      <c r="H221707" s="12"/>
    </row>
    <row r="221708" spans="8:8">
      <c r="H221708" s="12"/>
    </row>
    <row r="221709" spans="8:8">
      <c r="H221709" s="12"/>
    </row>
    <row r="221710" spans="8:8">
      <c r="H221710" s="12"/>
    </row>
    <row r="221711" spans="8:8">
      <c r="H221711" s="12"/>
    </row>
    <row r="221712" spans="8:8">
      <c r="H221712" s="12"/>
    </row>
    <row r="221713" spans="8:8">
      <c r="H221713" s="12"/>
    </row>
    <row r="221714" spans="8:8">
      <c r="H221714" s="12"/>
    </row>
    <row r="221715" spans="8:8">
      <c r="H221715" s="12"/>
    </row>
    <row r="221716" spans="8:8">
      <c r="H221716" s="12"/>
    </row>
    <row r="221717" spans="8:8">
      <c r="H221717" s="12"/>
    </row>
    <row r="221718" spans="8:8">
      <c r="H221718" s="12"/>
    </row>
    <row r="221719" spans="8:8">
      <c r="H221719" s="12"/>
    </row>
    <row r="221720" spans="8:8">
      <c r="H221720" s="12"/>
    </row>
    <row r="221721" spans="8:8">
      <c r="H221721" s="12"/>
    </row>
    <row r="221722" spans="8:8">
      <c r="H221722" s="12"/>
    </row>
    <row r="221723" spans="8:8">
      <c r="H221723" s="12"/>
    </row>
    <row r="221724" spans="8:8">
      <c r="H221724" s="12"/>
    </row>
    <row r="221725" spans="8:8">
      <c r="H221725" s="12"/>
    </row>
    <row r="221726" spans="8:8">
      <c r="H221726" s="12"/>
    </row>
    <row r="221727" spans="8:8">
      <c r="H221727" s="12"/>
    </row>
    <row r="221728" spans="8:8">
      <c r="H221728" s="12"/>
    </row>
    <row r="221729" spans="8:8">
      <c r="H221729" s="12"/>
    </row>
    <row r="221730" spans="8:8">
      <c r="H221730" s="12"/>
    </row>
    <row r="221731" spans="8:8">
      <c r="H221731" s="12"/>
    </row>
    <row r="221732" spans="8:8">
      <c r="H221732" s="12"/>
    </row>
    <row r="221733" spans="8:8">
      <c r="H221733" s="12"/>
    </row>
    <row r="221734" spans="8:8">
      <c r="H221734" s="12"/>
    </row>
    <row r="221735" spans="8:8">
      <c r="H221735" s="12"/>
    </row>
    <row r="221736" spans="8:8">
      <c r="H221736" s="12"/>
    </row>
    <row r="221737" spans="8:8">
      <c r="H221737" s="12"/>
    </row>
    <row r="221738" spans="8:8">
      <c r="H221738" s="12"/>
    </row>
    <row r="221739" spans="8:8">
      <c r="H221739" s="12"/>
    </row>
    <row r="221740" spans="8:8">
      <c r="H221740" s="12"/>
    </row>
    <row r="221741" spans="8:8">
      <c r="H221741" s="12"/>
    </row>
    <row r="221742" spans="8:8">
      <c r="H221742" s="12"/>
    </row>
    <row r="221743" spans="8:8">
      <c r="H221743" s="12"/>
    </row>
    <row r="221744" spans="8:8">
      <c r="H221744" s="12"/>
    </row>
    <row r="221745" spans="8:8">
      <c r="H221745" s="12"/>
    </row>
    <row r="221746" spans="8:8">
      <c r="H221746" s="12"/>
    </row>
    <row r="221747" spans="8:8">
      <c r="H221747" s="12"/>
    </row>
    <row r="221748" spans="8:8">
      <c r="H221748" s="12"/>
    </row>
    <row r="221749" spans="8:8">
      <c r="H221749" s="12"/>
    </row>
    <row r="221750" spans="8:8">
      <c r="H221750" s="12"/>
    </row>
    <row r="221751" spans="8:8">
      <c r="H221751" s="12"/>
    </row>
    <row r="221752" spans="8:8">
      <c r="H221752" s="12"/>
    </row>
    <row r="221753" spans="8:8">
      <c r="H221753" s="12"/>
    </row>
    <row r="221754" spans="8:8">
      <c r="H221754" s="12"/>
    </row>
    <row r="221755" spans="8:8">
      <c r="H221755" s="12"/>
    </row>
    <row r="221756" spans="8:8">
      <c r="H221756" s="12"/>
    </row>
    <row r="221757" spans="8:8">
      <c r="H221757" s="12"/>
    </row>
    <row r="221758" spans="8:8">
      <c r="H221758" s="12"/>
    </row>
    <row r="221759" spans="8:8">
      <c r="H221759" s="12"/>
    </row>
    <row r="221760" spans="8:8">
      <c r="H221760" s="12"/>
    </row>
    <row r="221761" spans="8:8">
      <c r="H221761" s="12"/>
    </row>
    <row r="221762" spans="8:8">
      <c r="H221762" s="12"/>
    </row>
    <row r="221763" spans="8:8">
      <c r="H221763" s="12"/>
    </row>
    <row r="221764" spans="8:8">
      <c r="H221764" s="12"/>
    </row>
    <row r="221765" spans="8:8">
      <c r="H221765" s="12"/>
    </row>
    <row r="221766" spans="8:8">
      <c r="H221766" s="12"/>
    </row>
    <row r="221767" spans="8:8">
      <c r="H221767" s="12"/>
    </row>
    <row r="221768" spans="8:8">
      <c r="H221768" s="12"/>
    </row>
    <row r="221769" spans="8:8">
      <c r="H221769" s="12"/>
    </row>
    <row r="221770" spans="8:8">
      <c r="H221770" s="12"/>
    </row>
    <row r="221771" spans="8:8">
      <c r="H221771" s="12"/>
    </row>
    <row r="221772" spans="8:8">
      <c r="H221772" s="12"/>
    </row>
    <row r="221773" spans="8:8">
      <c r="H221773" s="12"/>
    </row>
    <row r="221774" spans="8:8">
      <c r="H221774" s="12"/>
    </row>
    <row r="221775" spans="8:8">
      <c r="H221775" s="12"/>
    </row>
    <row r="221776" spans="8:8">
      <c r="H221776" s="12"/>
    </row>
    <row r="221777" spans="8:8">
      <c r="H221777" s="12"/>
    </row>
    <row r="221778" spans="8:8">
      <c r="H221778" s="12"/>
    </row>
    <row r="221779" spans="8:8">
      <c r="H221779" s="12"/>
    </row>
    <row r="221780" spans="8:8">
      <c r="H221780" s="12"/>
    </row>
    <row r="221781" spans="8:8">
      <c r="H221781" s="12"/>
    </row>
    <row r="221782" spans="8:8">
      <c r="H221782" s="12"/>
    </row>
    <row r="221783" spans="8:8">
      <c r="H221783" s="12"/>
    </row>
    <row r="221784" spans="8:8">
      <c r="H221784" s="12"/>
    </row>
    <row r="221785" spans="8:8">
      <c r="H221785" s="12"/>
    </row>
    <row r="221786" spans="8:8">
      <c r="H221786" s="12"/>
    </row>
    <row r="221787" spans="8:8">
      <c r="H221787" s="12"/>
    </row>
    <row r="221788" spans="8:8">
      <c r="H221788" s="12"/>
    </row>
    <row r="221789" spans="8:8">
      <c r="H221789" s="12"/>
    </row>
    <row r="221790" spans="8:8">
      <c r="H221790" s="12"/>
    </row>
    <row r="221791" spans="8:8">
      <c r="H221791" s="12"/>
    </row>
    <row r="221792" spans="8:8">
      <c r="H221792" s="12"/>
    </row>
    <row r="221793" spans="8:8">
      <c r="H221793" s="12"/>
    </row>
    <row r="221794" spans="8:8">
      <c r="H221794" s="12"/>
    </row>
    <row r="221795" spans="8:8">
      <c r="H221795" s="12"/>
    </row>
    <row r="221796" spans="8:8">
      <c r="H221796" s="12"/>
    </row>
    <row r="221797" spans="8:8">
      <c r="H221797" s="12"/>
    </row>
    <row r="221798" spans="8:8">
      <c r="H221798" s="12"/>
    </row>
    <row r="221799" spans="8:8">
      <c r="H221799" s="12"/>
    </row>
    <row r="221800" spans="8:8">
      <c r="H221800" s="12"/>
    </row>
    <row r="221801" spans="8:8">
      <c r="H221801" s="12"/>
    </row>
    <row r="221802" spans="8:8">
      <c r="H221802" s="12"/>
    </row>
    <row r="221803" spans="8:8">
      <c r="H221803" s="12"/>
    </row>
    <row r="221804" spans="8:8">
      <c r="H221804" s="12"/>
    </row>
    <row r="221805" spans="8:8">
      <c r="H221805" s="12"/>
    </row>
    <row r="221806" spans="8:8">
      <c r="H221806" s="12"/>
    </row>
    <row r="221807" spans="8:8">
      <c r="H221807" s="12"/>
    </row>
    <row r="221808" spans="8:8">
      <c r="H221808" s="12"/>
    </row>
    <row r="221809" spans="8:8">
      <c r="H221809" s="12"/>
    </row>
    <row r="221810" spans="8:8">
      <c r="H221810" s="12"/>
    </row>
    <row r="221811" spans="8:8">
      <c r="H221811" s="12"/>
    </row>
    <row r="221812" spans="8:8">
      <c r="H221812" s="12"/>
    </row>
    <row r="221813" spans="8:8">
      <c r="H221813" s="12"/>
    </row>
    <row r="221814" spans="8:8">
      <c r="H221814" s="12"/>
    </row>
    <row r="221815" spans="8:8">
      <c r="H221815" s="12"/>
    </row>
    <row r="221816" spans="8:8">
      <c r="H221816" s="12"/>
    </row>
    <row r="221817" spans="8:8">
      <c r="H221817" s="12"/>
    </row>
    <row r="221818" spans="8:8">
      <c r="H221818" s="12"/>
    </row>
    <row r="221819" spans="8:8">
      <c r="H221819" s="12"/>
    </row>
    <row r="221820" spans="8:8">
      <c r="H221820" s="12"/>
    </row>
    <row r="221821" spans="8:8">
      <c r="H221821" s="12"/>
    </row>
    <row r="221822" spans="8:8">
      <c r="H221822" s="12"/>
    </row>
    <row r="221823" spans="8:8">
      <c r="H221823" s="12"/>
    </row>
    <row r="221824" spans="8:8">
      <c r="H221824" s="12"/>
    </row>
    <row r="221825" spans="8:8">
      <c r="H221825" s="12"/>
    </row>
    <row r="221826" spans="8:8">
      <c r="H221826" s="12"/>
    </row>
    <row r="221827" spans="8:8">
      <c r="H221827" s="12"/>
    </row>
    <row r="221828" spans="8:8">
      <c r="H221828" s="12"/>
    </row>
    <row r="221829" spans="8:8">
      <c r="H221829" s="12"/>
    </row>
    <row r="221830" spans="8:8">
      <c r="H221830" s="12"/>
    </row>
    <row r="221831" spans="8:8">
      <c r="H221831" s="12"/>
    </row>
    <row r="221832" spans="8:8">
      <c r="H221832" s="12"/>
    </row>
    <row r="221833" spans="8:8">
      <c r="H221833" s="12"/>
    </row>
    <row r="221834" spans="8:8">
      <c r="H221834" s="12"/>
    </row>
    <row r="221835" spans="8:8">
      <c r="H221835" s="12"/>
    </row>
    <row r="221836" spans="8:8">
      <c r="H221836" s="12"/>
    </row>
    <row r="221837" spans="8:8">
      <c r="H221837" s="12"/>
    </row>
    <row r="221838" spans="8:8">
      <c r="H221838" s="12"/>
    </row>
    <row r="221839" spans="8:8">
      <c r="H221839" s="12"/>
    </row>
    <row r="221840" spans="8:8">
      <c r="H221840" s="12"/>
    </row>
    <row r="221841" spans="8:8">
      <c r="H221841" s="12"/>
    </row>
    <row r="221842" spans="8:8">
      <c r="H221842" s="12"/>
    </row>
    <row r="221843" spans="8:8">
      <c r="H221843" s="12"/>
    </row>
    <row r="221844" spans="8:8">
      <c r="H221844" s="12"/>
    </row>
    <row r="221845" spans="8:8">
      <c r="H221845" s="12"/>
    </row>
    <row r="221846" spans="8:8">
      <c r="H221846" s="12"/>
    </row>
    <row r="221847" spans="8:8">
      <c r="H221847" s="12"/>
    </row>
    <row r="221848" spans="8:8">
      <c r="H221848" s="12"/>
    </row>
    <row r="221849" spans="8:8">
      <c r="H221849" s="12"/>
    </row>
    <row r="221850" spans="8:8">
      <c r="H221850" s="12"/>
    </row>
    <row r="221851" spans="8:8">
      <c r="H221851" s="12"/>
    </row>
    <row r="221852" spans="8:8">
      <c r="H221852" s="12"/>
    </row>
    <row r="221853" spans="8:8">
      <c r="H221853" s="12"/>
    </row>
    <row r="221854" spans="8:8">
      <c r="H221854" s="12"/>
    </row>
    <row r="221855" spans="8:8">
      <c r="H221855" s="12"/>
    </row>
    <row r="221856" spans="8:8">
      <c r="H221856" s="12"/>
    </row>
    <row r="221857" spans="8:8">
      <c r="H221857" s="12"/>
    </row>
    <row r="221858" spans="8:8">
      <c r="H221858" s="12"/>
    </row>
    <row r="221859" spans="8:8">
      <c r="H221859" s="12"/>
    </row>
    <row r="221860" spans="8:8">
      <c r="H221860" s="12"/>
    </row>
    <row r="221861" spans="8:8">
      <c r="H221861" s="12"/>
    </row>
    <row r="221862" spans="8:8">
      <c r="H221862" s="12"/>
    </row>
    <row r="221863" spans="8:8">
      <c r="H221863" s="12"/>
    </row>
    <row r="221864" spans="8:8">
      <c r="H221864" s="12"/>
    </row>
    <row r="221865" spans="8:8">
      <c r="H221865" s="12"/>
    </row>
    <row r="221866" spans="8:8">
      <c r="H221866" s="12"/>
    </row>
    <row r="221867" spans="8:8">
      <c r="H221867" s="12"/>
    </row>
    <row r="221868" spans="8:8">
      <c r="H221868" s="12"/>
    </row>
    <row r="221869" spans="8:8">
      <c r="H221869" s="12"/>
    </row>
    <row r="221870" spans="8:8">
      <c r="H221870" s="12"/>
    </row>
    <row r="221871" spans="8:8">
      <c r="H221871" s="12"/>
    </row>
    <row r="221872" spans="8:8">
      <c r="H221872" s="12"/>
    </row>
    <row r="221873" spans="8:8">
      <c r="H221873" s="12"/>
    </row>
    <row r="221874" spans="8:8">
      <c r="H221874" s="12"/>
    </row>
    <row r="221875" spans="8:8">
      <c r="H221875" s="12"/>
    </row>
    <row r="221876" spans="8:8">
      <c r="H221876" s="12"/>
    </row>
    <row r="221877" spans="8:8">
      <c r="H221877" s="12"/>
    </row>
    <row r="221878" spans="8:8">
      <c r="H221878" s="12"/>
    </row>
    <row r="221879" spans="8:8">
      <c r="H221879" s="12"/>
    </row>
    <row r="221880" spans="8:8">
      <c r="H221880" s="12"/>
    </row>
    <row r="221881" spans="8:8">
      <c r="H221881" s="12"/>
    </row>
    <row r="221882" spans="8:8">
      <c r="H221882" s="12"/>
    </row>
    <row r="221883" spans="8:8">
      <c r="H221883" s="12"/>
    </row>
    <row r="221884" spans="8:8">
      <c r="H221884" s="12"/>
    </row>
    <row r="221885" spans="8:8">
      <c r="H221885" s="12"/>
    </row>
    <row r="221886" spans="8:8">
      <c r="H221886" s="12"/>
    </row>
    <row r="221887" spans="8:8">
      <c r="H221887" s="12"/>
    </row>
    <row r="221888" spans="8:8">
      <c r="H221888" s="12"/>
    </row>
    <row r="221889" spans="8:8">
      <c r="H221889" s="12"/>
    </row>
    <row r="221890" spans="8:8">
      <c r="H221890" s="12"/>
    </row>
    <row r="221891" spans="8:8">
      <c r="H221891" s="12"/>
    </row>
    <row r="221892" spans="8:8">
      <c r="H221892" s="12"/>
    </row>
    <row r="221893" spans="8:8">
      <c r="H221893" s="12"/>
    </row>
    <row r="221894" spans="8:8">
      <c r="H221894" s="12"/>
    </row>
    <row r="221895" spans="8:8">
      <c r="H221895" s="12"/>
    </row>
    <row r="221896" spans="8:8">
      <c r="H221896" s="12"/>
    </row>
    <row r="221897" spans="8:8">
      <c r="H221897" s="12"/>
    </row>
    <row r="221898" spans="8:8">
      <c r="H221898" s="12"/>
    </row>
    <row r="221899" spans="8:8">
      <c r="H221899" s="12"/>
    </row>
    <row r="221900" spans="8:8">
      <c r="H221900" s="12"/>
    </row>
    <row r="221901" spans="8:8">
      <c r="H221901" s="12"/>
    </row>
    <row r="221902" spans="8:8">
      <c r="H221902" s="12"/>
    </row>
    <row r="221903" spans="8:8">
      <c r="H221903" s="12"/>
    </row>
    <row r="221904" spans="8:8">
      <c r="H221904" s="12"/>
    </row>
    <row r="221905" spans="8:8">
      <c r="H221905" s="12"/>
    </row>
    <row r="221906" spans="8:8">
      <c r="H221906" s="12"/>
    </row>
    <row r="221907" spans="8:8">
      <c r="H221907" s="12"/>
    </row>
    <row r="221908" spans="8:8">
      <c r="H221908" s="12"/>
    </row>
    <row r="221909" spans="8:8">
      <c r="H221909" s="12"/>
    </row>
    <row r="221910" spans="8:8">
      <c r="H221910" s="12"/>
    </row>
    <row r="221911" spans="8:8">
      <c r="H221911" s="12"/>
    </row>
    <row r="221912" spans="8:8">
      <c r="H221912" s="12"/>
    </row>
    <row r="221913" spans="8:8">
      <c r="H221913" s="12"/>
    </row>
    <row r="221914" spans="8:8">
      <c r="H221914" s="12"/>
    </row>
    <row r="221915" spans="8:8">
      <c r="H221915" s="12"/>
    </row>
    <row r="221916" spans="8:8">
      <c r="H221916" s="12"/>
    </row>
    <row r="221917" spans="8:8">
      <c r="H221917" s="12"/>
    </row>
    <row r="221918" spans="8:8">
      <c r="H221918" s="12"/>
    </row>
    <row r="221919" spans="8:8">
      <c r="H221919" s="12"/>
    </row>
    <row r="221920" spans="8:8">
      <c r="H221920" s="12"/>
    </row>
    <row r="221921" spans="8:8">
      <c r="H221921" s="12"/>
    </row>
    <row r="221922" spans="8:8">
      <c r="H221922" s="12"/>
    </row>
    <row r="221923" spans="8:8">
      <c r="H221923" s="12"/>
    </row>
    <row r="221924" spans="8:8">
      <c r="H221924" s="12"/>
    </row>
    <row r="221925" spans="8:8">
      <c r="H221925" s="12"/>
    </row>
    <row r="221926" spans="8:8">
      <c r="H221926" s="12"/>
    </row>
    <row r="221927" spans="8:8">
      <c r="H221927" s="12"/>
    </row>
    <row r="221928" spans="8:8">
      <c r="H221928" s="12"/>
    </row>
    <row r="221929" spans="8:8">
      <c r="H221929" s="12"/>
    </row>
    <row r="221930" spans="8:8">
      <c r="H221930" s="12"/>
    </row>
    <row r="221931" spans="8:8">
      <c r="H221931" s="12"/>
    </row>
    <row r="221932" spans="8:8">
      <c r="H221932" s="12"/>
    </row>
    <row r="221933" spans="8:8">
      <c r="H221933" s="12"/>
    </row>
    <row r="221934" spans="8:8">
      <c r="H221934" s="12"/>
    </row>
    <row r="221935" spans="8:8">
      <c r="H221935" s="12"/>
    </row>
    <row r="221936" spans="8:8">
      <c r="H221936" s="12"/>
    </row>
    <row r="221937" spans="8:8">
      <c r="H221937" s="12"/>
    </row>
    <row r="221938" spans="8:8">
      <c r="H221938" s="12"/>
    </row>
    <row r="221939" spans="8:8">
      <c r="H221939" s="12"/>
    </row>
    <row r="221940" spans="8:8">
      <c r="H221940" s="12"/>
    </row>
    <row r="221941" spans="8:8">
      <c r="H221941" s="12"/>
    </row>
    <row r="221942" spans="8:8">
      <c r="H221942" s="12"/>
    </row>
    <row r="221943" spans="8:8">
      <c r="H221943" s="12"/>
    </row>
    <row r="221944" spans="8:8">
      <c r="H221944" s="12"/>
    </row>
    <row r="221945" spans="8:8">
      <c r="H221945" s="12"/>
    </row>
    <row r="221946" spans="8:8">
      <c r="H221946" s="12"/>
    </row>
    <row r="221947" spans="8:8">
      <c r="H221947" s="12"/>
    </row>
    <row r="221948" spans="8:8">
      <c r="H221948" s="12"/>
    </row>
    <row r="221949" spans="8:8">
      <c r="H221949" s="12"/>
    </row>
    <row r="221950" spans="8:8">
      <c r="H221950" s="12"/>
    </row>
    <row r="221951" spans="8:8">
      <c r="H221951" s="12"/>
    </row>
    <row r="221952" spans="8:8">
      <c r="H221952" s="12"/>
    </row>
    <row r="221953" spans="8:8">
      <c r="H221953" s="12"/>
    </row>
    <row r="221954" spans="8:8">
      <c r="H221954" s="12"/>
    </row>
    <row r="221955" spans="8:8">
      <c r="H221955" s="12"/>
    </row>
    <row r="221956" spans="8:8">
      <c r="H221956" s="12"/>
    </row>
    <row r="221957" spans="8:8">
      <c r="H221957" s="12"/>
    </row>
    <row r="221958" spans="8:8">
      <c r="H221958" s="12"/>
    </row>
    <row r="221959" spans="8:8">
      <c r="H221959" s="12"/>
    </row>
    <row r="221960" spans="8:8">
      <c r="H221960" s="12"/>
    </row>
    <row r="221961" spans="8:8">
      <c r="H221961" s="12"/>
    </row>
    <row r="221962" spans="8:8">
      <c r="H221962" s="12"/>
    </row>
    <row r="221963" spans="8:8">
      <c r="H221963" s="12"/>
    </row>
    <row r="221964" spans="8:8">
      <c r="H221964" s="12"/>
    </row>
    <row r="221965" spans="8:8">
      <c r="H221965" s="12"/>
    </row>
    <row r="221966" spans="8:8">
      <c r="H221966" s="12"/>
    </row>
    <row r="221967" spans="8:8">
      <c r="H221967" s="12"/>
    </row>
    <row r="221968" spans="8:8">
      <c r="H221968" s="12"/>
    </row>
    <row r="221969" spans="8:8">
      <c r="H221969" s="12"/>
    </row>
    <row r="221970" spans="8:8">
      <c r="H221970" s="12"/>
    </row>
    <row r="221971" spans="8:8">
      <c r="H221971" s="12"/>
    </row>
    <row r="221972" spans="8:8">
      <c r="H221972" s="12"/>
    </row>
    <row r="221973" spans="8:8">
      <c r="H221973" s="12"/>
    </row>
    <row r="221974" spans="8:8">
      <c r="H221974" s="12"/>
    </row>
    <row r="221975" spans="8:8">
      <c r="H221975" s="12"/>
    </row>
    <row r="221976" spans="8:8">
      <c r="H221976" s="12"/>
    </row>
    <row r="221977" spans="8:8">
      <c r="H221977" s="12"/>
    </row>
    <row r="221978" spans="8:8">
      <c r="H221978" s="12"/>
    </row>
    <row r="221979" spans="8:8">
      <c r="H221979" s="12"/>
    </row>
    <row r="221980" spans="8:8">
      <c r="H221980" s="12"/>
    </row>
    <row r="221981" spans="8:8">
      <c r="H221981" s="12"/>
    </row>
    <row r="221982" spans="8:8">
      <c r="H221982" s="12"/>
    </row>
    <row r="221983" spans="8:8">
      <c r="H221983" s="12"/>
    </row>
    <row r="221984" spans="8:8">
      <c r="H221984" s="12"/>
    </row>
    <row r="221985" spans="8:8">
      <c r="H221985" s="12"/>
    </row>
    <row r="221986" spans="8:8">
      <c r="H221986" s="12"/>
    </row>
    <row r="221987" spans="8:8">
      <c r="H221987" s="12"/>
    </row>
    <row r="221988" spans="8:8">
      <c r="H221988" s="12"/>
    </row>
    <row r="221989" spans="8:8">
      <c r="H221989" s="12"/>
    </row>
    <row r="221990" spans="8:8">
      <c r="H221990" s="12"/>
    </row>
    <row r="221991" spans="8:8">
      <c r="H221991" s="12"/>
    </row>
    <row r="221992" spans="8:8">
      <c r="H221992" s="12"/>
    </row>
    <row r="221993" spans="8:8">
      <c r="H221993" s="12"/>
    </row>
    <row r="221994" spans="8:8">
      <c r="H221994" s="12"/>
    </row>
    <row r="221995" spans="8:8">
      <c r="H221995" s="12"/>
    </row>
    <row r="221996" spans="8:8">
      <c r="H221996" s="12"/>
    </row>
    <row r="221997" spans="8:8">
      <c r="H221997" s="12"/>
    </row>
    <row r="221998" spans="8:8">
      <c r="H221998" s="12"/>
    </row>
    <row r="221999" spans="8:8">
      <c r="H221999" s="12"/>
    </row>
    <row r="222000" spans="8:8">
      <c r="H222000" s="12"/>
    </row>
    <row r="222001" spans="8:8">
      <c r="H222001" s="12"/>
    </row>
    <row r="222002" spans="8:8">
      <c r="H222002" s="12"/>
    </row>
    <row r="222003" spans="8:8">
      <c r="H222003" s="12"/>
    </row>
    <row r="222004" spans="8:8">
      <c r="H222004" s="12"/>
    </row>
    <row r="222005" spans="8:8">
      <c r="H222005" s="12"/>
    </row>
    <row r="222006" spans="8:8">
      <c r="H222006" s="12"/>
    </row>
    <row r="222007" spans="8:8">
      <c r="H222007" s="12"/>
    </row>
    <row r="222008" spans="8:8">
      <c r="H222008" s="12"/>
    </row>
    <row r="222009" spans="8:8">
      <c r="H222009" s="12"/>
    </row>
    <row r="222010" spans="8:8">
      <c r="H222010" s="12"/>
    </row>
    <row r="222011" spans="8:8">
      <c r="H222011" s="12"/>
    </row>
    <row r="222012" spans="8:8">
      <c r="H222012" s="12"/>
    </row>
    <row r="222013" spans="8:8">
      <c r="H222013" s="12"/>
    </row>
    <row r="222014" spans="8:8">
      <c r="H222014" s="12"/>
    </row>
    <row r="222015" spans="8:8">
      <c r="H222015" s="12"/>
    </row>
    <row r="222016" spans="8:8">
      <c r="H222016" s="12"/>
    </row>
    <row r="222017" spans="8:8">
      <c r="H222017" s="12"/>
    </row>
    <row r="222018" spans="8:8">
      <c r="H222018" s="12"/>
    </row>
    <row r="222019" spans="8:8">
      <c r="H222019" s="12"/>
    </row>
    <row r="222020" spans="8:8">
      <c r="H222020" s="12"/>
    </row>
    <row r="222021" spans="8:8">
      <c r="H222021" s="12"/>
    </row>
    <row r="222022" spans="8:8">
      <c r="H222022" s="12"/>
    </row>
    <row r="222023" spans="8:8">
      <c r="H222023" s="12"/>
    </row>
    <row r="222024" spans="8:8">
      <c r="H222024" s="12"/>
    </row>
    <row r="222025" spans="8:8">
      <c r="H222025" s="12"/>
    </row>
    <row r="222026" spans="8:8">
      <c r="H222026" s="12"/>
    </row>
    <row r="222027" spans="8:8">
      <c r="H222027" s="12"/>
    </row>
    <row r="222028" spans="8:8">
      <c r="H222028" s="12"/>
    </row>
    <row r="222029" spans="8:8">
      <c r="H222029" s="12"/>
    </row>
    <row r="222030" spans="8:8">
      <c r="H222030" s="12"/>
    </row>
    <row r="222031" spans="8:8">
      <c r="H222031" s="12"/>
    </row>
    <row r="222032" spans="8:8">
      <c r="H222032" s="12"/>
    </row>
    <row r="222033" spans="8:8">
      <c r="H222033" s="12"/>
    </row>
    <row r="222034" spans="8:8">
      <c r="H222034" s="12"/>
    </row>
    <row r="222035" spans="8:8">
      <c r="H222035" s="12"/>
    </row>
    <row r="222036" spans="8:8">
      <c r="H222036" s="12"/>
    </row>
    <row r="222037" spans="8:8">
      <c r="H222037" s="12"/>
    </row>
    <row r="222038" spans="8:8">
      <c r="H222038" s="12"/>
    </row>
    <row r="222039" spans="8:8">
      <c r="H222039" s="12"/>
    </row>
    <row r="222040" spans="8:8">
      <c r="H222040" s="12"/>
    </row>
    <row r="222041" spans="8:8">
      <c r="H222041" s="12"/>
    </row>
    <row r="222042" spans="8:8">
      <c r="H222042" s="12"/>
    </row>
    <row r="222043" spans="8:8">
      <c r="H222043" s="12"/>
    </row>
    <row r="222044" spans="8:8">
      <c r="H222044" s="12"/>
    </row>
    <row r="222045" spans="8:8">
      <c r="H222045" s="12"/>
    </row>
    <row r="222046" spans="8:8">
      <c r="H222046" s="12"/>
    </row>
    <row r="222047" spans="8:8">
      <c r="H222047" s="12"/>
    </row>
    <row r="222048" spans="8:8">
      <c r="H222048" s="12"/>
    </row>
    <row r="222049" spans="8:8">
      <c r="H222049" s="12"/>
    </row>
    <row r="222050" spans="8:8">
      <c r="H222050" s="12"/>
    </row>
    <row r="222051" spans="8:8">
      <c r="H222051" s="12"/>
    </row>
    <row r="222052" spans="8:8">
      <c r="H222052" s="12"/>
    </row>
    <row r="222053" spans="8:8">
      <c r="H222053" s="12"/>
    </row>
    <row r="222054" spans="8:8">
      <c r="H222054" s="12"/>
    </row>
    <row r="222055" spans="8:8">
      <c r="H222055" s="12"/>
    </row>
    <row r="222056" spans="8:8">
      <c r="H222056" s="12"/>
    </row>
    <row r="222057" spans="8:8">
      <c r="H222057" s="12"/>
    </row>
    <row r="222058" spans="8:8">
      <c r="H222058" s="12"/>
    </row>
    <row r="222059" spans="8:8">
      <c r="H222059" s="12"/>
    </row>
    <row r="222060" spans="8:8">
      <c r="H222060" s="12"/>
    </row>
    <row r="222061" spans="8:8">
      <c r="H222061" s="12"/>
    </row>
    <row r="222062" spans="8:8">
      <c r="H222062" s="12"/>
    </row>
    <row r="222063" spans="8:8">
      <c r="H222063" s="12"/>
    </row>
    <row r="222064" spans="8:8">
      <c r="H222064" s="12"/>
    </row>
    <row r="222065" spans="8:8">
      <c r="H222065" s="12"/>
    </row>
    <row r="222066" spans="8:8">
      <c r="H222066" s="12"/>
    </row>
    <row r="222067" spans="8:8">
      <c r="H222067" s="12"/>
    </row>
    <row r="222068" spans="8:8">
      <c r="H222068" s="12"/>
    </row>
    <row r="222069" spans="8:8">
      <c r="H222069" s="12"/>
    </row>
    <row r="222070" spans="8:8">
      <c r="H222070" s="12"/>
    </row>
    <row r="222071" spans="8:8">
      <c r="H222071" s="12"/>
    </row>
    <row r="222072" spans="8:8">
      <c r="H222072" s="12"/>
    </row>
    <row r="222073" spans="8:8">
      <c r="H222073" s="12"/>
    </row>
    <row r="222074" spans="8:8">
      <c r="H222074" s="12"/>
    </row>
    <row r="222075" spans="8:8">
      <c r="H222075" s="12"/>
    </row>
    <row r="222076" spans="8:8">
      <c r="H222076" s="12"/>
    </row>
    <row r="222077" spans="8:8">
      <c r="H222077" s="12"/>
    </row>
    <row r="222078" spans="8:8">
      <c r="H222078" s="12"/>
    </row>
    <row r="222079" spans="8:8">
      <c r="H222079" s="12"/>
    </row>
    <row r="222080" spans="8:8">
      <c r="H222080" s="12"/>
    </row>
    <row r="222081" spans="8:8">
      <c r="H222081" s="12"/>
    </row>
    <row r="222082" spans="8:8">
      <c r="H222082" s="12"/>
    </row>
    <row r="222083" spans="8:8">
      <c r="H222083" s="12"/>
    </row>
    <row r="222084" spans="8:8">
      <c r="H222084" s="12"/>
    </row>
    <row r="222085" spans="8:8">
      <c r="H222085" s="12"/>
    </row>
    <row r="222086" spans="8:8">
      <c r="H222086" s="12"/>
    </row>
    <row r="222087" spans="8:8">
      <c r="H222087" s="12"/>
    </row>
    <row r="222088" spans="8:8">
      <c r="H222088" s="12"/>
    </row>
    <row r="222089" spans="8:8">
      <c r="H222089" s="12"/>
    </row>
    <row r="222090" spans="8:8">
      <c r="H222090" s="12"/>
    </row>
    <row r="222091" spans="8:8">
      <c r="H222091" s="12"/>
    </row>
    <row r="222092" spans="8:8">
      <c r="H222092" s="12"/>
    </row>
    <row r="222093" spans="8:8">
      <c r="H222093" s="12"/>
    </row>
    <row r="222094" spans="8:8">
      <c r="H222094" s="12"/>
    </row>
    <row r="222095" spans="8:8">
      <c r="H222095" s="12"/>
    </row>
    <row r="222096" spans="8:8">
      <c r="H222096" s="12"/>
    </row>
    <row r="222097" spans="8:8">
      <c r="H222097" s="12"/>
    </row>
    <row r="222098" spans="8:8">
      <c r="H222098" s="12"/>
    </row>
    <row r="222099" spans="8:8">
      <c r="H222099" s="12"/>
    </row>
    <row r="222100" spans="8:8">
      <c r="H222100" s="12"/>
    </row>
    <row r="222101" spans="8:8">
      <c r="H222101" s="12"/>
    </row>
    <row r="222102" spans="8:8">
      <c r="H222102" s="12"/>
    </row>
    <row r="222103" spans="8:8">
      <c r="H222103" s="12"/>
    </row>
    <row r="222104" spans="8:8">
      <c r="H222104" s="12"/>
    </row>
    <row r="222105" spans="8:8">
      <c r="H222105" s="12"/>
    </row>
    <row r="222106" spans="8:8">
      <c r="H222106" s="12"/>
    </row>
    <row r="222107" spans="8:8">
      <c r="H222107" s="12"/>
    </row>
    <row r="222108" spans="8:8">
      <c r="H222108" s="12"/>
    </row>
    <row r="222109" spans="8:8">
      <c r="H222109" s="12"/>
    </row>
    <row r="222110" spans="8:8">
      <c r="H222110" s="12"/>
    </row>
    <row r="222111" spans="8:8">
      <c r="H222111" s="12"/>
    </row>
    <row r="222112" spans="8:8">
      <c r="H222112" s="12"/>
    </row>
    <row r="222113" spans="8:8">
      <c r="H222113" s="12"/>
    </row>
    <row r="222114" spans="8:8">
      <c r="H222114" s="12"/>
    </row>
    <row r="222115" spans="8:8">
      <c r="H222115" s="12"/>
    </row>
    <row r="222116" spans="8:8">
      <c r="H222116" s="12"/>
    </row>
    <row r="222117" spans="8:8">
      <c r="H222117" s="12"/>
    </row>
    <row r="222118" spans="8:8">
      <c r="H222118" s="12"/>
    </row>
    <row r="222119" spans="8:8">
      <c r="H222119" s="12"/>
    </row>
    <row r="222120" spans="8:8">
      <c r="H222120" s="12"/>
    </row>
    <row r="222121" spans="8:8">
      <c r="H222121" s="12"/>
    </row>
    <row r="222122" spans="8:8">
      <c r="H222122" s="12"/>
    </row>
    <row r="222123" spans="8:8">
      <c r="H222123" s="12"/>
    </row>
    <row r="222124" spans="8:8">
      <c r="H222124" s="12"/>
    </row>
    <row r="222125" spans="8:8">
      <c r="H222125" s="12"/>
    </row>
    <row r="222126" spans="8:8">
      <c r="H222126" s="12"/>
    </row>
    <row r="222127" spans="8:8">
      <c r="H222127" s="12"/>
    </row>
    <row r="222128" spans="8:8">
      <c r="H222128" s="12"/>
    </row>
    <row r="222129" spans="8:8">
      <c r="H222129" s="12"/>
    </row>
    <row r="222130" spans="8:8">
      <c r="H222130" s="12"/>
    </row>
    <row r="222131" spans="8:8">
      <c r="H222131" s="12"/>
    </row>
    <row r="222132" spans="8:8">
      <c r="H222132" s="12"/>
    </row>
    <row r="222133" spans="8:8">
      <c r="H222133" s="12"/>
    </row>
    <row r="222134" spans="8:8">
      <c r="H222134" s="12"/>
    </row>
    <row r="222135" spans="8:8">
      <c r="H222135" s="12"/>
    </row>
    <row r="222136" spans="8:8">
      <c r="H222136" s="12"/>
    </row>
    <row r="222137" spans="8:8">
      <c r="H222137" s="12"/>
    </row>
    <row r="222138" spans="8:8">
      <c r="H222138" s="12"/>
    </row>
    <row r="222139" spans="8:8">
      <c r="H222139" s="12"/>
    </row>
    <row r="222140" spans="8:8">
      <c r="H222140" s="12"/>
    </row>
    <row r="222141" spans="8:8">
      <c r="H222141" s="12"/>
    </row>
    <row r="222142" spans="8:8">
      <c r="H222142" s="12"/>
    </row>
    <row r="222143" spans="8:8">
      <c r="H222143" s="12"/>
    </row>
    <row r="222144" spans="8:8">
      <c r="H222144" s="12"/>
    </row>
    <row r="222145" spans="8:8">
      <c r="H222145" s="12"/>
    </row>
    <row r="222146" spans="8:8">
      <c r="H222146" s="12"/>
    </row>
    <row r="222147" spans="8:8">
      <c r="H222147" s="12"/>
    </row>
    <row r="222148" spans="8:8">
      <c r="H222148" s="12"/>
    </row>
    <row r="222149" spans="8:8">
      <c r="H222149" s="12"/>
    </row>
    <row r="222150" spans="8:8">
      <c r="H222150" s="12"/>
    </row>
    <row r="222151" spans="8:8">
      <c r="H222151" s="12"/>
    </row>
    <row r="222152" spans="8:8">
      <c r="H222152" s="12"/>
    </row>
    <row r="222153" spans="8:8">
      <c r="H222153" s="12"/>
    </row>
    <row r="222154" spans="8:8">
      <c r="H222154" s="12"/>
    </row>
    <row r="222155" spans="8:8">
      <c r="H222155" s="12"/>
    </row>
    <row r="222156" spans="8:8">
      <c r="H222156" s="12"/>
    </row>
    <row r="222157" spans="8:8">
      <c r="H222157" s="12"/>
    </row>
    <row r="222158" spans="8:8">
      <c r="H222158" s="12"/>
    </row>
    <row r="222159" spans="8:8">
      <c r="H222159" s="12"/>
    </row>
    <row r="222160" spans="8:8">
      <c r="H222160" s="12"/>
    </row>
    <row r="222161" spans="8:8">
      <c r="H222161" s="12"/>
    </row>
    <row r="222162" spans="8:8">
      <c r="H222162" s="12"/>
    </row>
    <row r="222163" spans="8:8">
      <c r="H222163" s="12"/>
    </row>
    <row r="222164" spans="8:8">
      <c r="H222164" s="12"/>
    </row>
    <row r="222165" spans="8:8">
      <c r="H222165" s="12"/>
    </row>
    <row r="222166" spans="8:8">
      <c r="H222166" s="12"/>
    </row>
    <row r="222167" spans="8:8">
      <c r="H222167" s="12"/>
    </row>
    <row r="222168" spans="8:8">
      <c r="H222168" s="12"/>
    </row>
    <row r="222169" spans="8:8">
      <c r="H222169" s="12"/>
    </row>
    <row r="222170" spans="8:8">
      <c r="H222170" s="12"/>
    </row>
    <row r="222171" spans="8:8">
      <c r="H222171" s="12"/>
    </row>
    <row r="222172" spans="8:8">
      <c r="H222172" s="12"/>
    </row>
    <row r="222173" spans="8:8">
      <c r="H222173" s="12"/>
    </row>
    <row r="222174" spans="8:8">
      <c r="H222174" s="12"/>
    </row>
    <row r="222175" spans="8:8">
      <c r="H222175" s="12"/>
    </row>
    <row r="222176" spans="8:8">
      <c r="H222176" s="12"/>
    </row>
    <row r="222177" spans="8:8">
      <c r="H222177" s="12"/>
    </row>
    <row r="222178" spans="8:8">
      <c r="H222178" s="12"/>
    </row>
    <row r="222179" spans="8:8">
      <c r="H222179" s="12"/>
    </row>
    <row r="222180" spans="8:8">
      <c r="H222180" s="12"/>
    </row>
    <row r="222181" spans="8:8">
      <c r="H222181" s="12"/>
    </row>
    <row r="222182" spans="8:8">
      <c r="H222182" s="12"/>
    </row>
    <row r="222183" spans="8:8">
      <c r="H222183" s="12"/>
    </row>
    <row r="222184" spans="8:8">
      <c r="H222184" s="12"/>
    </row>
    <row r="222185" spans="8:8">
      <c r="H222185" s="12"/>
    </row>
    <row r="222186" spans="8:8">
      <c r="H222186" s="12"/>
    </row>
    <row r="222187" spans="8:8">
      <c r="H222187" s="12"/>
    </row>
    <row r="222188" spans="8:8">
      <c r="H222188" s="12"/>
    </row>
    <row r="222189" spans="8:8">
      <c r="H222189" s="12"/>
    </row>
    <row r="222190" spans="8:8">
      <c r="H222190" s="12"/>
    </row>
    <row r="222191" spans="8:8">
      <c r="H222191" s="12"/>
    </row>
    <row r="222192" spans="8:8">
      <c r="H222192" s="12"/>
    </row>
    <row r="222193" spans="8:8">
      <c r="H222193" s="12"/>
    </row>
    <row r="222194" spans="8:8">
      <c r="H222194" s="12"/>
    </row>
    <row r="222195" spans="8:8">
      <c r="H222195" s="12"/>
    </row>
    <row r="222196" spans="8:8">
      <c r="H222196" s="12"/>
    </row>
    <row r="222197" spans="8:8">
      <c r="H222197" s="12"/>
    </row>
    <row r="222198" spans="8:8">
      <c r="H222198" s="12"/>
    </row>
    <row r="222199" spans="8:8">
      <c r="H222199" s="12"/>
    </row>
    <row r="222200" spans="8:8">
      <c r="H222200" s="12"/>
    </row>
    <row r="222201" spans="8:8">
      <c r="H222201" s="12"/>
    </row>
    <row r="222202" spans="8:8">
      <c r="H222202" s="12"/>
    </row>
    <row r="222203" spans="8:8">
      <c r="H222203" s="12"/>
    </row>
    <row r="222204" spans="8:8">
      <c r="H222204" s="12"/>
    </row>
    <row r="222205" spans="8:8">
      <c r="H222205" s="12"/>
    </row>
    <row r="222206" spans="8:8">
      <c r="H222206" s="12"/>
    </row>
    <row r="222207" spans="8:8">
      <c r="H222207" s="12"/>
    </row>
    <row r="222208" spans="8:8">
      <c r="H222208" s="12"/>
    </row>
    <row r="222209" spans="8:8">
      <c r="H222209" s="12"/>
    </row>
    <row r="222210" spans="8:8">
      <c r="H222210" s="12"/>
    </row>
    <row r="222211" spans="8:8">
      <c r="H222211" s="12"/>
    </row>
    <row r="222212" spans="8:8">
      <c r="H222212" s="12"/>
    </row>
    <row r="222213" spans="8:8">
      <c r="H222213" s="12"/>
    </row>
    <row r="222214" spans="8:8">
      <c r="H222214" s="12"/>
    </row>
    <row r="222215" spans="8:8">
      <c r="H222215" s="12"/>
    </row>
    <row r="222216" spans="8:8">
      <c r="H222216" s="12"/>
    </row>
    <row r="222217" spans="8:8">
      <c r="H222217" s="12"/>
    </row>
    <row r="222218" spans="8:8">
      <c r="H222218" s="12"/>
    </row>
    <row r="222219" spans="8:8">
      <c r="H222219" s="12"/>
    </row>
    <row r="222220" spans="8:8">
      <c r="H222220" s="12"/>
    </row>
    <row r="222221" spans="8:8">
      <c r="H222221" s="12"/>
    </row>
    <row r="222222" spans="8:8">
      <c r="H222222" s="12"/>
    </row>
    <row r="222223" spans="8:8">
      <c r="H222223" s="12"/>
    </row>
    <row r="222224" spans="8:8">
      <c r="H222224" s="12"/>
    </row>
    <row r="222225" spans="8:8">
      <c r="H222225" s="12"/>
    </row>
    <row r="222226" spans="8:8">
      <c r="H222226" s="12"/>
    </row>
    <row r="222227" spans="8:8">
      <c r="H222227" s="12"/>
    </row>
    <row r="222228" spans="8:8">
      <c r="H222228" s="12"/>
    </row>
    <row r="222229" spans="8:8">
      <c r="H222229" s="12"/>
    </row>
    <row r="222230" spans="8:8">
      <c r="H222230" s="12"/>
    </row>
    <row r="222231" spans="8:8">
      <c r="H222231" s="12"/>
    </row>
    <row r="222232" spans="8:8">
      <c r="H222232" s="12"/>
    </row>
    <row r="222233" spans="8:8">
      <c r="H222233" s="12"/>
    </row>
    <row r="222234" spans="8:8">
      <c r="H222234" s="12"/>
    </row>
    <row r="222235" spans="8:8">
      <c r="H222235" s="12"/>
    </row>
    <row r="222236" spans="8:8">
      <c r="H222236" s="12"/>
    </row>
    <row r="222237" spans="8:8">
      <c r="H222237" s="12"/>
    </row>
    <row r="222238" spans="8:8">
      <c r="H222238" s="12"/>
    </row>
    <row r="222239" spans="8:8">
      <c r="H222239" s="12"/>
    </row>
    <row r="222240" spans="8:8">
      <c r="H222240" s="12"/>
    </row>
    <row r="222241" spans="8:8">
      <c r="H222241" s="12"/>
    </row>
    <row r="222242" spans="8:8">
      <c r="H222242" s="12"/>
    </row>
    <row r="222243" spans="8:8">
      <c r="H222243" s="12"/>
    </row>
    <row r="222244" spans="8:8">
      <c r="H222244" s="12"/>
    </row>
    <row r="222245" spans="8:8">
      <c r="H222245" s="12"/>
    </row>
    <row r="222246" spans="8:8">
      <c r="H222246" s="12"/>
    </row>
    <row r="222247" spans="8:8">
      <c r="H222247" s="12"/>
    </row>
    <row r="222248" spans="8:8">
      <c r="H222248" s="12"/>
    </row>
    <row r="222249" spans="8:8">
      <c r="H222249" s="12"/>
    </row>
    <row r="222250" spans="8:8">
      <c r="H222250" s="12"/>
    </row>
    <row r="222251" spans="8:8">
      <c r="H222251" s="12"/>
    </row>
    <row r="222252" spans="8:8">
      <c r="H222252" s="12"/>
    </row>
    <row r="222253" spans="8:8">
      <c r="H222253" s="12"/>
    </row>
    <row r="222254" spans="8:8">
      <c r="H222254" s="12"/>
    </row>
    <row r="222255" spans="8:8">
      <c r="H222255" s="12"/>
    </row>
    <row r="222256" spans="8:8">
      <c r="H222256" s="12"/>
    </row>
    <row r="222257" spans="8:8">
      <c r="H222257" s="12"/>
    </row>
    <row r="222258" spans="8:8">
      <c r="H222258" s="12"/>
    </row>
    <row r="222259" spans="8:8">
      <c r="H222259" s="12"/>
    </row>
    <row r="222260" spans="8:8">
      <c r="H222260" s="12"/>
    </row>
    <row r="222261" spans="8:8">
      <c r="H222261" s="12"/>
    </row>
    <row r="222262" spans="8:8">
      <c r="H222262" s="12"/>
    </row>
    <row r="222263" spans="8:8">
      <c r="H222263" s="12"/>
    </row>
    <row r="222264" spans="8:8">
      <c r="H222264" s="12"/>
    </row>
    <row r="222265" spans="8:8">
      <c r="H222265" s="12"/>
    </row>
    <row r="222266" spans="8:8">
      <c r="H222266" s="12"/>
    </row>
    <row r="222267" spans="8:8">
      <c r="H222267" s="12"/>
    </row>
    <row r="222268" spans="8:8">
      <c r="H222268" s="12"/>
    </row>
    <row r="222269" spans="8:8">
      <c r="H222269" s="12"/>
    </row>
    <row r="222270" spans="8:8">
      <c r="H222270" s="12"/>
    </row>
    <row r="222271" spans="8:8">
      <c r="H222271" s="12"/>
    </row>
    <row r="222272" spans="8:8">
      <c r="H222272" s="12"/>
    </row>
    <row r="222273" spans="8:8">
      <c r="H222273" s="12"/>
    </row>
    <row r="222274" spans="8:8">
      <c r="H222274" s="12"/>
    </row>
    <row r="222275" spans="8:8">
      <c r="H222275" s="12"/>
    </row>
    <row r="222276" spans="8:8">
      <c r="H222276" s="12"/>
    </row>
    <row r="222277" spans="8:8">
      <c r="H222277" s="12"/>
    </row>
    <row r="222278" spans="8:8">
      <c r="H222278" s="12"/>
    </row>
    <row r="222279" spans="8:8">
      <c r="H222279" s="12"/>
    </row>
    <row r="222280" spans="8:8">
      <c r="H222280" s="12"/>
    </row>
    <row r="222281" spans="8:8">
      <c r="H222281" s="12"/>
    </row>
    <row r="222282" spans="8:8">
      <c r="H222282" s="12"/>
    </row>
    <row r="222283" spans="8:8">
      <c r="H222283" s="12"/>
    </row>
    <row r="222284" spans="8:8">
      <c r="H222284" s="12"/>
    </row>
    <row r="222285" spans="8:8">
      <c r="H222285" s="12"/>
    </row>
    <row r="222286" spans="8:8">
      <c r="H222286" s="12"/>
    </row>
    <row r="222287" spans="8:8">
      <c r="H222287" s="12"/>
    </row>
    <row r="222288" spans="8:8">
      <c r="H222288" s="12"/>
    </row>
    <row r="222289" spans="8:8">
      <c r="H222289" s="12"/>
    </row>
    <row r="222290" spans="8:8">
      <c r="H222290" s="12"/>
    </row>
    <row r="222291" spans="8:8">
      <c r="H222291" s="12"/>
    </row>
    <row r="222292" spans="8:8">
      <c r="H222292" s="12"/>
    </row>
    <row r="222293" spans="8:8">
      <c r="H222293" s="12"/>
    </row>
    <row r="222294" spans="8:8">
      <c r="H222294" s="12"/>
    </row>
    <row r="222295" spans="8:8">
      <c r="H222295" s="12"/>
    </row>
    <row r="222296" spans="8:8">
      <c r="H222296" s="12"/>
    </row>
    <row r="222297" spans="8:8">
      <c r="H222297" s="12"/>
    </row>
    <row r="222298" spans="8:8">
      <c r="H222298" s="12"/>
    </row>
    <row r="222299" spans="8:8">
      <c r="H222299" s="12"/>
    </row>
    <row r="222300" spans="8:8">
      <c r="H222300" s="12"/>
    </row>
    <row r="222301" spans="8:8">
      <c r="H222301" s="12"/>
    </row>
    <row r="222302" spans="8:8">
      <c r="H222302" s="12"/>
    </row>
    <row r="222303" spans="8:8">
      <c r="H222303" s="12"/>
    </row>
    <row r="222304" spans="8:8">
      <c r="H222304" s="12"/>
    </row>
    <row r="222305" spans="8:8">
      <c r="H222305" s="12"/>
    </row>
    <row r="222306" spans="8:8">
      <c r="H222306" s="12"/>
    </row>
    <row r="222307" spans="8:8">
      <c r="H222307" s="12"/>
    </row>
    <row r="222308" spans="8:8">
      <c r="H222308" s="12"/>
    </row>
    <row r="222309" spans="8:8">
      <c r="H222309" s="12"/>
    </row>
    <row r="222310" spans="8:8">
      <c r="H222310" s="12"/>
    </row>
    <row r="222311" spans="8:8">
      <c r="H222311" s="12"/>
    </row>
    <row r="222312" spans="8:8">
      <c r="H222312" s="12"/>
    </row>
    <row r="222313" spans="8:8">
      <c r="H222313" s="12"/>
    </row>
    <row r="222314" spans="8:8">
      <c r="H222314" s="12"/>
    </row>
    <row r="222315" spans="8:8">
      <c r="H222315" s="12"/>
    </row>
    <row r="222316" spans="8:8">
      <c r="H222316" s="12"/>
    </row>
    <row r="222317" spans="8:8">
      <c r="H222317" s="12"/>
    </row>
    <row r="222318" spans="8:8">
      <c r="H222318" s="12"/>
    </row>
    <row r="222319" spans="8:8">
      <c r="H222319" s="12"/>
    </row>
    <row r="222320" spans="8:8">
      <c r="H222320" s="12"/>
    </row>
    <row r="222321" spans="8:8">
      <c r="H222321" s="12"/>
    </row>
    <row r="222322" spans="8:8">
      <c r="H222322" s="12"/>
    </row>
    <row r="222323" spans="8:8">
      <c r="H222323" s="12"/>
    </row>
    <row r="222324" spans="8:8">
      <c r="H222324" s="12"/>
    </row>
    <row r="222325" spans="8:8">
      <c r="H222325" s="12"/>
    </row>
    <row r="222326" spans="8:8">
      <c r="H222326" s="12"/>
    </row>
    <row r="222327" spans="8:8">
      <c r="H222327" s="12"/>
    </row>
    <row r="222328" spans="8:8">
      <c r="H222328" s="12"/>
    </row>
    <row r="222329" spans="8:8">
      <c r="H222329" s="12"/>
    </row>
    <row r="222330" spans="8:8">
      <c r="H222330" s="12"/>
    </row>
    <row r="222331" spans="8:8">
      <c r="H222331" s="12"/>
    </row>
    <row r="222332" spans="8:8">
      <c r="H222332" s="12"/>
    </row>
    <row r="222333" spans="8:8">
      <c r="H222333" s="12"/>
    </row>
    <row r="222334" spans="8:8">
      <c r="H222334" s="12"/>
    </row>
    <row r="222335" spans="8:8">
      <c r="H222335" s="12"/>
    </row>
    <row r="222336" spans="8:8">
      <c r="H222336" s="12"/>
    </row>
    <row r="222337" spans="8:8">
      <c r="H222337" s="12"/>
    </row>
    <row r="222338" spans="8:8">
      <c r="H222338" s="12"/>
    </row>
    <row r="222339" spans="8:8">
      <c r="H222339" s="12"/>
    </row>
    <row r="222340" spans="8:8">
      <c r="H222340" s="12"/>
    </row>
    <row r="222341" spans="8:8">
      <c r="H222341" s="12"/>
    </row>
    <row r="222342" spans="8:8">
      <c r="H222342" s="12"/>
    </row>
    <row r="222343" spans="8:8">
      <c r="H222343" s="12"/>
    </row>
    <row r="222344" spans="8:8">
      <c r="H222344" s="12"/>
    </row>
    <row r="222345" spans="8:8">
      <c r="H222345" s="12"/>
    </row>
    <row r="222346" spans="8:8">
      <c r="H222346" s="12"/>
    </row>
    <row r="222347" spans="8:8">
      <c r="H222347" s="12"/>
    </row>
    <row r="222348" spans="8:8">
      <c r="H222348" s="12"/>
    </row>
    <row r="222349" spans="8:8">
      <c r="H222349" s="12"/>
    </row>
    <row r="222350" spans="8:8">
      <c r="H222350" s="12"/>
    </row>
    <row r="222351" spans="8:8">
      <c r="H222351" s="12"/>
    </row>
    <row r="222352" spans="8:8">
      <c r="H222352" s="12"/>
    </row>
    <row r="222353" spans="8:8">
      <c r="H222353" s="12"/>
    </row>
    <row r="222354" spans="8:8">
      <c r="H222354" s="12"/>
    </row>
    <row r="222355" spans="8:8">
      <c r="H222355" s="12"/>
    </row>
    <row r="222356" spans="8:8">
      <c r="H222356" s="12"/>
    </row>
    <row r="222357" spans="8:8">
      <c r="H222357" s="12"/>
    </row>
    <row r="222358" spans="8:8">
      <c r="H222358" s="12"/>
    </row>
    <row r="222359" spans="8:8">
      <c r="H222359" s="12"/>
    </row>
    <row r="222360" spans="8:8">
      <c r="H222360" s="12"/>
    </row>
    <row r="222361" spans="8:8">
      <c r="H222361" s="12"/>
    </row>
    <row r="222362" spans="8:8">
      <c r="H222362" s="12"/>
    </row>
    <row r="222363" spans="8:8">
      <c r="H222363" s="12"/>
    </row>
    <row r="222364" spans="8:8">
      <c r="H222364" s="12"/>
    </row>
    <row r="222365" spans="8:8">
      <c r="H222365" s="12"/>
    </row>
    <row r="222366" spans="8:8">
      <c r="H222366" s="12"/>
    </row>
    <row r="222367" spans="8:8">
      <c r="H222367" s="12"/>
    </row>
    <row r="222368" spans="8:8">
      <c r="H222368" s="12"/>
    </row>
    <row r="222369" spans="8:8">
      <c r="H222369" s="12"/>
    </row>
    <row r="222370" spans="8:8">
      <c r="H222370" s="12"/>
    </row>
    <row r="222371" spans="8:8">
      <c r="H222371" s="12"/>
    </row>
    <row r="222372" spans="8:8">
      <c r="H222372" s="12"/>
    </row>
    <row r="222373" spans="8:8">
      <c r="H222373" s="12"/>
    </row>
    <row r="222374" spans="8:8">
      <c r="H222374" s="12"/>
    </row>
    <row r="222375" spans="8:8">
      <c r="H222375" s="12"/>
    </row>
    <row r="222376" spans="8:8">
      <c r="H222376" s="12"/>
    </row>
    <row r="222377" spans="8:8">
      <c r="H222377" s="12"/>
    </row>
    <row r="222378" spans="8:8">
      <c r="H222378" s="12"/>
    </row>
    <row r="222379" spans="8:8">
      <c r="H222379" s="12"/>
    </row>
    <row r="222380" spans="8:8">
      <c r="H222380" s="12"/>
    </row>
    <row r="222381" spans="8:8">
      <c r="H222381" s="12"/>
    </row>
    <row r="222382" spans="8:8">
      <c r="H222382" s="12"/>
    </row>
    <row r="222383" spans="8:8">
      <c r="H222383" s="12"/>
    </row>
    <row r="222384" spans="8:8">
      <c r="H222384" s="12"/>
    </row>
    <row r="222385" spans="8:8">
      <c r="H222385" s="12"/>
    </row>
    <row r="222386" spans="8:8">
      <c r="H222386" s="12"/>
    </row>
    <row r="222387" spans="8:8">
      <c r="H222387" s="12"/>
    </row>
    <row r="222388" spans="8:8">
      <c r="H222388" s="12"/>
    </row>
    <row r="222389" spans="8:8">
      <c r="H222389" s="12"/>
    </row>
    <row r="222390" spans="8:8">
      <c r="H222390" s="12"/>
    </row>
    <row r="222391" spans="8:8">
      <c r="H222391" s="12"/>
    </row>
    <row r="222392" spans="8:8">
      <c r="H222392" s="12"/>
    </row>
    <row r="222393" spans="8:8">
      <c r="H222393" s="12"/>
    </row>
    <row r="222394" spans="8:8">
      <c r="H222394" s="12"/>
    </row>
    <row r="222395" spans="8:8">
      <c r="H222395" s="12"/>
    </row>
    <row r="222396" spans="8:8">
      <c r="H222396" s="12"/>
    </row>
    <row r="222397" spans="8:8">
      <c r="H222397" s="12"/>
    </row>
    <row r="222398" spans="8:8">
      <c r="H222398" s="12"/>
    </row>
    <row r="222399" spans="8:8">
      <c r="H222399" s="12"/>
    </row>
    <row r="222400" spans="8:8">
      <c r="H222400" s="12"/>
    </row>
    <row r="222401" spans="8:8">
      <c r="H222401" s="12"/>
    </row>
    <row r="222402" spans="8:8">
      <c r="H222402" s="12"/>
    </row>
    <row r="222403" spans="8:8">
      <c r="H222403" s="12"/>
    </row>
    <row r="222404" spans="8:8">
      <c r="H222404" s="12"/>
    </row>
    <row r="222405" spans="8:8">
      <c r="H222405" s="12"/>
    </row>
    <row r="222406" spans="8:8">
      <c r="H222406" s="12"/>
    </row>
    <row r="222407" spans="8:8">
      <c r="H222407" s="12"/>
    </row>
    <row r="222408" spans="8:8">
      <c r="H222408" s="12"/>
    </row>
    <row r="222409" spans="8:8">
      <c r="H222409" s="12"/>
    </row>
    <row r="222410" spans="8:8">
      <c r="H222410" s="12"/>
    </row>
    <row r="222411" spans="8:8">
      <c r="H222411" s="12"/>
    </row>
    <row r="222412" spans="8:8">
      <c r="H222412" s="12"/>
    </row>
    <row r="222413" spans="8:8">
      <c r="H222413" s="12"/>
    </row>
    <row r="222414" spans="8:8">
      <c r="H222414" s="12"/>
    </row>
    <row r="222415" spans="8:8">
      <c r="H222415" s="12"/>
    </row>
    <row r="222416" spans="8:8">
      <c r="H222416" s="12"/>
    </row>
    <row r="222417" spans="8:8">
      <c r="H222417" s="12"/>
    </row>
    <row r="222418" spans="8:8">
      <c r="H222418" s="12"/>
    </row>
    <row r="222419" spans="8:8">
      <c r="H222419" s="12"/>
    </row>
    <row r="222420" spans="8:8">
      <c r="H222420" s="12"/>
    </row>
    <row r="222421" spans="8:8">
      <c r="H222421" s="12"/>
    </row>
    <row r="222422" spans="8:8">
      <c r="H222422" s="12"/>
    </row>
    <row r="222423" spans="8:8">
      <c r="H222423" s="12"/>
    </row>
    <row r="222424" spans="8:8">
      <c r="H222424" s="12"/>
    </row>
    <row r="222425" spans="8:8">
      <c r="H222425" s="12"/>
    </row>
    <row r="222426" spans="8:8">
      <c r="H222426" s="12"/>
    </row>
    <row r="222427" spans="8:8">
      <c r="H222427" s="12"/>
    </row>
    <row r="222428" spans="8:8">
      <c r="H222428" s="12"/>
    </row>
    <row r="222429" spans="8:8">
      <c r="H222429" s="12"/>
    </row>
    <row r="222430" spans="8:8">
      <c r="H222430" s="12"/>
    </row>
    <row r="222431" spans="8:8">
      <c r="H222431" s="12"/>
    </row>
    <row r="222432" spans="8:8">
      <c r="H222432" s="12"/>
    </row>
    <row r="222433" spans="8:8">
      <c r="H222433" s="12"/>
    </row>
    <row r="222434" spans="8:8">
      <c r="H222434" s="12"/>
    </row>
    <row r="222435" spans="8:8">
      <c r="H222435" s="12"/>
    </row>
    <row r="222436" spans="8:8">
      <c r="H222436" s="12"/>
    </row>
    <row r="222437" spans="8:8">
      <c r="H222437" s="12"/>
    </row>
    <row r="222438" spans="8:8">
      <c r="H222438" s="12"/>
    </row>
    <row r="222439" spans="8:8">
      <c r="H222439" s="12"/>
    </row>
    <row r="222440" spans="8:8">
      <c r="H222440" s="12"/>
    </row>
    <row r="222441" spans="8:8">
      <c r="H222441" s="12"/>
    </row>
    <row r="222442" spans="8:8">
      <c r="H222442" s="12"/>
    </row>
    <row r="222443" spans="8:8">
      <c r="H222443" s="12"/>
    </row>
    <row r="222444" spans="8:8">
      <c r="H222444" s="12"/>
    </row>
    <row r="222445" spans="8:8">
      <c r="H222445" s="12"/>
    </row>
    <row r="222446" spans="8:8">
      <c r="H222446" s="12"/>
    </row>
    <row r="222447" spans="8:8">
      <c r="H222447" s="12"/>
    </row>
    <row r="222448" spans="8:8">
      <c r="H222448" s="12"/>
    </row>
    <row r="222449" spans="8:8">
      <c r="H222449" s="12"/>
    </row>
    <row r="222450" spans="8:8">
      <c r="H222450" s="12"/>
    </row>
    <row r="222451" spans="8:8">
      <c r="H222451" s="12"/>
    </row>
    <row r="222452" spans="8:8">
      <c r="H222452" s="12"/>
    </row>
    <row r="222453" spans="8:8">
      <c r="H222453" s="12"/>
    </row>
    <row r="222454" spans="8:8">
      <c r="H222454" s="12"/>
    </row>
    <row r="222455" spans="8:8">
      <c r="H222455" s="12"/>
    </row>
    <row r="222456" spans="8:8">
      <c r="H222456" s="12"/>
    </row>
    <row r="222457" spans="8:8">
      <c r="H222457" s="12"/>
    </row>
    <row r="222458" spans="8:8">
      <c r="H222458" s="12"/>
    </row>
    <row r="222459" spans="8:8">
      <c r="H222459" s="12"/>
    </row>
    <row r="222460" spans="8:8">
      <c r="H222460" s="12"/>
    </row>
    <row r="222461" spans="8:8">
      <c r="H222461" s="12"/>
    </row>
    <row r="222462" spans="8:8">
      <c r="H222462" s="12"/>
    </row>
    <row r="222463" spans="8:8">
      <c r="H222463" s="12"/>
    </row>
    <row r="222464" spans="8:8">
      <c r="H222464" s="12"/>
    </row>
    <row r="222465" spans="8:8">
      <c r="H222465" s="12"/>
    </row>
    <row r="222466" spans="8:8">
      <c r="H222466" s="12"/>
    </row>
    <row r="222467" spans="8:8">
      <c r="H222467" s="12"/>
    </row>
    <row r="222468" spans="8:8">
      <c r="H222468" s="12"/>
    </row>
    <row r="222469" spans="8:8">
      <c r="H222469" s="12"/>
    </row>
    <row r="222470" spans="8:8">
      <c r="H222470" s="12"/>
    </row>
    <row r="222471" spans="8:8">
      <c r="H222471" s="12"/>
    </row>
    <row r="222472" spans="8:8">
      <c r="H222472" s="12"/>
    </row>
    <row r="222473" spans="8:8">
      <c r="H222473" s="12"/>
    </row>
    <row r="222474" spans="8:8">
      <c r="H222474" s="12"/>
    </row>
    <row r="222475" spans="8:8">
      <c r="H222475" s="12"/>
    </row>
    <row r="222476" spans="8:8">
      <c r="H222476" s="12"/>
    </row>
    <row r="222477" spans="8:8">
      <c r="H222477" s="12"/>
    </row>
    <row r="222478" spans="8:8">
      <c r="H222478" s="12"/>
    </row>
    <row r="222479" spans="8:8">
      <c r="H222479" s="12"/>
    </row>
    <row r="222480" spans="8:8">
      <c r="H222480" s="12"/>
    </row>
    <row r="222481" spans="8:8">
      <c r="H222481" s="12"/>
    </row>
    <row r="222482" spans="8:8">
      <c r="H222482" s="12"/>
    </row>
    <row r="222483" spans="8:8">
      <c r="H222483" s="12"/>
    </row>
    <row r="222484" spans="8:8">
      <c r="H222484" s="12"/>
    </row>
    <row r="222485" spans="8:8">
      <c r="H222485" s="12"/>
    </row>
    <row r="222486" spans="8:8">
      <c r="H222486" s="12"/>
    </row>
    <row r="222487" spans="8:8">
      <c r="H222487" s="12"/>
    </row>
    <row r="222488" spans="8:8">
      <c r="H222488" s="12"/>
    </row>
    <row r="222489" spans="8:8">
      <c r="H222489" s="12"/>
    </row>
    <row r="222490" spans="8:8">
      <c r="H222490" s="12"/>
    </row>
    <row r="222491" spans="8:8">
      <c r="H222491" s="12"/>
    </row>
    <row r="222492" spans="8:8">
      <c r="H222492" s="12"/>
    </row>
    <row r="222493" spans="8:8">
      <c r="H222493" s="12"/>
    </row>
    <row r="222494" spans="8:8">
      <c r="H222494" s="12"/>
    </row>
    <row r="222495" spans="8:8">
      <c r="H222495" s="12"/>
    </row>
    <row r="222496" spans="8:8">
      <c r="H222496" s="12"/>
    </row>
    <row r="222497" spans="8:8">
      <c r="H222497" s="12"/>
    </row>
    <row r="222498" spans="8:8">
      <c r="H222498" s="12"/>
    </row>
    <row r="222499" spans="8:8">
      <c r="H222499" s="12"/>
    </row>
    <row r="222500" spans="8:8">
      <c r="H222500" s="12"/>
    </row>
    <row r="222501" spans="8:8">
      <c r="H222501" s="12"/>
    </row>
    <row r="222502" spans="8:8">
      <c r="H222502" s="12"/>
    </row>
    <row r="222503" spans="8:8">
      <c r="H222503" s="12"/>
    </row>
    <row r="222504" spans="8:8">
      <c r="H222504" s="12"/>
    </row>
    <row r="222505" spans="8:8">
      <c r="H222505" s="12"/>
    </row>
    <row r="222506" spans="8:8">
      <c r="H222506" s="12"/>
    </row>
    <row r="222507" spans="8:8">
      <c r="H222507" s="12"/>
    </row>
    <row r="222508" spans="8:8">
      <c r="H222508" s="12"/>
    </row>
    <row r="222509" spans="8:8">
      <c r="H222509" s="12"/>
    </row>
    <row r="222510" spans="8:8">
      <c r="H222510" s="12"/>
    </row>
    <row r="222511" spans="8:8">
      <c r="H222511" s="12"/>
    </row>
    <row r="222512" spans="8:8">
      <c r="H222512" s="12"/>
    </row>
    <row r="222513" spans="8:8">
      <c r="H222513" s="12"/>
    </row>
    <row r="222514" spans="8:8">
      <c r="H222514" s="12"/>
    </row>
    <row r="222515" spans="8:8">
      <c r="H222515" s="12"/>
    </row>
    <row r="222516" spans="8:8">
      <c r="H222516" s="12"/>
    </row>
    <row r="222517" spans="8:8">
      <c r="H222517" s="12"/>
    </row>
    <row r="222518" spans="8:8">
      <c r="H222518" s="12"/>
    </row>
    <row r="222519" spans="8:8">
      <c r="H222519" s="12"/>
    </row>
    <row r="222520" spans="8:8">
      <c r="H222520" s="12"/>
    </row>
    <row r="222521" spans="8:8">
      <c r="H222521" s="12"/>
    </row>
    <row r="222522" spans="8:8">
      <c r="H222522" s="12"/>
    </row>
    <row r="222523" spans="8:8">
      <c r="H222523" s="12"/>
    </row>
    <row r="222524" spans="8:8">
      <c r="H222524" s="12"/>
    </row>
    <row r="222525" spans="8:8">
      <c r="H222525" s="12"/>
    </row>
    <row r="222526" spans="8:8">
      <c r="H222526" s="12"/>
    </row>
    <row r="222527" spans="8:8">
      <c r="H222527" s="12"/>
    </row>
    <row r="222528" spans="8:8">
      <c r="H222528" s="12"/>
    </row>
    <row r="222529" spans="8:8">
      <c r="H222529" s="12"/>
    </row>
    <row r="222530" spans="8:8">
      <c r="H222530" s="12"/>
    </row>
    <row r="222531" spans="8:8">
      <c r="H222531" s="12"/>
    </row>
    <row r="222532" spans="8:8">
      <c r="H222532" s="12"/>
    </row>
    <row r="222533" spans="8:8">
      <c r="H222533" s="12"/>
    </row>
    <row r="222534" spans="8:8">
      <c r="H222534" s="12"/>
    </row>
    <row r="222535" spans="8:8">
      <c r="H222535" s="12"/>
    </row>
    <row r="222536" spans="8:8">
      <c r="H222536" s="12"/>
    </row>
    <row r="222537" spans="8:8">
      <c r="H222537" s="12"/>
    </row>
    <row r="222538" spans="8:8">
      <c r="H222538" s="12"/>
    </row>
    <row r="222539" spans="8:8">
      <c r="H222539" s="12"/>
    </row>
    <row r="222540" spans="8:8">
      <c r="H222540" s="12"/>
    </row>
    <row r="222541" spans="8:8">
      <c r="H222541" s="12"/>
    </row>
    <row r="222542" spans="8:8">
      <c r="H222542" s="12"/>
    </row>
    <row r="222543" spans="8:8">
      <c r="H222543" s="12"/>
    </row>
    <row r="222544" spans="8:8">
      <c r="H222544" s="12"/>
    </row>
    <row r="222545" spans="8:8">
      <c r="H222545" s="12"/>
    </row>
    <row r="222546" spans="8:8">
      <c r="H222546" s="12"/>
    </row>
    <row r="222547" spans="8:8">
      <c r="H222547" s="12"/>
    </row>
    <row r="222548" spans="8:8">
      <c r="H222548" s="12"/>
    </row>
    <row r="222549" spans="8:8">
      <c r="H222549" s="12"/>
    </row>
    <row r="222550" spans="8:8">
      <c r="H222550" s="12"/>
    </row>
    <row r="222551" spans="8:8">
      <c r="H222551" s="12"/>
    </row>
    <row r="222552" spans="8:8">
      <c r="H222552" s="12"/>
    </row>
    <row r="222553" spans="8:8">
      <c r="H222553" s="12"/>
    </row>
    <row r="222554" spans="8:8">
      <c r="H222554" s="12"/>
    </row>
    <row r="222555" spans="8:8">
      <c r="H222555" s="12"/>
    </row>
    <row r="222556" spans="8:8">
      <c r="H222556" s="12"/>
    </row>
    <row r="222557" spans="8:8">
      <c r="H222557" s="12"/>
    </row>
    <row r="222558" spans="8:8">
      <c r="H222558" s="12"/>
    </row>
    <row r="222559" spans="8:8">
      <c r="H222559" s="12"/>
    </row>
    <row r="222560" spans="8:8">
      <c r="H222560" s="12"/>
    </row>
    <row r="222561" spans="8:8">
      <c r="H222561" s="12"/>
    </row>
    <row r="222562" spans="8:8">
      <c r="H222562" s="12"/>
    </row>
    <row r="222563" spans="8:8">
      <c r="H222563" s="12"/>
    </row>
    <row r="222564" spans="8:8">
      <c r="H222564" s="12"/>
    </row>
    <row r="222565" spans="8:8">
      <c r="H222565" s="12"/>
    </row>
    <row r="222566" spans="8:8">
      <c r="H222566" s="12"/>
    </row>
    <row r="222567" spans="8:8">
      <c r="H222567" s="12"/>
    </row>
    <row r="222568" spans="8:8">
      <c r="H222568" s="12"/>
    </row>
    <row r="222569" spans="8:8">
      <c r="H222569" s="12"/>
    </row>
    <row r="222570" spans="8:8">
      <c r="H222570" s="12"/>
    </row>
    <row r="222571" spans="8:8">
      <c r="H222571" s="12"/>
    </row>
    <row r="222572" spans="8:8">
      <c r="H222572" s="12"/>
    </row>
    <row r="222573" spans="8:8">
      <c r="H222573" s="12"/>
    </row>
    <row r="222574" spans="8:8">
      <c r="H222574" s="12"/>
    </row>
    <row r="222575" spans="8:8">
      <c r="H222575" s="12"/>
    </row>
    <row r="222576" spans="8:8">
      <c r="H222576" s="12"/>
    </row>
    <row r="222577" spans="8:8">
      <c r="H222577" s="12"/>
    </row>
    <row r="222578" spans="8:8">
      <c r="H222578" s="12"/>
    </row>
    <row r="222579" spans="8:8">
      <c r="H222579" s="12"/>
    </row>
    <row r="222580" spans="8:8">
      <c r="H222580" s="12"/>
    </row>
    <row r="222581" spans="8:8">
      <c r="H222581" s="12"/>
    </row>
    <row r="222582" spans="8:8">
      <c r="H222582" s="12"/>
    </row>
    <row r="222583" spans="8:8">
      <c r="H222583" s="12"/>
    </row>
    <row r="222584" spans="8:8">
      <c r="H222584" s="12"/>
    </row>
    <row r="222585" spans="8:8">
      <c r="H222585" s="12"/>
    </row>
    <row r="222586" spans="8:8">
      <c r="H222586" s="12"/>
    </row>
    <row r="222587" spans="8:8">
      <c r="H222587" s="12"/>
    </row>
    <row r="222588" spans="8:8">
      <c r="H222588" s="12"/>
    </row>
    <row r="222589" spans="8:8">
      <c r="H222589" s="12"/>
    </row>
    <row r="222590" spans="8:8">
      <c r="H222590" s="12"/>
    </row>
    <row r="222591" spans="8:8">
      <c r="H222591" s="12"/>
    </row>
    <row r="222592" spans="8:8">
      <c r="H222592" s="12"/>
    </row>
    <row r="222593" spans="8:8">
      <c r="H222593" s="12"/>
    </row>
    <row r="222594" spans="8:8">
      <c r="H222594" s="12"/>
    </row>
    <row r="222595" spans="8:8">
      <c r="H222595" s="12"/>
    </row>
    <row r="222596" spans="8:8">
      <c r="H222596" s="12"/>
    </row>
    <row r="222597" spans="8:8">
      <c r="H222597" s="12"/>
    </row>
    <row r="222598" spans="8:8">
      <c r="H222598" s="12"/>
    </row>
    <row r="222599" spans="8:8">
      <c r="H222599" s="12"/>
    </row>
    <row r="222600" spans="8:8">
      <c r="H222600" s="12"/>
    </row>
    <row r="222601" spans="8:8">
      <c r="H222601" s="12"/>
    </row>
    <row r="222602" spans="8:8">
      <c r="H222602" s="12"/>
    </row>
    <row r="222603" spans="8:8">
      <c r="H222603" s="12"/>
    </row>
    <row r="222604" spans="8:8">
      <c r="H222604" s="12"/>
    </row>
    <row r="222605" spans="8:8">
      <c r="H222605" s="12"/>
    </row>
    <row r="222606" spans="8:8">
      <c r="H222606" s="12"/>
    </row>
    <row r="222607" spans="8:8">
      <c r="H222607" s="12"/>
    </row>
    <row r="222608" spans="8:8">
      <c r="H222608" s="12"/>
    </row>
    <row r="222609" spans="8:8">
      <c r="H222609" s="12"/>
    </row>
    <row r="222610" spans="8:8">
      <c r="H222610" s="12"/>
    </row>
    <row r="222611" spans="8:8">
      <c r="H222611" s="12"/>
    </row>
    <row r="222612" spans="8:8">
      <c r="H222612" s="12"/>
    </row>
    <row r="222613" spans="8:8">
      <c r="H222613" s="12"/>
    </row>
    <row r="222614" spans="8:8">
      <c r="H222614" s="12"/>
    </row>
    <row r="222615" spans="8:8">
      <c r="H222615" s="12"/>
    </row>
    <row r="222616" spans="8:8">
      <c r="H222616" s="12"/>
    </row>
    <row r="222617" spans="8:8">
      <c r="H222617" s="12"/>
    </row>
    <row r="222618" spans="8:8">
      <c r="H222618" s="12"/>
    </row>
    <row r="222619" spans="8:8">
      <c r="H222619" s="12"/>
    </row>
    <row r="222620" spans="8:8">
      <c r="H222620" s="12"/>
    </row>
    <row r="222621" spans="8:8">
      <c r="H222621" s="12"/>
    </row>
    <row r="222622" spans="8:8">
      <c r="H222622" s="12"/>
    </row>
    <row r="222623" spans="8:8">
      <c r="H222623" s="12"/>
    </row>
    <row r="222624" spans="8:8">
      <c r="H222624" s="12"/>
    </row>
    <row r="222625" spans="8:8">
      <c r="H222625" s="12"/>
    </row>
    <row r="222626" spans="8:8">
      <c r="H222626" s="12"/>
    </row>
    <row r="222627" spans="8:8">
      <c r="H222627" s="12"/>
    </row>
    <row r="222628" spans="8:8">
      <c r="H222628" s="12"/>
    </row>
    <row r="222629" spans="8:8">
      <c r="H222629" s="12"/>
    </row>
    <row r="222630" spans="8:8">
      <c r="H222630" s="12"/>
    </row>
    <row r="222631" spans="8:8">
      <c r="H222631" s="12"/>
    </row>
    <row r="222632" spans="8:8">
      <c r="H222632" s="12"/>
    </row>
    <row r="222633" spans="8:8">
      <c r="H222633" s="12"/>
    </row>
    <row r="222634" spans="8:8">
      <c r="H222634" s="12"/>
    </row>
    <row r="222635" spans="8:8">
      <c r="H222635" s="12"/>
    </row>
    <row r="222636" spans="8:8">
      <c r="H222636" s="12"/>
    </row>
    <row r="222637" spans="8:8">
      <c r="H222637" s="12"/>
    </row>
    <row r="222638" spans="8:8">
      <c r="H222638" s="12"/>
    </row>
    <row r="222639" spans="8:8">
      <c r="H222639" s="12"/>
    </row>
    <row r="222640" spans="8:8">
      <c r="H222640" s="12"/>
    </row>
    <row r="222641" spans="8:8">
      <c r="H222641" s="12"/>
    </row>
    <row r="222642" spans="8:8">
      <c r="H222642" s="12"/>
    </row>
    <row r="222643" spans="8:8">
      <c r="H222643" s="12"/>
    </row>
    <row r="222644" spans="8:8">
      <c r="H222644" s="12"/>
    </row>
    <row r="222645" spans="8:8">
      <c r="H222645" s="12"/>
    </row>
    <row r="222646" spans="8:8">
      <c r="H222646" s="12"/>
    </row>
    <row r="222647" spans="8:8">
      <c r="H222647" s="12"/>
    </row>
    <row r="222648" spans="8:8">
      <c r="H222648" s="12"/>
    </row>
    <row r="222649" spans="8:8">
      <c r="H222649" s="12"/>
    </row>
    <row r="222650" spans="8:8">
      <c r="H222650" s="12"/>
    </row>
    <row r="222651" spans="8:8">
      <c r="H222651" s="12"/>
    </row>
    <row r="222652" spans="8:8">
      <c r="H222652" s="12"/>
    </row>
    <row r="222653" spans="8:8">
      <c r="H222653" s="12"/>
    </row>
    <row r="222654" spans="8:8">
      <c r="H222654" s="12"/>
    </row>
    <row r="222655" spans="8:8">
      <c r="H222655" s="12"/>
    </row>
    <row r="222656" spans="8:8">
      <c r="H222656" s="12"/>
    </row>
    <row r="222657" spans="8:8">
      <c r="H222657" s="12"/>
    </row>
    <row r="222658" spans="8:8">
      <c r="H222658" s="12"/>
    </row>
    <row r="222659" spans="8:8">
      <c r="H222659" s="12"/>
    </row>
    <row r="222660" spans="8:8">
      <c r="H222660" s="12"/>
    </row>
    <row r="222661" spans="8:8">
      <c r="H222661" s="12"/>
    </row>
    <row r="222662" spans="8:8">
      <c r="H222662" s="12"/>
    </row>
    <row r="222663" spans="8:8">
      <c r="H222663" s="12"/>
    </row>
    <row r="222664" spans="8:8">
      <c r="H222664" s="12"/>
    </row>
    <row r="222665" spans="8:8">
      <c r="H222665" s="12"/>
    </row>
    <row r="222666" spans="8:8">
      <c r="H222666" s="12"/>
    </row>
    <row r="222667" spans="8:8">
      <c r="H222667" s="12"/>
    </row>
    <row r="222668" spans="8:8">
      <c r="H222668" s="12"/>
    </row>
    <row r="222669" spans="8:8">
      <c r="H222669" s="12"/>
    </row>
    <row r="222670" spans="8:8">
      <c r="H222670" s="12"/>
    </row>
    <row r="222671" spans="8:8">
      <c r="H222671" s="12"/>
    </row>
    <row r="222672" spans="8:8">
      <c r="H222672" s="12"/>
    </row>
    <row r="222673" spans="8:8">
      <c r="H222673" s="12"/>
    </row>
    <row r="222674" spans="8:8">
      <c r="H222674" s="12"/>
    </row>
    <row r="222675" spans="8:8">
      <c r="H222675" s="12"/>
    </row>
    <row r="222676" spans="8:8">
      <c r="H222676" s="12"/>
    </row>
    <row r="222677" spans="8:8">
      <c r="H222677" s="12"/>
    </row>
    <row r="222678" spans="8:8">
      <c r="H222678" s="12"/>
    </row>
    <row r="222679" spans="8:8">
      <c r="H222679" s="12"/>
    </row>
    <row r="222680" spans="8:8">
      <c r="H222680" s="12"/>
    </row>
    <row r="222681" spans="8:8">
      <c r="H222681" s="12"/>
    </row>
    <row r="222682" spans="8:8">
      <c r="H222682" s="12"/>
    </row>
    <row r="222683" spans="8:8">
      <c r="H222683" s="12"/>
    </row>
    <row r="222684" spans="8:8">
      <c r="H222684" s="12"/>
    </row>
    <row r="222685" spans="8:8">
      <c r="H222685" s="12"/>
    </row>
    <row r="222686" spans="8:8">
      <c r="H222686" s="12"/>
    </row>
    <row r="222687" spans="8:8">
      <c r="H222687" s="12"/>
    </row>
    <row r="222688" spans="8:8">
      <c r="H222688" s="12"/>
    </row>
    <row r="222689" spans="8:8">
      <c r="H222689" s="12"/>
    </row>
    <row r="222690" spans="8:8">
      <c r="H222690" s="12"/>
    </row>
    <row r="222691" spans="8:8">
      <c r="H222691" s="12"/>
    </row>
    <row r="222692" spans="8:8">
      <c r="H222692" s="12"/>
    </row>
    <row r="222693" spans="8:8">
      <c r="H222693" s="12"/>
    </row>
    <row r="222694" spans="8:8">
      <c r="H222694" s="12"/>
    </row>
    <row r="222695" spans="8:8">
      <c r="H222695" s="12"/>
    </row>
    <row r="222696" spans="8:8">
      <c r="H222696" s="12"/>
    </row>
    <row r="222697" spans="8:8">
      <c r="H222697" s="12"/>
    </row>
    <row r="222698" spans="8:8">
      <c r="H222698" s="12"/>
    </row>
    <row r="222699" spans="8:8">
      <c r="H222699" s="12"/>
    </row>
    <row r="222700" spans="8:8">
      <c r="H222700" s="12"/>
    </row>
    <row r="222701" spans="8:8">
      <c r="H222701" s="12"/>
    </row>
    <row r="222702" spans="8:8">
      <c r="H222702" s="12"/>
    </row>
    <row r="222703" spans="8:8">
      <c r="H222703" s="12"/>
    </row>
    <row r="222704" spans="8:8">
      <c r="H222704" s="12"/>
    </row>
    <row r="222705" spans="8:8">
      <c r="H222705" s="12"/>
    </row>
    <row r="222706" spans="8:8">
      <c r="H222706" s="12"/>
    </row>
    <row r="222707" spans="8:8">
      <c r="H222707" s="12"/>
    </row>
    <row r="222708" spans="8:8">
      <c r="H222708" s="12"/>
    </row>
    <row r="222709" spans="8:8">
      <c r="H222709" s="12"/>
    </row>
    <row r="222710" spans="8:8">
      <c r="H222710" s="12"/>
    </row>
    <row r="222711" spans="8:8">
      <c r="H222711" s="12"/>
    </row>
    <row r="222712" spans="8:8">
      <c r="H222712" s="12"/>
    </row>
    <row r="222713" spans="8:8">
      <c r="H222713" s="12"/>
    </row>
    <row r="222714" spans="8:8">
      <c r="H222714" s="12"/>
    </row>
    <row r="222715" spans="8:8">
      <c r="H222715" s="12"/>
    </row>
    <row r="222716" spans="8:8">
      <c r="H222716" s="12"/>
    </row>
    <row r="222717" spans="8:8">
      <c r="H222717" s="12"/>
    </row>
    <row r="222718" spans="8:8">
      <c r="H222718" s="12"/>
    </row>
    <row r="222719" spans="8:8">
      <c r="H222719" s="12"/>
    </row>
    <row r="222720" spans="8:8">
      <c r="H222720" s="12"/>
    </row>
    <row r="222721" spans="8:8">
      <c r="H222721" s="12"/>
    </row>
    <row r="222722" spans="8:8">
      <c r="H222722" s="12"/>
    </row>
    <row r="222723" spans="8:8">
      <c r="H222723" s="12"/>
    </row>
    <row r="222724" spans="8:8">
      <c r="H222724" s="12"/>
    </row>
    <row r="222725" spans="8:8">
      <c r="H222725" s="12"/>
    </row>
    <row r="222726" spans="8:8">
      <c r="H222726" s="12"/>
    </row>
    <row r="222727" spans="8:8">
      <c r="H222727" s="12"/>
    </row>
    <row r="222728" spans="8:8">
      <c r="H222728" s="12"/>
    </row>
    <row r="222729" spans="8:8">
      <c r="H222729" s="12"/>
    </row>
    <row r="222730" spans="8:8">
      <c r="H222730" s="12"/>
    </row>
    <row r="222731" spans="8:8">
      <c r="H222731" s="12"/>
    </row>
    <row r="222732" spans="8:8">
      <c r="H222732" s="12"/>
    </row>
    <row r="222733" spans="8:8">
      <c r="H222733" s="12"/>
    </row>
    <row r="222734" spans="8:8">
      <c r="H222734" s="12"/>
    </row>
    <row r="222735" spans="8:8">
      <c r="H222735" s="12"/>
    </row>
    <row r="222736" spans="8:8">
      <c r="H222736" s="12"/>
    </row>
    <row r="222737" spans="8:8">
      <c r="H222737" s="12"/>
    </row>
    <row r="222738" spans="8:8">
      <c r="H222738" s="12"/>
    </row>
    <row r="222739" spans="8:8">
      <c r="H222739" s="12"/>
    </row>
    <row r="222740" spans="8:8">
      <c r="H222740" s="12"/>
    </row>
    <row r="222741" spans="8:8">
      <c r="H222741" s="12"/>
    </row>
    <row r="222742" spans="8:8">
      <c r="H222742" s="12"/>
    </row>
    <row r="222743" spans="8:8">
      <c r="H222743" s="12"/>
    </row>
    <row r="222744" spans="8:8">
      <c r="H222744" s="12"/>
    </row>
    <row r="222745" spans="8:8">
      <c r="H222745" s="12"/>
    </row>
    <row r="222746" spans="8:8">
      <c r="H222746" s="12"/>
    </row>
    <row r="222747" spans="8:8">
      <c r="H222747" s="12"/>
    </row>
    <row r="222748" spans="8:8">
      <c r="H222748" s="12"/>
    </row>
    <row r="222749" spans="8:8">
      <c r="H222749" s="12"/>
    </row>
    <row r="222750" spans="8:8">
      <c r="H222750" s="12"/>
    </row>
    <row r="222751" spans="8:8">
      <c r="H222751" s="12"/>
    </row>
    <row r="222752" spans="8:8">
      <c r="H222752" s="12"/>
    </row>
    <row r="222753" spans="8:8">
      <c r="H222753" s="12"/>
    </row>
    <row r="222754" spans="8:8">
      <c r="H222754" s="12"/>
    </row>
    <row r="222755" spans="8:8">
      <c r="H222755" s="12"/>
    </row>
    <row r="222756" spans="8:8">
      <c r="H222756" s="12"/>
    </row>
    <row r="222757" spans="8:8">
      <c r="H222757" s="12"/>
    </row>
    <row r="222758" spans="8:8">
      <c r="H222758" s="12"/>
    </row>
    <row r="222759" spans="8:8">
      <c r="H222759" s="12"/>
    </row>
    <row r="222760" spans="8:8">
      <c r="H222760" s="12"/>
    </row>
    <row r="222761" spans="8:8">
      <c r="H222761" s="12"/>
    </row>
    <row r="222762" spans="8:8">
      <c r="H222762" s="12"/>
    </row>
    <row r="222763" spans="8:8">
      <c r="H222763" s="12"/>
    </row>
    <row r="222764" spans="8:8">
      <c r="H222764" s="12"/>
    </row>
    <row r="222765" spans="8:8">
      <c r="H222765" s="12"/>
    </row>
    <row r="222766" spans="8:8">
      <c r="H222766" s="12"/>
    </row>
    <row r="222767" spans="8:8">
      <c r="H222767" s="12"/>
    </row>
    <row r="222768" spans="8:8">
      <c r="H222768" s="12"/>
    </row>
    <row r="222769" spans="8:8">
      <c r="H222769" s="12"/>
    </row>
    <row r="222770" spans="8:8">
      <c r="H222770" s="12"/>
    </row>
    <row r="222771" spans="8:8">
      <c r="H222771" s="12"/>
    </row>
    <row r="222772" spans="8:8">
      <c r="H222772" s="12"/>
    </row>
    <row r="222773" spans="8:8">
      <c r="H222773" s="12"/>
    </row>
    <row r="222774" spans="8:8">
      <c r="H222774" s="12"/>
    </row>
    <row r="222775" spans="8:8">
      <c r="H222775" s="12"/>
    </row>
    <row r="222776" spans="8:8">
      <c r="H222776" s="12"/>
    </row>
    <row r="222777" spans="8:8">
      <c r="H222777" s="12"/>
    </row>
    <row r="222778" spans="8:8">
      <c r="H222778" s="12"/>
    </row>
    <row r="222779" spans="8:8">
      <c r="H222779" s="12"/>
    </row>
    <row r="222780" spans="8:8">
      <c r="H222780" s="12"/>
    </row>
    <row r="222781" spans="8:8">
      <c r="H222781" s="12"/>
    </row>
    <row r="222782" spans="8:8">
      <c r="H222782" s="12"/>
    </row>
    <row r="222783" spans="8:8">
      <c r="H222783" s="12"/>
    </row>
    <row r="222784" spans="8:8">
      <c r="H222784" s="12"/>
    </row>
    <row r="222785" spans="8:8">
      <c r="H222785" s="12"/>
    </row>
    <row r="222786" spans="8:8">
      <c r="H222786" s="12"/>
    </row>
    <row r="222787" spans="8:8">
      <c r="H222787" s="12"/>
    </row>
    <row r="222788" spans="8:8">
      <c r="H222788" s="12"/>
    </row>
    <row r="222789" spans="8:8">
      <c r="H222789" s="12"/>
    </row>
    <row r="222790" spans="8:8">
      <c r="H222790" s="12"/>
    </row>
    <row r="222791" spans="8:8">
      <c r="H222791" s="12"/>
    </row>
    <row r="222792" spans="8:8">
      <c r="H222792" s="12"/>
    </row>
    <row r="222793" spans="8:8">
      <c r="H222793" s="12"/>
    </row>
    <row r="222794" spans="8:8">
      <c r="H222794" s="12"/>
    </row>
    <row r="222795" spans="8:8">
      <c r="H222795" s="12"/>
    </row>
    <row r="222796" spans="8:8">
      <c r="H222796" s="12"/>
    </row>
    <row r="222797" spans="8:8">
      <c r="H222797" s="12"/>
    </row>
    <row r="222798" spans="8:8">
      <c r="H222798" s="12"/>
    </row>
    <row r="222799" spans="8:8">
      <c r="H222799" s="12"/>
    </row>
    <row r="222800" spans="8:8">
      <c r="H222800" s="12"/>
    </row>
    <row r="222801" spans="8:8">
      <c r="H222801" s="12"/>
    </row>
    <row r="222802" spans="8:8">
      <c r="H222802" s="12"/>
    </row>
    <row r="222803" spans="8:8">
      <c r="H222803" s="12"/>
    </row>
    <row r="222804" spans="8:8">
      <c r="H222804" s="12"/>
    </row>
    <row r="222805" spans="8:8">
      <c r="H222805" s="12"/>
    </row>
    <row r="222806" spans="8:8">
      <c r="H222806" s="12"/>
    </row>
    <row r="222807" spans="8:8">
      <c r="H222807" s="12"/>
    </row>
    <row r="222808" spans="8:8">
      <c r="H222808" s="12"/>
    </row>
    <row r="222809" spans="8:8">
      <c r="H222809" s="12"/>
    </row>
    <row r="222810" spans="8:8">
      <c r="H222810" s="12"/>
    </row>
    <row r="222811" spans="8:8">
      <c r="H222811" s="12"/>
    </row>
    <row r="222812" spans="8:8">
      <c r="H222812" s="12"/>
    </row>
    <row r="222813" spans="8:8">
      <c r="H222813" s="12"/>
    </row>
    <row r="222814" spans="8:8">
      <c r="H222814" s="12"/>
    </row>
    <row r="222815" spans="8:8">
      <c r="H222815" s="12"/>
    </row>
    <row r="222816" spans="8:8">
      <c r="H222816" s="12"/>
    </row>
    <row r="222817" spans="8:8">
      <c r="H222817" s="12"/>
    </row>
    <row r="222818" spans="8:8">
      <c r="H222818" s="12"/>
    </row>
    <row r="222819" spans="8:8">
      <c r="H222819" s="12"/>
    </row>
    <row r="222820" spans="8:8">
      <c r="H222820" s="12"/>
    </row>
    <row r="222821" spans="8:8">
      <c r="H222821" s="12"/>
    </row>
    <row r="222822" spans="8:8">
      <c r="H222822" s="12"/>
    </row>
    <row r="222823" spans="8:8">
      <c r="H222823" s="12"/>
    </row>
    <row r="222824" spans="8:8">
      <c r="H222824" s="12"/>
    </row>
    <row r="222825" spans="8:8">
      <c r="H222825" s="12"/>
    </row>
    <row r="222826" spans="8:8">
      <c r="H222826" s="12"/>
    </row>
    <row r="222827" spans="8:8">
      <c r="H222827" s="12"/>
    </row>
    <row r="222828" spans="8:8">
      <c r="H222828" s="12"/>
    </row>
    <row r="222829" spans="8:8">
      <c r="H222829" s="12"/>
    </row>
    <row r="222830" spans="8:8">
      <c r="H222830" s="12"/>
    </row>
    <row r="222831" spans="8:8">
      <c r="H222831" s="12"/>
    </row>
    <row r="222832" spans="8:8">
      <c r="H222832" s="12"/>
    </row>
    <row r="222833" spans="8:8">
      <c r="H222833" s="12"/>
    </row>
    <row r="222834" spans="8:8">
      <c r="H222834" s="12"/>
    </row>
    <row r="222835" spans="8:8">
      <c r="H222835" s="12"/>
    </row>
    <row r="222836" spans="8:8">
      <c r="H222836" s="12"/>
    </row>
    <row r="222837" spans="8:8">
      <c r="H222837" s="12"/>
    </row>
    <row r="222838" spans="8:8">
      <c r="H222838" s="12"/>
    </row>
    <row r="222839" spans="8:8">
      <c r="H222839" s="12"/>
    </row>
    <row r="222840" spans="8:8">
      <c r="H222840" s="12"/>
    </row>
    <row r="222841" spans="8:8">
      <c r="H222841" s="12"/>
    </row>
    <row r="222842" spans="8:8">
      <c r="H222842" s="12"/>
    </row>
    <row r="222843" spans="8:8">
      <c r="H222843" s="12"/>
    </row>
    <row r="222844" spans="8:8">
      <c r="H222844" s="12"/>
    </row>
    <row r="222845" spans="8:8">
      <c r="H222845" s="12"/>
    </row>
    <row r="222846" spans="8:8">
      <c r="H222846" s="12"/>
    </row>
    <row r="222847" spans="8:8">
      <c r="H222847" s="12"/>
    </row>
    <row r="222848" spans="8:8">
      <c r="H222848" s="12"/>
    </row>
    <row r="222849" spans="8:8">
      <c r="H222849" s="12"/>
    </row>
    <row r="222850" spans="8:8">
      <c r="H222850" s="12"/>
    </row>
    <row r="222851" spans="8:8">
      <c r="H222851" s="12"/>
    </row>
    <row r="222852" spans="8:8">
      <c r="H222852" s="12"/>
    </row>
    <row r="222853" spans="8:8">
      <c r="H222853" s="12"/>
    </row>
    <row r="222854" spans="8:8">
      <c r="H222854" s="12"/>
    </row>
    <row r="222855" spans="8:8">
      <c r="H222855" s="12"/>
    </row>
    <row r="222856" spans="8:8">
      <c r="H222856" s="12"/>
    </row>
    <row r="222857" spans="8:8">
      <c r="H222857" s="12"/>
    </row>
    <row r="222858" spans="8:8">
      <c r="H222858" s="12"/>
    </row>
    <row r="222859" spans="8:8">
      <c r="H222859" s="12"/>
    </row>
    <row r="222860" spans="8:8">
      <c r="H222860" s="12"/>
    </row>
    <row r="222861" spans="8:8">
      <c r="H222861" s="12"/>
    </row>
    <row r="222862" spans="8:8">
      <c r="H222862" s="12"/>
    </row>
    <row r="222863" spans="8:8">
      <c r="H222863" s="12"/>
    </row>
    <row r="222864" spans="8:8">
      <c r="H222864" s="12"/>
    </row>
    <row r="222865" spans="8:8">
      <c r="H222865" s="12"/>
    </row>
    <row r="222866" spans="8:8">
      <c r="H222866" s="12"/>
    </row>
    <row r="222867" spans="8:8">
      <c r="H222867" s="12"/>
    </row>
    <row r="222868" spans="8:8">
      <c r="H222868" s="12"/>
    </row>
    <row r="222869" spans="8:8">
      <c r="H222869" s="12"/>
    </row>
    <row r="222870" spans="8:8">
      <c r="H222870" s="12"/>
    </row>
    <row r="222871" spans="8:8">
      <c r="H222871" s="12"/>
    </row>
    <row r="222872" spans="8:8">
      <c r="H222872" s="12"/>
    </row>
    <row r="222873" spans="8:8">
      <c r="H222873" s="12"/>
    </row>
    <row r="222874" spans="8:8">
      <c r="H222874" s="12"/>
    </row>
    <row r="222875" spans="8:8">
      <c r="H222875" s="12"/>
    </row>
    <row r="222876" spans="8:8">
      <c r="H222876" s="12"/>
    </row>
    <row r="222877" spans="8:8">
      <c r="H222877" s="12"/>
    </row>
    <row r="222878" spans="8:8">
      <c r="H222878" s="12"/>
    </row>
    <row r="222879" spans="8:8">
      <c r="H222879" s="12"/>
    </row>
    <row r="222880" spans="8:8">
      <c r="H222880" s="12"/>
    </row>
    <row r="222881" spans="8:8">
      <c r="H222881" s="12"/>
    </row>
    <row r="222882" spans="8:8">
      <c r="H222882" s="12"/>
    </row>
    <row r="222883" spans="8:8">
      <c r="H222883" s="12"/>
    </row>
    <row r="222884" spans="8:8">
      <c r="H222884" s="12"/>
    </row>
    <row r="222885" spans="8:8">
      <c r="H222885" s="12"/>
    </row>
    <row r="222886" spans="8:8">
      <c r="H222886" s="12"/>
    </row>
    <row r="222887" spans="8:8">
      <c r="H222887" s="12"/>
    </row>
    <row r="222888" spans="8:8">
      <c r="H222888" s="12"/>
    </row>
    <row r="222889" spans="8:8">
      <c r="H222889" s="12"/>
    </row>
    <row r="222890" spans="8:8">
      <c r="H222890" s="12"/>
    </row>
    <row r="222891" spans="8:8">
      <c r="H222891" s="12"/>
    </row>
    <row r="222892" spans="8:8">
      <c r="H222892" s="12"/>
    </row>
    <row r="222893" spans="8:8">
      <c r="H222893" s="12"/>
    </row>
    <row r="222894" spans="8:8">
      <c r="H222894" s="12"/>
    </row>
    <row r="222895" spans="8:8">
      <c r="H222895" s="12"/>
    </row>
    <row r="222896" spans="8:8">
      <c r="H222896" s="12"/>
    </row>
    <row r="222897" spans="8:8">
      <c r="H222897" s="12"/>
    </row>
    <row r="222898" spans="8:8">
      <c r="H222898" s="12"/>
    </row>
    <row r="222899" spans="8:8">
      <c r="H222899" s="12"/>
    </row>
    <row r="222900" spans="8:8">
      <c r="H222900" s="12"/>
    </row>
    <row r="222901" spans="8:8">
      <c r="H222901" s="12"/>
    </row>
    <row r="222902" spans="8:8">
      <c r="H222902" s="12"/>
    </row>
    <row r="222903" spans="8:8">
      <c r="H222903" s="12"/>
    </row>
    <row r="222904" spans="8:8">
      <c r="H222904" s="12"/>
    </row>
    <row r="222905" spans="8:8">
      <c r="H222905" s="12"/>
    </row>
    <row r="222906" spans="8:8">
      <c r="H222906" s="12"/>
    </row>
    <row r="222907" spans="8:8">
      <c r="H222907" s="12"/>
    </row>
    <row r="222908" spans="8:8">
      <c r="H222908" s="12"/>
    </row>
    <row r="222909" spans="8:8">
      <c r="H222909" s="12"/>
    </row>
    <row r="222910" spans="8:8">
      <c r="H222910" s="12"/>
    </row>
    <row r="222911" spans="8:8">
      <c r="H222911" s="12"/>
    </row>
    <row r="222912" spans="8:8">
      <c r="H222912" s="12"/>
    </row>
    <row r="222913" spans="8:8">
      <c r="H222913" s="12"/>
    </row>
    <row r="222914" spans="8:8">
      <c r="H222914" s="12"/>
    </row>
    <row r="222915" spans="8:8">
      <c r="H222915" s="12"/>
    </row>
    <row r="222916" spans="8:8">
      <c r="H222916" s="12"/>
    </row>
    <row r="222917" spans="8:8">
      <c r="H222917" s="12"/>
    </row>
    <row r="222918" spans="8:8">
      <c r="H222918" s="12"/>
    </row>
    <row r="222919" spans="8:8">
      <c r="H222919" s="12"/>
    </row>
    <row r="222920" spans="8:8">
      <c r="H222920" s="12"/>
    </row>
    <row r="222921" spans="8:8">
      <c r="H222921" s="12"/>
    </row>
    <row r="222922" spans="8:8">
      <c r="H222922" s="12"/>
    </row>
    <row r="222923" spans="8:8">
      <c r="H222923" s="12"/>
    </row>
    <row r="222924" spans="8:8">
      <c r="H222924" s="12"/>
    </row>
    <row r="222925" spans="8:8">
      <c r="H222925" s="12"/>
    </row>
    <row r="222926" spans="8:8">
      <c r="H222926" s="12"/>
    </row>
    <row r="222927" spans="8:8">
      <c r="H222927" s="12"/>
    </row>
    <row r="222928" spans="8:8">
      <c r="H222928" s="12"/>
    </row>
    <row r="222929" spans="8:8">
      <c r="H222929" s="12"/>
    </row>
    <row r="222930" spans="8:8">
      <c r="H222930" s="12"/>
    </row>
    <row r="222931" spans="8:8">
      <c r="H222931" s="12"/>
    </row>
    <row r="222932" spans="8:8">
      <c r="H222932" s="12"/>
    </row>
    <row r="222933" spans="8:8">
      <c r="H222933" s="12"/>
    </row>
    <row r="222934" spans="8:8">
      <c r="H222934" s="12"/>
    </row>
    <row r="222935" spans="8:8">
      <c r="H222935" s="12"/>
    </row>
    <row r="222936" spans="8:8">
      <c r="H222936" s="12"/>
    </row>
    <row r="222937" spans="8:8">
      <c r="H222937" s="12"/>
    </row>
    <row r="222938" spans="8:8">
      <c r="H222938" s="12"/>
    </row>
    <row r="222939" spans="8:8">
      <c r="H222939" s="12"/>
    </row>
    <row r="222940" spans="8:8">
      <c r="H222940" s="12"/>
    </row>
    <row r="222941" spans="8:8">
      <c r="H222941" s="12"/>
    </row>
    <row r="222942" spans="8:8">
      <c r="H222942" s="12"/>
    </row>
    <row r="222943" spans="8:8">
      <c r="H222943" s="12"/>
    </row>
    <row r="222944" spans="8:8">
      <c r="H222944" s="12"/>
    </row>
    <row r="222945" spans="8:8">
      <c r="H222945" s="12"/>
    </row>
    <row r="222946" spans="8:8">
      <c r="H222946" s="12"/>
    </row>
    <row r="222947" spans="8:8">
      <c r="H222947" s="12"/>
    </row>
    <row r="222948" spans="8:8">
      <c r="H222948" s="12"/>
    </row>
    <row r="222949" spans="8:8">
      <c r="H222949" s="12"/>
    </row>
    <row r="222950" spans="8:8">
      <c r="H222950" s="12"/>
    </row>
    <row r="222951" spans="8:8">
      <c r="H222951" s="12"/>
    </row>
    <row r="222952" spans="8:8">
      <c r="H222952" s="12"/>
    </row>
    <row r="222953" spans="8:8">
      <c r="H222953" s="12"/>
    </row>
    <row r="222954" spans="8:8">
      <c r="H222954" s="12"/>
    </row>
    <row r="222955" spans="8:8">
      <c r="H222955" s="12"/>
    </row>
    <row r="222956" spans="8:8">
      <c r="H222956" s="12"/>
    </row>
    <row r="222957" spans="8:8">
      <c r="H222957" s="12"/>
    </row>
    <row r="222958" spans="8:8">
      <c r="H222958" s="12"/>
    </row>
    <row r="222959" spans="8:8">
      <c r="H222959" s="12"/>
    </row>
    <row r="222960" spans="8:8">
      <c r="H222960" s="12"/>
    </row>
    <row r="222961" spans="8:8">
      <c r="H222961" s="12"/>
    </row>
    <row r="222962" spans="8:8">
      <c r="H222962" s="12"/>
    </row>
    <row r="222963" spans="8:8">
      <c r="H222963" s="12"/>
    </row>
    <row r="222964" spans="8:8">
      <c r="H222964" s="12"/>
    </row>
    <row r="222965" spans="8:8">
      <c r="H222965" s="12"/>
    </row>
    <row r="222966" spans="8:8">
      <c r="H222966" s="12"/>
    </row>
    <row r="222967" spans="8:8">
      <c r="H222967" s="12"/>
    </row>
    <row r="222968" spans="8:8">
      <c r="H222968" s="12"/>
    </row>
    <row r="222969" spans="8:8">
      <c r="H222969" s="12"/>
    </row>
    <row r="222970" spans="8:8">
      <c r="H222970" s="12"/>
    </row>
    <row r="222971" spans="8:8">
      <c r="H222971" s="12"/>
    </row>
    <row r="222972" spans="8:8">
      <c r="H222972" s="12"/>
    </row>
    <row r="222973" spans="8:8">
      <c r="H222973" s="12"/>
    </row>
    <row r="222974" spans="8:8">
      <c r="H222974" s="12"/>
    </row>
    <row r="222975" spans="8:8">
      <c r="H222975" s="12"/>
    </row>
    <row r="222976" spans="8:8">
      <c r="H222976" s="12"/>
    </row>
    <row r="222977" spans="8:8">
      <c r="H222977" s="12"/>
    </row>
    <row r="222978" spans="8:8">
      <c r="H222978" s="12"/>
    </row>
    <row r="222979" spans="8:8">
      <c r="H222979" s="12"/>
    </row>
    <row r="222980" spans="8:8">
      <c r="H222980" s="12"/>
    </row>
    <row r="222981" spans="8:8">
      <c r="H222981" s="12"/>
    </row>
    <row r="222982" spans="8:8">
      <c r="H222982" s="12"/>
    </row>
    <row r="222983" spans="8:8">
      <c r="H222983" s="12"/>
    </row>
    <row r="222984" spans="8:8">
      <c r="H222984" s="12"/>
    </row>
    <row r="222985" spans="8:8">
      <c r="H222985" s="12"/>
    </row>
    <row r="222986" spans="8:8">
      <c r="H222986" s="12"/>
    </row>
    <row r="222987" spans="8:8">
      <c r="H222987" s="12"/>
    </row>
    <row r="222988" spans="8:8">
      <c r="H222988" s="12"/>
    </row>
    <row r="222989" spans="8:8">
      <c r="H222989" s="12"/>
    </row>
    <row r="222990" spans="8:8">
      <c r="H222990" s="12"/>
    </row>
    <row r="222991" spans="8:8">
      <c r="H222991" s="12"/>
    </row>
    <row r="222992" spans="8:8">
      <c r="H222992" s="12"/>
    </row>
    <row r="222993" spans="8:8">
      <c r="H222993" s="12"/>
    </row>
    <row r="222994" spans="8:8">
      <c r="H222994" s="12"/>
    </row>
    <row r="222995" spans="8:8">
      <c r="H222995" s="12"/>
    </row>
    <row r="222996" spans="8:8">
      <c r="H222996" s="12"/>
    </row>
    <row r="222997" spans="8:8">
      <c r="H222997" s="12"/>
    </row>
    <row r="222998" spans="8:8">
      <c r="H222998" s="12"/>
    </row>
    <row r="222999" spans="8:8">
      <c r="H222999" s="12"/>
    </row>
    <row r="223000" spans="8:8">
      <c r="H223000" s="12"/>
    </row>
    <row r="223001" spans="8:8">
      <c r="H223001" s="12"/>
    </row>
    <row r="223002" spans="8:8">
      <c r="H223002" s="12"/>
    </row>
    <row r="223003" spans="8:8">
      <c r="H223003" s="12"/>
    </row>
    <row r="223004" spans="8:8">
      <c r="H223004" s="12"/>
    </row>
    <row r="223005" spans="8:8">
      <c r="H223005" s="12"/>
    </row>
    <row r="223006" spans="8:8">
      <c r="H223006" s="12"/>
    </row>
    <row r="223007" spans="8:8">
      <c r="H223007" s="12"/>
    </row>
    <row r="223008" spans="8:8">
      <c r="H223008" s="12"/>
    </row>
    <row r="223009" spans="8:8">
      <c r="H223009" s="12"/>
    </row>
    <row r="223010" spans="8:8">
      <c r="H223010" s="12"/>
    </row>
    <row r="223011" spans="8:8">
      <c r="H223011" s="12"/>
    </row>
    <row r="223012" spans="8:8">
      <c r="H223012" s="12"/>
    </row>
    <row r="223013" spans="8:8">
      <c r="H223013" s="12"/>
    </row>
    <row r="223014" spans="8:8">
      <c r="H223014" s="12"/>
    </row>
    <row r="223015" spans="8:8">
      <c r="H223015" s="12"/>
    </row>
    <row r="223016" spans="8:8">
      <c r="H223016" s="12"/>
    </row>
    <row r="223017" spans="8:8">
      <c r="H223017" s="12"/>
    </row>
    <row r="223018" spans="8:8">
      <c r="H223018" s="12"/>
    </row>
    <row r="223019" spans="8:8">
      <c r="H223019" s="12"/>
    </row>
    <row r="223020" spans="8:8">
      <c r="H223020" s="12"/>
    </row>
    <row r="223021" spans="8:8">
      <c r="H223021" s="12"/>
    </row>
    <row r="223022" spans="8:8">
      <c r="H223022" s="12"/>
    </row>
    <row r="223023" spans="8:8">
      <c r="H223023" s="12"/>
    </row>
    <row r="223024" spans="8:8">
      <c r="H223024" s="12"/>
    </row>
    <row r="223025" spans="8:8">
      <c r="H223025" s="12"/>
    </row>
    <row r="223026" spans="8:8">
      <c r="H223026" s="12"/>
    </row>
    <row r="223027" spans="8:8">
      <c r="H223027" s="12"/>
    </row>
    <row r="223028" spans="8:8">
      <c r="H223028" s="12"/>
    </row>
    <row r="223029" spans="8:8">
      <c r="H223029" s="12"/>
    </row>
    <row r="223030" spans="8:8">
      <c r="H223030" s="12"/>
    </row>
    <row r="223031" spans="8:8">
      <c r="H223031" s="12"/>
    </row>
    <row r="223032" spans="8:8">
      <c r="H223032" s="12"/>
    </row>
    <row r="223033" spans="8:8">
      <c r="H223033" s="12"/>
    </row>
    <row r="223034" spans="8:8">
      <c r="H223034" s="12"/>
    </row>
    <row r="223035" spans="8:8">
      <c r="H223035" s="12"/>
    </row>
    <row r="223036" spans="8:8">
      <c r="H223036" s="12"/>
    </row>
    <row r="223037" spans="8:8">
      <c r="H223037" s="12"/>
    </row>
    <row r="223038" spans="8:8">
      <c r="H223038" s="12"/>
    </row>
    <row r="223039" spans="8:8">
      <c r="H223039" s="12"/>
    </row>
    <row r="223040" spans="8:8">
      <c r="H223040" s="12"/>
    </row>
    <row r="223041" spans="8:8">
      <c r="H223041" s="12"/>
    </row>
    <row r="223042" spans="8:8">
      <c r="H223042" s="12"/>
    </row>
    <row r="223043" spans="8:8">
      <c r="H223043" s="12"/>
    </row>
    <row r="223044" spans="8:8">
      <c r="H223044" s="12"/>
    </row>
    <row r="223045" spans="8:8">
      <c r="H223045" s="12"/>
    </row>
    <row r="223046" spans="8:8">
      <c r="H223046" s="12"/>
    </row>
    <row r="223047" spans="8:8">
      <c r="H223047" s="12"/>
    </row>
    <row r="223048" spans="8:8">
      <c r="H223048" s="12"/>
    </row>
    <row r="223049" spans="8:8">
      <c r="H223049" s="12"/>
    </row>
    <row r="223050" spans="8:8">
      <c r="H223050" s="12"/>
    </row>
    <row r="223051" spans="8:8">
      <c r="H223051" s="12"/>
    </row>
    <row r="223052" spans="8:8">
      <c r="H223052" s="12"/>
    </row>
    <row r="223053" spans="8:8">
      <c r="H223053" s="12"/>
    </row>
    <row r="223054" spans="8:8">
      <c r="H223054" s="12"/>
    </row>
    <row r="223055" spans="8:8">
      <c r="H223055" s="12"/>
    </row>
    <row r="223056" spans="8:8">
      <c r="H223056" s="12"/>
    </row>
    <row r="223057" spans="8:8">
      <c r="H223057" s="12"/>
    </row>
    <row r="223058" spans="8:8">
      <c r="H223058" s="12"/>
    </row>
    <row r="223059" spans="8:8">
      <c r="H223059" s="12"/>
    </row>
    <row r="223060" spans="8:8">
      <c r="H223060" s="12"/>
    </row>
    <row r="223061" spans="8:8">
      <c r="H223061" s="12"/>
    </row>
    <row r="223062" spans="8:8">
      <c r="H223062" s="12"/>
    </row>
    <row r="223063" spans="8:8">
      <c r="H223063" s="12"/>
    </row>
    <row r="223064" spans="8:8">
      <c r="H223064" s="12"/>
    </row>
    <row r="223065" spans="8:8">
      <c r="H223065" s="12"/>
    </row>
    <row r="223066" spans="8:8">
      <c r="H223066" s="12"/>
    </row>
    <row r="223067" spans="8:8">
      <c r="H223067" s="12"/>
    </row>
    <row r="223068" spans="8:8">
      <c r="H223068" s="12"/>
    </row>
    <row r="223069" spans="8:8">
      <c r="H223069" s="12"/>
    </row>
    <row r="223070" spans="8:8">
      <c r="H223070" s="12"/>
    </row>
    <row r="223071" spans="8:8">
      <c r="H223071" s="12"/>
    </row>
    <row r="223072" spans="8:8">
      <c r="H223072" s="12"/>
    </row>
    <row r="223073" spans="8:8">
      <c r="H223073" s="12"/>
    </row>
    <row r="223074" spans="8:8">
      <c r="H223074" s="12"/>
    </row>
    <row r="223075" spans="8:8">
      <c r="H223075" s="12"/>
    </row>
    <row r="223076" spans="8:8">
      <c r="H223076" s="12"/>
    </row>
    <row r="223077" spans="8:8">
      <c r="H223077" s="12"/>
    </row>
    <row r="223078" spans="8:8">
      <c r="H223078" s="12"/>
    </row>
    <row r="223079" spans="8:8">
      <c r="H223079" s="12"/>
    </row>
    <row r="223080" spans="8:8">
      <c r="H223080" s="12"/>
    </row>
    <row r="223081" spans="8:8">
      <c r="H223081" s="12"/>
    </row>
    <row r="223082" spans="8:8">
      <c r="H223082" s="12"/>
    </row>
    <row r="223083" spans="8:8">
      <c r="H223083" s="12"/>
    </row>
    <row r="223084" spans="8:8">
      <c r="H223084" s="12"/>
    </row>
    <row r="223085" spans="8:8">
      <c r="H223085" s="12"/>
    </row>
    <row r="223086" spans="8:8">
      <c r="H223086" s="12"/>
    </row>
    <row r="223087" spans="8:8">
      <c r="H223087" s="12"/>
    </row>
    <row r="223088" spans="8:8">
      <c r="H223088" s="12"/>
    </row>
    <row r="223089" spans="8:8">
      <c r="H223089" s="12"/>
    </row>
    <row r="223090" spans="8:8">
      <c r="H223090" s="12"/>
    </row>
    <row r="223091" spans="8:8">
      <c r="H223091" s="12"/>
    </row>
    <row r="223092" spans="8:8">
      <c r="H223092" s="12"/>
    </row>
    <row r="223093" spans="8:8">
      <c r="H223093" s="12"/>
    </row>
    <row r="223094" spans="8:8">
      <c r="H223094" s="12"/>
    </row>
    <row r="223095" spans="8:8">
      <c r="H223095" s="12"/>
    </row>
    <row r="223096" spans="8:8">
      <c r="H223096" s="12"/>
    </row>
    <row r="223097" spans="8:8">
      <c r="H223097" s="12"/>
    </row>
    <row r="223098" spans="8:8">
      <c r="H223098" s="12"/>
    </row>
    <row r="223099" spans="8:8">
      <c r="H223099" s="12"/>
    </row>
    <row r="223100" spans="8:8">
      <c r="H223100" s="12"/>
    </row>
    <row r="223101" spans="8:8">
      <c r="H223101" s="12"/>
    </row>
    <row r="223102" spans="8:8">
      <c r="H223102" s="12"/>
    </row>
    <row r="223103" spans="8:8">
      <c r="H223103" s="12"/>
    </row>
    <row r="223104" spans="8:8">
      <c r="H223104" s="12"/>
    </row>
    <row r="223105" spans="8:8">
      <c r="H223105" s="12"/>
    </row>
    <row r="223106" spans="8:8">
      <c r="H223106" s="12"/>
    </row>
    <row r="223107" spans="8:8">
      <c r="H223107" s="12"/>
    </row>
    <row r="223108" spans="8:8">
      <c r="H223108" s="12"/>
    </row>
    <row r="223109" spans="8:8">
      <c r="H223109" s="12"/>
    </row>
    <row r="223110" spans="8:8">
      <c r="H223110" s="12"/>
    </row>
    <row r="223111" spans="8:8">
      <c r="H223111" s="12"/>
    </row>
    <row r="223112" spans="8:8">
      <c r="H223112" s="12"/>
    </row>
    <row r="223113" spans="8:8">
      <c r="H223113" s="12"/>
    </row>
    <row r="223114" spans="8:8">
      <c r="H223114" s="12"/>
    </row>
    <row r="223115" spans="8:8">
      <c r="H223115" s="12"/>
    </row>
    <row r="223116" spans="8:8">
      <c r="H223116" s="12"/>
    </row>
    <row r="223117" spans="8:8">
      <c r="H223117" s="12"/>
    </row>
    <row r="223118" spans="8:8">
      <c r="H223118" s="12"/>
    </row>
    <row r="223119" spans="8:8">
      <c r="H223119" s="12"/>
    </row>
    <row r="223120" spans="8:8">
      <c r="H223120" s="12"/>
    </row>
    <row r="223121" spans="8:8">
      <c r="H223121" s="12"/>
    </row>
    <row r="223122" spans="8:8">
      <c r="H223122" s="12"/>
    </row>
    <row r="223123" spans="8:8">
      <c r="H223123" s="12"/>
    </row>
    <row r="223124" spans="8:8">
      <c r="H223124" s="12"/>
    </row>
    <row r="223125" spans="8:8">
      <c r="H223125" s="12"/>
    </row>
    <row r="223126" spans="8:8">
      <c r="H223126" s="12"/>
    </row>
    <row r="223127" spans="8:8">
      <c r="H223127" s="12"/>
    </row>
    <row r="223128" spans="8:8">
      <c r="H223128" s="12"/>
    </row>
    <row r="223129" spans="8:8">
      <c r="H223129" s="12"/>
    </row>
    <row r="223130" spans="8:8">
      <c r="H223130" s="12"/>
    </row>
    <row r="223131" spans="8:8">
      <c r="H223131" s="12"/>
    </row>
    <row r="223132" spans="8:8">
      <c r="H223132" s="12"/>
    </row>
    <row r="223133" spans="8:8">
      <c r="H223133" s="12"/>
    </row>
    <row r="223134" spans="8:8">
      <c r="H223134" s="12"/>
    </row>
    <row r="223135" spans="8:8">
      <c r="H223135" s="12"/>
    </row>
    <row r="223136" spans="8:8">
      <c r="H223136" s="12"/>
    </row>
    <row r="223137" spans="8:8">
      <c r="H223137" s="12"/>
    </row>
    <row r="223138" spans="8:8">
      <c r="H223138" s="12"/>
    </row>
    <row r="223139" spans="8:8">
      <c r="H223139" s="12"/>
    </row>
    <row r="223140" spans="8:8">
      <c r="H223140" s="12"/>
    </row>
    <row r="223141" spans="8:8">
      <c r="H223141" s="12"/>
    </row>
    <row r="223142" spans="8:8">
      <c r="H223142" s="12"/>
    </row>
    <row r="223143" spans="8:8">
      <c r="H223143" s="12"/>
    </row>
    <row r="223144" spans="8:8">
      <c r="H223144" s="12"/>
    </row>
    <row r="223145" spans="8:8">
      <c r="H223145" s="12"/>
    </row>
    <row r="223146" spans="8:8">
      <c r="H223146" s="12"/>
    </row>
    <row r="223147" spans="8:8">
      <c r="H223147" s="12"/>
    </row>
    <row r="223148" spans="8:8">
      <c r="H223148" s="12"/>
    </row>
    <row r="223149" spans="8:8">
      <c r="H223149" s="12"/>
    </row>
    <row r="223150" spans="8:8">
      <c r="H223150" s="12"/>
    </row>
    <row r="223151" spans="8:8">
      <c r="H223151" s="12"/>
    </row>
    <row r="223152" spans="8:8">
      <c r="H223152" s="12"/>
    </row>
    <row r="223153" spans="8:8">
      <c r="H223153" s="12"/>
    </row>
    <row r="223154" spans="8:8">
      <c r="H223154" s="12"/>
    </row>
    <row r="223155" spans="8:8">
      <c r="H223155" s="12"/>
    </row>
    <row r="223156" spans="8:8">
      <c r="H223156" s="12"/>
    </row>
    <row r="223157" spans="8:8">
      <c r="H223157" s="12"/>
    </row>
    <row r="223158" spans="8:8">
      <c r="H223158" s="12"/>
    </row>
    <row r="223159" spans="8:8">
      <c r="H223159" s="12"/>
    </row>
    <row r="223160" spans="8:8">
      <c r="H223160" s="12"/>
    </row>
    <row r="223161" spans="8:8">
      <c r="H223161" s="12"/>
    </row>
    <row r="223162" spans="8:8">
      <c r="H223162" s="12"/>
    </row>
    <row r="223163" spans="8:8">
      <c r="H223163" s="12"/>
    </row>
    <row r="223164" spans="8:8">
      <c r="H223164" s="12"/>
    </row>
    <row r="223165" spans="8:8">
      <c r="H223165" s="12"/>
    </row>
    <row r="223166" spans="8:8">
      <c r="H223166" s="12"/>
    </row>
    <row r="223167" spans="8:8">
      <c r="H223167" s="12"/>
    </row>
    <row r="223168" spans="8:8">
      <c r="H223168" s="12"/>
    </row>
    <row r="223169" spans="8:8">
      <c r="H223169" s="12"/>
    </row>
    <row r="223170" spans="8:8">
      <c r="H223170" s="12"/>
    </row>
    <row r="223171" spans="8:8">
      <c r="H223171" s="12"/>
    </row>
    <row r="223172" spans="8:8">
      <c r="H223172" s="12"/>
    </row>
    <row r="223173" spans="8:8">
      <c r="H223173" s="12"/>
    </row>
    <row r="223174" spans="8:8">
      <c r="H223174" s="12"/>
    </row>
    <row r="223175" spans="8:8">
      <c r="H223175" s="12"/>
    </row>
    <row r="223176" spans="8:8">
      <c r="H223176" s="12"/>
    </row>
    <row r="223177" spans="8:8">
      <c r="H223177" s="12"/>
    </row>
    <row r="223178" spans="8:8">
      <c r="H223178" s="12"/>
    </row>
    <row r="223179" spans="8:8">
      <c r="H223179" s="12"/>
    </row>
    <row r="223180" spans="8:8">
      <c r="H223180" s="12"/>
    </row>
    <row r="223181" spans="8:8">
      <c r="H223181" s="12"/>
    </row>
    <row r="223182" spans="8:8">
      <c r="H223182" s="12"/>
    </row>
    <row r="223183" spans="8:8">
      <c r="H223183" s="12"/>
    </row>
    <row r="223184" spans="8:8">
      <c r="H223184" s="12"/>
    </row>
    <row r="223185" spans="8:8">
      <c r="H223185" s="12"/>
    </row>
    <row r="223186" spans="8:8">
      <c r="H223186" s="12"/>
    </row>
    <row r="223187" spans="8:8">
      <c r="H223187" s="12"/>
    </row>
    <row r="223188" spans="8:8">
      <c r="H223188" s="12"/>
    </row>
    <row r="223189" spans="8:8">
      <c r="H223189" s="12"/>
    </row>
    <row r="223190" spans="8:8">
      <c r="H223190" s="12"/>
    </row>
    <row r="223191" spans="8:8">
      <c r="H223191" s="12"/>
    </row>
    <row r="223192" spans="8:8">
      <c r="H223192" s="12"/>
    </row>
    <row r="223193" spans="8:8">
      <c r="H223193" s="12"/>
    </row>
    <row r="223194" spans="8:8">
      <c r="H223194" s="12"/>
    </row>
    <row r="223195" spans="8:8">
      <c r="H223195" s="12"/>
    </row>
    <row r="223196" spans="8:8">
      <c r="H223196" s="12"/>
    </row>
    <row r="223197" spans="8:8">
      <c r="H223197" s="12"/>
    </row>
    <row r="223198" spans="8:8">
      <c r="H223198" s="12"/>
    </row>
    <row r="223199" spans="8:8">
      <c r="H223199" s="12"/>
    </row>
    <row r="223200" spans="8:8">
      <c r="H223200" s="12"/>
    </row>
    <row r="223201" spans="8:8">
      <c r="H223201" s="12"/>
    </row>
    <row r="223202" spans="8:8">
      <c r="H223202" s="12"/>
    </row>
    <row r="223203" spans="8:8">
      <c r="H223203" s="12"/>
    </row>
    <row r="223204" spans="8:8">
      <c r="H223204" s="12"/>
    </row>
    <row r="223205" spans="8:8">
      <c r="H223205" s="12"/>
    </row>
    <row r="223206" spans="8:8">
      <c r="H223206" s="12"/>
    </row>
    <row r="223207" spans="8:8">
      <c r="H223207" s="12"/>
    </row>
    <row r="223208" spans="8:8">
      <c r="H223208" s="12"/>
    </row>
    <row r="223209" spans="8:8">
      <c r="H223209" s="12"/>
    </row>
    <row r="223210" spans="8:8">
      <c r="H223210" s="12"/>
    </row>
    <row r="223211" spans="8:8">
      <c r="H223211" s="12"/>
    </row>
    <row r="223212" spans="8:8">
      <c r="H223212" s="12"/>
    </row>
    <row r="223213" spans="8:8">
      <c r="H223213" s="12"/>
    </row>
    <row r="223214" spans="8:8">
      <c r="H223214" s="12"/>
    </row>
    <row r="223215" spans="8:8">
      <c r="H223215" s="12"/>
    </row>
    <row r="223216" spans="8:8">
      <c r="H223216" s="12"/>
    </row>
    <row r="223217" spans="8:8">
      <c r="H223217" s="12"/>
    </row>
    <row r="223218" spans="8:8">
      <c r="H223218" s="12"/>
    </row>
    <row r="223219" spans="8:8">
      <c r="H223219" s="12"/>
    </row>
    <row r="223220" spans="8:8">
      <c r="H223220" s="12"/>
    </row>
    <row r="223221" spans="8:8">
      <c r="H223221" s="12"/>
    </row>
    <row r="223222" spans="8:8">
      <c r="H223222" s="12"/>
    </row>
    <row r="223223" spans="8:8">
      <c r="H223223" s="12"/>
    </row>
    <row r="223224" spans="8:8">
      <c r="H223224" s="12"/>
    </row>
    <row r="223225" spans="8:8">
      <c r="H223225" s="12"/>
    </row>
    <row r="223226" spans="8:8">
      <c r="H223226" s="12"/>
    </row>
    <row r="223227" spans="8:8">
      <c r="H223227" s="12"/>
    </row>
    <row r="223228" spans="8:8">
      <c r="H223228" s="12"/>
    </row>
    <row r="223229" spans="8:8">
      <c r="H223229" s="12"/>
    </row>
    <row r="223230" spans="8:8">
      <c r="H223230" s="12"/>
    </row>
    <row r="223231" spans="8:8">
      <c r="H223231" s="12"/>
    </row>
    <row r="223232" spans="8:8">
      <c r="H223232" s="12"/>
    </row>
    <row r="223233" spans="8:8">
      <c r="H223233" s="12"/>
    </row>
    <row r="223234" spans="8:8">
      <c r="H223234" s="12"/>
    </row>
    <row r="223235" spans="8:8">
      <c r="H223235" s="12"/>
    </row>
    <row r="223236" spans="8:8">
      <c r="H223236" s="12"/>
    </row>
    <row r="223237" spans="8:8">
      <c r="H223237" s="12"/>
    </row>
    <row r="223238" spans="8:8">
      <c r="H223238" s="12"/>
    </row>
    <row r="223239" spans="8:8">
      <c r="H223239" s="12"/>
    </row>
    <row r="223240" spans="8:8">
      <c r="H223240" s="12"/>
    </row>
    <row r="223241" spans="8:8">
      <c r="H223241" s="12"/>
    </row>
    <row r="223242" spans="8:8">
      <c r="H223242" s="12"/>
    </row>
    <row r="223243" spans="8:8">
      <c r="H223243" s="12"/>
    </row>
    <row r="223244" spans="8:8">
      <c r="H223244" s="12"/>
    </row>
    <row r="223245" spans="8:8">
      <c r="H223245" s="12"/>
    </row>
    <row r="223246" spans="8:8">
      <c r="H223246" s="12"/>
    </row>
    <row r="223247" spans="8:8">
      <c r="H223247" s="12"/>
    </row>
    <row r="223248" spans="8:8">
      <c r="H223248" s="12"/>
    </row>
    <row r="223249" spans="8:8">
      <c r="H223249" s="12"/>
    </row>
    <row r="223250" spans="8:8">
      <c r="H223250" s="12"/>
    </row>
    <row r="223251" spans="8:8">
      <c r="H223251" s="12"/>
    </row>
    <row r="223252" spans="8:8">
      <c r="H223252" s="12"/>
    </row>
    <row r="223253" spans="8:8">
      <c r="H223253" s="12"/>
    </row>
    <row r="223254" spans="8:8">
      <c r="H223254" s="12"/>
    </row>
    <row r="223255" spans="8:8">
      <c r="H223255" s="12"/>
    </row>
    <row r="223256" spans="8:8">
      <c r="H223256" s="12"/>
    </row>
    <row r="223257" spans="8:8">
      <c r="H223257" s="12"/>
    </row>
    <row r="223258" spans="8:8">
      <c r="H223258" s="12"/>
    </row>
    <row r="223259" spans="8:8">
      <c r="H223259" s="12"/>
    </row>
    <row r="223260" spans="8:8">
      <c r="H223260" s="12"/>
    </row>
    <row r="223261" spans="8:8">
      <c r="H223261" s="12"/>
    </row>
    <row r="223262" spans="8:8">
      <c r="H223262" s="12"/>
    </row>
    <row r="223263" spans="8:8">
      <c r="H223263" s="12"/>
    </row>
    <row r="223264" spans="8:8">
      <c r="H223264" s="12"/>
    </row>
    <row r="223265" spans="8:8">
      <c r="H223265" s="12"/>
    </row>
    <row r="223266" spans="8:8">
      <c r="H223266" s="12"/>
    </row>
    <row r="223267" spans="8:8">
      <c r="H223267" s="12"/>
    </row>
    <row r="223268" spans="8:8">
      <c r="H223268" s="12"/>
    </row>
    <row r="223269" spans="8:8">
      <c r="H223269" s="12"/>
    </row>
    <row r="223270" spans="8:8">
      <c r="H223270" s="12"/>
    </row>
    <row r="223271" spans="8:8">
      <c r="H223271" s="12"/>
    </row>
    <row r="223272" spans="8:8">
      <c r="H223272" s="12"/>
    </row>
    <row r="223273" spans="8:8">
      <c r="H223273" s="12"/>
    </row>
    <row r="223274" spans="8:8">
      <c r="H223274" s="12"/>
    </row>
    <row r="223275" spans="8:8">
      <c r="H223275" s="12"/>
    </row>
    <row r="223276" spans="8:8">
      <c r="H223276" s="12"/>
    </row>
    <row r="223277" spans="8:8">
      <c r="H223277" s="12"/>
    </row>
    <row r="223278" spans="8:8">
      <c r="H223278" s="12"/>
    </row>
    <row r="223279" spans="8:8">
      <c r="H223279" s="12"/>
    </row>
    <row r="223280" spans="8:8">
      <c r="H223280" s="12"/>
    </row>
    <row r="223281" spans="8:8">
      <c r="H223281" s="12"/>
    </row>
    <row r="223282" spans="8:8">
      <c r="H223282" s="12"/>
    </row>
    <row r="223283" spans="8:8">
      <c r="H223283" s="12"/>
    </row>
    <row r="223284" spans="8:8">
      <c r="H223284" s="12"/>
    </row>
    <row r="223285" spans="8:8">
      <c r="H223285" s="12"/>
    </row>
    <row r="223286" spans="8:8">
      <c r="H223286" s="12"/>
    </row>
    <row r="223287" spans="8:8">
      <c r="H223287" s="12"/>
    </row>
    <row r="223288" spans="8:8">
      <c r="H223288" s="12"/>
    </row>
    <row r="223289" spans="8:8">
      <c r="H223289" s="12"/>
    </row>
    <row r="223290" spans="8:8">
      <c r="H223290" s="12"/>
    </row>
    <row r="223291" spans="8:8">
      <c r="H223291" s="12"/>
    </row>
    <row r="223292" spans="8:8">
      <c r="H223292" s="12"/>
    </row>
    <row r="223293" spans="8:8">
      <c r="H223293" s="12"/>
    </row>
    <row r="223294" spans="8:8">
      <c r="H223294" s="12"/>
    </row>
    <row r="223295" spans="8:8">
      <c r="H223295" s="12"/>
    </row>
    <row r="223296" spans="8:8">
      <c r="H223296" s="12"/>
    </row>
    <row r="223297" spans="8:8">
      <c r="H223297" s="12"/>
    </row>
    <row r="223298" spans="8:8">
      <c r="H223298" s="12"/>
    </row>
    <row r="223299" spans="8:8">
      <c r="H223299" s="12"/>
    </row>
    <row r="223300" spans="8:8">
      <c r="H223300" s="12"/>
    </row>
    <row r="223301" spans="8:8">
      <c r="H223301" s="12"/>
    </row>
    <row r="223302" spans="8:8">
      <c r="H223302" s="12"/>
    </row>
    <row r="223303" spans="8:8">
      <c r="H223303" s="12"/>
    </row>
    <row r="223304" spans="8:8">
      <c r="H223304" s="12"/>
    </row>
    <row r="223305" spans="8:8">
      <c r="H223305" s="12"/>
    </row>
    <row r="223306" spans="8:8">
      <c r="H223306" s="12"/>
    </row>
    <row r="223307" spans="8:8">
      <c r="H223307" s="12"/>
    </row>
    <row r="223308" spans="8:8">
      <c r="H223308" s="12"/>
    </row>
    <row r="223309" spans="8:8">
      <c r="H223309" s="12"/>
    </row>
    <row r="223310" spans="8:8">
      <c r="H223310" s="12"/>
    </row>
    <row r="223311" spans="8:8">
      <c r="H223311" s="12"/>
    </row>
    <row r="223312" spans="8:8">
      <c r="H223312" s="12"/>
    </row>
    <row r="223313" spans="8:8">
      <c r="H223313" s="12"/>
    </row>
    <row r="223314" spans="8:8">
      <c r="H223314" s="12"/>
    </row>
    <row r="223315" spans="8:8">
      <c r="H223315" s="12"/>
    </row>
    <row r="223316" spans="8:8">
      <c r="H223316" s="12"/>
    </row>
    <row r="223317" spans="8:8">
      <c r="H223317" s="12"/>
    </row>
    <row r="223318" spans="8:8">
      <c r="H223318" s="12"/>
    </row>
    <row r="223319" spans="8:8">
      <c r="H223319" s="12"/>
    </row>
    <row r="223320" spans="8:8">
      <c r="H223320" s="12"/>
    </row>
    <row r="223321" spans="8:8">
      <c r="H223321" s="12"/>
    </row>
    <row r="223322" spans="8:8">
      <c r="H223322" s="12"/>
    </row>
    <row r="223323" spans="8:8">
      <c r="H223323" s="12"/>
    </row>
    <row r="223324" spans="8:8">
      <c r="H223324" s="12"/>
    </row>
    <row r="223325" spans="8:8">
      <c r="H223325" s="12"/>
    </row>
    <row r="223326" spans="8:8">
      <c r="H223326" s="12"/>
    </row>
    <row r="223327" spans="8:8">
      <c r="H223327" s="12"/>
    </row>
    <row r="223328" spans="8:8">
      <c r="H223328" s="12"/>
    </row>
    <row r="223329" spans="8:8">
      <c r="H223329" s="12"/>
    </row>
    <row r="223330" spans="8:8">
      <c r="H223330" s="12"/>
    </row>
    <row r="223331" spans="8:8">
      <c r="H223331" s="12"/>
    </row>
    <row r="223332" spans="8:8">
      <c r="H223332" s="12"/>
    </row>
    <row r="223333" spans="8:8">
      <c r="H223333" s="12"/>
    </row>
    <row r="223334" spans="8:8">
      <c r="H223334" s="12"/>
    </row>
    <row r="223335" spans="8:8">
      <c r="H223335" s="12"/>
    </row>
    <row r="223336" spans="8:8">
      <c r="H223336" s="12"/>
    </row>
    <row r="223337" spans="8:8">
      <c r="H223337" s="12"/>
    </row>
    <row r="223338" spans="8:8">
      <c r="H223338" s="12"/>
    </row>
    <row r="223339" spans="8:8">
      <c r="H223339" s="12"/>
    </row>
    <row r="223340" spans="8:8">
      <c r="H223340" s="12"/>
    </row>
    <row r="223341" spans="8:8">
      <c r="H223341" s="12"/>
    </row>
    <row r="223342" spans="8:8">
      <c r="H223342" s="12"/>
    </row>
    <row r="223343" spans="8:8">
      <c r="H223343" s="12"/>
    </row>
    <row r="223344" spans="8:8">
      <c r="H223344" s="12"/>
    </row>
    <row r="223345" spans="8:8">
      <c r="H223345" s="12"/>
    </row>
    <row r="223346" spans="8:8">
      <c r="H223346" s="12"/>
    </row>
    <row r="223347" spans="8:8">
      <c r="H223347" s="12"/>
    </row>
    <row r="223348" spans="8:8">
      <c r="H223348" s="12"/>
    </row>
    <row r="223349" spans="8:8">
      <c r="H223349" s="12"/>
    </row>
    <row r="223350" spans="8:8">
      <c r="H223350" s="12"/>
    </row>
    <row r="223351" spans="8:8">
      <c r="H223351" s="12"/>
    </row>
    <row r="223352" spans="8:8">
      <c r="H223352" s="12"/>
    </row>
    <row r="223353" spans="8:8">
      <c r="H223353" s="12"/>
    </row>
    <row r="223354" spans="8:8">
      <c r="H223354" s="12"/>
    </row>
    <row r="223355" spans="8:8">
      <c r="H223355" s="12"/>
    </row>
    <row r="223356" spans="8:8">
      <c r="H223356" s="12"/>
    </row>
    <row r="223357" spans="8:8">
      <c r="H223357" s="12"/>
    </row>
    <row r="223358" spans="8:8">
      <c r="H223358" s="12"/>
    </row>
    <row r="223359" spans="8:8">
      <c r="H223359" s="12"/>
    </row>
    <row r="223360" spans="8:8">
      <c r="H223360" s="12"/>
    </row>
    <row r="223361" spans="8:8">
      <c r="H223361" s="12"/>
    </row>
    <row r="223362" spans="8:8">
      <c r="H223362" s="12"/>
    </row>
    <row r="223363" spans="8:8">
      <c r="H223363" s="12"/>
    </row>
    <row r="223364" spans="8:8">
      <c r="H223364" s="12"/>
    </row>
    <row r="223365" spans="8:8">
      <c r="H223365" s="12"/>
    </row>
    <row r="223366" spans="8:8">
      <c r="H223366" s="12"/>
    </row>
    <row r="223367" spans="8:8">
      <c r="H223367" s="12"/>
    </row>
    <row r="223368" spans="8:8">
      <c r="H223368" s="12"/>
    </row>
    <row r="223369" spans="8:8">
      <c r="H223369" s="12"/>
    </row>
    <row r="223370" spans="8:8">
      <c r="H223370" s="12"/>
    </row>
    <row r="223371" spans="8:8">
      <c r="H223371" s="12"/>
    </row>
    <row r="223372" spans="8:8">
      <c r="H223372" s="12"/>
    </row>
    <row r="223373" spans="8:8">
      <c r="H223373" s="12"/>
    </row>
    <row r="223374" spans="8:8">
      <c r="H223374" s="12"/>
    </row>
    <row r="223375" spans="8:8">
      <c r="H223375" s="12"/>
    </row>
    <row r="223376" spans="8:8">
      <c r="H223376" s="12"/>
    </row>
    <row r="223377" spans="8:8">
      <c r="H223377" s="12"/>
    </row>
    <row r="223378" spans="8:8">
      <c r="H223378" s="12"/>
    </row>
    <row r="223379" spans="8:8">
      <c r="H223379" s="12"/>
    </row>
    <row r="223380" spans="8:8">
      <c r="H223380" s="12"/>
    </row>
    <row r="223381" spans="8:8">
      <c r="H223381" s="12"/>
    </row>
    <row r="223382" spans="8:8">
      <c r="H223382" s="12"/>
    </row>
    <row r="223383" spans="8:8">
      <c r="H223383" s="12"/>
    </row>
    <row r="223384" spans="8:8">
      <c r="H223384" s="12"/>
    </row>
    <row r="223385" spans="8:8">
      <c r="H223385" s="12"/>
    </row>
    <row r="223386" spans="8:8">
      <c r="H223386" s="12"/>
    </row>
    <row r="223387" spans="8:8">
      <c r="H223387" s="12"/>
    </row>
    <row r="223388" spans="8:8">
      <c r="H223388" s="12"/>
    </row>
    <row r="223389" spans="8:8">
      <c r="H223389" s="12"/>
    </row>
    <row r="223390" spans="8:8">
      <c r="H223390" s="12"/>
    </row>
    <row r="223391" spans="8:8">
      <c r="H223391" s="12"/>
    </row>
    <row r="223392" spans="8:8">
      <c r="H223392" s="12"/>
    </row>
    <row r="223393" spans="8:8">
      <c r="H223393" s="12"/>
    </row>
    <row r="223394" spans="8:8">
      <c r="H223394" s="12"/>
    </row>
    <row r="223395" spans="8:8">
      <c r="H223395" s="12"/>
    </row>
    <row r="223396" spans="8:8">
      <c r="H223396" s="12"/>
    </row>
    <row r="223397" spans="8:8">
      <c r="H223397" s="12"/>
    </row>
    <row r="223398" spans="8:8">
      <c r="H223398" s="12"/>
    </row>
    <row r="223399" spans="8:8">
      <c r="H223399" s="12"/>
    </row>
    <row r="223400" spans="8:8">
      <c r="H223400" s="12"/>
    </row>
    <row r="223401" spans="8:8">
      <c r="H223401" s="12"/>
    </row>
    <row r="223402" spans="8:8">
      <c r="H223402" s="12"/>
    </row>
    <row r="223403" spans="8:8">
      <c r="H223403" s="12"/>
    </row>
    <row r="223404" spans="8:8">
      <c r="H223404" s="12"/>
    </row>
    <row r="223405" spans="8:8">
      <c r="H223405" s="12"/>
    </row>
    <row r="223406" spans="8:8">
      <c r="H223406" s="12"/>
    </row>
    <row r="223407" spans="8:8">
      <c r="H223407" s="12"/>
    </row>
    <row r="223408" spans="8:8">
      <c r="H223408" s="12"/>
    </row>
    <row r="223409" spans="8:8">
      <c r="H223409" s="12"/>
    </row>
    <row r="223410" spans="8:8">
      <c r="H223410" s="12"/>
    </row>
    <row r="223411" spans="8:8">
      <c r="H223411" s="12"/>
    </row>
    <row r="223412" spans="8:8">
      <c r="H223412" s="12"/>
    </row>
    <row r="223413" spans="8:8">
      <c r="H223413" s="12"/>
    </row>
    <row r="223414" spans="8:8">
      <c r="H223414" s="12"/>
    </row>
    <row r="223415" spans="8:8">
      <c r="H223415" s="12"/>
    </row>
    <row r="223416" spans="8:8">
      <c r="H223416" s="12"/>
    </row>
    <row r="223417" spans="8:8">
      <c r="H223417" s="12"/>
    </row>
    <row r="223418" spans="8:8">
      <c r="H223418" s="12"/>
    </row>
    <row r="223419" spans="8:8">
      <c r="H223419" s="12"/>
    </row>
    <row r="223420" spans="8:8">
      <c r="H223420" s="12"/>
    </row>
    <row r="223421" spans="8:8">
      <c r="H223421" s="12"/>
    </row>
    <row r="223422" spans="8:8">
      <c r="H223422" s="12"/>
    </row>
    <row r="223423" spans="8:8">
      <c r="H223423" s="12"/>
    </row>
    <row r="223424" spans="8:8">
      <c r="H223424" s="12"/>
    </row>
    <row r="223425" spans="8:8">
      <c r="H223425" s="12"/>
    </row>
    <row r="223426" spans="8:8">
      <c r="H223426" s="12"/>
    </row>
    <row r="223427" spans="8:8">
      <c r="H223427" s="12"/>
    </row>
    <row r="223428" spans="8:8">
      <c r="H223428" s="12"/>
    </row>
    <row r="223429" spans="8:8">
      <c r="H223429" s="12"/>
    </row>
    <row r="223430" spans="8:8">
      <c r="H223430" s="12"/>
    </row>
    <row r="223431" spans="8:8">
      <c r="H223431" s="12"/>
    </row>
    <row r="223432" spans="8:8">
      <c r="H223432" s="12"/>
    </row>
    <row r="223433" spans="8:8">
      <c r="H223433" s="12"/>
    </row>
    <row r="223434" spans="8:8">
      <c r="H223434" s="12"/>
    </row>
    <row r="223435" spans="8:8">
      <c r="H223435" s="12"/>
    </row>
    <row r="223436" spans="8:8">
      <c r="H223436" s="12"/>
    </row>
    <row r="223437" spans="8:8">
      <c r="H223437" s="12"/>
    </row>
    <row r="223438" spans="8:8">
      <c r="H223438" s="12"/>
    </row>
    <row r="223439" spans="8:8">
      <c r="H223439" s="12"/>
    </row>
    <row r="223440" spans="8:8">
      <c r="H223440" s="12"/>
    </row>
    <row r="223441" spans="8:8">
      <c r="H223441" s="12"/>
    </row>
    <row r="223442" spans="8:8">
      <c r="H223442" s="12"/>
    </row>
    <row r="223443" spans="8:8">
      <c r="H223443" s="12"/>
    </row>
    <row r="223444" spans="8:8">
      <c r="H223444" s="12"/>
    </row>
    <row r="223445" spans="8:8">
      <c r="H223445" s="12"/>
    </row>
    <row r="223446" spans="8:8">
      <c r="H223446" s="12"/>
    </row>
    <row r="223447" spans="8:8">
      <c r="H223447" s="12"/>
    </row>
    <row r="223448" spans="8:8">
      <c r="H223448" s="12"/>
    </row>
    <row r="223449" spans="8:8">
      <c r="H223449" s="12"/>
    </row>
    <row r="223450" spans="8:8">
      <c r="H223450" s="12"/>
    </row>
    <row r="223451" spans="8:8">
      <c r="H223451" s="12"/>
    </row>
    <row r="223452" spans="8:8">
      <c r="H223452" s="12"/>
    </row>
    <row r="223453" spans="8:8">
      <c r="H223453" s="12"/>
    </row>
    <row r="223454" spans="8:8">
      <c r="H223454" s="12"/>
    </row>
    <row r="223455" spans="8:8">
      <c r="H223455" s="12"/>
    </row>
    <row r="223456" spans="8:8">
      <c r="H223456" s="12"/>
    </row>
    <row r="223457" spans="8:8">
      <c r="H223457" s="12"/>
    </row>
    <row r="223458" spans="8:8">
      <c r="H223458" s="12"/>
    </row>
    <row r="223459" spans="8:8">
      <c r="H223459" s="12"/>
    </row>
    <row r="223460" spans="8:8">
      <c r="H223460" s="12"/>
    </row>
    <row r="223461" spans="8:8">
      <c r="H223461" s="12"/>
    </row>
    <row r="223462" spans="8:8">
      <c r="H223462" s="12"/>
    </row>
    <row r="223463" spans="8:8">
      <c r="H223463" s="12"/>
    </row>
    <row r="223464" spans="8:8">
      <c r="H223464" s="12"/>
    </row>
    <row r="223465" spans="8:8">
      <c r="H223465" s="12"/>
    </row>
    <row r="223466" spans="8:8">
      <c r="H223466" s="12"/>
    </row>
    <row r="223467" spans="8:8">
      <c r="H223467" s="12"/>
    </row>
    <row r="223468" spans="8:8">
      <c r="H223468" s="12"/>
    </row>
    <row r="223469" spans="8:8">
      <c r="H223469" s="12"/>
    </row>
    <row r="223470" spans="8:8">
      <c r="H223470" s="12"/>
    </row>
    <row r="223471" spans="8:8">
      <c r="H223471" s="12"/>
    </row>
    <row r="223472" spans="8:8">
      <c r="H223472" s="12"/>
    </row>
    <row r="223473" spans="8:8">
      <c r="H223473" s="12"/>
    </row>
    <row r="223474" spans="8:8">
      <c r="H223474" s="12"/>
    </row>
    <row r="223475" spans="8:8">
      <c r="H223475" s="12"/>
    </row>
    <row r="223476" spans="8:8">
      <c r="H223476" s="12"/>
    </row>
    <row r="223477" spans="8:8">
      <c r="H223477" s="12"/>
    </row>
    <row r="223478" spans="8:8">
      <c r="H223478" s="12"/>
    </row>
    <row r="223479" spans="8:8">
      <c r="H223479" s="12"/>
    </row>
    <row r="223480" spans="8:8">
      <c r="H223480" s="12"/>
    </row>
    <row r="223481" spans="8:8">
      <c r="H223481" s="12"/>
    </row>
    <row r="223482" spans="8:8">
      <c r="H223482" s="12"/>
    </row>
    <row r="223483" spans="8:8">
      <c r="H223483" s="12"/>
    </row>
    <row r="223484" spans="8:8">
      <c r="H223484" s="12"/>
    </row>
    <row r="223485" spans="8:8">
      <c r="H223485" s="12"/>
    </row>
    <row r="223486" spans="8:8">
      <c r="H223486" s="12"/>
    </row>
    <row r="223487" spans="8:8">
      <c r="H223487" s="12"/>
    </row>
    <row r="223488" spans="8:8">
      <c r="H223488" s="12"/>
    </row>
    <row r="223489" spans="8:8">
      <c r="H223489" s="12"/>
    </row>
    <row r="223490" spans="8:8">
      <c r="H223490" s="12"/>
    </row>
    <row r="223491" spans="8:8">
      <c r="H223491" s="12"/>
    </row>
    <row r="223492" spans="8:8">
      <c r="H223492" s="12"/>
    </row>
    <row r="223493" spans="8:8">
      <c r="H223493" s="12"/>
    </row>
    <row r="223494" spans="8:8">
      <c r="H223494" s="12"/>
    </row>
    <row r="223495" spans="8:8">
      <c r="H223495" s="12"/>
    </row>
    <row r="223496" spans="8:8">
      <c r="H223496" s="12"/>
    </row>
    <row r="223497" spans="8:8">
      <c r="H223497" s="12"/>
    </row>
    <row r="223498" spans="8:8">
      <c r="H223498" s="12"/>
    </row>
    <row r="223499" spans="8:8">
      <c r="H223499" s="12"/>
    </row>
    <row r="223500" spans="8:8">
      <c r="H223500" s="12"/>
    </row>
    <row r="223501" spans="8:8">
      <c r="H223501" s="12"/>
    </row>
    <row r="223502" spans="8:8">
      <c r="H223502" s="12"/>
    </row>
    <row r="223503" spans="8:8">
      <c r="H223503" s="12"/>
    </row>
    <row r="223504" spans="8:8">
      <c r="H223504" s="12"/>
    </row>
    <row r="223505" spans="8:8">
      <c r="H223505" s="12"/>
    </row>
    <row r="223506" spans="8:8">
      <c r="H223506" s="12"/>
    </row>
    <row r="223507" spans="8:8">
      <c r="H223507" s="12"/>
    </row>
    <row r="223508" spans="8:8">
      <c r="H223508" s="12"/>
    </row>
    <row r="223509" spans="8:8">
      <c r="H223509" s="12"/>
    </row>
    <row r="223510" spans="8:8">
      <c r="H223510" s="12"/>
    </row>
    <row r="223511" spans="8:8">
      <c r="H223511" s="12"/>
    </row>
    <row r="223512" spans="8:8">
      <c r="H223512" s="12"/>
    </row>
    <row r="223513" spans="8:8">
      <c r="H223513" s="12"/>
    </row>
    <row r="223514" spans="8:8">
      <c r="H223514" s="12"/>
    </row>
    <row r="223515" spans="8:8">
      <c r="H223515" s="12"/>
    </row>
    <row r="223516" spans="8:8">
      <c r="H223516" s="12"/>
    </row>
    <row r="223517" spans="8:8">
      <c r="H223517" s="12"/>
    </row>
    <row r="223518" spans="8:8">
      <c r="H223518" s="12"/>
    </row>
    <row r="223519" spans="8:8">
      <c r="H223519" s="12"/>
    </row>
    <row r="223520" spans="8:8">
      <c r="H223520" s="12"/>
    </row>
    <row r="223521" spans="8:8">
      <c r="H223521" s="12"/>
    </row>
    <row r="223522" spans="8:8">
      <c r="H223522" s="12"/>
    </row>
    <row r="223523" spans="8:8">
      <c r="H223523" s="12"/>
    </row>
    <row r="223524" spans="8:8">
      <c r="H223524" s="12"/>
    </row>
    <row r="223525" spans="8:8">
      <c r="H223525" s="12"/>
    </row>
    <row r="223526" spans="8:8">
      <c r="H223526" s="12"/>
    </row>
    <row r="223527" spans="8:8">
      <c r="H223527" s="12"/>
    </row>
    <row r="223528" spans="8:8">
      <c r="H223528" s="12"/>
    </row>
    <row r="223529" spans="8:8">
      <c r="H223529" s="12"/>
    </row>
    <row r="223530" spans="8:8">
      <c r="H223530" s="12"/>
    </row>
    <row r="223531" spans="8:8">
      <c r="H223531" s="12"/>
    </row>
    <row r="223532" spans="8:8">
      <c r="H223532" s="12"/>
    </row>
    <row r="223533" spans="8:8">
      <c r="H223533" s="12"/>
    </row>
    <row r="223534" spans="8:8">
      <c r="H223534" s="12"/>
    </row>
    <row r="223535" spans="8:8">
      <c r="H223535" s="12"/>
    </row>
    <row r="223536" spans="8:8">
      <c r="H223536" s="12"/>
    </row>
    <row r="223537" spans="8:8">
      <c r="H223537" s="12"/>
    </row>
    <row r="223538" spans="8:8">
      <c r="H223538" s="12"/>
    </row>
    <row r="223539" spans="8:8">
      <c r="H223539" s="12"/>
    </row>
    <row r="223540" spans="8:8">
      <c r="H223540" s="12"/>
    </row>
    <row r="223541" spans="8:8">
      <c r="H223541" s="12"/>
    </row>
    <row r="223542" spans="8:8">
      <c r="H223542" s="12"/>
    </row>
    <row r="223543" spans="8:8">
      <c r="H223543" s="12"/>
    </row>
    <row r="223544" spans="8:8">
      <c r="H223544" s="12"/>
    </row>
    <row r="223545" spans="8:8">
      <c r="H223545" s="12"/>
    </row>
    <row r="223546" spans="8:8">
      <c r="H223546" s="12"/>
    </row>
    <row r="223547" spans="8:8">
      <c r="H223547" s="12"/>
    </row>
    <row r="223548" spans="8:8">
      <c r="H223548" s="12"/>
    </row>
    <row r="223549" spans="8:8">
      <c r="H223549" s="12"/>
    </row>
    <row r="223550" spans="8:8">
      <c r="H223550" s="12"/>
    </row>
    <row r="223551" spans="8:8">
      <c r="H223551" s="12"/>
    </row>
    <row r="223552" spans="8:8">
      <c r="H223552" s="12"/>
    </row>
    <row r="223553" spans="8:8">
      <c r="H223553" s="12"/>
    </row>
    <row r="223554" spans="8:8">
      <c r="H223554" s="12"/>
    </row>
    <row r="223555" spans="8:8">
      <c r="H223555" s="12"/>
    </row>
    <row r="223556" spans="8:8">
      <c r="H223556" s="12"/>
    </row>
    <row r="223557" spans="8:8">
      <c r="H223557" s="12"/>
    </row>
    <row r="223558" spans="8:8">
      <c r="H223558" s="12"/>
    </row>
    <row r="223559" spans="8:8">
      <c r="H223559" s="12"/>
    </row>
    <row r="223560" spans="8:8">
      <c r="H223560" s="12"/>
    </row>
    <row r="223561" spans="8:8">
      <c r="H223561" s="12"/>
    </row>
    <row r="223562" spans="8:8">
      <c r="H223562" s="12"/>
    </row>
    <row r="223563" spans="8:8">
      <c r="H223563" s="12"/>
    </row>
    <row r="223564" spans="8:8">
      <c r="H223564" s="12"/>
    </row>
    <row r="223565" spans="8:8">
      <c r="H223565" s="12"/>
    </row>
    <row r="223566" spans="8:8">
      <c r="H223566" s="12"/>
    </row>
    <row r="223567" spans="8:8">
      <c r="H223567" s="12"/>
    </row>
    <row r="223568" spans="8:8">
      <c r="H223568" s="12"/>
    </row>
    <row r="223569" spans="8:8">
      <c r="H223569" s="12"/>
    </row>
    <row r="223570" spans="8:8">
      <c r="H223570" s="12"/>
    </row>
    <row r="223571" spans="8:8">
      <c r="H223571" s="12"/>
    </row>
    <row r="223572" spans="8:8">
      <c r="H223572" s="12"/>
    </row>
    <row r="223573" spans="8:8">
      <c r="H223573" s="12"/>
    </row>
    <row r="223574" spans="8:8">
      <c r="H223574" s="12"/>
    </row>
    <row r="223575" spans="8:8">
      <c r="H223575" s="12"/>
    </row>
    <row r="223576" spans="8:8">
      <c r="H223576" s="12"/>
    </row>
    <row r="223577" spans="8:8">
      <c r="H223577" s="12"/>
    </row>
    <row r="223578" spans="8:8">
      <c r="H223578" s="12"/>
    </row>
    <row r="223579" spans="8:8">
      <c r="H223579" s="12"/>
    </row>
    <row r="223580" spans="8:8">
      <c r="H223580" s="12"/>
    </row>
    <row r="223581" spans="8:8">
      <c r="H223581" s="12"/>
    </row>
    <row r="223582" spans="8:8">
      <c r="H223582" s="12"/>
    </row>
    <row r="223583" spans="8:8">
      <c r="H223583" s="12"/>
    </row>
    <row r="223584" spans="8:8">
      <c r="H223584" s="12"/>
    </row>
    <row r="223585" spans="8:8">
      <c r="H223585" s="12"/>
    </row>
    <row r="223586" spans="8:8">
      <c r="H223586" s="12"/>
    </row>
    <row r="223587" spans="8:8">
      <c r="H223587" s="12"/>
    </row>
    <row r="223588" spans="8:8">
      <c r="H223588" s="12"/>
    </row>
    <row r="223589" spans="8:8">
      <c r="H223589" s="12"/>
    </row>
    <row r="223590" spans="8:8">
      <c r="H223590" s="12"/>
    </row>
    <row r="223591" spans="8:8">
      <c r="H223591" s="12"/>
    </row>
    <row r="223592" spans="8:8">
      <c r="H223592" s="12"/>
    </row>
    <row r="223593" spans="8:8">
      <c r="H223593" s="12"/>
    </row>
    <row r="223594" spans="8:8">
      <c r="H223594" s="12"/>
    </row>
    <row r="223595" spans="8:8">
      <c r="H223595" s="12"/>
    </row>
    <row r="223596" spans="8:8">
      <c r="H223596" s="12"/>
    </row>
    <row r="223597" spans="8:8">
      <c r="H223597" s="12"/>
    </row>
    <row r="223598" spans="8:8">
      <c r="H223598" s="12"/>
    </row>
    <row r="223599" spans="8:8">
      <c r="H223599" s="12"/>
    </row>
    <row r="223600" spans="8:8">
      <c r="H223600" s="12"/>
    </row>
    <row r="223601" spans="8:8">
      <c r="H223601" s="12"/>
    </row>
    <row r="223602" spans="8:8">
      <c r="H223602" s="12"/>
    </row>
    <row r="223603" spans="8:8">
      <c r="H223603" s="12"/>
    </row>
    <row r="223604" spans="8:8">
      <c r="H223604" s="12"/>
    </row>
    <row r="223605" spans="8:8">
      <c r="H223605" s="12"/>
    </row>
    <row r="223606" spans="8:8">
      <c r="H223606" s="12"/>
    </row>
    <row r="223607" spans="8:8">
      <c r="H223607" s="12"/>
    </row>
    <row r="223608" spans="8:8">
      <c r="H223608" s="12"/>
    </row>
    <row r="223609" spans="8:8">
      <c r="H223609" s="12"/>
    </row>
    <row r="223610" spans="8:8">
      <c r="H223610" s="12"/>
    </row>
    <row r="223611" spans="8:8">
      <c r="H223611" s="12"/>
    </row>
    <row r="223612" spans="8:8">
      <c r="H223612" s="12"/>
    </row>
    <row r="223613" spans="8:8">
      <c r="H223613" s="12"/>
    </row>
    <row r="223614" spans="8:8">
      <c r="H223614" s="12"/>
    </row>
    <row r="223615" spans="8:8">
      <c r="H223615" s="12"/>
    </row>
    <row r="223616" spans="8:8">
      <c r="H223616" s="12"/>
    </row>
    <row r="223617" spans="8:8">
      <c r="H223617" s="12"/>
    </row>
    <row r="223618" spans="8:8">
      <c r="H223618" s="12"/>
    </row>
    <row r="223619" spans="8:8">
      <c r="H223619" s="12"/>
    </row>
    <row r="223620" spans="8:8">
      <c r="H223620" s="12"/>
    </row>
    <row r="223621" spans="8:8">
      <c r="H223621" s="12"/>
    </row>
    <row r="223622" spans="8:8">
      <c r="H223622" s="12"/>
    </row>
    <row r="223623" spans="8:8">
      <c r="H223623" s="12"/>
    </row>
    <row r="223624" spans="8:8">
      <c r="H223624" s="12"/>
    </row>
    <row r="223625" spans="8:8">
      <c r="H223625" s="12"/>
    </row>
    <row r="223626" spans="8:8">
      <c r="H223626" s="12"/>
    </row>
    <row r="223627" spans="8:8">
      <c r="H223627" s="12"/>
    </row>
    <row r="223628" spans="8:8">
      <c r="H223628" s="12"/>
    </row>
    <row r="223629" spans="8:8">
      <c r="H223629" s="12"/>
    </row>
    <row r="223630" spans="8:8">
      <c r="H223630" s="12"/>
    </row>
    <row r="223631" spans="8:8">
      <c r="H223631" s="12"/>
    </row>
    <row r="223632" spans="8:8">
      <c r="H223632" s="12"/>
    </row>
    <row r="223633" spans="8:8">
      <c r="H223633" s="12"/>
    </row>
    <row r="223634" spans="8:8">
      <c r="H223634" s="12"/>
    </row>
    <row r="223635" spans="8:8">
      <c r="H223635" s="12"/>
    </row>
    <row r="223636" spans="8:8">
      <c r="H223636" s="12"/>
    </row>
    <row r="223637" spans="8:8">
      <c r="H223637" s="12"/>
    </row>
    <row r="223638" spans="8:8">
      <c r="H223638" s="12"/>
    </row>
    <row r="223639" spans="8:8">
      <c r="H223639" s="12"/>
    </row>
    <row r="223640" spans="8:8">
      <c r="H223640" s="12"/>
    </row>
    <row r="223641" spans="8:8">
      <c r="H223641" s="12"/>
    </row>
    <row r="223642" spans="8:8">
      <c r="H223642" s="12"/>
    </row>
    <row r="223643" spans="8:8">
      <c r="H223643" s="12"/>
    </row>
    <row r="223644" spans="8:8">
      <c r="H223644" s="12"/>
    </row>
    <row r="223645" spans="8:8">
      <c r="H223645" s="12"/>
    </row>
    <row r="223646" spans="8:8">
      <c r="H223646" s="12"/>
    </row>
    <row r="223647" spans="8:8">
      <c r="H223647" s="12"/>
    </row>
    <row r="223648" spans="8:8">
      <c r="H223648" s="12"/>
    </row>
    <row r="223649" spans="8:8">
      <c r="H223649" s="12"/>
    </row>
    <row r="223650" spans="8:8">
      <c r="H223650" s="12"/>
    </row>
    <row r="223651" spans="8:8">
      <c r="H223651" s="12"/>
    </row>
    <row r="223652" spans="8:8">
      <c r="H223652" s="12"/>
    </row>
    <row r="223653" spans="8:8">
      <c r="H223653" s="12"/>
    </row>
    <row r="223654" spans="8:8">
      <c r="H223654" s="12"/>
    </row>
    <row r="223655" spans="8:8">
      <c r="H223655" s="12"/>
    </row>
    <row r="223656" spans="8:8">
      <c r="H223656" s="12"/>
    </row>
    <row r="223657" spans="8:8">
      <c r="H223657" s="12"/>
    </row>
    <row r="223658" spans="8:8">
      <c r="H223658" s="12"/>
    </row>
    <row r="223659" spans="8:8">
      <c r="H223659" s="12"/>
    </row>
    <row r="223660" spans="8:8">
      <c r="H223660" s="12"/>
    </row>
    <row r="223661" spans="8:8">
      <c r="H223661" s="12"/>
    </row>
    <row r="223662" spans="8:8">
      <c r="H223662" s="12"/>
    </row>
    <row r="223663" spans="8:8">
      <c r="H223663" s="12"/>
    </row>
    <row r="223664" spans="8:8">
      <c r="H223664" s="12"/>
    </row>
    <row r="223665" spans="8:8">
      <c r="H223665" s="12"/>
    </row>
    <row r="223666" spans="8:8">
      <c r="H223666" s="12"/>
    </row>
    <row r="223667" spans="8:8">
      <c r="H223667" s="12"/>
    </row>
    <row r="223668" spans="8:8">
      <c r="H223668" s="12"/>
    </row>
    <row r="223669" spans="8:8">
      <c r="H223669" s="12"/>
    </row>
    <row r="223670" spans="8:8">
      <c r="H223670" s="12"/>
    </row>
    <row r="223671" spans="8:8">
      <c r="H223671" s="12"/>
    </row>
    <row r="223672" spans="8:8">
      <c r="H223672" s="12"/>
    </row>
    <row r="223673" spans="8:8">
      <c r="H223673" s="12"/>
    </row>
    <row r="223674" spans="8:8">
      <c r="H223674" s="12"/>
    </row>
    <row r="223675" spans="8:8">
      <c r="H223675" s="12"/>
    </row>
    <row r="223676" spans="8:8">
      <c r="H223676" s="12"/>
    </row>
    <row r="223677" spans="8:8">
      <c r="H223677" s="12"/>
    </row>
    <row r="223678" spans="8:8">
      <c r="H223678" s="12"/>
    </row>
    <row r="223679" spans="8:8">
      <c r="H223679" s="12"/>
    </row>
    <row r="223680" spans="8:8">
      <c r="H223680" s="12"/>
    </row>
    <row r="223681" spans="8:8">
      <c r="H223681" s="12"/>
    </row>
    <row r="223682" spans="8:8">
      <c r="H223682" s="12"/>
    </row>
    <row r="223683" spans="8:8">
      <c r="H223683" s="12"/>
    </row>
    <row r="223684" spans="8:8">
      <c r="H223684" s="12"/>
    </row>
    <row r="223685" spans="8:8">
      <c r="H223685" s="12"/>
    </row>
    <row r="223686" spans="8:8">
      <c r="H223686" s="12"/>
    </row>
    <row r="223687" spans="8:8">
      <c r="H223687" s="12"/>
    </row>
    <row r="223688" spans="8:8">
      <c r="H223688" s="12"/>
    </row>
    <row r="223689" spans="8:8">
      <c r="H223689" s="12"/>
    </row>
    <row r="223690" spans="8:8">
      <c r="H223690" s="12"/>
    </row>
    <row r="223691" spans="8:8">
      <c r="H223691" s="12"/>
    </row>
    <row r="223692" spans="8:8">
      <c r="H223692" s="12"/>
    </row>
    <row r="223693" spans="8:8">
      <c r="H223693" s="12"/>
    </row>
    <row r="223694" spans="8:8">
      <c r="H223694" s="12"/>
    </row>
    <row r="223695" spans="8:8">
      <c r="H223695" s="12"/>
    </row>
    <row r="223696" spans="8:8">
      <c r="H223696" s="12"/>
    </row>
    <row r="223697" spans="8:8">
      <c r="H223697" s="12"/>
    </row>
    <row r="223698" spans="8:8">
      <c r="H223698" s="12"/>
    </row>
    <row r="223699" spans="8:8">
      <c r="H223699" s="12"/>
    </row>
    <row r="223700" spans="8:8">
      <c r="H223700" s="12"/>
    </row>
    <row r="223701" spans="8:8">
      <c r="H223701" s="12"/>
    </row>
    <row r="223702" spans="8:8">
      <c r="H223702" s="12"/>
    </row>
    <row r="223703" spans="8:8">
      <c r="H223703" s="12"/>
    </row>
    <row r="223704" spans="8:8">
      <c r="H223704" s="12"/>
    </row>
    <row r="223705" spans="8:8">
      <c r="H223705" s="12"/>
    </row>
    <row r="223706" spans="8:8">
      <c r="H223706" s="12"/>
    </row>
    <row r="223707" spans="8:8">
      <c r="H223707" s="12"/>
    </row>
    <row r="223708" spans="8:8">
      <c r="H223708" s="12"/>
    </row>
    <row r="223709" spans="8:8">
      <c r="H223709" s="12"/>
    </row>
    <row r="223710" spans="8:8">
      <c r="H223710" s="12"/>
    </row>
    <row r="223711" spans="8:8">
      <c r="H223711" s="12"/>
    </row>
    <row r="223712" spans="8:8">
      <c r="H223712" s="12"/>
    </row>
    <row r="223713" spans="8:8">
      <c r="H223713" s="12"/>
    </row>
    <row r="223714" spans="8:8">
      <c r="H223714" s="12"/>
    </row>
    <row r="223715" spans="8:8">
      <c r="H223715" s="12"/>
    </row>
    <row r="223716" spans="8:8">
      <c r="H223716" s="12"/>
    </row>
    <row r="223717" spans="8:8">
      <c r="H223717" s="12"/>
    </row>
    <row r="223718" spans="8:8">
      <c r="H223718" s="12"/>
    </row>
    <row r="223719" spans="8:8">
      <c r="H223719" s="12"/>
    </row>
    <row r="223720" spans="8:8">
      <c r="H223720" s="12"/>
    </row>
    <row r="223721" spans="8:8">
      <c r="H223721" s="12"/>
    </row>
    <row r="223722" spans="8:8">
      <c r="H223722" s="12"/>
    </row>
    <row r="223723" spans="8:8">
      <c r="H223723" s="12"/>
    </row>
    <row r="223724" spans="8:8">
      <c r="H223724" s="12"/>
    </row>
    <row r="223725" spans="8:8">
      <c r="H223725" s="12"/>
    </row>
    <row r="223726" spans="8:8">
      <c r="H223726" s="12"/>
    </row>
    <row r="223727" spans="8:8">
      <c r="H223727" s="12"/>
    </row>
    <row r="223728" spans="8:8">
      <c r="H223728" s="12"/>
    </row>
    <row r="223729" spans="8:8">
      <c r="H223729" s="12"/>
    </row>
    <row r="223730" spans="8:8">
      <c r="H223730" s="12"/>
    </row>
    <row r="223731" spans="8:8">
      <c r="H223731" s="12"/>
    </row>
    <row r="223732" spans="8:8">
      <c r="H223732" s="12"/>
    </row>
    <row r="223733" spans="8:8">
      <c r="H223733" s="12"/>
    </row>
    <row r="223734" spans="8:8">
      <c r="H223734" s="12"/>
    </row>
    <row r="223735" spans="8:8">
      <c r="H223735" s="12"/>
    </row>
    <row r="223736" spans="8:8">
      <c r="H223736" s="12"/>
    </row>
    <row r="223737" spans="8:8">
      <c r="H223737" s="12"/>
    </row>
    <row r="223738" spans="8:8">
      <c r="H223738" s="12"/>
    </row>
    <row r="223739" spans="8:8">
      <c r="H223739" s="12"/>
    </row>
    <row r="223740" spans="8:8">
      <c r="H223740" s="12"/>
    </row>
    <row r="223741" spans="8:8">
      <c r="H223741" s="12"/>
    </row>
    <row r="223742" spans="8:8">
      <c r="H223742" s="12"/>
    </row>
    <row r="223743" spans="8:8">
      <c r="H223743" s="12"/>
    </row>
    <row r="223744" spans="8:8">
      <c r="H223744" s="12"/>
    </row>
    <row r="223745" spans="8:8">
      <c r="H223745" s="12"/>
    </row>
    <row r="223746" spans="8:8">
      <c r="H223746" s="12"/>
    </row>
    <row r="223747" spans="8:8">
      <c r="H223747" s="12"/>
    </row>
    <row r="223748" spans="8:8">
      <c r="H223748" s="12"/>
    </row>
    <row r="223749" spans="8:8">
      <c r="H223749" s="12"/>
    </row>
    <row r="223750" spans="8:8">
      <c r="H223750" s="12"/>
    </row>
    <row r="223751" spans="8:8">
      <c r="H223751" s="12"/>
    </row>
    <row r="223752" spans="8:8">
      <c r="H223752" s="12"/>
    </row>
    <row r="223753" spans="8:8">
      <c r="H223753" s="12"/>
    </row>
    <row r="223754" spans="8:8">
      <c r="H223754" s="12"/>
    </row>
    <row r="223755" spans="8:8">
      <c r="H223755" s="12"/>
    </row>
    <row r="223756" spans="8:8">
      <c r="H223756" s="12"/>
    </row>
    <row r="223757" spans="8:8">
      <c r="H223757" s="12"/>
    </row>
    <row r="223758" spans="8:8">
      <c r="H223758" s="12"/>
    </row>
    <row r="223759" spans="8:8">
      <c r="H223759" s="12"/>
    </row>
    <row r="223760" spans="8:8">
      <c r="H223760" s="12"/>
    </row>
    <row r="223761" spans="8:8">
      <c r="H223761" s="12"/>
    </row>
    <row r="223762" spans="8:8">
      <c r="H223762" s="12"/>
    </row>
    <row r="223763" spans="8:8">
      <c r="H223763" s="12"/>
    </row>
    <row r="223764" spans="8:8">
      <c r="H223764" s="12"/>
    </row>
    <row r="223765" spans="8:8">
      <c r="H223765" s="12"/>
    </row>
    <row r="223766" spans="8:8">
      <c r="H223766" s="12"/>
    </row>
    <row r="223767" spans="8:8">
      <c r="H223767" s="12"/>
    </row>
    <row r="223768" spans="8:8">
      <c r="H223768" s="12"/>
    </row>
    <row r="223769" spans="8:8">
      <c r="H223769" s="12"/>
    </row>
    <row r="223770" spans="8:8">
      <c r="H223770" s="12"/>
    </row>
    <row r="223771" spans="8:8">
      <c r="H223771" s="12"/>
    </row>
    <row r="223772" spans="8:8">
      <c r="H223772" s="12"/>
    </row>
    <row r="223773" spans="8:8">
      <c r="H223773" s="12"/>
    </row>
    <row r="223774" spans="8:8">
      <c r="H223774" s="12"/>
    </row>
    <row r="223775" spans="8:8">
      <c r="H223775" s="12"/>
    </row>
    <row r="223776" spans="8:8">
      <c r="H223776" s="12"/>
    </row>
    <row r="223777" spans="8:8">
      <c r="H223777" s="12"/>
    </row>
    <row r="223778" spans="8:8">
      <c r="H223778" s="12"/>
    </row>
    <row r="223779" spans="8:8">
      <c r="H223779" s="12"/>
    </row>
    <row r="223780" spans="8:8">
      <c r="H223780" s="12"/>
    </row>
    <row r="223781" spans="8:8">
      <c r="H223781" s="12"/>
    </row>
    <row r="223782" spans="8:8">
      <c r="H223782" s="12"/>
    </row>
    <row r="223783" spans="8:8">
      <c r="H223783" s="12"/>
    </row>
    <row r="223784" spans="8:8">
      <c r="H223784" s="12"/>
    </row>
    <row r="223785" spans="8:8">
      <c r="H223785" s="12"/>
    </row>
    <row r="223786" spans="8:8">
      <c r="H223786" s="12"/>
    </row>
    <row r="223787" spans="8:8">
      <c r="H223787" s="12"/>
    </row>
    <row r="223788" spans="8:8">
      <c r="H223788" s="12"/>
    </row>
    <row r="223789" spans="8:8">
      <c r="H223789" s="12"/>
    </row>
    <row r="223790" spans="8:8">
      <c r="H223790" s="12"/>
    </row>
    <row r="223791" spans="8:8">
      <c r="H223791" s="12"/>
    </row>
    <row r="223792" spans="8:8">
      <c r="H223792" s="12"/>
    </row>
    <row r="223793" spans="8:8">
      <c r="H223793" s="12"/>
    </row>
    <row r="223794" spans="8:8">
      <c r="H223794" s="12"/>
    </row>
    <row r="223795" spans="8:8">
      <c r="H223795" s="12"/>
    </row>
    <row r="223796" spans="8:8">
      <c r="H223796" s="12"/>
    </row>
    <row r="223797" spans="8:8">
      <c r="H223797" s="12"/>
    </row>
    <row r="223798" spans="8:8">
      <c r="H223798" s="12"/>
    </row>
    <row r="223799" spans="8:8">
      <c r="H223799" s="12"/>
    </row>
    <row r="223800" spans="8:8">
      <c r="H223800" s="12"/>
    </row>
    <row r="223801" spans="8:8">
      <c r="H223801" s="12"/>
    </row>
    <row r="223802" spans="8:8">
      <c r="H223802" s="12"/>
    </row>
    <row r="223803" spans="8:8">
      <c r="H223803" s="12"/>
    </row>
    <row r="223804" spans="8:8">
      <c r="H223804" s="12"/>
    </row>
    <row r="223805" spans="8:8">
      <c r="H223805" s="12"/>
    </row>
    <row r="223806" spans="8:8">
      <c r="H223806" s="12"/>
    </row>
    <row r="223807" spans="8:8">
      <c r="H223807" s="12"/>
    </row>
    <row r="223808" spans="8:8">
      <c r="H223808" s="12"/>
    </row>
    <row r="223809" spans="8:8">
      <c r="H223809" s="12"/>
    </row>
    <row r="223810" spans="8:8">
      <c r="H223810" s="12"/>
    </row>
    <row r="223811" spans="8:8">
      <c r="H223811" s="12"/>
    </row>
    <row r="223812" spans="8:8">
      <c r="H223812" s="12"/>
    </row>
    <row r="223813" spans="8:8">
      <c r="H223813" s="12"/>
    </row>
    <row r="223814" spans="8:8">
      <c r="H223814" s="12"/>
    </row>
    <row r="223815" spans="8:8">
      <c r="H223815" s="12"/>
    </row>
    <row r="223816" spans="8:8">
      <c r="H223816" s="12"/>
    </row>
    <row r="223817" spans="8:8">
      <c r="H223817" s="12"/>
    </row>
    <row r="223818" spans="8:8">
      <c r="H223818" s="12"/>
    </row>
    <row r="223819" spans="8:8">
      <c r="H223819" s="12"/>
    </row>
    <row r="223820" spans="8:8">
      <c r="H223820" s="12"/>
    </row>
    <row r="223821" spans="8:8">
      <c r="H223821" s="12"/>
    </row>
    <row r="223822" spans="8:8">
      <c r="H223822" s="12"/>
    </row>
    <row r="223823" spans="8:8">
      <c r="H223823" s="12"/>
    </row>
    <row r="223824" spans="8:8">
      <c r="H223824" s="12"/>
    </row>
    <row r="223825" spans="8:8">
      <c r="H223825" s="12"/>
    </row>
    <row r="223826" spans="8:8">
      <c r="H223826" s="12"/>
    </row>
    <row r="223827" spans="8:8">
      <c r="H223827" s="12"/>
    </row>
    <row r="223828" spans="8:8">
      <c r="H223828" s="12"/>
    </row>
    <row r="223829" spans="8:8">
      <c r="H223829" s="12"/>
    </row>
    <row r="223830" spans="8:8">
      <c r="H223830" s="12"/>
    </row>
    <row r="223831" spans="8:8">
      <c r="H223831" s="12"/>
    </row>
    <row r="223832" spans="8:8">
      <c r="H223832" s="12"/>
    </row>
    <row r="223833" spans="8:8">
      <c r="H223833" s="12"/>
    </row>
    <row r="223834" spans="8:8">
      <c r="H223834" s="12"/>
    </row>
    <row r="223835" spans="8:8">
      <c r="H223835" s="12"/>
    </row>
    <row r="223836" spans="8:8">
      <c r="H223836" s="12"/>
    </row>
    <row r="223837" spans="8:8">
      <c r="H223837" s="12"/>
    </row>
    <row r="223838" spans="8:8">
      <c r="H223838" s="12"/>
    </row>
    <row r="223839" spans="8:8">
      <c r="H223839" s="12"/>
    </row>
    <row r="223840" spans="8:8">
      <c r="H223840" s="12"/>
    </row>
    <row r="223841" spans="8:8">
      <c r="H223841" s="12"/>
    </row>
    <row r="223842" spans="8:8">
      <c r="H223842" s="12"/>
    </row>
    <row r="223843" spans="8:8">
      <c r="H223843" s="12"/>
    </row>
    <row r="223844" spans="8:8">
      <c r="H223844" s="12"/>
    </row>
    <row r="223845" spans="8:8">
      <c r="H223845" s="12"/>
    </row>
    <row r="223846" spans="8:8">
      <c r="H223846" s="12"/>
    </row>
    <row r="223847" spans="8:8">
      <c r="H223847" s="12"/>
    </row>
    <row r="223848" spans="8:8">
      <c r="H223848" s="12"/>
    </row>
    <row r="223849" spans="8:8">
      <c r="H223849" s="12"/>
    </row>
    <row r="223850" spans="8:8">
      <c r="H223850" s="12"/>
    </row>
    <row r="223851" spans="8:8">
      <c r="H223851" s="12"/>
    </row>
    <row r="223852" spans="8:8">
      <c r="H223852" s="12"/>
    </row>
    <row r="223853" spans="8:8">
      <c r="H223853" s="12"/>
    </row>
    <row r="223854" spans="8:8">
      <c r="H223854" s="12"/>
    </row>
    <row r="223855" spans="8:8">
      <c r="H223855" s="12"/>
    </row>
    <row r="223856" spans="8:8">
      <c r="H223856" s="12"/>
    </row>
    <row r="223857" spans="8:8">
      <c r="H223857" s="12"/>
    </row>
    <row r="223858" spans="8:8">
      <c r="H223858" s="12"/>
    </row>
    <row r="223859" spans="8:8">
      <c r="H223859" s="12"/>
    </row>
    <row r="223860" spans="8:8">
      <c r="H223860" s="12"/>
    </row>
    <row r="223861" spans="8:8">
      <c r="H223861" s="12"/>
    </row>
    <row r="223862" spans="8:8">
      <c r="H223862" s="12"/>
    </row>
    <row r="223863" spans="8:8">
      <c r="H223863" s="12"/>
    </row>
    <row r="223864" spans="8:8">
      <c r="H223864" s="12"/>
    </row>
    <row r="223865" spans="8:8">
      <c r="H223865" s="12"/>
    </row>
    <row r="223866" spans="8:8">
      <c r="H223866" s="12"/>
    </row>
    <row r="223867" spans="8:8">
      <c r="H223867" s="12"/>
    </row>
    <row r="223868" spans="8:8">
      <c r="H223868" s="12"/>
    </row>
    <row r="223869" spans="8:8">
      <c r="H223869" s="12"/>
    </row>
    <row r="223870" spans="8:8">
      <c r="H223870" s="12"/>
    </row>
    <row r="223871" spans="8:8">
      <c r="H223871" s="12"/>
    </row>
    <row r="223872" spans="8:8">
      <c r="H223872" s="12"/>
    </row>
    <row r="223873" spans="8:8">
      <c r="H223873" s="12"/>
    </row>
    <row r="223874" spans="8:8">
      <c r="H223874" s="12"/>
    </row>
    <row r="223875" spans="8:8">
      <c r="H223875" s="12"/>
    </row>
    <row r="223876" spans="8:8">
      <c r="H223876" s="12"/>
    </row>
    <row r="223877" spans="8:8">
      <c r="H223877" s="12"/>
    </row>
    <row r="223878" spans="8:8">
      <c r="H223878" s="12"/>
    </row>
    <row r="223879" spans="8:8">
      <c r="H223879" s="12"/>
    </row>
    <row r="223880" spans="8:8">
      <c r="H223880" s="12"/>
    </row>
    <row r="223881" spans="8:8">
      <c r="H223881" s="12"/>
    </row>
    <row r="223882" spans="8:8">
      <c r="H223882" s="12"/>
    </row>
    <row r="223883" spans="8:8">
      <c r="H223883" s="12"/>
    </row>
    <row r="223884" spans="8:8">
      <c r="H223884" s="12"/>
    </row>
    <row r="223885" spans="8:8">
      <c r="H223885" s="12"/>
    </row>
    <row r="223886" spans="8:8">
      <c r="H223886" s="12"/>
    </row>
    <row r="223887" spans="8:8">
      <c r="H223887" s="12"/>
    </row>
    <row r="223888" spans="8:8">
      <c r="H223888" s="12"/>
    </row>
    <row r="223889" spans="8:8">
      <c r="H223889" s="12"/>
    </row>
    <row r="223890" spans="8:8">
      <c r="H223890" s="12"/>
    </row>
    <row r="223891" spans="8:8">
      <c r="H223891" s="12"/>
    </row>
    <row r="223892" spans="8:8">
      <c r="H223892" s="12"/>
    </row>
    <row r="223893" spans="8:8">
      <c r="H223893" s="12"/>
    </row>
    <row r="223894" spans="8:8">
      <c r="H223894" s="12"/>
    </row>
    <row r="223895" spans="8:8">
      <c r="H223895" s="12"/>
    </row>
    <row r="223896" spans="8:8">
      <c r="H223896" s="12"/>
    </row>
    <row r="223897" spans="8:8">
      <c r="H223897" s="12"/>
    </row>
    <row r="223898" spans="8:8">
      <c r="H223898" s="12"/>
    </row>
    <row r="223899" spans="8:8">
      <c r="H223899" s="12"/>
    </row>
    <row r="223900" spans="8:8">
      <c r="H223900" s="12"/>
    </row>
    <row r="223901" spans="8:8">
      <c r="H223901" s="12"/>
    </row>
    <row r="223902" spans="8:8">
      <c r="H223902" s="12"/>
    </row>
    <row r="223903" spans="8:8">
      <c r="H223903" s="12"/>
    </row>
    <row r="223904" spans="8:8">
      <c r="H223904" s="12"/>
    </row>
    <row r="223905" spans="8:8">
      <c r="H223905" s="12"/>
    </row>
    <row r="223906" spans="8:8">
      <c r="H223906" s="12"/>
    </row>
    <row r="223907" spans="8:8">
      <c r="H223907" s="12"/>
    </row>
    <row r="223908" spans="8:8">
      <c r="H223908" s="12"/>
    </row>
    <row r="223909" spans="8:8">
      <c r="H223909" s="12"/>
    </row>
    <row r="223910" spans="8:8">
      <c r="H223910" s="12"/>
    </row>
    <row r="223911" spans="8:8">
      <c r="H223911" s="12"/>
    </row>
    <row r="223912" spans="8:8">
      <c r="H223912" s="12"/>
    </row>
    <row r="223913" spans="8:8">
      <c r="H223913" s="12"/>
    </row>
    <row r="223914" spans="8:8">
      <c r="H223914" s="12"/>
    </row>
    <row r="223915" spans="8:8">
      <c r="H223915" s="12"/>
    </row>
    <row r="223916" spans="8:8">
      <c r="H223916" s="12"/>
    </row>
    <row r="223917" spans="8:8">
      <c r="H223917" s="12"/>
    </row>
    <row r="223918" spans="8:8">
      <c r="H223918" s="12"/>
    </row>
    <row r="223919" spans="8:8">
      <c r="H223919" s="12"/>
    </row>
    <row r="223920" spans="8:8">
      <c r="H223920" s="12"/>
    </row>
    <row r="223921" spans="8:8">
      <c r="H223921" s="12"/>
    </row>
    <row r="223922" spans="8:8">
      <c r="H223922" s="12"/>
    </row>
    <row r="223923" spans="8:8">
      <c r="H223923" s="12"/>
    </row>
    <row r="223924" spans="8:8">
      <c r="H223924" s="12"/>
    </row>
    <row r="223925" spans="8:8">
      <c r="H223925" s="12"/>
    </row>
    <row r="223926" spans="8:8">
      <c r="H223926" s="12"/>
    </row>
    <row r="223927" spans="8:8">
      <c r="H223927" s="12"/>
    </row>
    <row r="223928" spans="8:8">
      <c r="H223928" s="12"/>
    </row>
    <row r="223929" spans="8:8">
      <c r="H223929" s="12"/>
    </row>
    <row r="223930" spans="8:8">
      <c r="H223930" s="12"/>
    </row>
    <row r="223931" spans="8:8">
      <c r="H223931" s="12"/>
    </row>
    <row r="223932" spans="8:8">
      <c r="H223932" s="12"/>
    </row>
    <row r="223933" spans="8:8">
      <c r="H223933" s="12"/>
    </row>
    <row r="223934" spans="8:8">
      <c r="H223934" s="12"/>
    </row>
    <row r="223935" spans="8:8">
      <c r="H223935" s="12"/>
    </row>
    <row r="223936" spans="8:8">
      <c r="H223936" s="12"/>
    </row>
    <row r="223937" spans="8:8">
      <c r="H223937" s="12"/>
    </row>
    <row r="223938" spans="8:8">
      <c r="H223938" s="12"/>
    </row>
    <row r="223939" spans="8:8">
      <c r="H223939" s="12"/>
    </row>
    <row r="223940" spans="8:8">
      <c r="H223940" s="12"/>
    </row>
    <row r="223941" spans="8:8">
      <c r="H223941" s="12"/>
    </row>
    <row r="223942" spans="8:8">
      <c r="H223942" s="12"/>
    </row>
    <row r="223943" spans="8:8">
      <c r="H223943" s="12"/>
    </row>
    <row r="223944" spans="8:8">
      <c r="H223944" s="12"/>
    </row>
    <row r="223945" spans="8:8">
      <c r="H223945" s="12"/>
    </row>
    <row r="223946" spans="8:8">
      <c r="H223946" s="12"/>
    </row>
    <row r="223947" spans="8:8">
      <c r="H223947" s="12"/>
    </row>
    <row r="223948" spans="8:8">
      <c r="H223948" s="12"/>
    </row>
    <row r="223949" spans="8:8">
      <c r="H223949" s="12"/>
    </row>
    <row r="223950" spans="8:8">
      <c r="H223950" s="12"/>
    </row>
    <row r="223951" spans="8:8">
      <c r="H223951" s="12"/>
    </row>
    <row r="223952" spans="8:8">
      <c r="H223952" s="12"/>
    </row>
    <row r="223953" spans="8:8">
      <c r="H223953" s="12"/>
    </row>
    <row r="223954" spans="8:8">
      <c r="H223954" s="12"/>
    </row>
    <row r="223955" spans="8:8">
      <c r="H223955" s="12"/>
    </row>
    <row r="223956" spans="8:8">
      <c r="H223956" s="12"/>
    </row>
    <row r="223957" spans="8:8">
      <c r="H223957" s="12"/>
    </row>
    <row r="223958" spans="8:8">
      <c r="H223958" s="12"/>
    </row>
    <row r="223959" spans="8:8">
      <c r="H223959" s="12"/>
    </row>
    <row r="223960" spans="8:8">
      <c r="H223960" s="12"/>
    </row>
    <row r="223961" spans="8:8">
      <c r="H223961" s="12"/>
    </row>
    <row r="223962" spans="8:8">
      <c r="H223962" s="12"/>
    </row>
    <row r="223963" spans="8:8">
      <c r="H223963" s="12"/>
    </row>
    <row r="223964" spans="8:8">
      <c r="H223964" s="12"/>
    </row>
    <row r="223965" spans="8:8">
      <c r="H223965" s="12"/>
    </row>
    <row r="223966" spans="8:8">
      <c r="H223966" s="12"/>
    </row>
    <row r="223967" spans="8:8">
      <c r="H223967" s="12"/>
    </row>
    <row r="223968" spans="8:8">
      <c r="H223968" s="12"/>
    </row>
    <row r="223969" spans="8:8">
      <c r="H223969" s="12"/>
    </row>
    <row r="223970" spans="8:8">
      <c r="H223970" s="12"/>
    </row>
    <row r="223971" spans="8:8">
      <c r="H223971" s="12"/>
    </row>
    <row r="223972" spans="8:8">
      <c r="H223972" s="12"/>
    </row>
    <row r="223973" spans="8:8">
      <c r="H223973" s="12"/>
    </row>
    <row r="223974" spans="8:8">
      <c r="H223974" s="12"/>
    </row>
    <row r="223975" spans="8:8">
      <c r="H223975" s="12"/>
    </row>
    <row r="223976" spans="8:8">
      <c r="H223976" s="12"/>
    </row>
    <row r="223977" spans="8:8">
      <c r="H223977" s="12"/>
    </row>
    <row r="223978" spans="8:8">
      <c r="H223978" s="12"/>
    </row>
    <row r="223979" spans="8:8">
      <c r="H223979" s="12"/>
    </row>
    <row r="223980" spans="8:8">
      <c r="H223980" s="12"/>
    </row>
    <row r="223981" spans="8:8">
      <c r="H223981" s="12"/>
    </row>
    <row r="223982" spans="8:8">
      <c r="H223982" s="12"/>
    </row>
    <row r="223983" spans="8:8">
      <c r="H223983" s="12"/>
    </row>
    <row r="223984" spans="8:8">
      <c r="H223984" s="12"/>
    </row>
    <row r="223985" spans="8:8">
      <c r="H223985" s="12"/>
    </row>
    <row r="223986" spans="8:8">
      <c r="H223986" s="12"/>
    </row>
    <row r="223987" spans="8:8">
      <c r="H223987" s="12"/>
    </row>
    <row r="223988" spans="8:8">
      <c r="H223988" s="12"/>
    </row>
    <row r="223989" spans="8:8">
      <c r="H223989" s="12"/>
    </row>
    <row r="223990" spans="8:8">
      <c r="H223990" s="12"/>
    </row>
    <row r="223991" spans="8:8">
      <c r="H223991" s="12"/>
    </row>
    <row r="223992" spans="8:8">
      <c r="H223992" s="12"/>
    </row>
    <row r="223993" spans="8:8">
      <c r="H223993" s="12"/>
    </row>
    <row r="223994" spans="8:8">
      <c r="H223994" s="12"/>
    </row>
    <row r="223995" spans="8:8">
      <c r="H223995" s="12"/>
    </row>
    <row r="223996" spans="8:8">
      <c r="H223996" s="12"/>
    </row>
    <row r="223997" spans="8:8">
      <c r="H223997" s="12"/>
    </row>
    <row r="223998" spans="8:8">
      <c r="H223998" s="12"/>
    </row>
    <row r="223999" spans="8:8">
      <c r="H223999" s="12"/>
    </row>
    <row r="224000" spans="8:8">
      <c r="H224000" s="12"/>
    </row>
    <row r="224001" spans="8:8">
      <c r="H224001" s="12"/>
    </row>
    <row r="224002" spans="8:8">
      <c r="H224002" s="12"/>
    </row>
    <row r="224003" spans="8:8">
      <c r="H224003" s="12"/>
    </row>
    <row r="224004" spans="8:8">
      <c r="H224004" s="12"/>
    </row>
    <row r="224005" spans="8:8">
      <c r="H224005" s="12"/>
    </row>
    <row r="224006" spans="8:8">
      <c r="H224006" s="12"/>
    </row>
    <row r="224007" spans="8:8">
      <c r="H224007" s="12"/>
    </row>
    <row r="224008" spans="8:8">
      <c r="H224008" s="12"/>
    </row>
    <row r="224009" spans="8:8">
      <c r="H224009" s="12"/>
    </row>
    <row r="224010" spans="8:8">
      <c r="H224010" s="12"/>
    </row>
    <row r="224011" spans="8:8">
      <c r="H224011" s="12"/>
    </row>
    <row r="224012" spans="8:8">
      <c r="H224012" s="12"/>
    </row>
    <row r="224013" spans="8:8">
      <c r="H224013" s="12"/>
    </row>
    <row r="224014" spans="8:8">
      <c r="H224014" s="12"/>
    </row>
    <row r="224015" spans="8:8">
      <c r="H224015" s="12"/>
    </row>
    <row r="224016" spans="8:8">
      <c r="H224016" s="12"/>
    </row>
    <row r="224017" spans="8:8">
      <c r="H224017" s="12"/>
    </row>
    <row r="224018" spans="8:8">
      <c r="H224018" s="12"/>
    </row>
    <row r="224019" spans="8:8">
      <c r="H224019" s="12"/>
    </row>
    <row r="224020" spans="8:8">
      <c r="H224020" s="12"/>
    </row>
    <row r="224021" spans="8:8">
      <c r="H224021" s="12"/>
    </row>
    <row r="224022" spans="8:8">
      <c r="H224022" s="12"/>
    </row>
    <row r="224023" spans="8:8">
      <c r="H224023" s="12"/>
    </row>
    <row r="224024" spans="8:8">
      <c r="H224024" s="12"/>
    </row>
    <row r="224025" spans="8:8">
      <c r="H224025" s="12"/>
    </row>
    <row r="224026" spans="8:8">
      <c r="H224026" s="12"/>
    </row>
    <row r="224027" spans="8:8">
      <c r="H224027" s="12"/>
    </row>
    <row r="224028" spans="8:8">
      <c r="H224028" s="12"/>
    </row>
    <row r="224029" spans="8:8">
      <c r="H224029" s="12"/>
    </row>
    <row r="224030" spans="8:8">
      <c r="H224030" s="12"/>
    </row>
    <row r="224031" spans="8:8">
      <c r="H224031" s="12"/>
    </row>
    <row r="224032" spans="8:8">
      <c r="H224032" s="12"/>
    </row>
    <row r="224033" spans="8:8">
      <c r="H224033" s="12"/>
    </row>
    <row r="224034" spans="8:8">
      <c r="H224034" s="12"/>
    </row>
    <row r="224035" spans="8:8">
      <c r="H224035" s="12"/>
    </row>
    <row r="224036" spans="8:8">
      <c r="H224036" s="12"/>
    </row>
    <row r="224037" spans="8:8">
      <c r="H224037" s="12"/>
    </row>
    <row r="224038" spans="8:8">
      <c r="H224038" s="12"/>
    </row>
    <row r="224039" spans="8:8">
      <c r="H224039" s="12"/>
    </row>
    <row r="224040" spans="8:8">
      <c r="H224040" s="12"/>
    </row>
    <row r="224041" spans="8:8">
      <c r="H224041" s="12"/>
    </row>
    <row r="224042" spans="8:8">
      <c r="H224042" s="12"/>
    </row>
    <row r="224043" spans="8:8">
      <c r="H224043" s="12"/>
    </row>
    <row r="224044" spans="8:8">
      <c r="H224044" s="12"/>
    </row>
    <row r="224045" spans="8:8">
      <c r="H224045" s="12"/>
    </row>
    <row r="224046" spans="8:8">
      <c r="H224046" s="12"/>
    </row>
    <row r="224047" spans="8:8">
      <c r="H224047" s="12"/>
    </row>
    <row r="224048" spans="8:8">
      <c r="H224048" s="12"/>
    </row>
    <row r="224049" spans="8:8">
      <c r="H224049" s="12"/>
    </row>
    <row r="224050" spans="8:8">
      <c r="H224050" s="12"/>
    </row>
    <row r="224051" spans="8:8">
      <c r="H224051" s="12"/>
    </row>
    <row r="224052" spans="8:8">
      <c r="H224052" s="12"/>
    </row>
    <row r="224053" spans="8:8">
      <c r="H224053" s="12"/>
    </row>
    <row r="224054" spans="8:8">
      <c r="H224054" s="12"/>
    </row>
    <row r="224055" spans="8:8">
      <c r="H224055" s="12"/>
    </row>
    <row r="224056" spans="8:8">
      <c r="H224056" s="12"/>
    </row>
    <row r="224057" spans="8:8">
      <c r="H224057" s="12"/>
    </row>
    <row r="224058" spans="8:8">
      <c r="H224058" s="12"/>
    </row>
    <row r="224059" spans="8:8">
      <c r="H224059" s="12"/>
    </row>
    <row r="224060" spans="8:8">
      <c r="H224060" s="12"/>
    </row>
    <row r="224061" spans="8:8">
      <c r="H224061" s="12"/>
    </row>
    <row r="224062" spans="8:8">
      <c r="H224062" s="12"/>
    </row>
    <row r="224063" spans="8:8">
      <c r="H224063" s="12"/>
    </row>
    <row r="224064" spans="8:8">
      <c r="H224064" s="12"/>
    </row>
    <row r="224065" spans="8:8">
      <c r="H224065" s="12"/>
    </row>
    <row r="224066" spans="8:8">
      <c r="H224066" s="12"/>
    </row>
    <row r="224067" spans="8:8">
      <c r="H224067" s="12"/>
    </row>
    <row r="224068" spans="8:8">
      <c r="H224068" s="12"/>
    </row>
    <row r="224069" spans="8:8">
      <c r="H224069" s="12"/>
    </row>
    <row r="224070" spans="8:8">
      <c r="H224070" s="12"/>
    </row>
    <row r="224071" spans="8:8">
      <c r="H224071" s="12"/>
    </row>
    <row r="224072" spans="8:8">
      <c r="H224072" s="12"/>
    </row>
    <row r="224073" spans="8:8">
      <c r="H224073" s="12"/>
    </row>
    <row r="224074" spans="8:8">
      <c r="H224074" s="12"/>
    </row>
    <row r="224075" spans="8:8">
      <c r="H224075" s="12"/>
    </row>
    <row r="224076" spans="8:8">
      <c r="H224076" s="12"/>
    </row>
    <row r="224077" spans="8:8">
      <c r="H224077" s="12"/>
    </row>
    <row r="224078" spans="8:8">
      <c r="H224078" s="12"/>
    </row>
    <row r="224079" spans="8:8">
      <c r="H224079" s="12"/>
    </row>
    <row r="224080" spans="8:8">
      <c r="H224080" s="12"/>
    </row>
    <row r="224081" spans="8:8">
      <c r="H224081" s="12"/>
    </row>
    <row r="224082" spans="8:8">
      <c r="H224082" s="12"/>
    </row>
    <row r="224083" spans="8:8">
      <c r="H224083" s="12"/>
    </row>
    <row r="224084" spans="8:8">
      <c r="H224084" s="12"/>
    </row>
    <row r="224085" spans="8:8">
      <c r="H224085" s="12"/>
    </row>
    <row r="224086" spans="8:8">
      <c r="H224086" s="12"/>
    </row>
    <row r="224087" spans="8:8">
      <c r="H224087" s="12"/>
    </row>
    <row r="224088" spans="8:8">
      <c r="H224088" s="12"/>
    </row>
    <row r="224089" spans="8:8">
      <c r="H224089" s="12"/>
    </row>
    <row r="224090" spans="8:8">
      <c r="H224090" s="12"/>
    </row>
    <row r="224091" spans="8:8">
      <c r="H224091" s="12"/>
    </row>
    <row r="224092" spans="8:8">
      <c r="H224092" s="12"/>
    </row>
    <row r="224093" spans="8:8">
      <c r="H224093" s="12"/>
    </row>
    <row r="224094" spans="8:8">
      <c r="H224094" s="12"/>
    </row>
    <row r="224095" spans="8:8">
      <c r="H224095" s="12"/>
    </row>
    <row r="224096" spans="8:8">
      <c r="H224096" s="12"/>
    </row>
    <row r="224097" spans="8:8">
      <c r="H224097" s="12"/>
    </row>
    <row r="224098" spans="8:8">
      <c r="H224098" s="12"/>
    </row>
    <row r="224099" spans="8:8">
      <c r="H224099" s="12"/>
    </row>
    <row r="224100" spans="8:8">
      <c r="H224100" s="12"/>
    </row>
    <row r="224101" spans="8:8">
      <c r="H224101" s="12"/>
    </row>
    <row r="224102" spans="8:8">
      <c r="H224102" s="12"/>
    </row>
    <row r="224103" spans="8:8">
      <c r="H224103" s="12"/>
    </row>
    <row r="224104" spans="8:8">
      <c r="H224104" s="12"/>
    </row>
    <row r="224105" spans="8:8">
      <c r="H224105" s="12"/>
    </row>
    <row r="224106" spans="8:8">
      <c r="H224106" s="12"/>
    </row>
    <row r="224107" spans="8:8">
      <c r="H224107" s="12"/>
    </row>
    <row r="224108" spans="8:8">
      <c r="H224108" s="12"/>
    </row>
    <row r="224109" spans="8:8">
      <c r="H224109" s="12"/>
    </row>
    <row r="224110" spans="8:8">
      <c r="H224110" s="12"/>
    </row>
    <row r="224111" spans="8:8">
      <c r="H224111" s="12"/>
    </row>
    <row r="224112" spans="8:8">
      <c r="H224112" s="12"/>
    </row>
    <row r="224113" spans="8:8">
      <c r="H224113" s="12"/>
    </row>
    <row r="224114" spans="8:8">
      <c r="H224114" s="12"/>
    </row>
    <row r="224115" spans="8:8">
      <c r="H224115" s="12"/>
    </row>
    <row r="224116" spans="8:8">
      <c r="H224116" s="12"/>
    </row>
    <row r="224117" spans="8:8">
      <c r="H224117" s="12"/>
    </row>
    <row r="224118" spans="8:8">
      <c r="H224118" s="12"/>
    </row>
    <row r="224119" spans="8:8">
      <c r="H224119" s="12"/>
    </row>
    <row r="224120" spans="8:8">
      <c r="H224120" s="12"/>
    </row>
    <row r="224121" spans="8:8">
      <c r="H224121" s="12"/>
    </row>
    <row r="224122" spans="8:8">
      <c r="H224122" s="12"/>
    </row>
    <row r="224123" spans="8:8">
      <c r="H224123" s="12"/>
    </row>
    <row r="224124" spans="8:8">
      <c r="H224124" s="12"/>
    </row>
    <row r="224125" spans="8:8">
      <c r="H224125" s="12"/>
    </row>
    <row r="224126" spans="8:8">
      <c r="H224126" s="12"/>
    </row>
    <row r="224127" spans="8:8">
      <c r="H224127" s="12"/>
    </row>
    <row r="224128" spans="8:8">
      <c r="H224128" s="12"/>
    </row>
    <row r="224129" spans="8:8">
      <c r="H224129" s="12"/>
    </row>
    <row r="224130" spans="8:8">
      <c r="H224130" s="12"/>
    </row>
    <row r="224131" spans="8:8">
      <c r="H224131" s="12"/>
    </row>
    <row r="224132" spans="8:8">
      <c r="H224132" s="12"/>
    </row>
    <row r="224133" spans="8:8">
      <c r="H224133" s="12"/>
    </row>
    <row r="224134" spans="8:8">
      <c r="H224134" s="12"/>
    </row>
    <row r="224135" spans="8:8">
      <c r="H224135" s="12"/>
    </row>
    <row r="224136" spans="8:8">
      <c r="H224136" s="12"/>
    </row>
    <row r="224137" spans="8:8">
      <c r="H224137" s="12"/>
    </row>
    <row r="224138" spans="8:8">
      <c r="H224138" s="12"/>
    </row>
    <row r="224139" spans="8:8">
      <c r="H224139" s="12"/>
    </row>
    <row r="224140" spans="8:8">
      <c r="H224140" s="12"/>
    </row>
    <row r="224141" spans="8:8">
      <c r="H224141" s="12"/>
    </row>
    <row r="224142" spans="8:8">
      <c r="H224142" s="12"/>
    </row>
    <row r="224143" spans="8:8">
      <c r="H224143" s="12"/>
    </row>
    <row r="224144" spans="8:8">
      <c r="H224144" s="12"/>
    </row>
    <row r="224145" spans="8:8">
      <c r="H224145" s="12"/>
    </row>
    <row r="224146" spans="8:8">
      <c r="H224146" s="12"/>
    </row>
    <row r="224147" spans="8:8">
      <c r="H224147" s="12"/>
    </row>
    <row r="224148" spans="8:8">
      <c r="H224148" s="12"/>
    </row>
    <row r="224149" spans="8:8">
      <c r="H224149" s="12"/>
    </row>
    <row r="224150" spans="8:8">
      <c r="H224150" s="12"/>
    </row>
    <row r="224151" spans="8:8">
      <c r="H224151" s="12"/>
    </row>
    <row r="224152" spans="8:8">
      <c r="H224152" s="12"/>
    </row>
    <row r="224153" spans="8:8">
      <c r="H224153" s="12"/>
    </row>
    <row r="224154" spans="8:8">
      <c r="H224154" s="12"/>
    </row>
    <row r="224155" spans="8:8">
      <c r="H224155" s="12"/>
    </row>
    <row r="224156" spans="8:8">
      <c r="H224156" s="12"/>
    </row>
    <row r="224157" spans="8:8">
      <c r="H224157" s="12"/>
    </row>
    <row r="224158" spans="8:8">
      <c r="H224158" s="12"/>
    </row>
    <row r="224159" spans="8:8">
      <c r="H224159" s="12"/>
    </row>
    <row r="224160" spans="8:8">
      <c r="H224160" s="12"/>
    </row>
    <row r="224161" spans="8:8">
      <c r="H224161" s="12"/>
    </row>
    <row r="224162" spans="8:8">
      <c r="H224162" s="12"/>
    </row>
    <row r="224163" spans="8:8">
      <c r="H224163" s="12"/>
    </row>
    <row r="224164" spans="8:8">
      <c r="H224164" s="12"/>
    </row>
    <row r="224165" spans="8:8">
      <c r="H224165" s="12"/>
    </row>
    <row r="224166" spans="8:8">
      <c r="H224166" s="12"/>
    </row>
    <row r="224167" spans="8:8">
      <c r="H224167" s="12"/>
    </row>
    <row r="224168" spans="8:8">
      <c r="H224168" s="12"/>
    </row>
    <row r="224169" spans="8:8">
      <c r="H224169" s="12"/>
    </row>
    <row r="224170" spans="8:8">
      <c r="H224170" s="12"/>
    </row>
    <row r="224171" spans="8:8">
      <c r="H224171" s="12"/>
    </row>
    <row r="224172" spans="8:8">
      <c r="H224172" s="12"/>
    </row>
    <row r="224173" spans="8:8">
      <c r="H224173" s="12"/>
    </row>
    <row r="224174" spans="8:8">
      <c r="H224174" s="12"/>
    </row>
    <row r="224175" spans="8:8">
      <c r="H224175" s="12"/>
    </row>
    <row r="224176" spans="8:8">
      <c r="H224176" s="12"/>
    </row>
    <row r="224177" spans="8:8">
      <c r="H224177" s="12"/>
    </row>
    <row r="224178" spans="8:8">
      <c r="H224178" s="12"/>
    </row>
    <row r="224179" spans="8:8">
      <c r="H224179" s="12"/>
    </row>
    <row r="224180" spans="8:8">
      <c r="H224180" s="12"/>
    </row>
    <row r="224181" spans="8:8">
      <c r="H224181" s="12"/>
    </row>
    <row r="224182" spans="8:8">
      <c r="H224182" s="12"/>
    </row>
    <row r="224183" spans="8:8">
      <c r="H224183" s="12"/>
    </row>
    <row r="224184" spans="8:8">
      <c r="H224184" s="12"/>
    </row>
    <row r="224185" spans="8:8">
      <c r="H224185" s="12"/>
    </row>
    <row r="224186" spans="8:8">
      <c r="H224186" s="12"/>
    </row>
    <row r="224187" spans="8:8">
      <c r="H224187" s="12"/>
    </row>
    <row r="224188" spans="8:8">
      <c r="H224188" s="12"/>
    </row>
    <row r="224189" spans="8:8">
      <c r="H224189" s="12"/>
    </row>
    <row r="224190" spans="8:8">
      <c r="H224190" s="12"/>
    </row>
    <row r="224191" spans="8:8">
      <c r="H224191" s="12"/>
    </row>
    <row r="224192" spans="8:8">
      <c r="H224192" s="12"/>
    </row>
    <row r="224193" spans="8:8">
      <c r="H224193" s="12"/>
    </row>
    <row r="224194" spans="8:8">
      <c r="H224194" s="12"/>
    </row>
    <row r="224195" spans="8:8">
      <c r="H224195" s="12"/>
    </row>
    <row r="224196" spans="8:8">
      <c r="H224196" s="12"/>
    </row>
    <row r="224197" spans="8:8">
      <c r="H224197" s="12"/>
    </row>
    <row r="224198" spans="8:8">
      <c r="H224198" s="12"/>
    </row>
    <row r="224199" spans="8:8">
      <c r="H224199" s="12"/>
    </row>
    <row r="224200" spans="8:8">
      <c r="H224200" s="12"/>
    </row>
    <row r="224201" spans="8:8">
      <c r="H224201" s="12"/>
    </row>
    <row r="224202" spans="8:8">
      <c r="H224202" s="12"/>
    </row>
    <row r="224203" spans="8:8">
      <c r="H224203" s="12"/>
    </row>
    <row r="224204" spans="8:8">
      <c r="H224204" s="12"/>
    </row>
    <row r="224205" spans="8:8">
      <c r="H224205" s="12"/>
    </row>
    <row r="224206" spans="8:8">
      <c r="H224206" s="12"/>
    </row>
    <row r="224207" spans="8:8">
      <c r="H224207" s="12"/>
    </row>
    <row r="224208" spans="8:8">
      <c r="H224208" s="12"/>
    </row>
    <row r="224209" spans="8:8">
      <c r="H224209" s="12"/>
    </row>
    <row r="224210" spans="8:8">
      <c r="H224210" s="12"/>
    </row>
    <row r="224211" spans="8:8">
      <c r="H224211" s="12"/>
    </row>
    <row r="224212" spans="8:8">
      <c r="H224212" s="12"/>
    </row>
    <row r="224213" spans="8:8">
      <c r="H224213" s="12"/>
    </row>
    <row r="224214" spans="8:8">
      <c r="H224214" s="12"/>
    </row>
    <row r="224215" spans="8:8">
      <c r="H224215" s="12"/>
    </row>
    <row r="224216" spans="8:8">
      <c r="H224216" s="12"/>
    </row>
    <row r="224217" spans="8:8">
      <c r="H224217" s="12"/>
    </row>
    <row r="224218" spans="8:8">
      <c r="H224218" s="12"/>
    </row>
    <row r="224219" spans="8:8">
      <c r="H224219" s="12"/>
    </row>
    <row r="224220" spans="8:8">
      <c r="H224220" s="12"/>
    </row>
    <row r="224221" spans="8:8">
      <c r="H224221" s="12"/>
    </row>
    <row r="224222" spans="8:8">
      <c r="H224222" s="12"/>
    </row>
    <row r="224223" spans="8:8">
      <c r="H224223" s="12"/>
    </row>
    <row r="224224" spans="8:8">
      <c r="H224224" s="12"/>
    </row>
    <row r="224225" spans="8:8">
      <c r="H224225" s="12"/>
    </row>
    <row r="224226" spans="8:8">
      <c r="H224226" s="12"/>
    </row>
    <row r="224227" spans="8:8">
      <c r="H224227" s="12"/>
    </row>
    <row r="224228" spans="8:8">
      <c r="H224228" s="12"/>
    </row>
    <row r="224229" spans="8:8">
      <c r="H224229" s="12"/>
    </row>
    <row r="224230" spans="8:8">
      <c r="H224230" s="12"/>
    </row>
    <row r="224231" spans="8:8">
      <c r="H224231" s="12"/>
    </row>
    <row r="224232" spans="8:8">
      <c r="H224232" s="12"/>
    </row>
    <row r="224233" spans="8:8">
      <c r="H224233" s="12"/>
    </row>
    <row r="224234" spans="8:8">
      <c r="H224234" s="12"/>
    </row>
    <row r="224235" spans="8:8">
      <c r="H224235" s="12"/>
    </row>
    <row r="224236" spans="8:8">
      <c r="H224236" s="12"/>
    </row>
    <row r="224237" spans="8:8">
      <c r="H224237" s="12"/>
    </row>
    <row r="224238" spans="8:8">
      <c r="H224238" s="12"/>
    </row>
    <row r="224239" spans="8:8">
      <c r="H224239" s="12"/>
    </row>
    <row r="224240" spans="8:8">
      <c r="H224240" s="12"/>
    </row>
    <row r="224241" spans="8:8">
      <c r="H224241" s="12"/>
    </row>
    <row r="224242" spans="8:8">
      <c r="H224242" s="12"/>
    </row>
    <row r="224243" spans="8:8">
      <c r="H224243" s="12"/>
    </row>
    <row r="224244" spans="8:8">
      <c r="H224244" s="12"/>
    </row>
    <row r="224245" spans="8:8">
      <c r="H224245" s="12"/>
    </row>
    <row r="224246" spans="8:8">
      <c r="H224246" s="12"/>
    </row>
    <row r="224247" spans="8:8">
      <c r="H224247" s="12"/>
    </row>
    <row r="224248" spans="8:8">
      <c r="H224248" s="12"/>
    </row>
    <row r="224249" spans="8:8">
      <c r="H224249" s="12"/>
    </row>
    <row r="224250" spans="8:8">
      <c r="H224250" s="12"/>
    </row>
    <row r="224251" spans="8:8">
      <c r="H224251" s="12"/>
    </row>
    <row r="224252" spans="8:8">
      <c r="H224252" s="12"/>
    </row>
    <row r="224253" spans="8:8">
      <c r="H224253" s="12"/>
    </row>
    <row r="224254" spans="8:8">
      <c r="H224254" s="12"/>
    </row>
    <row r="224255" spans="8:8">
      <c r="H224255" s="12"/>
    </row>
    <row r="224256" spans="8:8">
      <c r="H224256" s="12"/>
    </row>
    <row r="224257" spans="8:8">
      <c r="H224257" s="12"/>
    </row>
    <row r="224258" spans="8:8">
      <c r="H224258" s="12"/>
    </row>
    <row r="224259" spans="8:8">
      <c r="H224259" s="12"/>
    </row>
    <row r="224260" spans="8:8">
      <c r="H224260" s="12"/>
    </row>
    <row r="224261" spans="8:8">
      <c r="H224261" s="12"/>
    </row>
    <row r="224262" spans="8:8">
      <c r="H224262" s="12"/>
    </row>
    <row r="224263" spans="8:8">
      <c r="H224263" s="12"/>
    </row>
    <row r="224264" spans="8:8">
      <c r="H224264" s="12"/>
    </row>
    <row r="224265" spans="8:8">
      <c r="H224265" s="12"/>
    </row>
    <row r="224266" spans="8:8">
      <c r="H224266" s="12"/>
    </row>
    <row r="224267" spans="8:8">
      <c r="H224267" s="12"/>
    </row>
    <row r="224268" spans="8:8">
      <c r="H224268" s="12"/>
    </row>
    <row r="224269" spans="8:8">
      <c r="H224269" s="12"/>
    </row>
    <row r="224270" spans="8:8">
      <c r="H224270" s="12"/>
    </row>
    <row r="224271" spans="8:8">
      <c r="H224271" s="12"/>
    </row>
    <row r="224272" spans="8:8">
      <c r="H224272" s="12"/>
    </row>
    <row r="224273" spans="8:8">
      <c r="H224273" s="12"/>
    </row>
    <row r="224274" spans="8:8">
      <c r="H224274" s="12"/>
    </row>
    <row r="224275" spans="8:8">
      <c r="H224275" s="12"/>
    </row>
    <row r="224276" spans="8:8">
      <c r="H224276" s="12"/>
    </row>
    <row r="224277" spans="8:8">
      <c r="H224277" s="12"/>
    </row>
    <row r="224278" spans="8:8">
      <c r="H224278" s="12"/>
    </row>
    <row r="224279" spans="8:8">
      <c r="H224279" s="12"/>
    </row>
    <row r="224280" spans="8:8">
      <c r="H224280" s="12"/>
    </row>
    <row r="224281" spans="8:8">
      <c r="H224281" s="12"/>
    </row>
    <row r="224282" spans="8:8">
      <c r="H224282" s="12"/>
    </row>
    <row r="224283" spans="8:8">
      <c r="H224283" s="12"/>
    </row>
    <row r="224284" spans="8:8">
      <c r="H224284" s="12"/>
    </row>
    <row r="224285" spans="8:8">
      <c r="H224285" s="12"/>
    </row>
    <row r="224286" spans="8:8">
      <c r="H224286" s="12"/>
    </row>
    <row r="224287" spans="8:8">
      <c r="H224287" s="12"/>
    </row>
    <row r="224288" spans="8:8">
      <c r="H224288" s="12"/>
    </row>
    <row r="224289" spans="8:8">
      <c r="H224289" s="12"/>
    </row>
    <row r="224290" spans="8:8">
      <c r="H224290" s="12"/>
    </row>
    <row r="224291" spans="8:8">
      <c r="H224291" s="12"/>
    </row>
    <row r="224292" spans="8:8">
      <c r="H224292" s="12"/>
    </row>
    <row r="224293" spans="8:8">
      <c r="H224293" s="12"/>
    </row>
    <row r="224294" spans="8:8">
      <c r="H224294" s="12"/>
    </row>
    <row r="224295" spans="8:8">
      <c r="H224295" s="12"/>
    </row>
    <row r="224296" spans="8:8">
      <c r="H224296" s="12"/>
    </row>
    <row r="224297" spans="8:8">
      <c r="H224297" s="12"/>
    </row>
    <row r="224298" spans="8:8">
      <c r="H224298" s="12"/>
    </row>
    <row r="224299" spans="8:8">
      <c r="H224299" s="12"/>
    </row>
    <row r="224300" spans="8:8">
      <c r="H224300" s="12"/>
    </row>
    <row r="224301" spans="8:8">
      <c r="H224301" s="12"/>
    </row>
    <row r="224302" spans="8:8">
      <c r="H224302" s="12"/>
    </row>
    <row r="224303" spans="8:8">
      <c r="H224303" s="12"/>
    </row>
    <row r="224304" spans="8:8">
      <c r="H224304" s="12"/>
    </row>
    <row r="224305" spans="8:8">
      <c r="H224305" s="12"/>
    </row>
    <row r="224306" spans="8:8">
      <c r="H224306" s="12"/>
    </row>
    <row r="224307" spans="8:8">
      <c r="H224307" s="12"/>
    </row>
    <row r="224308" spans="8:8">
      <c r="H224308" s="12"/>
    </row>
    <row r="224309" spans="8:8">
      <c r="H224309" s="12"/>
    </row>
    <row r="224310" spans="8:8">
      <c r="H224310" s="12"/>
    </row>
    <row r="224311" spans="8:8">
      <c r="H224311" s="12"/>
    </row>
    <row r="224312" spans="8:8">
      <c r="H224312" s="12"/>
    </row>
    <row r="224313" spans="8:8">
      <c r="H224313" s="12"/>
    </row>
    <row r="224314" spans="8:8">
      <c r="H224314" s="12"/>
    </row>
    <row r="224315" spans="8:8">
      <c r="H224315" s="12"/>
    </row>
    <row r="224316" spans="8:8">
      <c r="H224316" s="12"/>
    </row>
    <row r="224317" spans="8:8">
      <c r="H224317" s="12"/>
    </row>
    <row r="224318" spans="8:8">
      <c r="H224318" s="12"/>
    </row>
    <row r="224319" spans="8:8">
      <c r="H224319" s="12"/>
    </row>
    <row r="224320" spans="8:8">
      <c r="H224320" s="12"/>
    </row>
    <row r="224321" spans="8:8">
      <c r="H224321" s="12"/>
    </row>
    <row r="224322" spans="8:8">
      <c r="H224322" s="12"/>
    </row>
    <row r="224323" spans="8:8">
      <c r="H224323" s="12"/>
    </row>
    <row r="224324" spans="8:8">
      <c r="H224324" s="12"/>
    </row>
    <row r="224325" spans="8:8">
      <c r="H224325" s="12"/>
    </row>
    <row r="224326" spans="8:8">
      <c r="H224326" s="12"/>
    </row>
    <row r="224327" spans="8:8">
      <c r="H224327" s="12"/>
    </row>
    <row r="224328" spans="8:8">
      <c r="H224328" s="12"/>
    </row>
    <row r="224329" spans="8:8">
      <c r="H224329" s="12"/>
    </row>
    <row r="224330" spans="8:8">
      <c r="H224330" s="12"/>
    </row>
    <row r="224331" spans="8:8">
      <c r="H224331" s="12"/>
    </row>
    <row r="224332" spans="8:8">
      <c r="H224332" s="12"/>
    </row>
    <row r="224333" spans="8:8">
      <c r="H224333" s="12"/>
    </row>
    <row r="224334" spans="8:8">
      <c r="H224334" s="12"/>
    </row>
    <row r="224335" spans="8:8">
      <c r="H224335" s="12"/>
    </row>
    <row r="224336" spans="8:8">
      <c r="H224336" s="12"/>
    </row>
    <row r="224337" spans="8:8">
      <c r="H224337" s="12"/>
    </row>
    <row r="224338" spans="8:8">
      <c r="H224338" s="12"/>
    </row>
    <row r="224339" spans="8:8">
      <c r="H224339" s="12"/>
    </row>
    <row r="224340" spans="8:8">
      <c r="H224340" s="12"/>
    </row>
    <row r="224341" spans="8:8">
      <c r="H224341" s="12"/>
    </row>
    <row r="224342" spans="8:8">
      <c r="H224342" s="12"/>
    </row>
    <row r="224343" spans="8:8">
      <c r="H224343" s="12"/>
    </row>
    <row r="224344" spans="8:8">
      <c r="H224344" s="12"/>
    </row>
    <row r="224345" spans="8:8">
      <c r="H224345" s="12"/>
    </row>
    <row r="224346" spans="8:8">
      <c r="H224346" s="12"/>
    </row>
    <row r="224347" spans="8:8">
      <c r="H224347" s="12"/>
    </row>
    <row r="224348" spans="8:8">
      <c r="H224348" s="12"/>
    </row>
    <row r="224349" spans="8:8">
      <c r="H224349" s="12"/>
    </row>
    <row r="224350" spans="8:8">
      <c r="H224350" s="12"/>
    </row>
    <row r="224351" spans="8:8">
      <c r="H224351" s="12"/>
    </row>
    <row r="224352" spans="8:8">
      <c r="H224352" s="12"/>
    </row>
    <row r="224353" spans="8:8">
      <c r="H224353" s="12"/>
    </row>
    <row r="224354" spans="8:8">
      <c r="H224354" s="12"/>
    </row>
    <row r="224355" spans="8:8">
      <c r="H224355" s="12"/>
    </row>
    <row r="224356" spans="8:8">
      <c r="H224356" s="12"/>
    </row>
    <row r="224357" spans="8:8">
      <c r="H224357" s="12"/>
    </row>
    <row r="224358" spans="8:8">
      <c r="H224358" s="12"/>
    </row>
    <row r="224359" spans="8:8">
      <c r="H224359" s="12"/>
    </row>
    <row r="224360" spans="8:8">
      <c r="H224360" s="12"/>
    </row>
    <row r="224361" spans="8:8">
      <c r="H224361" s="12"/>
    </row>
    <row r="224362" spans="8:8">
      <c r="H224362" s="12"/>
    </row>
    <row r="224363" spans="8:8">
      <c r="H224363" s="12"/>
    </row>
    <row r="224364" spans="8:8">
      <c r="H224364" s="12"/>
    </row>
    <row r="224365" spans="8:8">
      <c r="H224365" s="12"/>
    </row>
    <row r="224366" spans="8:8">
      <c r="H224366" s="12"/>
    </row>
    <row r="224367" spans="8:8">
      <c r="H224367" s="12"/>
    </row>
    <row r="224368" spans="8:8">
      <c r="H224368" s="12"/>
    </row>
    <row r="224369" spans="8:8">
      <c r="H224369" s="12"/>
    </row>
    <row r="224370" spans="8:8">
      <c r="H224370" s="12"/>
    </row>
    <row r="224371" spans="8:8">
      <c r="H224371" s="12"/>
    </row>
    <row r="224372" spans="8:8">
      <c r="H224372" s="12"/>
    </row>
    <row r="224373" spans="8:8">
      <c r="H224373" s="12"/>
    </row>
    <row r="224374" spans="8:8">
      <c r="H224374" s="12"/>
    </row>
    <row r="224375" spans="8:8">
      <c r="H224375" s="12"/>
    </row>
    <row r="224376" spans="8:8">
      <c r="H224376" s="12"/>
    </row>
    <row r="224377" spans="8:8">
      <c r="H224377" s="12"/>
    </row>
    <row r="224378" spans="8:8">
      <c r="H224378" s="12"/>
    </row>
    <row r="224379" spans="8:8">
      <c r="H224379" s="12"/>
    </row>
    <row r="224380" spans="8:8">
      <c r="H224380" s="12"/>
    </row>
    <row r="224381" spans="8:8">
      <c r="H224381" s="12"/>
    </row>
    <row r="224382" spans="8:8">
      <c r="H224382" s="12"/>
    </row>
    <row r="224383" spans="8:8">
      <c r="H224383" s="12"/>
    </row>
    <row r="224384" spans="8:8">
      <c r="H224384" s="12"/>
    </row>
    <row r="224385" spans="8:8">
      <c r="H224385" s="12"/>
    </row>
    <row r="224386" spans="8:8">
      <c r="H224386" s="12"/>
    </row>
    <row r="224387" spans="8:8">
      <c r="H224387" s="12"/>
    </row>
    <row r="224388" spans="8:8">
      <c r="H224388" s="12"/>
    </row>
    <row r="224389" spans="8:8">
      <c r="H224389" s="12"/>
    </row>
    <row r="224390" spans="8:8">
      <c r="H224390" s="12"/>
    </row>
    <row r="224391" spans="8:8">
      <c r="H224391" s="12"/>
    </row>
    <row r="224392" spans="8:8">
      <c r="H224392" s="12"/>
    </row>
    <row r="224393" spans="8:8">
      <c r="H224393" s="12"/>
    </row>
    <row r="224394" spans="8:8">
      <c r="H224394" s="12"/>
    </row>
    <row r="224395" spans="8:8">
      <c r="H224395" s="12"/>
    </row>
    <row r="224396" spans="8:8">
      <c r="H224396" s="12"/>
    </row>
    <row r="224397" spans="8:8">
      <c r="H224397" s="12"/>
    </row>
    <row r="224398" spans="8:8">
      <c r="H224398" s="12"/>
    </row>
    <row r="224399" spans="8:8">
      <c r="H224399" s="12"/>
    </row>
    <row r="224400" spans="8:8">
      <c r="H224400" s="12"/>
    </row>
    <row r="224401" spans="8:8">
      <c r="H224401" s="12"/>
    </row>
    <row r="224402" spans="8:8">
      <c r="H224402" s="12"/>
    </row>
    <row r="224403" spans="8:8">
      <c r="H224403" s="12"/>
    </row>
    <row r="224404" spans="8:8">
      <c r="H224404" s="12"/>
    </row>
    <row r="224405" spans="8:8">
      <c r="H224405" s="12"/>
    </row>
    <row r="224406" spans="8:8">
      <c r="H224406" s="12"/>
    </row>
    <row r="224407" spans="8:8">
      <c r="H224407" s="12"/>
    </row>
    <row r="224408" spans="8:8">
      <c r="H224408" s="12"/>
    </row>
    <row r="224409" spans="8:8">
      <c r="H224409" s="12"/>
    </row>
    <row r="224410" spans="8:8">
      <c r="H224410" s="12"/>
    </row>
    <row r="224411" spans="8:8">
      <c r="H224411" s="12"/>
    </row>
    <row r="224412" spans="8:8">
      <c r="H224412" s="12"/>
    </row>
    <row r="224413" spans="8:8">
      <c r="H224413" s="12"/>
    </row>
    <row r="224414" spans="8:8">
      <c r="H224414" s="12"/>
    </row>
    <row r="224415" spans="8:8">
      <c r="H224415" s="12"/>
    </row>
    <row r="224416" spans="8:8">
      <c r="H224416" s="12"/>
    </row>
    <row r="224417" spans="8:8">
      <c r="H224417" s="12"/>
    </row>
    <row r="224418" spans="8:8">
      <c r="H224418" s="12"/>
    </row>
    <row r="224419" spans="8:8">
      <c r="H224419" s="12"/>
    </row>
    <row r="224420" spans="8:8">
      <c r="H224420" s="12"/>
    </row>
    <row r="224421" spans="8:8">
      <c r="H224421" s="12"/>
    </row>
    <row r="224422" spans="8:8">
      <c r="H224422" s="12"/>
    </row>
    <row r="224423" spans="8:8">
      <c r="H224423" s="12"/>
    </row>
    <row r="224424" spans="8:8">
      <c r="H224424" s="12"/>
    </row>
    <row r="224425" spans="8:8">
      <c r="H224425" s="12"/>
    </row>
    <row r="224426" spans="8:8">
      <c r="H224426" s="12"/>
    </row>
    <row r="224427" spans="8:8">
      <c r="H224427" s="12"/>
    </row>
    <row r="224428" spans="8:8">
      <c r="H224428" s="12"/>
    </row>
    <row r="224429" spans="8:8">
      <c r="H224429" s="12"/>
    </row>
    <row r="224430" spans="8:8">
      <c r="H224430" s="12"/>
    </row>
    <row r="224431" spans="8:8">
      <c r="H224431" s="12"/>
    </row>
    <row r="224432" spans="8:8">
      <c r="H224432" s="12"/>
    </row>
    <row r="224433" spans="8:8">
      <c r="H224433" s="12"/>
    </row>
    <row r="224434" spans="8:8">
      <c r="H224434" s="12"/>
    </row>
    <row r="224435" spans="8:8">
      <c r="H224435" s="12"/>
    </row>
    <row r="224436" spans="8:8">
      <c r="H224436" s="12"/>
    </row>
    <row r="224437" spans="8:8">
      <c r="H224437" s="12"/>
    </row>
    <row r="224438" spans="8:8">
      <c r="H224438" s="12"/>
    </row>
    <row r="224439" spans="8:8">
      <c r="H224439" s="12"/>
    </row>
    <row r="224440" spans="8:8">
      <c r="H224440" s="12"/>
    </row>
    <row r="224441" spans="8:8">
      <c r="H224441" s="12"/>
    </row>
    <row r="224442" spans="8:8">
      <c r="H224442" s="12"/>
    </row>
    <row r="224443" spans="8:8">
      <c r="H224443" s="12"/>
    </row>
    <row r="224444" spans="8:8">
      <c r="H224444" s="12"/>
    </row>
    <row r="224445" spans="8:8">
      <c r="H224445" s="12"/>
    </row>
    <row r="224446" spans="8:8">
      <c r="H224446" s="12"/>
    </row>
    <row r="224447" spans="8:8">
      <c r="H224447" s="12"/>
    </row>
    <row r="224448" spans="8:8">
      <c r="H224448" s="12"/>
    </row>
    <row r="224449" spans="8:8">
      <c r="H224449" s="12"/>
    </row>
    <row r="224450" spans="8:8">
      <c r="H224450" s="12"/>
    </row>
    <row r="224451" spans="8:8">
      <c r="H224451" s="12"/>
    </row>
    <row r="224452" spans="8:8">
      <c r="H224452" s="12"/>
    </row>
    <row r="224453" spans="8:8">
      <c r="H224453" s="12"/>
    </row>
    <row r="224454" spans="8:8">
      <c r="H224454" s="12"/>
    </row>
    <row r="224455" spans="8:8">
      <c r="H224455" s="12"/>
    </row>
    <row r="224456" spans="8:8">
      <c r="H224456" s="12"/>
    </row>
    <row r="224457" spans="8:8">
      <c r="H224457" s="12"/>
    </row>
    <row r="224458" spans="8:8">
      <c r="H224458" s="12"/>
    </row>
    <row r="224459" spans="8:8">
      <c r="H224459" s="12"/>
    </row>
    <row r="224460" spans="8:8">
      <c r="H224460" s="12"/>
    </row>
    <row r="224461" spans="8:8">
      <c r="H224461" s="12"/>
    </row>
    <row r="224462" spans="8:8">
      <c r="H224462" s="12"/>
    </row>
    <row r="224463" spans="8:8">
      <c r="H224463" s="12"/>
    </row>
    <row r="224464" spans="8:8">
      <c r="H224464" s="12"/>
    </row>
    <row r="224465" spans="8:8">
      <c r="H224465" s="12"/>
    </row>
    <row r="224466" spans="8:8">
      <c r="H224466" s="12"/>
    </row>
    <row r="224467" spans="8:8">
      <c r="H224467" s="12"/>
    </row>
    <row r="224468" spans="8:8">
      <c r="H224468" s="12"/>
    </row>
    <row r="224469" spans="8:8">
      <c r="H224469" s="12"/>
    </row>
    <row r="224470" spans="8:8">
      <c r="H224470" s="12"/>
    </row>
    <row r="224471" spans="8:8">
      <c r="H224471" s="12"/>
    </row>
    <row r="224472" spans="8:8">
      <c r="H224472" s="12"/>
    </row>
    <row r="224473" spans="8:8">
      <c r="H224473" s="12"/>
    </row>
    <row r="224474" spans="8:8">
      <c r="H224474" s="12"/>
    </row>
    <row r="224475" spans="8:8">
      <c r="H224475" s="12"/>
    </row>
    <row r="224476" spans="8:8">
      <c r="H224476" s="12"/>
    </row>
    <row r="224477" spans="8:8">
      <c r="H224477" s="12"/>
    </row>
    <row r="224478" spans="8:8">
      <c r="H224478" s="12"/>
    </row>
    <row r="224479" spans="8:8">
      <c r="H224479" s="12"/>
    </row>
    <row r="224480" spans="8:8">
      <c r="H224480" s="12"/>
    </row>
    <row r="224481" spans="8:8">
      <c r="H224481" s="12"/>
    </row>
    <row r="224482" spans="8:8">
      <c r="H224482" s="12"/>
    </row>
    <row r="224483" spans="8:8">
      <c r="H224483" s="12"/>
    </row>
    <row r="224484" spans="8:8">
      <c r="H224484" s="12"/>
    </row>
    <row r="224485" spans="8:8">
      <c r="H224485" s="12"/>
    </row>
    <row r="224486" spans="8:8">
      <c r="H224486" s="12"/>
    </row>
    <row r="224487" spans="8:8">
      <c r="H224487" s="12"/>
    </row>
    <row r="224488" spans="8:8">
      <c r="H224488" s="12"/>
    </row>
    <row r="224489" spans="8:8">
      <c r="H224489" s="12"/>
    </row>
    <row r="224490" spans="8:8">
      <c r="H224490" s="12"/>
    </row>
    <row r="224491" spans="8:8">
      <c r="H224491" s="12"/>
    </row>
    <row r="224492" spans="8:8">
      <c r="H224492" s="12"/>
    </row>
    <row r="224493" spans="8:8">
      <c r="H224493" s="12"/>
    </row>
    <row r="224494" spans="8:8">
      <c r="H224494" s="12"/>
    </row>
    <row r="224495" spans="8:8">
      <c r="H224495" s="12"/>
    </row>
    <row r="224496" spans="8:8">
      <c r="H224496" s="12"/>
    </row>
    <row r="224497" spans="8:8">
      <c r="H224497" s="12"/>
    </row>
    <row r="224498" spans="8:8">
      <c r="H224498" s="12"/>
    </row>
    <row r="224499" spans="8:8">
      <c r="H224499" s="12"/>
    </row>
    <row r="224500" spans="8:8">
      <c r="H224500" s="12"/>
    </row>
    <row r="224501" spans="8:8">
      <c r="H224501" s="12"/>
    </row>
    <row r="224502" spans="8:8">
      <c r="H224502" s="12"/>
    </row>
    <row r="224503" spans="8:8">
      <c r="H224503" s="12"/>
    </row>
    <row r="224504" spans="8:8">
      <c r="H224504" s="12"/>
    </row>
    <row r="224505" spans="8:8">
      <c r="H224505" s="12"/>
    </row>
    <row r="224506" spans="8:8">
      <c r="H224506" s="12"/>
    </row>
    <row r="224507" spans="8:8">
      <c r="H224507" s="12"/>
    </row>
    <row r="224508" spans="8:8">
      <c r="H224508" s="12"/>
    </row>
    <row r="224509" spans="8:8">
      <c r="H224509" s="12"/>
    </row>
    <row r="224510" spans="8:8">
      <c r="H224510" s="12"/>
    </row>
    <row r="224511" spans="8:8">
      <c r="H224511" s="12"/>
    </row>
    <row r="224512" spans="8:8">
      <c r="H224512" s="12"/>
    </row>
    <row r="224513" spans="8:8">
      <c r="H224513" s="12"/>
    </row>
    <row r="224514" spans="8:8">
      <c r="H224514" s="12"/>
    </row>
    <row r="224515" spans="8:8">
      <c r="H224515" s="12"/>
    </row>
    <row r="224516" spans="8:8">
      <c r="H224516" s="12"/>
    </row>
    <row r="224517" spans="8:8">
      <c r="H224517" s="12"/>
    </row>
    <row r="224518" spans="8:8">
      <c r="H224518" s="12"/>
    </row>
    <row r="224519" spans="8:8">
      <c r="H224519" s="12"/>
    </row>
    <row r="224520" spans="8:8">
      <c r="H224520" s="12"/>
    </row>
    <row r="224521" spans="8:8">
      <c r="H224521" s="12"/>
    </row>
    <row r="224522" spans="8:8">
      <c r="H224522" s="12"/>
    </row>
    <row r="224523" spans="8:8">
      <c r="H224523" s="12"/>
    </row>
    <row r="224524" spans="8:8">
      <c r="H224524" s="12"/>
    </row>
    <row r="224525" spans="8:8">
      <c r="H224525" s="12"/>
    </row>
    <row r="224526" spans="8:8">
      <c r="H224526" s="12"/>
    </row>
    <row r="224527" spans="8:8">
      <c r="H224527" s="12"/>
    </row>
    <row r="224528" spans="8:8">
      <c r="H224528" s="12"/>
    </row>
    <row r="224529" spans="8:8">
      <c r="H224529" s="12"/>
    </row>
    <row r="224530" spans="8:8">
      <c r="H224530" s="12"/>
    </row>
    <row r="224531" spans="8:8">
      <c r="H224531" s="12"/>
    </row>
    <row r="224532" spans="8:8">
      <c r="H224532" s="12"/>
    </row>
    <row r="224533" spans="8:8">
      <c r="H224533" s="12"/>
    </row>
    <row r="224534" spans="8:8">
      <c r="H224534" s="12"/>
    </row>
    <row r="224535" spans="8:8">
      <c r="H224535" s="12"/>
    </row>
    <row r="224536" spans="8:8">
      <c r="H224536" s="12"/>
    </row>
    <row r="224537" spans="8:8">
      <c r="H224537" s="12"/>
    </row>
    <row r="224538" spans="8:8">
      <c r="H224538" s="12"/>
    </row>
    <row r="224539" spans="8:8">
      <c r="H224539" s="12"/>
    </row>
    <row r="224540" spans="8:8">
      <c r="H224540" s="12"/>
    </row>
    <row r="224541" spans="8:8">
      <c r="H224541" s="12"/>
    </row>
    <row r="224542" spans="8:8">
      <c r="H224542" s="12"/>
    </row>
    <row r="224543" spans="8:8">
      <c r="H224543" s="12"/>
    </row>
    <row r="224544" spans="8:8">
      <c r="H224544" s="12"/>
    </row>
    <row r="224545" spans="8:8">
      <c r="H224545" s="12"/>
    </row>
    <row r="224546" spans="8:8">
      <c r="H224546" s="12"/>
    </row>
    <row r="224547" spans="8:8">
      <c r="H224547" s="12"/>
    </row>
    <row r="224548" spans="8:8">
      <c r="H224548" s="12"/>
    </row>
    <row r="224549" spans="8:8">
      <c r="H224549" s="12"/>
    </row>
    <row r="224550" spans="8:8">
      <c r="H224550" s="12"/>
    </row>
    <row r="224551" spans="8:8">
      <c r="H224551" s="12"/>
    </row>
    <row r="224552" spans="8:8">
      <c r="H224552" s="12"/>
    </row>
    <row r="224553" spans="8:8">
      <c r="H224553" s="12"/>
    </row>
    <row r="224554" spans="8:8">
      <c r="H224554" s="12"/>
    </row>
    <row r="224555" spans="8:8">
      <c r="H224555" s="12"/>
    </row>
    <row r="224556" spans="8:8">
      <c r="H224556" s="12"/>
    </row>
    <row r="224557" spans="8:8">
      <c r="H224557" s="12"/>
    </row>
    <row r="224558" spans="8:8">
      <c r="H224558" s="12"/>
    </row>
    <row r="224559" spans="8:8">
      <c r="H224559" s="12"/>
    </row>
    <row r="224560" spans="8:8">
      <c r="H224560" s="12"/>
    </row>
    <row r="224561" spans="8:8">
      <c r="H224561" s="12"/>
    </row>
    <row r="224562" spans="8:8">
      <c r="H224562" s="12"/>
    </row>
    <row r="224563" spans="8:8">
      <c r="H224563" s="12"/>
    </row>
    <row r="224564" spans="8:8">
      <c r="H224564" s="12"/>
    </row>
    <row r="224565" spans="8:8">
      <c r="H224565" s="12"/>
    </row>
    <row r="224566" spans="8:8">
      <c r="H224566" s="12"/>
    </row>
    <row r="224567" spans="8:8">
      <c r="H224567" s="12"/>
    </row>
    <row r="224568" spans="8:8">
      <c r="H224568" s="12"/>
    </row>
    <row r="224569" spans="8:8">
      <c r="H224569" s="12"/>
    </row>
    <row r="224570" spans="8:8">
      <c r="H224570" s="12"/>
    </row>
    <row r="224571" spans="8:8">
      <c r="H224571" s="12"/>
    </row>
    <row r="224572" spans="8:8">
      <c r="H224572" s="12"/>
    </row>
    <row r="224573" spans="8:8">
      <c r="H224573" s="12"/>
    </row>
    <row r="224574" spans="8:8">
      <c r="H224574" s="12"/>
    </row>
    <row r="224575" spans="8:8">
      <c r="H224575" s="12"/>
    </row>
    <row r="224576" spans="8:8">
      <c r="H224576" s="12"/>
    </row>
    <row r="224577" spans="8:8">
      <c r="H224577" s="12"/>
    </row>
    <row r="224578" spans="8:8">
      <c r="H224578" s="12"/>
    </row>
    <row r="224579" spans="8:8">
      <c r="H224579" s="12"/>
    </row>
    <row r="224580" spans="8:8">
      <c r="H224580" s="12"/>
    </row>
    <row r="224581" spans="8:8">
      <c r="H224581" s="12"/>
    </row>
    <row r="224582" spans="8:8">
      <c r="H224582" s="12"/>
    </row>
    <row r="224583" spans="8:8">
      <c r="H224583" s="12"/>
    </row>
    <row r="224584" spans="8:8">
      <c r="H224584" s="12"/>
    </row>
    <row r="224585" spans="8:8">
      <c r="H224585" s="12"/>
    </row>
    <row r="224586" spans="8:8">
      <c r="H224586" s="12"/>
    </row>
    <row r="224587" spans="8:8">
      <c r="H224587" s="12"/>
    </row>
    <row r="224588" spans="8:8">
      <c r="H224588" s="12"/>
    </row>
    <row r="224589" spans="8:8">
      <c r="H224589" s="12"/>
    </row>
    <row r="224590" spans="8:8">
      <c r="H224590" s="12"/>
    </row>
    <row r="224591" spans="8:8">
      <c r="H224591" s="12"/>
    </row>
    <row r="224592" spans="8:8">
      <c r="H224592" s="12"/>
    </row>
    <row r="224593" spans="8:8">
      <c r="H224593" s="12"/>
    </row>
    <row r="224594" spans="8:8">
      <c r="H224594" s="12"/>
    </row>
    <row r="224595" spans="8:8">
      <c r="H224595" s="12"/>
    </row>
    <row r="224596" spans="8:8">
      <c r="H224596" s="12"/>
    </row>
    <row r="224597" spans="8:8">
      <c r="H224597" s="12"/>
    </row>
    <row r="224598" spans="8:8">
      <c r="H224598" s="12"/>
    </row>
    <row r="224599" spans="8:8">
      <c r="H224599" s="12"/>
    </row>
    <row r="224600" spans="8:8">
      <c r="H224600" s="12"/>
    </row>
    <row r="224601" spans="8:8">
      <c r="H224601" s="12"/>
    </row>
    <row r="224602" spans="8:8">
      <c r="H224602" s="12"/>
    </row>
    <row r="224603" spans="8:8">
      <c r="H224603" s="12"/>
    </row>
    <row r="224604" spans="8:8">
      <c r="H224604" s="12"/>
    </row>
    <row r="224605" spans="8:8">
      <c r="H224605" s="12"/>
    </row>
    <row r="224606" spans="8:8">
      <c r="H224606" s="12"/>
    </row>
    <row r="224607" spans="8:8">
      <c r="H224607" s="12"/>
    </row>
    <row r="224608" spans="8:8">
      <c r="H224608" s="12"/>
    </row>
    <row r="224609" spans="8:8">
      <c r="H224609" s="12"/>
    </row>
    <row r="224610" spans="8:8">
      <c r="H224610" s="12"/>
    </row>
    <row r="224611" spans="8:8">
      <c r="H224611" s="12"/>
    </row>
    <row r="224612" spans="8:8">
      <c r="H224612" s="12"/>
    </row>
    <row r="224613" spans="8:8">
      <c r="H224613" s="12"/>
    </row>
    <row r="224614" spans="8:8">
      <c r="H224614" s="12"/>
    </row>
    <row r="224615" spans="8:8">
      <c r="H224615" s="12"/>
    </row>
    <row r="224616" spans="8:8">
      <c r="H224616" s="12"/>
    </row>
    <row r="224617" spans="8:8">
      <c r="H224617" s="12"/>
    </row>
    <row r="224618" spans="8:8">
      <c r="H224618" s="12"/>
    </row>
    <row r="224619" spans="8:8">
      <c r="H224619" s="12"/>
    </row>
    <row r="224620" spans="8:8">
      <c r="H224620" s="12"/>
    </row>
    <row r="224621" spans="8:8">
      <c r="H224621" s="12"/>
    </row>
    <row r="224622" spans="8:8">
      <c r="H224622" s="12"/>
    </row>
    <row r="224623" spans="8:8">
      <c r="H224623" s="12"/>
    </row>
    <row r="224624" spans="8:8">
      <c r="H224624" s="12"/>
    </row>
    <row r="224625" spans="8:8">
      <c r="H224625" s="12"/>
    </row>
    <row r="224626" spans="8:8">
      <c r="H224626" s="12"/>
    </row>
    <row r="224627" spans="8:8">
      <c r="H224627" s="12"/>
    </row>
    <row r="224628" spans="8:8">
      <c r="H224628" s="12"/>
    </row>
    <row r="224629" spans="8:8">
      <c r="H224629" s="12"/>
    </row>
    <row r="224630" spans="8:8">
      <c r="H224630" s="12"/>
    </row>
    <row r="224631" spans="8:8">
      <c r="H224631" s="12"/>
    </row>
    <row r="224632" spans="8:8">
      <c r="H224632" s="12"/>
    </row>
    <row r="224633" spans="8:8">
      <c r="H224633" s="12"/>
    </row>
    <row r="224634" spans="8:8">
      <c r="H224634" s="12"/>
    </row>
    <row r="224635" spans="8:8">
      <c r="H224635" s="12"/>
    </row>
    <row r="224636" spans="8:8">
      <c r="H224636" s="12"/>
    </row>
    <row r="224637" spans="8:8">
      <c r="H224637" s="12"/>
    </row>
    <row r="224638" spans="8:8">
      <c r="H224638" s="12"/>
    </row>
    <row r="224639" spans="8:8">
      <c r="H224639" s="12"/>
    </row>
    <row r="224640" spans="8:8">
      <c r="H224640" s="12"/>
    </row>
    <row r="224641" spans="8:8">
      <c r="H224641" s="12"/>
    </row>
    <row r="224642" spans="8:8">
      <c r="H224642" s="12"/>
    </row>
    <row r="224643" spans="8:8">
      <c r="H224643" s="12"/>
    </row>
    <row r="224644" spans="8:8">
      <c r="H224644" s="12"/>
    </row>
    <row r="224645" spans="8:8">
      <c r="H224645" s="12"/>
    </row>
    <row r="224646" spans="8:8">
      <c r="H224646" s="12"/>
    </row>
    <row r="224647" spans="8:8">
      <c r="H224647" s="12"/>
    </row>
    <row r="224648" spans="8:8">
      <c r="H224648" s="12"/>
    </row>
    <row r="224649" spans="8:8">
      <c r="H224649" s="12"/>
    </row>
    <row r="224650" spans="8:8">
      <c r="H224650" s="12"/>
    </row>
    <row r="224651" spans="8:8">
      <c r="H224651" s="12"/>
    </row>
    <row r="224652" spans="8:8">
      <c r="H224652" s="12"/>
    </row>
    <row r="224653" spans="8:8">
      <c r="H224653" s="12"/>
    </row>
    <row r="224654" spans="8:8">
      <c r="H224654" s="12"/>
    </row>
    <row r="224655" spans="8:8">
      <c r="H224655" s="12"/>
    </row>
    <row r="224656" spans="8:8">
      <c r="H224656" s="12"/>
    </row>
    <row r="224657" spans="8:8">
      <c r="H224657" s="12"/>
    </row>
    <row r="224658" spans="8:8">
      <c r="H224658" s="12"/>
    </row>
    <row r="224659" spans="8:8">
      <c r="H224659" s="12"/>
    </row>
    <row r="224660" spans="8:8">
      <c r="H224660" s="12"/>
    </row>
    <row r="224661" spans="8:8">
      <c r="H224661" s="12"/>
    </row>
    <row r="224662" spans="8:8">
      <c r="H224662" s="12"/>
    </row>
    <row r="224663" spans="8:8">
      <c r="H224663" s="12"/>
    </row>
    <row r="224664" spans="8:8">
      <c r="H224664" s="12"/>
    </row>
    <row r="224665" spans="8:8">
      <c r="H224665" s="12"/>
    </row>
    <row r="224666" spans="8:8">
      <c r="H224666" s="12"/>
    </row>
    <row r="224667" spans="8:8">
      <c r="H224667" s="12"/>
    </row>
    <row r="224668" spans="8:8">
      <c r="H224668" s="12"/>
    </row>
    <row r="224669" spans="8:8">
      <c r="H224669" s="12"/>
    </row>
    <row r="224670" spans="8:8">
      <c r="H224670" s="12"/>
    </row>
    <row r="224671" spans="8:8">
      <c r="H224671" s="12"/>
    </row>
    <row r="224672" spans="8:8">
      <c r="H224672" s="12"/>
    </row>
    <row r="224673" spans="8:8">
      <c r="H224673" s="12"/>
    </row>
    <row r="224674" spans="8:8">
      <c r="H224674" s="12"/>
    </row>
    <row r="224675" spans="8:8">
      <c r="H224675" s="12"/>
    </row>
    <row r="224676" spans="8:8">
      <c r="H224676" s="12"/>
    </row>
    <row r="224677" spans="8:8">
      <c r="H224677" s="12"/>
    </row>
    <row r="224678" spans="8:8">
      <c r="H224678" s="12"/>
    </row>
    <row r="224679" spans="8:8">
      <c r="H224679" s="12"/>
    </row>
    <row r="224680" spans="8:8">
      <c r="H224680" s="12"/>
    </row>
    <row r="224681" spans="8:8">
      <c r="H224681" s="12"/>
    </row>
    <row r="224682" spans="8:8">
      <c r="H224682" s="12"/>
    </row>
    <row r="224683" spans="8:8">
      <c r="H224683" s="12"/>
    </row>
    <row r="224684" spans="8:8">
      <c r="H224684" s="12"/>
    </row>
    <row r="224685" spans="8:8">
      <c r="H224685" s="12"/>
    </row>
    <row r="224686" spans="8:8">
      <c r="H224686" s="12"/>
    </row>
    <row r="224687" spans="8:8">
      <c r="H224687" s="12"/>
    </row>
    <row r="224688" spans="8:8">
      <c r="H224688" s="12"/>
    </row>
    <row r="224689" spans="8:8">
      <c r="H224689" s="12"/>
    </row>
    <row r="224690" spans="8:8">
      <c r="H224690" s="12"/>
    </row>
    <row r="224691" spans="8:8">
      <c r="H224691" s="12"/>
    </row>
    <row r="224692" spans="8:8">
      <c r="H224692" s="12"/>
    </row>
    <row r="224693" spans="8:8">
      <c r="H224693" s="12"/>
    </row>
    <row r="224694" spans="8:8">
      <c r="H224694" s="12"/>
    </row>
    <row r="224695" spans="8:8">
      <c r="H224695" s="12"/>
    </row>
    <row r="224696" spans="8:8">
      <c r="H224696" s="12"/>
    </row>
    <row r="224697" spans="8:8">
      <c r="H224697" s="12"/>
    </row>
    <row r="224698" spans="8:8">
      <c r="H224698" s="12"/>
    </row>
    <row r="224699" spans="8:8">
      <c r="H224699" s="12"/>
    </row>
    <row r="224700" spans="8:8">
      <c r="H224700" s="12"/>
    </row>
    <row r="224701" spans="8:8">
      <c r="H224701" s="12"/>
    </row>
    <row r="224702" spans="8:8">
      <c r="H224702" s="12"/>
    </row>
    <row r="224703" spans="8:8">
      <c r="H224703" s="12"/>
    </row>
    <row r="224704" spans="8:8">
      <c r="H224704" s="12"/>
    </row>
    <row r="224705" spans="8:8">
      <c r="H224705" s="12"/>
    </row>
    <row r="224706" spans="8:8">
      <c r="H224706" s="12"/>
    </row>
    <row r="224707" spans="8:8">
      <c r="H224707" s="12"/>
    </row>
    <row r="224708" spans="8:8">
      <c r="H224708" s="12"/>
    </row>
    <row r="224709" spans="8:8">
      <c r="H224709" s="12"/>
    </row>
    <row r="224710" spans="8:8">
      <c r="H224710" s="12"/>
    </row>
    <row r="224711" spans="8:8">
      <c r="H224711" s="12"/>
    </row>
    <row r="224712" spans="8:8">
      <c r="H224712" s="12"/>
    </row>
    <row r="224713" spans="8:8">
      <c r="H224713" s="12"/>
    </row>
    <row r="224714" spans="8:8">
      <c r="H224714" s="12"/>
    </row>
    <row r="224715" spans="8:8">
      <c r="H224715" s="12"/>
    </row>
    <row r="224716" spans="8:8">
      <c r="H224716" s="12"/>
    </row>
    <row r="224717" spans="8:8">
      <c r="H224717" s="12"/>
    </row>
    <row r="224718" spans="8:8">
      <c r="H224718" s="12"/>
    </row>
    <row r="224719" spans="8:8">
      <c r="H224719" s="12"/>
    </row>
    <row r="224720" spans="8:8">
      <c r="H224720" s="12"/>
    </row>
    <row r="224721" spans="8:8">
      <c r="H224721" s="12"/>
    </row>
    <row r="224722" spans="8:8">
      <c r="H224722" s="12"/>
    </row>
    <row r="224723" spans="8:8">
      <c r="H224723" s="12"/>
    </row>
    <row r="224724" spans="8:8">
      <c r="H224724" s="12"/>
    </row>
    <row r="224725" spans="8:8">
      <c r="H224725" s="12"/>
    </row>
    <row r="224726" spans="8:8">
      <c r="H224726" s="12"/>
    </row>
    <row r="224727" spans="8:8">
      <c r="H224727" s="12"/>
    </row>
    <row r="224728" spans="8:8">
      <c r="H224728" s="12"/>
    </row>
    <row r="224729" spans="8:8">
      <c r="H224729" s="12"/>
    </row>
    <row r="224730" spans="8:8">
      <c r="H224730" s="12"/>
    </row>
    <row r="224731" spans="8:8">
      <c r="H224731" s="12"/>
    </row>
    <row r="224732" spans="8:8">
      <c r="H224732" s="12"/>
    </row>
    <row r="224733" spans="8:8">
      <c r="H224733" s="12"/>
    </row>
    <row r="224734" spans="8:8">
      <c r="H224734" s="12"/>
    </row>
    <row r="224735" spans="8:8">
      <c r="H224735" s="12"/>
    </row>
    <row r="224736" spans="8:8">
      <c r="H224736" s="12"/>
    </row>
    <row r="224737" spans="8:8">
      <c r="H224737" s="12"/>
    </row>
    <row r="224738" spans="8:8">
      <c r="H224738" s="12"/>
    </row>
    <row r="224739" spans="8:8">
      <c r="H224739" s="12"/>
    </row>
    <row r="224740" spans="8:8">
      <c r="H224740" s="12"/>
    </row>
    <row r="224741" spans="8:8">
      <c r="H224741" s="12"/>
    </row>
    <row r="224742" spans="8:8">
      <c r="H224742" s="12"/>
    </row>
    <row r="224743" spans="8:8">
      <c r="H224743" s="12"/>
    </row>
    <row r="224744" spans="8:8">
      <c r="H224744" s="12"/>
    </row>
    <row r="224745" spans="8:8">
      <c r="H224745" s="12"/>
    </row>
    <row r="224746" spans="8:8">
      <c r="H224746" s="12"/>
    </row>
    <row r="224747" spans="8:8">
      <c r="H224747" s="12"/>
    </row>
    <row r="224748" spans="8:8">
      <c r="H224748" s="12"/>
    </row>
    <row r="224749" spans="8:8">
      <c r="H224749" s="12"/>
    </row>
    <row r="224750" spans="8:8">
      <c r="H224750" s="12"/>
    </row>
    <row r="224751" spans="8:8">
      <c r="H224751" s="12"/>
    </row>
    <row r="224752" spans="8:8">
      <c r="H224752" s="12"/>
    </row>
    <row r="224753" spans="8:8">
      <c r="H224753" s="12"/>
    </row>
    <row r="224754" spans="8:8">
      <c r="H224754" s="12"/>
    </row>
    <row r="224755" spans="8:8">
      <c r="H224755" s="12"/>
    </row>
    <row r="224756" spans="8:8">
      <c r="H224756" s="12"/>
    </row>
    <row r="224757" spans="8:8">
      <c r="H224757" s="12"/>
    </row>
    <row r="224758" spans="8:8">
      <c r="H224758" s="12"/>
    </row>
    <row r="224759" spans="8:8">
      <c r="H224759" s="12"/>
    </row>
    <row r="224760" spans="8:8">
      <c r="H224760" s="12"/>
    </row>
    <row r="224761" spans="8:8">
      <c r="H224761" s="12"/>
    </row>
    <row r="224762" spans="8:8">
      <c r="H224762" s="12"/>
    </row>
    <row r="224763" spans="8:8">
      <c r="H224763" s="12"/>
    </row>
    <row r="224764" spans="8:8">
      <c r="H224764" s="12"/>
    </row>
    <row r="224765" spans="8:8">
      <c r="H224765" s="12"/>
    </row>
    <row r="224766" spans="8:8">
      <c r="H224766" s="12"/>
    </row>
    <row r="224767" spans="8:8">
      <c r="H224767" s="12"/>
    </row>
    <row r="224768" spans="8:8">
      <c r="H224768" s="12"/>
    </row>
    <row r="224769" spans="8:8">
      <c r="H224769" s="12"/>
    </row>
    <row r="224770" spans="8:8">
      <c r="H224770" s="12"/>
    </row>
    <row r="224771" spans="8:8">
      <c r="H224771" s="12"/>
    </row>
    <row r="224772" spans="8:8">
      <c r="H224772" s="12"/>
    </row>
    <row r="224773" spans="8:8">
      <c r="H224773" s="12"/>
    </row>
    <row r="224774" spans="8:8">
      <c r="H224774" s="12"/>
    </row>
    <row r="224775" spans="8:8">
      <c r="H224775" s="12"/>
    </row>
    <row r="224776" spans="8:8">
      <c r="H224776" s="12"/>
    </row>
    <row r="224777" spans="8:8">
      <c r="H224777" s="12"/>
    </row>
    <row r="224778" spans="8:8">
      <c r="H224778" s="12"/>
    </row>
    <row r="224779" spans="8:8">
      <c r="H224779" s="12"/>
    </row>
    <row r="224780" spans="8:8">
      <c r="H224780" s="12"/>
    </row>
    <row r="224781" spans="8:8">
      <c r="H224781" s="12"/>
    </row>
    <row r="224782" spans="8:8">
      <c r="H224782" s="12"/>
    </row>
    <row r="224783" spans="8:8">
      <c r="H224783" s="12"/>
    </row>
    <row r="224784" spans="8:8">
      <c r="H224784" s="12"/>
    </row>
    <row r="224785" spans="8:8">
      <c r="H224785" s="12"/>
    </row>
    <row r="224786" spans="8:8">
      <c r="H224786" s="12"/>
    </row>
    <row r="224787" spans="8:8">
      <c r="H224787" s="12"/>
    </row>
    <row r="224788" spans="8:8">
      <c r="H224788" s="12"/>
    </row>
    <row r="224789" spans="8:8">
      <c r="H224789" s="12"/>
    </row>
    <row r="224790" spans="8:8">
      <c r="H224790" s="12"/>
    </row>
    <row r="224791" spans="8:8">
      <c r="H224791" s="12"/>
    </row>
    <row r="224792" spans="8:8">
      <c r="H224792" s="12"/>
    </row>
    <row r="224793" spans="8:8">
      <c r="H224793" s="12"/>
    </row>
    <row r="224794" spans="8:8">
      <c r="H224794" s="12"/>
    </row>
    <row r="224795" spans="8:8">
      <c r="H224795" s="12"/>
    </row>
    <row r="224796" spans="8:8">
      <c r="H224796" s="12"/>
    </row>
    <row r="224797" spans="8:8">
      <c r="H224797" s="12"/>
    </row>
    <row r="224798" spans="8:8">
      <c r="H224798" s="12"/>
    </row>
    <row r="224799" spans="8:8">
      <c r="H224799" s="12"/>
    </row>
    <row r="224800" spans="8:8">
      <c r="H224800" s="12"/>
    </row>
    <row r="224801" spans="8:8">
      <c r="H224801" s="12"/>
    </row>
    <row r="224802" spans="8:8">
      <c r="H224802" s="12"/>
    </row>
    <row r="224803" spans="8:8">
      <c r="H224803" s="12"/>
    </row>
    <row r="224804" spans="8:8">
      <c r="H224804" s="12"/>
    </row>
    <row r="224805" spans="8:8">
      <c r="H224805" s="12"/>
    </row>
    <row r="224806" spans="8:8">
      <c r="H224806" s="12"/>
    </row>
    <row r="224807" spans="8:8">
      <c r="H224807" s="12"/>
    </row>
    <row r="224808" spans="8:8">
      <c r="H224808" s="12"/>
    </row>
    <row r="224809" spans="8:8">
      <c r="H224809" s="12"/>
    </row>
    <row r="224810" spans="8:8">
      <c r="H224810" s="12"/>
    </row>
    <row r="224811" spans="8:8">
      <c r="H224811" s="12"/>
    </row>
    <row r="224812" spans="8:8">
      <c r="H224812" s="12"/>
    </row>
    <row r="224813" spans="8:8">
      <c r="H224813" s="12"/>
    </row>
    <row r="224814" spans="8:8">
      <c r="H224814" s="12"/>
    </row>
    <row r="224815" spans="8:8">
      <c r="H224815" s="12"/>
    </row>
    <row r="224816" spans="8:8">
      <c r="H224816" s="12"/>
    </row>
    <row r="224817" spans="8:8">
      <c r="H224817" s="12"/>
    </row>
    <row r="224818" spans="8:8">
      <c r="H224818" s="12"/>
    </row>
    <row r="224819" spans="8:8">
      <c r="H224819" s="12"/>
    </row>
    <row r="224820" spans="8:8">
      <c r="H224820" s="12"/>
    </row>
    <row r="224821" spans="8:8">
      <c r="H224821" s="12"/>
    </row>
    <row r="224822" spans="8:8">
      <c r="H224822" s="12"/>
    </row>
    <row r="224823" spans="8:8">
      <c r="H224823" s="12"/>
    </row>
    <row r="224824" spans="8:8">
      <c r="H224824" s="12"/>
    </row>
    <row r="224825" spans="8:8">
      <c r="H224825" s="12"/>
    </row>
    <row r="224826" spans="8:8">
      <c r="H224826" s="12"/>
    </row>
    <row r="224827" spans="8:8">
      <c r="H224827" s="12"/>
    </row>
    <row r="224828" spans="8:8">
      <c r="H224828" s="12"/>
    </row>
    <row r="224829" spans="8:8">
      <c r="H224829" s="12"/>
    </row>
    <row r="224830" spans="8:8">
      <c r="H224830" s="12"/>
    </row>
    <row r="224831" spans="8:8">
      <c r="H224831" s="12"/>
    </row>
    <row r="224832" spans="8:8">
      <c r="H224832" s="12"/>
    </row>
    <row r="224833" spans="8:8">
      <c r="H224833" s="12"/>
    </row>
    <row r="224834" spans="8:8">
      <c r="H224834" s="12"/>
    </row>
    <row r="224835" spans="8:8">
      <c r="H224835" s="12"/>
    </row>
    <row r="224836" spans="8:8">
      <c r="H224836" s="12"/>
    </row>
    <row r="224837" spans="8:8">
      <c r="H224837" s="12"/>
    </row>
    <row r="224838" spans="8:8">
      <c r="H224838" s="12"/>
    </row>
    <row r="224839" spans="8:8">
      <c r="H224839" s="12"/>
    </row>
    <row r="224840" spans="8:8">
      <c r="H224840" s="12"/>
    </row>
    <row r="224841" spans="8:8">
      <c r="H224841" s="12"/>
    </row>
    <row r="224842" spans="8:8">
      <c r="H224842" s="12"/>
    </row>
    <row r="224843" spans="8:8">
      <c r="H224843" s="12"/>
    </row>
    <row r="224844" spans="8:8">
      <c r="H224844" s="12"/>
    </row>
    <row r="224845" spans="8:8">
      <c r="H224845" s="12"/>
    </row>
    <row r="224846" spans="8:8">
      <c r="H224846" s="12"/>
    </row>
    <row r="224847" spans="8:8">
      <c r="H224847" s="12"/>
    </row>
    <row r="224848" spans="8:8">
      <c r="H224848" s="12"/>
    </row>
    <row r="224849" spans="8:8">
      <c r="H224849" s="12"/>
    </row>
    <row r="224850" spans="8:8">
      <c r="H224850" s="12"/>
    </row>
    <row r="224851" spans="8:8">
      <c r="H224851" s="12"/>
    </row>
    <row r="224852" spans="8:8">
      <c r="H224852" s="12"/>
    </row>
    <row r="224853" spans="8:8">
      <c r="H224853" s="12"/>
    </row>
    <row r="224854" spans="8:8">
      <c r="H224854" s="12"/>
    </row>
    <row r="224855" spans="8:8">
      <c r="H224855" s="12"/>
    </row>
    <row r="224856" spans="8:8">
      <c r="H224856" s="12"/>
    </row>
    <row r="224857" spans="8:8">
      <c r="H224857" s="12"/>
    </row>
    <row r="224858" spans="8:8">
      <c r="H224858" s="12"/>
    </row>
    <row r="224859" spans="8:8">
      <c r="H224859" s="12"/>
    </row>
    <row r="224860" spans="8:8">
      <c r="H224860" s="12"/>
    </row>
    <row r="224861" spans="8:8">
      <c r="H224861" s="12"/>
    </row>
    <row r="224862" spans="8:8">
      <c r="H224862" s="12"/>
    </row>
    <row r="224863" spans="8:8">
      <c r="H224863" s="12"/>
    </row>
    <row r="224864" spans="8:8">
      <c r="H224864" s="12"/>
    </row>
    <row r="224865" spans="8:8">
      <c r="H224865" s="12"/>
    </row>
    <row r="224866" spans="8:8">
      <c r="H224866" s="12"/>
    </row>
    <row r="224867" spans="8:8">
      <c r="H224867" s="12"/>
    </row>
    <row r="224868" spans="8:8">
      <c r="H224868" s="12"/>
    </row>
    <row r="224869" spans="8:8">
      <c r="H224869" s="12"/>
    </row>
    <row r="224870" spans="8:8">
      <c r="H224870" s="12"/>
    </row>
    <row r="224871" spans="8:8">
      <c r="H224871" s="12"/>
    </row>
    <row r="224872" spans="8:8">
      <c r="H224872" s="12"/>
    </row>
    <row r="224873" spans="8:8">
      <c r="H224873" s="12"/>
    </row>
    <row r="224874" spans="8:8">
      <c r="H224874" s="12"/>
    </row>
    <row r="224875" spans="8:8">
      <c r="H224875" s="12"/>
    </row>
    <row r="224876" spans="8:8">
      <c r="H224876" s="12"/>
    </row>
    <row r="224877" spans="8:8">
      <c r="H224877" s="12"/>
    </row>
    <row r="224878" spans="8:8">
      <c r="H224878" s="12"/>
    </row>
    <row r="224879" spans="8:8">
      <c r="H224879" s="12"/>
    </row>
    <row r="224880" spans="8:8">
      <c r="H224880" s="12"/>
    </row>
    <row r="224881" spans="8:8">
      <c r="H224881" s="12"/>
    </row>
    <row r="224882" spans="8:8">
      <c r="H224882" s="12"/>
    </row>
    <row r="224883" spans="8:8">
      <c r="H224883" s="12"/>
    </row>
    <row r="224884" spans="8:8">
      <c r="H224884" s="12"/>
    </row>
    <row r="224885" spans="8:8">
      <c r="H224885" s="12"/>
    </row>
    <row r="224886" spans="8:8">
      <c r="H224886" s="12"/>
    </row>
    <row r="224887" spans="8:8">
      <c r="H224887" s="12"/>
    </row>
    <row r="224888" spans="8:8">
      <c r="H224888" s="12"/>
    </row>
    <row r="224889" spans="8:8">
      <c r="H224889" s="12"/>
    </row>
    <row r="224890" spans="8:8">
      <c r="H224890" s="12"/>
    </row>
    <row r="224891" spans="8:8">
      <c r="H224891" s="12"/>
    </row>
    <row r="224892" spans="8:8">
      <c r="H224892" s="12"/>
    </row>
    <row r="224893" spans="8:8">
      <c r="H224893" s="12"/>
    </row>
    <row r="224894" spans="8:8">
      <c r="H224894" s="12"/>
    </row>
    <row r="224895" spans="8:8">
      <c r="H224895" s="12"/>
    </row>
    <row r="224896" spans="8:8">
      <c r="H224896" s="12"/>
    </row>
    <row r="224897" spans="8:8">
      <c r="H224897" s="12"/>
    </row>
    <row r="224898" spans="8:8">
      <c r="H224898" s="12"/>
    </row>
    <row r="224899" spans="8:8">
      <c r="H224899" s="12"/>
    </row>
    <row r="224900" spans="8:8">
      <c r="H224900" s="12"/>
    </row>
    <row r="224901" spans="8:8">
      <c r="H224901" s="12"/>
    </row>
    <row r="224902" spans="8:8">
      <c r="H224902" s="12"/>
    </row>
    <row r="224903" spans="8:8">
      <c r="H224903" s="12"/>
    </row>
    <row r="224904" spans="8:8">
      <c r="H224904" s="12"/>
    </row>
    <row r="224905" spans="8:8">
      <c r="H224905" s="12"/>
    </row>
    <row r="224906" spans="8:8">
      <c r="H224906" s="12"/>
    </row>
    <row r="224907" spans="8:8">
      <c r="H224907" s="12"/>
    </row>
    <row r="224908" spans="8:8">
      <c r="H224908" s="12"/>
    </row>
    <row r="224909" spans="8:8">
      <c r="H224909" s="12"/>
    </row>
    <row r="224910" spans="8:8">
      <c r="H224910" s="12"/>
    </row>
    <row r="224911" spans="8:8">
      <c r="H224911" s="12"/>
    </row>
    <row r="224912" spans="8:8">
      <c r="H224912" s="12"/>
    </row>
    <row r="224913" spans="8:8">
      <c r="H224913" s="12"/>
    </row>
    <row r="224914" spans="8:8">
      <c r="H224914" s="12"/>
    </row>
    <row r="224915" spans="8:8">
      <c r="H224915" s="12"/>
    </row>
    <row r="224916" spans="8:8">
      <c r="H224916" s="12"/>
    </row>
    <row r="224917" spans="8:8">
      <c r="H224917" s="12"/>
    </row>
    <row r="224918" spans="8:8">
      <c r="H224918" s="12"/>
    </row>
    <row r="224919" spans="8:8">
      <c r="H224919" s="12"/>
    </row>
    <row r="224920" spans="8:8">
      <c r="H224920" s="12"/>
    </row>
    <row r="224921" spans="8:8">
      <c r="H224921" s="12"/>
    </row>
    <row r="224922" spans="8:8">
      <c r="H224922" s="12"/>
    </row>
    <row r="224923" spans="8:8">
      <c r="H224923" s="12"/>
    </row>
    <row r="224924" spans="8:8">
      <c r="H224924" s="12"/>
    </row>
    <row r="224925" spans="8:8">
      <c r="H224925" s="12"/>
    </row>
    <row r="224926" spans="8:8">
      <c r="H224926" s="12"/>
    </row>
    <row r="224927" spans="8:8">
      <c r="H224927" s="12"/>
    </row>
    <row r="224928" spans="8:8">
      <c r="H224928" s="12"/>
    </row>
    <row r="224929" spans="8:8">
      <c r="H224929" s="12"/>
    </row>
    <row r="224930" spans="8:8">
      <c r="H224930" s="12"/>
    </row>
    <row r="224931" spans="8:8">
      <c r="H224931" s="12"/>
    </row>
    <row r="224932" spans="8:8">
      <c r="H224932" s="12"/>
    </row>
    <row r="224933" spans="8:8">
      <c r="H224933" s="12"/>
    </row>
    <row r="224934" spans="8:8">
      <c r="H224934" s="12"/>
    </row>
    <row r="224935" spans="8:8">
      <c r="H224935" s="12"/>
    </row>
    <row r="224936" spans="8:8">
      <c r="H224936" s="12"/>
    </row>
    <row r="224937" spans="8:8">
      <c r="H224937" s="12"/>
    </row>
    <row r="224938" spans="8:8">
      <c r="H224938" s="12"/>
    </row>
    <row r="224939" spans="8:8">
      <c r="H224939" s="12"/>
    </row>
    <row r="224940" spans="8:8">
      <c r="H224940" s="12"/>
    </row>
    <row r="224941" spans="8:8">
      <c r="H224941" s="12"/>
    </row>
    <row r="224942" spans="8:8">
      <c r="H224942" s="12"/>
    </row>
    <row r="224943" spans="8:8">
      <c r="H224943" s="12"/>
    </row>
    <row r="224944" spans="8:8">
      <c r="H224944" s="12"/>
    </row>
    <row r="224945" spans="8:8">
      <c r="H224945" s="12"/>
    </row>
    <row r="224946" spans="8:8">
      <c r="H224946" s="12"/>
    </row>
    <row r="224947" spans="8:8">
      <c r="H224947" s="12"/>
    </row>
    <row r="224948" spans="8:8">
      <c r="H224948" s="12"/>
    </row>
    <row r="224949" spans="8:8">
      <c r="H224949" s="12"/>
    </row>
    <row r="224950" spans="8:8">
      <c r="H224950" s="12"/>
    </row>
    <row r="224951" spans="8:8">
      <c r="H224951" s="12"/>
    </row>
    <row r="224952" spans="8:8">
      <c r="H224952" s="12"/>
    </row>
    <row r="224953" spans="8:8">
      <c r="H224953" s="12"/>
    </row>
    <row r="224954" spans="8:8">
      <c r="H224954" s="12"/>
    </row>
    <row r="224955" spans="8:8">
      <c r="H224955" s="12"/>
    </row>
    <row r="224956" spans="8:8">
      <c r="H224956" s="12"/>
    </row>
    <row r="224957" spans="8:8">
      <c r="H224957" s="12"/>
    </row>
    <row r="224958" spans="8:8">
      <c r="H224958" s="12"/>
    </row>
    <row r="224959" spans="8:8">
      <c r="H224959" s="12"/>
    </row>
    <row r="224960" spans="8:8">
      <c r="H224960" s="12"/>
    </row>
    <row r="224961" spans="8:8">
      <c r="H224961" s="12"/>
    </row>
    <row r="224962" spans="8:8">
      <c r="H224962" s="12"/>
    </row>
    <row r="224963" spans="8:8">
      <c r="H224963" s="12"/>
    </row>
    <row r="224964" spans="8:8">
      <c r="H224964" s="12"/>
    </row>
    <row r="224965" spans="8:8">
      <c r="H224965" s="12"/>
    </row>
    <row r="224966" spans="8:8">
      <c r="H224966" s="12"/>
    </row>
    <row r="224967" spans="8:8">
      <c r="H224967" s="12"/>
    </row>
    <row r="224968" spans="8:8">
      <c r="H224968" s="12"/>
    </row>
    <row r="224969" spans="8:8">
      <c r="H224969" s="12"/>
    </row>
    <row r="224970" spans="8:8">
      <c r="H224970" s="12"/>
    </row>
    <row r="224971" spans="8:8">
      <c r="H224971" s="12"/>
    </row>
    <row r="224972" spans="8:8">
      <c r="H224972" s="12"/>
    </row>
    <row r="224973" spans="8:8">
      <c r="H224973" s="12"/>
    </row>
    <row r="224974" spans="8:8">
      <c r="H224974" s="12"/>
    </row>
    <row r="224975" spans="8:8">
      <c r="H224975" s="12"/>
    </row>
    <row r="224976" spans="8:8">
      <c r="H224976" s="12"/>
    </row>
    <row r="224977" spans="8:8">
      <c r="H224977" s="12"/>
    </row>
    <row r="224978" spans="8:8">
      <c r="H224978" s="12"/>
    </row>
    <row r="224979" spans="8:8">
      <c r="H224979" s="12"/>
    </row>
    <row r="224980" spans="8:8">
      <c r="H224980" s="12"/>
    </row>
    <row r="224981" spans="8:8">
      <c r="H224981" s="12"/>
    </row>
    <row r="224982" spans="8:8">
      <c r="H224982" s="12"/>
    </row>
    <row r="224983" spans="8:8">
      <c r="H224983" s="12"/>
    </row>
    <row r="224984" spans="8:8">
      <c r="H224984" s="12"/>
    </row>
    <row r="224985" spans="8:8">
      <c r="H224985" s="12"/>
    </row>
    <row r="224986" spans="8:8">
      <c r="H224986" s="12"/>
    </row>
    <row r="224987" spans="8:8">
      <c r="H224987" s="12"/>
    </row>
    <row r="224988" spans="8:8">
      <c r="H224988" s="12"/>
    </row>
    <row r="224989" spans="8:8">
      <c r="H224989" s="12"/>
    </row>
    <row r="224990" spans="8:8">
      <c r="H224990" s="12"/>
    </row>
    <row r="224991" spans="8:8">
      <c r="H224991" s="12"/>
    </row>
    <row r="224992" spans="8:8">
      <c r="H224992" s="12"/>
    </row>
    <row r="224993" spans="8:8">
      <c r="H224993" s="12"/>
    </row>
    <row r="224994" spans="8:8">
      <c r="H224994" s="12"/>
    </row>
    <row r="224995" spans="8:8">
      <c r="H224995" s="12"/>
    </row>
    <row r="224996" spans="8:8">
      <c r="H224996" s="12"/>
    </row>
    <row r="224997" spans="8:8">
      <c r="H224997" s="12"/>
    </row>
    <row r="224998" spans="8:8">
      <c r="H224998" s="12"/>
    </row>
    <row r="224999" spans="8:8">
      <c r="H224999" s="12"/>
    </row>
    <row r="225000" spans="8:8">
      <c r="H225000" s="12"/>
    </row>
    <row r="225001" spans="8:8">
      <c r="H225001" s="12"/>
    </row>
    <row r="225002" spans="8:8">
      <c r="H225002" s="12"/>
    </row>
    <row r="225003" spans="8:8">
      <c r="H225003" s="12"/>
    </row>
    <row r="225004" spans="8:8">
      <c r="H225004" s="12"/>
    </row>
    <row r="225005" spans="8:8">
      <c r="H225005" s="12"/>
    </row>
    <row r="225006" spans="8:8">
      <c r="H225006" s="12"/>
    </row>
    <row r="225007" spans="8:8">
      <c r="H225007" s="12"/>
    </row>
    <row r="225008" spans="8:8">
      <c r="H225008" s="12"/>
    </row>
    <row r="225009" spans="8:8">
      <c r="H225009" s="12"/>
    </row>
    <row r="225010" spans="8:8">
      <c r="H225010" s="12"/>
    </row>
    <row r="225011" spans="8:8">
      <c r="H225011" s="12"/>
    </row>
    <row r="225012" spans="8:8">
      <c r="H225012" s="12"/>
    </row>
    <row r="225013" spans="8:8">
      <c r="H225013" s="12"/>
    </row>
    <row r="225014" spans="8:8">
      <c r="H225014" s="12"/>
    </row>
    <row r="225015" spans="8:8">
      <c r="H225015" s="12"/>
    </row>
    <row r="225016" spans="8:8">
      <c r="H225016" s="12"/>
    </row>
    <row r="225017" spans="8:8">
      <c r="H225017" s="12"/>
    </row>
    <row r="225018" spans="8:8">
      <c r="H225018" s="12"/>
    </row>
    <row r="225019" spans="8:8">
      <c r="H225019" s="12"/>
    </row>
    <row r="225020" spans="8:8">
      <c r="H225020" s="12"/>
    </row>
    <row r="225021" spans="8:8">
      <c r="H225021" s="12"/>
    </row>
    <row r="225022" spans="8:8">
      <c r="H225022" s="12"/>
    </row>
    <row r="225023" spans="8:8">
      <c r="H225023" s="12"/>
    </row>
    <row r="225024" spans="8:8">
      <c r="H225024" s="12"/>
    </row>
    <row r="225025" spans="8:8">
      <c r="H225025" s="12"/>
    </row>
    <row r="225026" spans="8:8">
      <c r="H225026" s="12"/>
    </row>
    <row r="225027" spans="8:8">
      <c r="H225027" s="12"/>
    </row>
    <row r="225028" spans="8:8">
      <c r="H225028" s="12"/>
    </row>
    <row r="225029" spans="8:8">
      <c r="H225029" s="12"/>
    </row>
    <row r="225030" spans="8:8">
      <c r="H225030" s="12"/>
    </row>
    <row r="225031" spans="8:8">
      <c r="H225031" s="12"/>
    </row>
    <row r="225032" spans="8:8">
      <c r="H225032" s="12"/>
    </row>
    <row r="225033" spans="8:8">
      <c r="H225033" s="12"/>
    </row>
    <row r="225034" spans="8:8">
      <c r="H225034" s="12"/>
    </row>
    <row r="225035" spans="8:8">
      <c r="H225035" s="12"/>
    </row>
    <row r="225036" spans="8:8">
      <c r="H225036" s="12"/>
    </row>
    <row r="225037" spans="8:8">
      <c r="H225037" s="12"/>
    </row>
    <row r="225038" spans="8:8">
      <c r="H225038" s="12"/>
    </row>
    <row r="225039" spans="8:8">
      <c r="H225039" s="12"/>
    </row>
    <row r="225040" spans="8:8">
      <c r="H225040" s="12"/>
    </row>
    <row r="225041" spans="8:8">
      <c r="H225041" s="12"/>
    </row>
    <row r="225042" spans="8:8">
      <c r="H225042" s="12"/>
    </row>
    <row r="225043" spans="8:8">
      <c r="H225043" s="12"/>
    </row>
    <row r="225044" spans="8:8">
      <c r="H225044" s="12"/>
    </row>
    <row r="225045" spans="8:8">
      <c r="H225045" s="12"/>
    </row>
    <row r="225046" spans="8:8">
      <c r="H225046" s="12"/>
    </row>
    <row r="225047" spans="8:8">
      <c r="H225047" s="12"/>
    </row>
    <row r="225048" spans="8:8">
      <c r="H225048" s="12"/>
    </row>
    <row r="225049" spans="8:8">
      <c r="H225049" s="12"/>
    </row>
    <row r="225050" spans="8:8">
      <c r="H225050" s="12"/>
    </row>
    <row r="225051" spans="8:8">
      <c r="H225051" s="12"/>
    </row>
    <row r="225052" spans="8:8">
      <c r="H225052" s="12"/>
    </row>
    <row r="225053" spans="8:8">
      <c r="H225053" s="12"/>
    </row>
    <row r="225054" spans="8:8">
      <c r="H225054" s="12"/>
    </row>
    <row r="225055" spans="8:8">
      <c r="H225055" s="12"/>
    </row>
    <row r="225056" spans="8:8">
      <c r="H225056" s="12"/>
    </row>
    <row r="225057" spans="8:8">
      <c r="H225057" s="12"/>
    </row>
    <row r="225058" spans="8:8">
      <c r="H225058" s="12"/>
    </row>
    <row r="225059" spans="8:8">
      <c r="H225059" s="12"/>
    </row>
    <row r="225060" spans="8:8">
      <c r="H225060" s="12"/>
    </row>
    <row r="225061" spans="8:8">
      <c r="H225061" s="12"/>
    </row>
    <row r="225062" spans="8:8">
      <c r="H225062" s="12"/>
    </row>
    <row r="225063" spans="8:8">
      <c r="H225063" s="12"/>
    </row>
    <row r="225064" spans="8:8">
      <c r="H225064" s="12"/>
    </row>
    <row r="225065" spans="8:8">
      <c r="H225065" s="12"/>
    </row>
    <row r="225066" spans="8:8">
      <c r="H225066" s="12"/>
    </row>
    <row r="225067" spans="8:8">
      <c r="H225067" s="12"/>
    </row>
    <row r="225068" spans="8:8">
      <c r="H225068" s="12"/>
    </row>
    <row r="225069" spans="8:8">
      <c r="H225069" s="12"/>
    </row>
    <row r="225070" spans="8:8">
      <c r="H225070" s="12"/>
    </row>
    <row r="225071" spans="8:8">
      <c r="H225071" s="12"/>
    </row>
    <row r="225072" spans="8:8">
      <c r="H225072" s="12"/>
    </row>
    <row r="225073" spans="8:8">
      <c r="H225073" s="12"/>
    </row>
    <row r="225074" spans="8:8">
      <c r="H225074" s="12"/>
    </row>
    <row r="225075" spans="8:8">
      <c r="H225075" s="12"/>
    </row>
    <row r="225076" spans="8:8">
      <c r="H225076" s="12"/>
    </row>
    <row r="225077" spans="8:8">
      <c r="H225077" s="12"/>
    </row>
    <row r="225078" spans="8:8">
      <c r="H225078" s="12"/>
    </row>
    <row r="225079" spans="8:8">
      <c r="H225079" s="12"/>
    </row>
    <row r="225080" spans="8:8">
      <c r="H225080" s="12"/>
    </row>
    <row r="225081" spans="8:8">
      <c r="H225081" s="12"/>
    </row>
    <row r="225082" spans="8:8">
      <c r="H225082" s="12"/>
    </row>
    <row r="225083" spans="8:8">
      <c r="H225083" s="12"/>
    </row>
    <row r="225084" spans="8:8">
      <c r="H225084" s="12"/>
    </row>
    <row r="225085" spans="8:8">
      <c r="H225085" s="12"/>
    </row>
    <row r="225086" spans="8:8">
      <c r="H225086" s="12"/>
    </row>
    <row r="225087" spans="8:8">
      <c r="H225087" s="12"/>
    </row>
    <row r="225088" spans="8:8">
      <c r="H225088" s="12"/>
    </row>
    <row r="225089" spans="8:8">
      <c r="H225089" s="12"/>
    </row>
    <row r="225090" spans="8:8">
      <c r="H225090" s="12"/>
    </row>
    <row r="225091" spans="8:8">
      <c r="H225091" s="12"/>
    </row>
    <row r="225092" spans="8:8">
      <c r="H225092" s="12"/>
    </row>
    <row r="225093" spans="8:8">
      <c r="H225093" s="12"/>
    </row>
    <row r="225094" spans="8:8">
      <c r="H225094" s="12"/>
    </row>
    <row r="225095" spans="8:8">
      <c r="H225095" s="12"/>
    </row>
    <row r="225096" spans="8:8">
      <c r="H225096" s="12"/>
    </row>
    <row r="225097" spans="8:8">
      <c r="H225097" s="12"/>
    </row>
    <row r="225098" spans="8:8">
      <c r="H225098" s="12"/>
    </row>
    <row r="225099" spans="8:8">
      <c r="H225099" s="12"/>
    </row>
    <row r="225100" spans="8:8">
      <c r="H225100" s="12"/>
    </row>
    <row r="225101" spans="8:8">
      <c r="H225101" s="12"/>
    </row>
    <row r="225102" spans="8:8">
      <c r="H225102" s="12"/>
    </row>
    <row r="225103" spans="8:8">
      <c r="H225103" s="12"/>
    </row>
    <row r="225104" spans="8:8">
      <c r="H225104" s="12"/>
    </row>
    <row r="225105" spans="8:8">
      <c r="H225105" s="12"/>
    </row>
    <row r="225106" spans="8:8">
      <c r="H225106" s="12"/>
    </row>
    <row r="225107" spans="8:8">
      <c r="H225107" s="12"/>
    </row>
    <row r="225108" spans="8:8">
      <c r="H225108" s="12"/>
    </row>
    <row r="225109" spans="8:8">
      <c r="H225109" s="12"/>
    </row>
    <row r="225110" spans="8:8">
      <c r="H225110" s="12"/>
    </row>
    <row r="225111" spans="8:8">
      <c r="H225111" s="12"/>
    </row>
    <row r="225112" spans="8:8">
      <c r="H225112" s="12"/>
    </row>
    <row r="225113" spans="8:8">
      <c r="H225113" s="12"/>
    </row>
    <row r="225114" spans="8:8">
      <c r="H225114" s="12"/>
    </row>
    <row r="225115" spans="8:8">
      <c r="H225115" s="12"/>
    </row>
    <row r="225116" spans="8:8">
      <c r="H225116" s="12"/>
    </row>
    <row r="225117" spans="8:8">
      <c r="H225117" s="12"/>
    </row>
    <row r="225118" spans="8:8">
      <c r="H225118" s="12"/>
    </row>
    <row r="225119" spans="8:8">
      <c r="H225119" s="12"/>
    </row>
    <row r="225120" spans="8:8">
      <c r="H225120" s="12"/>
    </row>
    <row r="225121" spans="8:8">
      <c r="H225121" s="12"/>
    </row>
    <row r="225122" spans="8:8">
      <c r="H225122" s="12"/>
    </row>
    <row r="225123" spans="8:8">
      <c r="H225123" s="12"/>
    </row>
    <row r="225124" spans="8:8">
      <c r="H225124" s="12"/>
    </row>
    <row r="225125" spans="8:8">
      <c r="H225125" s="12"/>
    </row>
    <row r="225126" spans="8:8">
      <c r="H225126" s="12"/>
    </row>
    <row r="225127" spans="8:8">
      <c r="H225127" s="12"/>
    </row>
    <row r="225128" spans="8:8">
      <c r="H225128" s="12"/>
    </row>
    <row r="225129" spans="8:8">
      <c r="H225129" s="12"/>
    </row>
    <row r="225130" spans="8:8">
      <c r="H225130" s="12"/>
    </row>
    <row r="225131" spans="8:8">
      <c r="H225131" s="12"/>
    </row>
    <row r="225132" spans="8:8">
      <c r="H225132" s="12"/>
    </row>
    <row r="225133" spans="8:8">
      <c r="H225133" s="12"/>
    </row>
    <row r="225134" spans="8:8">
      <c r="H225134" s="12"/>
    </row>
    <row r="225135" spans="8:8">
      <c r="H225135" s="12"/>
    </row>
    <row r="225136" spans="8:8">
      <c r="H225136" s="12"/>
    </row>
    <row r="225137" spans="8:8">
      <c r="H225137" s="12"/>
    </row>
    <row r="225138" spans="8:8">
      <c r="H225138" s="12"/>
    </row>
    <row r="225139" spans="8:8">
      <c r="H225139" s="12"/>
    </row>
    <row r="225140" spans="8:8">
      <c r="H225140" s="12"/>
    </row>
    <row r="225141" spans="8:8">
      <c r="H225141" s="12"/>
    </row>
    <row r="225142" spans="8:8">
      <c r="H225142" s="12"/>
    </row>
    <row r="225143" spans="8:8">
      <c r="H225143" s="12"/>
    </row>
    <row r="225144" spans="8:8">
      <c r="H225144" s="12"/>
    </row>
    <row r="225145" spans="8:8">
      <c r="H225145" s="12"/>
    </row>
    <row r="225146" spans="8:8">
      <c r="H225146" s="12"/>
    </row>
    <row r="225147" spans="8:8">
      <c r="H225147" s="12"/>
    </row>
    <row r="225148" spans="8:8">
      <c r="H225148" s="12"/>
    </row>
    <row r="225149" spans="8:8">
      <c r="H225149" s="12"/>
    </row>
    <row r="225150" spans="8:8">
      <c r="H225150" s="12"/>
    </row>
    <row r="225151" spans="8:8">
      <c r="H225151" s="12"/>
    </row>
    <row r="225152" spans="8:8">
      <c r="H225152" s="12"/>
    </row>
    <row r="225153" spans="8:8">
      <c r="H225153" s="12"/>
    </row>
    <row r="225154" spans="8:8">
      <c r="H225154" s="12"/>
    </row>
    <row r="225155" spans="8:8">
      <c r="H225155" s="12"/>
    </row>
    <row r="225156" spans="8:8">
      <c r="H225156" s="12"/>
    </row>
    <row r="225157" spans="8:8">
      <c r="H225157" s="12"/>
    </row>
    <row r="225158" spans="8:8">
      <c r="H225158" s="12"/>
    </row>
    <row r="225159" spans="8:8">
      <c r="H225159" s="12"/>
    </row>
    <row r="225160" spans="8:8">
      <c r="H225160" s="12"/>
    </row>
    <row r="225161" spans="8:8">
      <c r="H225161" s="12"/>
    </row>
    <row r="225162" spans="8:8">
      <c r="H225162" s="12"/>
    </row>
    <row r="225163" spans="8:8">
      <c r="H225163" s="12"/>
    </row>
    <row r="225164" spans="8:8">
      <c r="H225164" s="12"/>
    </row>
    <row r="225165" spans="8:8">
      <c r="H225165" s="12"/>
    </row>
    <row r="225166" spans="8:8">
      <c r="H225166" s="12"/>
    </row>
    <row r="225167" spans="8:8">
      <c r="H225167" s="12"/>
    </row>
    <row r="225168" spans="8:8">
      <c r="H225168" s="12"/>
    </row>
    <row r="225169" spans="8:8">
      <c r="H225169" s="12"/>
    </row>
    <row r="225170" spans="8:8">
      <c r="H225170" s="12"/>
    </row>
    <row r="225171" spans="8:8">
      <c r="H225171" s="12"/>
    </row>
    <row r="225172" spans="8:8">
      <c r="H225172" s="12"/>
    </row>
    <row r="225173" spans="8:8">
      <c r="H225173" s="12"/>
    </row>
    <row r="225174" spans="8:8">
      <c r="H225174" s="12"/>
    </row>
    <row r="225175" spans="8:8">
      <c r="H225175" s="12"/>
    </row>
    <row r="225176" spans="8:8">
      <c r="H225176" s="12"/>
    </row>
    <row r="225177" spans="8:8">
      <c r="H225177" s="12"/>
    </row>
    <row r="225178" spans="8:8">
      <c r="H225178" s="12"/>
    </row>
    <row r="225179" spans="8:8">
      <c r="H225179" s="12"/>
    </row>
    <row r="225180" spans="8:8">
      <c r="H225180" s="12"/>
    </row>
    <row r="225181" spans="8:8">
      <c r="H225181" s="12"/>
    </row>
    <row r="225182" spans="8:8">
      <c r="H225182" s="12"/>
    </row>
    <row r="225183" spans="8:8">
      <c r="H225183" s="12"/>
    </row>
    <row r="225184" spans="8:8">
      <c r="H225184" s="12"/>
    </row>
    <row r="225185" spans="8:8">
      <c r="H225185" s="12"/>
    </row>
    <row r="225186" spans="8:8">
      <c r="H225186" s="12"/>
    </row>
    <row r="225187" spans="8:8">
      <c r="H225187" s="12"/>
    </row>
    <row r="225188" spans="8:8">
      <c r="H225188" s="12"/>
    </row>
    <row r="225189" spans="8:8">
      <c r="H225189" s="12"/>
    </row>
    <row r="225190" spans="8:8">
      <c r="H225190" s="12"/>
    </row>
    <row r="225191" spans="8:8">
      <c r="H225191" s="12"/>
    </row>
    <row r="225192" spans="8:8">
      <c r="H225192" s="12"/>
    </row>
    <row r="225193" spans="8:8">
      <c r="H225193" s="12"/>
    </row>
    <row r="225194" spans="8:8">
      <c r="H225194" s="12"/>
    </row>
    <row r="225195" spans="8:8">
      <c r="H225195" s="12"/>
    </row>
    <row r="225196" spans="8:8">
      <c r="H225196" s="12"/>
    </row>
    <row r="225197" spans="8:8">
      <c r="H225197" s="12"/>
    </row>
    <row r="225198" spans="8:8">
      <c r="H225198" s="12"/>
    </row>
    <row r="225199" spans="8:8">
      <c r="H225199" s="12"/>
    </row>
    <row r="225200" spans="8:8">
      <c r="H225200" s="12"/>
    </row>
    <row r="225201" spans="8:8">
      <c r="H225201" s="12"/>
    </row>
    <row r="225202" spans="8:8">
      <c r="H225202" s="12"/>
    </row>
    <row r="225203" spans="8:8">
      <c r="H225203" s="12"/>
    </row>
    <row r="225204" spans="8:8">
      <c r="H225204" s="12"/>
    </row>
    <row r="225205" spans="8:8">
      <c r="H225205" s="12"/>
    </row>
    <row r="225206" spans="8:8">
      <c r="H225206" s="12"/>
    </row>
    <row r="225207" spans="8:8">
      <c r="H225207" s="12"/>
    </row>
    <row r="225208" spans="8:8">
      <c r="H225208" s="12"/>
    </row>
    <row r="225209" spans="8:8">
      <c r="H225209" s="12"/>
    </row>
    <row r="225210" spans="8:8">
      <c r="H225210" s="12"/>
    </row>
    <row r="225211" spans="8:8">
      <c r="H225211" s="12"/>
    </row>
    <row r="225212" spans="8:8">
      <c r="H225212" s="12"/>
    </row>
    <row r="225213" spans="8:8">
      <c r="H225213" s="12"/>
    </row>
    <row r="225214" spans="8:8">
      <c r="H225214" s="12"/>
    </row>
    <row r="225215" spans="8:8">
      <c r="H225215" s="12"/>
    </row>
    <row r="225216" spans="8:8">
      <c r="H225216" s="12"/>
    </row>
    <row r="225217" spans="8:8">
      <c r="H225217" s="12"/>
    </row>
    <row r="225218" spans="8:8">
      <c r="H225218" s="12"/>
    </row>
    <row r="225219" spans="8:8">
      <c r="H225219" s="12"/>
    </row>
    <row r="225220" spans="8:8">
      <c r="H225220" s="12"/>
    </row>
    <row r="225221" spans="8:8">
      <c r="H225221" s="12"/>
    </row>
    <row r="225222" spans="8:8">
      <c r="H225222" s="12"/>
    </row>
    <row r="225223" spans="8:8">
      <c r="H225223" s="12"/>
    </row>
    <row r="225224" spans="8:8">
      <c r="H225224" s="12"/>
    </row>
    <row r="225225" spans="8:8">
      <c r="H225225" s="12"/>
    </row>
    <row r="225226" spans="8:8">
      <c r="H225226" s="12"/>
    </row>
    <row r="225227" spans="8:8">
      <c r="H225227" s="12"/>
    </row>
    <row r="225228" spans="8:8">
      <c r="H225228" s="12"/>
    </row>
    <row r="225229" spans="8:8">
      <c r="H225229" s="12"/>
    </row>
    <row r="225230" spans="8:8">
      <c r="H225230" s="12"/>
    </row>
    <row r="225231" spans="8:8">
      <c r="H225231" s="12"/>
    </row>
    <row r="225232" spans="8:8">
      <c r="H225232" s="12"/>
    </row>
    <row r="225233" spans="8:8">
      <c r="H225233" s="12"/>
    </row>
    <row r="225234" spans="8:8">
      <c r="H225234" s="12"/>
    </row>
    <row r="225235" spans="8:8">
      <c r="H225235" s="12"/>
    </row>
    <row r="225236" spans="8:8">
      <c r="H225236" s="12"/>
    </row>
    <row r="225237" spans="8:8">
      <c r="H225237" s="12"/>
    </row>
    <row r="225238" spans="8:8">
      <c r="H225238" s="12"/>
    </row>
    <row r="225239" spans="8:8">
      <c r="H225239" s="12"/>
    </row>
    <row r="225240" spans="8:8">
      <c r="H225240" s="12"/>
    </row>
    <row r="225241" spans="8:8">
      <c r="H225241" s="12"/>
    </row>
    <row r="225242" spans="8:8">
      <c r="H225242" s="12"/>
    </row>
    <row r="225243" spans="8:8">
      <c r="H225243" s="12"/>
    </row>
    <row r="225244" spans="8:8">
      <c r="H225244" s="12"/>
    </row>
    <row r="225245" spans="8:8">
      <c r="H225245" s="12"/>
    </row>
    <row r="225246" spans="8:8">
      <c r="H225246" s="12"/>
    </row>
    <row r="225247" spans="8:8">
      <c r="H225247" s="12"/>
    </row>
    <row r="225248" spans="8:8">
      <c r="H225248" s="12"/>
    </row>
    <row r="225249" spans="8:8">
      <c r="H225249" s="12"/>
    </row>
    <row r="225250" spans="8:8">
      <c r="H225250" s="12"/>
    </row>
    <row r="225251" spans="8:8">
      <c r="H225251" s="12"/>
    </row>
    <row r="225252" spans="8:8">
      <c r="H225252" s="12"/>
    </row>
    <row r="225253" spans="8:8">
      <c r="H225253" s="12"/>
    </row>
    <row r="225254" spans="8:8">
      <c r="H225254" s="12"/>
    </row>
    <row r="225255" spans="8:8">
      <c r="H225255" s="12"/>
    </row>
    <row r="225256" spans="8:8">
      <c r="H225256" s="12"/>
    </row>
    <row r="225257" spans="8:8">
      <c r="H225257" s="12"/>
    </row>
    <row r="225258" spans="8:8">
      <c r="H225258" s="12"/>
    </row>
    <row r="225259" spans="8:8">
      <c r="H225259" s="12"/>
    </row>
    <row r="225260" spans="8:8">
      <c r="H225260" s="12"/>
    </row>
    <row r="225261" spans="8:8">
      <c r="H225261" s="12"/>
    </row>
    <row r="225262" spans="8:8">
      <c r="H225262" s="12"/>
    </row>
    <row r="225263" spans="8:8">
      <c r="H225263" s="12"/>
    </row>
    <row r="225264" spans="8:8">
      <c r="H225264" s="12"/>
    </row>
    <row r="225265" spans="8:8">
      <c r="H225265" s="12"/>
    </row>
    <row r="225266" spans="8:8">
      <c r="H225266" s="12"/>
    </row>
    <row r="225267" spans="8:8">
      <c r="H225267" s="12"/>
    </row>
    <row r="225268" spans="8:8">
      <c r="H225268" s="12"/>
    </row>
    <row r="225269" spans="8:8">
      <c r="H225269" s="12"/>
    </row>
    <row r="225270" spans="8:8">
      <c r="H225270" s="12"/>
    </row>
    <row r="225271" spans="8:8">
      <c r="H225271" s="12"/>
    </row>
    <row r="225272" spans="8:8">
      <c r="H225272" s="12"/>
    </row>
    <row r="225273" spans="8:8">
      <c r="H225273" s="12"/>
    </row>
    <row r="225274" spans="8:8">
      <c r="H225274" s="12"/>
    </row>
    <row r="225275" spans="8:8">
      <c r="H225275" s="12"/>
    </row>
    <row r="225276" spans="8:8">
      <c r="H225276" s="12"/>
    </row>
    <row r="225277" spans="8:8">
      <c r="H225277" s="12"/>
    </row>
    <row r="225278" spans="8:8">
      <c r="H225278" s="12"/>
    </row>
    <row r="225279" spans="8:8">
      <c r="H225279" s="12"/>
    </row>
    <row r="225280" spans="8:8">
      <c r="H225280" s="12"/>
    </row>
    <row r="225281" spans="8:8">
      <c r="H225281" s="12"/>
    </row>
    <row r="225282" spans="8:8">
      <c r="H225282" s="12"/>
    </row>
    <row r="225283" spans="8:8">
      <c r="H225283" s="12"/>
    </row>
    <row r="225284" spans="8:8">
      <c r="H225284" s="12"/>
    </row>
    <row r="225285" spans="8:8">
      <c r="H225285" s="12"/>
    </row>
    <row r="225286" spans="8:8">
      <c r="H225286" s="12"/>
    </row>
    <row r="225287" spans="8:8">
      <c r="H225287" s="12"/>
    </row>
    <row r="225288" spans="8:8">
      <c r="H225288" s="12"/>
    </row>
    <row r="225289" spans="8:8">
      <c r="H225289" s="12"/>
    </row>
    <row r="225290" spans="8:8">
      <c r="H225290" s="12"/>
    </row>
    <row r="225291" spans="8:8">
      <c r="H225291" s="12"/>
    </row>
    <row r="225292" spans="8:8">
      <c r="H225292" s="12"/>
    </row>
    <row r="225293" spans="8:8">
      <c r="H225293" s="12"/>
    </row>
    <row r="225294" spans="8:8">
      <c r="H225294" s="12"/>
    </row>
    <row r="225295" spans="8:8">
      <c r="H225295" s="12"/>
    </row>
    <row r="225296" spans="8:8">
      <c r="H225296" s="12"/>
    </row>
    <row r="225297" spans="8:8">
      <c r="H225297" s="12"/>
    </row>
    <row r="225298" spans="8:8">
      <c r="H225298" s="12"/>
    </row>
    <row r="225299" spans="8:8">
      <c r="H225299" s="12"/>
    </row>
    <row r="225300" spans="8:8">
      <c r="H225300" s="12"/>
    </row>
    <row r="225301" spans="8:8">
      <c r="H225301" s="12"/>
    </row>
    <row r="225302" spans="8:8">
      <c r="H225302" s="12"/>
    </row>
    <row r="225303" spans="8:8">
      <c r="H225303" s="12"/>
    </row>
    <row r="225304" spans="8:8">
      <c r="H225304" s="12"/>
    </row>
    <row r="225305" spans="8:8">
      <c r="H225305" s="12"/>
    </row>
    <row r="225306" spans="8:8">
      <c r="H225306" s="12"/>
    </row>
    <row r="225307" spans="8:8">
      <c r="H225307" s="12"/>
    </row>
    <row r="225308" spans="8:8">
      <c r="H225308" s="12"/>
    </row>
    <row r="225309" spans="8:8">
      <c r="H225309" s="12"/>
    </row>
    <row r="225310" spans="8:8">
      <c r="H225310" s="12"/>
    </row>
    <row r="225311" spans="8:8">
      <c r="H225311" s="12"/>
    </row>
    <row r="225312" spans="8:8">
      <c r="H225312" s="12"/>
    </row>
    <row r="225313" spans="8:8">
      <c r="H225313" s="12"/>
    </row>
    <row r="225314" spans="8:8">
      <c r="H225314" s="12"/>
    </row>
    <row r="225315" spans="8:8">
      <c r="H225315" s="12"/>
    </row>
    <row r="225316" spans="8:8">
      <c r="H225316" s="12"/>
    </row>
    <row r="225317" spans="8:8">
      <c r="H225317" s="12"/>
    </row>
    <row r="225318" spans="8:8">
      <c r="H225318" s="12"/>
    </row>
    <row r="225319" spans="8:8">
      <c r="H225319" s="12"/>
    </row>
    <row r="225320" spans="8:8">
      <c r="H225320" s="12"/>
    </row>
    <row r="225321" spans="8:8">
      <c r="H225321" s="12"/>
    </row>
    <row r="225322" spans="8:8">
      <c r="H225322" s="12"/>
    </row>
    <row r="225323" spans="8:8">
      <c r="H225323" s="12"/>
    </row>
    <row r="225324" spans="8:8">
      <c r="H225324" s="12"/>
    </row>
    <row r="225325" spans="8:8">
      <c r="H225325" s="12"/>
    </row>
    <row r="225326" spans="8:8">
      <c r="H225326" s="12"/>
    </row>
    <row r="225327" spans="8:8">
      <c r="H225327" s="12"/>
    </row>
    <row r="225328" spans="8:8">
      <c r="H225328" s="12"/>
    </row>
    <row r="225329" spans="8:8">
      <c r="H225329" s="12"/>
    </row>
    <row r="225330" spans="8:8">
      <c r="H225330" s="12"/>
    </row>
    <row r="225331" spans="8:8">
      <c r="H225331" s="12"/>
    </row>
    <row r="225332" spans="8:8">
      <c r="H225332" s="12"/>
    </row>
    <row r="225333" spans="8:8">
      <c r="H225333" s="12"/>
    </row>
    <row r="225334" spans="8:8">
      <c r="H225334" s="12"/>
    </row>
    <row r="225335" spans="8:8">
      <c r="H225335" s="12"/>
    </row>
    <row r="225336" spans="8:8">
      <c r="H225336" s="12"/>
    </row>
    <row r="225337" spans="8:8">
      <c r="H225337" s="12"/>
    </row>
    <row r="225338" spans="8:8">
      <c r="H225338" s="12"/>
    </row>
    <row r="225339" spans="8:8">
      <c r="H225339" s="12"/>
    </row>
    <row r="225340" spans="8:8">
      <c r="H225340" s="12"/>
    </row>
    <row r="225341" spans="8:8">
      <c r="H225341" s="12"/>
    </row>
    <row r="225342" spans="8:8">
      <c r="H225342" s="12"/>
    </row>
    <row r="225343" spans="8:8">
      <c r="H225343" s="12"/>
    </row>
    <row r="225344" spans="8:8">
      <c r="H225344" s="12"/>
    </row>
    <row r="225345" spans="8:8">
      <c r="H225345" s="12"/>
    </row>
    <row r="225346" spans="8:8">
      <c r="H225346" s="12"/>
    </row>
    <row r="225347" spans="8:8">
      <c r="H225347" s="12"/>
    </row>
    <row r="225348" spans="8:8">
      <c r="H225348" s="12"/>
    </row>
    <row r="225349" spans="8:8">
      <c r="H225349" s="12"/>
    </row>
    <row r="225350" spans="8:8">
      <c r="H225350" s="12"/>
    </row>
    <row r="225351" spans="8:8">
      <c r="H225351" s="12"/>
    </row>
    <row r="225352" spans="8:8">
      <c r="H225352" s="12"/>
    </row>
    <row r="225353" spans="8:8">
      <c r="H225353" s="12"/>
    </row>
    <row r="225354" spans="8:8">
      <c r="H225354" s="12"/>
    </row>
    <row r="225355" spans="8:8">
      <c r="H225355" s="12"/>
    </row>
    <row r="225356" spans="8:8">
      <c r="H225356" s="12"/>
    </row>
    <row r="225357" spans="8:8">
      <c r="H225357" s="12"/>
    </row>
    <row r="225358" spans="8:8">
      <c r="H225358" s="12"/>
    </row>
    <row r="225359" spans="8:8">
      <c r="H225359" s="12"/>
    </row>
    <row r="225360" spans="8:8">
      <c r="H225360" s="12"/>
    </row>
    <row r="225361" spans="8:8">
      <c r="H225361" s="12"/>
    </row>
    <row r="225362" spans="8:8">
      <c r="H225362" s="12"/>
    </row>
    <row r="225363" spans="8:8">
      <c r="H225363" s="12"/>
    </row>
    <row r="225364" spans="8:8">
      <c r="H225364" s="12"/>
    </row>
    <row r="225365" spans="8:8">
      <c r="H225365" s="12"/>
    </row>
    <row r="225366" spans="8:8">
      <c r="H225366" s="12"/>
    </row>
    <row r="225367" spans="8:8">
      <c r="H225367" s="12"/>
    </row>
    <row r="225368" spans="8:8">
      <c r="H225368" s="12"/>
    </row>
    <row r="225369" spans="8:8">
      <c r="H225369" s="12"/>
    </row>
    <row r="225370" spans="8:8">
      <c r="H225370" s="12"/>
    </row>
    <row r="225371" spans="8:8">
      <c r="H225371" s="12"/>
    </row>
    <row r="225372" spans="8:8">
      <c r="H225372" s="12"/>
    </row>
    <row r="225373" spans="8:8">
      <c r="H225373" s="12"/>
    </row>
    <row r="225374" spans="8:8">
      <c r="H225374" s="12"/>
    </row>
    <row r="225375" spans="8:8">
      <c r="H225375" s="12"/>
    </row>
    <row r="225376" spans="8:8">
      <c r="H225376" s="12"/>
    </row>
    <row r="225377" spans="8:8">
      <c r="H225377" s="12"/>
    </row>
    <row r="225378" spans="8:8">
      <c r="H225378" s="12"/>
    </row>
    <row r="225379" spans="8:8">
      <c r="H225379" s="12"/>
    </row>
    <row r="225380" spans="8:8">
      <c r="H225380" s="12"/>
    </row>
    <row r="225381" spans="8:8">
      <c r="H225381" s="12"/>
    </row>
    <row r="225382" spans="8:8">
      <c r="H225382" s="12"/>
    </row>
    <row r="225383" spans="8:8">
      <c r="H225383" s="12"/>
    </row>
    <row r="225384" spans="8:8">
      <c r="H225384" s="12"/>
    </row>
    <row r="225385" spans="8:8">
      <c r="H225385" s="12"/>
    </row>
    <row r="225386" spans="8:8">
      <c r="H225386" s="12"/>
    </row>
    <row r="225387" spans="8:8">
      <c r="H225387" s="12"/>
    </row>
    <row r="225388" spans="8:8">
      <c r="H225388" s="12"/>
    </row>
    <row r="225389" spans="8:8">
      <c r="H225389" s="12"/>
    </row>
    <row r="225390" spans="8:8">
      <c r="H225390" s="12"/>
    </row>
    <row r="225391" spans="8:8">
      <c r="H225391" s="12"/>
    </row>
    <row r="225392" spans="8:8">
      <c r="H225392" s="12"/>
    </row>
    <row r="225393" spans="8:8">
      <c r="H225393" s="12"/>
    </row>
    <row r="225394" spans="8:8">
      <c r="H225394" s="12"/>
    </row>
    <row r="225395" spans="8:8">
      <c r="H225395" s="12"/>
    </row>
    <row r="225396" spans="8:8">
      <c r="H225396" s="12"/>
    </row>
    <row r="225397" spans="8:8">
      <c r="H225397" s="12"/>
    </row>
    <row r="225398" spans="8:8">
      <c r="H225398" s="12"/>
    </row>
    <row r="225399" spans="8:8">
      <c r="H225399" s="12"/>
    </row>
    <row r="225400" spans="8:8">
      <c r="H225400" s="12"/>
    </row>
    <row r="225401" spans="8:8">
      <c r="H225401" s="12"/>
    </row>
    <row r="225402" spans="8:8">
      <c r="H225402" s="12"/>
    </row>
    <row r="225403" spans="8:8">
      <c r="H225403" s="12"/>
    </row>
    <row r="225404" spans="8:8">
      <c r="H225404" s="12"/>
    </row>
    <row r="225405" spans="8:8">
      <c r="H225405" s="12"/>
    </row>
    <row r="225406" spans="8:8">
      <c r="H225406" s="12"/>
    </row>
    <row r="225407" spans="8:8">
      <c r="H225407" s="12"/>
    </row>
    <row r="225408" spans="8:8">
      <c r="H225408" s="12"/>
    </row>
    <row r="225409" spans="8:8">
      <c r="H225409" s="12"/>
    </row>
    <row r="225410" spans="8:8">
      <c r="H225410" s="12"/>
    </row>
    <row r="225411" spans="8:8">
      <c r="H225411" s="12"/>
    </row>
    <row r="225412" spans="8:8">
      <c r="H225412" s="12"/>
    </row>
    <row r="225413" spans="8:8">
      <c r="H225413" s="12"/>
    </row>
    <row r="225414" spans="8:8">
      <c r="H225414" s="12"/>
    </row>
    <row r="225415" spans="8:8">
      <c r="H225415" s="12"/>
    </row>
    <row r="225416" spans="8:8">
      <c r="H225416" s="12"/>
    </row>
    <row r="225417" spans="8:8">
      <c r="H225417" s="12"/>
    </row>
    <row r="225418" spans="8:8">
      <c r="H225418" s="12"/>
    </row>
    <row r="225419" spans="8:8">
      <c r="H225419" s="12"/>
    </row>
    <row r="225420" spans="8:8">
      <c r="H225420" s="12"/>
    </row>
    <row r="225421" spans="8:8">
      <c r="H225421" s="12"/>
    </row>
    <row r="225422" spans="8:8">
      <c r="H225422" s="12"/>
    </row>
    <row r="225423" spans="8:8">
      <c r="H225423" s="12"/>
    </row>
    <row r="225424" spans="8:8">
      <c r="H225424" s="12"/>
    </row>
    <row r="225425" spans="8:8">
      <c r="H225425" s="12"/>
    </row>
    <row r="225426" spans="8:8">
      <c r="H225426" s="12"/>
    </row>
    <row r="225427" spans="8:8">
      <c r="H225427" s="12"/>
    </row>
    <row r="225428" spans="8:8">
      <c r="H225428" s="12"/>
    </row>
    <row r="225429" spans="8:8">
      <c r="H225429" s="12"/>
    </row>
    <row r="225430" spans="8:8">
      <c r="H225430" s="12"/>
    </row>
    <row r="225431" spans="8:8">
      <c r="H225431" s="12"/>
    </row>
    <row r="225432" spans="8:8">
      <c r="H225432" s="12"/>
    </row>
    <row r="225433" spans="8:8">
      <c r="H225433" s="12"/>
    </row>
    <row r="225434" spans="8:8">
      <c r="H225434" s="12"/>
    </row>
    <row r="225435" spans="8:8">
      <c r="H225435" s="12"/>
    </row>
    <row r="225436" spans="8:8">
      <c r="H225436" s="12"/>
    </row>
    <row r="225437" spans="8:8">
      <c r="H225437" s="12"/>
    </row>
    <row r="225438" spans="8:8">
      <c r="H225438" s="12"/>
    </row>
    <row r="225439" spans="8:8">
      <c r="H225439" s="12"/>
    </row>
    <row r="225440" spans="8:8">
      <c r="H225440" s="12"/>
    </row>
    <row r="225441" spans="8:8">
      <c r="H225441" s="12"/>
    </row>
    <row r="225442" spans="8:8">
      <c r="H225442" s="12"/>
    </row>
    <row r="225443" spans="8:8">
      <c r="H225443" s="12"/>
    </row>
    <row r="225444" spans="8:8">
      <c r="H225444" s="12"/>
    </row>
    <row r="225445" spans="8:8">
      <c r="H225445" s="12"/>
    </row>
    <row r="225446" spans="8:8">
      <c r="H225446" s="12"/>
    </row>
    <row r="225447" spans="8:8">
      <c r="H225447" s="12"/>
    </row>
    <row r="225448" spans="8:8">
      <c r="H225448" s="12"/>
    </row>
    <row r="225449" spans="8:8">
      <c r="H225449" s="12"/>
    </row>
    <row r="225450" spans="8:8">
      <c r="H225450" s="12"/>
    </row>
    <row r="225451" spans="8:8">
      <c r="H225451" s="12"/>
    </row>
    <row r="225452" spans="8:8">
      <c r="H225452" s="12"/>
    </row>
    <row r="225453" spans="8:8">
      <c r="H225453" s="12"/>
    </row>
    <row r="225454" spans="8:8">
      <c r="H225454" s="12"/>
    </row>
    <row r="225455" spans="8:8">
      <c r="H225455" s="12"/>
    </row>
    <row r="225456" spans="8:8">
      <c r="H225456" s="12"/>
    </row>
    <row r="225457" spans="8:8">
      <c r="H225457" s="12"/>
    </row>
    <row r="225458" spans="8:8">
      <c r="H225458" s="12"/>
    </row>
    <row r="225459" spans="8:8">
      <c r="H225459" s="12"/>
    </row>
    <row r="225460" spans="8:8">
      <c r="H225460" s="12"/>
    </row>
    <row r="225461" spans="8:8">
      <c r="H225461" s="12"/>
    </row>
    <row r="225462" spans="8:8">
      <c r="H225462" s="12"/>
    </row>
    <row r="225463" spans="8:8">
      <c r="H225463" s="12"/>
    </row>
    <row r="225464" spans="8:8">
      <c r="H225464" s="12"/>
    </row>
    <row r="225465" spans="8:8">
      <c r="H225465" s="12"/>
    </row>
    <row r="225466" spans="8:8">
      <c r="H225466" s="12"/>
    </row>
    <row r="225467" spans="8:8">
      <c r="H225467" s="12"/>
    </row>
    <row r="225468" spans="8:8">
      <c r="H225468" s="12"/>
    </row>
    <row r="225469" spans="8:8">
      <c r="H225469" s="12"/>
    </row>
    <row r="225470" spans="8:8">
      <c r="H225470" s="12"/>
    </row>
    <row r="225471" spans="8:8">
      <c r="H225471" s="12"/>
    </row>
    <row r="225472" spans="8:8">
      <c r="H225472" s="12"/>
    </row>
    <row r="225473" spans="8:8">
      <c r="H225473" s="12"/>
    </row>
    <row r="225474" spans="8:8">
      <c r="H225474" s="12"/>
    </row>
    <row r="225475" spans="8:8">
      <c r="H225475" s="12"/>
    </row>
    <row r="225476" spans="8:8">
      <c r="H225476" s="12"/>
    </row>
    <row r="225477" spans="8:8">
      <c r="H225477" s="12"/>
    </row>
    <row r="225478" spans="8:8">
      <c r="H225478" s="12"/>
    </row>
    <row r="225479" spans="8:8">
      <c r="H225479" s="12"/>
    </row>
    <row r="225480" spans="8:8">
      <c r="H225480" s="12"/>
    </row>
    <row r="225481" spans="8:8">
      <c r="H225481" s="12"/>
    </row>
    <row r="225482" spans="8:8">
      <c r="H225482" s="12"/>
    </row>
    <row r="225483" spans="8:8">
      <c r="H225483" s="12"/>
    </row>
    <row r="225484" spans="8:8">
      <c r="H225484" s="12"/>
    </row>
    <row r="225485" spans="8:8">
      <c r="H225485" s="12"/>
    </row>
    <row r="225486" spans="8:8">
      <c r="H225486" s="12"/>
    </row>
    <row r="225487" spans="8:8">
      <c r="H225487" s="12"/>
    </row>
    <row r="225488" spans="8:8">
      <c r="H225488" s="12"/>
    </row>
    <row r="225489" spans="8:8">
      <c r="H225489" s="12"/>
    </row>
    <row r="225490" spans="8:8">
      <c r="H225490" s="12"/>
    </row>
    <row r="225491" spans="8:8">
      <c r="H225491" s="12"/>
    </row>
    <row r="225492" spans="8:8">
      <c r="H225492" s="12"/>
    </row>
    <row r="225493" spans="8:8">
      <c r="H225493" s="12"/>
    </row>
    <row r="225494" spans="8:8">
      <c r="H225494" s="12"/>
    </row>
    <row r="225495" spans="8:8">
      <c r="H225495" s="12"/>
    </row>
    <row r="225496" spans="8:8">
      <c r="H225496" s="12"/>
    </row>
    <row r="225497" spans="8:8">
      <c r="H225497" s="12"/>
    </row>
    <row r="225498" spans="8:8">
      <c r="H225498" s="12"/>
    </row>
    <row r="225499" spans="8:8">
      <c r="H225499" s="12"/>
    </row>
    <row r="225500" spans="8:8">
      <c r="H225500" s="12"/>
    </row>
    <row r="225501" spans="8:8">
      <c r="H225501" s="12"/>
    </row>
    <row r="225502" spans="8:8">
      <c r="H225502" s="12"/>
    </row>
    <row r="225503" spans="8:8">
      <c r="H225503" s="12"/>
    </row>
    <row r="225504" spans="8:8">
      <c r="H225504" s="12"/>
    </row>
    <row r="225505" spans="8:8">
      <c r="H225505" s="12"/>
    </row>
    <row r="225506" spans="8:8">
      <c r="H225506" s="12"/>
    </row>
    <row r="225507" spans="8:8">
      <c r="H225507" s="12"/>
    </row>
    <row r="225508" spans="8:8">
      <c r="H225508" s="12"/>
    </row>
    <row r="225509" spans="8:8">
      <c r="H225509" s="12"/>
    </row>
    <row r="225510" spans="8:8">
      <c r="H225510" s="12"/>
    </row>
    <row r="225511" spans="8:8">
      <c r="H225511" s="12"/>
    </row>
    <row r="225512" spans="8:8">
      <c r="H225512" s="12"/>
    </row>
    <row r="225513" spans="8:8">
      <c r="H225513" s="12"/>
    </row>
    <row r="225514" spans="8:8">
      <c r="H225514" s="12"/>
    </row>
    <row r="225515" spans="8:8">
      <c r="H225515" s="12"/>
    </row>
    <row r="225516" spans="8:8">
      <c r="H225516" s="12"/>
    </row>
    <row r="225517" spans="8:8">
      <c r="H225517" s="12"/>
    </row>
    <row r="225518" spans="8:8">
      <c r="H225518" s="12"/>
    </row>
    <row r="225519" spans="8:8">
      <c r="H225519" s="12"/>
    </row>
    <row r="225520" spans="8:8">
      <c r="H225520" s="12"/>
    </row>
    <row r="225521" spans="8:8">
      <c r="H225521" s="12"/>
    </row>
    <row r="225522" spans="8:8">
      <c r="H225522" s="12"/>
    </row>
    <row r="225523" spans="8:8">
      <c r="H225523" s="12"/>
    </row>
    <row r="225524" spans="8:8">
      <c r="H225524" s="12"/>
    </row>
    <row r="225525" spans="8:8">
      <c r="H225525" s="12"/>
    </row>
    <row r="225526" spans="8:8">
      <c r="H225526" s="12"/>
    </row>
    <row r="225527" spans="8:8">
      <c r="H225527" s="12"/>
    </row>
    <row r="225528" spans="8:8">
      <c r="H225528" s="12"/>
    </row>
    <row r="225529" spans="8:8">
      <c r="H225529" s="12"/>
    </row>
    <row r="225530" spans="8:8">
      <c r="H225530" s="12"/>
    </row>
    <row r="225531" spans="8:8">
      <c r="H225531" s="12"/>
    </row>
    <row r="225532" spans="8:8">
      <c r="H225532" s="12"/>
    </row>
    <row r="225533" spans="8:8">
      <c r="H225533" s="12"/>
    </row>
    <row r="225534" spans="8:8">
      <c r="H225534" s="12"/>
    </row>
    <row r="225535" spans="8:8">
      <c r="H225535" s="12"/>
    </row>
    <row r="225536" spans="8:8">
      <c r="H225536" s="12"/>
    </row>
    <row r="225537" spans="8:8">
      <c r="H225537" s="12"/>
    </row>
    <row r="225538" spans="8:8">
      <c r="H225538" s="12"/>
    </row>
    <row r="225539" spans="8:8">
      <c r="H225539" s="12"/>
    </row>
    <row r="225540" spans="8:8">
      <c r="H225540" s="12"/>
    </row>
    <row r="225541" spans="8:8">
      <c r="H225541" s="12"/>
    </row>
    <row r="225542" spans="8:8">
      <c r="H225542" s="12"/>
    </row>
    <row r="225543" spans="8:8">
      <c r="H225543" s="12"/>
    </row>
    <row r="225544" spans="8:8">
      <c r="H225544" s="12"/>
    </row>
    <row r="225545" spans="8:8">
      <c r="H225545" s="12"/>
    </row>
    <row r="225546" spans="8:8">
      <c r="H225546" s="12"/>
    </row>
    <row r="225547" spans="8:8">
      <c r="H225547" s="12"/>
    </row>
    <row r="225548" spans="8:8">
      <c r="H225548" s="12"/>
    </row>
    <row r="225549" spans="8:8">
      <c r="H225549" s="12"/>
    </row>
    <row r="225550" spans="8:8">
      <c r="H225550" s="12"/>
    </row>
    <row r="225551" spans="8:8">
      <c r="H225551" s="12"/>
    </row>
    <row r="225552" spans="8:8">
      <c r="H225552" s="12"/>
    </row>
    <row r="225553" spans="8:8">
      <c r="H225553" s="12"/>
    </row>
    <row r="225554" spans="8:8">
      <c r="H225554" s="12"/>
    </row>
    <row r="225555" spans="8:8">
      <c r="H225555" s="12"/>
    </row>
    <row r="225556" spans="8:8">
      <c r="H225556" s="12"/>
    </row>
    <row r="225557" spans="8:8">
      <c r="H225557" s="12"/>
    </row>
    <row r="225558" spans="8:8">
      <c r="H225558" s="12"/>
    </row>
    <row r="225559" spans="8:8">
      <c r="H225559" s="12"/>
    </row>
    <row r="225560" spans="8:8">
      <c r="H225560" s="12"/>
    </row>
    <row r="225561" spans="8:8">
      <c r="H225561" s="12"/>
    </row>
    <row r="225562" spans="8:8">
      <c r="H225562" s="12"/>
    </row>
    <row r="225563" spans="8:8">
      <c r="H225563" s="12"/>
    </row>
    <row r="225564" spans="8:8">
      <c r="H225564" s="12"/>
    </row>
    <row r="225565" spans="8:8">
      <c r="H225565" s="12"/>
    </row>
    <row r="225566" spans="8:8">
      <c r="H225566" s="12"/>
    </row>
    <row r="225567" spans="8:8">
      <c r="H225567" s="12"/>
    </row>
    <row r="225568" spans="8:8">
      <c r="H225568" s="12"/>
    </row>
    <row r="225569" spans="8:8">
      <c r="H225569" s="12"/>
    </row>
    <row r="225570" spans="8:8">
      <c r="H225570" s="12"/>
    </row>
    <row r="225571" spans="8:8">
      <c r="H225571" s="12"/>
    </row>
    <row r="225572" spans="8:8">
      <c r="H225572" s="12"/>
    </row>
    <row r="225573" spans="8:8">
      <c r="H225573" s="12"/>
    </row>
    <row r="225574" spans="8:8">
      <c r="H225574" s="12"/>
    </row>
    <row r="225575" spans="8:8">
      <c r="H225575" s="12"/>
    </row>
    <row r="225576" spans="8:8">
      <c r="H225576" s="12"/>
    </row>
    <row r="225577" spans="8:8">
      <c r="H225577" s="12"/>
    </row>
    <row r="225578" spans="8:8">
      <c r="H225578" s="12"/>
    </row>
    <row r="225579" spans="8:8">
      <c r="H225579" s="12"/>
    </row>
    <row r="225580" spans="8:8">
      <c r="H225580" s="12"/>
    </row>
    <row r="225581" spans="8:8">
      <c r="H225581" s="12"/>
    </row>
    <row r="225582" spans="8:8">
      <c r="H225582" s="12"/>
    </row>
    <row r="225583" spans="8:8">
      <c r="H225583" s="12"/>
    </row>
    <row r="225584" spans="8:8">
      <c r="H225584" s="12"/>
    </row>
    <row r="225585" spans="8:8">
      <c r="H225585" s="12"/>
    </row>
    <row r="225586" spans="8:8">
      <c r="H225586" s="12"/>
    </row>
    <row r="225587" spans="8:8">
      <c r="H225587" s="12"/>
    </row>
    <row r="225588" spans="8:8">
      <c r="H225588" s="12"/>
    </row>
    <row r="225589" spans="8:8">
      <c r="H225589" s="12"/>
    </row>
    <row r="225590" spans="8:8">
      <c r="H225590" s="12"/>
    </row>
    <row r="225591" spans="8:8">
      <c r="H225591" s="12"/>
    </row>
    <row r="225592" spans="8:8">
      <c r="H225592" s="12"/>
    </row>
    <row r="225593" spans="8:8">
      <c r="H225593" s="12"/>
    </row>
    <row r="225594" spans="8:8">
      <c r="H225594" s="12"/>
    </row>
    <row r="225595" spans="8:8">
      <c r="H225595" s="12"/>
    </row>
    <row r="225596" spans="8:8">
      <c r="H225596" s="12"/>
    </row>
    <row r="225597" spans="8:8">
      <c r="H225597" s="12"/>
    </row>
    <row r="225598" spans="8:8">
      <c r="H225598" s="12"/>
    </row>
    <row r="225599" spans="8:8">
      <c r="H225599" s="12"/>
    </row>
    <row r="225600" spans="8:8">
      <c r="H225600" s="12"/>
    </row>
    <row r="225601" spans="8:8">
      <c r="H225601" s="12"/>
    </row>
    <row r="225602" spans="8:8">
      <c r="H225602" s="12"/>
    </row>
    <row r="225603" spans="8:8">
      <c r="H225603" s="12"/>
    </row>
    <row r="225604" spans="8:8">
      <c r="H225604" s="12"/>
    </row>
    <row r="225605" spans="8:8">
      <c r="H225605" s="12"/>
    </row>
    <row r="225606" spans="8:8">
      <c r="H225606" s="12"/>
    </row>
    <row r="225607" spans="8:8">
      <c r="H225607" s="12"/>
    </row>
    <row r="225608" spans="8:8">
      <c r="H225608" s="12"/>
    </row>
    <row r="225609" spans="8:8">
      <c r="H225609" s="12"/>
    </row>
    <row r="225610" spans="8:8">
      <c r="H225610" s="12"/>
    </row>
    <row r="225611" spans="8:8">
      <c r="H225611" s="12"/>
    </row>
    <row r="225612" spans="8:8">
      <c r="H225612" s="12"/>
    </row>
    <row r="225613" spans="8:8">
      <c r="H225613" s="12"/>
    </row>
    <row r="225614" spans="8:8">
      <c r="H225614" s="12"/>
    </row>
    <row r="225615" spans="8:8">
      <c r="H225615" s="12"/>
    </row>
    <row r="225616" spans="8:8">
      <c r="H225616" s="12"/>
    </row>
    <row r="225617" spans="8:8">
      <c r="H225617" s="12"/>
    </row>
    <row r="225618" spans="8:8">
      <c r="H225618" s="12"/>
    </row>
    <row r="225619" spans="8:8">
      <c r="H225619" s="12"/>
    </row>
    <row r="225620" spans="8:8">
      <c r="H225620" s="12"/>
    </row>
    <row r="225621" spans="8:8">
      <c r="H225621" s="12"/>
    </row>
    <row r="225622" spans="8:8">
      <c r="H225622" s="12"/>
    </row>
    <row r="225623" spans="8:8">
      <c r="H225623" s="12"/>
    </row>
    <row r="225624" spans="8:8">
      <c r="H225624" s="12"/>
    </row>
    <row r="225625" spans="8:8">
      <c r="H225625" s="12"/>
    </row>
    <row r="225626" spans="8:8">
      <c r="H225626" s="12"/>
    </row>
    <row r="225627" spans="8:8">
      <c r="H225627" s="12"/>
    </row>
    <row r="225628" spans="8:8">
      <c r="H225628" s="12"/>
    </row>
    <row r="225629" spans="8:8">
      <c r="H225629" s="12"/>
    </row>
    <row r="225630" spans="8:8">
      <c r="H225630" s="12"/>
    </row>
    <row r="225631" spans="8:8">
      <c r="H225631" s="12"/>
    </row>
    <row r="225632" spans="8:8">
      <c r="H225632" s="12"/>
    </row>
    <row r="225633" spans="8:8">
      <c r="H225633" s="12"/>
    </row>
    <row r="225634" spans="8:8">
      <c r="H225634" s="12"/>
    </row>
    <row r="225635" spans="8:8">
      <c r="H225635" s="12"/>
    </row>
    <row r="225636" spans="8:8">
      <c r="H225636" s="12"/>
    </row>
    <row r="225637" spans="8:8">
      <c r="H225637" s="12"/>
    </row>
    <row r="225638" spans="8:8">
      <c r="H225638" s="12"/>
    </row>
    <row r="225639" spans="8:8">
      <c r="H225639" s="12"/>
    </row>
    <row r="225640" spans="8:8">
      <c r="H225640" s="12"/>
    </row>
    <row r="225641" spans="8:8">
      <c r="H225641" s="12"/>
    </row>
    <row r="225642" spans="8:8">
      <c r="H225642" s="12"/>
    </row>
    <row r="225643" spans="8:8">
      <c r="H225643" s="12"/>
    </row>
    <row r="225644" spans="8:8">
      <c r="H225644" s="12"/>
    </row>
    <row r="225645" spans="8:8">
      <c r="H225645" s="12"/>
    </row>
    <row r="225646" spans="8:8">
      <c r="H225646" s="12"/>
    </row>
    <row r="225647" spans="8:8">
      <c r="H225647" s="12"/>
    </row>
    <row r="225648" spans="8:8">
      <c r="H225648" s="12"/>
    </row>
    <row r="225649" spans="8:8">
      <c r="H225649" s="12"/>
    </row>
    <row r="225650" spans="8:8">
      <c r="H225650" s="12"/>
    </row>
    <row r="225651" spans="8:8">
      <c r="H225651" s="12"/>
    </row>
    <row r="225652" spans="8:8">
      <c r="H225652" s="12"/>
    </row>
    <row r="225653" spans="8:8">
      <c r="H225653" s="12"/>
    </row>
    <row r="225654" spans="8:8">
      <c r="H225654" s="12"/>
    </row>
    <row r="225655" spans="8:8">
      <c r="H225655" s="12"/>
    </row>
    <row r="225656" spans="8:8">
      <c r="H225656" s="12"/>
    </row>
    <row r="225657" spans="8:8">
      <c r="H225657" s="12"/>
    </row>
    <row r="225658" spans="8:8">
      <c r="H225658" s="12"/>
    </row>
    <row r="225659" spans="8:8">
      <c r="H225659" s="12"/>
    </row>
    <row r="225660" spans="8:8">
      <c r="H225660" s="12"/>
    </row>
    <row r="225661" spans="8:8">
      <c r="H225661" s="12"/>
    </row>
    <row r="225662" spans="8:8">
      <c r="H225662" s="12"/>
    </row>
    <row r="225663" spans="8:8">
      <c r="H225663" s="12"/>
    </row>
    <row r="225664" spans="8:8">
      <c r="H225664" s="12"/>
    </row>
    <row r="225665" spans="8:8">
      <c r="H225665" s="12"/>
    </row>
    <row r="225666" spans="8:8">
      <c r="H225666" s="12"/>
    </row>
    <row r="225667" spans="8:8">
      <c r="H225667" s="12"/>
    </row>
    <row r="225668" spans="8:8">
      <c r="H225668" s="12"/>
    </row>
    <row r="225669" spans="8:8">
      <c r="H225669" s="12"/>
    </row>
    <row r="225670" spans="8:8">
      <c r="H225670" s="12"/>
    </row>
    <row r="225671" spans="8:8">
      <c r="H225671" s="12"/>
    </row>
    <row r="225672" spans="8:8">
      <c r="H225672" s="12"/>
    </row>
    <row r="225673" spans="8:8">
      <c r="H225673" s="12"/>
    </row>
    <row r="225674" spans="8:8">
      <c r="H225674" s="12"/>
    </row>
    <row r="225675" spans="8:8">
      <c r="H225675" s="12"/>
    </row>
    <row r="225676" spans="8:8">
      <c r="H225676" s="12"/>
    </row>
    <row r="225677" spans="8:8">
      <c r="H225677" s="12"/>
    </row>
    <row r="225678" spans="8:8">
      <c r="H225678" s="12"/>
    </row>
    <row r="225679" spans="8:8">
      <c r="H225679" s="12"/>
    </row>
    <row r="225680" spans="8:8">
      <c r="H225680" s="12"/>
    </row>
    <row r="225681" spans="8:8">
      <c r="H225681" s="12"/>
    </row>
    <row r="225682" spans="8:8">
      <c r="H225682" s="12"/>
    </row>
    <row r="225683" spans="8:8">
      <c r="H225683" s="12"/>
    </row>
    <row r="225684" spans="8:8">
      <c r="H225684" s="12"/>
    </row>
    <row r="225685" spans="8:8">
      <c r="H225685" s="12"/>
    </row>
    <row r="225686" spans="8:8">
      <c r="H225686" s="12"/>
    </row>
    <row r="225687" spans="8:8">
      <c r="H225687" s="12"/>
    </row>
    <row r="225688" spans="8:8">
      <c r="H225688" s="12"/>
    </row>
    <row r="225689" spans="8:8">
      <c r="H225689" s="12"/>
    </row>
    <row r="225690" spans="8:8">
      <c r="H225690" s="12"/>
    </row>
    <row r="225691" spans="8:8">
      <c r="H225691" s="12"/>
    </row>
    <row r="225692" spans="8:8">
      <c r="H225692" s="12"/>
    </row>
    <row r="225693" spans="8:8">
      <c r="H225693" s="12"/>
    </row>
    <row r="225694" spans="8:8">
      <c r="H225694" s="12"/>
    </row>
    <row r="225695" spans="8:8">
      <c r="H225695" s="12"/>
    </row>
    <row r="225696" spans="8:8">
      <c r="H225696" s="12"/>
    </row>
    <row r="225697" spans="8:8">
      <c r="H225697" s="12"/>
    </row>
    <row r="225698" spans="8:8">
      <c r="H225698" s="12"/>
    </row>
    <row r="225699" spans="8:8">
      <c r="H225699" s="12"/>
    </row>
    <row r="225700" spans="8:8">
      <c r="H225700" s="12"/>
    </row>
    <row r="225701" spans="8:8">
      <c r="H225701" s="12"/>
    </row>
    <row r="225702" spans="8:8">
      <c r="H225702" s="12"/>
    </row>
    <row r="225703" spans="8:8">
      <c r="H225703" s="12"/>
    </row>
    <row r="225704" spans="8:8">
      <c r="H225704" s="12"/>
    </row>
    <row r="225705" spans="8:8">
      <c r="H225705" s="12"/>
    </row>
    <row r="225706" spans="8:8">
      <c r="H225706" s="12"/>
    </row>
    <row r="225707" spans="8:8">
      <c r="H225707" s="12"/>
    </row>
    <row r="225708" spans="8:8">
      <c r="H225708" s="12"/>
    </row>
    <row r="225709" spans="8:8">
      <c r="H225709" s="12"/>
    </row>
    <row r="225710" spans="8:8">
      <c r="H225710" s="12"/>
    </row>
    <row r="225711" spans="8:8">
      <c r="H225711" s="12"/>
    </row>
    <row r="225712" spans="8:8">
      <c r="H225712" s="12"/>
    </row>
    <row r="225713" spans="8:8">
      <c r="H225713" s="12"/>
    </row>
    <row r="225714" spans="8:8">
      <c r="H225714" s="12"/>
    </row>
    <row r="225715" spans="8:8">
      <c r="H225715" s="12"/>
    </row>
    <row r="225716" spans="8:8">
      <c r="H225716" s="12"/>
    </row>
    <row r="225717" spans="8:8">
      <c r="H225717" s="12"/>
    </row>
    <row r="225718" spans="8:8">
      <c r="H225718" s="12"/>
    </row>
    <row r="225719" spans="8:8">
      <c r="H225719" s="12"/>
    </row>
    <row r="225720" spans="8:8">
      <c r="H225720" s="12"/>
    </row>
    <row r="225721" spans="8:8">
      <c r="H225721" s="12"/>
    </row>
    <row r="225722" spans="8:8">
      <c r="H225722" s="12"/>
    </row>
    <row r="225723" spans="8:8">
      <c r="H225723" s="12"/>
    </row>
    <row r="225724" spans="8:8">
      <c r="H225724" s="12"/>
    </row>
    <row r="225725" spans="8:8">
      <c r="H225725" s="12"/>
    </row>
    <row r="225726" spans="8:8">
      <c r="H225726" s="12"/>
    </row>
    <row r="225727" spans="8:8">
      <c r="H225727" s="12"/>
    </row>
    <row r="225728" spans="8:8">
      <c r="H225728" s="12"/>
    </row>
    <row r="225729" spans="8:8">
      <c r="H225729" s="12"/>
    </row>
    <row r="225730" spans="8:8">
      <c r="H225730" s="12"/>
    </row>
    <row r="225731" spans="8:8">
      <c r="H225731" s="12"/>
    </row>
    <row r="225732" spans="8:8">
      <c r="H225732" s="12"/>
    </row>
    <row r="225733" spans="8:8">
      <c r="H225733" s="12"/>
    </row>
    <row r="225734" spans="8:8">
      <c r="H225734" s="12"/>
    </row>
    <row r="225735" spans="8:8">
      <c r="H225735" s="12"/>
    </row>
    <row r="225736" spans="8:8">
      <c r="H225736" s="12"/>
    </row>
    <row r="225737" spans="8:8">
      <c r="H225737" s="12"/>
    </row>
    <row r="225738" spans="8:8">
      <c r="H225738" s="12"/>
    </row>
    <row r="225739" spans="8:8">
      <c r="H225739" s="12"/>
    </row>
    <row r="225740" spans="8:8">
      <c r="H225740" s="12"/>
    </row>
    <row r="225741" spans="8:8">
      <c r="H225741" s="12"/>
    </row>
    <row r="225742" spans="8:8">
      <c r="H225742" s="12"/>
    </row>
    <row r="225743" spans="8:8">
      <c r="H225743" s="12"/>
    </row>
    <row r="225744" spans="8:8">
      <c r="H225744" s="12"/>
    </row>
    <row r="225745" spans="8:8">
      <c r="H225745" s="12"/>
    </row>
    <row r="225746" spans="8:8">
      <c r="H225746" s="12"/>
    </row>
    <row r="225747" spans="8:8">
      <c r="H225747" s="12"/>
    </row>
    <row r="225748" spans="8:8">
      <c r="H225748" s="12"/>
    </row>
    <row r="225749" spans="8:8">
      <c r="H225749" s="12"/>
    </row>
    <row r="225750" spans="8:8">
      <c r="H225750" s="12"/>
    </row>
    <row r="225751" spans="8:8">
      <c r="H225751" s="12"/>
    </row>
    <row r="225752" spans="8:8">
      <c r="H225752" s="12"/>
    </row>
    <row r="225753" spans="8:8">
      <c r="H225753" s="12"/>
    </row>
    <row r="225754" spans="8:8">
      <c r="H225754" s="12"/>
    </row>
    <row r="225755" spans="8:8">
      <c r="H225755" s="12"/>
    </row>
    <row r="225756" spans="8:8">
      <c r="H225756" s="12"/>
    </row>
    <row r="225757" spans="8:8">
      <c r="H225757" s="12"/>
    </row>
    <row r="225758" spans="8:8">
      <c r="H225758" s="12"/>
    </row>
    <row r="225759" spans="8:8">
      <c r="H225759" s="12"/>
    </row>
    <row r="225760" spans="8:8">
      <c r="H225760" s="12"/>
    </row>
    <row r="225761" spans="8:8">
      <c r="H225761" s="12"/>
    </row>
    <row r="225762" spans="8:8">
      <c r="H225762" s="12"/>
    </row>
    <row r="225763" spans="8:8">
      <c r="H225763" s="12"/>
    </row>
    <row r="225764" spans="8:8">
      <c r="H225764" s="12"/>
    </row>
    <row r="225765" spans="8:8">
      <c r="H225765" s="12"/>
    </row>
    <row r="225766" spans="8:8">
      <c r="H225766" s="12"/>
    </row>
    <row r="225767" spans="8:8">
      <c r="H225767" s="12"/>
    </row>
    <row r="225768" spans="8:8">
      <c r="H225768" s="12"/>
    </row>
    <row r="225769" spans="8:8">
      <c r="H225769" s="12"/>
    </row>
    <row r="225770" spans="8:8">
      <c r="H225770" s="12"/>
    </row>
    <row r="225771" spans="8:8">
      <c r="H225771" s="12"/>
    </row>
    <row r="225772" spans="8:8">
      <c r="H225772" s="12"/>
    </row>
    <row r="225773" spans="8:8">
      <c r="H225773" s="12"/>
    </row>
    <row r="225774" spans="8:8">
      <c r="H225774" s="12"/>
    </row>
    <row r="225775" spans="8:8">
      <c r="H225775" s="12"/>
    </row>
    <row r="225776" spans="8:8">
      <c r="H225776" s="12"/>
    </row>
    <row r="225777" spans="8:8">
      <c r="H225777" s="12"/>
    </row>
    <row r="225778" spans="8:8">
      <c r="H225778" s="12"/>
    </row>
    <row r="225779" spans="8:8">
      <c r="H225779" s="12"/>
    </row>
    <row r="225780" spans="8:8">
      <c r="H225780" s="12"/>
    </row>
    <row r="225781" spans="8:8">
      <c r="H225781" s="12"/>
    </row>
    <row r="225782" spans="8:8">
      <c r="H225782" s="12"/>
    </row>
    <row r="225783" spans="8:8">
      <c r="H225783" s="12"/>
    </row>
    <row r="225784" spans="8:8">
      <c r="H225784" s="12"/>
    </row>
    <row r="225785" spans="8:8">
      <c r="H225785" s="12"/>
    </row>
    <row r="225786" spans="8:8">
      <c r="H225786" s="12"/>
    </row>
    <row r="225787" spans="8:8">
      <c r="H225787" s="12"/>
    </row>
    <row r="225788" spans="8:8">
      <c r="H225788" s="12"/>
    </row>
    <row r="225789" spans="8:8">
      <c r="H225789" s="12"/>
    </row>
    <row r="225790" spans="8:8">
      <c r="H225790" s="12"/>
    </row>
    <row r="225791" spans="8:8">
      <c r="H225791" s="12"/>
    </row>
    <row r="225792" spans="8:8">
      <c r="H225792" s="12"/>
    </row>
    <row r="225793" spans="8:8">
      <c r="H225793" s="12"/>
    </row>
    <row r="225794" spans="8:8">
      <c r="H225794" s="12"/>
    </row>
    <row r="225795" spans="8:8">
      <c r="H225795" s="12"/>
    </row>
    <row r="225796" spans="8:8">
      <c r="H225796" s="12"/>
    </row>
    <row r="225797" spans="8:8">
      <c r="H225797" s="12"/>
    </row>
    <row r="225798" spans="8:8">
      <c r="H225798" s="12"/>
    </row>
    <row r="225799" spans="8:8">
      <c r="H225799" s="12"/>
    </row>
    <row r="225800" spans="8:8">
      <c r="H225800" s="12"/>
    </row>
    <row r="225801" spans="8:8">
      <c r="H225801" s="12"/>
    </row>
    <row r="225802" spans="8:8">
      <c r="H225802" s="12"/>
    </row>
    <row r="225803" spans="8:8">
      <c r="H225803" s="12"/>
    </row>
    <row r="225804" spans="8:8">
      <c r="H225804" s="12"/>
    </row>
    <row r="225805" spans="8:8">
      <c r="H225805" s="12"/>
    </row>
    <row r="225806" spans="8:8">
      <c r="H225806" s="12"/>
    </row>
    <row r="225807" spans="8:8">
      <c r="H225807" s="12"/>
    </row>
    <row r="225808" spans="8:8">
      <c r="H225808" s="12"/>
    </row>
    <row r="225809" spans="8:8">
      <c r="H225809" s="12"/>
    </row>
    <row r="225810" spans="8:8">
      <c r="H225810" s="12"/>
    </row>
    <row r="225811" spans="8:8">
      <c r="H225811" s="12"/>
    </row>
    <row r="225812" spans="8:8">
      <c r="H225812" s="12"/>
    </row>
    <row r="225813" spans="8:8">
      <c r="H225813" s="12"/>
    </row>
    <row r="225814" spans="8:8">
      <c r="H225814" s="12"/>
    </row>
    <row r="225815" spans="8:8">
      <c r="H225815" s="12"/>
    </row>
    <row r="225816" spans="8:8">
      <c r="H225816" s="12"/>
    </row>
    <row r="225817" spans="8:8">
      <c r="H225817" s="12"/>
    </row>
    <row r="225818" spans="8:8">
      <c r="H225818" s="12"/>
    </row>
    <row r="225819" spans="8:8">
      <c r="H225819" s="12"/>
    </row>
    <row r="225820" spans="8:8">
      <c r="H225820" s="12"/>
    </row>
    <row r="225821" spans="8:8">
      <c r="H225821" s="12"/>
    </row>
    <row r="225822" spans="8:8">
      <c r="H225822" s="12"/>
    </row>
    <row r="225823" spans="8:8">
      <c r="H225823" s="12"/>
    </row>
    <row r="225824" spans="8:8">
      <c r="H225824" s="12"/>
    </row>
    <row r="225825" spans="8:8">
      <c r="H225825" s="12"/>
    </row>
    <row r="225826" spans="8:8">
      <c r="H225826" s="12"/>
    </row>
    <row r="225827" spans="8:8">
      <c r="H225827" s="12"/>
    </row>
    <row r="225828" spans="8:8">
      <c r="H225828" s="12"/>
    </row>
    <row r="225829" spans="8:8">
      <c r="H225829" s="12"/>
    </row>
    <row r="225830" spans="8:8">
      <c r="H225830" s="12"/>
    </row>
    <row r="225831" spans="8:8">
      <c r="H225831" s="12"/>
    </row>
    <row r="225832" spans="8:8">
      <c r="H225832" s="12"/>
    </row>
    <row r="225833" spans="8:8">
      <c r="H225833" s="12"/>
    </row>
    <row r="225834" spans="8:8">
      <c r="H225834" s="12"/>
    </row>
    <row r="225835" spans="8:8">
      <c r="H225835" s="12"/>
    </row>
    <row r="225836" spans="8:8">
      <c r="H225836" s="12"/>
    </row>
    <row r="225837" spans="8:8">
      <c r="H225837" s="12"/>
    </row>
    <row r="225838" spans="8:8">
      <c r="H225838" s="12"/>
    </row>
    <row r="225839" spans="8:8">
      <c r="H225839" s="12"/>
    </row>
    <row r="225840" spans="8:8">
      <c r="H225840" s="12"/>
    </row>
    <row r="225841" spans="8:8">
      <c r="H225841" s="12"/>
    </row>
    <row r="225842" spans="8:8">
      <c r="H225842" s="12"/>
    </row>
    <row r="225843" spans="8:8">
      <c r="H225843" s="12"/>
    </row>
    <row r="225844" spans="8:8">
      <c r="H225844" s="12"/>
    </row>
    <row r="225845" spans="8:8">
      <c r="H225845" s="12"/>
    </row>
    <row r="225846" spans="8:8">
      <c r="H225846" s="12"/>
    </row>
    <row r="225847" spans="8:8">
      <c r="H225847" s="12"/>
    </row>
    <row r="225848" spans="8:8">
      <c r="H225848" s="12"/>
    </row>
    <row r="225849" spans="8:8">
      <c r="H225849" s="12"/>
    </row>
    <row r="225850" spans="8:8">
      <c r="H225850" s="12"/>
    </row>
    <row r="225851" spans="8:8">
      <c r="H225851" s="12"/>
    </row>
    <row r="225852" spans="8:8">
      <c r="H225852" s="12"/>
    </row>
    <row r="225853" spans="8:8">
      <c r="H225853" s="12"/>
    </row>
    <row r="225854" spans="8:8">
      <c r="H225854" s="12"/>
    </row>
    <row r="225855" spans="8:8">
      <c r="H225855" s="12"/>
    </row>
    <row r="225856" spans="8:8">
      <c r="H225856" s="12"/>
    </row>
    <row r="225857" spans="8:8">
      <c r="H225857" s="12"/>
    </row>
    <row r="225858" spans="8:8">
      <c r="H225858" s="12"/>
    </row>
    <row r="225859" spans="8:8">
      <c r="H225859" s="12"/>
    </row>
    <row r="225860" spans="8:8">
      <c r="H225860" s="12"/>
    </row>
    <row r="225861" spans="8:8">
      <c r="H225861" s="12"/>
    </row>
    <row r="225862" spans="8:8">
      <c r="H225862" s="12"/>
    </row>
    <row r="225863" spans="8:8">
      <c r="H225863" s="12"/>
    </row>
    <row r="225864" spans="8:8">
      <c r="H225864" s="12"/>
    </row>
    <row r="225865" spans="8:8">
      <c r="H225865" s="12"/>
    </row>
    <row r="225866" spans="8:8">
      <c r="H225866" s="12"/>
    </row>
    <row r="225867" spans="8:8">
      <c r="H225867" s="12"/>
    </row>
    <row r="225868" spans="8:8">
      <c r="H225868" s="12"/>
    </row>
    <row r="225869" spans="8:8">
      <c r="H225869" s="12"/>
    </row>
    <row r="225870" spans="8:8">
      <c r="H225870" s="12"/>
    </row>
    <row r="225871" spans="8:8">
      <c r="H225871" s="12"/>
    </row>
    <row r="225872" spans="8:8">
      <c r="H225872" s="12"/>
    </row>
    <row r="225873" spans="8:8">
      <c r="H225873" s="12"/>
    </row>
    <row r="225874" spans="8:8">
      <c r="H225874" s="12"/>
    </row>
    <row r="225875" spans="8:8">
      <c r="H225875" s="12"/>
    </row>
    <row r="225876" spans="8:8">
      <c r="H225876" s="12"/>
    </row>
    <row r="225877" spans="8:8">
      <c r="H225877" s="12"/>
    </row>
    <row r="225878" spans="8:8">
      <c r="H225878" s="12"/>
    </row>
    <row r="225879" spans="8:8">
      <c r="H225879" s="12"/>
    </row>
    <row r="225880" spans="8:8">
      <c r="H225880" s="12"/>
    </row>
    <row r="225881" spans="8:8">
      <c r="H225881" s="12"/>
    </row>
    <row r="225882" spans="8:8">
      <c r="H225882" s="12"/>
    </row>
    <row r="225883" spans="8:8">
      <c r="H225883" s="12"/>
    </row>
    <row r="225884" spans="8:8">
      <c r="H225884" s="12"/>
    </row>
    <row r="225885" spans="8:8">
      <c r="H225885" s="12"/>
    </row>
    <row r="225886" spans="8:8">
      <c r="H225886" s="12"/>
    </row>
    <row r="225887" spans="8:8">
      <c r="H225887" s="12"/>
    </row>
    <row r="225888" spans="8:8">
      <c r="H225888" s="12"/>
    </row>
    <row r="225889" spans="8:8">
      <c r="H225889" s="12"/>
    </row>
    <row r="225890" spans="8:8">
      <c r="H225890" s="12"/>
    </row>
    <row r="225891" spans="8:8">
      <c r="H225891" s="12"/>
    </row>
    <row r="225892" spans="8:8">
      <c r="H225892" s="12"/>
    </row>
    <row r="225893" spans="8:8">
      <c r="H225893" s="12"/>
    </row>
    <row r="225894" spans="8:8">
      <c r="H225894" s="12"/>
    </row>
    <row r="225895" spans="8:8">
      <c r="H225895" s="12"/>
    </row>
    <row r="225896" spans="8:8">
      <c r="H225896" s="12"/>
    </row>
    <row r="225897" spans="8:8">
      <c r="H225897" s="12"/>
    </row>
    <row r="225898" spans="8:8">
      <c r="H225898" s="12"/>
    </row>
    <row r="225899" spans="8:8">
      <c r="H225899" s="12"/>
    </row>
    <row r="225900" spans="8:8">
      <c r="H225900" s="12"/>
    </row>
    <row r="225901" spans="8:8">
      <c r="H225901" s="12"/>
    </row>
    <row r="225902" spans="8:8">
      <c r="H225902" s="12"/>
    </row>
    <row r="225903" spans="8:8">
      <c r="H225903" s="12"/>
    </row>
    <row r="225904" spans="8:8">
      <c r="H225904" s="12"/>
    </row>
    <row r="225905" spans="8:8">
      <c r="H225905" s="12"/>
    </row>
    <row r="225906" spans="8:8">
      <c r="H225906" s="12"/>
    </row>
    <row r="225907" spans="8:8">
      <c r="H225907" s="12"/>
    </row>
    <row r="225908" spans="8:8">
      <c r="H225908" s="12"/>
    </row>
    <row r="225909" spans="8:8">
      <c r="H225909" s="12"/>
    </row>
    <row r="225910" spans="8:8">
      <c r="H225910" s="12"/>
    </row>
    <row r="225911" spans="8:8">
      <c r="H225911" s="12"/>
    </row>
    <row r="225912" spans="8:8">
      <c r="H225912" s="12"/>
    </row>
    <row r="225913" spans="8:8">
      <c r="H225913" s="12"/>
    </row>
    <row r="225914" spans="8:8">
      <c r="H225914" s="12"/>
    </row>
    <row r="225915" spans="8:8">
      <c r="H225915" s="12"/>
    </row>
    <row r="225916" spans="8:8">
      <c r="H225916" s="12"/>
    </row>
    <row r="225917" spans="8:8">
      <c r="H225917" s="12"/>
    </row>
    <row r="225918" spans="8:8">
      <c r="H225918" s="12"/>
    </row>
    <row r="225919" spans="8:8">
      <c r="H225919" s="12"/>
    </row>
    <row r="225920" spans="8:8">
      <c r="H225920" s="12"/>
    </row>
    <row r="225921" spans="8:8">
      <c r="H225921" s="12"/>
    </row>
    <row r="225922" spans="8:8">
      <c r="H225922" s="12"/>
    </row>
    <row r="225923" spans="8:8">
      <c r="H225923" s="12"/>
    </row>
    <row r="225924" spans="8:8">
      <c r="H225924" s="12"/>
    </row>
    <row r="225925" spans="8:8">
      <c r="H225925" s="12"/>
    </row>
    <row r="225926" spans="8:8">
      <c r="H225926" s="12"/>
    </row>
    <row r="225927" spans="8:8">
      <c r="H225927" s="12"/>
    </row>
    <row r="225928" spans="8:8">
      <c r="H225928" s="12"/>
    </row>
    <row r="225929" spans="8:8">
      <c r="H225929" s="12"/>
    </row>
    <row r="225930" spans="8:8">
      <c r="H225930" s="12"/>
    </row>
    <row r="225931" spans="8:8">
      <c r="H225931" s="12"/>
    </row>
    <row r="225932" spans="8:8">
      <c r="H225932" s="12"/>
    </row>
    <row r="225933" spans="8:8">
      <c r="H225933" s="12"/>
    </row>
    <row r="225934" spans="8:8">
      <c r="H225934" s="12"/>
    </row>
    <row r="225935" spans="8:8">
      <c r="H225935" s="12"/>
    </row>
    <row r="225936" spans="8:8">
      <c r="H225936" s="12"/>
    </row>
    <row r="225937" spans="8:8">
      <c r="H225937" s="12"/>
    </row>
    <row r="225938" spans="8:8">
      <c r="H225938" s="12"/>
    </row>
    <row r="225939" spans="8:8">
      <c r="H225939" s="12"/>
    </row>
    <row r="225940" spans="8:8">
      <c r="H225940" s="12"/>
    </row>
    <row r="225941" spans="8:8">
      <c r="H225941" s="12"/>
    </row>
    <row r="225942" spans="8:8">
      <c r="H225942" s="12"/>
    </row>
    <row r="225943" spans="8:8">
      <c r="H225943" s="12"/>
    </row>
    <row r="225944" spans="8:8">
      <c r="H225944" s="12"/>
    </row>
    <row r="225945" spans="8:8">
      <c r="H225945" s="12"/>
    </row>
    <row r="225946" spans="8:8">
      <c r="H225946" s="12"/>
    </row>
    <row r="225947" spans="8:8">
      <c r="H225947" s="12"/>
    </row>
    <row r="225948" spans="8:8">
      <c r="H225948" s="12"/>
    </row>
    <row r="225949" spans="8:8">
      <c r="H225949" s="12"/>
    </row>
    <row r="225950" spans="8:8">
      <c r="H225950" s="12"/>
    </row>
    <row r="225951" spans="8:8">
      <c r="H225951" s="12"/>
    </row>
    <row r="225952" spans="8:8">
      <c r="H225952" s="12"/>
    </row>
    <row r="225953" spans="8:8">
      <c r="H225953" s="12"/>
    </row>
    <row r="225954" spans="8:8">
      <c r="H225954" s="12"/>
    </row>
    <row r="225955" spans="8:8">
      <c r="H225955" s="12"/>
    </row>
    <row r="225956" spans="8:8">
      <c r="H225956" s="12"/>
    </row>
    <row r="225957" spans="8:8">
      <c r="H225957" s="12"/>
    </row>
    <row r="225958" spans="8:8">
      <c r="H225958" s="12"/>
    </row>
    <row r="225959" spans="8:8">
      <c r="H225959" s="12"/>
    </row>
    <row r="225960" spans="8:8">
      <c r="H225960" s="12"/>
    </row>
    <row r="225961" spans="8:8">
      <c r="H225961" s="12"/>
    </row>
    <row r="225962" spans="8:8">
      <c r="H225962" s="12"/>
    </row>
    <row r="225963" spans="8:8">
      <c r="H225963" s="12"/>
    </row>
    <row r="225964" spans="8:8">
      <c r="H225964" s="12"/>
    </row>
    <row r="225965" spans="8:8">
      <c r="H225965" s="12"/>
    </row>
    <row r="225966" spans="8:8">
      <c r="H225966" s="12"/>
    </row>
    <row r="225967" spans="8:8">
      <c r="H225967" s="12"/>
    </row>
    <row r="225968" spans="8:8">
      <c r="H225968" s="12"/>
    </row>
    <row r="225969" spans="8:8">
      <c r="H225969" s="12"/>
    </row>
    <row r="225970" spans="8:8">
      <c r="H225970" s="12"/>
    </row>
    <row r="225971" spans="8:8">
      <c r="H225971" s="12"/>
    </row>
    <row r="225972" spans="8:8">
      <c r="H225972" s="12"/>
    </row>
    <row r="225973" spans="8:8">
      <c r="H225973" s="12"/>
    </row>
    <row r="225974" spans="8:8">
      <c r="H225974" s="12"/>
    </row>
    <row r="225975" spans="8:8">
      <c r="H225975" s="12"/>
    </row>
    <row r="225976" spans="8:8">
      <c r="H225976" s="12"/>
    </row>
    <row r="225977" spans="8:8">
      <c r="H225977" s="12"/>
    </row>
    <row r="225978" spans="8:8">
      <c r="H225978" s="12"/>
    </row>
    <row r="225979" spans="8:8">
      <c r="H225979" s="12"/>
    </row>
    <row r="225980" spans="8:8">
      <c r="H225980" s="12"/>
    </row>
    <row r="225981" spans="8:8">
      <c r="H225981" s="12"/>
    </row>
    <row r="225982" spans="8:8">
      <c r="H225982" s="12"/>
    </row>
    <row r="225983" spans="8:8">
      <c r="H225983" s="12"/>
    </row>
    <row r="225984" spans="8:8">
      <c r="H225984" s="12"/>
    </row>
    <row r="225985" spans="8:8">
      <c r="H225985" s="12"/>
    </row>
    <row r="225986" spans="8:8">
      <c r="H225986" s="12"/>
    </row>
    <row r="225987" spans="8:8">
      <c r="H225987" s="12"/>
    </row>
    <row r="225988" spans="8:8">
      <c r="H225988" s="12"/>
    </row>
    <row r="225989" spans="8:8">
      <c r="H225989" s="12"/>
    </row>
    <row r="225990" spans="8:8">
      <c r="H225990" s="12"/>
    </row>
    <row r="225991" spans="8:8">
      <c r="H225991" s="12"/>
    </row>
    <row r="225992" spans="8:8">
      <c r="H225992" s="12"/>
    </row>
    <row r="225993" spans="8:8">
      <c r="H225993" s="12"/>
    </row>
    <row r="225994" spans="8:8">
      <c r="H225994" s="12"/>
    </row>
    <row r="225995" spans="8:8">
      <c r="H225995" s="12"/>
    </row>
    <row r="225996" spans="8:8">
      <c r="H225996" s="12"/>
    </row>
    <row r="225997" spans="8:8">
      <c r="H225997" s="12"/>
    </row>
    <row r="225998" spans="8:8">
      <c r="H225998" s="12"/>
    </row>
    <row r="225999" spans="8:8">
      <c r="H225999" s="12"/>
    </row>
    <row r="226000" spans="8:8">
      <c r="H226000" s="12"/>
    </row>
    <row r="226001" spans="8:8">
      <c r="H226001" s="12"/>
    </row>
    <row r="226002" spans="8:8">
      <c r="H226002" s="12"/>
    </row>
    <row r="226003" spans="8:8">
      <c r="H226003" s="12"/>
    </row>
    <row r="226004" spans="8:8">
      <c r="H226004" s="12"/>
    </row>
    <row r="226005" spans="8:8">
      <c r="H226005" s="12"/>
    </row>
    <row r="226006" spans="8:8">
      <c r="H226006" s="12"/>
    </row>
    <row r="226007" spans="8:8">
      <c r="H226007" s="12"/>
    </row>
    <row r="226008" spans="8:8">
      <c r="H226008" s="12"/>
    </row>
    <row r="226009" spans="8:8">
      <c r="H226009" s="12"/>
    </row>
    <row r="226010" spans="8:8">
      <c r="H226010" s="12"/>
    </row>
    <row r="226011" spans="8:8">
      <c r="H226011" s="12"/>
    </row>
    <row r="226012" spans="8:8">
      <c r="H226012" s="12"/>
    </row>
    <row r="226013" spans="8:8">
      <c r="H226013" s="12"/>
    </row>
    <row r="226014" spans="8:8">
      <c r="H226014" s="12"/>
    </row>
    <row r="226015" spans="8:8">
      <c r="H226015" s="12"/>
    </row>
    <row r="226016" spans="8:8">
      <c r="H226016" s="12"/>
    </row>
    <row r="226017" spans="8:8">
      <c r="H226017" s="12"/>
    </row>
    <row r="226018" spans="8:8">
      <c r="H226018" s="12"/>
    </row>
    <row r="226019" spans="8:8">
      <c r="H226019" s="12"/>
    </row>
    <row r="226020" spans="8:8">
      <c r="H226020" s="12"/>
    </row>
    <row r="226021" spans="8:8">
      <c r="H226021" s="12"/>
    </row>
    <row r="226022" spans="8:8">
      <c r="H226022" s="12"/>
    </row>
    <row r="226023" spans="8:8">
      <c r="H226023" s="12"/>
    </row>
    <row r="226024" spans="8:8">
      <c r="H226024" s="12"/>
    </row>
    <row r="226025" spans="8:8">
      <c r="H226025" s="12"/>
    </row>
    <row r="226026" spans="8:8">
      <c r="H226026" s="12"/>
    </row>
    <row r="226027" spans="8:8">
      <c r="H226027" s="12"/>
    </row>
    <row r="226028" spans="8:8">
      <c r="H226028" s="12"/>
    </row>
    <row r="226029" spans="8:8">
      <c r="H226029" s="12"/>
    </row>
    <row r="226030" spans="8:8">
      <c r="H226030" s="12"/>
    </row>
    <row r="226031" spans="8:8">
      <c r="H226031" s="12"/>
    </row>
    <row r="226032" spans="8:8">
      <c r="H226032" s="12"/>
    </row>
    <row r="226033" spans="8:8">
      <c r="H226033" s="12"/>
    </row>
    <row r="226034" spans="8:8">
      <c r="H226034" s="12"/>
    </row>
    <row r="226035" spans="8:8">
      <c r="H226035" s="12"/>
    </row>
    <row r="226036" spans="8:8">
      <c r="H226036" s="12"/>
    </row>
    <row r="226037" spans="8:8">
      <c r="H226037" s="12"/>
    </row>
    <row r="226038" spans="8:8">
      <c r="H226038" s="12"/>
    </row>
    <row r="226039" spans="8:8">
      <c r="H226039" s="12"/>
    </row>
    <row r="226040" spans="8:8">
      <c r="H226040" s="12"/>
    </row>
    <row r="226041" spans="8:8">
      <c r="H226041" s="12"/>
    </row>
    <row r="226042" spans="8:8">
      <c r="H226042" s="12"/>
    </row>
    <row r="226043" spans="8:8">
      <c r="H226043" s="12"/>
    </row>
    <row r="226044" spans="8:8">
      <c r="H226044" s="12"/>
    </row>
    <row r="226045" spans="8:8">
      <c r="H226045" s="12"/>
    </row>
    <row r="226046" spans="8:8">
      <c r="H226046" s="12"/>
    </row>
    <row r="226047" spans="8:8">
      <c r="H226047" s="12"/>
    </row>
    <row r="226048" spans="8:8">
      <c r="H226048" s="12"/>
    </row>
    <row r="226049" spans="8:8">
      <c r="H226049" s="12"/>
    </row>
    <row r="226050" spans="8:8">
      <c r="H226050" s="12"/>
    </row>
    <row r="226051" spans="8:8">
      <c r="H226051" s="12"/>
    </row>
    <row r="226052" spans="8:8">
      <c r="H226052" s="12"/>
    </row>
    <row r="226053" spans="8:8">
      <c r="H226053" s="12"/>
    </row>
    <row r="226054" spans="8:8">
      <c r="H226054" s="12"/>
    </row>
    <row r="226055" spans="8:8">
      <c r="H226055" s="12"/>
    </row>
    <row r="226056" spans="8:8">
      <c r="H226056" s="12"/>
    </row>
    <row r="226057" spans="8:8">
      <c r="H226057" s="12"/>
    </row>
    <row r="226058" spans="8:8">
      <c r="H226058" s="12"/>
    </row>
    <row r="226059" spans="8:8">
      <c r="H226059" s="12"/>
    </row>
    <row r="226060" spans="8:8">
      <c r="H226060" s="12"/>
    </row>
    <row r="226061" spans="8:8">
      <c r="H226061" s="12"/>
    </row>
    <row r="226062" spans="8:8">
      <c r="H226062" s="12"/>
    </row>
    <row r="226063" spans="8:8">
      <c r="H226063" s="12"/>
    </row>
    <row r="226064" spans="8:8">
      <c r="H226064" s="12"/>
    </row>
    <row r="226065" spans="8:8">
      <c r="H226065" s="12"/>
    </row>
    <row r="226066" spans="8:8">
      <c r="H226066" s="12"/>
    </row>
    <row r="226067" spans="8:8">
      <c r="H226067" s="12"/>
    </row>
    <row r="226068" spans="8:8">
      <c r="H226068" s="12"/>
    </row>
    <row r="226069" spans="8:8">
      <c r="H226069" s="12"/>
    </row>
    <row r="226070" spans="8:8">
      <c r="H226070" s="12"/>
    </row>
    <row r="226071" spans="8:8">
      <c r="H226071" s="12"/>
    </row>
    <row r="226072" spans="8:8">
      <c r="H226072" s="12"/>
    </row>
    <row r="226073" spans="8:8">
      <c r="H226073" s="12"/>
    </row>
    <row r="226074" spans="8:8">
      <c r="H226074" s="12"/>
    </row>
    <row r="226075" spans="8:8">
      <c r="H226075" s="12"/>
    </row>
    <row r="226076" spans="8:8">
      <c r="H226076" s="12"/>
    </row>
    <row r="226077" spans="8:8">
      <c r="H226077" s="12"/>
    </row>
    <row r="226078" spans="8:8">
      <c r="H226078" s="12"/>
    </row>
    <row r="226079" spans="8:8">
      <c r="H226079" s="12"/>
    </row>
    <row r="226080" spans="8:8">
      <c r="H226080" s="12"/>
    </row>
    <row r="226081" spans="8:8">
      <c r="H226081" s="12"/>
    </row>
    <row r="226082" spans="8:8">
      <c r="H226082" s="12"/>
    </row>
    <row r="226083" spans="8:8">
      <c r="H226083" s="12"/>
    </row>
    <row r="226084" spans="8:8">
      <c r="H226084" s="12"/>
    </row>
    <row r="226085" spans="8:8">
      <c r="H226085" s="12"/>
    </row>
    <row r="226086" spans="8:8">
      <c r="H226086" s="12"/>
    </row>
    <row r="226087" spans="8:8">
      <c r="H226087" s="12"/>
    </row>
    <row r="226088" spans="8:8">
      <c r="H226088" s="12"/>
    </row>
    <row r="226089" spans="8:8">
      <c r="H226089" s="12"/>
    </row>
    <row r="226090" spans="8:8">
      <c r="H226090" s="12"/>
    </row>
    <row r="226091" spans="8:8">
      <c r="H226091" s="12"/>
    </row>
    <row r="226092" spans="8:8">
      <c r="H226092" s="12"/>
    </row>
    <row r="226093" spans="8:8">
      <c r="H226093" s="12"/>
    </row>
    <row r="226094" spans="8:8">
      <c r="H226094" s="12"/>
    </row>
    <row r="226095" spans="8:8">
      <c r="H226095" s="12"/>
    </row>
    <row r="226096" spans="8:8">
      <c r="H226096" s="12"/>
    </row>
    <row r="226097" spans="8:8">
      <c r="H226097" s="12"/>
    </row>
    <row r="226098" spans="8:8">
      <c r="H226098" s="12"/>
    </row>
    <row r="226099" spans="8:8">
      <c r="H226099" s="12"/>
    </row>
    <row r="226100" spans="8:8">
      <c r="H226100" s="12"/>
    </row>
    <row r="226101" spans="8:8">
      <c r="H226101" s="12"/>
    </row>
    <row r="226102" spans="8:8">
      <c r="H226102" s="12"/>
    </row>
    <row r="226103" spans="8:8">
      <c r="H226103" s="12"/>
    </row>
    <row r="226104" spans="8:8">
      <c r="H226104" s="12"/>
    </row>
    <row r="226105" spans="8:8">
      <c r="H226105" s="12"/>
    </row>
    <row r="226106" spans="8:8">
      <c r="H226106" s="12"/>
    </row>
    <row r="226107" spans="8:8">
      <c r="H226107" s="12"/>
    </row>
    <row r="226108" spans="8:8">
      <c r="H226108" s="12"/>
    </row>
    <row r="226109" spans="8:8">
      <c r="H226109" s="12"/>
    </row>
    <row r="226110" spans="8:8">
      <c r="H226110" s="12"/>
    </row>
    <row r="226111" spans="8:8">
      <c r="H226111" s="12"/>
    </row>
    <row r="226112" spans="8:8">
      <c r="H226112" s="12"/>
    </row>
    <row r="226113" spans="8:8">
      <c r="H226113" s="12"/>
    </row>
    <row r="226114" spans="8:8">
      <c r="H226114" s="12"/>
    </row>
    <row r="226115" spans="8:8">
      <c r="H226115" s="12"/>
    </row>
    <row r="226116" spans="8:8">
      <c r="H226116" s="12"/>
    </row>
    <row r="226117" spans="8:8">
      <c r="H226117" s="12"/>
    </row>
    <row r="226118" spans="8:8">
      <c r="H226118" s="12"/>
    </row>
    <row r="226119" spans="8:8">
      <c r="H226119" s="12"/>
    </row>
    <row r="226120" spans="8:8">
      <c r="H226120" s="12"/>
    </row>
    <row r="226121" spans="8:8">
      <c r="H226121" s="12"/>
    </row>
    <row r="226122" spans="8:8">
      <c r="H226122" s="12"/>
    </row>
    <row r="226123" spans="8:8">
      <c r="H226123" s="12"/>
    </row>
    <row r="226124" spans="8:8">
      <c r="H226124" s="12"/>
    </row>
    <row r="226125" spans="8:8">
      <c r="H226125" s="12"/>
    </row>
    <row r="226126" spans="8:8">
      <c r="H226126" s="12"/>
    </row>
    <row r="226127" spans="8:8">
      <c r="H226127" s="12"/>
    </row>
    <row r="226128" spans="8:8">
      <c r="H226128" s="12"/>
    </row>
    <row r="226129" spans="8:8">
      <c r="H226129" s="12"/>
    </row>
    <row r="226130" spans="8:8">
      <c r="H226130" s="12"/>
    </row>
    <row r="226131" spans="8:8">
      <c r="H226131" s="12"/>
    </row>
    <row r="226132" spans="8:8">
      <c r="H226132" s="12"/>
    </row>
    <row r="226133" spans="8:8">
      <c r="H226133" s="12"/>
    </row>
    <row r="226134" spans="8:8">
      <c r="H226134" s="12"/>
    </row>
    <row r="226135" spans="8:8">
      <c r="H226135" s="12"/>
    </row>
    <row r="226136" spans="8:8">
      <c r="H226136" s="12"/>
    </row>
    <row r="226137" spans="8:8">
      <c r="H226137" s="12"/>
    </row>
    <row r="226138" spans="8:8">
      <c r="H226138" s="12"/>
    </row>
    <row r="226139" spans="8:8">
      <c r="H226139" s="12"/>
    </row>
    <row r="226140" spans="8:8">
      <c r="H226140" s="12"/>
    </row>
    <row r="226141" spans="8:8">
      <c r="H226141" s="12"/>
    </row>
    <row r="226142" spans="8:8">
      <c r="H226142" s="12"/>
    </row>
    <row r="226143" spans="8:8">
      <c r="H226143" s="12"/>
    </row>
    <row r="226144" spans="8:8">
      <c r="H226144" s="12"/>
    </row>
    <row r="226145" spans="8:8">
      <c r="H226145" s="12"/>
    </row>
    <row r="226146" spans="8:8">
      <c r="H226146" s="12"/>
    </row>
    <row r="226147" spans="8:8">
      <c r="H226147" s="12"/>
    </row>
    <row r="226148" spans="8:8">
      <c r="H226148" s="12"/>
    </row>
    <row r="226149" spans="8:8">
      <c r="H226149" s="12"/>
    </row>
    <row r="226150" spans="8:8">
      <c r="H226150" s="12"/>
    </row>
    <row r="226151" spans="8:8">
      <c r="H226151" s="12"/>
    </row>
    <row r="226152" spans="8:8">
      <c r="H226152" s="12"/>
    </row>
    <row r="226153" spans="8:8">
      <c r="H226153" s="12"/>
    </row>
    <row r="226154" spans="8:8">
      <c r="H226154" s="12"/>
    </row>
    <row r="226155" spans="8:8">
      <c r="H226155" s="12"/>
    </row>
    <row r="226156" spans="8:8">
      <c r="H226156" s="12"/>
    </row>
    <row r="226157" spans="8:8">
      <c r="H226157" s="12"/>
    </row>
    <row r="226158" spans="8:8">
      <c r="H226158" s="12"/>
    </row>
    <row r="226159" spans="8:8">
      <c r="H226159" s="12"/>
    </row>
    <row r="226160" spans="8:8">
      <c r="H226160" s="12"/>
    </row>
    <row r="226161" spans="8:8">
      <c r="H226161" s="12"/>
    </row>
    <row r="226162" spans="8:8">
      <c r="H226162" s="12"/>
    </row>
    <row r="226163" spans="8:8">
      <c r="H226163" s="12"/>
    </row>
    <row r="226164" spans="8:8">
      <c r="H226164" s="12"/>
    </row>
    <row r="226165" spans="8:8">
      <c r="H226165" s="12"/>
    </row>
    <row r="226166" spans="8:8">
      <c r="H226166" s="12"/>
    </row>
    <row r="226167" spans="8:8">
      <c r="H226167" s="12"/>
    </row>
    <row r="226168" spans="8:8">
      <c r="H226168" s="12"/>
    </row>
    <row r="226169" spans="8:8">
      <c r="H226169" s="12"/>
    </row>
    <row r="226170" spans="8:8">
      <c r="H226170" s="12"/>
    </row>
    <row r="226171" spans="8:8">
      <c r="H226171" s="12"/>
    </row>
    <row r="226172" spans="8:8">
      <c r="H226172" s="12"/>
    </row>
    <row r="226173" spans="8:8">
      <c r="H226173" s="12"/>
    </row>
    <row r="226174" spans="8:8">
      <c r="H226174" s="12"/>
    </row>
    <row r="226175" spans="8:8">
      <c r="H226175" s="12"/>
    </row>
    <row r="226176" spans="8:8">
      <c r="H226176" s="12"/>
    </row>
    <row r="226177" spans="8:8">
      <c r="H226177" s="12"/>
    </row>
    <row r="226178" spans="8:8">
      <c r="H226178" s="12"/>
    </row>
    <row r="226179" spans="8:8">
      <c r="H226179" s="12"/>
    </row>
    <row r="226180" spans="8:8">
      <c r="H226180" s="12"/>
    </row>
    <row r="226181" spans="8:8">
      <c r="H226181" s="12"/>
    </row>
    <row r="226182" spans="8:8">
      <c r="H226182" s="12"/>
    </row>
    <row r="226183" spans="8:8">
      <c r="H226183" s="12"/>
    </row>
    <row r="226184" spans="8:8">
      <c r="H226184" s="12"/>
    </row>
    <row r="226185" spans="8:8">
      <c r="H226185" s="12"/>
    </row>
    <row r="226186" spans="8:8">
      <c r="H226186" s="12"/>
    </row>
    <row r="226187" spans="8:8">
      <c r="H226187" s="12"/>
    </row>
    <row r="226188" spans="8:8">
      <c r="H226188" s="12"/>
    </row>
    <row r="226189" spans="8:8">
      <c r="H226189" s="12"/>
    </row>
    <row r="226190" spans="8:8">
      <c r="H226190" s="12"/>
    </row>
    <row r="226191" spans="8:8">
      <c r="H226191" s="12"/>
    </row>
    <row r="226192" spans="8:8">
      <c r="H226192" s="12"/>
    </row>
    <row r="226193" spans="8:8">
      <c r="H226193" s="12"/>
    </row>
    <row r="226194" spans="8:8">
      <c r="H226194" s="12"/>
    </row>
    <row r="226195" spans="8:8">
      <c r="H226195" s="12"/>
    </row>
    <row r="226196" spans="8:8">
      <c r="H226196" s="12"/>
    </row>
    <row r="226197" spans="8:8">
      <c r="H226197" s="12"/>
    </row>
    <row r="226198" spans="8:8">
      <c r="H226198" s="12"/>
    </row>
    <row r="226199" spans="8:8">
      <c r="H226199" s="12"/>
    </row>
    <row r="226200" spans="8:8">
      <c r="H226200" s="12"/>
    </row>
    <row r="226201" spans="8:8">
      <c r="H226201" s="12"/>
    </row>
    <row r="226202" spans="8:8">
      <c r="H226202" s="12"/>
    </row>
    <row r="226203" spans="8:8">
      <c r="H226203" s="12"/>
    </row>
    <row r="226204" spans="8:8">
      <c r="H226204" s="12"/>
    </row>
    <row r="226205" spans="8:8">
      <c r="H226205" s="12"/>
    </row>
    <row r="226206" spans="8:8">
      <c r="H226206" s="12"/>
    </row>
    <row r="226207" spans="8:8">
      <c r="H226207" s="12"/>
    </row>
    <row r="226208" spans="8:8">
      <c r="H226208" s="12"/>
    </row>
    <row r="226209" spans="8:8">
      <c r="H226209" s="12"/>
    </row>
    <row r="226210" spans="8:8">
      <c r="H226210" s="12"/>
    </row>
    <row r="226211" spans="8:8">
      <c r="H226211" s="12"/>
    </row>
    <row r="226212" spans="8:8">
      <c r="H226212" s="12"/>
    </row>
    <row r="226213" spans="8:8">
      <c r="H226213" s="12"/>
    </row>
    <row r="226214" spans="8:8">
      <c r="H226214" s="12"/>
    </row>
    <row r="226215" spans="8:8">
      <c r="H226215" s="12"/>
    </row>
    <row r="226216" spans="8:8">
      <c r="H226216" s="12"/>
    </row>
    <row r="226217" spans="8:8">
      <c r="H226217" s="12"/>
    </row>
    <row r="226218" spans="8:8">
      <c r="H226218" s="12"/>
    </row>
    <row r="226219" spans="8:8">
      <c r="H226219" s="12"/>
    </row>
    <row r="226220" spans="8:8">
      <c r="H226220" s="12"/>
    </row>
    <row r="226221" spans="8:8">
      <c r="H226221" s="12"/>
    </row>
    <row r="226222" spans="8:8">
      <c r="H226222" s="12"/>
    </row>
    <row r="226223" spans="8:8">
      <c r="H226223" s="12"/>
    </row>
    <row r="226224" spans="8:8">
      <c r="H226224" s="12"/>
    </row>
    <row r="226225" spans="8:8">
      <c r="H226225" s="12"/>
    </row>
    <row r="226226" spans="8:8">
      <c r="H226226" s="12"/>
    </row>
    <row r="226227" spans="8:8">
      <c r="H226227" s="12"/>
    </row>
    <row r="226228" spans="8:8">
      <c r="H226228" s="12"/>
    </row>
    <row r="226229" spans="8:8">
      <c r="H226229" s="12"/>
    </row>
    <row r="226230" spans="8:8">
      <c r="H226230" s="12"/>
    </row>
    <row r="226231" spans="8:8">
      <c r="H226231" s="12"/>
    </row>
    <row r="226232" spans="8:8">
      <c r="H226232" s="12"/>
    </row>
    <row r="226233" spans="8:8">
      <c r="H226233" s="12"/>
    </row>
    <row r="226234" spans="8:8">
      <c r="H226234" s="12"/>
    </row>
    <row r="226235" spans="8:8">
      <c r="H226235" s="12"/>
    </row>
    <row r="226236" spans="8:8">
      <c r="H226236" s="12"/>
    </row>
    <row r="226237" spans="8:8">
      <c r="H226237" s="12"/>
    </row>
    <row r="226238" spans="8:8">
      <c r="H226238" s="12"/>
    </row>
    <row r="226239" spans="8:8">
      <c r="H226239" s="12"/>
    </row>
    <row r="226240" spans="8:8">
      <c r="H226240" s="12"/>
    </row>
    <row r="226241" spans="8:8">
      <c r="H226241" s="12"/>
    </row>
    <row r="226242" spans="8:8">
      <c r="H226242" s="12"/>
    </row>
    <row r="226243" spans="8:8">
      <c r="H226243" s="12"/>
    </row>
    <row r="226244" spans="8:8">
      <c r="H226244" s="12"/>
    </row>
    <row r="226245" spans="8:8">
      <c r="H226245" s="12"/>
    </row>
    <row r="226246" spans="8:8">
      <c r="H226246" s="12"/>
    </row>
    <row r="226247" spans="8:8">
      <c r="H226247" s="12"/>
    </row>
    <row r="226248" spans="8:8">
      <c r="H226248" s="12"/>
    </row>
    <row r="226249" spans="8:8">
      <c r="H226249" s="12"/>
    </row>
    <row r="226250" spans="8:8">
      <c r="H226250" s="12"/>
    </row>
    <row r="226251" spans="8:8">
      <c r="H226251" s="12"/>
    </row>
    <row r="226252" spans="8:8">
      <c r="H226252" s="12"/>
    </row>
    <row r="226253" spans="8:8">
      <c r="H226253" s="12"/>
    </row>
    <row r="226254" spans="8:8">
      <c r="H226254" s="12"/>
    </row>
    <row r="226255" spans="8:8">
      <c r="H226255" s="12"/>
    </row>
    <row r="226256" spans="8:8">
      <c r="H226256" s="12"/>
    </row>
    <row r="226257" spans="8:8">
      <c r="H226257" s="12"/>
    </row>
    <row r="226258" spans="8:8">
      <c r="H226258" s="12"/>
    </row>
    <row r="226259" spans="8:8">
      <c r="H226259" s="12"/>
    </row>
    <row r="226260" spans="8:8">
      <c r="H226260" s="12"/>
    </row>
    <row r="226261" spans="8:8">
      <c r="H226261" s="12"/>
    </row>
    <row r="226262" spans="8:8">
      <c r="H226262" s="12"/>
    </row>
    <row r="226263" spans="8:8">
      <c r="H226263" s="12"/>
    </row>
    <row r="226264" spans="8:8">
      <c r="H226264" s="12"/>
    </row>
    <row r="226265" spans="8:8">
      <c r="H226265" s="12"/>
    </row>
    <row r="226266" spans="8:8">
      <c r="H226266" s="12"/>
    </row>
    <row r="226267" spans="8:8">
      <c r="H226267" s="12"/>
    </row>
    <row r="226268" spans="8:8">
      <c r="H226268" s="12"/>
    </row>
    <row r="226269" spans="8:8">
      <c r="H226269" s="12"/>
    </row>
    <row r="226270" spans="8:8">
      <c r="H226270" s="12"/>
    </row>
    <row r="226271" spans="8:8">
      <c r="H226271" s="12"/>
    </row>
    <row r="226272" spans="8:8">
      <c r="H226272" s="12"/>
    </row>
    <row r="226273" spans="8:8">
      <c r="H226273" s="12"/>
    </row>
    <row r="226274" spans="8:8">
      <c r="H226274" s="12"/>
    </row>
    <row r="226275" spans="8:8">
      <c r="H226275" s="12"/>
    </row>
    <row r="226276" spans="8:8">
      <c r="H226276" s="12"/>
    </row>
    <row r="226277" spans="8:8">
      <c r="H226277" s="12"/>
    </row>
    <row r="226278" spans="8:8">
      <c r="H226278" s="12"/>
    </row>
    <row r="226279" spans="8:8">
      <c r="H226279" s="12"/>
    </row>
    <row r="226280" spans="8:8">
      <c r="H226280" s="12"/>
    </row>
    <row r="226281" spans="8:8">
      <c r="H226281" s="12"/>
    </row>
    <row r="226282" spans="8:8">
      <c r="H226282" s="12"/>
    </row>
    <row r="226283" spans="8:8">
      <c r="H226283" s="12"/>
    </row>
    <row r="226284" spans="8:8">
      <c r="H226284" s="12"/>
    </row>
    <row r="226285" spans="8:8">
      <c r="H226285" s="12"/>
    </row>
    <row r="226286" spans="8:8">
      <c r="H226286" s="12"/>
    </row>
    <row r="226287" spans="8:8">
      <c r="H226287" s="12"/>
    </row>
    <row r="226288" spans="8:8">
      <c r="H226288" s="12"/>
    </row>
    <row r="226289" spans="8:8">
      <c r="H226289" s="12"/>
    </row>
    <row r="226290" spans="8:8">
      <c r="H226290" s="12"/>
    </row>
    <row r="226291" spans="8:8">
      <c r="H226291" s="12"/>
    </row>
    <row r="226292" spans="8:8">
      <c r="H226292" s="12"/>
    </row>
    <row r="226293" spans="8:8">
      <c r="H226293" s="12"/>
    </row>
    <row r="226294" spans="8:8">
      <c r="H226294" s="12"/>
    </row>
    <row r="226295" spans="8:8">
      <c r="H226295" s="12"/>
    </row>
    <row r="226296" spans="8:8">
      <c r="H226296" s="12"/>
    </row>
    <row r="226297" spans="8:8">
      <c r="H226297" s="12"/>
    </row>
    <row r="226298" spans="8:8">
      <c r="H226298" s="12"/>
    </row>
    <row r="226299" spans="8:8">
      <c r="H226299" s="12"/>
    </row>
    <row r="226300" spans="8:8">
      <c r="H226300" s="12"/>
    </row>
    <row r="226301" spans="8:8">
      <c r="H226301" s="12"/>
    </row>
    <row r="226302" spans="8:8">
      <c r="H226302" s="12"/>
    </row>
    <row r="226303" spans="8:8">
      <c r="H226303" s="12"/>
    </row>
    <row r="226304" spans="8:8">
      <c r="H226304" s="12"/>
    </row>
    <row r="226305" spans="8:8">
      <c r="H226305" s="12"/>
    </row>
    <row r="226306" spans="8:8">
      <c r="H226306" s="12"/>
    </row>
    <row r="226307" spans="8:8">
      <c r="H226307" s="12"/>
    </row>
    <row r="226308" spans="8:8">
      <c r="H226308" s="12"/>
    </row>
    <row r="226309" spans="8:8">
      <c r="H226309" s="12"/>
    </row>
    <row r="226310" spans="8:8">
      <c r="H226310" s="12"/>
    </row>
    <row r="226311" spans="8:8">
      <c r="H226311" s="12"/>
    </row>
    <row r="226312" spans="8:8">
      <c r="H226312" s="12"/>
    </row>
    <row r="226313" spans="8:8">
      <c r="H226313" s="12"/>
    </row>
    <row r="226314" spans="8:8">
      <c r="H226314" s="12"/>
    </row>
    <row r="226315" spans="8:8">
      <c r="H226315" s="12"/>
    </row>
    <row r="226316" spans="8:8">
      <c r="H226316" s="12"/>
    </row>
    <row r="226317" spans="8:8">
      <c r="H226317" s="12"/>
    </row>
    <row r="226318" spans="8:8">
      <c r="H226318" s="12"/>
    </row>
    <row r="226319" spans="8:8">
      <c r="H226319" s="12"/>
    </row>
    <row r="226320" spans="8:8">
      <c r="H226320" s="12"/>
    </row>
    <row r="226321" spans="8:8">
      <c r="H226321" s="12"/>
    </row>
    <row r="226322" spans="8:8">
      <c r="H226322" s="12"/>
    </row>
    <row r="226323" spans="8:8">
      <c r="H226323" s="12"/>
    </row>
    <row r="226324" spans="8:8">
      <c r="H226324" s="12"/>
    </row>
    <row r="226325" spans="8:8">
      <c r="H226325" s="12"/>
    </row>
    <row r="226326" spans="8:8">
      <c r="H226326" s="12"/>
    </row>
    <row r="226327" spans="8:8">
      <c r="H226327" s="12"/>
    </row>
    <row r="226328" spans="8:8">
      <c r="H226328" s="12"/>
    </row>
    <row r="226329" spans="8:8">
      <c r="H226329" s="12"/>
    </row>
    <row r="226330" spans="8:8">
      <c r="H226330" s="12"/>
    </row>
    <row r="226331" spans="8:8">
      <c r="H226331" s="12"/>
    </row>
    <row r="226332" spans="8:8">
      <c r="H226332" s="12"/>
    </row>
    <row r="226333" spans="8:8">
      <c r="H226333" s="12"/>
    </row>
    <row r="226334" spans="8:8">
      <c r="H226334" s="12"/>
    </row>
    <row r="226335" spans="8:8">
      <c r="H226335" s="12"/>
    </row>
    <row r="226336" spans="8:8">
      <c r="H226336" s="12"/>
    </row>
    <row r="226337" spans="8:8">
      <c r="H226337" s="12"/>
    </row>
    <row r="226338" spans="8:8">
      <c r="H226338" s="12"/>
    </row>
    <row r="226339" spans="8:8">
      <c r="H226339" s="12"/>
    </row>
    <row r="226340" spans="8:8">
      <c r="H226340" s="12"/>
    </row>
    <row r="226341" spans="8:8">
      <c r="H226341" s="12"/>
    </row>
    <row r="226342" spans="8:8">
      <c r="H226342" s="12"/>
    </row>
    <row r="226343" spans="8:8">
      <c r="H226343" s="12"/>
    </row>
    <row r="226344" spans="8:8">
      <c r="H226344" s="12"/>
    </row>
    <row r="226345" spans="8:8">
      <c r="H226345" s="12"/>
    </row>
    <row r="226346" spans="8:8">
      <c r="H226346" s="12"/>
    </row>
    <row r="226347" spans="8:8">
      <c r="H226347" s="12"/>
    </row>
    <row r="226348" spans="8:8">
      <c r="H226348" s="12"/>
    </row>
    <row r="226349" spans="8:8">
      <c r="H226349" s="12"/>
    </row>
    <row r="226350" spans="8:8">
      <c r="H226350" s="12"/>
    </row>
    <row r="226351" spans="8:8">
      <c r="H226351" s="12"/>
    </row>
    <row r="226352" spans="8:8">
      <c r="H226352" s="12"/>
    </row>
    <row r="226353" spans="8:8">
      <c r="H226353" s="12"/>
    </row>
    <row r="226354" spans="8:8">
      <c r="H226354" s="12"/>
    </row>
    <row r="226355" spans="8:8">
      <c r="H226355" s="12"/>
    </row>
    <row r="226356" spans="8:8">
      <c r="H226356" s="12"/>
    </row>
    <row r="226357" spans="8:8">
      <c r="H226357" s="12"/>
    </row>
    <row r="226358" spans="8:8">
      <c r="H226358" s="12"/>
    </row>
    <row r="226359" spans="8:8">
      <c r="H226359" s="12"/>
    </row>
    <row r="226360" spans="8:8">
      <c r="H226360" s="12"/>
    </row>
    <row r="226361" spans="8:8">
      <c r="H226361" s="12"/>
    </row>
    <row r="226362" spans="8:8">
      <c r="H226362" s="12"/>
    </row>
    <row r="226363" spans="8:8">
      <c r="H226363" s="12"/>
    </row>
    <row r="226364" spans="8:8">
      <c r="H226364" s="12"/>
    </row>
    <row r="226365" spans="8:8">
      <c r="H226365" s="12"/>
    </row>
    <row r="226366" spans="8:8">
      <c r="H226366" s="12"/>
    </row>
    <row r="226367" spans="8:8">
      <c r="H226367" s="12"/>
    </row>
    <row r="226368" spans="8:8">
      <c r="H226368" s="12"/>
    </row>
    <row r="226369" spans="8:8">
      <c r="H226369" s="12"/>
    </row>
    <row r="226370" spans="8:8">
      <c r="H226370" s="12"/>
    </row>
    <row r="226371" spans="8:8">
      <c r="H226371" s="12"/>
    </row>
    <row r="226372" spans="8:8">
      <c r="H226372" s="12"/>
    </row>
    <row r="226373" spans="8:8">
      <c r="H226373" s="12"/>
    </row>
    <row r="226374" spans="8:8">
      <c r="H226374" s="12"/>
    </row>
    <row r="226375" spans="8:8">
      <c r="H226375" s="12"/>
    </row>
    <row r="226376" spans="8:8">
      <c r="H226376" s="12"/>
    </row>
    <row r="226377" spans="8:8">
      <c r="H226377" s="12"/>
    </row>
    <row r="226378" spans="8:8">
      <c r="H226378" s="12"/>
    </row>
    <row r="226379" spans="8:8">
      <c r="H226379" s="12"/>
    </row>
    <row r="226380" spans="8:8">
      <c r="H226380" s="12"/>
    </row>
    <row r="226381" spans="8:8">
      <c r="H226381" s="12"/>
    </row>
    <row r="226382" spans="8:8">
      <c r="H226382" s="12"/>
    </row>
    <row r="226383" spans="8:8">
      <c r="H226383" s="12"/>
    </row>
    <row r="226384" spans="8:8">
      <c r="H226384" s="12"/>
    </row>
    <row r="226385" spans="8:8">
      <c r="H226385" s="12"/>
    </row>
    <row r="226386" spans="8:8">
      <c r="H226386" s="12"/>
    </row>
    <row r="226387" spans="8:8">
      <c r="H226387" s="12"/>
    </row>
    <row r="226388" spans="8:8">
      <c r="H226388" s="12"/>
    </row>
    <row r="226389" spans="8:8">
      <c r="H226389" s="12"/>
    </row>
    <row r="226390" spans="8:8">
      <c r="H226390" s="12"/>
    </row>
    <row r="226391" spans="8:8">
      <c r="H226391" s="12"/>
    </row>
    <row r="226392" spans="8:8">
      <c r="H226392" s="12"/>
    </row>
    <row r="226393" spans="8:8">
      <c r="H226393" s="12"/>
    </row>
    <row r="226394" spans="8:8">
      <c r="H226394" s="12"/>
    </row>
    <row r="226395" spans="8:8">
      <c r="H226395" s="12"/>
    </row>
    <row r="226396" spans="8:8">
      <c r="H226396" s="12"/>
    </row>
    <row r="226397" spans="8:8">
      <c r="H226397" s="12"/>
    </row>
    <row r="226398" spans="8:8">
      <c r="H226398" s="12"/>
    </row>
    <row r="226399" spans="8:8">
      <c r="H226399" s="12"/>
    </row>
    <row r="226400" spans="8:8">
      <c r="H226400" s="12"/>
    </row>
    <row r="226401" spans="8:8">
      <c r="H226401" s="12"/>
    </row>
    <row r="226402" spans="8:8">
      <c r="H226402" s="12"/>
    </row>
    <row r="226403" spans="8:8">
      <c r="H226403" s="12"/>
    </row>
    <row r="226404" spans="8:8">
      <c r="H226404" s="12"/>
    </row>
    <row r="226405" spans="8:8">
      <c r="H226405" s="12"/>
    </row>
    <row r="226406" spans="8:8">
      <c r="H226406" s="12"/>
    </row>
    <row r="226407" spans="8:8">
      <c r="H226407" s="12"/>
    </row>
    <row r="226408" spans="8:8">
      <c r="H226408" s="12"/>
    </row>
    <row r="226409" spans="8:8">
      <c r="H226409" s="12"/>
    </row>
    <row r="226410" spans="8:8">
      <c r="H226410" s="12"/>
    </row>
    <row r="226411" spans="8:8">
      <c r="H226411" s="12"/>
    </row>
    <row r="226412" spans="8:8">
      <c r="H226412" s="12"/>
    </row>
    <row r="226413" spans="8:8">
      <c r="H226413" s="12"/>
    </row>
    <row r="226414" spans="8:8">
      <c r="H226414" s="12"/>
    </row>
    <row r="226415" spans="8:8">
      <c r="H226415" s="12"/>
    </row>
    <row r="226416" spans="8:8">
      <c r="H226416" s="12"/>
    </row>
    <row r="226417" spans="8:8">
      <c r="H226417" s="12"/>
    </row>
    <row r="226418" spans="8:8">
      <c r="H226418" s="12"/>
    </row>
    <row r="226419" spans="8:8">
      <c r="H226419" s="12"/>
    </row>
    <row r="226420" spans="8:8">
      <c r="H226420" s="12"/>
    </row>
    <row r="226421" spans="8:8">
      <c r="H226421" s="12"/>
    </row>
    <row r="226422" spans="8:8">
      <c r="H226422" s="12"/>
    </row>
    <row r="226423" spans="8:8">
      <c r="H226423" s="12"/>
    </row>
    <row r="226424" spans="8:8">
      <c r="H226424" s="12"/>
    </row>
    <row r="226425" spans="8:8">
      <c r="H226425" s="12"/>
    </row>
    <row r="226426" spans="8:8">
      <c r="H226426" s="12"/>
    </row>
    <row r="226427" spans="8:8">
      <c r="H226427" s="12"/>
    </row>
    <row r="226428" spans="8:8">
      <c r="H226428" s="12"/>
    </row>
    <row r="226429" spans="8:8">
      <c r="H226429" s="12"/>
    </row>
    <row r="226430" spans="8:8">
      <c r="H226430" s="12"/>
    </row>
    <row r="226431" spans="8:8">
      <c r="H226431" s="12"/>
    </row>
    <row r="226432" spans="8:8">
      <c r="H226432" s="12"/>
    </row>
    <row r="226433" spans="8:8">
      <c r="H226433" s="12"/>
    </row>
    <row r="226434" spans="8:8">
      <c r="H226434" s="12"/>
    </row>
    <row r="226435" spans="8:8">
      <c r="H226435" s="12"/>
    </row>
    <row r="226436" spans="8:8">
      <c r="H226436" s="12"/>
    </row>
    <row r="226437" spans="8:8">
      <c r="H226437" s="12"/>
    </row>
    <row r="226438" spans="8:8">
      <c r="H226438" s="12"/>
    </row>
    <row r="226439" spans="8:8">
      <c r="H226439" s="12"/>
    </row>
    <row r="226440" spans="8:8">
      <c r="H226440" s="12"/>
    </row>
    <row r="226441" spans="8:8">
      <c r="H226441" s="12"/>
    </row>
    <row r="226442" spans="8:8">
      <c r="H226442" s="12"/>
    </row>
    <row r="226443" spans="8:8">
      <c r="H226443" s="12"/>
    </row>
    <row r="226444" spans="8:8">
      <c r="H226444" s="12"/>
    </row>
    <row r="226445" spans="8:8">
      <c r="H226445" s="12"/>
    </row>
    <row r="226446" spans="8:8">
      <c r="H226446" s="12"/>
    </row>
    <row r="226447" spans="8:8">
      <c r="H226447" s="12"/>
    </row>
    <row r="226448" spans="8:8">
      <c r="H226448" s="12"/>
    </row>
    <row r="226449" spans="8:8">
      <c r="H226449" s="12"/>
    </row>
    <row r="226450" spans="8:8">
      <c r="H226450" s="12"/>
    </row>
    <row r="226451" spans="8:8">
      <c r="H226451" s="12"/>
    </row>
    <row r="226452" spans="8:8">
      <c r="H226452" s="12"/>
    </row>
    <row r="226453" spans="8:8">
      <c r="H226453" s="12"/>
    </row>
    <row r="226454" spans="8:8">
      <c r="H226454" s="12"/>
    </row>
    <row r="226455" spans="8:8">
      <c r="H226455" s="12"/>
    </row>
    <row r="226456" spans="8:8">
      <c r="H226456" s="12"/>
    </row>
    <row r="226457" spans="8:8">
      <c r="H226457" s="12"/>
    </row>
    <row r="226458" spans="8:8">
      <c r="H226458" s="12"/>
    </row>
    <row r="226459" spans="8:8">
      <c r="H226459" s="12"/>
    </row>
    <row r="226460" spans="8:8">
      <c r="H226460" s="12"/>
    </row>
    <row r="226461" spans="8:8">
      <c r="H226461" s="12"/>
    </row>
    <row r="226462" spans="8:8">
      <c r="H226462" s="12"/>
    </row>
    <row r="226463" spans="8:8">
      <c r="H226463" s="12"/>
    </row>
    <row r="226464" spans="8:8">
      <c r="H226464" s="12"/>
    </row>
    <row r="226465" spans="8:8">
      <c r="H226465" s="12"/>
    </row>
    <row r="226466" spans="8:8">
      <c r="H226466" s="12"/>
    </row>
    <row r="226467" spans="8:8">
      <c r="H226467" s="12"/>
    </row>
    <row r="226468" spans="8:8">
      <c r="H226468" s="12"/>
    </row>
    <row r="226469" spans="8:8">
      <c r="H226469" s="12"/>
    </row>
    <row r="226470" spans="8:8">
      <c r="H226470" s="12"/>
    </row>
    <row r="226471" spans="8:8">
      <c r="H226471" s="12"/>
    </row>
    <row r="226472" spans="8:8">
      <c r="H226472" s="12"/>
    </row>
    <row r="226473" spans="8:8">
      <c r="H226473" s="12"/>
    </row>
    <row r="226474" spans="8:8">
      <c r="H226474" s="12"/>
    </row>
    <row r="226475" spans="8:8">
      <c r="H226475" s="12"/>
    </row>
    <row r="226476" spans="8:8">
      <c r="H226476" s="12"/>
    </row>
    <row r="226477" spans="8:8">
      <c r="H226477" s="12"/>
    </row>
    <row r="226478" spans="8:8">
      <c r="H226478" s="12"/>
    </row>
    <row r="226479" spans="8:8">
      <c r="H226479" s="12"/>
    </row>
    <row r="226480" spans="8:8">
      <c r="H226480" s="12"/>
    </row>
    <row r="226481" spans="8:8">
      <c r="H226481" s="12"/>
    </row>
    <row r="226482" spans="8:8">
      <c r="H226482" s="12"/>
    </row>
    <row r="226483" spans="8:8">
      <c r="H226483" s="12"/>
    </row>
    <row r="226484" spans="8:8">
      <c r="H226484" s="12"/>
    </row>
    <row r="226485" spans="8:8">
      <c r="H226485" s="12"/>
    </row>
    <row r="226486" spans="8:8">
      <c r="H226486" s="12"/>
    </row>
    <row r="226487" spans="8:8">
      <c r="H226487" s="12"/>
    </row>
    <row r="226488" spans="8:8">
      <c r="H226488" s="12"/>
    </row>
    <row r="226489" spans="8:8">
      <c r="H226489" s="12"/>
    </row>
    <row r="226490" spans="8:8">
      <c r="H226490" s="12"/>
    </row>
    <row r="226491" spans="8:8">
      <c r="H226491" s="12"/>
    </row>
    <row r="226492" spans="8:8">
      <c r="H226492" s="12"/>
    </row>
    <row r="226493" spans="8:8">
      <c r="H226493" s="12"/>
    </row>
    <row r="226494" spans="8:8">
      <c r="H226494" s="12"/>
    </row>
    <row r="226495" spans="8:8">
      <c r="H226495" s="12"/>
    </row>
    <row r="226496" spans="8:8">
      <c r="H226496" s="12"/>
    </row>
    <row r="226497" spans="8:8">
      <c r="H226497" s="12"/>
    </row>
    <row r="226498" spans="8:8">
      <c r="H226498" s="12"/>
    </row>
    <row r="226499" spans="8:8">
      <c r="H226499" s="12"/>
    </row>
    <row r="226500" spans="8:8">
      <c r="H226500" s="12"/>
    </row>
    <row r="226501" spans="8:8">
      <c r="H226501" s="12"/>
    </row>
    <row r="226502" spans="8:8">
      <c r="H226502" s="12"/>
    </row>
    <row r="226503" spans="8:8">
      <c r="H226503" s="12"/>
    </row>
    <row r="226504" spans="8:8">
      <c r="H226504" s="12"/>
    </row>
    <row r="226505" spans="8:8">
      <c r="H226505" s="12"/>
    </row>
    <row r="226506" spans="8:8">
      <c r="H226506" s="12"/>
    </row>
    <row r="226507" spans="8:8">
      <c r="H226507" s="12"/>
    </row>
    <row r="226508" spans="8:8">
      <c r="H226508" s="12"/>
    </row>
    <row r="226509" spans="8:8">
      <c r="H226509" s="12"/>
    </row>
    <row r="226510" spans="8:8">
      <c r="H226510" s="12"/>
    </row>
    <row r="226511" spans="8:8">
      <c r="H226511" s="12"/>
    </row>
    <row r="226512" spans="8:8">
      <c r="H226512" s="12"/>
    </row>
    <row r="226513" spans="8:8">
      <c r="H226513" s="12"/>
    </row>
    <row r="226514" spans="8:8">
      <c r="H226514" s="12"/>
    </row>
    <row r="226515" spans="8:8">
      <c r="H226515" s="12"/>
    </row>
    <row r="226516" spans="8:8">
      <c r="H226516" s="12"/>
    </row>
    <row r="226517" spans="8:8">
      <c r="H226517" s="12"/>
    </row>
    <row r="226518" spans="8:8">
      <c r="H226518" s="12"/>
    </row>
    <row r="226519" spans="8:8">
      <c r="H226519" s="12"/>
    </row>
    <row r="226520" spans="8:8">
      <c r="H226520" s="12"/>
    </row>
    <row r="226521" spans="8:8">
      <c r="H226521" s="12"/>
    </row>
    <row r="226522" spans="8:8">
      <c r="H226522" s="12"/>
    </row>
    <row r="226523" spans="8:8">
      <c r="H226523" s="12"/>
    </row>
    <row r="226524" spans="8:8">
      <c r="H226524" s="12"/>
    </row>
    <row r="226525" spans="8:8">
      <c r="H226525" s="12"/>
    </row>
    <row r="226526" spans="8:8">
      <c r="H226526" s="12"/>
    </row>
    <row r="226527" spans="8:8">
      <c r="H226527" s="12"/>
    </row>
    <row r="226528" spans="8:8">
      <c r="H226528" s="12"/>
    </row>
    <row r="226529" spans="8:8">
      <c r="H226529" s="12"/>
    </row>
    <row r="226530" spans="8:8">
      <c r="H226530" s="12"/>
    </row>
    <row r="226531" spans="8:8">
      <c r="H226531" s="12"/>
    </row>
    <row r="226532" spans="8:8">
      <c r="H226532" s="12"/>
    </row>
    <row r="226533" spans="8:8">
      <c r="H226533" s="12"/>
    </row>
    <row r="226534" spans="8:8">
      <c r="H226534" s="12"/>
    </row>
    <row r="226535" spans="8:8">
      <c r="H226535" s="12"/>
    </row>
    <row r="226536" spans="8:8">
      <c r="H226536" s="12"/>
    </row>
    <row r="226537" spans="8:8">
      <c r="H226537" s="12"/>
    </row>
    <row r="226538" spans="8:8">
      <c r="H226538" s="12"/>
    </row>
    <row r="226539" spans="8:8">
      <c r="H226539" s="12"/>
    </row>
    <row r="226540" spans="8:8">
      <c r="H226540" s="12"/>
    </row>
    <row r="226541" spans="8:8">
      <c r="H226541" s="12"/>
    </row>
    <row r="226542" spans="8:8">
      <c r="H226542" s="12"/>
    </row>
    <row r="226543" spans="8:8">
      <c r="H226543" s="12"/>
    </row>
    <row r="226544" spans="8:8">
      <c r="H226544" s="12"/>
    </row>
    <row r="226545" spans="8:8">
      <c r="H226545" s="12"/>
    </row>
    <row r="226546" spans="8:8">
      <c r="H226546" s="12"/>
    </row>
    <row r="226547" spans="8:8">
      <c r="H226547" s="12"/>
    </row>
    <row r="226548" spans="8:8">
      <c r="H226548" s="12"/>
    </row>
    <row r="226549" spans="8:8">
      <c r="H226549" s="12"/>
    </row>
    <row r="226550" spans="8:8">
      <c r="H226550" s="12"/>
    </row>
    <row r="226551" spans="8:8">
      <c r="H226551" s="12"/>
    </row>
    <row r="226552" spans="8:8">
      <c r="H226552" s="12"/>
    </row>
    <row r="226553" spans="8:8">
      <c r="H226553" s="12"/>
    </row>
    <row r="226554" spans="8:8">
      <c r="H226554" s="12"/>
    </row>
    <row r="226555" spans="8:8">
      <c r="H226555" s="12"/>
    </row>
    <row r="226556" spans="8:8">
      <c r="H226556" s="12"/>
    </row>
    <row r="226557" spans="8:8">
      <c r="H226557" s="12"/>
    </row>
    <row r="226558" spans="8:8">
      <c r="H226558" s="12"/>
    </row>
    <row r="226559" spans="8:8">
      <c r="H226559" s="12"/>
    </row>
    <row r="226560" spans="8:8">
      <c r="H226560" s="12"/>
    </row>
    <row r="226561" spans="8:8">
      <c r="H226561" s="12"/>
    </row>
    <row r="226562" spans="8:8">
      <c r="H226562" s="12"/>
    </row>
    <row r="226563" spans="8:8">
      <c r="H226563" s="12"/>
    </row>
    <row r="226564" spans="8:8">
      <c r="H226564" s="12"/>
    </row>
    <row r="226565" spans="8:8">
      <c r="H226565" s="12"/>
    </row>
    <row r="226566" spans="8:8">
      <c r="H226566" s="12"/>
    </row>
    <row r="226567" spans="8:8">
      <c r="H226567" s="12"/>
    </row>
    <row r="226568" spans="8:8">
      <c r="H226568" s="12"/>
    </row>
    <row r="226569" spans="8:8">
      <c r="H226569" s="12"/>
    </row>
    <row r="226570" spans="8:8">
      <c r="H226570" s="12"/>
    </row>
    <row r="226571" spans="8:8">
      <c r="H226571" s="12"/>
    </row>
    <row r="226572" spans="8:8">
      <c r="H226572" s="12"/>
    </row>
    <row r="226573" spans="8:8">
      <c r="H226573" s="12"/>
    </row>
    <row r="226574" spans="8:8">
      <c r="H226574" s="12"/>
    </row>
    <row r="226575" spans="8:8">
      <c r="H226575" s="12"/>
    </row>
    <row r="226576" spans="8:8">
      <c r="H226576" s="12"/>
    </row>
    <row r="226577" spans="8:8">
      <c r="H226577" s="12"/>
    </row>
    <row r="226578" spans="8:8">
      <c r="H226578" s="12"/>
    </row>
    <row r="226579" spans="8:8">
      <c r="H226579" s="12"/>
    </row>
    <row r="226580" spans="8:8">
      <c r="H226580" s="12"/>
    </row>
    <row r="226581" spans="8:8">
      <c r="H226581" s="12"/>
    </row>
    <row r="226582" spans="8:8">
      <c r="H226582" s="12"/>
    </row>
    <row r="226583" spans="8:8">
      <c r="H226583" s="12"/>
    </row>
    <row r="226584" spans="8:8">
      <c r="H226584" s="12"/>
    </row>
    <row r="226585" spans="8:8">
      <c r="H226585" s="12"/>
    </row>
    <row r="226586" spans="8:8">
      <c r="H226586" s="12"/>
    </row>
    <row r="226587" spans="8:8">
      <c r="H226587" s="12"/>
    </row>
    <row r="226588" spans="8:8">
      <c r="H226588" s="12"/>
    </row>
    <row r="226589" spans="8:8">
      <c r="H226589" s="12"/>
    </row>
    <row r="226590" spans="8:8">
      <c r="H226590" s="12"/>
    </row>
    <row r="226591" spans="8:8">
      <c r="H226591" s="12"/>
    </row>
    <row r="226592" spans="8:8">
      <c r="H226592" s="12"/>
    </row>
    <row r="226593" spans="8:8">
      <c r="H226593" s="12"/>
    </row>
    <row r="226594" spans="8:8">
      <c r="H226594" s="12"/>
    </row>
    <row r="226595" spans="8:8">
      <c r="H226595" s="12"/>
    </row>
    <row r="226596" spans="8:8">
      <c r="H226596" s="12"/>
    </row>
    <row r="226597" spans="8:8">
      <c r="H226597" s="12"/>
    </row>
    <row r="226598" spans="8:8">
      <c r="H226598" s="12"/>
    </row>
    <row r="226599" spans="8:8">
      <c r="H226599" s="12"/>
    </row>
    <row r="226600" spans="8:8">
      <c r="H226600" s="12"/>
    </row>
    <row r="226601" spans="8:8">
      <c r="H226601" s="12"/>
    </row>
    <row r="226602" spans="8:8">
      <c r="H226602" s="12"/>
    </row>
    <row r="226603" spans="8:8">
      <c r="H226603" s="12"/>
    </row>
    <row r="226604" spans="8:8">
      <c r="H226604" s="12"/>
    </row>
    <row r="226605" spans="8:8">
      <c r="H226605" s="12"/>
    </row>
    <row r="226606" spans="8:8">
      <c r="H226606" s="12"/>
    </row>
    <row r="226607" spans="8:8">
      <c r="H226607" s="12"/>
    </row>
    <row r="226608" spans="8:8">
      <c r="H226608" s="12"/>
    </row>
    <row r="226609" spans="8:8">
      <c r="H226609" s="12"/>
    </row>
    <row r="226610" spans="8:8">
      <c r="H226610" s="12"/>
    </row>
    <row r="226611" spans="8:8">
      <c r="H226611" s="12"/>
    </row>
    <row r="226612" spans="8:8">
      <c r="H226612" s="12"/>
    </row>
    <row r="226613" spans="8:8">
      <c r="H226613" s="12"/>
    </row>
    <row r="226614" spans="8:8">
      <c r="H226614" s="12"/>
    </row>
    <row r="226615" spans="8:8">
      <c r="H226615" s="12"/>
    </row>
    <row r="226616" spans="8:8">
      <c r="H226616" s="12"/>
    </row>
    <row r="226617" spans="8:8">
      <c r="H226617" s="12"/>
    </row>
    <row r="226618" spans="8:8">
      <c r="H226618" s="12"/>
    </row>
    <row r="226619" spans="8:8">
      <c r="H226619" s="12"/>
    </row>
    <row r="226620" spans="8:8">
      <c r="H226620" s="12"/>
    </row>
    <row r="226621" spans="8:8">
      <c r="H226621" s="12"/>
    </row>
    <row r="226622" spans="8:8">
      <c r="H226622" s="12"/>
    </row>
    <row r="226623" spans="8:8">
      <c r="H226623" s="12"/>
    </row>
    <row r="226624" spans="8:8">
      <c r="H226624" s="12"/>
    </row>
    <row r="226625" spans="8:8">
      <c r="H226625" s="12"/>
    </row>
    <row r="226626" spans="8:8">
      <c r="H226626" s="12"/>
    </row>
    <row r="226627" spans="8:8">
      <c r="H226627" s="12"/>
    </row>
    <row r="226628" spans="8:8">
      <c r="H226628" s="12"/>
    </row>
    <row r="226629" spans="8:8">
      <c r="H226629" s="12"/>
    </row>
    <row r="226630" spans="8:8">
      <c r="H226630" s="12"/>
    </row>
    <row r="226631" spans="8:8">
      <c r="H226631" s="12"/>
    </row>
    <row r="226632" spans="8:8">
      <c r="H226632" s="12"/>
    </row>
    <row r="226633" spans="8:8">
      <c r="H226633" s="12"/>
    </row>
    <row r="226634" spans="8:8">
      <c r="H226634" s="12"/>
    </row>
    <row r="226635" spans="8:8">
      <c r="H226635" s="12"/>
    </row>
    <row r="226636" spans="8:8">
      <c r="H226636" s="12"/>
    </row>
    <row r="226637" spans="8:8">
      <c r="H226637" s="12"/>
    </row>
    <row r="226638" spans="8:8">
      <c r="H226638" s="12"/>
    </row>
    <row r="226639" spans="8:8">
      <c r="H226639" s="12"/>
    </row>
    <row r="226640" spans="8:8">
      <c r="H226640" s="12"/>
    </row>
    <row r="226641" spans="8:8">
      <c r="H226641" s="12"/>
    </row>
    <row r="226642" spans="8:8">
      <c r="H226642" s="12"/>
    </row>
    <row r="226643" spans="8:8">
      <c r="H226643" s="12"/>
    </row>
    <row r="226644" spans="8:8">
      <c r="H226644" s="12"/>
    </row>
    <row r="226645" spans="8:8">
      <c r="H226645" s="12"/>
    </row>
    <row r="226646" spans="8:8">
      <c r="H226646" s="12"/>
    </row>
    <row r="226647" spans="8:8">
      <c r="H226647" s="12"/>
    </row>
    <row r="226648" spans="8:8">
      <c r="H226648" s="12"/>
    </row>
    <row r="226649" spans="8:8">
      <c r="H226649" s="12"/>
    </row>
    <row r="226650" spans="8:8">
      <c r="H226650" s="12"/>
    </row>
    <row r="226651" spans="8:8">
      <c r="H226651" s="12"/>
    </row>
    <row r="226652" spans="8:8">
      <c r="H226652" s="12"/>
    </row>
    <row r="226653" spans="8:8">
      <c r="H226653" s="12"/>
    </row>
    <row r="226654" spans="8:8">
      <c r="H226654" s="12"/>
    </row>
    <row r="226655" spans="8:8">
      <c r="H226655" s="12"/>
    </row>
    <row r="226656" spans="8:8">
      <c r="H226656" s="12"/>
    </row>
    <row r="226657" spans="8:8">
      <c r="H226657" s="12"/>
    </row>
    <row r="226658" spans="8:8">
      <c r="H226658" s="12"/>
    </row>
    <row r="226659" spans="8:8">
      <c r="H226659" s="12"/>
    </row>
    <row r="226660" spans="8:8">
      <c r="H226660" s="12"/>
    </row>
    <row r="226661" spans="8:8">
      <c r="H226661" s="12"/>
    </row>
    <row r="226662" spans="8:8">
      <c r="H226662" s="12"/>
    </row>
    <row r="226663" spans="8:8">
      <c r="H226663" s="12"/>
    </row>
    <row r="226664" spans="8:8">
      <c r="H226664" s="12"/>
    </row>
    <row r="226665" spans="8:8">
      <c r="H226665" s="12"/>
    </row>
    <row r="226666" spans="8:8">
      <c r="H226666" s="12"/>
    </row>
    <row r="226667" spans="8:8">
      <c r="H226667" s="12"/>
    </row>
    <row r="226668" spans="8:8">
      <c r="H226668" s="12"/>
    </row>
    <row r="226669" spans="8:8">
      <c r="H226669" s="12"/>
    </row>
    <row r="226670" spans="8:8">
      <c r="H226670" s="12"/>
    </row>
    <row r="226671" spans="8:8">
      <c r="H226671" s="12"/>
    </row>
    <row r="226672" spans="8:8">
      <c r="H226672" s="12"/>
    </row>
    <row r="226673" spans="8:8">
      <c r="H226673" s="12"/>
    </row>
    <row r="226674" spans="8:8">
      <c r="H226674" s="12"/>
    </row>
    <row r="226675" spans="8:8">
      <c r="H226675" s="12"/>
    </row>
    <row r="226676" spans="8:8">
      <c r="H226676" s="12"/>
    </row>
    <row r="226677" spans="8:8">
      <c r="H226677" s="12"/>
    </row>
    <row r="226678" spans="8:8">
      <c r="H226678" s="12"/>
    </row>
    <row r="226679" spans="8:8">
      <c r="H226679" s="12"/>
    </row>
    <row r="226680" spans="8:8">
      <c r="H226680" s="12"/>
    </row>
    <row r="226681" spans="8:8">
      <c r="H226681" s="12"/>
    </row>
    <row r="226682" spans="8:8">
      <c r="H226682" s="12"/>
    </row>
    <row r="226683" spans="8:8">
      <c r="H226683" s="12"/>
    </row>
    <row r="226684" spans="8:8">
      <c r="H226684" s="12"/>
    </row>
    <row r="226685" spans="8:8">
      <c r="H226685" s="12"/>
    </row>
    <row r="226686" spans="8:8">
      <c r="H226686" s="12"/>
    </row>
    <row r="226687" spans="8:8">
      <c r="H226687" s="12"/>
    </row>
    <row r="226688" spans="8:8">
      <c r="H226688" s="12"/>
    </row>
    <row r="226689" spans="8:8">
      <c r="H226689" s="12"/>
    </row>
    <row r="226690" spans="8:8">
      <c r="H226690" s="12"/>
    </row>
    <row r="226691" spans="8:8">
      <c r="H226691" s="12"/>
    </row>
    <row r="226692" spans="8:8">
      <c r="H226692" s="12"/>
    </row>
    <row r="226693" spans="8:8">
      <c r="H226693" s="12"/>
    </row>
    <row r="226694" spans="8:8">
      <c r="H226694" s="12"/>
    </row>
    <row r="226695" spans="8:8">
      <c r="H226695" s="12"/>
    </row>
    <row r="226696" spans="8:8">
      <c r="H226696" s="12"/>
    </row>
    <row r="226697" spans="8:8">
      <c r="H226697" s="12"/>
    </row>
    <row r="226698" spans="8:8">
      <c r="H226698" s="12"/>
    </row>
    <row r="226699" spans="8:8">
      <c r="H226699" s="12"/>
    </row>
    <row r="226700" spans="8:8">
      <c r="H226700" s="12"/>
    </row>
    <row r="226701" spans="8:8">
      <c r="H226701" s="12"/>
    </row>
    <row r="226702" spans="8:8">
      <c r="H226702" s="12"/>
    </row>
    <row r="226703" spans="8:8">
      <c r="H226703" s="12"/>
    </row>
    <row r="226704" spans="8:8">
      <c r="H226704" s="12"/>
    </row>
    <row r="226705" spans="8:8">
      <c r="H226705" s="12"/>
    </row>
    <row r="226706" spans="8:8">
      <c r="H226706" s="12"/>
    </row>
    <row r="226707" spans="8:8">
      <c r="H226707" s="12"/>
    </row>
    <row r="226708" spans="8:8">
      <c r="H226708" s="12"/>
    </row>
    <row r="226709" spans="8:8">
      <c r="H226709" s="12"/>
    </row>
    <row r="226710" spans="8:8">
      <c r="H226710" s="12"/>
    </row>
    <row r="226711" spans="8:8">
      <c r="H226711" s="12"/>
    </row>
    <row r="226712" spans="8:8">
      <c r="H226712" s="12"/>
    </row>
    <row r="226713" spans="8:8">
      <c r="H226713" s="12"/>
    </row>
    <row r="226714" spans="8:8">
      <c r="H226714" s="12"/>
    </row>
    <row r="226715" spans="8:8">
      <c r="H226715" s="12"/>
    </row>
    <row r="226716" spans="8:8">
      <c r="H226716" s="12"/>
    </row>
    <row r="226717" spans="8:8">
      <c r="H226717" s="12"/>
    </row>
    <row r="226718" spans="8:8">
      <c r="H226718" s="12"/>
    </row>
    <row r="226719" spans="8:8">
      <c r="H226719" s="12"/>
    </row>
    <row r="226720" spans="8:8">
      <c r="H226720" s="12"/>
    </row>
    <row r="226721" spans="8:8">
      <c r="H226721" s="12"/>
    </row>
    <row r="226722" spans="8:8">
      <c r="H226722" s="12"/>
    </row>
    <row r="226723" spans="8:8">
      <c r="H226723" s="12"/>
    </row>
    <row r="226724" spans="8:8">
      <c r="H226724" s="12"/>
    </row>
    <row r="226725" spans="8:8">
      <c r="H226725" s="12"/>
    </row>
    <row r="226726" spans="8:8">
      <c r="H226726" s="12"/>
    </row>
    <row r="226727" spans="8:8">
      <c r="H226727" s="12"/>
    </row>
    <row r="226728" spans="8:8">
      <c r="H226728" s="12"/>
    </row>
    <row r="226729" spans="8:8">
      <c r="H226729" s="12"/>
    </row>
    <row r="226730" spans="8:8">
      <c r="H226730" s="12"/>
    </row>
    <row r="226731" spans="8:8">
      <c r="H226731" s="12"/>
    </row>
    <row r="226732" spans="8:8">
      <c r="H226732" s="12"/>
    </row>
    <row r="226733" spans="8:8">
      <c r="H226733" s="12"/>
    </row>
    <row r="226734" spans="8:8">
      <c r="H226734" s="12"/>
    </row>
    <row r="226735" spans="8:8">
      <c r="H226735" s="12"/>
    </row>
    <row r="226736" spans="8:8">
      <c r="H226736" s="12"/>
    </row>
    <row r="226737" spans="8:8">
      <c r="H226737" s="12"/>
    </row>
    <row r="226738" spans="8:8">
      <c r="H226738" s="12"/>
    </row>
    <row r="226739" spans="8:8">
      <c r="H226739" s="12"/>
    </row>
    <row r="226740" spans="8:8">
      <c r="H226740" s="12"/>
    </row>
    <row r="226741" spans="8:8">
      <c r="H226741" s="12"/>
    </row>
    <row r="226742" spans="8:8">
      <c r="H226742" s="12"/>
    </row>
    <row r="226743" spans="8:8">
      <c r="H226743" s="12"/>
    </row>
    <row r="226744" spans="8:8">
      <c r="H226744" s="12"/>
    </row>
    <row r="226745" spans="8:8">
      <c r="H226745" s="12"/>
    </row>
    <row r="226746" spans="8:8">
      <c r="H226746" s="12"/>
    </row>
    <row r="226747" spans="8:8">
      <c r="H226747" s="12"/>
    </row>
    <row r="226748" spans="8:8">
      <c r="H226748" s="12"/>
    </row>
    <row r="226749" spans="8:8">
      <c r="H226749" s="12"/>
    </row>
    <row r="226750" spans="8:8">
      <c r="H226750" s="12"/>
    </row>
    <row r="226751" spans="8:8">
      <c r="H226751" s="12"/>
    </row>
    <row r="226752" spans="8:8">
      <c r="H226752" s="12"/>
    </row>
    <row r="226753" spans="8:8">
      <c r="H226753" s="12"/>
    </row>
    <row r="226754" spans="8:8">
      <c r="H226754" s="12"/>
    </row>
    <row r="226755" spans="8:8">
      <c r="H226755" s="12"/>
    </row>
    <row r="226756" spans="8:8">
      <c r="H226756" s="12"/>
    </row>
    <row r="226757" spans="8:8">
      <c r="H226757" s="12"/>
    </row>
    <row r="226758" spans="8:8">
      <c r="H226758" s="12"/>
    </row>
    <row r="226759" spans="8:8">
      <c r="H226759" s="12"/>
    </row>
    <row r="226760" spans="8:8">
      <c r="H226760" s="12"/>
    </row>
    <row r="226761" spans="8:8">
      <c r="H226761" s="12"/>
    </row>
    <row r="226762" spans="8:8">
      <c r="H226762" s="12"/>
    </row>
    <row r="226763" spans="8:8">
      <c r="H226763" s="12"/>
    </row>
    <row r="226764" spans="8:8">
      <c r="H226764" s="12"/>
    </row>
    <row r="226765" spans="8:8">
      <c r="H226765" s="12"/>
    </row>
    <row r="226766" spans="8:8">
      <c r="H226766" s="12"/>
    </row>
    <row r="226767" spans="8:8">
      <c r="H226767" s="12"/>
    </row>
    <row r="226768" spans="8:8">
      <c r="H226768" s="12"/>
    </row>
    <row r="226769" spans="8:8">
      <c r="H226769" s="12"/>
    </row>
    <row r="226770" spans="8:8">
      <c r="H226770" s="12"/>
    </row>
    <row r="226771" spans="8:8">
      <c r="H226771" s="12"/>
    </row>
    <row r="226772" spans="8:8">
      <c r="H226772" s="12"/>
    </row>
    <row r="226773" spans="8:8">
      <c r="H226773" s="12"/>
    </row>
    <row r="226774" spans="8:8">
      <c r="H226774" s="12"/>
    </row>
    <row r="226775" spans="8:8">
      <c r="H226775" s="12"/>
    </row>
    <row r="226776" spans="8:8">
      <c r="H226776" s="12"/>
    </row>
    <row r="226777" spans="8:8">
      <c r="H226777" s="12"/>
    </row>
    <row r="226778" spans="8:8">
      <c r="H226778" s="12"/>
    </row>
    <row r="226779" spans="8:8">
      <c r="H226779" s="12"/>
    </row>
    <row r="226780" spans="8:8">
      <c r="H226780" s="12"/>
    </row>
    <row r="226781" spans="8:8">
      <c r="H226781" s="12"/>
    </row>
    <row r="226782" spans="8:8">
      <c r="H226782" s="12"/>
    </row>
    <row r="226783" spans="8:8">
      <c r="H226783" s="12"/>
    </row>
    <row r="226784" spans="8:8">
      <c r="H226784" s="12"/>
    </row>
    <row r="226785" spans="8:8">
      <c r="H226785" s="12"/>
    </row>
    <row r="226786" spans="8:8">
      <c r="H226786" s="12"/>
    </row>
    <row r="226787" spans="8:8">
      <c r="H226787" s="12"/>
    </row>
    <row r="226788" spans="8:8">
      <c r="H226788" s="12"/>
    </row>
    <row r="226789" spans="8:8">
      <c r="H226789" s="12"/>
    </row>
    <row r="226790" spans="8:8">
      <c r="H226790" s="12"/>
    </row>
    <row r="226791" spans="8:8">
      <c r="H226791" s="12"/>
    </row>
    <row r="226792" spans="8:8">
      <c r="H226792" s="12"/>
    </row>
    <row r="226793" spans="8:8">
      <c r="H226793" s="12"/>
    </row>
    <row r="226794" spans="8:8">
      <c r="H226794" s="12"/>
    </row>
    <row r="226795" spans="8:8">
      <c r="H226795" s="12"/>
    </row>
    <row r="226796" spans="8:8">
      <c r="H226796" s="12"/>
    </row>
    <row r="226797" spans="8:8">
      <c r="H226797" s="12"/>
    </row>
    <row r="226798" spans="8:8">
      <c r="H226798" s="12"/>
    </row>
    <row r="226799" spans="8:8">
      <c r="H226799" s="12"/>
    </row>
    <row r="226800" spans="8:8">
      <c r="H226800" s="12"/>
    </row>
    <row r="226801" spans="8:8">
      <c r="H226801" s="12"/>
    </row>
    <row r="226802" spans="8:8">
      <c r="H226802" s="12"/>
    </row>
    <row r="226803" spans="8:8">
      <c r="H226803" s="12"/>
    </row>
    <row r="226804" spans="8:8">
      <c r="H226804" s="12"/>
    </row>
    <row r="226805" spans="8:8">
      <c r="H226805" s="12"/>
    </row>
    <row r="226806" spans="8:8">
      <c r="H226806" s="12"/>
    </row>
    <row r="226807" spans="8:8">
      <c r="H226807" s="12"/>
    </row>
    <row r="226808" spans="8:8">
      <c r="H226808" s="12"/>
    </row>
    <row r="226809" spans="8:8">
      <c r="H226809" s="12"/>
    </row>
    <row r="226810" spans="8:8">
      <c r="H226810" s="12"/>
    </row>
    <row r="226811" spans="8:8">
      <c r="H226811" s="12"/>
    </row>
    <row r="226812" spans="8:8">
      <c r="H226812" s="12"/>
    </row>
    <row r="226813" spans="8:8">
      <c r="H226813" s="12"/>
    </row>
    <row r="226814" spans="8:8">
      <c r="H226814" s="12"/>
    </row>
    <row r="226815" spans="8:8">
      <c r="H226815" s="12"/>
    </row>
    <row r="226816" spans="8:8">
      <c r="H226816" s="12"/>
    </row>
    <row r="226817" spans="8:8">
      <c r="H226817" s="12"/>
    </row>
    <row r="226818" spans="8:8">
      <c r="H226818" s="12"/>
    </row>
    <row r="226819" spans="8:8">
      <c r="H226819" s="12"/>
    </row>
    <row r="226820" spans="8:8">
      <c r="H226820" s="12"/>
    </row>
    <row r="226821" spans="8:8">
      <c r="H226821" s="12"/>
    </row>
    <row r="226822" spans="8:8">
      <c r="H226822" s="12"/>
    </row>
    <row r="226823" spans="8:8">
      <c r="H226823" s="12"/>
    </row>
    <row r="226824" spans="8:8">
      <c r="H226824" s="12"/>
    </row>
    <row r="226825" spans="8:8">
      <c r="H226825" s="12"/>
    </row>
    <row r="226826" spans="8:8">
      <c r="H226826" s="12"/>
    </row>
    <row r="226827" spans="8:8">
      <c r="H226827" s="12"/>
    </row>
    <row r="226828" spans="8:8">
      <c r="H226828" s="12"/>
    </row>
    <row r="226829" spans="8:8">
      <c r="H226829" s="12"/>
    </row>
    <row r="226830" spans="8:8">
      <c r="H226830" s="12"/>
    </row>
    <row r="226831" spans="8:8">
      <c r="H226831" s="12"/>
    </row>
    <row r="226832" spans="8:8">
      <c r="H226832" s="12"/>
    </row>
    <row r="226833" spans="8:8">
      <c r="H226833" s="12"/>
    </row>
    <row r="226834" spans="8:8">
      <c r="H226834" s="12"/>
    </row>
    <row r="226835" spans="8:8">
      <c r="H226835" s="12"/>
    </row>
    <row r="226836" spans="8:8">
      <c r="H226836" s="12"/>
    </row>
    <row r="226837" spans="8:8">
      <c r="H226837" s="12"/>
    </row>
    <row r="226838" spans="8:8">
      <c r="H226838" s="12"/>
    </row>
    <row r="226839" spans="8:8">
      <c r="H226839" s="12"/>
    </row>
    <row r="226840" spans="8:8">
      <c r="H226840" s="12"/>
    </row>
    <row r="226841" spans="8:8">
      <c r="H226841" s="12"/>
    </row>
    <row r="226842" spans="8:8">
      <c r="H226842" s="12"/>
    </row>
    <row r="226843" spans="8:8">
      <c r="H226843" s="12"/>
    </row>
    <row r="226844" spans="8:8">
      <c r="H226844" s="12"/>
    </row>
    <row r="226845" spans="8:8">
      <c r="H226845" s="12"/>
    </row>
    <row r="226846" spans="8:8">
      <c r="H226846" s="12"/>
    </row>
    <row r="226847" spans="8:8">
      <c r="H226847" s="12"/>
    </row>
    <row r="226848" spans="8:8">
      <c r="H226848" s="12"/>
    </row>
    <row r="226849" spans="8:8">
      <c r="H226849" s="12"/>
    </row>
    <row r="226850" spans="8:8">
      <c r="H226850" s="12"/>
    </row>
    <row r="226851" spans="8:8">
      <c r="H226851" s="12"/>
    </row>
    <row r="226852" spans="8:8">
      <c r="H226852" s="12"/>
    </row>
    <row r="226853" spans="8:8">
      <c r="H226853" s="12"/>
    </row>
    <row r="226854" spans="8:8">
      <c r="H226854" s="12"/>
    </row>
    <row r="226855" spans="8:8">
      <c r="H226855" s="12"/>
    </row>
    <row r="226856" spans="8:8">
      <c r="H226856" s="12"/>
    </row>
    <row r="226857" spans="8:8">
      <c r="H226857" s="12"/>
    </row>
    <row r="226858" spans="8:8">
      <c r="H226858" s="12"/>
    </row>
    <row r="226859" spans="8:8">
      <c r="H226859" s="12"/>
    </row>
    <row r="226860" spans="8:8">
      <c r="H226860" s="12"/>
    </row>
    <row r="226861" spans="8:8">
      <c r="H226861" s="12"/>
    </row>
    <row r="226862" spans="8:8">
      <c r="H226862" s="12"/>
    </row>
    <row r="226863" spans="8:8">
      <c r="H226863" s="12"/>
    </row>
    <row r="226864" spans="8:8">
      <c r="H226864" s="12"/>
    </row>
    <row r="226865" spans="8:8">
      <c r="H226865" s="12"/>
    </row>
    <row r="226866" spans="8:8">
      <c r="H226866" s="12"/>
    </row>
    <row r="226867" spans="8:8">
      <c r="H226867" s="12"/>
    </row>
    <row r="226868" spans="8:8">
      <c r="H226868" s="12"/>
    </row>
    <row r="226869" spans="8:8">
      <c r="H226869" s="12"/>
    </row>
    <row r="226870" spans="8:8">
      <c r="H226870" s="12"/>
    </row>
    <row r="226871" spans="8:8">
      <c r="H226871" s="12"/>
    </row>
    <row r="226872" spans="8:8">
      <c r="H226872" s="12"/>
    </row>
    <row r="226873" spans="8:8">
      <c r="H226873" s="12"/>
    </row>
    <row r="226874" spans="8:8">
      <c r="H226874" s="12"/>
    </row>
    <row r="226875" spans="8:8">
      <c r="H226875" s="12"/>
    </row>
    <row r="226876" spans="8:8">
      <c r="H226876" s="12"/>
    </row>
    <row r="226877" spans="8:8">
      <c r="H226877" s="12"/>
    </row>
    <row r="226878" spans="8:8">
      <c r="H226878" s="12"/>
    </row>
    <row r="226879" spans="8:8">
      <c r="H226879" s="12"/>
    </row>
    <row r="226880" spans="8:8">
      <c r="H226880" s="12"/>
    </row>
    <row r="226881" spans="8:8">
      <c r="H226881" s="12"/>
    </row>
    <row r="226882" spans="8:8">
      <c r="H226882" s="12"/>
    </row>
    <row r="226883" spans="8:8">
      <c r="H226883" s="12"/>
    </row>
    <row r="226884" spans="8:8">
      <c r="H226884" s="12"/>
    </row>
    <row r="226885" spans="8:8">
      <c r="H226885" s="12"/>
    </row>
    <row r="226886" spans="8:8">
      <c r="H226886" s="12"/>
    </row>
    <row r="226887" spans="8:8">
      <c r="H226887" s="12"/>
    </row>
    <row r="226888" spans="8:8">
      <c r="H226888" s="12"/>
    </row>
    <row r="226889" spans="8:8">
      <c r="H226889" s="12"/>
    </row>
    <row r="226890" spans="8:8">
      <c r="H226890" s="12"/>
    </row>
    <row r="226891" spans="8:8">
      <c r="H226891" s="12"/>
    </row>
    <row r="226892" spans="8:8">
      <c r="H226892" s="12"/>
    </row>
    <row r="226893" spans="8:8">
      <c r="H226893" s="12"/>
    </row>
    <row r="226894" spans="8:8">
      <c r="H226894" s="12"/>
    </row>
    <row r="226895" spans="8:8">
      <c r="H226895" s="12"/>
    </row>
    <row r="226896" spans="8:8">
      <c r="H226896" s="12"/>
    </row>
    <row r="226897" spans="8:8">
      <c r="H226897" s="12"/>
    </row>
    <row r="226898" spans="8:8">
      <c r="H226898" s="12"/>
    </row>
    <row r="226899" spans="8:8">
      <c r="H226899" s="12"/>
    </row>
    <row r="226900" spans="8:8">
      <c r="H226900" s="12"/>
    </row>
    <row r="226901" spans="8:8">
      <c r="H226901" s="12"/>
    </row>
    <row r="226902" spans="8:8">
      <c r="H226902" s="12"/>
    </row>
    <row r="226903" spans="8:8">
      <c r="H226903" s="12"/>
    </row>
    <row r="226904" spans="8:8">
      <c r="H226904" s="12"/>
    </row>
    <row r="226905" spans="8:8">
      <c r="H226905" s="12"/>
    </row>
    <row r="226906" spans="8:8">
      <c r="H226906" s="12"/>
    </row>
    <row r="226907" spans="8:8">
      <c r="H226907" s="12"/>
    </row>
    <row r="226908" spans="8:8">
      <c r="H226908" s="12"/>
    </row>
    <row r="226909" spans="8:8">
      <c r="H226909" s="12"/>
    </row>
    <row r="226910" spans="8:8">
      <c r="H226910" s="12"/>
    </row>
    <row r="226911" spans="8:8">
      <c r="H226911" s="12"/>
    </row>
    <row r="226912" spans="8:8">
      <c r="H226912" s="12"/>
    </row>
    <row r="226913" spans="8:8">
      <c r="H226913" s="12"/>
    </row>
    <row r="226914" spans="8:8">
      <c r="H226914" s="12"/>
    </row>
    <row r="226915" spans="8:8">
      <c r="H226915" s="12"/>
    </row>
    <row r="226916" spans="8:8">
      <c r="H226916" s="12"/>
    </row>
    <row r="226917" spans="8:8">
      <c r="H226917" s="12"/>
    </row>
    <row r="226918" spans="8:8">
      <c r="H226918" s="12"/>
    </row>
    <row r="226919" spans="8:8">
      <c r="H226919" s="12"/>
    </row>
    <row r="226920" spans="8:8">
      <c r="H226920" s="12"/>
    </row>
    <row r="226921" spans="8:8">
      <c r="H226921" s="12"/>
    </row>
    <row r="226922" spans="8:8">
      <c r="H226922" s="12"/>
    </row>
    <row r="226923" spans="8:8">
      <c r="H226923" s="12"/>
    </row>
    <row r="226924" spans="8:8">
      <c r="H226924" s="12"/>
    </row>
    <row r="226925" spans="8:8">
      <c r="H226925" s="12"/>
    </row>
    <row r="226926" spans="8:8">
      <c r="H226926" s="12"/>
    </row>
    <row r="226927" spans="8:8">
      <c r="H226927" s="12"/>
    </row>
    <row r="226928" spans="8:8">
      <c r="H226928" s="12"/>
    </row>
    <row r="226929" spans="8:8">
      <c r="H226929" s="12"/>
    </row>
    <row r="226930" spans="8:8">
      <c r="H226930" s="12"/>
    </row>
    <row r="226931" spans="8:8">
      <c r="H226931" s="12"/>
    </row>
    <row r="226932" spans="8:8">
      <c r="H226932" s="12"/>
    </row>
    <row r="226933" spans="8:8">
      <c r="H226933" s="12"/>
    </row>
    <row r="226934" spans="8:8">
      <c r="H226934" s="12"/>
    </row>
    <row r="226935" spans="8:8">
      <c r="H226935" s="12"/>
    </row>
    <row r="226936" spans="8:8">
      <c r="H226936" s="12"/>
    </row>
    <row r="226937" spans="8:8">
      <c r="H226937" s="12"/>
    </row>
    <row r="226938" spans="8:8">
      <c r="H226938" s="12"/>
    </row>
    <row r="226939" spans="8:8">
      <c r="H226939" s="12"/>
    </row>
    <row r="226940" spans="8:8">
      <c r="H226940" s="12"/>
    </row>
    <row r="226941" spans="8:8">
      <c r="H226941" s="12"/>
    </row>
    <row r="226942" spans="8:8">
      <c r="H226942" s="12"/>
    </row>
    <row r="226943" spans="8:8">
      <c r="H226943" s="12"/>
    </row>
    <row r="226944" spans="8:8">
      <c r="H226944" s="12"/>
    </row>
    <row r="226945" spans="8:8">
      <c r="H226945" s="12"/>
    </row>
    <row r="226946" spans="8:8">
      <c r="H226946" s="12"/>
    </row>
    <row r="226947" spans="8:8">
      <c r="H226947" s="12"/>
    </row>
    <row r="226948" spans="8:8">
      <c r="H226948" s="12"/>
    </row>
    <row r="226949" spans="8:8">
      <c r="H226949" s="12"/>
    </row>
    <row r="226950" spans="8:8">
      <c r="H226950" s="12"/>
    </row>
    <row r="226951" spans="8:8">
      <c r="H226951" s="12"/>
    </row>
    <row r="226952" spans="8:8">
      <c r="H226952" s="12"/>
    </row>
    <row r="226953" spans="8:8">
      <c r="H226953" s="12"/>
    </row>
    <row r="226954" spans="8:8">
      <c r="H226954" s="12"/>
    </row>
    <row r="226955" spans="8:8">
      <c r="H226955" s="12"/>
    </row>
    <row r="226956" spans="8:8">
      <c r="H226956" s="12"/>
    </row>
    <row r="226957" spans="8:8">
      <c r="H226957" s="12"/>
    </row>
    <row r="226958" spans="8:8">
      <c r="H226958" s="12"/>
    </row>
    <row r="226959" spans="8:8">
      <c r="H226959" s="12"/>
    </row>
    <row r="226960" spans="8:8">
      <c r="H226960" s="12"/>
    </row>
    <row r="226961" spans="8:8">
      <c r="H226961" s="12"/>
    </row>
    <row r="226962" spans="8:8">
      <c r="H226962" s="12"/>
    </row>
    <row r="226963" spans="8:8">
      <c r="H226963" s="12"/>
    </row>
    <row r="226964" spans="8:8">
      <c r="H226964" s="12"/>
    </row>
    <row r="226965" spans="8:8">
      <c r="H226965" s="12"/>
    </row>
    <row r="226966" spans="8:8">
      <c r="H226966" s="12"/>
    </row>
    <row r="226967" spans="8:8">
      <c r="H226967" s="12"/>
    </row>
    <row r="226968" spans="8:8">
      <c r="H226968" s="12"/>
    </row>
    <row r="226969" spans="8:8">
      <c r="H226969" s="12"/>
    </row>
    <row r="226970" spans="8:8">
      <c r="H226970" s="12"/>
    </row>
    <row r="226971" spans="8:8">
      <c r="H226971" s="12"/>
    </row>
    <row r="226972" spans="8:8">
      <c r="H226972" s="12"/>
    </row>
    <row r="226973" spans="8:8">
      <c r="H226973" s="12"/>
    </row>
    <row r="226974" spans="8:8">
      <c r="H226974" s="12"/>
    </row>
    <row r="226975" spans="8:8">
      <c r="H226975" s="12"/>
    </row>
    <row r="226976" spans="8:8">
      <c r="H226976" s="12"/>
    </row>
    <row r="226977" spans="8:8">
      <c r="H226977" s="12"/>
    </row>
    <row r="226978" spans="8:8">
      <c r="H226978" s="12"/>
    </row>
    <row r="226979" spans="8:8">
      <c r="H226979" s="12"/>
    </row>
    <row r="226980" spans="8:8">
      <c r="H226980" s="12"/>
    </row>
    <row r="226981" spans="8:8">
      <c r="H226981" s="12"/>
    </row>
    <row r="226982" spans="8:8">
      <c r="H226982" s="12"/>
    </row>
    <row r="226983" spans="8:8">
      <c r="H226983" s="12"/>
    </row>
    <row r="226984" spans="8:8">
      <c r="H226984" s="12"/>
    </row>
    <row r="226985" spans="8:8">
      <c r="H226985" s="12"/>
    </row>
    <row r="226986" spans="8:8">
      <c r="H226986" s="12"/>
    </row>
    <row r="226987" spans="8:8">
      <c r="H226987" s="12"/>
    </row>
    <row r="226988" spans="8:8">
      <c r="H226988" s="12"/>
    </row>
    <row r="226989" spans="8:8">
      <c r="H226989" s="12"/>
    </row>
    <row r="226990" spans="8:8">
      <c r="H226990" s="12"/>
    </row>
    <row r="226991" spans="8:8">
      <c r="H226991" s="12"/>
    </row>
    <row r="226992" spans="8:8">
      <c r="H226992" s="12"/>
    </row>
    <row r="226993" spans="8:8">
      <c r="H226993" s="12"/>
    </row>
    <row r="226994" spans="8:8">
      <c r="H226994" s="12"/>
    </row>
    <row r="226995" spans="8:8">
      <c r="H226995" s="12"/>
    </row>
    <row r="226996" spans="8:8">
      <c r="H226996" s="12"/>
    </row>
    <row r="226997" spans="8:8">
      <c r="H226997" s="12"/>
    </row>
    <row r="226998" spans="8:8">
      <c r="H226998" s="12"/>
    </row>
    <row r="226999" spans="8:8">
      <c r="H226999" s="12"/>
    </row>
    <row r="227000" spans="8:8">
      <c r="H227000" s="12"/>
    </row>
    <row r="227001" spans="8:8">
      <c r="H227001" s="12"/>
    </row>
    <row r="227002" spans="8:8">
      <c r="H227002" s="12"/>
    </row>
    <row r="227003" spans="8:8">
      <c r="H227003" s="12"/>
    </row>
    <row r="227004" spans="8:8">
      <c r="H227004" s="12"/>
    </row>
    <row r="227005" spans="8:8">
      <c r="H227005" s="12"/>
    </row>
    <row r="227006" spans="8:8">
      <c r="H227006" s="12"/>
    </row>
    <row r="227007" spans="8:8">
      <c r="H227007" s="12"/>
    </row>
    <row r="227008" spans="8:8">
      <c r="H227008" s="12"/>
    </row>
    <row r="227009" spans="8:8">
      <c r="H227009" s="12"/>
    </row>
    <row r="227010" spans="8:8">
      <c r="H227010" s="12"/>
    </row>
    <row r="227011" spans="8:8">
      <c r="H227011" s="12"/>
    </row>
    <row r="227012" spans="8:8">
      <c r="H227012" s="12"/>
    </row>
    <row r="227013" spans="8:8">
      <c r="H227013" s="12"/>
    </row>
    <row r="227014" spans="8:8">
      <c r="H227014" s="12"/>
    </row>
    <row r="227015" spans="8:8">
      <c r="H227015" s="12"/>
    </row>
    <row r="227016" spans="8:8">
      <c r="H227016" s="12"/>
    </row>
    <row r="227017" spans="8:8">
      <c r="H227017" s="12"/>
    </row>
    <row r="227018" spans="8:8">
      <c r="H227018" s="12"/>
    </row>
    <row r="227019" spans="8:8">
      <c r="H227019" s="12"/>
    </row>
    <row r="227020" spans="8:8">
      <c r="H227020" s="12"/>
    </row>
    <row r="227021" spans="8:8">
      <c r="H227021" s="12"/>
    </row>
    <row r="227022" spans="8:8">
      <c r="H227022" s="12"/>
    </row>
    <row r="227023" spans="8:8">
      <c r="H227023" s="12"/>
    </row>
    <row r="227024" spans="8:8">
      <c r="H227024" s="12"/>
    </row>
    <row r="227025" spans="8:8">
      <c r="H227025" s="12"/>
    </row>
    <row r="227026" spans="8:8">
      <c r="H227026" s="12"/>
    </row>
    <row r="227027" spans="8:8">
      <c r="H227027" s="12"/>
    </row>
    <row r="227028" spans="8:8">
      <c r="H227028" s="12"/>
    </row>
    <row r="227029" spans="8:8">
      <c r="H227029" s="12"/>
    </row>
    <row r="227030" spans="8:8">
      <c r="H227030" s="12"/>
    </row>
    <row r="227031" spans="8:8">
      <c r="H227031" s="12"/>
    </row>
    <row r="227032" spans="8:8">
      <c r="H227032" s="12"/>
    </row>
    <row r="227033" spans="8:8">
      <c r="H227033" s="12"/>
    </row>
    <row r="227034" spans="8:8">
      <c r="H227034" s="12"/>
    </row>
    <row r="227035" spans="8:8">
      <c r="H227035" s="12"/>
    </row>
    <row r="227036" spans="8:8">
      <c r="H227036" s="12"/>
    </row>
    <row r="227037" spans="8:8">
      <c r="H227037" s="12"/>
    </row>
    <row r="227038" spans="8:8">
      <c r="H227038" s="12"/>
    </row>
    <row r="227039" spans="8:8">
      <c r="H227039" s="12"/>
    </row>
    <row r="227040" spans="8:8">
      <c r="H227040" s="12"/>
    </row>
    <row r="227041" spans="8:8">
      <c r="H227041" s="12"/>
    </row>
    <row r="227042" spans="8:8">
      <c r="H227042" s="12"/>
    </row>
    <row r="227043" spans="8:8">
      <c r="H227043" s="12"/>
    </row>
    <row r="227044" spans="8:8">
      <c r="H227044" s="12"/>
    </row>
    <row r="227045" spans="8:8">
      <c r="H227045" s="12"/>
    </row>
    <row r="227046" spans="8:8">
      <c r="H227046" s="12"/>
    </row>
    <row r="227047" spans="8:8">
      <c r="H227047" s="12"/>
    </row>
    <row r="227048" spans="8:8">
      <c r="H227048" s="12"/>
    </row>
    <row r="227049" spans="8:8">
      <c r="H227049" s="12"/>
    </row>
    <row r="227050" spans="8:8">
      <c r="H227050" s="12"/>
    </row>
    <row r="227051" spans="8:8">
      <c r="H227051" s="12"/>
    </row>
    <row r="227052" spans="8:8">
      <c r="H227052" s="12"/>
    </row>
    <row r="227053" spans="8:8">
      <c r="H227053" s="12"/>
    </row>
    <row r="227054" spans="8:8">
      <c r="H227054" s="12"/>
    </row>
    <row r="227055" spans="8:8">
      <c r="H227055" s="12"/>
    </row>
    <row r="227056" spans="8:8">
      <c r="H227056" s="12"/>
    </row>
    <row r="227057" spans="8:8">
      <c r="H227057" s="12"/>
    </row>
    <row r="227058" spans="8:8">
      <c r="H227058" s="12"/>
    </row>
    <row r="227059" spans="8:8">
      <c r="H227059" s="12"/>
    </row>
    <row r="227060" spans="8:8">
      <c r="H227060" s="12"/>
    </row>
    <row r="227061" spans="8:8">
      <c r="H227061" s="12"/>
    </row>
    <row r="227062" spans="8:8">
      <c r="H227062" s="12"/>
    </row>
    <row r="227063" spans="8:8">
      <c r="H227063" s="12"/>
    </row>
    <row r="227064" spans="8:8">
      <c r="H227064" s="12"/>
    </row>
    <row r="227065" spans="8:8">
      <c r="H227065" s="12"/>
    </row>
    <row r="227066" spans="8:8">
      <c r="H227066" s="12"/>
    </row>
    <row r="227067" spans="8:8">
      <c r="H227067" s="12"/>
    </row>
    <row r="227068" spans="8:8">
      <c r="H227068" s="12"/>
    </row>
    <row r="227069" spans="8:8">
      <c r="H227069" s="12"/>
    </row>
    <row r="227070" spans="8:8">
      <c r="H227070" s="12"/>
    </row>
    <row r="227071" spans="8:8">
      <c r="H227071" s="12"/>
    </row>
    <row r="227072" spans="8:8">
      <c r="H227072" s="12"/>
    </row>
    <row r="227073" spans="8:8">
      <c r="H227073" s="12"/>
    </row>
    <row r="227074" spans="8:8">
      <c r="H227074" s="12"/>
    </row>
    <row r="227075" spans="8:8">
      <c r="H227075" s="12"/>
    </row>
    <row r="227076" spans="8:8">
      <c r="H227076" s="12"/>
    </row>
    <row r="227077" spans="8:8">
      <c r="H227077" s="12"/>
    </row>
    <row r="227078" spans="8:8">
      <c r="H227078" s="12"/>
    </row>
    <row r="227079" spans="8:8">
      <c r="H227079" s="12"/>
    </row>
    <row r="227080" spans="8:8">
      <c r="H227080" s="12"/>
    </row>
    <row r="227081" spans="8:8">
      <c r="H227081" s="12"/>
    </row>
    <row r="227082" spans="8:8">
      <c r="H227082" s="12"/>
    </row>
    <row r="227083" spans="8:8">
      <c r="H227083" s="12"/>
    </row>
    <row r="227084" spans="8:8">
      <c r="H227084" s="12"/>
    </row>
    <row r="227085" spans="8:8">
      <c r="H227085" s="12"/>
    </row>
    <row r="227086" spans="8:8">
      <c r="H227086" s="12"/>
    </row>
    <row r="227087" spans="8:8">
      <c r="H227087" s="12"/>
    </row>
    <row r="227088" spans="8:8">
      <c r="H227088" s="12"/>
    </row>
    <row r="227089" spans="8:8">
      <c r="H227089" s="12"/>
    </row>
    <row r="227090" spans="8:8">
      <c r="H227090" s="12"/>
    </row>
    <row r="227091" spans="8:8">
      <c r="H227091" s="12"/>
    </row>
    <row r="227092" spans="8:8">
      <c r="H227092" s="12"/>
    </row>
    <row r="227093" spans="8:8">
      <c r="H227093" s="12"/>
    </row>
    <row r="227094" spans="8:8">
      <c r="H227094" s="12"/>
    </row>
    <row r="227095" spans="8:8">
      <c r="H227095" s="12"/>
    </row>
    <row r="227096" spans="8:8">
      <c r="H227096" s="12"/>
    </row>
    <row r="227097" spans="8:8">
      <c r="H227097" s="12"/>
    </row>
    <row r="227098" spans="8:8">
      <c r="H227098" s="12"/>
    </row>
    <row r="227099" spans="8:8">
      <c r="H227099" s="12"/>
    </row>
    <row r="227100" spans="8:8">
      <c r="H227100" s="12"/>
    </row>
    <row r="227101" spans="8:8">
      <c r="H227101" s="12"/>
    </row>
    <row r="227102" spans="8:8">
      <c r="H227102" s="12"/>
    </row>
    <row r="227103" spans="8:8">
      <c r="H227103" s="12"/>
    </row>
    <row r="227104" spans="8:8">
      <c r="H227104" s="12"/>
    </row>
    <row r="227105" spans="8:8">
      <c r="H227105" s="12"/>
    </row>
    <row r="227106" spans="8:8">
      <c r="H227106" s="12"/>
    </row>
    <row r="227107" spans="8:8">
      <c r="H227107" s="12"/>
    </row>
    <row r="227108" spans="8:8">
      <c r="H227108" s="12"/>
    </row>
    <row r="227109" spans="8:8">
      <c r="H227109" s="12"/>
    </row>
    <row r="227110" spans="8:8">
      <c r="H227110" s="12"/>
    </row>
    <row r="227111" spans="8:8">
      <c r="H227111" s="12"/>
    </row>
    <row r="227112" spans="8:8">
      <c r="H227112" s="12"/>
    </row>
    <row r="227113" spans="8:8">
      <c r="H227113" s="12"/>
    </row>
    <row r="227114" spans="8:8">
      <c r="H227114" s="12"/>
    </row>
    <row r="227115" spans="8:8">
      <c r="H227115" s="12"/>
    </row>
    <row r="227116" spans="8:8">
      <c r="H227116" s="12"/>
    </row>
    <row r="227117" spans="8:8">
      <c r="H227117" s="12"/>
    </row>
    <row r="227118" spans="8:8">
      <c r="H227118" s="12"/>
    </row>
    <row r="227119" spans="8:8">
      <c r="H227119" s="12"/>
    </row>
    <row r="227120" spans="8:8">
      <c r="H227120" s="12"/>
    </row>
    <row r="227121" spans="8:8">
      <c r="H227121" s="12"/>
    </row>
    <row r="227122" spans="8:8">
      <c r="H227122" s="12"/>
    </row>
    <row r="227123" spans="8:8">
      <c r="H227123" s="12"/>
    </row>
    <row r="227124" spans="8:8">
      <c r="H227124" s="12"/>
    </row>
    <row r="227125" spans="8:8">
      <c r="H227125" s="12"/>
    </row>
    <row r="227126" spans="8:8">
      <c r="H227126" s="12"/>
    </row>
    <row r="227127" spans="8:8">
      <c r="H227127" s="12"/>
    </row>
    <row r="227128" spans="8:8">
      <c r="H227128" s="12"/>
    </row>
    <row r="227129" spans="8:8">
      <c r="H227129" s="12"/>
    </row>
    <row r="227130" spans="8:8">
      <c r="H227130" s="12"/>
    </row>
    <row r="227131" spans="8:8">
      <c r="H227131" s="12"/>
    </row>
    <row r="227132" spans="8:8">
      <c r="H227132" s="12"/>
    </row>
    <row r="227133" spans="8:8">
      <c r="H227133" s="12"/>
    </row>
    <row r="227134" spans="8:8">
      <c r="H227134" s="12"/>
    </row>
    <row r="227135" spans="8:8">
      <c r="H227135" s="12"/>
    </row>
    <row r="227136" spans="8:8">
      <c r="H227136" s="12"/>
    </row>
    <row r="227137" spans="8:8">
      <c r="H227137" s="12"/>
    </row>
    <row r="227138" spans="8:8">
      <c r="H227138" s="12"/>
    </row>
    <row r="227139" spans="8:8">
      <c r="H227139" s="12"/>
    </row>
    <row r="227140" spans="8:8">
      <c r="H227140" s="12"/>
    </row>
    <row r="227141" spans="8:8">
      <c r="H227141" s="12"/>
    </row>
    <row r="227142" spans="8:8">
      <c r="H227142" s="12"/>
    </row>
    <row r="227143" spans="8:8">
      <c r="H227143" s="12"/>
    </row>
    <row r="227144" spans="8:8">
      <c r="H227144" s="12"/>
    </row>
    <row r="227145" spans="8:8">
      <c r="H227145" s="12"/>
    </row>
    <row r="227146" spans="8:8">
      <c r="H227146" s="12"/>
    </row>
    <row r="227147" spans="8:8">
      <c r="H227147" s="12"/>
    </row>
    <row r="227148" spans="8:8">
      <c r="H227148" s="12"/>
    </row>
    <row r="227149" spans="8:8">
      <c r="H227149" s="12"/>
    </row>
    <row r="227150" spans="8:8">
      <c r="H227150" s="12"/>
    </row>
    <row r="227151" spans="8:8">
      <c r="H227151" s="12"/>
    </row>
    <row r="227152" spans="8:8">
      <c r="H227152" s="12"/>
    </row>
    <row r="227153" spans="8:8">
      <c r="H227153" s="12"/>
    </row>
    <row r="227154" spans="8:8">
      <c r="H227154" s="12"/>
    </row>
    <row r="227155" spans="8:8">
      <c r="H227155" s="12"/>
    </row>
    <row r="227156" spans="8:8">
      <c r="H227156" s="12"/>
    </row>
    <row r="227157" spans="8:8">
      <c r="H227157" s="12"/>
    </row>
    <row r="227158" spans="8:8">
      <c r="H227158" s="12"/>
    </row>
    <row r="227159" spans="8:8">
      <c r="H227159" s="12"/>
    </row>
    <row r="227160" spans="8:8">
      <c r="H227160" s="12"/>
    </row>
    <row r="227161" spans="8:8">
      <c r="H227161" s="12"/>
    </row>
    <row r="227162" spans="8:8">
      <c r="H227162" s="12"/>
    </row>
    <row r="227163" spans="8:8">
      <c r="H227163" s="12"/>
    </row>
    <row r="227164" spans="8:8">
      <c r="H227164" s="12"/>
    </row>
    <row r="227165" spans="8:8">
      <c r="H227165" s="12"/>
    </row>
    <row r="227166" spans="8:8">
      <c r="H227166" s="12"/>
    </row>
    <row r="227167" spans="8:8">
      <c r="H227167" s="12"/>
    </row>
    <row r="227168" spans="8:8">
      <c r="H227168" s="12"/>
    </row>
    <row r="227169" spans="8:8">
      <c r="H227169" s="12"/>
    </row>
    <row r="227170" spans="8:8">
      <c r="H227170" s="12"/>
    </row>
    <row r="227171" spans="8:8">
      <c r="H227171" s="12"/>
    </row>
    <row r="227172" spans="8:8">
      <c r="H227172" s="12"/>
    </row>
    <row r="227173" spans="8:8">
      <c r="H227173" s="12"/>
    </row>
    <row r="227174" spans="8:8">
      <c r="H227174" s="12"/>
    </row>
    <row r="227175" spans="8:8">
      <c r="H227175" s="12"/>
    </row>
    <row r="227176" spans="8:8">
      <c r="H227176" s="12"/>
    </row>
    <row r="227177" spans="8:8">
      <c r="H227177" s="12"/>
    </row>
    <row r="227178" spans="8:8">
      <c r="H227178" s="12"/>
    </row>
    <row r="227179" spans="8:8">
      <c r="H227179" s="12"/>
    </row>
    <row r="227180" spans="8:8">
      <c r="H227180" s="12"/>
    </row>
    <row r="227181" spans="8:8">
      <c r="H227181" s="12"/>
    </row>
    <row r="227182" spans="8:8">
      <c r="H227182" s="12"/>
    </row>
    <row r="227183" spans="8:8">
      <c r="H227183" s="12"/>
    </row>
    <row r="227184" spans="8:8">
      <c r="H227184" s="12"/>
    </row>
    <row r="227185" spans="8:8">
      <c r="H227185" s="12"/>
    </row>
    <row r="227186" spans="8:8">
      <c r="H227186" s="12"/>
    </row>
    <row r="227187" spans="8:8">
      <c r="H227187" s="12"/>
    </row>
    <row r="227188" spans="8:8">
      <c r="H227188" s="12"/>
    </row>
    <row r="227189" spans="8:8">
      <c r="H227189" s="12"/>
    </row>
    <row r="227190" spans="8:8">
      <c r="H227190" s="12"/>
    </row>
    <row r="227191" spans="8:8">
      <c r="H227191" s="12"/>
    </row>
    <row r="227192" spans="8:8">
      <c r="H227192" s="12"/>
    </row>
    <row r="227193" spans="8:8">
      <c r="H227193" s="12"/>
    </row>
    <row r="227194" spans="8:8">
      <c r="H227194" s="12"/>
    </row>
    <row r="227195" spans="8:8">
      <c r="H227195" s="12"/>
    </row>
    <row r="227196" spans="8:8">
      <c r="H227196" s="12"/>
    </row>
    <row r="227197" spans="8:8">
      <c r="H227197" s="12"/>
    </row>
    <row r="227198" spans="8:8">
      <c r="H227198" s="12"/>
    </row>
    <row r="227199" spans="8:8">
      <c r="H227199" s="12"/>
    </row>
    <row r="227200" spans="8:8">
      <c r="H227200" s="12"/>
    </row>
    <row r="227201" spans="8:8">
      <c r="H227201" s="12"/>
    </row>
    <row r="227202" spans="8:8">
      <c r="H227202" s="12"/>
    </row>
    <row r="227203" spans="8:8">
      <c r="H227203" s="12"/>
    </row>
    <row r="227204" spans="8:8">
      <c r="H227204" s="12"/>
    </row>
    <row r="227205" spans="8:8">
      <c r="H227205" s="12"/>
    </row>
    <row r="227206" spans="8:8">
      <c r="H227206" s="12"/>
    </row>
    <row r="227207" spans="8:8">
      <c r="H227207" s="12"/>
    </row>
    <row r="227208" spans="8:8">
      <c r="H227208" s="12"/>
    </row>
    <row r="227209" spans="8:8">
      <c r="H227209" s="12"/>
    </row>
    <row r="227210" spans="8:8">
      <c r="H227210" s="12"/>
    </row>
    <row r="227211" spans="8:8">
      <c r="H227211" s="12"/>
    </row>
    <row r="227212" spans="8:8">
      <c r="H227212" s="12"/>
    </row>
    <row r="227213" spans="8:8">
      <c r="H227213" s="12"/>
    </row>
    <row r="227214" spans="8:8">
      <c r="H227214" s="12"/>
    </row>
    <row r="227215" spans="8:8">
      <c r="H227215" s="12"/>
    </row>
    <row r="227216" spans="8:8">
      <c r="H227216" s="12"/>
    </row>
    <row r="227217" spans="8:8">
      <c r="H227217" s="12"/>
    </row>
    <row r="227218" spans="8:8">
      <c r="H227218" s="12"/>
    </row>
    <row r="227219" spans="8:8">
      <c r="H227219" s="12"/>
    </row>
    <row r="227220" spans="8:8">
      <c r="H227220" s="12"/>
    </row>
    <row r="227221" spans="8:8">
      <c r="H227221" s="12"/>
    </row>
    <row r="227222" spans="8:8">
      <c r="H227222" s="12"/>
    </row>
    <row r="227223" spans="8:8">
      <c r="H227223" s="12"/>
    </row>
    <row r="227224" spans="8:8">
      <c r="H227224" s="12"/>
    </row>
    <row r="227225" spans="8:8">
      <c r="H227225" s="12"/>
    </row>
    <row r="227226" spans="8:8">
      <c r="H227226" s="12"/>
    </row>
    <row r="227227" spans="8:8">
      <c r="H227227" s="12"/>
    </row>
    <row r="227228" spans="8:8">
      <c r="H227228" s="12"/>
    </row>
    <row r="227229" spans="8:8">
      <c r="H227229" s="12"/>
    </row>
    <row r="227230" spans="8:8">
      <c r="H227230" s="12"/>
    </row>
    <row r="227231" spans="8:8">
      <c r="H227231" s="12"/>
    </row>
    <row r="227232" spans="8:8">
      <c r="H227232" s="12"/>
    </row>
    <row r="227233" spans="8:8">
      <c r="H227233" s="12"/>
    </row>
    <row r="227234" spans="8:8">
      <c r="H227234" s="12"/>
    </row>
    <row r="227235" spans="8:8">
      <c r="H227235" s="12"/>
    </row>
    <row r="227236" spans="8:8">
      <c r="H227236" s="12"/>
    </row>
    <row r="227237" spans="8:8">
      <c r="H227237" s="12"/>
    </row>
    <row r="227238" spans="8:8">
      <c r="H227238" s="12"/>
    </row>
    <row r="227239" spans="8:8">
      <c r="H227239" s="12"/>
    </row>
    <row r="227240" spans="8:8">
      <c r="H227240" s="12"/>
    </row>
    <row r="227241" spans="8:8">
      <c r="H227241" s="12"/>
    </row>
    <row r="227242" spans="8:8">
      <c r="H227242" s="12"/>
    </row>
    <row r="227243" spans="8:8">
      <c r="H227243" s="12"/>
    </row>
    <row r="227244" spans="8:8">
      <c r="H227244" s="12"/>
    </row>
    <row r="227245" spans="8:8">
      <c r="H227245" s="12"/>
    </row>
    <row r="227246" spans="8:8">
      <c r="H227246" s="12"/>
    </row>
    <row r="227247" spans="8:8">
      <c r="H227247" s="12"/>
    </row>
    <row r="227248" spans="8:8">
      <c r="H227248" s="12"/>
    </row>
    <row r="227249" spans="8:8">
      <c r="H227249" s="12"/>
    </row>
    <row r="227250" spans="8:8">
      <c r="H227250" s="12"/>
    </row>
    <row r="227251" spans="8:8">
      <c r="H227251" s="12"/>
    </row>
    <row r="227252" spans="8:8">
      <c r="H227252" s="12"/>
    </row>
    <row r="227253" spans="8:8">
      <c r="H227253" s="12"/>
    </row>
    <row r="227254" spans="8:8">
      <c r="H227254" s="12"/>
    </row>
    <row r="227255" spans="8:8">
      <c r="H227255" s="12"/>
    </row>
    <row r="227256" spans="8:8">
      <c r="H227256" s="12"/>
    </row>
    <row r="227257" spans="8:8">
      <c r="H227257" s="12"/>
    </row>
    <row r="227258" spans="8:8">
      <c r="H227258" s="12"/>
    </row>
    <row r="227259" spans="8:8">
      <c r="H227259" s="12"/>
    </row>
    <row r="227260" spans="8:8">
      <c r="H227260" s="12"/>
    </row>
    <row r="227261" spans="8:8">
      <c r="H227261" s="12"/>
    </row>
    <row r="227262" spans="8:8">
      <c r="H227262" s="12"/>
    </row>
    <row r="227263" spans="8:8">
      <c r="H227263" s="12"/>
    </row>
    <row r="227264" spans="8:8">
      <c r="H227264" s="12"/>
    </row>
    <row r="227265" spans="8:8">
      <c r="H227265" s="12"/>
    </row>
    <row r="227266" spans="8:8">
      <c r="H227266" s="12"/>
    </row>
    <row r="227267" spans="8:8">
      <c r="H227267" s="12"/>
    </row>
    <row r="227268" spans="8:8">
      <c r="H227268" s="12"/>
    </row>
    <row r="227269" spans="8:8">
      <c r="H227269" s="12"/>
    </row>
    <row r="227270" spans="8:8">
      <c r="H227270" s="12"/>
    </row>
    <row r="227271" spans="8:8">
      <c r="H227271" s="12"/>
    </row>
    <row r="227272" spans="8:8">
      <c r="H227272" s="12"/>
    </row>
    <row r="227273" spans="8:8">
      <c r="H227273" s="12"/>
    </row>
    <row r="227274" spans="8:8">
      <c r="H227274" s="12"/>
    </row>
    <row r="227275" spans="8:8">
      <c r="H227275" s="12"/>
    </row>
    <row r="227276" spans="8:8">
      <c r="H227276" s="12"/>
    </row>
    <row r="227277" spans="8:8">
      <c r="H227277" s="12"/>
    </row>
    <row r="227278" spans="8:8">
      <c r="H227278" s="12"/>
    </row>
    <row r="227279" spans="8:8">
      <c r="H227279" s="12"/>
    </row>
    <row r="227280" spans="8:8">
      <c r="H227280" s="12"/>
    </row>
    <row r="227281" spans="8:8">
      <c r="H227281" s="12"/>
    </row>
    <row r="227282" spans="8:8">
      <c r="H227282" s="12"/>
    </row>
    <row r="227283" spans="8:8">
      <c r="H227283" s="12"/>
    </row>
    <row r="227284" spans="8:8">
      <c r="H227284" s="12"/>
    </row>
    <row r="227285" spans="8:8">
      <c r="H227285" s="12"/>
    </row>
    <row r="227286" spans="8:8">
      <c r="H227286" s="12"/>
    </row>
    <row r="227287" spans="8:8">
      <c r="H227287" s="12"/>
    </row>
    <row r="227288" spans="8:8">
      <c r="H227288" s="12"/>
    </row>
    <row r="227289" spans="8:8">
      <c r="H227289" s="12"/>
    </row>
    <row r="227290" spans="8:8">
      <c r="H227290" s="12"/>
    </row>
    <row r="227291" spans="8:8">
      <c r="H227291" s="12"/>
    </row>
    <row r="227292" spans="8:8">
      <c r="H227292" s="12"/>
    </row>
    <row r="227293" spans="8:8">
      <c r="H227293" s="12"/>
    </row>
    <row r="227294" spans="8:8">
      <c r="H227294" s="12"/>
    </row>
    <row r="227295" spans="8:8">
      <c r="H227295" s="12"/>
    </row>
    <row r="227296" spans="8:8">
      <c r="H227296" s="12"/>
    </row>
    <row r="227297" spans="8:8">
      <c r="H227297" s="12"/>
    </row>
    <row r="227298" spans="8:8">
      <c r="H227298" s="12"/>
    </row>
    <row r="227299" spans="8:8">
      <c r="H227299" s="12"/>
    </row>
    <row r="227300" spans="8:8">
      <c r="H227300" s="12"/>
    </row>
    <row r="227301" spans="8:8">
      <c r="H227301" s="12"/>
    </row>
    <row r="227302" spans="8:8">
      <c r="H227302" s="12"/>
    </row>
    <row r="227303" spans="8:8">
      <c r="H227303" s="12"/>
    </row>
    <row r="227304" spans="8:8">
      <c r="H227304" s="12"/>
    </row>
    <row r="227305" spans="8:8">
      <c r="H227305" s="12"/>
    </row>
    <row r="227306" spans="8:8">
      <c r="H227306" s="12"/>
    </row>
    <row r="227307" spans="8:8">
      <c r="H227307" s="12"/>
    </row>
    <row r="227308" spans="8:8">
      <c r="H227308" s="12"/>
    </row>
    <row r="227309" spans="8:8">
      <c r="H227309" s="12"/>
    </row>
    <row r="227310" spans="8:8">
      <c r="H227310" s="12"/>
    </row>
    <row r="227311" spans="8:8">
      <c r="H227311" s="12"/>
    </row>
    <row r="227312" spans="8:8">
      <c r="H227312" s="12"/>
    </row>
    <row r="227313" spans="8:8">
      <c r="H227313" s="12"/>
    </row>
    <row r="227314" spans="8:8">
      <c r="H227314" s="12"/>
    </row>
    <row r="227315" spans="8:8">
      <c r="H227315" s="12"/>
    </row>
    <row r="227316" spans="8:8">
      <c r="H227316" s="12"/>
    </row>
    <row r="227317" spans="8:8">
      <c r="H227317" s="12"/>
    </row>
    <row r="227318" spans="8:8">
      <c r="H227318" s="12"/>
    </row>
    <row r="227319" spans="8:8">
      <c r="H227319" s="12"/>
    </row>
    <row r="227320" spans="8:8">
      <c r="H227320" s="12"/>
    </row>
    <row r="227321" spans="8:8">
      <c r="H227321" s="12"/>
    </row>
    <row r="227322" spans="8:8">
      <c r="H227322" s="12"/>
    </row>
    <row r="227323" spans="8:8">
      <c r="H227323" s="12"/>
    </row>
    <row r="227324" spans="8:8">
      <c r="H227324" s="12"/>
    </row>
    <row r="227325" spans="8:8">
      <c r="H227325" s="12"/>
    </row>
    <row r="227326" spans="8:8">
      <c r="H227326" s="12"/>
    </row>
    <row r="227327" spans="8:8">
      <c r="H227327" s="12"/>
    </row>
    <row r="227328" spans="8:8">
      <c r="H227328" s="12"/>
    </row>
    <row r="227329" spans="8:8">
      <c r="H227329" s="12"/>
    </row>
    <row r="227330" spans="8:8">
      <c r="H227330" s="12"/>
    </row>
    <row r="227331" spans="8:8">
      <c r="H227331" s="12"/>
    </row>
    <row r="227332" spans="8:8">
      <c r="H227332" s="12"/>
    </row>
    <row r="227333" spans="8:8">
      <c r="H227333" s="12"/>
    </row>
    <row r="227334" spans="8:8">
      <c r="H227334" s="12"/>
    </row>
    <row r="227335" spans="8:8">
      <c r="H227335" s="12"/>
    </row>
    <row r="227336" spans="8:8">
      <c r="H227336" s="12"/>
    </row>
    <row r="227337" spans="8:8">
      <c r="H227337" s="12"/>
    </row>
    <row r="227338" spans="8:8">
      <c r="H227338" s="12"/>
    </row>
    <row r="227339" spans="8:8">
      <c r="H227339" s="12"/>
    </row>
    <row r="227340" spans="8:8">
      <c r="H227340" s="12"/>
    </row>
    <row r="227341" spans="8:8">
      <c r="H227341" s="12"/>
    </row>
    <row r="227342" spans="8:8">
      <c r="H227342" s="12"/>
    </row>
    <row r="227343" spans="8:8">
      <c r="H227343" s="12"/>
    </row>
    <row r="227344" spans="8:8">
      <c r="H227344" s="12"/>
    </row>
    <row r="227345" spans="8:8">
      <c r="H227345" s="12"/>
    </row>
    <row r="227346" spans="8:8">
      <c r="H227346" s="12"/>
    </row>
    <row r="227347" spans="8:8">
      <c r="H227347" s="12"/>
    </row>
    <row r="227348" spans="8:8">
      <c r="H227348" s="12"/>
    </row>
    <row r="227349" spans="8:8">
      <c r="H227349" s="12"/>
    </row>
    <row r="227350" spans="8:8">
      <c r="H227350" s="12"/>
    </row>
    <row r="227351" spans="8:8">
      <c r="H227351" s="12"/>
    </row>
    <row r="227352" spans="8:8">
      <c r="H227352" s="12"/>
    </row>
    <row r="227353" spans="8:8">
      <c r="H227353" s="12"/>
    </row>
    <row r="227354" spans="8:8">
      <c r="H227354" s="12"/>
    </row>
    <row r="227355" spans="8:8">
      <c r="H227355" s="12"/>
    </row>
    <row r="227356" spans="8:8">
      <c r="H227356" s="12"/>
    </row>
    <row r="227357" spans="8:8">
      <c r="H227357" s="12"/>
    </row>
    <row r="227358" spans="8:8">
      <c r="H227358" s="12"/>
    </row>
    <row r="227359" spans="8:8">
      <c r="H227359" s="12"/>
    </row>
    <row r="227360" spans="8:8">
      <c r="H227360" s="12"/>
    </row>
    <row r="227361" spans="8:8">
      <c r="H227361" s="12"/>
    </row>
    <row r="227362" spans="8:8">
      <c r="H227362" s="12"/>
    </row>
    <row r="227363" spans="8:8">
      <c r="H227363" s="12"/>
    </row>
    <row r="227364" spans="8:8">
      <c r="H227364" s="12"/>
    </row>
    <row r="227365" spans="8:8">
      <c r="H227365" s="12"/>
    </row>
    <row r="227366" spans="8:8">
      <c r="H227366" s="12"/>
    </row>
    <row r="227367" spans="8:8">
      <c r="H227367" s="12"/>
    </row>
    <row r="227368" spans="8:8">
      <c r="H227368" s="12"/>
    </row>
    <row r="227369" spans="8:8">
      <c r="H227369" s="12"/>
    </row>
    <row r="227370" spans="8:8">
      <c r="H227370" s="12"/>
    </row>
    <row r="227371" spans="8:8">
      <c r="H227371" s="12"/>
    </row>
    <row r="227372" spans="8:8">
      <c r="H227372" s="12"/>
    </row>
    <row r="227373" spans="8:8">
      <c r="H227373" s="12"/>
    </row>
    <row r="227374" spans="8:8">
      <c r="H227374" s="12"/>
    </row>
    <row r="227375" spans="8:8">
      <c r="H227375" s="12"/>
    </row>
    <row r="227376" spans="8:8">
      <c r="H227376" s="12"/>
    </row>
    <row r="227377" spans="8:8">
      <c r="H227377" s="12"/>
    </row>
    <row r="227378" spans="8:8">
      <c r="H227378" s="12"/>
    </row>
    <row r="227379" spans="8:8">
      <c r="H227379" s="12"/>
    </row>
    <row r="227380" spans="8:8">
      <c r="H227380" s="12"/>
    </row>
    <row r="227381" spans="8:8">
      <c r="H227381" s="12"/>
    </row>
    <row r="227382" spans="8:8">
      <c r="H227382" s="12"/>
    </row>
    <row r="227383" spans="8:8">
      <c r="H227383" s="12"/>
    </row>
    <row r="227384" spans="8:8">
      <c r="H227384" s="12"/>
    </row>
    <row r="227385" spans="8:8">
      <c r="H227385" s="12"/>
    </row>
    <row r="227386" spans="8:8">
      <c r="H227386" s="12"/>
    </row>
    <row r="227387" spans="8:8">
      <c r="H227387" s="12"/>
    </row>
    <row r="227388" spans="8:8">
      <c r="H227388" s="12"/>
    </row>
    <row r="227389" spans="8:8">
      <c r="H227389" s="12"/>
    </row>
    <row r="227390" spans="8:8">
      <c r="H227390" s="12"/>
    </row>
    <row r="227391" spans="8:8">
      <c r="H227391" s="12"/>
    </row>
    <row r="227392" spans="8:8">
      <c r="H227392" s="12"/>
    </row>
    <row r="227393" spans="8:8">
      <c r="H227393" s="12"/>
    </row>
    <row r="227394" spans="8:8">
      <c r="H227394" s="12"/>
    </row>
    <row r="227395" spans="8:8">
      <c r="H227395" s="12"/>
    </row>
    <row r="227396" spans="8:8">
      <c r="H227396" s="12"/>
    </row>
    <row r="227397" spans="8:8">
      <c r="H227397" s="12"/>
    </row>
    <row r="227398" spans="8:8">
      <c r="H227398" s="12"/>
    </row>
    <row r="227399" spans="8:8">
      <c r="H227399" s="12"/>
    </row>
    <row r="227400" spans="8:8">
      <c r="H227400" s="12"/>
    </row>
    <row r="227401" spans="8:8">
      <c r="H227401" s="12"/>
    </row>
    <row r="227402" spans="8:8">
      <c r="H227402" s="12"/>
    </row>
    <row r="227403" spans="8:8">
      <c r="H227403" s="12"/>
    </row>
    <row r="227404" spans="8:8">
      <c r="H227404" s="12"/>
    </row>
    <row r="227405" spans="8:8">
      <c r="H227405" s="12"/>
    </row>
    <row r="227406" spans="8:8">
      <c r="H227406" s="12"/>
    </row>
    <row r="227407" spans="8:8">
      <c r="H227407" s="12"/>
    </row>
    <row r="227408" spans="8:8">
      <c r="H227408" s="12"/>
    </row>
    <row r="227409" spans="8:8">
      <c r="H227409" s="12"/>
    </row>
    <row r="227410" spans="8:8">
      <c r="H227410" s="12"/>
    </row>
    <row r="227411" spans="8:8">
      <c r="H227411" s="12"/>
    </row>
    <row r="227412" spans="8:8">
      <c r="H227412" s="12"/>
    </row>
    <row r="227413" spans="8:8">
      <c r="H227413" s="12"/>
    </row>
    <row r="227414" spans="8:8">
      <c r="H227414" s="12"/>
    </row>
    <row r="227415" spans="8:8">
      <c r="H227415" s="12"/>
    </row>
    <row r="227416" spans="8:8">
      <c r="H227416" s="12"/>
    </row>
    <row r="227417" spans="8:8">
      <c r="H227417" s="12"/>
    </row>
    <row r="227418" spans="8:8">
      <c r="H227418" s="12"/>
    </row>
    <row r="227419" spans="8:8">
      <c r="H227419" s="12"/>
    </row>
    <row r="227420" spans="8:8">
      <c r="H227420" s="12"/>
    </row>
    <row r="227421" spans="8:8">
      <c r="H227421" s="12"/>
    </row>
    <row r="227422" spans="8:8">
      <c r="H227422" s="12"/>
    </row>
    <row r="227423" spans="8:8">
      <c r="H227423" s="12"/>
    </row>
    <row r="227424" spans="8:8">
      <c r="H227424" s="12"/>
    </row>
    <row r="227425" spans="8:8">
      <c r="H227425" s="12"/>
    </row>
    <row r="227426" spans="8:8">
      <c r="H227426" s="12"/>
    </row>
    <row r="227427" spans="8:8">
      <c r="H227427" s="12"/>
    </row>
    <row r="227428" spans="8:8">
      <c r="H227428" s="12"/>
    </row>
    <row r="227429" spans="8:8">
      <c r="H227429" s="12"/>
    </row>
    <row r="227430" spans="8:8">
      <c r="H227430" s="12"/>
    </row>
    <row r="227431" spans="8:8">
      <c r="H227431" s="12"/>
    </row>
    <row r="227432" spans="8:8">
      <c r="H227432" s="12"/>
    </row>
    <row r="227433" spans="8:8">
      <c r="H227433" s="12"/>
    </row>
    <row r="227434" spans="8:8">
      <c r="H227434" s="12"/>
    </row>
    <row r="227435" spans="8:8">
      <c r="H227435" s="12"/>
    </row>
    <row r="227436" spans="8:8">
      <c r="H227436" s="12"/>
    </row>
    <row r="227437" spans="8:8">
      <c r="H227437" s="12"/>
    </row>
    <row r="227438" spans="8:8">
      <c r="H227438" s="12"/>
    </row>
    <row r="227439" spans="8:8">
      <c r="H227439" s="12"/>
    </row>
    <row r="227440" spans="8:8">
      <c r="H227440" s="12"/>
    </row>
    <row r="227441" spans="8:8">
      <c r="H227441" s="12"/>
    </row>
    <row r="227442" spans="8:8">
      <c r="H227442" s="12"/>
    </row>
    <row r="227443" spans="8:8">
      <c r="H227443" s="12"/>
    </row>
    <row r="227444" spans="8:8">
      <c r="H227444" s="12"/>
    </row>
    <row r="227445" spans="8:8">
      <c r="H227445" s="12"/>
    </row>
    <row r="227446" spans="8:8">
      <c r="H227446" s="12"/>
    </row>
    <row r="227447" spans="8:8">
      <c r="H227447" s="12"/>
    </row>
    <row r="227448" spans="8:8">
      <c r="H227448" s="12"/>
    </row>
    <row r="227449" spans="8:8">
      <c r="H227449" s="12"/>
    </row>
    <row r="227450" spans="8:8">
      <c r="H227450" s="12"/>
    </row>
    <row r="227451" spans="8:8">
      <c r="H227451" s="12"/>
    </row>
    <row r="227452" spans="8:8">
      <c r="H227452" s="12"/>
    </row>
    <row r="227453" spans="8:8">
      <c r="H227453" s="12"/>
    </row>
    <row r="227454" spans="8:8">
      <c r="H227454" s="12"/>
    </row>
    <row r="227455" spans="8:8">
      <c r="H227455" s="12"/>
    </row>
    <row r="227456" spans="8:8">
      <c r="H227456" s="12"/>
    </row>
    <row r="227457" spans="8:8">
      <c r="H227457" s="12"/>
    </row>
    <row r="227458" spans="8:8">
      <c r="H227458" s="12"/>
    </row>
    <row r="227459" spans="8:8">
      <c r="H227459" s="12"/>
    </row>
    <row r="227460" spans="8:8">
      <c r="H227460" s="12"/>
    </row>
    <row r="227461" spans="8:8">
      <c r="H227461" s="12"/>
    </row>
    <row r="227462" spans="8:8">
      <c r="H227462" s="12"/>
    </row>
    <row r="227463" spans="8:8">
      <c r="H227463" s="12"/>
    </row>
    <row r="227464" spans="8:8">
      <c r="H227464" s="12"/>
    </row>
    <row r="227465" spans="8:8">
      <c r="H227465" s="12"/>
    </row>
    <row r="227466" spans="8:8">
      <c r="H227466" s="12"/>
    </row>
    <row r="227467" spans="8:8">
      <c r="H227467" s="12"/>
    </row>
    <row r="227468" spans="8:8">
      <c r="H227468" s="12"/>
    </row>
    <row r="227469" spans="8:8">
      <c r="H227469" s="12"/>
    </row>
    <row r="227470" spans="8:8">
      <c r="H227470" s="12"/>
    </row>
    <row r="227471" spans="8:8">
      <c r="H227471" s="12"/>
    </row>
    <row r="227472" spans="8:8">
      <c r="H227472" s="12"/>
    </row>
    <row r="227473" spans="8:8">
      <c r="H227473" s="12"/>
    </row>
    <row r="227474" spans="8:8">
      <c r="H227474" s="12"/>
    </row>
    <row r="227475" spans="8:8">
      <c r="H227475" s="12"/>
    </row>
    <row r="227476" spans="8:8">
      <c r="H227476" s="12"/>
    </row>
    <row r="227477" spans="8:8">
      <c r="H227477" s="12"/>
    </row>
    <row r="227478" spans="8:8">
      <c r="H227478" s="12"/>
    </row>
    <row r="227479" spans="8:8">
      <c r="H227479" s="12"/>
    </row>
    <row r="227480" spans="8:8">
      <c r="H227480" s="12"/>
    </row>
    <row r="227481" spans="8:8">
      <c r="H227481" s="12"/>
    </row>
    <row r="227482" spans="8:8">
      <c r="H227482" s="12"/>
    </row>
    <row r="227483" spans="8:8">
      <c r="H227483" s="12"/>
    </row>
    <row r="227484" spans="8:8">
      <c r="H227484" s="12"/>
    </row>
    <row r="227485" spans="8:8">
      <c r="H227485" s="12"/>
    </row>
    <row r="227486" spans="8:8">
      <c r="H227486" s="12"/>
    </row>
    <row r="227487" spans="8:8">
      <c r="H227487" s="12"/>
    </row>
    <row r="227488" spans="8:8">
      <c r="H227488" s="12"/>
    </row>
    <row r="227489" spans="8:8">
      <c r="H227489" s="12"/>
    </row>
    <row r="227490" spans="8:8">
      <c r="H227490" s="12"/>
    </row>
    <row r="227491" spans="8:8">
      <c r="H227491" s="12"/>
    </row>
    <row r="227492" spans="8:8">
      <c r="H227492" s="12"/>
    </row>
    <row r="227493" spans="8:8">
      <c r="H227493" s="12"/>
    </row>
    <row r="227494" spans="8:8">
      <c r="H227494" s="12"/>
    </row>
    <row r="227495" spans="8:8">
      <c r="H227495" s="12"/>
    </row>
    <row r="227496" spans="8:8">
      <c r="H227496" s="12"/>
    </row>
    <row r="227497" spans="8:8">
      <c r="H227497" s="12"/>
    </row>
    <row r="227498" spans="8:8">
      <c r="H227498" s="12"/>
    </row>
    <row r="227499" spans="8:8">
      <c r="H227499" s="12"/>
    </row>
    <row r="227500" spans="8:8">
      <c r="H227500" s="12"/>
    </row>
    <row r="227501" spans="8:8">
      <c r="H227501" s="12"/>
    </row>
    <row r="227502" spans="8:8">
      <c r="H227502" s="12"/>
    </row>
    <row r="227503" spans="8:8">
      <c r="H227503" s="12"/>
    </row>
    <row r="227504" spans="8:8">
      <c r="H227504" s="12"/>
    </row>
    <row r="227505" spans="8:8">
      <c r="H227505" s="12"/>
    </row>
    <row r="227506" spans="8:8">
      <c r="H227506" s="12"/>
    </row>
    <row r="227507" spans="8:8">
      <c r="H227507" s="12"/>
    </row>
    <row r="227508" spans="8:8">
      <c r="H227508" s="12"/>
    </row>
    <row r="227509" spans="8:8">
      <c r="H227509" s="12"/>
    </row>
    <row r="227510" spans="8:8">
      <c r="H227510" s="12"/>
    </row>
    <row r="227511" spans="8:8">
      <c r="H227511" s="12"/>
    </row>
    <row r="227512" spans="8:8">
      <c r="H227512" s="12"/>
    </row>
    <row r="227513" spans="8:8">
      <c r="H227513" s="12"/>
    </row>
    <row r="227514" spans="8:8">
      <c r="H227514" s="12"/>
    </row>
    <row r="227515" spans="8:8">
      <c r="H227515" s="12"/>
    </row>
    <row r="227516" spans="8:8">
      <c r="H227516" s="12"/>
    </row>
    <row r="227517" spans="8:8">
      <c r="H227517" s="12"/>
    </row>
    <row r="227518" spans="8:8">
      <c r="H227518" s="12"/>
    </row>
    <row r="227519" spans="8:8">
      <c r="H227519" s="12"/>
    </row>
    <row r="227520" spans="8:8">
      <c r="H227520" s="12"/>
    </row>
    <row r="227521" spans="8:8">
      <c r="H227521" s="12"/>
    </row>
    <row r="227522" spans="8:8">
      <c r="H227522" s="12"/>
    </row>
    <row r="227523" spans="8:8">
      <c r="H227523" s="12"/>
    </row>
    <row r="227524" spans="8:8">
      <c r="H227524" s="12"/>
    </row>
    <row r="227525" spans="8:8">
      <c r="H227525" s="12"/>
    </row>
    <row r="227526" spans="8:8">
      <c r="H227526" s="12"/>
    </row>
    <row r="227527" spans="8:8">
      <c r="H227527" s="12"/>
    </row>
    <row r="227528" spans="8:8">
      <c r="H227528" s="12"/>
    </row>
    <row r="227529" spans="8:8">
      <c r="H227529" s="12"/>
    </row>
    <row r="227530" spans="8:8">
      <c r="H227530" s="12"/>
    </row>
    <row r="227531" spans="8:8">
      <c r="H227531" s="12"/>
    </row>
    <row r="227532" spans="8:8">
      <c r="H227532" s="12"/>
    </row>
    <row r="227533" spans="8:8">
      <c r="H227533" s="12"/>
    </row>
    <row r="227534" spans="8:8">
      <c r="H227534" s="12"/>
    </row>
    <row r="227535" spans="8:8">
      <c r="H227535" s="12"/>
    </row>
    <row r="227536" spans="8:8">
      <c r="H227536" s="12"/>
    </row>
    <row r="227537" spans="8:8">
      <c r="H227537" s="12"/>
    </row>
    <row r="227538" spans="8:8">
      <c r="H227538" s="12"/>
    </row>
    <row r="227539" spans="8:8">
      <c r="H227539" s="12"/>
    </row>
    <row r="227540" spans="8:8">
      <c r="H227540" s="12"/>
    </row>
    <row r="227541" spans="8:8">
      <c r="H227541" s="12"/>
    </row>
    <row r="227542" spans="8:8">
      <c r="H227542" s="12"/>
    </row>
    <row r="227543" spans="8:8">
      <c r="H227543" s="12"/>
    </row>
    <row r="227544" spans="8:8">
      <c r="H227544" s="12"/>
    </row>
    <row r="227545" spans="8:8">
      <c r="H227545" s="12"/>
    </row>
    <row r="227546" spans="8:8">
      <c r="H227546" s="12"/>
    </row>
    <row r="227547" spans="8:8">
      <c r="H227547" s="12"/>
    </row>
    <row r="227548" spans="8:8">
      <c r="H227548" s="12"/>
    </row>
    <row r="227549" spans="8:8">
      <c r="H227549" s="12"/>
    </row>
    <row r="227550" spans="8:8">
      <c r="H227550" s="12"/>
    </row>
    <row r="227551" spans="8:8">
      <c r="H227551" s="12"/>
    </row>
    <row r="227552" spans="8:8">
      <c r="H227552" s="12"/>
    </row>
    <row r="227553" spans="8:8">
      <c r="H227553" s="12"/>
    </row>
    <row r="227554" spans="8:8">
      <c r="H227554" s="12"/>
    </row>
    <row r="227555" spans="8:8">
      <c r="H227555" s="12"/>
    </row>
    <row r="227556" spans="8:8">
      <c r="H227556" s="12"/>
    </row>
    <row r="227557" spans="8:8">
      <c r="H227557" s="12"/>
    </row>
    <row r="227558" spans="8:8">
      <c r="H227558" s="12"/>
    </row>
    <row r="227559" spans="8:8">
      <c r="H227559" s="12"/>
    </row>
    <row r="227560" spans="8:8">
      <c r="H227560" s="12"/>
    </row>
    <row r="227561" spans="8:8">
      <c r="H227561" s="12"/>
    </row>
    <row r="227562" spans="8:8">
      <c r="H227562" s="12"/>
    </row>
    <row r="227563" spans="8:8">
      <c r="H227563" s="12"/>
    </row>
    <row r="227564" spans="8:8">
      <c r="H227564" s="12"/>
    </row>
    <row r="227565" spans="8:8">
      <c r="H227565" s="12"/>
    </row>
    <row r="227566" spans="8:8">
      <c r="H227566" s="12"/>
    </row>
    <row r="227567" spans="8:8">
      <c r="H227567" s="12"/>
    </row>
    <row r="227568" spans="8:8">
      <c r="H227568" s="12"/>
    </row>
    <row r="227569" spans="8:8">
      <c r="H227569" s="12"/>
    </row>
    <row r="227570" spans="8:8">
      <c r="H227570" s="12"/>
    </row>
    <row r="227571" spans="8:8">
      <c r="H227571" s="12"/>
    </row>
    <row r="227572" spans="8:8">
      <c r="H227572" s="12"/>
    </row>
    <row r="227573" spans="8:8">
      <c r="H227573" s="12"/>
    </row>
    <row r="227574" spans="8:8">
      <c r="H227574" s="12"/>
    </row>
    <row r="227575" spans="8:8">
      <c r="H227575" s="12"/>
    </row>
    <row r="227576" spans="8:8">
      <c r="H227576" s="12"/>
    </row>
    <row r="227577" spans="8:8">
      <c r="H227577" s="12"/>
    </row>
    <row r="227578" spans="8:8">
      <c r="H227578" s="12"/>
    </row>
    <row r="227579" spans="8:8">
      <c r="H227579" s="12"/>
    </row>
    <row r="227580" spans="8:8">
      <c r="H227580" s="12"/>
    </row>
    <row r="227581" spans="8:8">
      <c r="H227581" s="12"/>
    </row>
    <row r="227582" spans="8:8">
      <c r="H227582" s="12"/>
    </row>
    <row r="227583" spans="8:8">
      <c r="H227583" s="12"/>
    </row>
    <row r="227584" spans="8:8">
      <c r="H227584" s="12"/>
    </row>
    <row r="227585" spans="8:8">
      <c r="H227585" s="12"/>
    </row>
    <row r="227586" spans="8:8">
      <c r="H227586" s="12"/>
    </row>
    <row r="227587" spans="8:8">
      <c r="H227587" s="12"/>
    </row>
    <row r="227588" spans="8:8">
      <c r="H227588" s="12"/>
    </row>
    <row r="227589" spans="8:8">
      <c r="H227589" s="12"/>
    </row>
    <row r="227590" spans="8:8">
      <c r="H227590" s="12"/>
    </row>
    <row r="227591" spans="8:8">
      <c r="H227591" s="12"/>
    </row>
    <row r="227592" spans="8:8">
      <c r="H227592" s="12"/>
    </row>
    <row r="227593" spans="8:8">
      <c r="H227593" s="12"/>
    </row>
    <row r="227594" spans="8:8">
      <c r="H227594" s="12"/>
    </row>
    <row r="227595" spans="8:8">
      <c r="H227595" s="12"/>
    </row>
    <row r="227596" spans="8:8">
      <c r="H227596" s="12"/>
    </row>
    <row r="227597" spans="8:8">
      <c r="H227597" s="12"/>
    </row>
    <row r="227598" spans="8:8">
      <c r="H227598" s="12"/>
    </row>
    <row r="227599" spans="8:8">
      <c r="H227599" s="12"/>
    </row>
    <row r="227600" spans="8:8">
      <c r="H227600" s="12"/>
    </row>
    <row r="227601" spans="8:8">
      <c r="H227601" s="12"/>
    </row>
    <row r="227602" spans="8:8">
      <c r="H227602" s="12"/>
    </row>
    <row r="227603" spans="8:8">
      <c r="H227603" s="12"/>
    </row>
    <row r="227604" spans="8:8">
      <c r="H227604" s="12"/>
    </row>
    <row r="227605" spans="8:8">
      <c r="H227605" s="12"/>
    </row>
    <row r="227606" spans="8:8">
      <c r="H227606" s="12"/>
    </row>
    <row r="227607" spans="8:8">
      <c r="H227607" s="12"/>
    </row>
    <row r="227608" spans="8:8">
      <c r="H227608" s="12"/>
    </row>
    <row r="227609" spans="8:8">
      <c r="H227609" s="12"/>
    </row>
    <row r="227610" spans="8:8">
      <c r="H227610" s="12"/>
    </row>
    <row r="227611" spans="8:8">
      <c r="H227611" s="12"/>
    </row>
    <row r="227612" spans="8:8">
      <c r="H227612" s="12"/>
    </row>
    <row r="227613" spans="8:8">
      <c r="H227613" s="12"/>
    </row>
    <row r="227614" spans="8:8">
      <c r="H227614" s="12"/>
    </row>
    <row r="227615" spans="8:8">
      <c r="H227615" s="12"/>
    </row>
    <row r="227616" spans="8:8">
      <c r="H227616" s="12"/>
    </row>
    <row r="227617" spans="8:8">
      <c r="H227617" s="12"/>
    </row>
    <row r="227618" spans="8:8">
      <c r="H227618" s="12"/>
    </row>
    <row r="227619" spans="8:8">
      <c r="H227619" s="12"/>
    </row>
    <row r="227620" spans="8:8">
      <c r="H227620" s="12"/>
    </row>
    <row r="227621" spans="8:8">
      <c r="H227621" s="12"/>
    </row>
    <row r="227622" spans="8:8">
      <c r="H227622" s="12"/>
    </row>
    <row r="227623" spans="8:8">
      <c r="H227623" s="12"/>
    </row>
    <row r="227624" spans="8:8">
      <c r="H227624" s="12"/>
    </row>
    <row r="227625" spans="8:8">
      <c r="H227625" s="12"/>
    </row>
    <row r="227626" spans="8:8">
      <c r="H227626" s="12"/>
    </row>
    <row r="227627" spans="8:8">
      <c r="H227627" s="12"/>
    </row>
    <row r="227628" spans="8:8">
      <c r="H227628" s="12"/>
    </row>
    <row r="227629" spans="8:8">
      <c r="H227629" s="12"/>
    </row>
    <row r="227630" spans="8:8">
      <c r="H227630" s="12"/>
    </row>
    <row r="227631" spans="8:8">
      <c r="H227631" s="12"/>
    </row>
    <row r="227632" spans="8:8">
      <c r="H227632" s="12"/>
    </row>
    <row r="227633" spans="8:8">
      <c r="H227633" s="12"/>
    </row>
    <row r="227634" spans="8:8">
      <c r="H227634" s="12"/>
    </row>
    <row r="227635" spans="8:8">
      <c r="H227635" s="12"/>
    </row>
    <row r="227636" spans="8:8">
      <c r="H227636" s="12"/>
    </row>
    <row r="227637" spans="8:8">
      <c r="H227637" s="12"/>
    </row>
    <row r="227638" spans="8:8">
      <c r="H227638" s="12"/>
    </row>
    <row r="227639" spans="8:8">
      <c r="H227639" s="12"/>
    </row>
    <row r="227640" spans="8:8">
      <c r="H227640" s="12"/>
    </row>
    <row r="227641" spans="8:8">
      <c r="H227641" s="12"/>
    </row>
    <row r="227642" spans="8:8">
      <c r="H227642" s="12"/>
    </row>
    <row r="227643" spans="8:8">
      <c r="H227643" s="12"/>
    </row>
    <row r="227644" spans="8:8">
      <c r="H227644" s="12"/>
    </row>
    <row r="227645" spans="8:8">
      <c r="H227645" s="12"/>
    </row>
    <row r="227646" spans="8:8">
      <c r="H227646" s="12"/>
    </row>
    <row r="227647" spans="8:8">
      <c r="H227647" s="12"/>
    </row>
    <row r="227648" spans="8:8">
      <c r="H227648" s="12"/>
    </row>
    <row r="227649" spans="8:8">
      <c r="H227649" s="12"/>
    </row>
    <row r="227650" spans="8:8">
      <c r="H227650" s="12"/>
    </row>
    <row r="227651" spans="8:8">
      <c r="H227651" s="12"/>
    </row>
    <row r="227652" spans="8:8">
      <c r="H227652" s="12"/>
    </row>
    <row r="227653" spans="8:8">
      <c r="H227653" s="12"/>
    </row>
    <row r="227654" spans="8:8">
      <c r="H227654" s="12"/>
    </row>
    <row r="227655" spans="8:8">
      <c r="H227655" s="12"/>
    </row>
    <row r="227656" spans="8:8">
      <c r="H227656" s="12"/>
    </row>
    <row r="227657" spans="8:8">
      <c r="H227657" s="12"/>
    </row>
    <row r="227658" spans="8:8">
      <c r="H227658" s="12"/>
    </row>
    <row r="227659" spans="8:8">
      <c r="H227659" s="12"/>
    </row>
    <row r="227660" spans="8:8">
      <c r="H227660" s="12"/>
    </row>
    <row r="227661" spans="8:8">
      <c r="H227661" s="12"/>
    </row>
    <row r="227662" spans="8:8">
      <c r="H227662" s="12"/>
    </row>
    <row r="227663" spans="8:8">
      <c r="H227663" s="12"/>
    </row>
    <row r="227664" spans="8:8">
      <c r="H227664" s="12"/>
    </row>
    <row r="227665" spans="8:8">
      <c r="H227665" s="12"/>
    </row>
    <row r="227666" spans="8:8">
      <c r="H227666" s="12"/>
    </row>
    <row r="227667" spans="8:8">
      <c r="H227667" s="12"/>
    </row>
    <row r="227668" spans="8:8">
      <c r="H227668" s="12"/>
    </row>
    <row r="227669" spans="8:8">
      <c r="H227669" s="12"/>
    </row>
    <row r="227670" spans="8:8">
      <c r="H227670" s="12"/>
    </row>
    <row r="227671" spans="8:8">
      <c r="H227671" s="12"/>
    </row>
    <row r="227672" spans="8:8">
      <c r="H227672" s="12"/>
    </row>
    <row r="227673" spans="8:8">
      <c r="H227673" s="12"/>
    </row>
    <row r="227674" spans="8:8">
      <c r="H227674" s="12"/>
    </row>
    <row r="227675" spans="8:8">
      <c r="H227675" s="12"/>
    </row>
    <row r="227676" spans="8:8">
      <c r="H227676" s="12"/>
    </row>
    <row r="227677" spans="8:8">
      <c r="H227677" s="12"/>
    </row>
    <row r="227678" spans="8:8">
      <c r="H227678" s="12"/>
    </row>
    <row r="227679" spans="8:8">
      <c r="H227679" s="12"/>
    </row>
    <row r="227680" spans="8:8">
      <c r="H227680" s="12"/>
    </row>
    <row r="227681" spans="8:8">
      <c r="H227681" s="12"/>
    </row>
    <row r="227682" spans="8:8">
      <c r="H227682" s="12"/>
    </row>
    <row r="227683" spans="8:8">
      <c r="H227683" s="12"/>
    </row>
    <row r="227684" spans="8:8">
      <c r="H227684" s="12"/>
    </row>
    <row r="227685" spans="8:8">
      <c r="H227685" s="12"/>
    </row>
    <row r="227686" spans="8:8">
      <c r="H227686" s="12"/>
    </row>
    <row r="227687" spans="8:8">
      <c r="H227687" s="12"/>
    </row>
    <row r="227688" spans="8:8">
      <c r="H227688" s="12"/>
    </row>
    <row r="227689" spans="8:8">
      <c r="H227689" s="12"/>
    </row>
    <row r="227690" spans="8:8">
      <c r="H227690" s="12"/>
    </row>
    <row r="227691" spans="8:8">
      <c r="H227691" s="12"/>
    </row>
    <row r="227692" spans="8:8">
      <c r="H227692" s="12"/>
    </row>
    <row r="227693" spans="8:8">
      <c r="H227693" s="12"/>
    </row>
    <row r="227694" spans="8:8">
      <c r="H227694" s="12"/>
    </row>
    <row r="227695" spans="8:8">
      <c r="H227695" s="12"/>
    </row>
    <row r="227696" spans="8:8">
      <c r="H227696" s="12"/>
    </row>
    <row r="227697" spans="8:8">
      <c r="H227697" s="12"/>
    </row>
    <row r="227698" spans="8:8">
      <c r="H227698" s="12"/>
    </row>
    <row r="227699" spans="8:8">
      <c r="H227699" s="12"/>
    </row>
    <row r="227700" spans="8:8">
      <c r="H227700" s="12"/>
    </row>
    <row r="227701" spans="8:8">
      <c r="H227701" s="12"/>
    </row>
    <row r="227702" spans="8:8">
      <c r="H227702" s="12"/>
    </row>
    <row r="227703" spans="8:8">
      <c r="H227703" s="12"/>
    </row>
    <row r="227704" spans="8:8">
      <c r="H227704" s="12"/>
    </row>
    <row r="227705" spans="8:8">
      <c r="H227705" s="12"/>
    </row>
    <row r="227706" spans="8:8">
      <c r="H227706" s="12"/>
    </row>
    <row r="227707" spans="8:8">
      <c r="H227707" s="12"/>
    </row>
    <row r="227708" spans="8:8">
      <c r="H227708" s="12"/>
    </row>
    <row r="227709" spans="8:8">
      <c r="H227709" s="12"/>
    </row>
    <row r="227710" spans="8:8">
      <c r="H227710" s="12"/>
    </row>
    <row r="227711" spans="8:8">
      <c r="H227711" s="12"/>
    </row>
    <row r="227712" spans="8:8">
      <c r="H227712" s="12"/>
    </row>
    <row r="227713" spans="8:8">
      <c r="H227713" s="12"/>
    </row>
    <row r="227714" spans="8:8">
      <c r="H227714" s="12"/>
    </row>
    <row r="227715" spans="8:8">
      <c r="H227715" s="12"/>
    </row>
    <row r="227716" spans="8:8">
      <c r="H227716" s="12"/>
    </row>
    <row r="227717" spans="8:8">
      <c r="H227717" s="12"/>
    </row>
    <row r="227718" spans="8:8">
      <c r="H227718" s="12"/>
    </row>
    <row r="227719" spans="8:8">
      <c r="H227719" s="12"/>
    </row>
    <row r="227720" spans="8:8">
      <c r="H227720" s="12"/>
    </row>
    <row r="227721" spans="8:8">
      <c r="H227721" s="12"/>
    </row>
    <row r="227722" spans="8:8">
      <c r="H227722" s="12"/>
    </row>
    <row r="227723" spans="8:8">
      <c r="H227723" s="12"/>
    </row>
    <row r="227724" spans="8:8">
      <c r="H227724" s="12"/>
    </row>
    <row r="227725" spans="8:8">
      <c r="H227725" s="12"/>
    </row>
    <row r="227726" spans="8:8">
      <c r="H227726" s="12"/>
    </row>
    <row r="227727" spans="8:8">
      <c r="H227727" s="12"/>
    </row>
    <row r="227728" spans="8:8">
      <c r="H227728" s="12"/>
    </row>
    <row r="227729" spans="8:8">
      <c r="H227729" s="12"/>
    </row>
    <row r="227730" spans="8:8">
      <c r="H227730" s="12"/>
    </row>
    <row r="227731" spans="8:8">
      <c r="H227731" s="12"/>
    </row>
    <row r="227732" spans="8:8">
      <c r="H227732" s="12"/>
    </row>
    <row r="227733" spans="8:8">
      <c r="H227733" s="12"/>
    </row>
    <row r="227734" spans="8:8">
      <c r="H227734" s="12"/>
    </row>
    <row r="227735" spans="8:8">
      <c r="H227735" s="12"/>
    </row>
    <row r="227736" spans="8:8">
      <c r="H227736" s="12"/>
    </row>
    <row r="227737" spans="8:8">
      <c r="H227737" s="12"/>
    </row>
    <row r="227738" spans="8:8">
      <c r="H227738" s="12"/>
    </row>
    <row r="227739" spans="8:8">
      <c r="H227739" s="12"/>
    </row>
    <row r="227740" spans="8:8">
      <c r="H227740" s="12"/>
    </row>
    <row r="227741" spans="8:8">
      <c r="H227741" s="12"/>
    </row>
    <row r="227742" spans="8:8">
      <c r="H227742" s="12"/>
    </row>
    <row r="227743" spans="8:8">
      <c r="H227743" s="12"/>
    </row>
    <row r="227744" spans="8:8">
      <c r="H227744" s="12"/>
    </row>
    <row r="227745" spans="8:8">
      <c r="H227745" s="12"/>
    </row>
    <row r="227746" spans="8:8">
      <c r="H227746" s="12"/>
    </row>
    <row r="227747" spans="8:8">
      <c r="H227747" s="12"/>
    </row>
    <row r="227748" spans="8:8">
      <c r="H227748" s="12"/>
    </row>
    <row r="227749" spans="8:8">
      <c r="H227749" s="12"/>
    </row>
    <row r="227750" spans="8:8">
      <c r="H227750" s="12"/>
    </row>
    <row r="227751" spans="8:8">
      <c r="H227751" s="12"/>
    </row>
    <row r="227752" spans="8:8">
      <c r="H227752" s="12"/>
    </row>
    <row r="227753" spans="8:8">
      <c r="H227753" s="12"/>
    </row>
    <row r="227754" spans="8:8">
      <c r="H227754" s="12"/>
    </row>
    <row r="227755" spans="8:8">
      <c r="H227755" s="12"/>
    </row>
    <row r="227756" spans="8:8">
      <c r="H227756" s="12"/>
    </row>
    <row r="227757" spans="8:8">
      <c r="H227757" s="12"/>
    </row>
    <row r="227758" spans="8:8">
      <c r="H227758" s="12"/>
    </row>
    <row r="227759" spans="8:8">
      <c r="H227759" s="12"/>
    </row>
    <row r="227760" spans="8:8">
      <c r="H227760" s="12"/>
    </row>
    <row r="227761" spans="8:8">
      <c r="H227761" s="12"/>
    </row>
    <row r="227762" spans="8:8">
      <c r="H227762" s="12"/>
    </row>
    <row r="227763" spans="8:8">
      <c r="H227763" s="12"/>
    </row>
    <row r="227764" spans="8:8">
      <c r="H227764" s="12"/>
    </row>
    <row r="227765" spans="8:8">
      <c r="H227765" s="12"/>
    </row>
    <row r="227766" spans="8:8">
      <c r="H227766" s="12"/>
    </row>
    <row r="227767" spans="8:8">
      <c r="H227767" s="12"/>
    </row>
    <row r="227768" spans="8:8">
      <c r="H227768" s="12"/>
    </row>
    <row r="227769" spans="8:8">
      <c r="H227769" s="12"/>
    </row>
    <row r="227770" spans="8:8">
      <c r="H227770" s="12"/>
    </row>
    <row r="227771" spans="8:8">
      <c r="H227771" s="12"/>
    </row>
    <row r="227772" spans="8:8">
      <c r="H227772" s="12"/>
    </row>
    <row r="227773" spans="8:8">
      <c r="H227773" s="12"/>
    </row>
    <row r="227774" spans="8:8">
      <c r="H227774" s="12"/>
    </row>
    <row r="227775" spans="8:8">
      <c r="H227775" s="12"/>
    </row>
    <row r="227776" spans="8:8">
      <c r="H227776" s="12"/>
    </row>
    <row r="227777" spans="8:8">
      <c r="H227777" s="12"/>
    </row>
    <row r="227778" spans="8:8">
      <c r="H227778" s="12"/>
    </row>
    <row r="227779" spans="8:8">
      <c r="H227779" s="12"/>
    </row>
    <row r="227780" spans="8:8">
      <c r="H227780" s="12"/>
    </row>
    <row r="227781" spans="8:8">
      <c r="H227781" s="12"/>
    </row>
    <row r="227782" spans="8:8">
      <c r="H227782" s="12"/>
    </row>
    <row r="227783" spans="8:8">
      <c r="H227783" s="12"/>
    </row>
    <row r="227784" spans="8:8">
      <c r="H227784" s="12"/>
    </row>
    <row r="227785" spans="8:8">
      <c r="H227785" s="12"/>
    </row>
    <row r="227786" spans="8:8">
      <c r="H227786" s="12"/>
    </row>
    <row r="227787" spans="8:8">
      <c r="H227787" s="12"/>
    </row>
    <row r="227788" spans="8:8">
      <c r="H227788" s="12"/>
    </row>
    <row r="227789" spans="8:8">
      <c r="H227789" s="12"/>
    </row>
    <row r="227790" spans="8:8">
      <c r="H227790" s="12"/>
    </row>
    <row r="227791" spans="8:8">
      <c r="H227791" s="12"/>
    </row>
    <row r="227792" spans="8:8">
      <c r="H227792" s="12"/>
    </row>
    <row r="227793" spans="8:8">
      <c r="H227793" s="12"/>
    </row>
    <row r="227794" spans="8:8">
      <c r="H227794" s="12"/>
    </row>
    <row r="227795" spans="8:8">
      <c r="H227795" s="12"/>
    </row>
    <row r="227796" spans="8:8">
      <c r="H227796" s="12"/>
    </row>
    <row r="227797" spans="8:8">
      <c r="H227797" s="12"/>
    </row>
    <row r="227798" spans="8:8">
      <c r="H227798" s="12"/>
    </row>
    <row r="227799" spans="8:8">
      <c r="H227799" s="12"/>
    </row>
    <row r="227800" spans="8:8">
      <c r="H227800" s="12"/>
    </row>
    <row r="227801" spans="8:8">
      <c r="H227801" s="12"/>
    </row>
    <row r="227802" spans="8:8">
      <c r="H227802" s="12"/>
    </row>
    <row r="227803" spans="8:8">
      <c r="H227803" s="12"/>
    </row>
    <row r="227804" spans="8:8">
      <c r="H227804" s="12"/>
    </row>
    <row r="227805" spans="8:8">
      <c r="H227805" s="12"/>
    </row>
    <row r="227806" spans="8:8">
      <c r="H227806" s="12"/>
    </row>
    <row r="227807" spans="8:8">
      <c r="H227807" s="12"/>
    </row>
    <row r="227808" spans="8:8">
      <c r="H227808" s="12"/>
    </row>
    <row r="227809" spans="8:8">
      <c r="H227809" s="12"/>
    </row>
    <row r="227810" spans="8:8">
      <c r="H227810" s="12"/>
    </row>
    <row r="227811" spans="8:8">
      <c r="H227811" s="12"/>
    </row>
    <row r="227812" spans="8:8">
      <c r="H227812" s="12"/>
    </row>
    <row r="227813" spans="8:8">
      <c r="H227813" s="12"/>
    </row>
    <row r="227814" spans="8:8">
      <c r="H227814" s="12"/>
    </row>
    <row r="227815" spans="8:8">
      <c r="H227815" s="12"/>
    </row>
    <row r="227816" spans="8:8">
      <c r="H227816" s="12"/>
    </row>
    <row r="227817" spans="8:8">
      <c r="H227817" s="12"/>
    </row>
    <row r="227818" spans="8:8">
      <c r="H227818" s="12"/>
    </row>
    <row r="227819" spans="8:8">
      <c r="H227819" s="12"/>
    </row>
    <row r="227820" spans="8:8">
      <c r="H227820" s="12"/>
    </row>
    <row r="227821" spans="8:8">
      <c r="H227821" s="12"/>
    </row>
    <row r="227822" spans="8:8">
      <c r="H227822" s="12"/>
    </row>
    <row r="227823" spans="8:8">
      <c r="H227823" s="12"/>
    </row>
    <row r="227824" spans="8:8">
      <c r="H227824" s="12"/>
    </row>
    <row r="227825" spans="8:8">
      <c r="H227825" s="12"/>
    </row>
    <row r="227826" spans="8:8">
      <c r="H227826" s="12"/>
    </row>
    <row r="227827" spans="8:8">
      <c r="H227827" s="12"/>
    </row>
    <row r="227828" spans="8:8">
      <c r="H227828" s="12"/>
    </row>
    <row r="227829" spans="8:8">
      <c r="H227829" s="12"/>
    </row>
    <row r="227830" spans="8:8">
      <c r="H227830" s="12"/>
    </row>
    <row r="227831" spans="8:8">
      <c r="H227831" s="12"/>
    </row>
    <row r="227832" spans="8:8">
      <c r="H227832" s="12"/>
    </row>
    <row r="227833" spans="8:8">
      <c r="H227833" s="12"/>
    </row>
    <row r="227834" spans="8:8">
      <c r="H227834" s="12"/>
    </row>
    <row r="227835" spans="8:8">
      <c r="H227835" s="12"/>
    </row>
    <row r="227836" spans="8:8">
      <c r="H227836" s="12"/>
    </row>
    <row r="227837" spans="8:8">
      <c r="H227837" s="12"/>
    </row>
    <row r="227838" spans="8:8">
      <c r="H227838" s="12"/>
    </row>
    <row r="227839" spans="8:8">
      <c r="H227839" s="12"/>
    </row>
    <row r="227840" spans="8:8">
      <c r="H227840" s="12"/>
    </row>
    <row r="227841" spans="8:8">
      <c r="H227841" s="12"/>
    </row>
    <row r="227842" spans="8:8">
      <c r="H227842" s="12"/>
    </row>
    <row r="227843" spans="8:8">
      <c r="H227843" s="12"/>
    </row>
    <row r="227844" spans="8:8">
      <c r="H227844" s="12"/>
    </row>
    <row r="227845" spans="8:8">
      <c r="H227845" s="12"/>
    </row>
    <row r="227846" spans="8:8">
      <c r="H227846" s="12"/>
    </row>
    <row r="227847" spans="8:8">
      <c r="H227847" s="12"/>
    </row>
    <row r="227848" spans="8:8">
      <c r="H227848" s="12"/>
    </row>
    <row r="227849" spans="8:8">
      <c r="H227849" s="12"/>
    </row>
    <row r="227850" spans="8:8">
      <c r="H227850" s="12"/>
    </row>
    <row r="227851" spans="8:8">
      <c r="H227851" s="12"/>
    </row>
    <row r="227852" spans="8:8">
      <c r="H227852" s="12"/>
    </row>
    <row r="227853" spans="8:8">
      <c r="H227853" s="12"/>
    </row>
    <row r="227854" spans="8:8">
      <c r="H227854" s="12"/>
    </row>
    <row r="227855" spans="8:8">
      <c r="H227855" s="12"/>
    </row>
    <row r="227856" spans="8:8">
      <c r="H227856" s="12"/>
    </row>
    <row r="227857" spans="8:8">
      <c r="H227857" s="12"/>
    </row>
    <row r="227858" spans="8:8">
      <c r="H227858" s="12"/>
    </row>
    <row r="227859" spans="8:8">
      <c r="H227859" s="12"/>
    </row>
    <row r="227860" spans="8:8">
      <c r="H227860" s="12"/>
    </row>
    <row r="227861" spans="8:8">
      <c r="H227861" s="12"/>
    </row>
    <row r="227862" spans="8:8">
      <c r="H227862" s="12"/>
    </row>
    <row r="227863" spans="8:8">
      <c r="H227863" s="12"/>
    </row>
    <row r="227864" spans="8:8">
      <c r="H227864" s="12"/>
    </row>
    <row r="227865" spans="8:8">
      <c r="H227865" s="12"/>
    </row>
    <row r="227866" spans="8:8">
      <c r="H227866" s="12"/>
    </row>
    <row r="227867" spans="8:8">
      <c r="H227867" s="12"/>
    </row>
    <row r="227868" spans="8:8">
      <c r="H227868" s="12"/>
    </row>
    <row r="227869" spans="8:8">
      <c r="H227869" s="12"/>
    </row>
    <row r="227870" spans="8:8">
      <c r="H227870" s="12"/>
    </row>
    <row r="227871" spans="8:8">
      <c r="H227871" s="12"/>
    </row>
    <row r="227872" spans="8:8">
      <c r="H227872" s="12"/>
    </row>
    <row r="227873" spans="8:8">
      <c r="H227873" s="12"/>
    </row>
    <row r="227874" spans="8:8">
      <c r="H227874" s="12"/>
    </row>
    <row r="227875" spans="8:8">
      <c r="H227875" s="12"/>
    </row>
    <row r="227876" spans="8:8">
      <c r="H227876" s="12"/>
    </row>
    <row r="227877" spans="8:8">
      <c r="H227877" s="12"/>
    </row>
    <row r="227878" spans="8:8">
      <c r="H227878" s="12"/>
    </row>
    <row r="227879" spans="8:8">
      <c r="H227879" s="12"/>
    </row>
    <row r="227880" spans="8:8">
      <c r="H227880" s="12"/>
    </row>
    <row r="227881" spans="8:8">
      <c r="H227881" s="12"/>
    </row>
    <row r="227882" spans="8:8">
      <c r="H227882" s="12"/>
    </row>
    <row r="227883" spans="8:8">
      <c r="H227883" s="12"/>
    </row>
    <row r="227884" spans="8:8">
      <c r="H227884" s="12"/>
    </row>
    <row r="227885" spans="8:8">
      <c r="H227885" s="12"/>
    </row>
    <row r="227886" spans="8:8">
      <c r="H227886" s="12"/>
    </row>
    <row r="227887" spans="8:8">
      <c r="H227887" s="12"/>
    </row>
    <row r="227888" spans="8:8">
      <c r="H227888" s="12"/>
    </row>
    <row r="227889" spans="8:8">
      <c r="H227889" s="12"/>
    </row>
    <row r="227890" spans="8:8">
      <c r="H227890" s="12"/>
    </row>
    <row r="227891" spans="8:8">
      <c r="H227891" s="12"/>
    </row>
    <row r="227892" spans="8:8">
      <c r="H227892" s="12"/>
    </row>
    <row r="227893" spans="8:8">
      <c r="H227893" s="12"/>
    </row>
    <row r="227894" spans="8:8">
      <c r="H227894" s="12"/>
    </row>
    <row r="227895" spans="8:8">
      <c r="H227895" s="12"/>
    </row>
    <row r="227896" spans="8:8">
      <c r="H227896" s="12"/>
    </row>
    <row r="227897" spans="8:8">
      <c r="H227897" s="12"/>
    </row>
    <row r="227898" spans="8:8">
      <c r="H227898" s="12"/>
    </row>
    <row r="227899" spans="8:8">
      <c r="H227899" s="12"/>
    </row>
    <row r="227900" spans="8:8">
      <c r="H227900" s="12"/>
    </row>
    <row r="227901" spans="8:8">
      <c r="H227901" s="12"/>
    </row>
    <row r="227902" spans="8:8">
      <c r="H227902" s="12"/>
    </row>
    <row r="227903" spans="8:8">
      <c r="H227903" s="12"/>
    </row>
    <row r="227904" spans="8:8">
      <c r="H227904" s="12"/>
    </row>
    <row r="227905" spans="8:8">
      <c r="H227905" s="12"/>
    </row>
    <row r="227906" spans="8:8">
      <c r="H227906" s="12"/>
    </row>
    <row r="227907" spans="8:8">
      <c r="H227907" s="12"/>
    </row>
    <row r="227908" spans="8:8">
      <c r="H227908" s="12"/>
    </row>
    <row r="227909" spans="8:8">
      <c r="H227909" s="12"/>
    </row>
    <row r="227910" spans="8:8">
      <c r="H227910" s="12"/>
    </row>
    <row r="227911" spans="8:8">
      <c r="H227911" s="12"/>
    </row>
    <row r="227912" spans="8:8">
      <c r="H227912" s="12"/>
    </row>
    <row r="227913" spans="8:8">
      <c r="H227913" s="12"/>
    </row>
    <row r="227914" spans="8:8">
      <c r="H227914" s="12"/>
    </row>
    <row r="227915" spans="8:8">
      <c r="H227915" s="12"/>
    </row>
    <row r="227916" spans="8:8">
      <c r="H227916" s="12"/>
    </row>
    <row r="227917" spans="8:8">
      <c r="H227917" s="12"/>
    </row>
    <row r="227918" spans="8:8">
      <c r="H227918" s="12"/>
    </row>
    <row r="227919" spans="8:8">
      <c r="H227919" s="12"/>
    </row>
    <row r="227920" spans="8:8">
      <c r="H227920" s="12"/>
    </row>
    <row r="227921" spans="8:8">
      <c r="H227921" s="12"/>
    </row>
    <row r="227922" spans="8:8">
      <c r="H227922" s="12"/>
    </row>
    <row r="227923" spans="8:8">
      <c r="H227923" s="12"/>
    </row>
    <row r="227924" spans="8:8">
      <c r="H227924" s="12"/>
    </row>
    <row r="227925" spans="8:8">
      <c r="H227925" s="12"/>
    </row>
    <row r="227926" spans="8:8">
      <c r="H227926" s="12"/>
    </row>
    <row r="227927" spans="8:8">
      <c r="H227927" s="12"/>
    </row>
    <row r="227928" spans="8:8">
      <c r="H227928" s="12"/>
    </row>
    <row r="227929" spans="8:8">
      <c r="H227929" s="12"/>
    </row>
    <row r="227930" spans="8:8">
      <c r="H227930" s="12"/>
    </row>
    <row r="227931" spans="8:8">
      <c r="H227931" s="12"/>
    </row>
    <row r="227932" spans="8:8">
      <c r="H227932" s="12"/>
    </row>
    <row r="227933" spans="8:8">
      <c r="H227933" s="12"/>
    </row>
    <row r="227934" spans="8:8">
      <c r="H227934" s="12"/>
    </row>
    <row r="227935" spans="8:8">
      <c r="H227935" s="12"/>
    </row>
    <row r="227936" spans="8:8">
      <c r="H227936" s="12"/>
    </row>
    <row r="227937" spans="8:8">
      <c r="H227937" s="12"/>
    </row>
    <row r="227938" spans="8:8">
      <c r="H227938" s="12"/>
    </row>
    <row r="227939" spans="8:8">
      <c r="H227939" s="12"/>
    </row>
    <row r="227940" spans="8:8">
      <c r="H227940" s="12"/>
    </row>
    <row r="227941" spans="8:8">
      <c r="H227941" s="12"/>
    </row>
    <row r="227942" spans="8:8">
      <c r="H227942" s="12"/>
    </row>
    <row r="227943" spans="8:8">
      <c r="H227943" s="12"/>
    </row>
    <row r="227944" spans="8:8">
      <c r="H227944" s="12"/>
    </row>
    <row r="227945" spans="8:8">
      <c r="H227945" s="12"/>
    </row>
    <row r="227946" spans="8:8">
      <c r="H227946" s="12"/>
    </row>
    <row r="227947" spans="8:8">
      <c r="H227947" s="12"/>
    </row>
    <row r="227948" spans="8:8">
      <c r="H227948" s="12"/>
    </row>
    <row r="227949" spans="8:8">
      <c r="H227949" s="12"/>
    </row>
    <row r="227950" spans="8:8">
      <c r="H227950" s="12"/>
    </row>
    <row r="227951" spans="8:8">
      <c r="H227951" s="12"/>
    </row>
    <row r="227952" spans="8:8">
      <c r="H227952" s="12"/>
    </row>
    <row r="227953" spans="8:8">
      <c r="H227953" s="12"/>
    </row>
    <row r="227954" spans="8:8">
      <c r="H227954" s="12"/>
    </row>
    <row r="227955" spans="8:8">
      <c r="H227955" s="12"/>
    </row>
    <row r="227956" spans="8:8">
      <c r="H227956" s="12"/>
    </row>
    <row r="227957" spans="8:8">
      <c r="H227957" s="12"/>
    </row>
    <row r="227958" spans="8:8">
      <c r="H227958" s="12"/>
    </row>
    <row r="227959" spans="8:8">
      <c r="H227959" s="12"/>
    </row>
    <row r="227960" spans="8:8">
      <c r="H227960" s="12"/>
    </row>
    <row r="227961" spans="8:8">
      <c r="H227961" s="12"/>
    </row>
    <row r="227962" spans="8:8">
      <c r="H227962" s="12"/>
    </row>
    <row r="227963" spans="8:8">
      <c r="H227963" s="12"/>
    </row>
    <row r="227964" spans="8:8">
      <c r="H227964" s="12"/>
    </row>
    <row r="227965" spans="8:8">
      <c r="H227965" s="12"/>
    </row>
    <row r="227966" spans="8:8">
      <c r="H227966" s="12"/>
    </row>
    <row r="227967" spans="8:8">
      <c r="H227967" s="12"/>
    </row>
    <row r="227968" spans="8:8">
      <c r="H227968" s="12"/>
    </row>
    <row r="227969" spans="8:8">
      <c r="H227969" s="12"/>
    </row>
    <row r="227970" spans="8:8">
      <c r="H227970" s="12"/>
    </row>
    <row r="227971" spans="8:8">
      <c r="H227971" s="12"/>
    </row>
    <row r="227972" spans="8:8">
      <c r="H227972" s="12"/>
    </row>
    <row r="227973" spans="8:8">
      <c r="H227973" s="12"/>
    </row>
    <row r="227974" spans="8:8">
      <c r="H227974" s="12"/>
    </row>
    <row r="227975" spans="8:8">
      <c r="H227975" s="12"/>
    </row>
    <row r="227976" spans="8:8">
      <c r="H227976" s="12"/>
    </row>
    <row r="227977" spans="8:8">
      <c r="H227977" s="12"/>
    </row>
    <row r="227978" spans="8:8">
      <c r="H227978" s="12"/>
    </row>
    <row r="227979" spans="8:8">
      <c r="H227979" s="12"/>
    </row>
    <row r="227980" spans="8:8">
      <c r="H227980" s="12"/>
    </row>
    <row r="227981" spans="8:8">
      <c r="H227981" s="12"/>
    </row>
    <row r="227982" spans="8:8">
      <c r="H227982" s="12"/>
    </row>
    <row r="227983" spans="8:8">
      <c r="H227983" s="12"/>
    </row>
    <row r="227984" spans="8:8">
      <c r="H227984" s="12"/>
    </row>
    <row r="227985" spans="8:8">
      <c r="H227985" s="12"/>
    </row>
    <row r="227986" spans="8:8">
      <c r="H227986" s="12"/>
    </row>
    <row r="227987" spans="8:8">
      <c r="H227987" s="12"/>
    </row>
    <row r="227988" spans="8:8">
      <c r="H227988" s="12"/>
    </row>
    <row r="227989" spans="8:8">
      <c r="H227989" s="12"/>
    </row>
    <row r="227990" spans="8:8">
      <c r="H227990" s="12"/>
    </row>
    <row r="227991" spans="8:8">
      <c r="H227991" s="12"/>
    </row>
    <row r="227992" spans="8:8">
      <c r="H227992" s="12"/>
    </row>
    <row r="227993" spans="8:8">
      <c r="H227993" s="12"/>
    </row>
    <row r="227994" spans="8:8">
      <c r="H227994" s="12"/>
    </row>
    <row r="227995" spans="8:8">
      <c r="H227995" s="12"/>
    </row>
    <row r="227996" spans="8:8">
      <c r="H227996" s="12"/>
    </row>
    <row r="227997" spans="8:8">
      <c r="H227997" s="12"/>
    </row>
    <row r="227998" spans="8:8">
      <c r="H227998" s="12"/>
    </row>
    <row r="227999" spans="8:8">
      <c r="H227999" s="12"/>
    </row>
    <row r="228000" spans="8:8">
      <c r="H228000" s="12"/>
    </row>
    <row r="228001" spans="8:8">
      <c r="H228001" s="12"/>
    </row>
    <row r="228002" spans="8:8">
      <c r="H228002" s="12"/>
    </row>
    <row r="228003" spans="8:8">
      <c r="H228003" s="12"/>
    </row>
    <row r="228004" spans="8:8">
      <c r="H228004" s="12"/>
    </row>
    <row r="228005" spans="8:8">
      <c r="H228005" s="12"/>
    </row>
    <row r="228006" spans="8:8">
      <c r="H228006" s="12"/>
    </row>
    <row r="228007" spans="8:8">
      <c r="H228007" s="12"/>
    </row>
    <row r="228008" spans="8:8">
      <c r="H228008" s="12"/>
    </row>
    <row r="228009" spans="8:8">
      <c r="H228009" s="12"/>
    </row>
    <row r="228010" spans="8:8">
      <c r="H228010" s="12"/>
    </row>
    <row r="228011" spans="8:8">
      <c r="H228011" s="12"/>
    </row>
    <row r="228012" spans="8:8">
      <c r="H228012" s="12"/>
    </row>
    <row r="228013" spans="8:8">
      <c r="H228013" s="12"/>
    </row>
    <row r="228014" spans="8:8">
      <c r="H228014" s="12"/>
    </row>
    <row r="228015" spans="8:8">
      <c r="H228015" s="12"/>
    </row>
    <row r="228016" spans="8:8">
      <c r="H228016" s="12"/>
    </row>
    <row r="228017" spans="8:8">
      <c r="H228017" s="12"/>
    </row>
    <row r="228018" spans="8:8">
      <c r="H228018" s="12"/>
    </row>
    <row r="228019" spans="8:8">
      <c r="H228019" s="12"/>
    </row>
    <row r="228020" spans="8:8">
      <c r="H228020" s="12"/>
    </row>
    <row r="228021" spans="8:8">
      <c r="H228021" s="12"/>
    </row>
    <row r="228022" spans="8:8">
      <c r="H228022" s="12"/>
    </row>
    <row r="228023" spans="8:8">
      <c r="H228023" s="12"/>
    </row>
    <row r="228024" spans="8:8">
      <c r="H228024" s="12"/>
    </row>
    <row r="228025" spans="8:8">
      <c r="H228025" s="12"/>
    </row>
    <row r="228026" spans="8:8">
      <c r="H228026" s="12"/>
    </row>
    <row r="228027" spans="8:8">
      <c r="H228027" s="12"/>
    </row>
    <row r="228028" spans="8:8">
      <c r="H228028" s="12"/>
    </row>
    <row r="228029" spans="8:8">
      <c r="H228029" s="12"/>
    </row>
    <row r="228030" spans="8:8">
      <c r="H228030" s="12"/>
    </row>
    <row r="228031" spans="8:8">
      <c r="H228031" s="12"/>
    </row>
    <row r="228032" spans="8:8">
      <c r="H228032" s="12"/>
    </row>
    <row r="228033" spans="8:8">
      <c r="H228033" s="12"/>
    </row>
    <row r="228034" spans="8:8">
      <c r="H228034" s="12"/>
    </row>
    <row r="228035" spans="8:8">
      <c r="H228035" s="12"/>
    </row>
    <row r="228036" spans="8:8">
      <c r="H228036" s="12"/>
    </row>
    <row r="228037" spans="8:8">
      <c r="H228037" s="12"/>
    </row>
    <row r="228038" spans="8:8">
      <c r="H228038" s="12"/>
    </row>
    <row r="228039" spans="8:8">
      <c r="H228039" s="12"/>
    </row>
    <row r="228040" spans="8:8">
      <c r="H228040" s="12"/>
    </row>
    <row r="228041" spans="8:8">
      <c r="H228041" s="12"/>
    </row>
    <row r="228042" spans="8:8">
      <c r="H228042" s="12"/>
    </row>
    <row r="228043" spans="8:8">
      <c r="H228043" s="12"/>
    </row>
    <row r="228044" spans="8:8">
      <c r="H228044" s="12"/>
    </row>
    <row r="228045" spans="8:8">
      <c r="H228045" s="12"/>
    </row>
    <row r="228046" spans="8:8">
      <c r="H228046" s="12"/>
    </row>
    <row r="228047" spans="8:8">
      <c r="H228047" s="12"/>
    </row>
    <row r="228048" spans="8:8">
      <c r="H228048" s="12"/>
    </row>
    <row r="228049" spans="8:8">
      <c r="H228049" s="12"/>
    </row>
    <row r="228050" spans="8:8">
      <c r="H228050" s="12"/>
    </row>
    <row r="228051" spans="8:8">
      <c r="H228051" s="12"/>
    </row>
    <row r="228052" spans="8:8">
      <c r="H228052" s="12"/>
    </row>
    <row r="228053" spans="8:8">
      <c r="H228053" s="12"/>
    </row>
    <row r="228054" spans="8:8">
      <c r="H228054" s="12"/>
    </row>
    <row r="228055" spans="8:8">
      <c r="H228055" s="12"/>
    </row>
    <row r="228056" spans="8:8">
      <c r="H228056" s="12"/>
    </row>
    <row r="228057" spans="8:8">
      <c r="H228057" s="12"/>
    </row>
    <row r="228058" spans="8:8">
      <c r="H228058" s="12"/>
    </row>
    <row r="228059" spans="8:8">
      <c r="H228059" s="12"/>
    </row>
    <row r="228060" spans="8:8">
      <c r="H228060" s="12"/>
    </row>
    <row r="228061" spans="8:8">
      <c r="H228061" s="12"/>
    </row>
    <row r="228062" spans="8:8">
      <c r="H228062" s="12"/>
    </row>
    <row r="228063" spans="8:8">
      <c r="H228063" s="12"/>
    </row>
    <row r="228064" spans="8:8">
      <c r="H228064" s="12"/>
    </row>
    <row r="228065" spans="8:8">
      <c r="H228065" s="12"/>
    </row>
    <row r="228066" spans="8:8">
      <c r="H228066" s="12"/>
    </row>
    <row r="228067" spans="8:8">
      <c r="H228067" s="12"/>
    </row>
    <row r="228068" spans="8:8">
      <c r="H228068" s="12"/>
    </row>
    <row r="228069" spans="8:8">
      <c r="H228069" s="12"/>
    </row>
    <row r="228070" spans="8:8">
      <c r="H228070" s="12"/>
    </row>
    <row r="228071" spans="8:8">
      <c r="H228071" s="12"/>
    </row>
    <row r="228072" spans="8:8">
      <c r="H228072" s="12"/>
    </row>
    <row r="228073" spans="8:8">
      <c r="H228073" s="12"/>
    </row>
    <row r="228074" spans="8:8">
      <c r="H228074" s="12"/>
    </row>
    <row r="228075" spans="8:8">
      <c r="H228075" s="12"/>
    </row>
    <row r="228076" spans="8:8">
      <c r="H228076" s="12"/>
    </row>
    <row r="228077" spans="8:8">
      <c r="H228077" s="12"/>
    </row>
    <row r="228078" spans="8:8">
      <c r="H228078" s="12"/>
    </row>
    <row r="228079" spans="8:8">
      <c r="H228079" s="12"/>
    </row>
    <row r="228080" spans="8:8">
      <c r="H228080" s="12"/>
    </row>
    <row r="228081" spans="8:8">
      <c r="H228081" s="12"/>
    </row>
    <row r="228082" spans="8:8">
      <c r="H228082" s="12"/>
    </row>
    <row r="228083" spans="8:8">
      <c r="H228083" s="12"/>
    </row>
    <row r="228084" spans="8:8">
      <c r="H228084" s="12"/>
    </row>
    <row r="228085" spans="8:8">
      <c r="H228085" s="12"/>
    </row>
    <row r="228086" spans="8:8">
      <c r="H228086" s="12"/>
    </row>
    <row r="228087" spans="8:8">
      <c r="H228087" s="12"/>
    </row>
    <row r="228088" spans="8:8">
      <c r="H228088" s="12"/>
    </row>
    <row r="228089" spans="8:8">
      <c r="H228089" s="12"/>
    </row>
    <row r="228090" spans="8:8">
      <c r="H228090" s="12"/>
    </row>
    <row r="228091" spans="8:8">
      <c r="H228091" s="12"/>
    </row>
    <row r="228092" spans="8:8">
      <c r="H228092" s="12"/>
    </row>
    <row r="228093" spans="8:8">
      <c r="H228093" s="12"/>
    </row>
    <row r="228094" spans="8:8">
      <c r="H228094" s="12"/>
    </row>
    <row r="228095" spans="8:8">
      <c r="H228095" s="12"/>
    </row>
    <row r="228096" spans="8:8">
      <c r="H228096" s="12"/>
    </row>
    <row r="228097" spans="8:8">
      <c r="H228097" s="12"/>
    </row>
    <row r="228098" spans="8:8">
      <c r="H228098" s="12"/>
    </row>
    <row r="228099" spans="8:8">
      <c r="H228099" s="12"/>
    </row>
    <row r="228100" spans="8:8">
      <c r="H228100" s="12"/>
    </row>
    <row r="228101" spans="8:8">
      <c r="H228101" s="12"/>
    </row>
    <row r="228102" spans="8:8">
      <c r="H228102" s="12"/>
    </row>
    <row r="228103" spans="8:8">
      <c r="H228103" s="12"/>
    </row>
    <row r="228104" spans="8:8">
      <c r="H228104" s="12"/>
    </row>
    <row r="228105" spans="8:8">
      <c r="H228105" s="12"/>
    </row>
    <row r="228106" spans="8:8">
      <c r="H228106" s="12"/>
    </row>
    <row r="228107" spans="8:8">
      <c r="H228107" s="12"/>
    </row>
    <row r="228108" spans="8:8">
      <c r="H228108" s="12"/>
    </row>
    <row r="228109" spans="8:8">
      <c r="H228109" s="12"/>
    </row>
    <row r="228110" spans="8:8">
      <c r="H228110" s="12"/>
    </row>
    <row r="228111" spans="8:8">
      <c r="H228111" s="12"/>
    </row>
    <row r="228112" spans="8:8">
      <c r="H228112" s="12"/>
    </row>
    <row r="228113" spans="8:8">
      <c r="H228113" s="12"/>
    </row>
    <row r="228114" spans="8:8">
      <c r="H228114" s="12"/>
    </row>
    <row r="228115" spans="8:8">
      <c r="H228115" s="12"/>
    </row>
    <row r="228116" spans="8:8">
      <c r="H228116" s="12"/>
    </row>
    <row r="228117" spans="8:8">
      <c r="H228117" s="12"/>
    </row>
    <row r="228118" spans="8:8">
      <c r="H228118" s="12"/>
    </row>
    <row r="228119" spans="8:8">
      <c r="H228119" s="12"/>
    </row>
    <row r="228120" spans="8:8">
      <c r="H228120" s="12"/>
    </row>
    <row r="228121" spans="8:8">
      <c r="H228121" s="12"/>
    </row>
    <row r="228122" spans="8:8">
      <c r="H228122" s="12"/>
    </row>
    <row r="228123" spans="8:8">
      <c r="H228123" s="12"/>
    </row>
    <row r="228124" spans="8:8">
      <c r="H228124" s="12"/>
    </row>
    <row r="228125" spans="8:8">
      <c r="H228125" s="12"/>
    </row>
    <row r="228126" spans="8:8">
      <c r="H228126" s="12"/>
    </row>
    <row r="228127" spans="8:8">
      <c r="H228127" s="12"/>
    </row>
    <row r="228128" spans="8:8">
      <c r="H228128" s="12"/>
    </row>
    <row r="228129" spans="8:8">
      <c r="H228129" s="12"/>
    </row>
    <row r="228130" spans="8:8">
      <c r="H228130" s="12"/>
    </row>
    <row r="228131" spans="8:8">
      <c r="H228131" s="12"/>
    </row>
    <row r="228132" spans="8:8">
      <c r="H228132" s="12"/>
    </row>
    <row r="228133" spans="8:8">
      <c r="H228133" s="12"/>
    </row>
    <row r="228134" spans="8:8">
      <c r="H228134" s="12"/>
    </row>
    <row r="228135" spans="8:8">
      <c r="H228135" s="12"/>
    </row>
    <row r="228136" spans="8:8">
      <c r="H228136" s="12"/>
    </row>
    <row r="228137" spans="8:8">
      <c r="H228137" s="12"/>
    </row>
    <row r="228138" spans="8:8">
      <c r="H228138" s="12"/>
    </row>
    <row r="228139" spans="8:8">
      <c r="H228139" s="12"/>
    </row>
    <row r="228140" spans="8:8">
      <c r="H228140" s="12"/>
    </row>
    <row r="228141" spans="8:8">
      <c r="H228141" s="12"/>
    </row>
    <row r="228142" spans="8:8">
      <c r="H228142" s="12"/>
    </row>
    <row r="228143" spans="8:8">
      <c r="H228143" s="12"/>
    </row>
    <row r="228144" spans="8:8">
      <c r="H228144" s="12"/>
    </row>
    <row r="228145" spans="8:8">
      <c r="H228145" s="12"/>
    </row>
    <row r="228146" spans="8:8">
      <c r="H228146" s="12"/>
    </row>
    <row r="228147" spans="8:8">
      <c r="H228147" s="12"/>
    </row>
    <row r="228148" spans="8:8">
      <c r="H228148" s="12"/>
    </row>
    <row r="228149" spans="8:8">
      <c r="H228149" s="12"/>
    </row>
    <row r="228150" spans="8:8">
      <c r="H228150" s="12"/>
    </row>
    <row r="228151" spans="8:8">
      <c r="H228151" s="12"/>
    </row>
    <row r="228152" spans="8:8">
      <c r="H228152" s="12"/>
    </row>
    <row r="228153" spans="8:8">
      <c r="H228153" s="12"/>
    </row>
    <row r="228154" spans="8:8">
      <c r="H228154" s="12"/>
    </row>
    <row r="228155" spans="8:8">
      <c r="H228155" s="12"/>
    </row>
    <row r="228156" spans="8:8">
      <c r="H228156" s="12"/>
    </row>
    <row r="228157" spans="8:8">
      <c r="H228157" s="12"/>
    </row>
    <row r="228158" spans="8:8">
      <c r="H228158" s="12"/>
    </row>
    <row r="228159" spans="8:8">
      <c r="H228159" s="12"/>
    </row>
    <row r="228160" spans="8:8">
      <c r="H228160" s="12"/>
    </row>
    <row r="228161" spans="8:8">
      <c r="H228161" s="12"/>
    </row>
    <row r="228162" spans="8:8">
      <c r="H228162" s="12"/>
    </row>
    <row r="228163" spans="8:8">
      <c r="H228163" s="12"/>
    </row>
    <row r="228164" spans="8:8">
      <c r="H228164" s="12"/>
    </row>
    <row r="228165" spans="8:8">
      <c r="H228165" s="12"/>
    </row>
    <row r="228166" spans="8:8">
      <c r="H228166" s="12"/>
    </row>
    <row r="228167" spans="8:8">
      <c r="H228167" s="12"/>
    </row>
    <row r="228168" spans="8:8">
      <c r="H228168" s="12"/>
    </row>
    <row r="228169" spans="8:8">
      <c r="H228169" s="12"/>
    </row>
    <row r="228170" spans="8:8">
      <c r="H228170" s="12"/>
    </row>
    <row r="228171" spans="8:8">
      <c r="H228171" s="12"/>
    </row>
    <row r="228172" spans="8:8">
      <c r="H228172" s="12"/>
    </row>
    <row r="228173" spans="8:8">
      <c r="H228173" s="12"/>
    </row>
    <row r="228174" spans="8:8">
      <c r="H228174" s="12"/>
    </row>
    <row r="228175" spans="8:8">
      <c r="H228175" s="12"/>
    </row>
    <row r="228176" spans="8:8">
      <c r="H228176" s="12"/>
    </row>
    <row r="228177" spans="8:8">
      <c r="H228177" s="12"/>
    </row>
    <row r="228178" spans="8:8">
      <c r="H228178" s="12"/>
    </row>
    <row r="228179" spans="8:8">
      <c r="H228179" s="12"/>
    </row>
    <row r="228180" spans="8:8">
      <c r="H228180" s="12"/>
    </row>
    <row r="228181" spans="8:8">
      <c r="H228181" s="12"/>
    </row>
    <row r="228182" spans="8:8">
      <c r="H228182" s="12"/>
    </row>
    <row r="228183" spans="8:8">
      <c r="H228183" s="12"/>
    </row>
    <row r="228184" spans="8:8">
      <c r="H228184" s="12"/>
    </row>
    <row r="228185" spans="8:8">
      <c r="H228185" s="12"/>
    </row>
    <row r="228186" spans="8:8">
      <c r="H228186" s="12"/>
    </row>
    <row r="228187" spans="8:8">
      <c r="H228187" s="12"/>
    </row>
    <row r="228188" spans="8:8">
      <c r="H228188" s="12"/>
    </row>
    <row r="228189" spans="8:8">
      <c r="H228189" s="12"/>
    </row>
    <row r="228190" spans="8:8">
      <c r="H228190" s="12"/>
    </row>
    <row r="228191" spans="8:8">
      <c r="H228191" s="12"/>
    </row>
    <row r="228192" spans="8:8">
      <c r="H228192" s="12"/>
    </row>
    <row r="228193" spans="8:8">
      <c r="H228193" s="12"/>
    </row>
    <row r="228194" spans="8:8">
      <c r="H228194" s="12"/>
    </row>
    <row r="228195" spans="8:8">
      <c r="H228195" s="12"/>
    </row>
    <row r="228196" spans="8:8">
      <c r="H228196" s="12"/>
    </row>
    <row r="228197" spans="8:8">
      <c r="H228197" s="12"/>
    </row>
    <row r="228198" spans="8:8">
      <c r="H228198" s="12"/>
    </row>
    <row r="228199" spans="8:8">
      <c r="H228199" s="12"/>
    </row>
    <row r="228200" spans="8:8">
      <c r="H228200" s="12"/>
    </row>
    <row r="228201" spans="8:8">
      <c r="H228201" s="12"/>
    </row>
    <row r="228202" spans="8:8">
      <c r="H228202" s="12"/>
    </row>
    <row r="228203" spans="8:8">
      <c r="H228203" s="12"/>
    </row>
    <row r="228204" spans="8:8">
      <c r="H228204" s="12"/>
    </row>
    <row r="228205" spans="8:8">
      <c r="H228205" s="12"/>
    </row>
    <row r="228206" spans="8:8">
      <c r="H228206" s="12"/>
    </row>
    <row r="228207" spans="8:8">
      <c r="H228207" s="12"/>
    </row>
    <row r="228208" spans="8:8">
      <c r="H228208" s="12"/>
    </row>
    <row r="228209" spans="8:8">
      <c r="H228209" s="12"/>
    </row>
    <row r="228210" spans="8:8">
      <c r="H228210" s="12"/>
    </row>
    <row r="228211" spans="8:8">
      <c r="H228211" s="12"/>
    </row>
    <row r="228212" spans="8:8">
      <c r="H228212" s="12"/>
    </row>
    <row r="228213" spans="8:8">
      <c r="H228213" s="12"/>
    </row>
    <row r="228214" spans="8:8">
      <c r="H228214" s="12"/>
    </row>
    <row r="228215" spans="8:8">
      <c r="H228215" s="12"/>
    </row>
    <row r="228216" spans="8:8">
      <c r="H228216" s="12"/>
    </row>
    <row r="228217" spans="8:8">
      <c r="H228217" s="12"/>
    </row>
    <row r="228218" spans="8:8">
      <c r="H228218" s="12"/>
    </row>
    <row r="228219" spans="8:8">
      <c r="H228219" s="12"/>
    </row>
    <row r="228220" spans="8:8">
      <c r="H228220" s="12"/>
    </row>
    <row r="228221" spans="8:8">
      <c r="H228221" s="12"/>
    </row>
    <row r="228222" spans="8:8">
      <c r="H228222" s="12"/>
    </row>
    <row r="228223" spans="8:8">
      <c r="H228223" s="12"/>
    </row>
    <row r="228224" spans="8:8">
      <c r="H228224" s="12"/>
    </row>
    <row r="228225" spans="8:8">
      <c r="H228225" s="12"/>
    </row>
    <row r="228226" spans="8:8">
      <c r="H228226" s="12"/>
    </row>
    <row r="228227" spans="8:8">
      <c r="H228227" s="12"/>
    </row>
    <row r="228228" spans="8:8">
      <c r="H228228" s="12"/>
    </row>
    <row r="228229" spans="8:8">
      <c r="H228229" s="12"/>
    </row>
    <row r="228230" spans="8:8">
      <c r="H228230" s="12"/>
    </row>
    <row r="228231" spans="8:8">
      <c r="H228231" s="12"/>
    </row>
    <row r="228232" spans="8:8">
      <c r="H228232" s="12"/>
    </row>
    <row r="228233" spans="8:8">
      <c r="H228233" s="12"/>
    </row>
    <row r="228234" spans="8:8">
      <c r="H228234" s="12"/>
    </row>
    <row r="228235" spans="8:8">
      <c r="H228235" s="12"/>
    </row>
    <row r="228236" spans="8:8">
      <c r="H228236" s="12"/>
    </row>
    <row r="228237" spans="8:8">
      <c r="H228237" s="12"/>
    </row>
    <row r="228238" spans="8:8">
      <c r="H228238" s="12"/>
    </row>
    <row r="228239" spans="8:8">
      <c r="H228239" s="12"/>
    </row>
    <row r="228240" spans="8:8">
      <c r="H228240" s="12"/>
    </row>
    <row r="228241" spans="8:8">
      <c r="H228241" s="12"/>
    </row>
    <row r="228242" spans="8:8">
      <c r="H228242" s="12"/>
    </row>
    <row r="228243" spans="8:8">
      <c r="H228243" s="12"/>
    </row>
    <row r="228244" spans="8:8">
      <c r="H228244" s="12"/>
    </row>
    <row r="228245" spans="8:8">
      <c r="H228245" s="12"/>
    </row>
    <row r="228246" spans="8:8">
      <c r="H228246" s="12"/>
    </row>
    <row r="228247" spans="8:8">
      <c r="H228247" s="12"/>
    </row>
    <row r="228248" spans="8:8">
      <c r="H228248" s="12"/>
    </row>
    <row r="228249" spans="8:8">
      <c r="H228249" s="12"/>
    </row>
    <row r="228250" spans="8:8">
      <c r="H228250" s="12"/>
    </row>
    <row r="228251" spans="8:8">
      <c r="H228251" s="12"/>
    </row>
    <row r="228252" spans="8:8">
      <c r="H228252" s="12"/>
    </row>
    <row r="228253" spans="8:8">
      <c r="H228253" s="12"/>
    </row>
    <row r="228254" spans="8:8">
      <c r="H228254" s="12"/>
    </row>
    <row r="228255" spans="8:8">
      <c r="H228255" s="12"/>
    </row>
    <row r="228256" spans="8:8">
      <c r="H228256" s="12"/>
    </row>
    <row r="228257" spans="8:8">
      <c r="H228257" s="12"/>
    </row>
    <row r="228258" spans="8:8">
      <c r="H228258" s="12"/>
    </row>
    <row r="228259" spans="8:8">
      <c r="H228259" s="12"/>
    </row>
    <row r="228260" spans="8:8">
      <c r="H228260" s="12"/>
    </row>
    <row r="228261" spans="8:8">
      <c r="H228261" s="12"/>
    </row>
    <row r="228262" spans="8:8">
      <c r="H228262" s="12"/>
    </row>
    <row r="228263" spans="8:8">
      <c r="H228263" s="12"/>
    </row>
    <row r="228264" spans="8:8">
      <c r="H228264" s="12"/>
    </row>
    <row r="228265" spans="8:8">
      <c r="H228265" s="12"/>
    </row>
    <row r="228266" spans="8:8">
      <c r="H228266" s="12"/>
    </row>
    <row r="228267" spans="8:8">
      <c r="H228267" s="12"/>
    </row>
    <row r="228268" spans="8:8">
      <c r="H228268" s="12"/>
    </row>
    <row r="228269" spans="8:8">
      <c r="H228269" s="12"/>
    </row>
    <row r="228270" spans="8:8">
      <c r="H228270" s="12"/>
    </row>
    <row r="228271" spans="8:8">
      <c r="H228271" s="12"/>
    </row>
    <row r="228272" spans="8:8">
      <c r="H228272" s="12"/>
    </row>
    <row r="228273" spans="8:8">
      <c r="H228273" s="12"/>
    </row>
    <row r="228274" spans="8:8">
      <c r="H228274" s="12"/>
    </row>
    <row r="228275" spans="8:8">
      <c r="H228275" s="12"/>
    </row>
    <row r="228276" spans="8:8">
      <c r="H228276" s="12"/>
    </row>
    <row r="228277" spans="8:8">
      <c r="H228277" s="12"/>
    </row>
    <row r="228278" spans="8:8">
      <c r="H228278" s="12"/>
    </row>
    <row r="228279" spans="8:8">
      <c r="H228279" s="12"/>
    </row>
    <row r="228280" spans="8:8">
      <c r="H228280" s="12"/>
    </row>
    <row r="228281" spans="8:8">
      <c r="H228281" s="12"/>
    </row>
    <row r="228282" spans="8:8">
      <c r="H228282" s="12"/>
    </row>
    <row r="228283" spans="8:8">
      <c r="H228283" s="12"/>
    </row>
    <row r="228284" spans="8:8">
      <c r="H228284" s="12"/>
    </row>
    <row r="228285" spans="8:8">
      <c r="H228285" s="12"/>
    </row>
    <row r="228286" spans="8:8">
      <c r="H228286" s="12"/>
    </row>
    <row r="228287" spans="8:8">
      <c r="H228287" s="12"/>
    </row>
    <row r="228288" spans="8:8">
      <c r="H228288" s="12"/>
    </row>
    <row r="228289" spans="8:8">
      <c r="H228289" s="12"/>
    </row>
    <row r="228290" spans="8:8">
      <c r="H228290" s="12"/>
    </row>
    <row r="228291" spans="8:8">
      <c r="H228291" s="12"/>
    </row>
    <row r="228292" spans="8:8">
      <c r="H228292" s="12"/>
    </row>
    <row r="228293" spans="8:8">
      <c r="H228293" s="12"/>
    </row>
    <row r="228294" spans="8:8">
      <c r="H228294" s="12"/>
    </row>
    <row r="228295" spans="8:8">
      <c r="H228295" s="12"/>
    </row>
    <row r="228296" spans="8:8">
      <c r="H228296" s="12"/>
    </row>
    <row r="228297" spans="8:8">
      <c r="H228297" s="12"/>
    </row>
    <row r="228298" spans="8:8">
      <c r="H228298" s="12"/>
    </row>
    <row r="228299" spans="8:8">
      <c r="H228299" s="12"/>
    </row>
    <row r="228300" spans="8:8">
      <c r="H228300" s="12"/>
    </row>
    <row r="228301" spans="8:8">
      <c r="H228301" s="12"/>
    </row>
    <row r="228302" spans="8:8">
      <c r="H228302" s="12"/>
    </row>
    <row r="228303" spans="8:8">
      <c r="H228303" s="12"/>
    </row>
    <row r="228304" spans="8:8">
      <c r="H228304" s="12"/>
    </row>
    <row r="228305" spans="8:8">
      <c r="H228305" s="12"/>
    </row>
    <row r="228306" spans="8:8">
      <c r="H228306" s="12"/>
    </row>
    <row r="228307" spans="8:8">
      <c r="H228307" s="12"/>
    </row>
    <row r="228308" spans="8:8">
      <c r="H228308" s="12"/>
    </row>
    <row r="228309" spans="8:8">
      <c r="H228309" s="12"/>
    </row>
    <row r="228310" spans="8:8">
      <c r="H228310" s="12"/>
    </row>
    <row r="228311" spans="8:8">
      <c r="H228311" s="12"/>
    </row>
    <row r="228312" spans="8:8">
      <c r="H228312" s="12"/>
    </row>
    <row r="228313" spans="8:8">
      <c r="H228313" s="12"/>
    </row>
    <row r="228314" spans="8:8">
      <c r="H228314" s="12"/>
    </row>
    <row r="228315" spans="8:8">
      <c r="H228315" s="12"/>
    </row>
    <row r="228316" spans="8:8">
      <c r="H228316" s="12"/>
    </row>
    <row r="228317" spans="8:8">
      <c r="H228317" s="12"/>
    </row>
    <row r="228318" spans="8:8">
      <c r="H228318" s="12"/>
    </row>
    <row r="228319" spans="8:8">
      <c r="H228319" s="12"/>
    </row>
    <row r="228320" spans="8:8">
      <c r="H228320" s="12"/>
    </row>
    <row r="228321" spans="8:8">
      <c r="H228321" s="12"/>
    </row>
    <row r="228322" spans="8:8">
      <c r="H228322" s="12"/>
    </row>
    <row r="228323" spans="8:8">
      <c r="H228323" s="12"/>
    </row>
    <row r="228324" spans="8:8">
      <c r="H228324" s="12"/>
    </row>
    <row r="228325" spans="8:8">
      <c r="H228325" s="12"/>
    </row>
    <row r="228326" spans="8:8">
      <c r="H228326" s="12"/>
    </row>
    <row r="228327" spans="8:8">
      <c r="H228327" s="12"/>
    </row>
    <row r="228328" spans="8:8">
      <c r="H228328" s="12"/>
    </row>
    <row r="228329" spans="8:8">
      <c r="H228329" s="12"/>
    </row>
    <row r="228330" spans="8:8">
      <c r="H228330" s="12"/>
    </row>
    <row r="228331" spans="8:8">
      <c r="H228331" s="12"/>
    </row>
    <row r="228332" spans="8:8">
      <c r="H228332" s="12"/>
    </row>
    <row r="228333" spans="8:8">
      <c r="H228333" s="12"/>
    </row>
    <row r="228334" spans="8:8">
      <c r="H228334" s="12"/>
    </row>
    <row r="228335" spans="8:8">
      <c r="H228335" s="12"/>
    </row>
    <row r="228336" spans="8:8">
      <c r="H228336" s="12"/>
    </row>
    <row r="228337" spans="8:8">
      <c r="H228337" s="12"/>
    </row>
    <row r="228338" spans="8:8">
      <c r="H228338" s="12"/>
    </row>
    <row r="228339" spans="8:8">
      <c r="H228339" s="12"/>
    </row>
    <row r="228340" spans="8:8">
      <c r="H228340" s="12"/>
    </row>
    <row r="228341" spans="8:8">
      <c r="H228341" s="12"/>
    </row>
    <row r="228342" spans="8:8">
      <c r="H228342" s="12"/>
    </row>
    <row r="228343" spans="8:8">
      <c r="H228343" s="12"/>
    </row>
    <row r="228344" spans="8:8">
      <c r="H228344" s="12"/>
    </row>
    <row r="228345" spans="8:8">
      <c r="H228345" s="12"/>
    </row>
    <row r="228346" spans="8:8">
      <c r="H228346" s="12"/>
    </row>
    <row r="228347" spans="8:8">
      <c r="H228347" s="12"/>
    </row>
    <row r="228348" spans="8:8">
      <c r="H228348" s="12"/>
    </row>
    <row r="228349" spans="8:8">
      <c r="H228349" s="12"/>
    </row>
    <row r="228350" spans="8:8">
      <c r="H228350" s="12"/>
    </row>
    <row r="228351" spans="8:8">
      <c r="H228351" s="12"/>
    </row>
    <row r="228352" spans="8:8">
      <c r="H228352" s="12"/>
    </row>
    <row r="228353" spans="8:8">
      <c r="H228353" s="12"/>
    </row>
    <row r="228354" spans="8:8">
      <c r="H228354" s="12"/>
    </row>
    <row r="228355" spans="8:8">
      <c r="H228355" s="12"/>
    </row>
    <row r="228356" spans="8:8">
      <c r="H228356" s="12"/>
    </row>
    <row r="228357" spans="8:8">
      <c r="H228357" s="12"/>
    </row>
    <row r="228358" spans="8:8">
      <c r="H228358" s="12"/>
    </row>
    <row r="228359" spans="8:8">
      <c r="H228359" s="12"/>
    </row>
    <row r="228360" spans="8:8">
      <c r="H228360" s="12"/>
    </row>
    <row r="228361" spans="8:8">
      <c r="H228361" s="12"/>
    </row>
    <row r="228362" spans="8:8">
      <c r="H228362" s="12"/>
    </row>
    <row r="228363" spans="8:8">
      <c r="H228363" s="12"/>
    </row>
    <row r="228364" spans="8:8">
      <c r="H228364" s="12"/>
    </row>
    <row r="228365" spans="8:8">
      <c r="H228365" s="12"/>
    </row>
    <row r="228366" spans="8:8">
      <c r="H228366" s="12"/>
    </row>
    <row r="228367" spans="8:8">
      <c r="H228367" s="12"/>
    </row>
    <row r="228368" spans="8:8">
      <c r="H228368" s="12"/>
    </row>
    <row r="228369" spans="8:8">
      <c r="H228369" s="12"/>
    </row>
    <row r="228370" spans="8:8">
      <c r="H228370" s="12"/>
    </row>
    <row r="228371" spans="8:8">
      <c r="H228371" s="12"/>
    </row>
    <row r="228372" spans="8:8">
      <c r="H228372" s="12"/>
    </row>
    <row r="228373" spans="8:8">
      <c r="H228373" s="12"/>
    </row>
    <row r="228374" spans="8:8">
      <c r="H228374" s="12"/>
    </row>
    <row r="228375" spans="8:8">
      <c r="H228375" s="12"/>
    </row>
    <row r="228376" spans="8:8">
      <c r="H228376" s="12"/>
    </row>
    <row r="228377" spans="8:8">
      <c r="H228377" s="12"/>
    </row>
    <row r="228378" spans="8:8">
      <c r="H228378" s="12"/>
    </row>
    <row r="228379" spans="8:8">
      <c r="H228379" s="12"/>
    </row>
    <row r="228380" spans="8:8">
      <c r="H228380" s="12"/>
    </row>
    <row r="228381" spans="8:8">
      <c r="H228381" s="12"/>
    </row>
    <row r="228382" spans="8:8">
      <c r="H228382" s="12"/>
    </row>
    <row r="228383" spans="8:8">
      <c r="H228383" s="12"/>
    </row>
    <row r="228384" spans="8:8">
      <c r="H228384" s="12"/>
    </row>
    <row r="228385" spans="8:8">
      <c r="H228385" s="12"/>
    </row>
    <row r="228386" spans="8:8">
      <c r="H228386" s="12"/>
    </row>
    <row r="228387" spans="8:8">
      <c r="H228387" s="12"/>
    </row>
    <row r="228388" spans="8:8">
      <c r="H228388" s="12"/>
    </row>
    <row r="228389" spans="8:8">
      <c r="H228389" s="12"/>
    </row>
    <row r="228390" spans="8:8">
      <c r="H228390" s="12"/>
    </row>
    <row r="228391" spans="8:8">
      <c r="H228391" s="12"/>
    </row>
    <row r="228392" spans="8:8">
      <c r="H228392" s="12"/>
    </row>
    <row r="228393" spans="8:8">
      <c r="H228393" s="12"/>
    </row>
    <row r="228394" spans="8:8">
      <c r="H228394" s="12"/>
    </row>
    <row r="228395" spans="8:8">
      <c r="H228395" s="12"/>
    </row>
    <row r="228396" spans="8:8">
      <c r="H228396" s="12"/>
    </row>
    <row r="228397" spans="8:8">
      <c r="H228397" s="12"/>
    </row>
    <row r="228398" spans="8:8">
      <c r="H228398" s="12"/>
    </row>
    <row r="228399" spans="8:8">
      <c r="H228399" s="12"/>
    </row>
    <row r="228400" spans="8:8">
      <c r="H228400" s="12"/>
    </row>
    <row r="228401" spans="8:8">
      <c r="H228401" s="12"/>
    </row>
    <row r="228402" spans="8:8">
      <c r="H228402" s="12"/>
    </row>
    <row r="228403" spans="8:8">
      <c r="H228403" s="12"/>
    </row>
    <row r="228404" spans="8:8">
      <c r="H228404" s="12"/>
    </row>
    <row r="228405" spans="8:8">
      <c r="H228405" s="12"/>
    </row>
    <row r="228406" spans="8:8">
      <c r="H228406" s="12"/>
    </row>
    <row r="228407" spans="8:8">
      <c r="H228407" s="12"/>
    </row>
    <row r="228408" spans="8:8">
      <c r="H228408" s="12"/>
    </row>
    <row r="228409" spans="8:8">
      <c r="H228409" s="12"/>
    </row>
    <row r="228410" spans="8:8">
      <c r="H228410" s="12"/>
    </row>
    <row r="228411" spans="8:8">
      <c r="H228411" s="12"/>
    </row>
    <row r="228412" spans="8:8">
      <c r="H228412" s="12"/>
    </row>
    <row r="228413" spans="8:8">
      <c r="H228413" s="12"/>
    </row>
    <row r="228414" spans="8:8">
      <c r="H228414" s="12"/>
    </row>
    <row r="228415" spans="8:8">
      <c r="H228415" s="12"/>
    </row>
    <row r="228416" spans="8:8">
      <c r="H228416" s="12"/>
    </row>
    <row r="228417" spans="8:8">
      <c r="H228417" s="12"/>
    </row>
    <row r="228418" spans="8:8">
      <c r="H228418" s="12"/>
    </row>
    <row r="228419" spans="8:8">
      <c r="H228419" s="12"/>
    </row>
    <row r="228420" spans="8:8">
      <c r="H228420" s="12"/>
    </row>
    <row r="228421" spans="8:8">
      <c r="H228421" s="12"/>
    </row>
    <row r="228422" spans="8:8">
      <c r="H228422" s="12"/>
    </row>
    <row r="228423" spans="8:8">
      <c r="H228423" s="12"/>
    </row>
    <row r="228424" spans="8:8">
      <c r="H228424" s="12"/>
    </row>
    <row r="228425" spans="8:8">
      <c r="H228425" s="12"/>
    </row>
    <row r="228426" spans="8:8">
      <c r="H228426" s="12"/>
    </row>
    <row r="228427" spans="8:8">
      <c r="H228427" s="12"/>
    </row>
    <row r="228428" spans="8:8">
      <c r="H228428" s="12"/>
    </row>
    <row r="228429" spans="8:8">
      <c r="H228429" s="12"/>
    </row>
    <row r="228430" spans="8:8">
      <c r="H228430" s="12"/>
    </row>
    <row r="228431" spans="8:8">
      <c r="H228431" s="12"/>
    </row>
    <row r="228432" spans="8:8">
      <c r="H228432" s="12"/>
    </row>
    <row r="228433" spans="8:8">
      <c r="H228433" s="12"/>
    </row>
    <row r="228434" spans="8:8">
      <c r="H228434" s="12"/>
    </row>
    <row r="228435" spans="8:8">
      <c r="H228435" s="12"/>
    </row>
    <row r="228436" spans="8:8">
      <c r="H228436" s="12"/>
    </row>
    <row r="228437" spans="8:8">
      <c r="H228437" s="12"/>
    </row>
    <row r="228438" spans="8:8">
      <c r="H228438" s="12"/>
    </row>
    <row r="228439" spans="8:8">
      <c r="H228439" s="12"/>
    </row>
    <row r="228440" spans="8:8">
      <c r="H228440" s="12"/>
    </row>
    <row r="228441" spans="8:8">
      <c r="H228441" s="12"/>
    </row>
    <row r="228442" spans="8:8">
      <c r="H228442" s="12"/>
    </row>
    <row r="228443" spans="8:8">
      <c r="H228443" s="12"/>
    </row>
    <row r="228444" spans="8:8">
      <c r="H228444" s="12"/>
    </row>
    <row r="228445" spans="8:8">
      <c r="H228445" s="12"/>
    </row>
    <row r="228446" spans="8:8">
      <c r="H228446" s="12"/>
    </row>
    <row r="228447" spans="8:8">
      <c r="H228447" s="12"/>
    </row>
    <row r="228448" spans="8:8">
      <c r="H228448" s="12"/>
    </row>
    <row r="228449" spans="8:8">
      <c r="H228449" s="12"/>
    </row>
    <row r="228450" spans="8:8">
      <c r="H228450" s="12"/>
    </row>
    <row r="228451" spans="8:8">
      <c r="H228451" s="12"/>
    </row>
    <row r="228452" spans="8:8">
      <c r="H228452" s="12"/>
    </row>
    <row r="228453" spans="8:8">
      <c r="H228453" s="12"/>
    </row>
    <row r="228454" spans="8:8">
      <c r="H228454" s="12"/>
    </row>
    <row r="228455" spans="8:8">
      <c r="H228455" s="12"/>
    </row>
    <row r="228456" spans="8:8">
      <c r="H228456" s="12"/>
    </row>
    <row r="228457" spans="8:8">
      <c r="H228457" s="12"/>
    </row>
    <row r="228458" spans="8:8">
      <c r="H228458" s="12"/>
    </row>
    <row r="228459" spans="8:8">
      <c r="H228459" s="12"/>
    </row>
    <row r="228460" spans="8:8">
      <c r="H228460" s="12"/>
    </row>
    <row r="228461" spans="8:8">
      <c r="H228461" s="12"/>
    </row>
    <row r="228462" spans="8:8">
      <c r="H228462" s="12"/>
    </row>
    <row r="228463" spans="8:8">
      <c r="H228463" s="12"/>
    </row>
    <row r="228464" spans="8:8">
      <c r="H228464" s="12"/>
    </row>
    <row r="228465" spans="8:8">
      <c r="H228465" s="12"/>
    </row>
    <row r="228466" spans="8:8">
      <c r="H228466" s="12"/>
    </row>
    <row r="228467" spans="8:8">
      <c r="H228467" s="12"/>
    </row>
    <row r="228468" spans="8:8">
      <c r="H228468" s="12"/>
    </row>
    <row r="228469" spans="8:8">
      <c r="H228469" s="12"/>
    </row>
    <row r="228470" spans="8:8">
      <c r="H228470" s="12"/>
    </row>
    <row r="228471" spans="8:8">
      <c r="H228471" s="12"/>
    </row>
    <row r="228472" spans="8:8">
      <c r="H228472" s="12"/>
    </row>
    <row r="228473" spans="8:8">
      <c r="H228473" s="12"/>
    </row>
    <row r="228474" spans="8:8">
      <c r="H228474" s="12"/>
    </row>
    <row r="228475" spans="8:8">
      <c r="H228475" s="12"/>
    </row>
    <row r="228476" spans="8:8">
      <c r="H228476" s="12"/>
    </row>
    <row r="228477" spans="8:8">
      <c r="H228477" s="12"/>
    </row>
    <row r="228478" spans="8:8">
      <c r="H228478" s="12"/>
    </row>
    <row r="228479" spans="8:8">
      <c r="H228479" s="12"/>
    </row>
    <row r="228480" spans="8:8">
      <c r="H228480" s="12"/>
    </row>
    <row r="228481" spans="8:8">
      <c r="H228481" s="12"/>
    </row>
    <row r="228482" spans="8:8">
      <c r="H228482" s="12"/>
    </row>
    <row r="228483" spans="8:8">
      <c r="H228483" s="12"/>
    </row>
    <row r="228484" spans="8:8">
      <c r="H228484" s="12"/>
    </row>
    <row r="228485" spans="8:8">
      <c r="H228485" s="12"/>
    </row>
    <row r="228486" spans="8:8">
      <c r="H228486" s="12"/>
    </row>
    <row r="228487" spans="8:8">
      <c r="H228487" s="12"/>
    </row>
    <row r="228488" spans="8:8">
      <c r="H228488" s="12"/>
    </row>
    <row r="228489" spans="8:8">
      <c r="H228489" s="12"/>
    </row>
    <row r="228490" spans="8:8">
      <c r="H228490" s="12"/>
    </row>
    <row r="228491" spans="8:8">
      <c r="H228491" s="12"/>
    </row>
    <row r="228492" spans="8:8">
      <c r="H228492" s="12"/>
    </row>
    <row r="228493" spans="8:8">
      <c r="H228493" s="12"/>
    </row>
    <row r="228494" spans="8:8">
      <c r="H228494" s="12"/>
    </row>
    <row r="228495" spans="8:8">
      <c r="H228495" s="12"/>
    </row>
    <row r="228496" spans="8:8">
      <c r="H228496" s="12"/>
    </row>
    <row r="228497" spans="8:8">
      <c r="H228497" s="12"/>
    </row>
    <row r="228498" spans="8:8">
      <c r="H228498" s="12"/>
    </row>
    <row r="228499" spans="8:8">
      <c r="H228499" s="12"/>
    </row>
    <row r="228500" spans="8:8">
      <c r="H228500" s="12"/>
    </row>
    <row r="228501" spans="8:8">
      <c r="H228501" s="12"/>
    </row>
    <row r="228502" spans="8:8">
      <c r="H228502" s="12"/>
    </row>
    <row r="228503" spans="8:8">
      <c r="H228503" s="12"/>
    </row>
    <row r="228504" spans="8:8">
      <c r="H228504" s="12"/>
    </row>
    <row r="228505" spans="8:8">
      <c r="H228505" s="12"/>
    </row>
    <row r="228506" spans="8:8">
      <c r="H228506" s="12"/>
    </row>
    <row r="228507" spans="8:8">
      <c r="H228507" s="12"/>
    </row>
    <row r="228508" spans="8:8">
      <c r="H228508" s="12"/>
    </row>
    <row r="228509" spans="8:8">
      <c r="H228509" s="12"/>
    </row>
    <row r="228510" spans="8:8">
      <c r="H228510" s="12"/>
    </row>
    <row r="228511" spans="8:8">
      <c r="H228511" s="12"/>
    </row>
    <row r="228512" spans="8:8">
      <c r="H228512" s="12"/>
    </row>
    <row r="228513" spans="8:8">
      <c r="H228513" s="12"/>
    </row>
    <row r="228514" spans="8:8">
      <c r="H228514" s="12"/>
    </row>
    <row r="228515" spans="8:8">
      <c r="H228515" s="12"/>
    </row>
    <row r="228516" spans="8:8">
      <c r="H228516" s="12"/>
    </row>
    <row r="228517" spans="8:8">
      <c r="H228517" s="12"/>
    </row>
    <row r="228518" spans="8:8">
      <c r="H228518" s="12"/>
    </row>
    <row r="228519" spans="8:8">
      <c r="H228519" s="12"/>
    </row>
    <row r="228520" spans="8:8">
      <c r="H228520" s="12"/>
    </row>
    <row r="228521" spans="8:8">
      <c r="H228521" s="12"/>
    </row>
    <row r="228522" spans="8:8">
      <c r="H228522" s="12"/>
    </row>
    <row r="228523" spans="8:8">
      <c r="H228523" s="12"/>
    </row>
    <row r="228524" spans="8:8">
      <c r="H228524" s="12"/>
    </row>
    <row r="228525" spans="8:8">
      <c r="H228525" s="12"/>
    </row>
    <row r="228526" spans="8:8">
      <c r="H228526" s="12"/>
    </row>
    <row r="228527" spans="8:8">
      <c r="H228527" s="12"/>
    </row>
    <row r="228528" spans="8:8">
      <c r="H228528" s="12"/>
    </row>
    <row r="228529" spans="8:8">
      <c r="H228529" s="12"/>
    </row>
    <row r="228530" spans="8:8">
      <c r="H228530" s="12"/>
    </row>
    <row r="228531" spans="8:8">
      <c r="H228531" s="12"/>
    </row>
    <row r="228532" spans="8:8">
      <c r="H228532" s="12"/>
    </row>
    <row r="228533" spans="8:8">
      <c r="H228533" s="12"/>
    </row>
    <row r="228534" spans="8:8">
      <c r="H228534" s="12"/>
    </row>
    <row r="228535" spans="8:8">
      <c r="H228535" s="12"/>
    </row>
    <row r="228536" spans="8:8">
      <c r="H228536" s="12"/>
    </row>
    <row r="228537" spans="8:8">
      <c r="H228537" s="12"/>
    </row>
    <row r="228538" spans="8:8">
      <c r="H228538" s="12"/>
    </row>
    <row r="228539" spans="8:8">
      <c r="H228539" s="12"/>
    </row>
    <row r="228540" spans="8:8">
      <c r="H228540" s="12"/>
    </row>
    <row r="228541" spans="8:8">
      <c r="H228541" s="12"/>
    </row>
    <row r="228542" spans="8:8">
      <c r="H228542" s="12"/>
    </row>
    <row r="228543" spans="8:8">
      <c r="H228543" s="12"/>
    </row>
    <row r="228544" spans="8:8">
      <c r="H228544" s="12"/>
    </row>
    <row r="228545" spans="8:8">
      <c r="H228545" s="12"/>
    </row>
    <row r="228546" spans="8:8">
      <c r="H228546" s="12"/>
    </row>
    <row r="228547" spans="8:8">
      <c r="H228547" s="12"/>
    </row>
    <row r="228548" spans="8:8">
      <c r="H228548" s="12"/>
    </row>
    <row r="228549" spans="8:8">
      <c r="H228549" s="12"/>
    </row>
    <row r="228550" spans="8:8">
      <c r="H228550" s="12"/>
    </row>
    <row r="228551" spans="8:8">
      <c r="H228551" s="12"/>
    </row>
    <row r="228552" spans="8:8">
      <c r="H228552" s="12"/>
    </row>
    <row r="228553" spans="8:8">
      <c r="H228553" s="12"/>
    </row>
    <row r="228554" spans="8:8">
      <c r="H228554" s="12"/>
    </row>
    <row r="228555" spans="8:8">
      <c r="H228555" s="12"/>
    </row>
    <row r="228556" spans="8:8">
      <c r="H228556" s="12"/>
    </row>
    <row r="228557" spans="8:8">
      <c r="H228557" s="12"/>
    </row>
    <row r="228558" spans="8:8">
      <c r="H228558" s="12"/>
    </row>
    <row r="228559" spans="8:8">
      <c r="H228559" s="12"/>
    </row>
    <row r="228560" spans="8:8">
      <c r="H228560" s="12"/>
    </row>
    <row r="228561" spans="8:8">
      <c r="H228561" s="12"/>
    </row>
    <row r="228562" spans="8:8">
      <c r="H228562" s="12"/>
    </row>
    <row r="228563" spans="8:8">
      <c r="H228563" s="12"/>
    </row>
    <row r="228564" spans="8:8">
      <c r="H228564" s="12"/>
    </row>
    <row r="228565" spans="8:8">
      <c r="H228565" s="12"/>
    </row>
    <row r="228566" spans="8:8">
      <c r="H228566" s="12"/>
    </row>
    <row r="228567" spans="8:8">
      <c r="H228567" s="12"/>
    </row>
    <row r="228568" spans="8:8">
      <c r="H228568" s="12"/>
    </row>
    <row r="228569" spans="8:8">
      <c r="H228569" s="12"/>
    </row>
    <row r="228570" spans="8:8">
      <c r="H228570" s="12"/>
    </row>
    <row r="228571" spans="8:8">
      <c r="H228571" s="12"/>
    </row>
    <row r="228572" spans="8:8">
      <c r="H228572" s="12"/>
    </row>
    <row r="228573" spans="8:8">
      <c r="H228573" s="12"/>
    </row>
    <row r="228574" spans="8:8">
      <c r="H228574" s="12"/>
    </row>
    <row r="228575" spans="8:8">
      <c r="H228575" s="12"/>
    </row>
    <row r="228576" spans="8:8">
      <c r="H228576" s="12"/>
    </row>
    <row r="228577" spans="8:8">
      <c r="H228577" s="12"/>
    </row>
    <row r="228578" spans="8:8">
      <c r="H228578" s="12"/>
    </row>
    <row r="228579" spans="8:8">
      <c r="H228579" s="12"/>
    </row>
    <row r="228580" spans="8:8">
      <c r="H228580" s="12"/>
    </row>
    <row r="228581" spans="8:8">
      <c r="H228581" s="12"/>
    </row>
    <row r="228582" spans="8:8">
      <c r="H228582" s="12"/>
    </row>
    <row r="228583" spans="8:8">
      <c r="H228583" s="12"/>
    </row>
    <row r="228584" spans="8:8">
      <c r="H228584" s="12"/>
    </row>
    <row r="228585" spans="8:8">
      <c r="H228585" s="12"/>
    </row>
    <row r="228586" spans="8:8">
      <c r="H228586" s="12"/>
    </row>
    <row r="228587" spans="8:8">
      <c r="H228587" s="12"/>
    </row>
    <row r="228588" spans="8:8">
      <c r="H228588" s="12"/>
    </row>
    <row r="228589" spans="8:8">
      <c r="H228589" s="12"/>
    </row>
    <row r="228590" spans="8:8">
      <c r="H228590" s="12"/>
    </row>
    <row r="228591" spans="8:8">
      <c r="H228591" s="12"/>
    </row>
    <row r="228592" spans="8:8">
      <c r="H228592" s="12"/>
    </row>
    <row r="228593" spans="8:8">
      <c r="H228593" s="12"/>
    </row>
    <row r="228594" spans="8:8">
      <c r="H228594" s="12"/>
    </row>
    <row r="228595" spans="8:8">
      <c r="H228595" s="12"/>
    </row>
    <row r="228596" spans="8:8">
      <c r="H228596" s="12"/>
    </row>
    <row r="228597" spans="8:8">
      <c r="H228597" s="12"/>
    </row>
    <row r="228598" spans="8:8">
      <c r="H228598" s="12"/>
    </row>
    <row r="228599" spans="8:8">
      <c r="H228599" s="12"/>
    </row>
    <row r="228600" spans="8:8">
      <c r="H228600" s="12"/>
    </row>
    <row r="228601" spans="8:8">
      <c r="H228601" s="12"/>
    </row>
    <row r="228602" spans="8:8">
      <c r="H228602" s="12"/>
    </row>
    <row r="228603" spans="8:8">
      <c r="H228603" s="12"/>
    </row>
    <row r="228604" spans="8:8">
      <c r="H228604" s="12"/>
    </row>
    <row r="228605" spans="8:8">
      <c r="H228605" s="12"/>
    </row>
    <row r="228606" spans="8:8">
      <c r="H228606" s="12"/>
    </row>
    <row r="228607" spans="8:8">
      <c r="H228607" s="12"/>
    </row>
    <row r="228608" spans="8:8">
      <c r="H228608" s="12"/>
    </row>
    <row r="228609" spans="8:8">
      <c r="H228609" s="12"/>
    </row>
    <row r="228610" spans="8:8">
      <c r="H228610" s="12"/>
    </row>
    <row r="228611" spans="8:8">
      <c r="H228611" s="12"/>
    </row>
    <row r="228612" spans="8:8">
      <c r="H228612" s="12"/>
    </row>
    <row r="228613" spans="8:8">
      <c r="H228613" s="12"/>
    </row>
    <row r="228614" spans="8:8">
      <c r="H228614" s="12"/>
    </row>
    <row r="228615" spans="8:8">
      <c r="H228615" s="12"/>
    </row>
    <row r="228616" spans="8:8">
      <c r="H228616" s="12"/>
    </row>
    <row r="228617" spans="8:8">
      <c r="H228617" s="12"/>
    </row>
    <row r="228618" spans="8:8">
      <c r="H228618" s="12"/>
    </row>
    <row r="228619" spans="8:8">
      <c r="H228619" s="12"/>
    </row>
    <row r="228620" spans="8:8">
      <c r="H228620" s="12"/>
    </row>
    <row r="228621" spans="8:8">
      <c r="H228621" s="12"/>
    </row>
    <row r="228622" spans="8:8">
      <c r="H228622" s="12"/>
    </row>
    <row r="228623" spans="8:8">
      <c r="H228623" s="12"/>
    </row>
    <row r="228624" spans="8:8">
      <c r="H228624" s="12"/>
    </row>
    <row r="228625" spans="8:8">
      <c r="H228625" s="12"/>
    </row>
    <row r="228626" spans="8:8">
      <c r="H228626" s="12"/>
    </row>
    <row r="228627" spans="8:8">
      <c r="H228627" s="12"/>
    </row>
    <row r="228628" spans="8:8">
      <c r="H228628" s="12"/>
    </row>
    <row r="228629" spans="8:8">
      <c r="H228629" s="12"/>
    </row>
    <row r="228630" spans="8:8">
      <c r="H228630" s="12"/>
    </row>
    <row r="228631" spans="8:8">
      <c r="H228631" s="12"/>
    </row>
    <row r="228632" spans="8:8">
      <c r="H228632" s="12"/>
    </row>
    <row r="228633" spans="8:8">
      <c r="H228633" s="12"/>
    </row>
    <row r="228634" spans="8:8">
      <c r="H228634" s="12"/>
    </row>
    <row r="228635" spans="8:8">
      <c r="H228635" s="12"/>
    </row>
    <row r="228636" spans="8:8">
      <c r="H228636" s="12"/>
    </row>
    <row r="228637" spans="8:8">
      <c r="H228637" s="12"/>
    </row>
    <row r="228638" spans="8:8">
      <c r="H228638" s="12"/>
    </row>
    <row r="228639" spans="8:8">
      <c r="H228639" s="12"/>
    </row>
    <row r="228640" spans="8:8">
      <c r="H228640" s="12"/>
    </row>
    <row r="228641" spans="8:8">
      <c r="H228641" s="12"/>
    </row>
    <row r="228642" spans="8:8">
      <c r="H228642" s="12"/>
    </row>
    <row r="228643" spans="8:8">
      <c r="H228643" s="12"/>
    </row>
    <row r="228644" spans="8:8">
      <c r="H228644" s="12"/>
    </row>
    <row r="228645" spans="8:8">
      <c r="H228645" s="12"/>
    </row>
    <row r="228646" spans="8:8">
      <c r="H228646" s="12"/>
    </row>
    <row r="228647" spans="8:8">
      <c r="H228647" s="12"/>
    </row>
    <row r="228648" spans="8:8">
      <c r="H228648" s="12"/>
    </row>
    <row r="228649" spans="8:8">
      <c r="H228649" s="12"/>
    </row>
    <row r="228650" spans="8:8">
      <c r="H228650" s="12"/>
    </row>
    <row r="228651" spans="8:8">
      <c r="H228651" s="12"/>
    </row>
    <row r="228652" spans="8:8">
      <c r="H228652" s="12"/>
    </row>
    <row r="228653" spans="8:8">
      <c r="H228653" s="12"/>
    </row>
    <row r="228654" spans="8:8">
      <c r="H228654" s="12"/>
    </row>
    <row r="228655" spans="8:8">
      <c r="H228655" s="12"/>
    </row>
    <row r="228656" spans="8:8">
      <c r="H228656" s="12"/>
    </row>
    <row r="228657" spans="8:8">
      <c r="H228657" s="12"/>
    </row>
    <row r="228658" spans="8:8">
      <c r="H228658" s="12"/>
    </row>
    <row r="228659" spans="8:8">
      <c r="H228659" s="12"/>
    </row>
    <row r="228660" spans="8:8">
      <c r="H228660" s="12"/>
    </row>
    <row r="228661" spans="8:8">
      <c r="H228661" s="12"/>
    </row>
    <row r="228662" spans="8:8">
      <c r="H228662" s="12"/>
    </row>
    <row r="228663" spans="8:8">
      <c r="H228663" s="12"/>
    </row>
    <row r="228664" spans="8:8">
      <c r="H228664" s="12"/>
    </row>
    <row r="228665" spans="8:8">
      <c r="H228665" s="12"/>
    </row>
    <row r="228666" spans="8:8">
      <c r="H228666" s="12"/>
    </row>
    <row r="228667" spans="8:8">
      <c r="H228667" s="12"/>
    </row>
    <row r="228668" spans="8:8">
      <c r="H228668" s="12"/>
    </row>
    <row r="228669" spans="8:8">
      <c r="H228669" s="12"/>
    </row>
    <row r="228670" spans="8:8">
      <c r="H228670" s="12"/>
    </row>
    <row r="228671" spans="8:8">
      <c r="H228671" s="12"/>
    </row>
    <row r="228672" spans="8:8">
      <c r="H228672" s="12"/>
    </row>
    <row r="228673" spans="8:8">
      <c r="H228673" s="12"/>
    </row>
    <row r="228674" spans="8:8">
      <c r="H228674" s="12"/>
    </row>
    <row r="228675" spans="8:8">
      <c r="H228675" s="12"/>
    </row>
    <row r="228676" spans="8:8">
      <c r="H228676" s="12"/>
    </row>
    <row r="228677" spans="8:8">
      <c r="H228677" s="12"/>
    </row>
    <row r="228678" spans="8:8">
      <c r="H228678" s="12"/>
    </row>
    <row r="228679" spans="8:8">
      <c r="H228679" s="12"/>
    </row>
    <row r="228680" spans="8:8">
      <c r="H228680" s="12"/>
    </row>
    <row r="228681" spans="8:8">
      <c r="H228681" s="12"/>
    </row>
    <row r="228682" spans="8:8">
      <c r="H228682" s="12"/>
    </row>
    <row r="228683" spans="8:8">
      <c r="H228683" s="12"/>
    </row>
    <row r="228684" spans="8:8">
      <c r="H228684" s="12"/>
    </row>
    <row r="228685" spans="8:8">
      <c r="H228685" s="12"/>
    </row>
    <row r="228686" spans="8:8">
      <c r="H228686" s="12"/>
    </row>
    <row r="228687" spans="8:8">
      <c r="H228687" s="12"/>
    </row>
    <row r="228688" spans="8:8">
      <c r="H228688" s="12"/>
    </row>
    <row r="228689" spans="8:8">
      <c r="H228689" s="12"/>
    </row>
    <row r="228690" spans="8:8">
      <c r="H228690" s="12"/>
    </row>
    <row r="228691" spans="8:8">
      <c r="H228691" s="12"/>
    </row>
    <row r="228692" spans="8:8">
      <c r="H228692" s="12"/>
    </row>
    <row r="228693" spans="8:8">
      <c r="H228693" s="12"/>
    </row>
    <row r="228694" spans="8:8">
      <c r="H228694" s="12"/>
    </row>
    <row r="228695" spans="8:8">
      <c r="H228695" s="12"/>
    </row>
    <row r="228696" spans="8:8">
      <c r="H228696" s="12"/>
    </row>
    <row r="228697" spans="8:8">
      <c r="H228697" s="12"/>
    </row>
    <row r="228698" spans="8:8">
      <c r="H228698" s="12"/>
    </row>
    <row r="228699" spans="8:8">
      <c r="H228699" s="12"/>
    </row>
    <row r="228700" spans="8:8">
      <c r="H228700" s="12"/>
    </row>
    <row r="228701" spans="8:8">
      <c r="H228701" s="12"/>
    </row>
    <row r="228702" spans="8:8">
      <c r="H228702" s="12"/>
    </row>
    <row r="228703" spans="8:8">
      <c r="H228703" s="12"/>
    </row>
    <row r="228704" spans="8:8">
      <c r="H228704" s="12"/>
    </row>
    <row r="228705" spans="8:8">
      <c r="H228705" s="12"/>
    </row>
    <row r="228706" spans="8:8">
      <c r="H228706" s="12"/>
    </row>
    <row r="228707" spans="8:8">
      <c r="H228707" s="12"/>
    </row>
    <row r="228708" spans="8:8">
      <c r="H228708" s="12"/>
    </row>
    <row r="228709" spans="8:8">
      <c r="H228709" s="12"/>
    </row>
    <row r="228710" spans="8:8">
      <c r="H228710" s="12"/>
    </row>
    <row r="228711" spans="8:8">
      <c r="H228711" s="12"/>
    </row>
    <row r="228712" spans="8:8">
      <c r="H228712" s="12"/>
    </row>
    <row r="228713" spans="8:8">
      <c r="H228713" s="12"/>
    </row>
    <row r="228714" spans="8:8">
      <c r="H228714" s="12"/>
    </row>
    <row r="228715" spans="8:8">
      <c r="H228715" s="12"/>
    </row>
    <row r="228716" spans="8:8">
      <c r="H228716" s="12"/>
    </row>
    <row r="228717" spans="8:8">
      <c r="H228717" s="12"/>
    </row>
    <row r="228718" spans="8:8">
      <c r="H228718" s="12"/>
    </row>
    <row r="228719" spans="8:8">
      <c r="H228719" s="12"/>
    </row>
    <row r="228720" spans="8:8">
      <c r="H228720" s="12"/>
    </row>
    <row r="228721" spans="8:8">
      <c r="H228721" s="12"/>
    </row>
    <row r="228722" spans="8:8">
      <c r="H228722" s="12"/>
    </row>
    <row r="228723" spans="8:8">
      <c r="H228723" s="12"/>
    </row>
    <row r="228724" spans="8:8">
      <c r="H228724" s="12"/>
    </row>
    <row r="228725" spans="8:8">
      <c r="H228725" s="12"/>
    </row>
    <row r="228726" spans="8:8">
      <c r="H228726" s="12"/>
    </row>
    <row r="228727" spans="8:8">
      <c r="H228727" s="12"/>
    </row>
    <row r="228728" spans="8:8">
      <c r="H228728" s="12"/>
    </row>
    <row r="228729" spans="8:8">
      <c r="H228729" s="12"/>
    </row>
    <row r="228730" spans="8:8">
      <c r="H228730" s="12"/>
    </row>
    <row r="228731" spans="8:8">
      <c r="H228731" s="12"/>
    </row>
    <row r="228732" spans="8:8">
      <c r="H228732" s="12"/>
    </row>
    <row r="228733" spans="8:8">
      <c r="H228733" s="12"/>
    </row>
    <row r="228734" spans="8:8">
      <c r="H228734" s="12"/>
    </row>
    <row r="228735" spans="8:8">
      <c r="H228735" s="12"/>
    </row>
    <row r="228736" spans="8:8">
      <c r="H228736" s="12"/>
    </row>
    <row r="228737" spans="8:8">
      <c r="H228737" s="12"/>
    </row>
    <row r="228738" spans="8:8">
      <c r="H228738" s="12"/>
    </row>
    <row r="228739" spans="8:8">
      <c r="H228739" s="12"/>
    </row>
    <row r="228740" spans="8:8">
      <c r="H228740" s="12"/>
    </row>
    <row r="228741" spans="8:8">
      <c r="H228741" s="12"/>
    </row>
    <row r="228742" spans="8:8">
      <c r="H228742" s="12"/>
    </row>
    <row r="228743" spans="8:8">
      <c r="H228743" s="12"/>
    </row>
    <row r="228744" spans="8:8">
      <c r="H228744" s="12"/>
    </row>
    <row r="228745" spans="8:8">
      <c r="H228745" s="12"/>
    </row>
    <row r="228746" spans="8:8">
      <c r="H228746" s="12"/>
    </row>
    <row r="228747" spans="8:8">
      <c r="H228747" s="12"/>
    </row>
    <row r="228748" spans="8:8">
      <c r="H228748" s="12"/>
    </row>
    <row r="228749" spans="8:8">
      <c r="H228749" s="12"/>
    </row>
    <row r="228750" spans="8:8">
      <c r="H228750" s="12"/>
    </row>
    <row r="228751" spans="8:8">
      <c r="H228751" s="12"/>
    </row>
    <row r="228752" spans="8:8">
      <c r="H228752" s="12"/>
    </row>
    <row r="228753" spans="8:8">
      <c r="H228753" s="12"/>
    </row>
    <row r="228754" spans="8:8">
      <c r="H228754" s="12"/>
    </row>
    <row r="228755" spans="8:8">
      <c r="H228755" s="12"/>
    </row>
    <row r="228756" spans="8:8">
      <c r="H228756" s="12"/>
    </row>
    <row r="228757" spans="8:8">
      <c r="H228757" s="12"/>
    </row>
    <row r="228758" spans="8:8">
      <c r="H228758" s="12"/>
    </row>
    <row r="228759" spans="8:8">
      <c r="H228759" s="12"/>
    </row>
    <row r="228760" spans="8:8">
      <c r="H228760" s="12"/>
    </row>
    <row r="228761" spans="8:8">
      <c r="H228761" s="12"/>
    </row>
    <row r="228762" spans="8:8">
      <c r="H228762" s="12"/>
    </row>
    <row r="228763" spans="8:8">
      <c r="H228763" s="12"/>
    </row>
    <row r="228764" spans="8:8">
      <c r="H228764" s="12"/>
    </row>
    <row r="228765" spans="8:8">
      <c r="H228765" s="12"/>
    </row>
    <row r="228766" spans="8:8">
      <c r="H228766" s="12"/>
    </row>
    <row r="228767" spans="8:8">
      <c r="H228767" s="12"/>
    </row>
    <row r="228768" spans="8:8">
      <c r="H228768" s="12"/>
    </row>
    <row r="228769" spans="8:8">
      <c r="H228769" s="12"/>
    </row>
    <row r="228770" spans="8:8">
      <c r="H228770" s="12"/>
    </row>
    <row r="228771" spans="8:8">
      <c r="H228771" s="12"/>
    </row>
    <row r="228772" spans="8:8">
      <c r="H228772" s="12"/>
    </row>
    <row r="228773" spans="8:8">
      <c r="H228773" s="12"/>
    </row>
    <row r="228774" spans="8:8">
      <c r="H228774" s="12"/>
    </row>
    <row r="228775" spans="8:8">
      <c r="H228775" s="12"/>
    </row>
    <row r="228776" spans="8:8">
      <c r="H228776" s="12"/>
    </row>
    <row r="228777" spans="8:8">
      <c r="H228777" s="12"/>
    </row>
    <row r="228778" spans="8:8">
      <c r="H228778" s="12"/>
    </row>
    <row r="228779" spans="8:8">
      <c r="H228779" s="12"/>
    </row>
    <row r="228780" spans="8:8">
      <c r="H228780" s="12"/>
    </row>
    <row r="228781" spans="8:8">
      <c r="H228781" s="12"/>
    </row>
    <row r="228782" spans="8:8">
      <c r="H228782" s="12"/>
    </row>
    <row r="228783" spans="8:8">
      <c r="H228783" s="12"/>
    </row>
    <row r="228784" spans="8:8">
      <c r="H228784" s="12"/>
    </row>
    <row r="228785" spans="8:8">
      <c r="H228785" s="12"/>
    </row>
    <row r="228786" spans="8:8">
      <c r="H228786" s="12"/>
    </row>
    <row r="228787" spans="8:8">
      <c r="H228787" s="12"/>
    </row>
    <row r="228788" spans="8:8">
      <c r="H228788" s="12"/>
    </row>
    <row r="228789" spans="8:8">
      <c r="H228789" s="12"/>
    </row>
    <row r="228790" spans="8:8">
      <c r="H228790" s="12"/>
    </row>
    <row r="228791" spans="8:8">
      <c r="H228791" s="12"/>
    </row>
    <row r="228792" spans="8:8">
      <c r="H228792" s="12"/>
    </row>
    <row r="228793" spans="8:8">
      <c r="H228793" s="12"/>
    </row>
    <row r="228794" spans="8:8">
      <c r="H228794" s="12"/>
    </row>
    <row r="228795" spans="8:8">
      <c r="H228795" s="12"/>
    </row>
    <row r="228796" spans="8:8">
      <c r="H228796" s="12"/>
    </row>
    <row r="228797" spans="8:8">
      <c r="H228797" s="12"/>
    </row>
    <row r="228798" spans="8:8">
      <c r="H228798" s="12"/>
    </row>
    <row r="228799" spans="8:8">
      <c r="H228799" s="12"/>
    </row>
    <row r="228800" spans="8:8">
      <c r="H228800" s="12"/>
    </row>
    <row r="228801" spans="8:8">
      <c r="H228801" s="12"/>
    </row>
    <row r="228802" spans="8:8">
      <c r="H228802" s="12"/>
    </row>
    <row r="228803" spans="8:8">
      <c r="H228803" s="12"/>
    </row>
    <row r="228804" spans="8:8">
      <c r="H228804" s="12"/>
    </row>
    <row r="228805" spans="8:8">
      <c r="H228805" s="12"/>
    </row>
    <row r="228806" spans="8:8">
      <c r="H228806" s="12"/>
    </row>
    <row r="228807" spans="8:8">
      <c r="H228807" s="12"/>
    </row>
    <row r="228808" spans="8:8">
      <c r="H228808" s="12"/>
    </row>
    <row r="228809" spans="8:8">
      <c r="H228809" s="12"/>
    </row>
    <row r="228810" spans="8:8">
      <c r="H228810" s="12"/>
    </row>
    <row r="228811" spans="8:8">
      <c r="H228811" s="12"/>
    </row>
    <row r="228812" spans="8:8">
      <c r="H228812" s="12"/>
    </row>
    <row r="228813" spans="8:8">
      <c r="H228813" s="12"/>
    </row>
    <row r="228814" spans="8:8">
      <c r="H228814" s="12"/>
    </row>
    <row r="228815" spans="8:8">
      <c r="H228815" s="12"/>
    </row>
    <row r="228816" spans="8:8">
      <c r="H228816" s="12"/>
    </row>
    <row r="228817" spans="8:8">
      <c r="H228817" s="12"/>
    </row>
    <row r="228818" spans="8:8">
      <c r="H228818" s="12"/>
    </row>
    <row r="228819" spans="8:8">
      <c r="H228819" s="12"/>
    </row>
    <row r="228820" spans="8:8">
      <c r="H228820" s="12"/>
    </row>
    <row r="228821" spans="8:8">
      <c r="H228821" s="12"/>
    </row>
    <row r="228822" spans="8:8">
      <c r="H228822" s="12"/>
    </row>
    <row r="228823" spans="8:8">
      <c r="H228823" s="12"/>
    </row>
    <row r="228824" spans="8:8">
      <c r="H228824" s="12"/>
    </row>
    <row r="228825" spans="8:8">
      <c r="H228825" s="12"/>
    </row>
    <row r="228826" spans="8:8">
      <c r="H228826" s="12"/>
    </row>
    <row r="228827" spans="8:8">
      <c r="H228827" s="12"/>
    </row>
    <row r="228828" spans="8:8">
      <c r="H228828" s="12"/>
    </row>
    <row r="228829" spans="8:8">
      <c r="H228829" s="12"/>
    </row>
    <row r="228830" spans="8:8">
      <c r="H228830" s="12"/>
    </row>
    <row r="228831" spans="8:8">
      <c r="H228831" s="12"/>
    </row>
    <row r="228832" spans="8:8">
      <c r="H228832" s="12"/>
    </row>
    <row r="228833" spans="8:8">
      <c r="H228833" s="12"/>
    </row>
    <row r="228834" spans="8:8">
      <c r="H228834" s="12"/>
    </row>
    <row r="228835" spans="8:8">
      <c r="H228835" s="12"/>
    </row>
    <row r="228836" spans="8:8">
      <c r="H228836" s="12"/>
    </row>
    <row r="228837" spans="8:8">
      <c r="H228837" s="12"/>
    </row>
    <row r="228838" spans="8:8">
      <c r="H228838" s="12"/>
    </row>
    <row r="228839" spans="8:8">
      <c r="H228839" s="12"/>
    </row>
    <row r="228840" spans="8:8">
      <c r="H228840" s="12"/>
    </row>
    <row r="228841" spans="8:8">
      <c r="H228841" s="12"/>
    </row>
    <row r="228842" spans="8:8">
      <c r="H228842" s="12"/>
    </row>
    <row r="228843" spans="8:8">
      <c r="H228843" s="12"/>
    </row>
    <row r="228844" spans="8:8">
      <c r="H228844" s="12"/>
    </row>
    <row r="228845" spans="8:8">
      <c r="H228845" s="12"/>
    </row>
    <row r="228846" spans="8:8">
      <c r="H228846" s="12"/>
    </row>
    <row r="228847" spans="8:8">
      <c r="H228847" s="12"/>
    </row>
    <row r="228848" spans="8:8">
      <c r="H228848" s="12"/>
    </row>
    <row r="228849" spans="8:8">
      <c r="H228849" s="12"/>
    </row>
    <row r="228850" spans="8:8">
      <c r="H228850" s="12"/>
    </row>
    <row r="228851" spans="8:8">
      <c r="H228851" s="12"/>
    </row>
    <row r="228852" spans="8:8">
      <c r="H228852" s="12"/>
    </row>
    <row r="228853" spans="8:8">
      <c r="H228853" s="12"/>
    </row>
    <row r="228854" spans="8:8">
      <c r="H228854" s="12"/>
    </row>
    <row r="228855" spans="8:8">
      <c r="H228855" s="12"/>
    </row>
    <row r="228856" spans="8:8">
      <c r="H228856" s="12"/>
    </row>
    <row r="228857" spans="8:8">
      <c r="H228857" s="12"/>
    </row>
    <row r="228858" spans="8:8">
      <c r="H228858" s="12"/>
    </row>
    <row r="228859" spans="8:8">
      <c r="H228859" s="12"/>
    </row>
    <row r="228860" spans="8:8">
      <c r="H228860" s="12"/>
    </row>
    <row r="228861" spans="8:8">
      <c r="H228861" s="12"/>
    </row>
    <row r="228862" spans="8:8">
      <c r="H228862" s="12"/>
    </row>
    <row r="228863" spans="8:8">
      <c r="H228863" s="12"/>
    </row>
    <row r="228864" spans="8:8">
      <c r="H228864" s="12"/>
    </row>
    <row r="228865" spans="8:8">
      <c r="H228865" s="12"/>
    </row>
    <row r="228866" spans="8:8">
      <c r="H228866" s="12"/>
    </row>
    <row r="228867" spans="8:8">
      <c r="H228867" s="12"/>
    </row>
    <row r="228868" spans="8:8">
      <c r="H228868" s="12"/>
    </row>
    <row r="228869" spans="8:8">
      <c r="H228869" s="12"/>
    </row>
    <row r="228870" spans="8:8">
      <c r="H228870" s="12"/>
    </row>
    <row r="228871" spans="8:8">
      <c r="H228871" s="12"/>
    </row>
    <row r="228872" spans="8:8">
      <c r="H228872" s="12"/>
    </row>
    <row r="228873" spans="8:8">
      <c r="H228873" s="12"/>
    </row>
    <row r="228874" spans="8:8">
      <c r="H228874" s="12"/>
    </row>
    <row r="228875" spans="8:8">
      <c r="H228875" s="12"/>
    </row>
    <row r="228876" spans="8:8">
      <c r="H228876" s="12"/>
    </row>
    <row r="228877" spans="8:8">
      <c r="H228877" s="12"/>
    </row>
    <row r="228878" spans="8:8">
      <c r="H228878" s="12"/>
    </row>
    <row r="228879" spans="8:8">
      <c r="H228879" s="12"/>
    </row>
    <row r="228880" spans="8:8">
      <c r="H228880" s="12"/>
    </row>
    <row r="228881" spans="8:8">
      <c r="H228881" s="12"/>
    </row>
    <row r="228882" spans="8:8">
      <c r="H228882" s="12"/>
    </row>
    <row r="228883" spans="8:8">
      <c r="H228883" s="12"/>
    </row>
    <row r="228884" spans="8:8">
      <c r="H228884" s="12"/>
    </row>
    <row r="228885" spans="8:8">
      <c r="H228885" s="12"/>
    </row>
    <row r="228886" spans="8:8">
      <c r="H228886" s="12"/>
    </row>
    <row r="228887" spans="8:8">
      <c r="H228887" s="12"/>
    </row>
    <row r="228888" spans="8:8">
      <c r="H228888" s="12"/>
    </row>
    <row r="228889" spans="8:8">
      <c r="H228889" s="12"/>
    </row>
    <row r="228890" spans="8:8">
      <c r="H228890" s="12"/>
    </row>
    <row r="228891" spans="8:8">
      <c r="H228891" s="12"/>
    </row>
    <row r="228892" spans="8:8">
      <c r="H228892" s="12"/>
    </row>
    <row r="228893" spans="8:8">
      <c r="H228893" s="12"/>
    </row>
    <row r="228894" spans="8:8">
      <c r="H228894" s="12"/>
    </row>
    <row r="228895" spans="8:8">
      <c r="H228895" s="12"/>
    </row>
    <row r="228896" spans="8:8">
      <c r="H228896" s="12"/>
    </row>
    <row r="228897" spans="8:8">
      <c r="H228897" s="12"/>
    </row>
    <row r="228898" spans="8:8">
      <c r="H228898" s="12"/>
    </row>
    <row r="228899" spans="8:8">
      <c r="H228899" s="12"/>
    </row>
    <row r="228900" spans="8:8">
      <c r="H228900" s="12"/>
    </row>
    <row r="228901" spans="8:8">
      <c r="H228901" s="12"/>
    </row>
    <row r="228902" spans="8:8">
      <c r="H228902" s="12"/>
    </row>
    <row r="228903" spans="8:8">
      <c r="H228903" s="12"/>
    </row>
    <row r="228904" spans="8:8">
      <c r="H228904" s="12"/>
    </row>
    <row r="228905" spans="8:8">
      <c r="H228905" s="12"/>
    </row>
    <row r="228906" spans="8:8">
      <c r="H228906" s="12"/>
    </row>
    <row r="228907" spans="8:8">
      <c r="H228907" s="12"/>
    </row>
    <row r="228908" spans="8:8">
      <c r="H228908" s="12"/>
    </row>
    <row r="228909" spans="8:8">
      <c r="H228909" s="12"/>
    </row>
    <row r="228910" spans="8:8">
      <c r="H228910" s="12"/>
    </row>
    <row r="228911" spans="8:8">
      <c r="H228911" s="12"/>
    </row>
    <row r="228912" spans="8:8">
      <c r="H228912" s="12"/>
    </row>
    <row r="228913" spans="8:8">
      <c r="H228913" s="12"/>
    </row>
    <row r="228914" spans="8:8">
      <c r="H228914" s="12"/>
    </row>
    <row r="228915" spans="8:8">
      <c r="H228915" s="12"/>
    </row>
    <row r="228916" spans="8:8">
      <c r="H228916" s="12"/>
    </row>
    <row r="228917" spans="8:8">
      <c r="H228917" s="12"/>
    </row>
    <row r="228918" spans="8:8">
      <c r="H228918" s="12"/>
    </row>
    <row r="228919" spans="8:8">
      <c r="H228919" s="12"/>
    </row>
    <row r="228920" spans="8:8">
      <c r="H228920" s="12"/>
    </row>
    <row r="228921" spans="8:8">
      <c r="H228921" s="12"/>
    </row>
    <row r="228922" spans="8:8">
      <c r="H228922" s="12"/>
    </row>
    <row r="228923" spans="8:8">
      <c r="H228923" s="12"/>
    </row>
    <row r="228924" spans="8:8">
      <c r="H228924" s="12"/>
    </row>
    <row r="228925" spans="8:8">
      <c r="H228925" s="12"/>
    </row>
    <row r="228926" spans="8:8">
      <c r="H228926" s="12"/>
    </row>
    <row r="228927" spans="8:8">
      <c r="H228927" s="12"/>
    </row>
    <row r="228928" spans="8:8">
      <c r="H228928" s="12"/>
    </row>
    <row r="228929" spans="8:8">
      <c r="H228929" s="12"/>
    </row>
    <row r="228930" spans="8:8">
      <c r="H228930" s="12"/>
    </row>
    <row r="228931" spans="8:8">
      <c r="H228931" s="12"/>
    </row>
    <row r="228932" spans="8:8">
      <c r="H228932" s="12"/>
    </row>
    <row r="228933" spans="8:8">
      <c r="H228933" s="12"/>
    </row>
    <row r="228934" spans="8:8">
      <c r="H228934" s="12"/>
    </row>
    <row r="228935" spans="8:8">
      <c r="H228935" s="12"/>
    </row>
    <row r="228936" spans="8:8">
      <c r="H228936" s="12"/>
    </row>
    <row r="228937" spans="8:8">
      <c r="H228937" s="12"/>
    </row>
    <row r="228938" spans="8:8">
      <c r="H228938" s="12"/>
    </row>
    <row r="228939" spans="8:8">
      <c r="H228939" s="12"/>
    </row>
    <row r="228940" spans="8:8">
      <c r="H228940" s="12"/>
    </row>
    <row r="228941" spans="8:8">
      <c r="H228941" s="12"/>
    </row>
    <row r="228942" spans="8:8">
      <c r="H228942" s="12"/>
    </row>
    <row r="228943" spans="8:8">
      <c r="H228943" s="12"/>
    </row>
    <row r="228944" spans="8:8">
      <c r="H228944" s="12"/>
    </row>
    <row r="228945" spans="8:8">
      <c r="H228945" s="12"/>
    </row>
    <row r="228946" spans="8:8">
      <c r="H228946" s="12"/>
    </row>
    <row r="228947" spans="8:8">
      <c r="H228947" s="12"/>
    </row>
    <row r="228948" spans="8:8">
      <c r="H228948" s="12"/>
    </row>
    <row r="228949" spans="8:8">
      <c r="H228949" s="12"/>
    </row>
    <row r="228950" spans="8:8">
      <c r="H228950" s="12"/>
    </row>
    <row r="228951" spans="8:8">
      <c r="H228951" s="12"/>
    </row>
    <row r="228952" spans="8:8">
      <c r="H228952" s="12"/>
    </row>
    <row r="228953" spans="8:8">
      <c r="H228953" s="12"/>
    </row>
    <row r="228954" spans="8:8">
      <c r="H228954" s="12"/>
    </row>
    <row r="228955" spans="8:8">
      <c r="H228955" s="12"/>
    </row>
    <row r="228956" spans="8:8">
      <c r="H228956" s="12"/>
    </row>
    <row r="228957" spans="8:8">
      <c r="H228957" s="12"/>
    </row>
    <row r="228958" spans="8:8">
      <c r="H228958" s="12"/>
    </row>
    <row r="228959" spans="8:8">
      <c r="H228959" s="12"/>
    </row>
    <row r="228960" spans="8:8">
      <c r="H228960" s="12"/>
    </row>
    <row r="228961" spans="8:8">
      <c r="H228961" s="12"/>
    </row>
    <row r="228962" spans="8:8">
      <c r="H228962" s="12"/>
    </row>
    <row r="228963" spans="8:8">
      <c r="H228963" s="12"/>
    </row>
    <row r="228964" spans="8:8">
      <c r="H228964" s="12"/>
    </row>
    <row r="228965" spans="8:8">
      <c r="H228965" s="12"/>
    </row>
    <row r="228966" spans="8:8">
      <c r="H228966" s="12"/>
    </row>
    <row r="228967" spans="8:8">
      <c r="H228967" s="12"/>
    </row>
    <row r="228968" spans="8:8">
      <c r="H228968" s="12"/>
    </row>
    <row r="228969" spans="8:8">
      <c r="H228969" s="12"/>
    </row>
    <row r="228970" spans="8:8">
      <c r="H228970" s="12"/>
    </row>
    <row r="228971" spans="8:8">
      <c r="H228971" s="12"/>
    </row>
    <row r="228972" spans="8:8">
      <c r="H228972" s="12"/>
    </row>
    <row r="228973" spans="8:8">
      <c r="H228973" s="12"/>
    </row>
    <row r="228974" spans="8:8">
      <c r="H228974" s="12"/>
    </row>
    <row r="228975" spans="8:8">
      <c r="H228975" s="12"/>
    </row>
    <row r="228976" spans="8:8">
      <c r="H228976" s="12"/>
    </row>
    <row r="228977" spans="8:8">
      <c r="H228977" s="12"/>
    </row>
    <row r="228978" spans="8:8">
      <c r="H228978" s="12"/>
    </row>
    <row r="228979" spans="8:8">
      <c r="H228979" s="12"/>
    </row>
    <row r="228980" spans="8:8">
      <c r="H228980" s="12"/>
    </row>
    <row r="228981" spans="8:8">
      <c r="H228981" s="12"/>
    </row>
    <row r="228982" spans="8:8">
      <c r="H228982" s="12"/>
    </row>
    <row r="228983" spans="8:8">
      <c r="H228983" s="12"/>
    </row>
    <row r="228984" spans="8:8">
      <c r="H228984" s="12"/>
    </row>
    <row r="228985" spans="8:8">
      <c r="H228985" s="12"/>
    </row>
    <row r="228986" spans="8:8">
      <c r="H228986" s="12"/>
    </row>
    <row r="228987" spans="8:8">
      <c r="H228987" s="12"/>
    </row>
    <row r="228988" spans="8:8">
      <c r="H228988" s="12"/>
    </row>
    <row r="228989" spans="8:8">
      <c r="H228989" s="12"/>
    </row>
    <row r="228990" spans="8:8">
      <c r="H228990" s="12"/>
    </row>
    <row r="228991" spans="8:8">
      <c r="H228991" s="12"/>
    </row>
    <row r="228992" spans="8:8">
      <c r="H228992" s="12"/>
    </row>
    <row r="228993" spans="8:8">
      <c r="H228993" s="12"/>
    </row>
    <row r="228994" spans="8:8">
      <c r="H228994" s="12"/>
    </row>
    <row r="228995" spans="8:8">
      <c r="H228995" s="12"/>
    </row>
    <row r="228996" spans="8:8">
      <c r="H228996" s="12"/>
    </row>
    <row r="228997" spans="8:8">
      <c r="H228997" s="12"/>
    </row>
    <row r="228998" spans="8:8">
      <c r="H228998" s="12"/>
    </row>
    <row r="228999" spans="8:8">
      <c r="H228999" s="12"/>
    </row>
    <row r="229000" spans="8:8">
      <c r="H229000" s="12"/>
    </row>
    <row r="229001" spans="8:8">
      <c r="H229001" s="12"/>
    </row>
    <row r="229002" spans="8:8">
      <c r="H229002" s="12"/>
    </row>
    <row r="229003" spans="8:8">
      <c r="H229003" s="12"/>
    </row>
    <row r="229004" spans="8:8">
      <c r="H229004" s="12"/>
    </row>
    <row r="229005" spans="8:8">
      <c r="H229005" s="12"/>
    </row>
    <row r="229006" spans="8:8">
      <c r="H229006" s="12"/>
    </row>
    <row r="229007" spans="8:8">
      <c r="H229007" s="12"/>
    </row>
    <row r="229008" spans="8:8">
      <c r="H229008" s="12"/>
    </row>
    <row r="229009" spans="8:8">
      <c r="H229009" s="12"/>
    </row>
    <row r="229010" spans="8:8">
      <c r="H229010" s="12"/>
    </row>
    <row r="229011" spans="8:8">
      <c r="H229011" s="12"/>
    </row>
    <row r="229012" spans="8:8">
      <c r="H229012" s="12"/>
    </row>
    <row r="229013" spans="8:8">
      <c r="H229013" s="12"/>
    </row>
    <row r="229014" spans="8:8">
      <c r="H229014" s="12"/>
    </row>
    <row r="229015" spans="8:8">
      <c r="H229015" s="12"/>
    </row>
    <row r="229016" spans="8:8">
      <c r="H229016" s="12"/>
    </row>
    <row r="229017" spans="8:8">
      <c r="H229017" s="12"/>
    </row>
    <row r="229018" spans="8:8">
      <c r="H229018" s="12"/>
    </row>
    <row r="229019" spans="8:8">
      <c r="H229019" s="12"/>
    </row>
    <row r="229020" spans="8:8">
      <c r="H229020" s="12"/>
    </row>
    <row r="229021" spans="8:8">
      <c r="H229021" s="12"/>
    </row>
    <row r="229022" spans="8:8">
      <c r="H229022" s="12"/>
    </row>
    <row r="229023" spans="8:8">
      <c r="H229023" s="12"/>
    </row>
    <row r="229024" spans="8:8">
      <c r="H229024" s="12"/>
    </row>
    <row r="229025" spans="8:8">
      <c r="H229025" s="12"/>
    </row>
    <row r="229026" spans="8:8">
      <c r="H229026" s="12"/>
    </row>
    <row r="229027" spans="8:8">
      <c r="H229027" s="12"/>
    </row>
    <row r="229028" spans="8:8">
      <c r="H229028" s="12"/>
    </row>
    <row r="229029" spans="8:8">
      <c r="H229029" s="12"/>
    </row>
    <row r="229030" spans="8:8">
      <c r="H229030" s="12"/>
    </row>
    <row r="229031" spans="8:8">
      <c r="H229031" s="12"/>
    </row>
    <row r="229032" spans="8:8">
      <c r="H229032" s="12"/>
    </row>
    <row r="229033" spans="8:8">
      <c r="H229033" s="12"/>
    </row>
    <row r="229034" spans="8:8">
      <c r="H229034" s="12"/>
    </row>
    <row r="229035" spans="8:8">
      <c r="H229035" s="12"/>
    </row>
    <row r="229036" spans="8:8">
      <c r="H229036" s="12"/>
    </row>
    <row r="229037" spans="8:8">
      <c r="H229037" s="12"/>
    </row>
    <row r="229038" spans="8:8">
      <c r="H229038" s="12"/>
    </row>
    <row r="229039" spans="8:8">
      <c r="H229039" s="12"/>
    </row>
    <row r="229040" spans="8:8">
      <c r="H229040" s="12"/>
    </row>
    <row r="229041" spans="8:8">
      <c r="H229041" s="12"/>
    </row>
    <row r="229042" spans="8:8">
      <c r="H229042" s="12"/>
    </row>
    <row r="229043" spans="8:8">
      <c r="H229043" s="12"/>
    </row>
    <row r="229044" spans="8:8">
      <c r="H229044" s="12"/>
    </row>
    <row r="229045" spans="8:8">
      <c r="H229045" s="12"/>
    </row>
    <row r="229046" spans="8:8">
      <c r="H229046" s="12"/>
    </row>
    <row r="229047" spans="8:8">
      <c r="H229047" s="12"/>
    </row>
    <row r="229048" spans="8:8">
      <c r="H229048" s="12"/>
    </row>
    <row r="229049" spans="8:8">
      <c r="H229049" s="12"/>
    </row>
    <row r="229050" spans="8:8">
      <c r="H229050" s="12"/>
    </row>
    <row r="229051" spans="8:8">
      <c r="H229051" s="12"/>
    </row>
    <row r="229052" spans="8:8">
      <c r="H229052" s="12"/>
    </row>
    <row r="229053" spans="8:8">
      <c r="H229053" s="12"/>
    </row>
    <row r="229054" spans="8:8">
      <c r="H229054" s="12"/>
    </row>
    <row r="229055" spans="8:8">
      <c r="H229055" s="12"/>
    </row>
    <row r="229056" spans="8:8">
      <c r="H229056" s="12"/>
    </row>
    <row r="229057" spans="8:8">
      <c r="H229057" s="12"/>
    </row>
    <row r="229058" spans="8:8">
      <c r="H229058" s="12"/>
    </row>
    <row r="229059" spans="8:8">
      <c r="H229059" s="12"/>
    </row>
    <row r="229060" spans="8:8">
      <c r="H229060" s="12"/>
    </row>
    <row r="229061" spans="8:8">
      <c r="H229061" s="12"/>
    </row>
    <row r="229062" spans="8:8">
      <c r="H229062" s="12"/>
    </row>
    <row r="229063" spans="8:8">
      <c r="H229063" s="12"/>
    </row>
    <row r="229064" spans="8:8">
      <c r="H229064" s="12"/>
    </row>
    <row r="229065" spans="8:8">
      <c r="H229065" s="12"/>
    </row>
    <row r="229066" spans="8:8">
      <c r="H229066" s="12"/>
    </row>
    <row r="229067" spans="8:8">
      <c r="H229067" s="12"/>
    </row>
    <row r="229068" spans="8:8">
      <c r="H229068" s="12"/>
    </row>
    <row r="229069" spans="8:8">
      <c r="H229069" s="12"/>
    </row>
    <row r="229070" spans="8:8">
      <c r="H229070" s="12"/>
    </row>
    <row r="229071" spans="8:8">
      <c r="H229071" s="12"/>
    </row>
    <row r="229072" spans="8:8">
      <c r="H229072" s="12"/>
    </row>
    <row r="229073" spans="8:8">
      <c r="H229073" s="12"/>
    </row>
    <row r="229074" spans="8:8">
      <c r="H229074" s="12"/>
    </row>
    <row r="229075" spans="8:8">
      <c r="H229075" s="12"/>
    </row>
    <row r="229076" spans="8:8">
      <c r="H229076" s="12"/>
    </row>
    <row r="229077" spans="8:8">
      <c r="H229077" s="12"/>
    </row>
    <row r="229078" spans="8:8">
      <c r="H229078" s="12"/>
    </row>
    <row r="229079" spans="8:8">
      <c r="H229079" s="12"/>
    </row>
    <row r="229080" spans="8:8">
      <c r="H229080" s="12"/>
    </row>
    <row r="229081" spans="8:8">
      <c r="H229081" s="12"/>
    </row>
    <row r="229082" spans="8:8">
      <c r="H229082" s="12"/>
    </row>
    <row r="229083" spans="8:8">
      <c r="H229083" s="12"/>
    </row>
    <row r="229084" spans="8:8">
      <c r="H229084" s="12"/>
    </row>
    <row r="229085" spans="8:8">
      <c r="H229085" s="12"/>
    </row>
    <row r="229086" spans="8:8">
      <c r="H229086" s="12"/>
    </row>
    <row r="229087" spans="8:8">
      <c r="H229087" s="12"/>
    </row>
    <row r="229088" spans="8:8">
      <c r="H229088" s="12"/>
    </row>
    <row r="229089" spans="8:8">
      <c r="H229089" s="12"/>
    </row>
    <row r="229090" spans="8:8">
      <c r="H229090" s="12"/>
    </row>
    <row r="229091" spans="8:8">
      <c r="H229091" s="12"/>
    </row>
    <row r="229092" spans="8:8">
      <c r="H229092" s="12"/>
    </row>
    <row r="229093" spans="8:8">
      <c r="H229093" s="12"/>
    </row>
    <row r="229094" spans="8:8">
      <c r="H229094" s="12"/>
    </row>
    <row r="229095" spans="8:8">
      <c r="H229095" s="12"/>
    </row>
    <row r="229096" spans="8:8">
      <c r="H229096" s="12"/>
    </row>
    <row r="229097" spans="8:8">
      <c r="H229097" s="12"/>
    </row>
    <row r="229098" spans="8:8">
      <c r="H229098" s="12"/>
    </row>
    <row r="229099" spans="8:8">
      <c r="H229099" s="12"/>
    </row>
    <row r="229100" spans="8:8">
      <c r="H229100" s="12"/>
    </row>
    <row r="229101" spans="8:8">
      <c r="H229101" s="12"/>
    </row>
    <row r="229102" spans="8:8">
      <c r="H229102" s="12"/>
    </row>
    <row r="229103" spans="8:8">
      <c r="H229103" s="12"/>
    </row>
    <row r="229104" spans="8:8">
      <c r="H229104" s="12"/>
    </row>
    <row r="229105" spans="8:8">
      <c r="H229105" s="12"/>
    </row>
    <row r="229106" spans="8:8">
      <c r="H229106" s="12"/>
    </row>
    <row r="229107" spans="8:8">
      <c r="H229107" s="12"/>
    </row>
    <row r="229108" spans="8:8">
      <c r="H229108" s="12"/>
    </row>
    <row r="229109" spans="8:8">
      <c r="H229109" s="12"/>
    </row>
    <row r="229110" spans="8:8">
      <c r="H229110" s="12"/>
    </row>
    <row r="229111" spans="8:8">
      <c r="H229111" s="12"/>
    </row>
    <row r="229112" spans="8:8">
      <c r="H229112" s="12"/>
    </row>
    <row r="229113" spans="8:8">
      <c r="H229113" s="12"/>
    </row>
    <row r="229114" spans="8:8">
      <c r="H229114" s="12"/>
    </row>
    <row r="229115" spans="8:8">
      <c r="H229115" s="12"/>
    </row>
    <row r="229116" spans="8:8">
      <c r="H229116" s="12"/>
    </row>
    <row r="229117" spans="8:8">
      <c r="H229117" s="12"/>
    </row>
    <row r="229118" spans="8:8">
      <c r="H229118" s="12"/>
    </row>
    <row r="229119" spans="8:8">
      <c r="H229119" s="12"/>
    </row>
    <row r="229120" spans="8:8">
      <c r="H229120" s="12"/>
    </row>
    <row r="229121" spans="8:8">
      <c r="H229121" s="12"/>
    </row>
    <row r="229122" spans="8:8">
      <c r="H229122" s="12"/>
    </row>
    <row r="229123" spans="8:8">
      <c r="H229123" s="12"/>
    </row>
    <row r="229124" spans="8:8">
      <c r="H229124" s="12"/>
    </row>
    <row r="229125" spans="8:8">
      <c r="H229125" s="12"/>
    </row>
    <row r="229126" spans="8:8">
      <c r="H229126" s="12"/>
    </row>
    <row r="229127" spans="8:8">
      <c r="H229127" s="12"/>
    </row>
    <row r="229128" spans="8:8">
      <c r="H229128" s="12"/>
    </row>
    <row r="229129" spans="8:8">
      <c r="H229129" s="12"/>
    </row>
    <row r="229130" spans="8:8">
      <c r="H229130" s="12"/>
    </row>
    <row r="229131" spans="8:8">
      <c r="H229131" s="12"/>
    </row>
    <row r="229132" spans="8:8">
      <c r="H229132" s="12"/>
    </row>
    <row r="229133" spans="8:8">
      <c r="H229133" s="12"/>
    </row>
    <row r="229134" spans="8:8">
      <c r="H229134" s="12"/>
    </row>
    <row r="229135" spans="8:8">
      <c r="H229135" s="12"/>
    </row>
    <row r="229136" spans="8:8">
      <c r="H229136" s="12"/>
    </row>
    <row r="229137" spans="8:8">
      <c r="H229137" s="12"/>
    </row>
    <row r="229138" spans="8:8">
      <c r="H229138" s="12"/>
    </row>
    <row r="229139" spans="8:8">
      <c r="H229139" s="12"/>
    </row>
    <row r="229140" spans="8:8">
      <c r="H229140" s="12"/>
    </row>
    <row r="229141" spans="8:8">
      <c r="H229141" s="12"/>
    </row>
    <row r="229142" spans="8:8">
      <c r="H229142" s="12"/>
    </row>
    <row r="229143" spans="8:8">
      <c r="H229143" s="12"/>
    </row>
    <row r="229144" spans="8:8">
      <c r="H229144" s="12"/>
    </row>
    <row r="229145" spans="8:8">
      <c r="H229145" s="12"/>
    </row>
    <row r="229146" spans="8:8">
      <c r="H229146" s="12"/>
    </row>
    <row r="229147" spans="8:8">
      <c r="H229147" s="12"/>
    </row>
    <row r="229148" spans="8:8">
      <c r="H229148" s="12"/>
    </row>
    <row r="229149" spans="8:8">
      <c r="H229149" s="12"/>
    </row>
    <row r="229150" spans="8:8">
      <c r="H229150" s="12"/>
    </row>
    <row r="229151" spans="8:8">
      <c r="H229151" s="12"/>
    </row>
    <row r="229152" spans="8:8">
      <c r="H229152" s="12"/>
    </row>
    <row r="229153" spans="8:8">
      <c r="H229153" s="12"/>
    </row>
    <row r="229154" spans="8:8">
      <c r="H229154" s="12"/>
    </row>
    <row r="229155" spans="8:8">
      <c r="H229155" s="12"/>
    </row>
    <row r="229156" spans="8:8">
      <c r="H229156" s="12"/>
    </row>
    <row r="229157" spans="8:8">
      <c r="H229157" s="12"/>
    </row>
    <row r="229158" spans="8:8">
      <c r="H229158" s="12"/>
    </row>
    <row r="229159" spans="8:8">
      <c r="H229159" s="12"/>
    </row>
    <row r="229160" spans="8:8">
      <c r="H229160" s="12"/>
    </row>
    <row r="229161" spans="8:8">
      <c r="H229161" s="12"/>
    </row>
    <row r="229162" spans="8:8">
      <c r="H229162" s="12"/>
    </row>
    <row r="229163" spans="8:8">
      <c r="H229163" s="12"/>
    </row>
    <row r="229164" spans="8:8">
      <c r="H229164" s="12"/>
    </row>
    <row r="229165" spans="8:8">
      <c r="H229165" s="12"/>
    </row>
    <row r="229166" spans="8:8">
      <c r="H229166" s="12"/>
    </row>
    <row r="229167" spans="8:8">
      <c r="H229167" s="12"/>
    </row>
    <row r="229168" spans="8:8">
      <c r="H229168" s="12"/>
    </row>
    <row r="229169" spans="8:8">
      <c r="H229169" s="12"/>
    </row>
    <row r="229170" spans="8:8">
      <c r="H229170" s="12"/>
    </row>
    <row r="229171" spans="8:8">
      <c r="H229171" s="12"/>
    </row>
    <row r="229172" spans="8:8">
      <c r="H229172" s="12"/>
    </row>
    <row r="229173" spans="8:8">
      <c r="H229173" s="12"/>
    </row>
    <row r="229174" spans="8:8">
      <c r="H229174" s="12"/>
    </row>
    <row r="229175" spans="8:8">
      <c r="H229175" s="12"/>
    </row>
    <row r="229176" spans="8:8">
      <c r="H229176" s="12"/>
    </row>
    <row r="229177" spans="8:8">
      <c r="H229177" s="12"/>
    </row>
    <row r="229178" spans="8:8">
      <c r="H229178" s="12"/>
    </row>
    <row r="229179" spans="8:8">
      <c r="H229179" s="12"/>
    </row>
    <row r="229180" spans="8:8">
      <c r="H229180" s="12"/>
    </row>
    <row r="229181" spans="8:8">
      <c r="H229181" s="12"/>
    </row>
    <row r="229182" spans="8:8">
      <c r="H229182" s="12"/>
    </row>
    <row r="229183" spans="8:8">
      <c r="H229183" s="12"/>
    </row>
    <row r="229184" spans="8:8">
      <c r="H229184" s="12"/>
    </row>
    <row r="229185" spans="8:8">
      <c r="H229185" s="12"/>
    </row>
    <row r="229186" spans="8:8">
      <c r="H229186" s="12"/>
    </row>
    <row r="229187" spans="8:8">
      <c r="H229187" s="12"/>
    </row>
    <row r="229188" spans="8:8">
      <c r="H229188" s="12"/>
    </row>
    <row r="229189" spans="8:8">
      <c r="H229189" s="12"/>
    </row>
    <row r="229190" spans="8:8">
      <c r="H229190" s="12"/>
    </row>
    <row r="229191" spans="8:8">
      <c r="H229191" s="12"/>
    </row>
    <row r="229192" spans="8:8">
      <c r="H229192" s="12"/>
    </row>
    <row r="229193" spans="8:8">
      <c r="H229193" s="12"/>
    </row>
    <row r="229194" spans="8:8">
      <c r="H229194" s="12"/>
    </row>
    <row r="229195" spans="8:8">
      <c r="H229195" s="12"/>
    </row>
    <row r="229196" spans="8:8">
      <c r="H229196" s="12"/>
    </row>
    <row r="229197" spans="8:8">
      <c r="H229197" s="12"/>
    </row>
    <row r="229198" spans="8:8">
      <c r="H229198" s="12"/>
    </row>
    <row r="229199" spans="8:8">
      <c r="H229199" s="12"/>
    </row>
    <row r="229200" spans="8:8">
      <c r="H229200" s="12"/>
    </row>
    <row r="229201" spans="8:8">
      <c r="H229201" s="12"/>
    </row>
    <row r="229202" spans="8:8">
      <c r="H229202" s="12"/>
    </row>
    <row r="229203" spans="8:8">
      <c r="H229203" s="12"/>
    </row>
    <row r="229204" spans="8:8">
      <c r="H229204" s="12"/>
    </row>
    <row r="229205" spans="8:8">
      <c r="H229205" s="12"/>
    </row>
    <row r="229206" spans="8:8">
      <c r="H229206" s="12"/>
    </row>
    <row r="229207" spans="8:8">
      <c r="H229207" s="12"/>
    </row>
    <row r="229208" spans="8:8">
      <c r="H229208" s="12"/>
    </row>
    <row r="229209" spans="8:8">
      <c r="H229209" s="12"/>
    </row>
    <row r="229210" spans="8:8">
      <c r="H229210" s="12"/>
    </row>
    <row r="229211" spans="8:8">
      <c r="H229211" s="12"/>
    </row>
    <row r="229212" spans="8:8">
      <c r="H229212" s="12"/>
    </row>
    <row r="229213" spans="8:8">
      <c r="H229213" s="12"/>
    </row>
    <row r="229214" spans="8:8">
      <c r="H229214" s="12"/>
    </row>
    <row r="229215" spans="8:8">
      <c r="H229215" s="12"/>
    </row>
    <row r="229216" spans="8:8">
      <c r="H229216" s="12"/>
    </row>
    <row r="229217" spans="8:8">
      <c r="H229217" s="12"/>
    </row>
    <row r="229218" spans="8:8">
      <c r="H229218" s="12"/>
    </row>
    <row r="229219" spans="8:8">
      <c r="H229219" s="12"/>
    </row>
    <row r="229220" spans="8:8">
      <c r="H229220" s="12"/>
    </row>
    <row r="229221" spans="8:8">
      <c r="H229221" s="12"/>
    </row>
    <row r="229222" spans="8:8">
      <c r="H229222" s="12"/>
    </row>
    <row r="229223" spans="8:8">
      <c r="H229223" s="12"/>
    </row>
    <row r="229224" spans="8:8">
      <c r="H229224" s="12"/>
    </row>
    <row r="229225" spans="8:8">
      <c r="H229225" s="12"/>
    </row>
    <row r="229226" spans="8:8">
      <c r="H229226" s="12"/>
    </row>
    <row r="229227" spans="8:8">
      <c r="H229227" s="12"/>
    </row>
    <row r="229228" spans="8:8">
      <c r="H229228" s="12"/>
    </row>
    <row r="229229" spans="8:8">
      <c r="H229229" s="12"/>
    </row>
    <row r="229230" spans="8:8">
      <c r="H229230" s="12"/>
    </row>
    <row r="229231" spans="8:8">
      <c r="H229231" s="12"/>
    </row>
    <row r="229232" spans="8:8">
      <c r="H229232" s="12"/>
    </row>
    <row r="229233" spans="8:8">
      <c r="H229233" s="12"/>
    </row>
    <row r="229234" spans="8:8">
      <c r="H229234" s="12"/>
    </row>
    <row r="229235" spans="8:8">
      <c r="H229235" s="12"/>
    </row>
    <row r="229236" spans="8:8">
      <c r="H229236" s="12"/>
    </row>
    <row r="229237" spans="8:8">
      <c r="H229237" s="12"/>
    </row>
    <row r="229238" spans="8:8">
      <c r="H229238" s="12"/>
    </row>
    <row r="229239" spans="8:8">
      <c r="H229239" s="12"/>
    </row>
    <row r="229240" spans="8:8">
      <c r="H229240" s="12"/>
    </row>
    <row r="229241" spans="8:8">
      <c r="H229241" s="12"/>
    </row>
    <row r="229242" spans="8:8">
      <c r="H229242" s="12"/>
    </row>
    <row r="229243" spans="8:8">
      <c r="H229243" s="12"/>
    </row>
    <row r="229244" spans="8:8">
      <c r="H229244" s="12"/>
    </row>
    <row r="229245" spans="8:8">
      <c r="H229245" s="12"/>
    </row>
    <row r="229246" spans="8:8">
      <c r="H229246" s="12"/>
    </row>
    <row r="229247" spans="8:8">
      <c r="H229247" s="12"/>
    </row>
    <row r="229248" spans="8:8">
      <c r="H229248" s="12"/>
    </row>
    <row r="229249" spans="8:8">
      <c r="H229249" s="12"/>
    </row>
    <row r="229250" spans="8:8">
      <c r="H229250" s="12"/>
    </row>
    <row r="229251" spans="8:8">
      <c r="H229251" s="12"/>
    </row>
    <row r="229252" spans="8:8">
      <c r="H229252" s="12"/>
    </row>
    <row r="229253" spans="8:8">
      <c r="H229253" s="12"/>
    </row>
    <row r="229254" spans="8:8">
      <c r="H229254" s="12"/>
    </row>
    <row r="229255" spans="8:8">
      <c r="H229255" s="12"/>
    </row>
    <row r="229256" spans="8:8">
      <c r="H229256" s="12"/>
    </row>
    <row r="229257" spans="8:8">
      <c r="H229257" s="12"/>
    </row>
    <row r="229258" spans="8:8">
      <c r="H229258" s="12"/>
    </row>
    <row r="229259" spans="8:8">
      <c r="H229259" s="12"/>
    </row>
    <row r="229260" spans="8:8">
      <c r="H229260" s="12"/>
    </row>
    <row r="229261" spans="8:8">
      <c r="H229261" s="12"/>
    </row>
    <row r="229262" spans="8:8">
      <c r="H229262" s="12"/>
    </row>
    <row r="229263" spans="8:8">
      <c r="H229263" s="12"/>
    </row>
    <row r="229264" spans="8:8">
      <c r="H229264" s="12"/>
    </row>
    <row r="229265" spans="8:8">
      <c r="H229265" s="12"/>
    </row>
    <row r="229266" spans="8:8">
      <c r="H229266" s="12"/>
    </row>
    <row r="229267" spans="8:8">
      <c r="H229267" s="12"/>
    </row>
    <row r="229268" spans="8:8">
      <c r="H229268" s="12"/>
    </row>
    <row r="229269" spans="8:8">
      <c r="H229269" s="12"/>
    </row>
    <row r="229270" spans="8:8">
      <c r="H229270" s="12"/>
    </row>
    <row r="229271" spans="8:8">
      <c r="H229271" s="12"/>
    </row>
    <row r="229272" spans="8:8">
      <c r="H229272" s="12"/>
    </row>
    <row r="229273" spans="8:8">
      <c r="H229273" s="12"/>
    </row>
    <row r="229274" spans="8:8">
      <c r="H229274" s="12"/>
    </row>
    <row r="229275" spans="8:8">
      <c r="H229275" s="12"/>
    </row>
    <row r="229276" spans="8:8">
      <c r="H229276" s="12"/>
    </row>
    <row r="229277" spans="8:8">
      <c r="H229277" s="12"/>
    </row>
    <row r="229278" spans="8:8">
      <c r="H229278" s="12"/>
    </row>
    <row r="229279" spans="8:8">
      <c r="H229279" s="12"/>
    </row>
    <row r="229280" spans="8:8">
      <c r="H229280" s="12"/>
    </row>
    <row r="229281" spans="8:8">
      <c r="H229281" s="12"/>
    </row>
    <row r="229282" spans="8:8">
      <c r="H229282" s="12"/>
    </row>
    <row r="229283" spans="8:8">
      <c r="H229283" s="12"/>
    </row>
    <row r="229284" spans="8:8">
      <c r="H229284" s="12"/>
    </row>
    <row r="229285" spans="8:8">
      <c r="H229285" s="12"/>
    </row>
    <row r="229286" spans="8:8">
      <c r="H229286" s="12"/>
    </row>
    <row r="229287" spans="8:8">
      <c r="H229287" s="12"/>
    </row>
    <row r="229288" spans="8:8">
      <c r="H229288" s="12"/>
    </row>
    <row r="229289" spans="8:8">
      <c r="H229289" s="12"/>
    </row>
    <row r="229290" spans="8:8">
      <c r="H229290" s="12"/>
    </row>
    <row r="229291" spans="8:8">
      <c r="H229291" s="12"/>
    </row>
    <row r="229292" spans="8:8">
      <c r="H229292" s="12"/>
    </row>
    <row r="229293" spans="8:8">
      <c r="H229293" s="12"/>
    </row>
    <row r="229294" spans="8:8">
      <c r="H229294" s="12"/>
    </row>
    <row r="229295" spans="8:8">
      <c r="H229295" s="12"/>
    </row>
    <row r="229296" spans="8:8">
      <c r="H229296" s="12"/>
    </row>
    <row r="229297" spans="8:8">
      <c r="H229297" s="12"/>
    </row>
    <row r="229298" spans="8:8">
      <c r="H229298" s="12"/>
    </row>
    <row r="229299" spans="8:8">
      <c r="H229299" s="12"/>
    </row>
    <row r="229300" spans="8:8">
      <c r="H229300" s="12"/>
    </row>
    <row r="229301" spans="8:8">
      <c r="H229301" s="12"/>
    </row>
    <row r="229302" spans="8:8">
      <c r="H229302" s="12"/>
    </row>
    <row r="229303" spans="8:8">
      <c r="H229303" s="12"/>
    </row>
    <row r="229304" spans="8:8">
      <c r="H229304" s="12"/>
    </row>
    <row r="229305" spans="8:8">
      <c r="H229305" s="12"/>
    </row>
    <row r="229306" spans="8:8">
      <c r="H229306" s="12"/>
    </row>
    <row r="229307" spans="8:8">
      <c r="H229307" s="12"/>
    </row>
    <row r="229308" spans="8:8">
      <c r="H229308" s="12"/>
    </row>
    <row r="229309" spans="8:8">
      <c r="H229309" s="12"/>
    </row>
    <row r="229310" spans="8:8">
      <c r="H229310" s="12"/>
    </row>
    <row r="229311" spans="8:8">
      <c r="H229311" s="12"/>
    </row>
    <row r="229312" spans="8:8">
      <c r="H229312" s="12"/>
    </row>
    <row r="229313" spans="8:8">
      <c r="H229313" s="12"/>
    </row>
    <row r="229314" spans="8:8">
      <c r="H229314" s="12"/>
    </row>
    <row r="229315" spans="8:8">
      <c r="H229315" s="12"/>
    </row>
    <row r="229316" spans="8:8">
      <c r="H229316" s="12"/>
    </row>
    <row r="229317" spans="8:8">
      <c r="H229317" s="12"/>
    </row>
    <row r="229318" spans="8:8">
      <c r="H229318" s="12"/>
    </row>
    <row r="229319" spans="8:8">
      <c r="H229319" s="12"/>
    </row>
    <row r="229320" spans="8:8">
      <c r="H229320" s="12"/>
    </row>
    <row r="229321" spans="8:8">
      <c r="H229321" s="12"/>
    </row>
    <row r="229322" spans="8:8">
      <c r="H229322" s="12"/>
    </row>
    <row r="229323" spans="8:8">
      <c r="H229323" s="12"/>
    </row>
    <row r="229324" spans="8:8">
      <c r="H229324" s="12"/>
    </row>
    <row r="229325" spans="8:8">
      <c r="H229325" s="12"/>
    </row>
    <row r="229326" spans="8:8">
      <c r="H229326" s="12"/>
    </row>
    <row r="229327" spans="8:8">
      <c r="H229327" s="12"/>
    </row>
    <row r="229328" spans="8:8">
      <c r="H229328" s="12"/>
    </row>
    <row r="229329" spans="8:8">
      <c r="H229329" s="12"/>
    </row>
    <row r="229330" spans="8:8">
      <c r="H229330" s="12"/>
    </row>
    <row r="229331" spans="8:8">
      <c r="H229331" s="12"/>
    </row>
    <row r="229332" spans="8:8">
      <c r="H229332" s="12"/>
    </row>
    <row r="229333" spans="8:8">
      <c r="H229333" s="12"/>
    </row>
    <row r="229334" spans="8:8">
      <c r="H229334" s="12"/>
    </row>
    <row r="229335" spans="8:8">
      <c r="H229335" s="12"/>
    </row>
    <row r="229336" spans="8:8">
      <c r="H229336" s="12"/>
    </row>
    <row r="229337" spans="8:8">
      <c r="H229337" s="12"/>
    </row>
    <row r="229338" spans="8:8">
      <c r="H229338" s="12"/>
    </row>
    <row r="229339" spans="8:8">
      <c r="H229339" s="12"/>
    </row>
    <row r="229340" spans="8:8">
      <c r="H229340" s="12"/>
    </row>
    <row r="229341" spans="8:8">
      <c r="H229341" s="12"/>
    </row>
    <row r="229342" spans="8:8">
      <c r="H229342" s="12"/>
    </row>
    <row r="229343" spans="8:8">
      <c r="H229343" s="12"/>
    </row>
    <row r="229344" spans="8:8">
      <c r="H229344" s="12"/>
    </row>
    <row r="229345" spans="8:8">
      <c r="H229345" s="12"/>
    </row>
    <row r="229346" spans="8:8">
      <c r="H229346" s="12"/>
    </row>
    <row r="229347" spans="8:8">
      <c r="H229347" s="12"/>
    </row>
    <row r="229348" spans="8:8">
      <c r="H229348" s="12"/>
    </row>
    <row r="229349" spans="8:8">
      <c r="H229349" s="12"/>
    </row>
    <row r="229350" spans="8:8">
      <c r="H229350" s="12"/>
    </row>
    <row r="229351" spans="8:8">
      <c r="H229351" s="12"/>
    </row>
    <row r="229352" spans="8:8">
      <c r="H229352" s="12"/>
    </row>
    <row r="229353" spans="8:8">
      <c r="H229353" s="12"/>
    </row>
    <row r="229354" spans="8:8">
      <c r="H229354" s="12"/>
    </row>
    <row r="229355" spans="8:8">
      <c r="H229355" s="12"/>
    </row>
    <row r="229356" spans="8:8">
      <c r="H229356" s="12"/>
    </row>
    <row r="229357" spans="8:8">
      <c r="H229357" s="12"/>
    </row>
    <row r="229358" spans="8:8">
      <c r="H229358" s="12"/>
    </row>
    <row r="229359" spans="8:8">
      <c r="H229359" s="12"/>
    </row>
    <row r="229360" spans="8:8">
      <c r="H229360" s="12"/>
    </row>
    <row r="229361" spans="8:8">
      <c r="H229361" s="12"/>
    </row>
    <row r="229362" spans="8:8">
      <c r="H229362" s="12"/>
    </row>
    <row r="229363" spans="8:8">
      <c r="H229363" s="12"/>
    </row>
    <row r="229364" spans="8:8">
      <c r="H229364" s="12"/>
    </row>
    <row r="229365" spans="8:8">
      <c r="H229365" s="12"/>
    </row>
    <row r="229366" spans="8:8">
      <c r="H229366" s="12"/>
    </row>
    <row r="229367" spans="8:8">
      <c r="H229367" s="12"/>
    </row>
    <row r="229368" spans="8:8">
      <c r="H229368" s="12"/>
    </row>
    <row r="229369" spans="8:8">
      <c r="H229369" s="12"/>
    </row>
    <row r="229370" spans="8:8">
      <c r="H229370" s="12"/>
    </row>
    <row r="229371" spans="8:8">
      <c r="H229371" s="12"/>
    </row>
    <row r="229372" spans="8:8">
      <c r="H229372" s="12"/>
    </row>
    <row r="229373" spans="8:8">
      <c r="H229373" s="12"/>
    </row>
    <row r="229374" spans="8:8">
      <c r="H229374" s="12"/>
    </row>
    <row r="229375" spans="8:8">
      <c r="H229375" s="12"/>
    </row>
    <row r="229376" spans="8:8">
      <c r="H229376" s="12"/>
    </row>
    <row r="229377" spans="8:8">
      <c r="H229377" s="12"/>
    </row>
    <row r="229378" spans="8:8">
      <c r="H229378" s="12"/>
    </row>
    <row r="229379" spans="8:8">
      <c r="H229379" s="12"/>
    </row>
    <row r="229380" spans="8:8">
      <c r="H229380" s="12"/>
    </row>
    <row r="229381" spans="8:8">
      <c r="H229381" s="12"/>
    </row>
    <row r="229382" spans="8:8">
      <c r="H229382" s="12"/>
    </row>
    <row r="229383" spans="8:8">
      <c r="H229383" s="12"/>
    </row>
    <row r="229384" spans="8:8">
      <c r="H229384" s="12"/>
    </row>
    <row r="229385" spans="8:8">
      <c r="H229385" s="12"/>
    </row>
    <row r="229386" spans="8:8">
      <c r="H229386" s="12"/>
    </row>
    <row r="229387" spans="8:8">
      <c r="H229387" s="12"/>
    </row>
    <row r="229388" spans="8:8">
      <c r="H229388" s="12"/>
    </row>
    <row r="229389" spans="8:8">
      <c r="H229389" s="12"/>
    </row>
    <row r="229390" spans="8:8">
      <c r="H229390" s="12"/>
    </row>
    <row r="229391" spans="8:8">
      <c r="H229391" s="12"/>
    </row>
    <row r="229392" spans="8:8">
      <c r="H229392" s="12"/>
    </row>
    <row r="229393" spans="8:8">
      <c r="H229393" s="12"/>
    </row>
    <row r="229394" spans="8:8">
      <c r="H229394" s="12"/>
    </row>
    <row r="229395" spans="8:8">
      <c r="H229395" s="12"/>
    </row>
    <row r="229396" spans="8:8">
      <c r="H229396" s="12"/>
    </row>
    <row r="229397" spans="8:8">
      <c r="H229397" s="12"/>
    </row>
    <row r="229398" spans="8:8">
      <c r="H229398" s="12"/>
    </row>
    <row r="229399" spans="8:8">
      <c r="H229399" s="12"/>
    </row>
    <row r="229400" spans="8:8">
      <c r="H229400" s="12"/>
    </row>
    <row r="229401" spans="8:8">
      <c r="H229401" s="12"/>
    </row>
    <row r="229402" spans="8:8">
      <c r="H229402" s="12"/>
    </row>
    <row r="229403" spans="8:8">
      <c r="H229403" s="12"/>
    </row>
    <row r="229404" spans="8:8">
      <c r="H229404" s="12"/>
    </row>
    <row r="229405" spans="8:8">
      <c r="H229405" s="12"/>
    </row>
    <row r="229406" spans="8:8">
      <c r="H229406" s="12"/>
    </row>
    <row r="229407" spans="8:8">
      <c r="H229407" s="12"/>
    </row>
    <row r="229408" spans="8:8">
      <c r="H229408" s="12"/>
    </row>
    <row r="229409" spans="8:8">
      <c r="H229409" s="12"/>
    </row>
    <row r="229410" spans="8:8">
      <c r="H229410" s="12"/>
    </row>
    <row r="229411" spans="8:8">
      <c r="H229411" s="12"/>
    </row>
    <row r="229412" spans="8:8">
      <c r="H229412" s="12"/>
    </row>
    <row r="229413" spans="8:8">
      <c r="H229413" s="12"/>
    </row>
    <row r="229414" spans="8:8">
      <c r="H229414" s="12"/>
    </row>
    <row r="229415" spans="8:8">
      <c r="H229415" s="12"/>
    </row>
    <row r="229416" spans="8:8">
      <c r="H229416" s="12"/>
    </row>
    <row r="229417" spans="8:8">
      <c r="H229417" s="12"/>
    </row>
    <row r="229418" spans="8:8">
      <c r="H229418" s="12"/>
    </row>
    <row r="229419" spans="8:8">
      <c r="H229419" s="12"/>
    </row>
    <row r="229420" spans="8:8">
      <c r="H229420" s="12"/>
    </row>
    <row r="229421" spans="8:8">
      <c r="H229421" s="12"/>
    </row>
    <row r="229422" spans="8:8">
      <c r="H229422" s="12"/>
    </row>
    <row r="229423" spans="8:8">
      <c r="H229423" s="12"/>
    </row>
    <row r="229424" spans="8:8">
      <c r="H229424" s="12"/>
    </row>
    <row r="229425" spans="8:8">
      <c r="H229425" s="12"/>
    </row>
    <row r="229426" spans="8:8">
      <c r="H229426" s="12"/>
    </row>
    <row r="229427" spans="8:8">
      <c r="H229427" s="12"/>
    </row>
    <row r="229428" spans="8:8">
      <c r="H229428" s="12"/>
    </row>
    <row r="229429" spans="8:8">
      <c r="H229429" s="12"/>
    </row>
    <row r="229430" spans="8:8">
      <c r="H229430" s="12"/>
    </row>
    <row r="229431" spans="8:8">
      <c r="H229431" s="12"/>
    </row>
    <row r="229432" spans="8:8">
      <c r="H229432" s="12"/>
    </row>
    <row r="229433" spans="8:8">
      <c r="H229433" s="12"/>
    </row>
    <row r="229434" spans="8:8">
      <c r="H229434" s="12"/>
    </row>
    <row r="229435" spans="8:8">
      <c r="H229435" s="12"/>
    </row>
    <row r="229436" spans="8:8">
      <c r="H229436" s="12"/>
    </row>
    <row r="229437" spans="8:8">
      <c r="H229437" s="12"/>
    </row>
    <row r="229438" spans="8:8">
      <c r="H229438" s="12"/>
    </row>
    <row r="229439" spans="8:8">
      <c r="H229439" s="12"/>
    </row>
    <row r="229440" spans="8:8">
      <c r="H229440" s="12"/>
    </row>
    <row r="229441" spans="8:8">
      <c r="H229441" s="12"/>
    </row>
    <row r="229442" spans="8:8">
      <c r="H229442" s="12"/>
    </row>
    <row r="229443" spans="8:8">
      <c r="H229443" s="12"/>
    </row>
    <row r="229444" spans="8:8">
      <c r="H229444" s="12"/>
    </row>
    <row r="229445" spans="8:8">
      <c r="H229445" s="12"/>
    </row>
    <row r="229446" spans="8:8">
      <c r="H229446" s="12"/>
    </row>
    <row r="229447" spans="8:8">
      <c r="H229447" s="12"/>
    </row>
    <row r="229448" spans="8:8">
      <c r="H229448" s="12"/>
    </row>
    <row r="229449" spans="8:8">
      <c r="H229449" s="12"/>
    </row>
    <row r="229450" spans="8:8">
      <c r="H229450" s="12"/>
    </row>
    <row r="229451" spans="8:8">
      <c r="H229451" s="12"/>
    </row>
    <row r="229452" spans="8:8">
      <c r="H229452" s="12"/>
    </row>
    <row r="229453" spans="8:8">
      <c r="H229453" s="12"/>
    </row>
    <row r="229454" spans="8:8">
      <c r="H229454" s="12"/>
    </row>
    <row r="229455" spans="8:8">
      <c r="H229455" s="12"/>
    </row>
    <row r="229456" spans="8:8">
      <c r="H229456" s="12"/>
    </row>
    <row r="229457" spans="8:8">
      <c r="H229457" s="12"/>
    </row>
    <row r="229458" spans="8:8">
      <c r="H229458" s="12"/>
    </row>
    <row r="229459" spans="8:8">
      <c r="H229459" s="12"/>
    </row>
    <row r="229460" spans="8:8">
      <c r="H229460" s="12"/>
    </row>
    <row r="229461" spans="8:8">
      <c r="H229461" s="12"/>
    </row>
    <row r="229462" spans="8:8">
      <c r="H229462" s="12"/>
    </row>
    <row r="229463" spans="8:8">
      <c r="H229463" s="12"/>
    </row>
    <row r="229464" spans="8:8">
      <c r="H229464" s="12"/>
    </row>
    <row r="229465" spans="8:8">
      <c r="H229465" s="12"/>
    </row>
    <row r="229466" spans="8:8">
      <c r="H229466" s="12"/>
    </row>
    <row r="229467" spans="8:8">
      <c r="H229467" s="12"/>
    </row>
    <row r="229468" spans="8:8">
      <c r="H229468" s="12"/>
    </row>
    <row r="229469" spans="8:8">
      <c r="H229469" s="12"/>
    </row>
    <row r="229470" spans="8:8">
      <c r="H229470" s="12"/>
    </row>
    <row r="229471" spans="8:8">
      <c r="H229471" s="12"/>
    </row>
    <row r="229472" spans="8:8">
      <c r="H229472" s="12"/>
    </row>
    <row r="229473" spans="8:8">
      <c r="H229473" s="12"/>
    </row>
    <row r="229474" spans="8:8">
      <c r="H229474" s="12"/>
    </row>
    <row r="229475" spans="8:8">
      <c r="H229475" s="12"/>
    </row>
    <row r="229476" spans="8:8">
      <c r="H229476" s="12"/>
    </row>
    <row r="229477" spans="8:8">
      <c r="H229477" s="12"/>
    </row>
    <row r="229478" spans="8:8">
      <c r="H229478" s="12"/>
    </row>
    <row r="229479" spans="8:8">
      <c r="H229479" s="12"/>
    </row>
    <row r="229480" spans="8:8">
      <c r="H229480" s="12"/>
    </row>
    <row r="229481" spans="8:8">
      <c r="H229481" s="12"/>
    </row>
    <row r="229482" spans="8:8">
      <c r="H229482" s="12"/>
    </row>
    <row r="229483" spans="8:8">
      <c r="H229483" s="12"/>
    </row>
    <row r="229484" spans="8:8">
      <c r="H229484" s="12"/>
    </row>
    <row r="229485" spans="8:8">
      <c r="H229485" s="12"/>
    </row>
    <row r="229486" spans="8:8">
      <c r="H229486" s="12"/>
    </row>
    <row r="229487" spans="8:8">
      <c r="H229487" s="12"/>
    </row>
    <row r="229488" spans="8:8">
      <c r="H229488" s="12"/>
    </row>
    <row r="229489" spans="8:8">
      <c r="H229489" s="12"/>
    </row>
    <row r="229490" spans="8:8">
      <c r="H229490" s="12"/>
    </row>
    <row r="229491" spans="8:8">
      <c r="H229491" s="12"/>
    </row>
    <row r="229492" spans="8:8">
      <c r="H229492" s="12"/>
    </row>
    <row r="229493" spans="8:8">
      <c r="H229493" s="12"/>
    </row>
    <row r="229494" spans="8:8">
      <c r="H229494" s="12"/>
    </row>
    <row r="229495" spans="8:8">
      <c r="H229495" s="12"/>
    </row>
    <row r="229496" spans="8:8">
      <c r="H229496" s="12"/>
    </row>
    <row r="229497" spans="8:8">
      <c r="H229497" s="12"/>
    </row>
    <row r="229498" spans="8:8">
      <c r="H229498" s="12"/>
    </row>
    <row r="229499" spans="8:8">
      <c r="H229499" s="12"/>
    </row>
    <row r="229500" spans="8:8">
      <c r="H229500" s="12"/>
    </row>
    <row r="229501" spans="8:8">
      <c r="H229501" s="12"/>
    </row>
    <row r="229502" spans="8:8">
      <c r="H229502" s="12"/>
    </row>
    <row r="229503" spans="8:8">
      <c r="H229503" s="12"/>
    </row>
    <row r="229504" spans="8:8">
      <c r="H229504" s="12"/>
    </row>
    <row r="229505" spans="8:8">
      <c r="H229505" s="12"/>
    </row>
    <row r="229506" spans="8:8">
      <c r="H229506" s="12"/>
    </row>
    <row r="229507" spans="8:8">
      <c r="H229507" s="12"/>
    </row>
    <row r="229508" spans="8:8">
      <c r="H229508" s="12"/>
    </row>
    <row r="229509" spans="8:8">
      <c r="H229509" s="12"/>
    </row>
    <row r="229510" spans="8:8">
      <c r="H229510" s="12"/>
    </row>
    <row r="229511" spans="8:8">
      <c r="H229511" s="12"/>
    </row>
    <row r="229512" spans="8:8">
      <c r="H229512" s="12"/>
    </row>
    <row r="229513" spans="8:8">
      <c r="H229513" s="12"/>
    </row>
    <row r="229514" spans="8:8">
      <c r="H229514" s="12"/>
    </row>
    <row r="229515" spans="8:8">
      <c r="H229515" s="12"/>
    </row>
    <row r="229516" spans="8:8">
      <c r="H229516" s="12"/>
    </row>
    <row r="229517" spans="8:8">
      <c r="H229517" s="12"/>
    </row>
    <row r="229518" spans="8:8">
      <c r="H229518" s="12"/>
    </row>
    <row r="229519" spans="8:8">
      <c r="H229519" s="12"/>
    </row>
    <row r="229520" spans="8:8">
      <c r="H229520" s="12"/>
    </row>
    <row r="229521" spans="8:8">
      <c r="H229521" s="12"/>
    </row>
    <row r="229522" spans="8:8">
      <c r="H229522" s="12"/>
    </row>
    <row r="229523" spans="8:8">
      <c r="H229523" s="12"/>
    </row>
    <row r="229524" spans="8:8">
      <c r="H229524" s="12"/>
    </row>
    <row r="229525" spans="8:8">
      <c r="H229525" s="12"/>
    </row>
    <row r="229526" spans="8:8">
      <c r="H229526" s="12"/>
    </row>
    <row r="229527" spans="8:8">
      <c r="H229527" s="12"/>
    </row>
    <row r="229528" spans="8:8">
      <c r="H229528" s="12"/>
    </row>
    <row r="229529" spans="8:8">
      <c r="H229529" s="12"/>
    </row>
    <row r="229530" spans="8:8">
      <c r="H229530" s="12"/>
    </row>
    <row r="229531" spans="8:8">
      <c r="H229531" s="12"/>
    </row>
    <row r="229532" spans="8:8">
      <c r="H229532" s="12"/>
    </row>
    <row r="229533" spans="8:8">
      <c r="H229533" s="12"/>
    </row>
    <row r="229534" spans="8:8">
      <c r="H229534" s="12"/>
    </row>
    <row r="229535" spans="8:8">
      <c r="H229535" s="12"/>
    </row>
    <row r="229536" spans="8:8">
      <c r="H229536" s="12"/>
    </row>
    <row r="229537" spans="8:8">
      <c r="H229537" s="12"/>
    </row>
    <row r="229538" spans="8:8">
      <c r="H229538" s="12"/>
    </row>
    <row r="229539" spans="8:8">
      <c r="H229539" s="12"/>
    </row>
    <row r="229540" spans="8:8">
      <c r="H229540" s="12"/>
    </row>
    <row r="229541" spans="8:8">
      <c r="H229541" s="12"/>
    </row>
    <row r="229542" spans="8:8">
      <c r="H229542" s="12"/>
    </row>
    <row r="229543" spans="8:8">
      <c r="H229543" s="12"/>
    </row>
    <row r="229544" spans="8:8">
      <c r="H229544" s="12"/>
    </row>
    <row r="229545" spans="8:8">
      <c r="H229545" s="12"/>
    </row>
    <row r="229546" spans="8:8">
      <c r="H229546" s="12"/>
    </row>
    <row r="229547" spans="8:8">
      <c r="H229547" s="12"/>
    </row>
    <row r="229548" spans="8:8">
      <c r="H229548" s="12"/>
    </row>
    <row r="229549" spans="8:8">
      <c r="H229549" s="12"/>
    </row>
    <row r="229550" spans="8:8">
      <c r="H229550" s="12"/>
    </row>
    <row r="229551" spans="8:8">
      <c r="H229551" s="12"/>
    </row>
    <row r="229552" spans="8:8">
      <c r="H229552" s="12"/>
    </row>
    <row r="229553" spans="8:8">
      <c r="H229553" s="12"/>
    </row>
    <row r="229554" spans="8:8">
      <c r="H229554" s="12"/>
    </row>
    <row r="229555" spans="8:8">
      <c r="H229555" s="12"/>
    </row>
    <row r="229556" spans="8:8">
      <c r="H229556" s="12"/>
    </row>
    <row r="229557" spans="8:8">
      <c r="H229557" s="12"/>
    </row>
    <row r="229558" spans="8:8">
      <c r="H229558" s="12"/>
    </row>
    <row r="229559" spans="8:8">
      <c r="H229559" s="12"/>
    </row>
    <row r="229560" spans="8:8">
      <c r="H229560" s="12"/>
    </row>
    <row r="229561" spans="8:8">
      <c r="H229561" s="12"/>
    </row>
    <row r="229562" spans="8:8">
      <c r="H229562" s="12"/>
    </row>
    <row r="229563" spans="8:8">
      <c r="H229563" s="12"/>
    </row>
    <row r="229564" spans="8:8">
      <c r="H229564" s="12"/>
    </row>
    <row r="229565" spans="8:8">
      <c r="H229565" s="12"/>
    </row>
    <row r="229566" spans="8:8">
      <c r="H229566" s="12"/>
    </row>
    <row r="229567" spans="8:8">
      <c r="H229567" s="12"/>
    </row>
    <row r="229568" spans="8:8">
      <c r="H229568" s="12"/>
    </row>
    <row r="229569" spans="8:8">
      <c r="H229569" s="12"/>
    </row>
    <row r="229570" spans="8:8">
      <c r="H229570" s="12"/>
    </row>
    <row r="229571" spans="8:8">
      <c r="H229571" s="12"/>
    </row>
    <row r="229572" spans="8:8">
      <c r="H229572" s="12"/>
    </row>
    <row r="229573" spans="8:8">
      <c r="H229573" s="12"/>
    </row>
    <row r="229574" spans="8:8">
      <c r="H229574" s="12"/>
    </row>
    <row r="229575" spans="8:8">
      <c r="H229575" s="12"/>
    </row>
    <row r="229576" spans="8:8">
      <c r="H229576" s="12"/>
    </row>
    <row r="229577" spans="8:8">
      <c r="H229577" s="12"/>
    </row>
    <row r="229578" spans="8:8">
      <c r="H229578" s="12"/>
    </row>
    <row r="229579" spans="8:8">
      <c r="H229579" s="12"/>
    </row>
    <row r="229580" spans="8:8">
      <c r="H229580" s="12"/>
    </row>
    <row r="229581" spans="8:8">
      <c r="H229581" s="12"/>
    </row>
    <row r="229582" spans="8:8">
      <c r="H229582" s="12"/>
    </row>
    <row r="229583" spans="8:8">
      <c r="H229583" s="12"/>
    </row>
    <row r="229584" spans="8:8">
      <c r="H229584" s="12"/>
    </row>
    <row r="229585" spans="8:8">
      <c r="H229585" s="12"/>
    </row>
    <row r="229586" spans="8:8">
      <c r="H229586" s="12"/>
    </row>
    <row r="229587" spans="8:8">
      <c r="H229587" s="12"/>
    </row>
    <row r="229588" spans="8:8">
      <c r="H229588" s="12"/>
    </row>
    <row r="229589" spans="8:8">
      <c r="H229589" s="12"/>
    </row>
    <row r="229590" spans="8:8">
      <c r="H229590" s="12"/>
    </row>
    <row r="229591" spans="8:8">
      <c r="H229591" s="12"/>
    </row>
    <row r="229592" spans="8:8">
      <c r="H229592" s="12"/>
    </row>
    <row r="229593" spans="8:8">
      <c r="H229593" s="12"/>
    </row>
    <row r="229594" spans="8:8">
      <c r="H229594" s="12"/>
    </row>
    <row r="229595" spans="8:8">
      <c r="H229595" s="12"/>
    </row>
    <row r="229596" spans="8:8">
      <c r="H229596" s="12"/>
    </row>
    <row r="229597" spans="8:8">
      <c r="H229597" s="12"/>
    </row>
    <row r="229598" spans="8:8">
      <c r="H229598" s="12"/>
    </row>
    <row r="229599" spans="8:8">
      <c r="H229599" s="12"/>
    </row>
    <row r="229600" spans="8:8">
      <c r="H229600" s="12"/>
    </row>
    <row r="229601" spans="8:8">
      <c r="H229601" s="12"/>
    </row>
    <row r="229602" spans="8:8">
      <c r="H229602" s="12"/>
    </row>
    <row r="229603" spans="8:8">
      <c r="H229603" s="12"/>
    </row>
    <row r="229604" spans="8:8">
      <c r="H229604" s="12"/>
    </row>
    <row r="229605" spans="8:8">
      <c r="H229605" s="12"/>
    </row>
    <row r="229606" spans="8:8">
      <c r="H229606" s="12"/>
    </row>
    <row r="229607" spans="8:8">
      <c r="H229607" s="12"/>
    </row>
    <row r="229608" spans="8:8">
      <c r="H229608" s="12"/>
    </row>
    <row r="229609" spans="8:8">
      <c r="H229609" s="12"/>
    </row>
    <row r="229610" spans="8:8">
      <c r="H229610" s="12"/>
    </row>
    <row r="229611" spans="8:8">
      <c r="H229611" s="12"/>
    </row>
    <row r="229612" spans="8:8">
      <c r="H229612" s="12"/>
    </row>
    <row r="229613" spans="8:8">
      <c r="H229613" s="12"/>
    </row>
    <row r="229614" spans="8:8">
      <c r="H229614" s="12"/>
    </row>
    <row r="229615" spans="8:8">
      <c r="H229615" s="12"/>
    </row>
    <row r="229616" spans="8:8">
      <c r="H229616" s="12"/>
    </row>
    <row r="229617" spans="8:8">
      <c r="H229617" s="12"/>
    </row>
    <row r="229618" spans="8:8">
      <c r="H229618" s="12"/>
    </row>
    <row r="229619" spans="8:8">
      <c r="H229619" s="12"/>
    </row>
    <row r="229620" spans="8:8">
      <c r="H229620" s="12"/>
    </row>
    <row r="229621" spans="8:8">
      <c r="H229621" s="12"/>
    </row>
    <row r="229622" spans="8:8">
      <c r="H229622" s="12"/>
    </row>
    <row r="229623" spans="8:8">
      <c r="H229623" s="12"/>
    </row>
    <row r="229624" spans="8:8">
      <c r="H229624" s="12"/>
    </row>
    <row r="229625" spans="8:8">
      <c r="H229625" s="12"/>
    </row>
    <row r="229626" spans="8:8">
      <c r="H229626" s="12"/>
    </row>
    <row r="229627" spans="8:8">
      <c r="H229627" s="12"/>
    </row>
    <row r="229628" spans="8:8">
      <c r="H229628" s="12"/>
    </row>
    <row r="229629" spans="8:8">
      <c r="H229629" s="12"/>
    </row>
    <row r="229630" spans="8:8">
      <c r="H229630" s="12"/>
    </row>
    <row r="229631" spans="8:8">
      <c r="H229631" s="12"/>
    </row>
    <row r="229632" spans="8:8">
      <c r="H229632" s="12"/>
    </row>
    <row r="229633" spans="8:8">
      <c r="H229633" s="12"/>
    </row>
    <row r="229634" spans="8:8">
      <c r="H229634" s="12"/>
    </row>
    <row r="229635" spans="8:8">
      <c r="H229635" s="12"/>
    </row>
    <row r="229636" spans="8:8">
      <c r="H229636" s="12"/>
    </row>
    <row r="229637" spans="8:8">
      <c r="H229637" s="12"/>
    </row>
    <row r="229638" spans="8:8">
      <c r="H229638" s="12"/>
    </row>
    <row r="229639" spans="8:8">
      <c r="H229639" s="12"/>
    </row>
    <row r="229640" spans="8:8">
      <c r="H229640" s="12"/>
    </row>
    <row r="229641" spans="8:8">
      <c r="H229641" s="12"/>
    </row>
    <row r="229642" spans="8:8">
      <c r="H229642" s="12"/>
    </row>
    <row r="229643" spans="8:8">
      <c r="H229643" s="12"/>
    </row>
    <row r="229644" spans="8:8">
      <c r="H229644" s="12"/>
    </row>
    <row r="229645" spans="8:8">
      <c r="H229645" s="12"/>
    </row>
    <row r="229646" spans="8:8">
      <c r="H229646" s="12"/>
    </row>
    <row r="229647" spans="8:8">
      <c r="H229647" s="12"/>
    </row>
    <row r="229648" spans="8:8">
      <c r="H229648" s="12"/>
    </row>
    <row r="229649" spans="8:8">
      <c r="H229649" s="12"/>
    </row>
    <row r="229650" spans="8:8">
      <c r="H229650" s="12"/>
    </row>
    <row r="229651" spans="8:8">
      <c r="H229651" s="12"/>
    </row>
    <row r="229652" spans="8:8">
      <c r="H229652" s="12"/>
    </row>
    <row r="229653" spans="8:8">
      <c r="H229653" s="12"/>
    </row>
    <row r="229654" spans="8:8">
      <c r="H229654" s="12"/>
    </row>
    <row r="229655" spans="8:8">
      <c r="H229655" s="12"/>
    </row>
    <row r="229656" spans="8:8">
      <c r="H229656" s="12"/>
    </row>
    <row r="229657" spans="8:8">
      <c r="H229657" s="12"/>
    </row>
    <row r="229658" spans="8:8">
      <c r="H229658" s="12"/>
    </row>
    <row r="229659" spans="8:8">
      <c r="H229659" s="12"/>
    </row>
    <row r="229660" spans="8:8">
      <c r="H229660" s="12"/>
    </row>
    <row r="229661" spans="8:8">
      <c r="H229661" s="12"/>
    </row>
    <row r="229662" spans="8:8">
      <c r="H229662" s="12"/>
    </row>
    <row r="229663" spans="8:8">
      <c r="H229663" s="12"/>
    </row>
    <row r="229664" spans="8:8">
      <c r="H229664" s="12"/>
    </row>
    <row r="229665" spans="8:8">
      <c r="H229665" s="12"/>
    </row>
    <row r="229666" spans="8:8">
      <c r="H229666" s="12"/>
    </row>
    <row r="229667" spans="8:8">
      <c r="H229667" s="12"/>
    </row>
    <row r="229668" spans="8:8">
      <c r="H229668" s="12"/>
    </row>
    <row r="229669" spans="8:8">
      <c r="H229669" s="12"/>
    </row>
    <row r="229670" spans="8:8">
      <c r="H229670" s="12"/>
    </row>
    <row r="229671" spans="8:8">
      <c r="H229671" s="12"/>
    </row>
    <row r="229672" spans="8:8">
      <c r="H229672" s="12"/>
    </row>
    <row r="229673" spans="8:8">
      <c r="H229673" s="12"/>
    </row>
    <row r="229674" spans="8:8">
      <c r="H229674" s="12"/>
    </row>
    <row r="229675" spans="8:8">
      <c r="H229675" s="12"/>
    </row>
    <row r="229676" spans="8:8">
      <c r="H229676" s="12"/>
    </row>
    <row r="229677" spans="8:8">
      <c r="H229677" s="12"/>
    </row>
    <row r="229678" spans="8:8">
      <c r="H229678" s="12"/>
    </row>
    <row r="229679" spans="8:8">
      <c r="H229679" s="12"/>
    </row>
    <row r="229680" spans="8:8">
      <c r="H229680" s="12"/>
    </row>
    <row r="229681" spans="8:8">
      <c r="H229681" s="12"/>
    </row>
    <row r="229682" spans="8:8">
      <c r="H229682" s="12"/>
    </row>
    <row r="229683" spans="8:8">
      <c r="H229683" s="12"/>
    </row>
    <row r="229684" spans="8:8">
      <c r="H229684" s="12"/>
    </row>
    <row r="229685" spans="8:8">
      <c r="H229685" s="12"/>
    </row>
    <row r="229686" spans="8:8">
      <c r="H229686" s="12"/>
    </row>
    <row r="229687" spans="8:8">
      <c r="H229687" s="12"/>
    </row>
    <row r="229688" spans="8:8">
      <c r="H229688" s="12"/>
    </row>
    <row r="229689" spans="8:8">
      <c r="H229689" s="12"/>
    </row>
    <row r="229690" spans="8:8">
      <c r="H229690" s="12"/>
    </row>
    <row r="229691" spans="8:8">
      <c r="H229691" s="12"/>
    </row>
    <row r="229692" spans="8:8">
      <c r="H229692" s="12"/>
    </row>
    <row r="229693" spans="8:8">
      <c r="H229693" s="12"/>
    </row>
    <row r="229694" spans="8:8">
      <c r="H229694" s="12"/>
    </row>
    <row r="229695" spans="8:8">
      <c r="H229695" s="12"/>
    </row>
    <row r="229696" spans="8:8">
      <c r="H229696" s="12"/>
    </row>
    <row r="229697" spans="8:8">
      <c r="H229697" s="12"/>
    </row>
    <row r="229698" spans="8:8">
      <c r="H229698" s="12"/>
    </row>
    <row r="229699" spans="8:8">
      <c r="H229699" s="12"/>
    </row>
    <row r="229700" spans="8:8">
      <c r="H229700" s="12"/>
    </row>
    <row r="229701" spans="8:8">
      <c r="H229701" s="12"/>
    </row>
    <row r="229702" spans="8:8">
      <c r="H229702" s="12"/>
    </row>
    <row r="229703" spans="8:8">
      <c r="H229703" s="12"/>
    </row>
    <row r="229704" spans="8:8">
      <c r="H229704" s="12"/>
    </row>
    <row r="229705" spans="8:8">
      <c r="H229705" s="12"/>
    </row>
    <row r="229706" spans="8:8">
      <c r="H229706" s="12"/>
    </row>
    <row r="229707" spans="8:8">
      <c r="H229707" s="12"/>
    </row>
    <row r="229708" spans="8:8">
      <c r="H229708" s="12"/>
    </row>
    <row r="229709" spans="8:8">
      <c r="H229709" s="12"/>
    </row>
    <row r="229710" spans="8:8">
      <c r="H229710" s="12"/>
    </row>
    <row r="229711" spans="8:8">
      <c r="H229711" s="12"/>
    </row>
    <row r="229712" spans="8:8">
      <c r="H229712" s="12"/>
    </row>
    <row r="229713" spans="8:8">
      <c r="H229713" s="12"/>
    </row>
    <row r="229714" spans="8:8">
      <c r="H229714" s="12"/>
    </row>
    <row r="229715" spans="8:8">
      <c r="H229715" s="12"/>
    </row>
    <row r="229716" spans="8:8">
      <c r="H229716" s="12"/>
    </row>
    <row r="229717" spans="8:8">
      <c r="H229717" s="12"/>
    </row>
    <row r="229718" spans="8:8">
      <c r="H229718" s="12"/>
    </row>
    <row r="229719" spans="8:8">
      <c r="H229719" s="12"/>
    </row>
    <row r="229720" spans="8:8">
      <c r="H229720" s="12"/>
    </row>
    <row r="229721" spans="8:8">
      <c r="H229721" s="12"/>
    </row>
    <row r="229722" spans="8:8">
      <c r="H229722" s="12"/>
    </row>
    <row r="229723" spans="8:8">
      <c r="H229723" s="12"/>
    </row>
    <row r="229724" spans="8:8">
      <c r="H229724" s="12"/>
    </row>
    <row r="229725" spans="8:8">
      <c r="H229725" s="12"/>
    </row>
    <row r="229726" spans="8:8">
      <c r="H229726" s="12"/>
    </row>
    <row r="229727" spans="8:8">
      <c r="H229727" s="12"/>
    </row>
    <row r="229728" spans="8:8">
      <c r="H229728" s="12"/>
    </row>
    <row r="229729" spans="8:8">
      <c r="H229729" s="12"/>
    </row>
    <row r="229730" spans="8:8">
      <c r="H229730" s="12"/>
    </row>
    <row r="229731" spans="8:8">
      <c r="H229731" s="12"/>
    </row>
    <row r="229732" spans="8:8">
      <c r="H229732" s="12"/>
    </row>
    <row r="229733" spans="8:8">
      <c r="H229733" s="12"/>
    </row>
    <row r="229734" spans="8:8">
      <c r="H229734" s="12"/>
    </row>
    <row r="229735" spans="8:8">
      <c r="H229735" s="12"/>
    </row>
    <row r="229736" spans="8:8">
      <c r="H229736" s="12"/>
    </row>
    <row r="229737" spans="8:8">
      <c r="H229737" s="12"/>
    </row>
    <row r="229738" spans="8:8">
      <c r="H229738" s="12"/>
    </row>
    <row r="229739" spans="8:8">
      <c r="H229739" s="12"/>
    </row>
    <row r="229740" spans="8:8">
      <c r="H229740" s="12"/>
    </row>
    <row r="229741" spans="8:8">
      <c r="H229741" s="12"/>
    </row>
    <row r="229742" spans="8:8">
      <c r="H229742" s="12"/>
    </row>
    <row r="229743" spans="8:8">
      <c r="H229743" s="12"/>
    </row>
    <row r="229744" spans="8:8">
      <c r="H229744" s="12"/>
    </row>
    <row r="229745" spans="8:8">
      <c r="H229745" s="12"/>
    </row>
    <row r="229746" spans="8:8">
      <c r="H229746" s="12"/>
    </row>
    <row r="229747" spans="8:8">
      <c r="H229747" s="12"/>
    </row>
    <row r="229748" spans="8:8">
      <c r="H229748" s="12"/>
    </row>
    <row r="229749" spans="8:8">
      <c r="H229749" s="12"/>
    </row>
    <row r="229750" spans="8:8">
      <c r="H229750" s="12"/>
    </row>
    <row r="229751" spans="8:8">
      <c r="H229751" s="12"/>
    </row>
    <row r="229752" spans="8:8">
      <c r="H229752" s="12"/>
    </row>
    <row r="229753" spans="8:8">
      <c r="H229753" s="12"/>
    </row>
    <row r="229754" spans="8:8">
      <c r="H229754" s="12"/>
    </row>
    <row r="229755" spans="8:8">
      <c r="H229755" s="12"/>
    </row>
    <row r="229756" spans="8:8">
      <c r="H229756" s="12"/>
    </row>
    <row r="229757" spans="8:8">
      <c r="H229757" s="12"/>
    </row>
    <row r="229758" spans="8:8">
      <c r="H229758" s="12"/>
    </row>
    <row r="229759" spans="8:8">
      <c r="H229759" s="12"/>
    </row>
    <row r="229760" spans="8:8">
      <c r="H229760" s="12"/>
    </row>
    <row r="229761" spans="8:8">
      <c r="H229761" s="12"/>
    </row>
    <row r="229762" spans="8:8">
      <c r="H229762" s="12"/>
    </row>
    <row r="229763" spans="8:8">
      <c r="H229763" s="12"/>
    </row>
    <row r="229764" spans="8:8">
      <c r="H229764" s="12"/>
    </row>
    <row r="229765" spans="8:8">
      <c r="H229765" s="12"/>
    </row>
    <row r="229766" spans="8:8">
      <c r="H229766" s="12"/>
    </row>
    <row r="229767" spans="8:8">
      <c r="H229767" s="12"/>
    </row>
    <row r="229768" spans="8:8">
      <c r="H229768" s="12"/>
    </row>
    <row r="229769" spans="8:8">
      <c r="H229769" s="12"/>
    </row>
    <row r="229770" spans="8:8">
      <c r="H229770" s="12"/>
    </row>
    <row r="229771" spans="8:8">
      <c r="H229771" s="12"/>
    </row>
    <row r="229772" spans="8:8">
      <c r="H229772" s="12"/>
    </row>
    <row r="229773" spans="8:8">
      <c r="H229773" s="12"/>
    </row>
    <row r="229774" spans="8:8">
      <c r="H229774" s="12"/>
    </row>
    <row r="229775" spans="8:8">
      <c r="H229775" s="12"/>
    </row>
    <row r="229776" spans="8:8">
      <c r="H229776" s="12"/>
    </row>
    <row r="229777" spans="8:8">
      <c r="H229777" s="12"/>
    </row>
    <row r="229778" spans="8:8">
      <c r="H229778" s="12"/>
    </row>
    <row r="229779" spans="8:8">
      <c r="H229779" s="12"/>
    </row>
    <row r="229780" spans="8:8">
      <c r="H229780" s="12"/>
    </row>
    <row r="229781" spans="8:8">
      <c r="H229781" s="12"/>
    </row>
    <row r="229782" spans="8:8">
      <c r="H229782" s="12"/>
    </row>
    <row r="229783" spans="8:8">
      <c r="H229783" s="12"/>
    </row>
    <row r="229784" spans="8:8">
      <c r="H229784" s="12"/>
    </row>
    <row r="229785" spans="8:8">
      <c r="H229785" s="12"/>
    </row>
    <row r="229786" spans="8:8">
      <c r="H229786" s="12"/>
    </row>
    <row r="229787" spans="8:8">
      <c r="H229787" s="12"/>
    </row>
    <row r="229788" spans="8:8">
      <c r="H229788" s="12"/>
    </row>
    <row r="229789" spans="8:8">
      <c r="H229789" s="12"/>
    </row>
    <row r="229790" spans="8:8">
      <c r="H229790" s="12"/>
    </row>
    <row r="229791" spans="8:8">
      <c r="H229791" s="12"/>
    </row>
    <row r="229792" spans="8:8">
      <c r="H229792" s="12"/>
    </row>
    <row r="229793" spans="8:8">
      <c r="H229793" s="12"/>
    </row>
    <row r="229794" spans="8:8">
      <c r="H229794" s="12"/>
    </row>
    <row r="229795" spans="8:8">
      <c r="H229795" s="12"/>
    </row>
    <row r="229796" spans="8:8">
      <c r="H229796" s="12"/>
    </row>
    <row r="229797" spans="8:8">
      <c r="H229797" s="12"/>
    </row>
    <row r="229798" spans="8:8">
      <c r="H229798" s="12"/>
    </row>
    <row r="229799" spans="8:8">
      <c r="H229799" s="12"/>
    </row>
    <row r="229800" spans="8:8">
      <c r="H229800" s="12"/>
    </row>
    <row r="229801" spans="8:8">
      <c r="H229801" s="12"/>
    </row>
    <row r="229802" spans="8:8">
      <c r="H229802" s="12"/>
    </row>
    <row r="229803" spans="8:8">
      <c r="H229803" s="12"/>
    </row>
    <row r="229804" spans="8:8">
      <c r="H229804" s="12"/>
    </row>
    <row r="229805" spans="8:8">
      <c r="H229805" s="12"/>
    </row>
    <row r="229806" spans="8:8">
      <c r="H229806" s="12"/>
    </row>
    <row r="229807" spans="8:8">
      <c r="H229807" s="12"/>
    </row>
    <row r="229808" spans="8:8">
      <c r="H229808" s="12"/>
    </row>
    <row r="229809" spans="8:8">
      <c r="H229809" s="12"/>
    </row>
    <row r="229810" spans="8:8">
      <c r="H229810" s="12"/>
    </row>
    <row r="229811" spans="8:8">
      <c r="H229811" s="12"/>
    </row>
    <row r="229812" spans="8:8">
      <c r="H229812" s="12"/>
    </row>
    <row r="229813" spans="8:8">
      <c r="H229813" s="12"/>
    </row>
    <row r="229814" spans="8:8">
      <c r="H229814" s="12"/>
    </row>
    <row r="229815" spans="8:8">
      <c r="H229815" s="12"/>
    </row>
    <row r="229816" spans="8:8">
      <c r="H229816" s="12"/>
    </row>
    <row r="229817" spans="8:8">
      <c r="H229817" s="12"/>
    </row>
    <row r="229818" spans="8:8">
      <c r="H229818" s="12"/>
    </row>
    <row r="229819" spans="8:8">
      <c r="H229819" s="12"/>
    </row>
    <row r="229820" spans="8:8">
      <c r="H229820" s="12"/>
    </row>
    <row r="229821" spans="8:8">
      <c r="H229821" s="12"/>
    </row>
    <row r="229822" spans="8:8">
      <c r="H229822" s="12"/>
    </row>
    <row r="229823" spans="8:8">
      <c r="H229823" s="12"/>
    </row>
    <row r="229824" spans="8:8">
      <c r="H229824" s="12"/>
    </row>
    <row r="229825" spans="8:8">
      <c r="H229825" s="12"/>
    </row>
    <row r="229826" spans="8:8">
      <c r="H229826" s="12"/>
    </row>
    <row r="229827" spans="8:8">
      <c r="H229827" s="12"/>
    </row>
    <row r="229828" spans="8:8">
      <c r="H229828" s="12"/>
    </row>
    <row r="229829" spans="8:8">
      <c r="H229829" s="12"/>
    </row>
    <row r="229830" spans="8:8">
      <c r="H229830" s="12"/>
    </row>
    <row r="229831" spans="8:8">
      <c r="H229831" s="12"/>
    </row>
    <row r="229832" spans="8:8">
      <c r="H229832" s="12"/>
    </row>
    <row r="229833" spans="8:8">
      <c r="H229833" s="12"/>
    </row>
    <row r="229834" spans="8:8">
      <c r="H229834" s="12"/>
    </row>
    <row r="229835" spans="8:8">
      <c r="H229835" s="12"/>
    </row>
    <row r="229836" spans="8:8">
      <c r="H229836" s="12"/>
    </row>
    <row r="229837" spans="8:8">
      <c r="H229837" s="12"/>
    </row>
    <row r="229838" spans="8:8">
      <c r="H229838" s="12"/>
    </row>
    <row r="229839" spans="8:8">
      <c r="H229839" s="12"/>
    </row>
    <row r="229840" spans="8:8">
      <c r="H229840" s="12"/>
    </row>
    <row r="229841" spans="8:8">
      <c r="H229841" s="12"/>
    </row>
    <row r="229842" spans="8:8">
      <c r="H229842" s="12"/>
    </row>
    <row r="229843" spans="8:8">
      <c r="H229843" s="12"/>
    </row>
    <row r="229844" spans="8:8">
      <c r="H229844" s="12"/>
    </row>
    <row r="229845" spans="8:8">
      <c r="H229845" s="12"/>
    </row>
    <row r="229846" spans="8:8">
      <c r="H229846" s="12"/>
    </row>
    <row r="229847" spans="8:8">
      <c r="H229847" s="12"/>
    </row>
    <row r="229848" spans="8:8">
      <c r="H229848" s="12"/>
    </row>
    <row r="229849" spans="8:8">
      <c r="H229849" s="12"/>
    </row>
    <row r="229850" spans="8:8">
      <c r="H229850" s="12"/>
    </row>
    <row r="229851" spans="8:8">
      <c r="H229851" s="12"/>
    </row>
    <row r="229852" spans="8:8">
      <c r="H229852" s="12"/>
    </row>
    <row r="229853" spans="8:8">
      <c r="H229853" s="12"/>
    </row>
    <row r="229854" spans="8:8">
      <c r="H229854" s="12"/>
    </row>
    <row r="229855" spans="8:8">
      <c r="H229855" s="12"/>
    </row>
    <row r="229856" spans="8:8">
      <c r="H229856" s="12"/>
    </row>
    <row r="229857" spans="8:8">
      <c r="H229857" s="12"/>
    </row>
    <row r="229858" spans="8:8">
      <c r="H229858" s="12"/>
    </row>
    <row r="229859" spans="8:8">
      <c r="H229859" s="12"/>
    </row>
    <row r="229860" spans="8:8">
      <c r="H229860" s="12"/>
    </row>
    <row r="229861" spans="8:8">
      <c r="H229861" s="12"/>
    </row>
    <row r="229862" spans="8:8">
      <c r="H229862" s="12"/>
    </row>
    <row r="229863" spans="8:8">
      <c r="H229863" s="12"/>
    </row>
    <row r="229864" spans="8:8">
      <c r="H229864" s="12"/>
    </row>
    <row r="229865" spans="8:8">
      <c r="H229865" s="12"/>
    </row>
    <row r="229866" spans="8:8">
      <c r="H229866" s="12"/>
    </row>
    <row r="229867" spans="8:8">
      <c r="H229867" s="12"/>
    </row>
    <row r="229868" spans="8:8">
      <c r="H229868" s="12"/>
    </row>
    <row r="229869" spans="8:8">
      <c r="H229869" s="12"/>
    </row>
    <row r="229870" spans="8:8">
      <c r="H229870" s="12"/>
    </row>
    <row r="229871" spans="8:8">
      <c r="H229871" s="12"/>
    </row>
    <row r="229872" spans="8:8">
      <c r="H229872" s="12"/>
    </row>
    <row r="229873" spans="8:8">
      <c r="H229873" s="12"/>
    </row>
    <row r="229874" spans="8:8">
      <c r="H229874" s="12"/>
    </row>
    <row r="229875" spans="8:8">
      <c r="H229875" s="12"/>
    </row>
    <row r="229876" spans="8:8">
      <c r="H229876" s="12"/>
    </row>
    <row r="229877" spans="8:8">
      <c r="H229877" s="12"/>
    </row>
    <row r="229878" spans="8:8">
      <c r="H229878" s="12"/>
    </row>
    <row r="229879" spans="8:8">
      <c r="H229879" s="12"/>
    </row>
    <row r="229880" spans="8:8">
      <c r="H229880" s="12"/>
    </row>
    <row r="229881" spans="8:8">
      <c r="H229881" s="12"/>
    </row>
    <row r="229882" spans="8:8">
      <c r="H229882" s="12"/>
    </row>
    <row r="229883" spans="8:8">
      <c r="H229883" s="12"/>
    </row>
    <row r="229884" spans="8:8">
      <c r="H229884" s="12"/>
    </row>
    <row r="229885" spans="8:8">
      <c r="H229885" s="12"/>
    </row>
    <row r="229886" spans="8:8">
      <c r="H229886" s="12"/>
    </row>
    <row r="229887" spans="8:8">
      <c r="H229887" s="12"/>
    </row>
    <row r="229888" spans="8:8">
      <c r="H229888" s="12"/>
    </row>
    <row r="229889" spans="8:8">
      <c r="H229889" s="12"/>
    </row>
    <row r="229890" spans="8:8">
      <c r="H229890" s="12"/>
    </row>
    <row r="229891" spans="8:8">
      <c r="H229891" s="12"/>
    </row>
    <row r="229892" spans="8:8">
      <c r="H229892" s="12"/>
    </row>
    <row r="229893" spans="8:8">
      <c r="H229893" s="12"/>
    </row>
    <row r="229894" spans="8:8">
      <c r="H229894" s="12"/>
    </row>
    <row r="229895" spans="8:8">
      <c r="H229895" s="12"/>
    </row>
    <row r="229896" spans="8:8">
      <c r="H229896" s="12"/>
    </row>
    <row r="229897" spans="8:8">
      <c r="H229897" s="12"/>
    </row>
    <row r="229898" spans="8:8">
      <c r="H229898" s="12"/>
    </row>
    <row r="229899" spans="8:8">
      <c r="H229899" s="12"/>
    </row>
    <row r="229900" spans="8:8">
      <c r="H229900" s="12"/>
    </row>
    <row r="229901" spans="8:8">
      <c r="H229901" s="12"/>
    </row>
    <row r="229902" spans="8:8">
      <c r="H229902" s="12"/>
    </row>
    <row r="229903" spans="8:8">
      <c r="H229903" s="12"/>
    </row>
    <row r="229904" spans="8:8">
      <c r="H229904" s="12"/>
    </row>
    <row r="229905" spans="8:8">
      <c r="H229905" s="12"/>
    </row>
    <row r="229906" spans="8:8">
      <c r="H229906" s="12"/>
    </row>
    <row r="229907" spans="8:8">
      <c r="H229907" s="12"/>
    </row>
    <row r="229908" spans="8:8">
      <c r="H229908" s="12"/>
    </row>
    <row r="229909" spans="8:8">
      <c r="H229909" s="12"/>
    </row>
    <row r="229910" spans="8:8">
      <c r="H229910" s="12"/>
    </row>
    <row r="229911" spans="8:8">
      <c r="H229911" s="12"/>
    </row>
    <row r="229912" spans="8:8">
      <c r="H229912" s="12"/>
    </row>
    <row r="229913" spans="8:8">
      <c r="H229913" s="12"/>
    </row>
    <row r="229914" spans="8:8">
      <c r="H229914" s="12"/>
    </row>
    <row r="229915" spans="8:8">
      <c r="H229915" s="12"/>
    </row>
    <row r="229916" spans="8:8">
      <c r="H229916" s="12"/>
    </row>
    <row r="229917" spans="8:8">
      <c r="H229917" s="12"/>
    </row>
    <row r="229918" spans="8:8">
      <c r="H229918" s="12"/>
    </row>
    <row r="229919" spans="8:8">
      <c r="H229919" s="12"/>
    </row>
    <row r="229920" spans="8:8">
      <c r="H229920" s="12"/>
    </row>
    <row r="229921" spans="8:8">
      <c r="H229921" s="12"/>
    </row>
    <row r="229922" spans="8:8">
      <c r="H229922" s="12"/>
    </row>
    <row r="229923" spans="8:8">
      <c r="H229923" s="12"/>
    </row>
    <row r="229924" spans="8:8">
      <c r="H229924" s="12"/>
    </row>
    <row r="229925" spans="8:8">
      <c r="H229925" s="12"/>
    </row>
    <row r="229926" spans="8:8">
      <c r="H229926" s="12"/>
    </row>
    <row r="229927" spans="8:8">
      <c r="H229927" s="12"/>
    </row>
    <row r="229928" spans="8:8">
      <c r="H229928" s="12"/>
    </row>
    <row r="229929" spans="8:8">
      <c r="H229929" s="12"/>
    </row>
    <row r="229930" spans="8:8">
      <c r="H229930" s="12"/>
    </row>
    <row r="229931" spans="8:8">
      <c r="H229931" s="12"/>
    </row>
    <row r="229932" spans="8:8">
      <c r="H229932" s="12"/>
    </row>
    <row r="229933" spans="8:8">
      <c r="H229933" s="12"/>
    </row>
    <row r="229934" spans="8:8">
      <c r="H229934" s="12"/>
    </row>
    <row r="229935" spans="8:8">
      <c r="H229935" s="12"/>
    </row>
    <row r="229936" spans="8:8">
      <c r="H229936" s="12"/>
    </row>
    <row r="229937" spans="8:8">
      <c r="H229937" s="12"/>
    </row>
    <row r="229938" spans="8:8">
      <c r="H229938" s="12"/>
    </row>
    <row r="229939" spans="8:8">
      <c r="H229939" s="12"/>
    </row>
    <row r="229940" spans="8:8">
      <c r="H229940" s="12"/>
    </row>
    <row r="229941" spans="8:8">
      <c r="H229941" s="12"/>
    </row>
    <row r="229942" spans="8:8">
      <c r="H229942" s="12"/>
    </row>
    <row r="229943" spans="8:8">
      <c r="H229943" s="12"/>
    </row>
    <row r="229944" spans="8:8">
      <c r="H229944" s="12"/>
    </row>
    <row r="229945" spans="8:8">
      <c r="H229945" s="12"/>
    </row>
    <row r="229946" spans="8:8">
      <c r="H229946" s="12"/>
    </row>
    <row r="229947" spans="8:8">
      <c r="H229947" s="12"/>
    </row>
    <row r="229948" spans="8:8">
      <c r="H229948" s="12"/>
    </row>
    <row r="229949" spans="8:8">
      <c r="H229949" s="12"/>
    </row>
    <row r="229950" spans="8:8">
      <c r="H229950" s="12"/>
    </row>
    <row r="229951" spans="8:8">
      <c r="H229951" s="12"/>
    </row>
    <row r="229952" spans="8:8">
      <c r="H229952" s="12"/>
    </row>
    <row r="229953" spans="8:8">
      <c r="H229953" s="12"/>
    </row>
    <row r="229954" spans="8:8">
      <c r="H229954" s="12"/>
    </row>
    <row r="229955" spans="8:8">
      <c r="H229955" s="12"/>
    </row>
    <row r="229956" spans="8:8">
      <c r="H229956" s="12"/>
    </row>
    <row r="229957" spans="8:8">
      <c r="H229957" s="12"/>
    </row>
    <row r="229958" spans="8:8">
      <c r="H229958" s="12"/>
    </row>
    <row r="229959" spans="8:8">
      <c r="H229959" s="12"/>
    </row>
    <row r="229960" spans="8:8">
      <c r="H229960" s="12"/>
    </row>
    <row r="229961" spans="8:8">
      <c r="H229961" s="12"/>
    </row>
    <row r="229962" spans="8:8">
      <c r="H229962" s="12"/>
    </row>
    <row r="229963" spans="8:8">
      <c r="H229963" s="12"/>
    </row>
    <row r="229964" spans="8:8">
      <c r="H229964" s="12"/>
    </row>
    <row r="229965" spans="8:8">
      <c r="H229965" s="12"/>
    </row>
    <row r="229966" spans="8:8">
      <c r="H229966" s="12"/>
    </row>
    <row r="229967" spans="8:8">
      <c r="H229967" s="12"/>
    </row>
    <row r="229968" spans="8:8">
      <c r="H229968" s="12"/>
    </row>
    <row r="229969" spans="8:8">
      <c r="H229969" s="12"/>
    </row>
    <row r="229970" spans="8:8">
      <c r="H229970" s="12"/>
    </row>
    <row r="229971" spans="8:8">
      <c r="H229971" s="12"/>
    </row>
    <row r="229972" spans="8:8">
      <c r="H229972" s="12"/>
    </row>
    <row r="229973" spans="8:8">
      <c r="H229973" s="12"/>
    </row>
    <row r="229974" spans="8:8">
      <c r="H229974" s="12"/>
    </row>
    <row r="229975" spans="8:8">
      <c r="H229975" s="12"/>
    </row>
    <row r="229976" spans="8:8">
      <c r="H229976" s="12"/>
    </row>
    <row r="229977" spans="8:8">
      <c r="H229977" s="12"/>
    </row>
    <row r="229978" spans="8:8">
      <c r="H229978" s="12"/>
    </row>
    <row r="229979" spans="8:8">
      <c r="H229979" s="12"/>
    </row>
    <row r="229980" spans="8:8">
      <c r="H229980" s="12"/>
    </row>
    <row r="229981" spans="8:8">
      <c r="H229981" s="12"/>
    </row>
    <row r="229982" spans="8:8">
      <c r="H229982" s="12"/>
    </row>
    <row r="229983" spans="8:8">
      <c r="H229983" s="12"/>
    </row>
    <row r="229984" spans="8:8">
      <c r="H229984" s="12"/>
    </row>
    <row r="229985" spans="8:8">
      <c r="H229985" s="12"/>
    </row>
    <row r="229986" spans="8:8">
      <c r="H229986" s="12"/>
    </row>
    <row r="229987" spans="8:8">
      <c r="H229987" s="12"/>
    </row>
    <row r="229988" spans="8:8">
      <c r="H229988" s="12"/>
    </row>
    <row r="229989" spans="8:8">
      <c r="H229989" s="12"/>
    </row>
    <row r="229990" spans="8:8">
      <c r="H229990" s="12"/>
    </row>
    <row r="229991" spans="8:8">
      <c r="H229991" s="12"/>
    </row>
    <row r="229992" spans="8:8">
      <c r="H229992" s="12"/>
    </row>
    <row r="229993" spans="8:8">
      <c r="H229993" s="12"/>
    </row>
    <row r="229994" spans="8:8">
      <c r="H229994" s="12"/>
    </row>
    <row r="229995" spans="8:8">
      <c r="H229995" s="12"/>
    </row>
    <row r="229996" spans="8:8">
      <c r="H229996" s="12"/>
    </row>
    <row r="229997" spans="8:8">
      <c r="H229997" s="12"/>
    </row>
    <row r="229998" spans="8:8">
      <c r="H229998" s="12"/>
    </row>
    <row r="229999" spans="8:8">
      <c r="H229999" s="12"/>
    </row>
    <row r="230000" spans="8:8">
      <c r="H230000" s="12"/>
    </row>
    <row r="230001" spans="8:8">
      <c r="H230001" s="12"/>
    </row>
    <row r="230002" spans="8:8">
      <c r="H230002" s="12"/>
    </row>
    <row r="230003" spans="8:8">
      <c r="H230003" s="12"/>
    </row>
    <row r="230004" spans="8:8">
      <c r="H230004" s="12"/>
    </row>
    <row r="230005" spans="8:8">
      <c r="H230005" s="12"/>
    </row>
    <row r="230006" spans="8:8">
      <c r="H230006" s="12"/>
    </row>
    <row r="230007" spans="8:8">
      <c r="H230007" s="12"/>
    </row>
    <row r="230008" spans="8:8">
      <c r="H230008" s="12"/>
    </row>
    <row r="230009" spans="8:8">
      <c r="H230009" s="12"/>
    </row>
    <row r="230010" spans="8:8">
      <c r="H230010" s="12"/>
    </row>
    <row r="230011" spans="8:8">
      <c r="H230011" s="12"/>
    </row>
    <row r="230012" spans="8:8">
      <c r="H230012" s="12"/>
    </row>
    <row r="230013" spans="8:8">
      <c r="H230013" s="12"/>
    </row>
    <row r="230014" spans="8:8">
      <c r="H230014" s="12"/>
    </row>
    <row r="230015" spans="8:8">
      <c r="H230015" s="12"/>
    </row>
    <row r="230016" spans="8:8">
      <c r="H230016" s="12"/>
    </row>
    <row r="230017" spans="8:8">
      <c r="H230017" s="12"/>
    </row>
    <row r="230018" spans="8:8">
      <c r="H230018" s="12"/>
    </row>
    <row r="230019" spans="8:8">
      <c r="H230019" s="12"/>
    </row>
    <row r="230020" spans="8:8">
      <c r="H230020" s="12"/>
    </row>
    <row r="230021" spans="8:8">
      <c r="H230021" s="12"/>
    </row>
    <row r="230022" spans="8:8">
      <c r="H230022" s="12"/>
    </row>
    <row r="230023" spans="8:8">
      <c r="H230023" s="12"/>
    </row>
    <row r="230024" spans="8:8">
      <c r="H230024" s="12"/>
    </row>
    <row r="230025" spans="8:8">
      <c r="H230025" s="12"/>
    </row>
    <row r="230026" spans="8:8">
      <c r="H230026" s="12"/>
    </row>
    <row r="230027" spans="8:8">
      <c r="H230027" s="12"/>
    </row>
    <row r="230028" spans="8:8">
      <c r="H230028" s="12"/>
    </row>
    <row r="230029" spans="8:8">
      <c r="H230029" s="12"/>
    </row>
    <row r="230030" spans="8:8">
      <c r="H230030" s="12"/>
    </row>
    <row r="230031" spans="8:8">
      <c r="H230031" s="12"/>
    </row>
    <row r="230032" spans="8:8">
      <c r="H230032" s="12"/>
    </row>
    <row r="230033" spans="8:8">
      <c r="H230033" s="12"/>
    </row>
    <row r="230034" spans="8:8">
      <c r="H230034" s="12"/>
    </row>
    <row r="230035" spans="8:8">
      <c r="H230035" s="12"/>
    </row>
    <row r="230036" spans="8:8">
      <c r="H230036" s="12"/>
    </row>
    <row r="230037" spans="8:8">
      <c r="H230037" s="12"/>
    </row>
    <row r="230038" spans="8:8">
      <c r="H230038" s="12"/>
    </row>
    <row r="230039" spans="8:8">
      <c r="H230039" s="12"/>
    </row>
    <row r="230040" spans="8:8">
      <c r="H230040" s="12"/>
    </row>
    <row r="230041" spans="8:8">
      <c r="H230041" s="12"/>
    </row>
    <row r="230042" spans="8:8">
      <c r="H230042" s="12"/>
    </row>
    <row r="230043" spans="8:8">
      <c r="H230043" s="12"/>
    </row>
    <row r="230044" spans="8:8">
      <c r="H230044" s="12"/>
    </row>
    <row r="230045" spans="8:8">
      <c r="H230045" s="12"/>
    </row>
    <row r="230046" spans="8:8">
      <c r="H230046" s="12"/>
    </row>
    <row r="230047" spans="8:8">
      <c r="H230047" s="12"/>
    </row>
    <row r="230048" spans="8:8">
      <c r="H230048" s="12"/>
    </row>
    <row r="230049" spans="8:8">
      <c r="H230049" s="12"/>
    </row>
    <row r="230050" spans="8:8">
      <c r="H230050" s="12"/>
    </row>
    <row r="230051" spans="8:8">
      <c r="H230051" s="12"/>
    </row>
    <row r="230052" spans="8:8">
      <c r="H230052" s="12"/>
    </row>
    <row r="230053" spans="8:8">
      <c r="H230053" s="12"/>
    </row>
    <row r="230054" spans="8:8">
      <c r="H230054" s="12"/>
    </row>
    <row r="230055" spans="8:8">
      <c r="H230055" s="12"/>
    </row>
    <row r="230056" spans="8:8">
      <c r="H230056" s="12"/>
    </row>
    <row r="230057" spans="8:8">
      <c r="H230057" s="12"/>
    </row>
    <row r="230058" spans="8:8">
      <c r="H230058" s="12"/>
    </row>
    <row r="230059" spans="8:8">
      <c r="H230059" s="12"/>
    </row>
    <row r="230060" spans="8:8">
      <c r="H230060" s="12"/>
    </row>
    <row r="230061" spans="8:8">
      <c r="H230061" s="12"/>
    </row>
    <row r="230062" spans="8:8">
      <c r="H230062" s="12"/>
    </row>
    <row r="230063" spans="8:8">
      <c r="H230063" s="12"/>
    </row>
    <row r="230064" spans="8:8">
      <c r="H230064" s="12"/>
    </row>
    <row r="230065" spans="8:8">
      <c r="H230065" s="12"/>
    </row>
    <row r="230066" spans="8:8">
      <c r="H230066" s="12"/>
    </row>
    <row r="230067" spans="8:8">
      <c r="H230067" s="12"/>
    </row>
    <row r="230068" spans="8:8">
      <c r="H230068" s="12"/>
    </row>
    <row r="230069" spans="8:8">
      <c r="H230069" s="12"/>
    </row>
    <row r="230070" spans="8:8">
      <c r="H230070" s="12"/>
    </row>
    <row r="230071" spans="8:8">
      <c r="H230071" s="12"/>
    </row>
    <row r="230072" spans="8:8">
      <c r="H230072" s="12"/>
    </row>
    <row r="230073" spans="8:8">
      <c r="H230073" s="12"/>
    </row>
    <row r="230074" spans="8:8">
      <c r="H230074" s="12"/>
    </row>
    <row r="230075" spans="8:8">
      <c r="H230075" s="12"/>
    </row>
    <row r="230076" spans="8:8">
      <c r="H230076" s="12"/>
    </row>
    <row r="230077" spans="8:8">
      <c r="H230077" s="12"/>
    </row>
    <row r="230078" spans="8:8">
      <c r="H230078" s="12"/>
    </row>
    <row r="230079" spans="8:8">
      <c r="H230079" s="12"/>
    </row>
    <row r="230080" spans="8:8">
      <c r="H230080" s="12"/>
    </row>
    <row r="230081" spans="8:8">
      <c r="H230081" s="12"/>
    </row>
    <row r="230082" spans="8:8">
      <c r="H230082" s="12"/>
    </row>
    <row r="230083" spans="8:8">
      <c r="H230083" s="12"/>
    </row>
    <row r="230084" spans="8:8">
      <c r="H230084" s="12"/>
    </row>
    <row r="230085" spans="8:8">
      <c r="H230085" s="12"/>
    </row>
    <row r="230086" spans="8:8">
      <c r="H230086" s="12"/>
    </row>
    <row r="230087" spans="8:8">
      <c r="H230087" s="12"/>
    </row>
    <row r="230088" spans="8:8">
      <c r="H230088" s="12"/>
    </row>
    <row r="230089" spans="8:8">
      <c r="H230089" s="12"/>
    </row>
    <row r="230090" spans="8:8">
      <c r="H230090" s="12"/>
    </row>
    <row r="230091" spans="8:8">
      <c r="H230091" s="12"/>
    </row>
    <row r="230092" spans="8:8">
      <c r="H230092" s="12"/>
    </row>
    <row r="230093" spans="8:8">
      <c r="H230093" s="12"/>
    </row>
    <row r="230094" spans="8:8">
      <c r="H230094" s="12"/>
    </row>
    <row r="230095" spans="8:8">
      <c r="H230095" s="12"/>
    </row>
    <row r="230096" spans="8:8">
      <c r="H230096" s="12"/>
    </row>
    <row r="230097" spans="8:8">
      <c r="H230097" s="12"/>
    </row>
    <row r="230098" spans="8:8">
      <c r="H230098" s="12"/>
    </row>
    <row r="230099" spans="8:8">
      <c r="H230099" s="12"/>
    </row>
    <row r="230100" spans="8:8">
      <c r="H230100" s="12"/>
    </row>
    <row r="230101" spans="8:8">
      <c r="H230101" s="12"/>
    </row>
    <row r="230102" spans="8:8">
      <c r="H230102" s="12"/>
    </row>
    <row r="230103" spans="8:8">
      <c r="H230103" s="12"/>
    </row>
    <row r="230104" spans="8:8">
      <c r="H230104" s="12"/>
    </row>
    <row r="230105" spans="8:8">
      <c r="H230105" s="12"/>
    </row>
    <row r="230106" spans="8:8">
      <c r="H230106" s="12"/>
    </row>
    <row r="230107" spans="8:8">
      <c r="H230107" s="12"/>
    </row>
    <row r="230108" spans="8:8">
      <c r="H230108" s="12"/>
    </row>
    <row r="230109" spans="8:8">
      <c r="H230109" s="12"/>
    </row>
    <row r="230110" spans="8:8">
      <c r="H230110" s="12"/>
    </row>
    <row r="230111" spans="8:8">
      <c r="H230111" s="12"/>
    </row>
    <row r="230112" spans="8:8">
      <c r="H230112" s="12"/>
    </row>
    <row r="230113" spans="8:8">
      <c r="H230113" s="12"/>
    </row>
    <row r="230114" spans="8:8">
      <c r="H230114" s="12"/>
    </row>
    <row r="230115" spans="8:8">
      <c r="H230115" s="12"/>
    </row>
    <row r="230116" spans="8:8">
      <c r="H230116" s="12"/>
    </row>
    <row r="230117" spans="8:8">
      <c r="H230117" s="12"/>
    </row>
    <row r="230118" spans="8:8">
      <c r="H230118" s="12"/>
    </row>
    <row r="230119" spans="8:8">
      <c r="H230119" s="12"/>
    </row>
    <row r="230120" spans="8:8">
      <c r="H230120" s="12"/>
    </row>
    <row r="230121" spans="8:8">
      <c r="H230121" s="12"/>
    </row>
    <row r="230122" spans="8:8">
      <c r="H230122" s="12"/>
    </row>
    <row r="230123" spans="8:8">
      <c r="H230123" s="12"/>
    </row>
    <row r="230124" spans="8:8">
      <c r="H230124" s="12"/>
    </row>
    <row r="230125" spans="8:8">
      <c r="H230125" s="12"/>
    </row>
    <row r="230126" spans="8:8">
      <c r="H230126" s="12"/>
    </row>
    <row r="230127" spans="8:8">
      <c r="H230127" s="12"/>
    </row>
    <row r="230128" spans="8:8">
      <c r="H230128" s="12"/>
    </row>
    <row r="230129" spans="8:8">
      <c r="H230129" s="12"/>
    </row>
    <row r="230130" spans="8:8">
      <c r="H230130" s="12"/>
    </row>
    <row r="230131" spans="8:8">
      <c r="H230131" s="12"/>
    </row>
    <row r="230132" spans="8:8">
      <c r="H230132" s="12"/>
    </row>
    <row r="230133" spans="8:8">
      <c r="H230133" s="12"/>
    </row>
    <row r="230134" spans="8:8">
      <c r="H230134" s="12"/>
    </row>
    <row r="230135" spans="8:8">
      <c r="H230135" s="12"/>
    </row>
    <row r="230136" spans="8:8">
      <c r="H230136" s="12"/>
    </row>
    <row r="230137" spans="8:8">
      <c r="H230137" s="12"/>
    </row>
    <row r="230138" spans="8:8">
      <c r="H230138" s="12"/>
    </row>
    <row r="230139" spans="8:8">
      <c r="H230139" s="12"/>
    </row>
    <row r="230140" spans="8:8">
      <c r="H230140" s="12"/>
    </row>
    <row r="230141" spans="8:8">
      <c r="H230141" s="12"/>
    </row>
    <row r="230142" spans="8:8">
      <c r="H230142" s="12"/>
    </row>
    <row r="230143" spans="8:8">
      <c r="H230143" s="12"/>
    </row>
    <row r="230144" spans="8:8">
      <c r="H230144" s="12"/>
    </row>
    <row r="230145" spans="8:8">
      <c r="H230145" s="12"/>
    </row>
    <row r="230146" spans="8:8">
      <c r="H230146" s="12"/>
    </row>
    <row r="230147" spans="8:8">
      <c r="H230147" s="12"/>
    </row>
    <row r="230148" spans="8:8">
      <c r="H230148" s="12"/>
    </row>
    <row r="230149" spans="8:8">
      <c r="H230149" s="12"/>
    </row>
    <row r="230150" spans="8:8">
      <c r="H230150" s="12"/>
    </row>
    <row r="230151" spans="8:8">
      <c r="H230151" s="12"/>
    </row>
    <row r="230152" spans="8:8">
      <c r="H230152" s="12"/>
    </row>
    <row r="230153" spans="8:8">
      <c r="H230153" s="12"/>
    </row>
    <row r="230154" spans="8:8">
      <c r="H230154" s="12"/>
    </row>
    <row r="230155" spans="8:8">
      <c r="H230155" s="12"/>
    </row>
    <row r="230156" spans="8:8">
      <c r="H230156" s="12"/>
    </row>
    <row r="230157" spans="8:8">
      <c r="H230157" s="12"/>
    </row>
    <row r="230158" spans="8:8">
      <c r="H230158" s="12"/>
    </row>
    <row r="230159" spans="8:8">
      <c r="H230159" s="12"/>
    </row>
    <row r="230160" spans="8:8">
      <c r="H230160" s="12"/>
    </row>
    <row r="230161" spans="8:8">
      <c r="H230161" s="12"/>
    </row>
    <row r="230162" spans="8:8">
      <c r="H230162" s="12"/>
    </row>
    <row r="230163" spans="8:8">
      <c r="H230163" s="12"/>
    </row>
    <row r="230164" spans="8:8">
      <c r="H230164" s="12"/>
    </row>
    <row r="230165" spans="8:8">
      <c r="H230165" s="12"/>
    </row>
    <row r="230166" spans="8:8">
      <c r="H230166" s="12"/>
    </row>
    <row r="230167" spans="8:8">
      <c r="H230167" s="12"/>
    </row>
    <row r="230168" spans="8:8">
      <c r="H230168" s="12"/>
    </row>
    <row r="230169" spans="8:8">
      <c r="H230169" s="12"/>
    </row>
    <row r="230170" spans="8:8">
      <c r="H230170" s="12"/>
    </row>
    <row r="230171" spans="8:8">
      <c r="H230171" s="12"/>
    </row>
    <row r="230172" spans="8:8">
      <c r="H230172" s="12"/>
    </row>
    <row r="230173" spans="8:8">
      <c r="H230173" s="12"/>
    </row>
    <row r="230174" spans="8:8">
      <c r="H230174" s="12"/>
    </row>
    <row r="230175" spans="8:8">
      <c r="H230175" s="12"/>
    </row>
    <row r="230176" spans="8:8">
      <c r="H230176" s="12"/>
    </row>
    <row r="230177" spans="8:8">
      <c r="H230177" s="12"/>
    </row>
    <row r="230178" spans="8:8">
      <c r="H230178" s="12"/>
    </row>
    <row r="230179" spans="8:8">
      <c r="H230179" s="12"/>
    </row>
    <row r="230180" spans="8:8">
      <c r="H230180" s="12"/>
    </row>
    <row r="230181" spans="8:8">
      <c r="H230181" s="12"/>
    </row>
    <row r="230182" spans="8:8">
      <c r="H230182" s="12"/>
    </row>
    <row r="230183" spans="8:8">
      <c r="H230183" s="12"/>
    </row>
    <row r="230184" spans="8:8">
      <c r="H230184" s="12"/>
    </row>
    <row r="230185" spans="8:8">
      <c r="H230185" s="12"/>
    </row>
    <row r="230186" spans="8:8">
      <c r="H230186" s="12"/>
    </row>
    <row r="230187" spans="8:8">
      <c r="H230187" s="12"/>
    </row>
    <row r="230188" spans="8:8">
      <c r="H230188" s="12"/>
    </row>
    <row r="230189" spans="8:8">
      <c r="H230189" s="12"/>
    </row>
    <row r="230190" spans="8:8">
      <c r="H230190" s="12"/>
    </row>
    <row r="230191" spans="8:8">
      <c r="H230191" s="12"/>
    </row>
    <row r="230192" spans="8:8">
      <c r="H230192" s="12"/>
    </row>
    <row r="230193" spans="8:8">
      <c r="H230193" s="12"/>
    </row>
    <row r="230194" spans="8:8">
      <c r="H230194" s="12"/>
    </row>
    <row r="230195" spans="8:8">
      <c r="H230195" s="12"/>
    </row>
    <row r="230196" spans="8:8">
      <c r="H230196" s="12"/>
    </row>
    <row r="230197" spans="8:8">
      <c r="H230197" s="12"/>
    </row>
    <row r="230198" spans="8:8">
      <c r="H230198" s="12"/>
    </row>
    <row r="230199" spans="8:8">
      <c r="H230199" s="12"/>
    </row>
    <row r="230200" spans="8:8">
      <c r="H230200" s="12"/>
    </row>
    <row r="230201" spans="8:8">
      <c r="H230201" s="12"/>
    </row>
    <row r="230202" spans="8:8">
      <c r="H230202" s="12"/>
    </row>
    <row r="230203" spans="8:8">
      <c r="H230203" s="12"/>
    </row>
    <row r="230204" spans="8:8">
      <c r="H230204" s="12"/>
    </row>
    <row r="230205" spans="8:8">
      <c r="H230205" s="12"/>
    </row>
    <row r="230206" spans="8:8">
      <c r="H230206" s="12"/>
    </row>
    <row r="230207" spans="8:8">
      <c r="H230207" s="12"/>
    </row>
    <row r="230208" spans="8:8">
      <c r="H230208" s="12"/>
    </row>
    <row r="230209" spans="8:8">
      <c r="H230209" s="12"/>
    </row>
    <row r="230210" spans="8:8">
      <c r="H230210" s="12"/>
    </row>
    <row r="230211" spans="8:8">
      <c r="H230211" s="12"/>
    </row>
    <row r="230212" spans="8:8">
      <c r="H230212" s="12"/>
    </row>
    <row r="230213" spans="8:8">
      <c r="H230213" s="12"/>
    </row>
    <row r="230214" spans="8:8">
      <c r="H230214" s="12"/>
    </row>
    <row r="230215" spans="8:8">
      <c r="H230215" s="12"/>
    </row>
    <row r="230216" spans="8:8">
      <c r="H230216" s="12"/>
    </row>
    <row r="230217" spans="8:8">
      <c r="H230217" s="12"/>
    </row>
    <row r="230218" spans="8:8">
      <c r="H230218" s="12"/>
    </row>
    <row r="230219" spans="8:8">
      <c r="H230219" s="12"/>
    </row>
    <row r="230220" spans="8:8">
      <c r="H230220" s="12"/>
    </row>
    <row r="230221" spans="8:8">
      <c r="H230221" s="12"/>
    </row>
    <row r="230222" spans="8:8">
      <c r="H230222" s="12"/>
    </row>
    <row r="230223" spans="8:8">
      <c r="H230223" s="12"/>
    </row>
    <row r="230224" spans="8:8">
      <c r="H230224" s="12"/>
    </row>
    <row r="230225" spans="8:8">
      <c r="H230225" s="12"/>
    </row>
    <row r="230226" spans="8:8">
      <c r="H230226" s="12"/>
    </row>
    <row r="230227" spans="8:8">
      <c r="H230227" s="12"/>
    </row>
    <row r="230228" spans="8:8">
      <c r="H230228" s="12"/>
    </row>
    <row r="230229" spans="8:8">
      <c r="H230229" s="12"/>
    </row>
    <row r="230230" spans="8:8">
      <c r="H230230" s="12"/>
    </row>
    <row r="230231" spans="8:8">
      <c r="H230231" s="12"/>
    </row>
    <row r="230232" spans="8:8">
      <c r="H230232" s="12"/>
    </row>
    <row r="230233" spans="8:8">
      <c r="H230233" s="12"/>
    </row>
    <row r="230234" spans="8:8">
      <c r="H230234" s="12"/>
    </row>
    <row r="230235" spans="8:8">
      <c r="H230235" s="12"/>
    </row>
    <row r="230236" spans="8:8">
      <c r="H230236" s="12"/>
    </row>
    <row r="230237" spans="8:8">
      <c r="H230237" s="12"/>
    </row>
    <row r="230238" spans="8:8">
      <c r="H230238" s="12"/>
    </row>
    <row r="230239" spans="8:8">
      <c r="H230239" s="12"/>
    </row>
    <row r="230240" spans="8:8">
      <c r="H230240" s="12"/>
    </row>
    <row r="230241" spans="8:8">
      <c r="H230241" s="12"/>
    </row>
    <row r="230242" spans="8:8">
      <c r="H230242" s="12"/>
    </row>
    <row r="230243" spans="8:8">
      <c r="H230243" s="12"/>
    </row>
    <row r="230244" spans="8:8">
      <c r="H230244" s="12"/>
    </row>
    <row r="230245" spans="8:8">
      <c r="H230245" s="12"/>
    </row>
    <row r="230246" spans="8:8">
      <c r="H230246" s="12"/>
    </row>
    <row r="230247" spans="8:8">
      <c r="H230247" s="12"/>
    </row>
    <row r="230248" spans="8:8">
      <c r="H230248" s="12"/>
    </row>
    <row r="230249" spans="8:8">
      <c r="H230249" s="12"/>
    </row>
    <row r="230250" spans="8:8">
      <c r="H230250" s="12"/>
    </row>
    <row r="230251" spans="8:8">
      <c r="H230251" s="12"/>
    </row>
    <row r="230252" spans="8:8">
      <c r="H230252" s="12"/>
    </row>
    <row r="230253" spans="8:8">
      <c r="H230253" s="12"/>
    </row>
    <row r="230254" spans="8:8">
      <c r="H230254" s="12"/>
    </row>
    <row r="230255" spans="8:8">
      <c r="H230255" s="12"/>
    </row>
    <row r="230256" spans="8:8">
      <c r="H230256" s="12"/>
    </row>
    <row r="230257" spans="8:8">
      <c r="H230257" s="12"/>
    </row>
    <row r="230258" spans="8:8">
      <c r="H230258" s="12"/>
    </row>
    <row r="230259" spans="8:8">
      <c r="H230259" s="12"/>
    </row>
    <row r="230260" spans="8:8">
      <c r="H230260" s="12"/>
    </row>
    <row r="230261" spans="8:8">
      <c r="H230261" s="12"/>
    </row>
    <row r="230262" spans="8:8">
      <c r="H230262" s="12"/>
    </row>
    <row r="230263" spans="8:8">
      <c r="H230263" s="12"/>
    </row>
    <row r="230264" spans="8:8">
      <c r="H230264" s="12"/>
    </row>
    <row r="230265" spans="8:8">
      <c r="H230265" s="12"/>
    </row>
    <row r="230266" spans="8:8">
      <c r="H230266" s="12"/>
    </row>
    <row r="230267" spans="8:8">
      <c r="H230267" s="12"/>
    </row>
    <row r="230268" spans="8:8">
      <c r="H230268" s="12"/>
    </row>
    <row r="230269" spans="8:8">
      <c r="H230269" s="12"/>
    </row>
    <row r="230270" spans="8:8">
      <c r="H230270" s="12"/>
    </row>
    <row r="230271" spans="8:8">
      <c r="H230271" s="12"/>
    </row>
    <row r="230272" spans="8:8">
      <c r="H230272" s="12"/>
    </row>
    <row r="230273" spans="8:8">
      <c r="H230273" s="12"/>
    </row>
    <row r="230274" spans="8:8">
      <c r="H230274" s="12"/>
    </row>
    <row r="230275" spans="8:8">
      <c r="H230275" s="12"/>
    </row>
    <row r="230276" spans="8:8">
      <c r="H230276" s="12"/>
    </row>
    <row r="230277" spans="8:8">
      <c r="H230277" s="12"/>
    </row>
    <row r="230278" spans="8:8">
      <c r="H230278" s="12"/>
    </row>
    <row r="230279" spans="8:8">
      <c r="H230279" s="12"/>
    </row>
    <row r="230280" spans="8:8">
      <c r="H230280" s="12"/>
    </row>
    <row r="230281" spans="8:8">
      <c r="H230281" s="12"/>
    </row>
    <row r="230282" spans="8:8">
      <c r="H230282" s="12"/>
    </row>
    <row r="230283" spans="8:8">
      <c r="H230283" s="12"/>
    </row>
    <row r="230284" spans="8:8">
      <c r="H230284" s="12"/>
    </row>
    <row r="230285" spans="8:8">
      <c r="H230285" s="12"/>
    </row>
    <row r="230286" spans="8:8">
      <c r="H230286" s="12"/>
    </row>
    <row r="230287" spans="8:8">
      <c r="H230287" s="12"/>
    </row>
    <row r="230288" spans="8:8">
      <c r="H230288" s="12"/>
    </row>
    <row r="230289" spans="8:8">
      <c r="H230289" s="12"/>
    </row>
    <row r="230290" spans="8:8">
      <c r="H230290" s="12"/>
    </row>
    <row r="230291" spans="8:8">
      <c r="H230291" s="12"/>
    </row>
    <row r="230292" spans="8:8">
      <c r="H230292" s="12"/>
    </row>
    <row r="230293" spans="8:8">
      <c r="H230293" s="12"/>
    </row>
    <row r="230294" spans="8:8">
      <c r="H230294" s="12"/>
    </row>
    <row r="230295" spans="8:8">
      <c r="H230295" s="12"/>
    </row>
    <row r="230296" spans="8:8">
      <c r="H230296" s="12"/>
    </row>
    <row r="230297" spans="8:8">
      <c r="H230297" s="12"/>
    </row>
    <row r="230298" spans="8:8">
      <c r="H230298" s="12"/>
    </row>
    <row r="230299" spans="8:8">
      <c r="H230299" s="12"/>
    </row>
    <row r="230300" spans="8:8">
      <c r="H230300" s="12"/>
    </row>
    <row r="230301" spans="8:8">
      <c r="H230301" s="12"/>
    </row>
    <row r="230302" spans="8:8">
      <c r="H230302" s="12"/>
    </row>
    <row r="230303" spans="8:8">
      <c r="H230303" s="12"/>
    </row>
    <row r="230304" spans="8:8">
      <c r="H230304" s="12"/>
    </row>
    <row r="230305" spans="8:8">
      <c r="H230305" s="12"/>
    </row>
    <row r="230306" spans="8:8">
      <c r="H230306" s="12"/>
    </row>
    <row r="230307" spans="8:8">
      <c r="H230307" s="12"/>
    </row>
    <row r="230308" spans="8:8">
      <c r="H230308" s="12"/>
    </row>
    <row r="230309" spans="8:8">
      <c r="H230309" s="12"/>
    </row>
    <row r="230310" spans="8:8">
      <c r="H230310" s="12"/>
    </row>
    <row r="230311" spans="8:8">
      <c r="H230311" s="12"/>
    </row>
    <row r="230312" spans="8:8">
      <c r="H230312" s="12"/>
    </row>
    <row r="230313" spans="8:8">
      <c r="H230313" s="12"/>
    </row>
    <row r="230314" spans="8:8">
      <c r="H230314" s="12"/>
    </row>
    <row r="230315" spans="8:8">
      <c r="H230315" s="12"/>
    </row>
    <row r="230316" spans="8:8">
      <c r="H230316" s="12"/>
    </row>
    <row r="230317" spans="8:8">
      <c r="H230317" s="12"/>
    </row>
    <row r="230318" spans="8:8">
      <c r="H230318" s="12"/>
    </row>
    <row r="230319" spans="8:8">
      <c r="H230319" s="12"/>
    </row>
    <row r="230320" spans="8:8">
      <c r="H230320" s="12"/>
    </row>
    <row r="230321" spans="8:8">
      <c r="H230321" s="12"/>
    </row>
    <row r="230322" spans="8:8">
      <c r="H230322" s="12"/>
    </row>
    <row r="230323" spans="8:8">
      <c r="H230323" s="12"/>
    </row>
    <row r="230324" spans="8:8">
      <c r="H230324" s="12"/>
    </row>
    <row r="230325" spans="8:8">
      <c r="H230325" s="12"/>
    </row>
    <row r="230326" spans="8:8">
      <c r="H230326" s="12"/>
    </row>
    <row r="230327" spans="8:8">
      <c r="H230327" s="12"/>
    </row>
    <row r="230328" spans="8:8">
      <c r="H230328" s="12"/>
    </row>
    <row r="230329" spans="8:8">
      <c r="H230329" s="12"/>
    </row>
    <row r="230330" spans="8:8">
      <c r="H230330" s="12"/>
    </row>
    <row r="230331" spans="8:8">
      <c r="H230331" s="12"/>
    </row>
    <row r="230332" spans="8:8">
      <c r="H230332" s="12"/>
    </row>
    <row r="230333" spans="8:8">
      <c r="H230333" s="12"/>
    </row>
    <row r="230334" spans="8:8">
      <c r="H230334" s="12"/>
    </row>
    <row r="230335" spans="8:8">
      <c r="H230335" s="12"/>
    </row>
    <row r="230336" spans="8:8">
      <c r="H230336" s="12"/>
    </row>
    <row r="230337" spans="8:8">
      <c r="H230337" s="12"/>
    </row>
    <row r="230338" spans="8:8">
      <c r="H230338" s="12"/>
    </row>
    <row r="230339" spans="8:8">
      <c r="H230339" s="12"/>
    </row>
    <row r="230340" spans="8:8">
      <c r="H230340" s="12"/>
    </row>
    <row r="230341" spans="8:8">
      <c r="H230341" s="12"/>
    </row>
    <row r="230342" spans="8:8">
      <c r="H230342" s="12"/>
    </row>
    <row r="230343" spans="8:8">
      <c r="H230343" s="12"/>
    </row>
    <row r="230344" spans="8:8">
      <c r="H230344" s="12"/>
    </row>
    <row r="230345" spans="8:8">
      <c r="H230345" s="12"/>
    </row>
    <row r="230346" spans="8:8">
      <c r="H230346" s="12"/>
    </row>
    <row r="230347" spans="8:8">
      <c r="H230347" s="12"/>
    </row>
    <row r="230348" spans="8:8">
      <c r="H230348" s="12"/>
    </row>
    <row r="230349" spans="8:8">
      <c r="H230349" s="12"/>
    </row>
    <row r="230350" spans="8:8">
      <c r="H230350" s="12"/>
    </row>
    <row r="230351" spans="8:8">
      <c r="H230351" s="12"/>
    </row>
    <row r="230352" spans="8:8">
      <c r="H230352" s="12"/>
    </row>
    <row r="230353" spans="8:8">
      <c r="H230353" s="12"/>
    </row>
    <row r="230354" spans="8:8">
      <c r="H230354" s="12"/>
    </row>
    <row r="230355" spans="8:8">
      <c r="H230355" s="12"/>
    </row>
    <row r="230356" spans="8:8">
      <c r="H230356" s="12"/>
    </row>
    <row r="230357" spans="8:8">
      <c r="H230357" s="12"/>
    </row>
    <row r="230358" spans="8:8">
      <c r="H230358" s="12"/>
    </row>
    <row r="230359" spans="8:8">
      <c r="H230359" s="12"/>
    </row>
    <row r="230360" spans="8:8">
      <c r="H230360" s="12"/>
    </row>
    <row r="230361" spans="8:8">
      <c r="H230361" s="12"/>
    </row>
    <row r="230362" spans="8:8">
      <c r="H230362" s="12"/>
    </row>
    <row r="230363" spans="8:8">
      <c r="H230363" s="12"/>
    </row>
    <row r="230364" spans="8:8">
      <c r="H230364" s="12"/>
    </row>
    <row r="230365" spans="8:8">
      <c r="H230365" s="12"/>
    </row>
    <row r="230366" spans="8:8">
      <c r="H230366" s="12"/>
    </row>
    <row r="230367" spans="8:8">
      <c r="H230367" s="12"/>
    </row>
    <row r="230368" spans="8:8">
      <c r="H230368" s="12"/>
    </row>
    <row r="230369" spans="8:8">
      <c r="H230369" s="12"/>
    </row>
    <row r="230370" spans="8:8">
      <c r="H230370" s="12"/>
    </row>
    <row r="230371" spans="8:8">
      <c r="H230371" s="12"/>
    </row>
    <row r="230372" spans="8:8">
      <c r="H230372" s="12"/>
    </row>
    <row r="230373" spans="8:8">
      <c r="H230373" s="12"/>
    </row>
    <row r="230374" spans="8:8">
      <c r="H230374" s="12"/>
    </row>
    <row r="230375" spans="8:8">
      <c r="H230375" s="12"/>
    </row>
    <row r="230376" spans="8:8">
      <c r="H230376" s="12"/>
    </row>
    <row r="230377" spans="8:8">
      <c r="H230377" s="12"/>
    </row>
    <row r="230378" spans="8:8">
      <c r="H230378" s="12"/>
    </row>
    <row r="230379" spans="8:8">
      <c r="H230379" s="12"/>
    </row>
    <row r="230380" spans="8:8">
      <c r="H230380" s="12"/>
    </row>
    <row r="230381" spans="8:8">
      <c r="H230381" s="12"/>
    </row>
    <row r="230382" spans="8:8">
      <c r="H230382" s="12"/>
    </row>
    <row r="230383" spans="8:8">
      <c r="H230383" s="12"/>
    </row>
    <row r="230384" spans="8:8">
      <c r="H230384" s="12"/>
    </row>
    <row r="230385" spans="8:8">
      <c r="H230385" s="12"/>
    </row>
    <row r="230386" spans="8:8">
      <c r="H230386" s="12"/>
    </row>
    <row r="230387" spans="8:8">
      <c r="H230387" s="12"/>
    </row>
    <row r="230388" spans="8:8">
      <c r="H230388" s="12"/>
    </row>
    <row r="230389" spans="8:8">
      <c r="H230389" s="12"/>
    </row>
    <row r="230390" spans="8:8">
      <c r="H230390" s="12"/>
    </row>
    <row r="230391" spans="8:8">
      <c r="H230391" s="12"/>
    </row>
    <row r="230392" spans="8:8">
      <c r="H230392" s="12"/>
    </row>
    <row r="230393" spans="8:8">
      <c r="H230393" s="12"/>
    </row>
    <row r="230394" spans="8:8">
      <c r="H230394" s="12"/>
    </row>
    <row r="230395" spans="8:8">
      <c r="H230395" s="12"/>
    </row>
    <row r="230396" spans="8:8">
      <c r="H230396" s="12"/>
    </row>
    <row r="230397" spans="8:8">
      <c r="H230397" s="12"/>
    </row>
    <row r="230398" spans="8:8">
      <c r="H230398" s="12"/>
    </row>
    <row r="230399" spans="8:8">
      <c r="H230399" s="12"/>
    </row>
    <row r="230400" spans="8:8">
      <c r="H230400" s="12"/>
    </row>
    <row r="230401" spans="8:8">
      <c r="H230401" s="12"/>
    </row>
    <row r="230402" spans="8:8">
      <c r="H230402" s="12"/>
    </row>
    <row r="230403" spans="8:8">
      <c r="H230403" s="12"/>
    </row>
    <row r="230404" spans="8:8">
      <c r="H230404" s="12"/>
    </row>
    <row r="230405" spans="8:8">
      <c r="H230405" s="12"/>
    </row>
    <row r="230406" spans="8:8">
      <c r="H230406" s="12"/>
    </row>
    <row r="230407" spans="8:8">
      <c r="H230407" s="12"/>
    </row>
    <row r="230408" spans="8:8">
      <c r="H230408" s="12"/>
    </row>
    <row r="230409" spans="8:8">
      <c r="H230409" s="12"/>
    </row>
    <row r="230410" spans="8:8">
      <c r="H230410" s="12"/>
    </row>
    <row r="230411" spans="8:8">
      <c r="H230411" s="12"/>
    </row>
    <row r="230412" spans="8:8">
      <c r="H230412" s="12"/>
    </row>
    <row r="230413" spans="8:8">
      <c r="H230413" s="12"/>
    </row>
    <row r="230414" spans="8:8">
      <c r="H230414" s="12"/>
    </row>
    <row r="230415" spans="8:8">
      <c r="H230415" s="12"/>
    </row>
    <row r="230416" spans="8:8">
      <c r="H230416" s="12"/>
    </row>
    <row r="230417" spans="8:8">
      <c r="H230417" s="12"/>
    </row>
    <row r="230418" spans="8:8">
      <c r="H230418" s="12"/>
    </row>
    <row r="230419" spans="8:8">
      <c r="H230419" s="12"/>
    </row>
    <row r="230420" spans="8:8">
      <c r="H230420" s="12"/>
    </row>
    <row r="230421" spans="8:8">
      <c r="H230421" s="12"/>
    </row>
    <row r="230422" spans="8:8">
      <c r="H230422" s="12"/>
    </row>
    <row r="230423" spans="8:8">
      <c r="H230423" s="12"/>
    </row>
    <row r="230424" spans="8:8">
      <c r="H230424" s="12"/>
    </row>
    <row r="230425" spans="8:8">
      <c r="H230425" s="12"/>
    </row>
    <row r="230426" spans="8:8">
      <c r="H230426" s="12"/>
    </row>
    <row r="230427" spans="8:8">
      <c r="H230427" s="12"/>
    </row>
    <row r="230428" spans="8:8">
      <c r="H230428" s="12"/>
    </row>
    <row r="230429" spans="8:8">
      <c r="H230429" s="12"/>
    </row>
    <row r="230430" spans="8:8">
      <c r="H230430" s="12"/>
    </row>
    <row r="230431" spans="8:8">
      <c r="H230431" s="12"/>
    </row>
    <row r="230432" spans="8:8">
      <c r="H230432" s="12"/>
    </row>
    <row r="230433" spans="8:8">
      <c r="H230433" s="12"/>
    </row>
    <row r="230434" spans="8:8">
      <c r="H230434" s="12"/>
    </row>
    <row r="230435" spans="8:8">
      <c r="H230435" s="12"/>
    </row>
    <row r="230436" spans="8:8">
      <c r="H230436" s="12"/>
    </row>
    <row r="230437" spans="8:8">
      <c r="H230437" s="12"/>
    </row>
    <row r="230438" spans="8:8">
      <c r="H230438" s="12"/>
    </row>
    <row r="230439" spans="8:8">
      <c r="H230439" s="12"/>
    </row>
    <row r="230440" spans="8:8">
      <c r="H230440" s="12"/>
    </row>
    <row r="230441" spans="8:8">
      <c r="H230441" s="12"/>
    </row>
    <row r="230442" spans="8:8">
      <c r="H230442" s="12"/>
    </row>
    <row r="230443" spans="8:8">
      <c r="H230443" s="12"/>
    </row>
    <row r="230444" spans="8:8">
      <c r="H230444" s="12"/>
    </row>
    <row r="230445" spans="8:8">
      <c r="H230445" s="12"/>
    </row>
    <row r="230446" spans="8:8">
      <c r="H230446" s="12"/>
    </row>
    <row r="230447" spans="8:8">
      <c r="H230447" s="12"/>
    </row>
    <row r="230448" spans="8:8">
      <c r="H230448" s="12"/>
    </row>
    <row r="230449" spans="8:8">
      <c r="H230449" s="12"/>
    </row>
    <row r="230450" spans="8:8">
      <c r="H230450" s="12"/>
    </row>
    <row r="230451" spans="8:8">
      <c r="H230451" s="12"/>
    </row>
    <row r="230452" spans="8:8">
      <c r="H230452" s="12"/>
    </row>
    <row r="230453" spans="8:8">
      <c r="H230453" s="12"/>
    </row>
    <row r="230454" spans="8:8">
      <c r="H230454" s="12"/>
    </row>
    <row r="230455" spans="8:8">
      <c r="H230455" s="12"/>
    </row>
    <row r="230456" spans="8:8">
      <c r="H230456" s="12"/>
    </row>
    <row r="230457" spans="8:8">
      <c r="H230457" s="12"/>
    </row>
    <row r="230458" spans="8:8">
      <c r="H230458" s="12"/>
    </row>
    <row r="230459" spans="8:8">
      <c r="H230459" s="12"/>
    </row>
    <row r="230460" spans="8:8">
      <c r="H230460" s="12"/>
    </row>
    <row r="230461" spans="8:8">
      <c r="H230461" s="12"/>
    </row>
    <row r="230462" spans="8:8">
      <c r="H230462" s="12"/>
    </row>
    <row r="230463" spans="8:8">
      <c r="H230463" s="12"/>
    </row>
    <row r="230464" spans="8:8">
      <c r="H230464" s="12"/>
    </row>
    <row r="230465" spans="8:8">
      <c r="H230465" s="12"/>
    </row>
    <row r="230466" spans="8:8">
      <c r="H230466" s="12"/>
    </row>
    <row r="230467" spans="8:8">
      <c r="H230467" s="12"/>
    </row>
    <row r="230468" spans="8:8">
      <c r="H230468" s="12"/>
    </row>
    <row r="230469" spans="8:8">
      <c r="H230469" s="12"/>
    </row>
    <row r="230470" spans="8:8">
      <c r="H230470" s="12"/>
    </row>
    <row r="230471" spans="8:8">
      <c r="H230471" s="12"/>
    </row>
    <row r="230472" spans="8:8">
      <c r="H230472" s="12"/>
    </row>
    <row r="230473" spans="8:8">
      <c r="H230473" s="12"/>
    </row>
    <row r="230474" spans="8:8">
      <c r="H230474" s="12"/>
    </row>
    <row r="230475" spans="8:8">
      <c r="H230475" s="12"/>
    </row>
    <row r="230476" spans="8:8">
      <c r="H230476" s="12"/>
    </row>
    <row r="230477" spans="8:8">
      <c r="H230477" s="12"/>
    </row>
    <row r="230478" spans="8:8">
      <c r="H230478" s="12"/>
    </row>
    <row r="230479" spans="8:8">
      <c r="H230479" s="12"/>
    </row>
    <row r="230480" spans="8:8">
      <c r="H230480" s="12"/>
    </row>
    <row r="230481" spans="8:8">
      <c r="H230481" s="12"/>
    </row>
    <row r="230482" spans="8:8">
      <c r="H230482" s="12"/>
    </row>
    <row r="230483" spans="8:8">
      <c r="H230483" s="12"/>
    </row>
    <row r="230484" spans="8:8">
      <c r="H230484" s="12"/>
    </row>
    <row r="230485" spans="8:8">
      <c r="H230485" s="12"/>
    </row>
    <row r="230486" spans="8:8">
      <c r="H230486" s="12"/>
    </row>
    <row r="230487" spans="8:8">
      <c r="H230487" s="12"/>
    </row>
    <row r="230488" spans="8:8">
      <c r="H230488" s="12"/>
    </row>
    <row r="230489" spans="8:8">
      <c r="H230489" s="12"/>
    </row>
    <row r="230490" spans="8:8">
      <c r="H230490" s="12"/>
    </row>
    <row r="230491" spans="8:8">
      <c r="H230491" s="12"/>
    </row>
    <row r="230492" spans="8:8">
      <c r="H230492" s="12"/>
    </row>
    <row r="230493" spans="8:8">
      <c r="H230493" s="12"/>
    </row>
    <row r="230494" spans="8:8">
      <c r="H230494" s="12"/>
    </row>
    <row r="230495" spans="8:8">
      <c r="H230495" s="12"/>
    </row>
    <row r="230496" spans="8:8">
      <c r="H230496" s="12"/>
    </row>
    <row r="230497" spans="8:8">
      <c r="H230497" s="12"/>
    </row>
    <row r="230498" spans="8:8">
      <c r="H230498" s="12"/>
    </row>
    <row r="230499" spans="8:8">
      <c r="H230499" s="12"/>
    </row>
    <row r="230500" spans="8:8">
      <c r="H230500" s="12"/>
    </row>
    <row r="230501" spans="8:8">
      <c r="H230501" s="12"/>
    </row>
    <row r="230502" spans="8:8">
      <c r="H230502" s="12"/>
    </row>
    <row r="230503" spans="8:8">
      <c r="H230503" s="12"/>
    </row>
    <row r="230504" spans="8:8">
      <c r="H230504" s="12"/>
    </row>
    <row r="230505" spans="8:8">
      <c r="H230505" s="12"/>
    </row>
    <row r="230506" spans="8:8">
      <c r="H230506" s="12"/>
    </row>
    <row r="230507" spans="8:8">
      <c r="H230507" s="12"/>
    </row>
    <row r="230508" spans="8:8">
      <c r="H230508" s="12"/>
    </row>
    <row r="230509" spans="8:8">
      <c r="H230509" s="12"/>
    </row>
    <row r="230510" spans="8:8">
      <c r="H230510" s="12"/>
    </row>
    <row r="230511" spans="8:8">
      <c r="H230511" s="12"/>
    </row>
    <row r="230512" spans="8:8">
      <c r="H230512" s="12"/>
    </row>
    <row r="230513" spans="8:8">
      <c r="H230513" s="12"/>
    </row>
    <row r="230514" spans="8:8">
      <c r="H230514" s="12"/>
    </row>
    <row r="230515" spans="8:8">
      <c r="H230515" s="12"/>
    </row>
    <row r="230516" spans="8:8">
      <c r="H230516" s="12"/>
    </row>
    <row r="230517" spans="8:8">
      <c r="H230517" s="12"/>
    </row>
    <row r="230518" spans="8:8">
      <c r="H230518" s="12"/>
    </row>
    <row r="230519" spans="8:8">
      <c r="H230519" s="12"/>
    </row>
    <row r="230520" spans="8:8">
      <c r="H230520" s="12"/>
    </row>
    <row r="230521" spans="8:8">
      <c r="H230521" s="12"/>
    </row>
    <row r="230522" spans="8:8">
      <c r="H230522" s="12"/>
    </row>
    <row r="230523" spans="8:8">
      <c r="H230523" s="12"/>
    </row>
    <row r="230524" spans="8:8">
      <c r="H230524" s="12"/>
    </row>
    <row r="230525" spans="8:8">
      <c r="H230525" s="12"/>
    </row>
    <row r="230526" spans="8:8">
      <c r="H230526" s="12"/>
    </row>
    <row r="230527" spans="8:8">
      <c r="H230527" s="12"/>
    </row>
    <row r="230528" spans="8:8">
      <c r="H230528" s="12"/>
    </row>
    <row r="230529" spans="8:8">
      <c r="H230529" s="12"/>
    </row>
    <row r="230530" spans="8:8">
      <c r="H230530" s="12"/>
    </row>
    <row r="230531" spans="8:8">
      <c r="H230531" s="12"/>
    </row>
    <row r="230532" spans="8:8">
      <c r="H230532" s="12"/>
    </row>
    <row r="230533" spans="8:8">
      <c r="H230533" s="12"/>
    </row>
    <row r="230534" spans="8:8">
      <c r="H230534" s="12"/>
    </row>
    <row r="230535" spans="8:8">
      <c r="H230535" s="12"/>
    </row>
    <row r="230536" spans="8:8">
      <c r="H230536" s="12"/>
    </row>
    <row r="230537" spans="8:8">
      <c r="H230537" s="12"/>
    </row>
    <row r="230538" spans="8:8">
      <c r="H230538" s="12"/>
    </row>
    <row r="230539" spans="8:8">
      <c r="H230539" s="12"/>
    </row>
    <row r="230540" spans="8:8">
      <c r="H230540" s="12"/>
    </row>
    <row r="230541" spans="8:8">
      <c r="H230541" s="12"/>
    </row>
    <row r="230542" spans="8:8">
      <c r="H230542" s="12"/>
    </row>
    <row r="230543" spans="8:8">
      <c r="H230543" s="12"/>
    </row>
    <row r="230544" spans="8:8">
      <c r="H230544" s="12"/>
    </row>
    <row r="230545" spans="8:8">
      <c r="H230545" s="12"/>
    </row>
    <row r="230546" spans="8:8">
      <c r="H230546" s="12"/>
    </row>
    <row r="230547" spans="8:8">
      <c r="H230547" s="12"/>
    </row>
    <row r="230548" spans="8:8">
      <c r="H230548" s="12"/>
    </row>
    <row r="230549" spans="8:8">
      <c r="H230549" s="12"/>
    </row>
    <row r="230550" spans="8:8">
      <c r="H230550" s="12"/>
    </row>
    <row r="230551" spans="8:8">
      <c r="H230551" s="12"/>
    </row>
    <row r="230552" spans="8:8">
      <c r="H230552" s="12"/>
    </row>
    <row r="230553" spans="8:8">
      <c r="H230553" s="12"/>
    </row>
    <row r="230554" spans="8:8">
      <c r="H230554" s="12"/>
    </row>
    <row r="230555" spans="8:8">
      <c r="H230555" s="12"/>
    </row>
    <row r="230556" spans="8:8">
      <c r="H230556" s="12"/>
    </row>
    <row r="230557" spans="8:8">
      <c r="H230557" s="12"/>
    </row>
    <row r="230558" spans="8:8">
      <c r="H230558" s="12"/>
    </row>
    <row r="230559" spans="8:8">
      <c r="H230559" s="12"/>
    </row>
    <row r="230560" spans="8:8">
      <c r="H230560" s="12"/>
    </row>
    <row r="230561" spans="8:8">
      <c r="H230561" s="12"/>
    </row>
    <row r="230562" spans="8:8">
      <c r="H230562" s="12"/>
    </row>
    <row r="230563" spans="8:8">
      <c r="H230563" s="12"/>
    </row>
    <row r="230564" spans="8:8">
      <c r="H230564" s="12"/>
    </row>
    <row r="230565" spans="8:8">
      <c r="H230565" s="12"/>
    </row>
    <row r="230566" spans="8:8">
      <c r="H230566" s="12"/>
    </row>
    <row r="230567" spans="8:8">
      <c r="H230567" s="12"/>
    </row>
    <row r="230568" spans="8:8">
      <c r="H230568" s="12"/>
    </row>
    <row r="230569" spans="8:8">
      <c r="H230569" s="12"/>
    </row>
    <row r="230570" spans="8:8">
      <c r="H230570" s="12"/>
    </row>
    <row r="230571" spans="8:8">
      <c r="H230571" s="12"/>
    </row>
    <row r="230572" spans="8:8">
      <c r="H230572" s="12"/>
    </row>
    <row r="230573" spans="8:8">
      <c r="H230573" s="12"/>
    </row>
    <row r="230574" spans="8:8">
      <c r="H230574" s="12"/>
    </row>
    <row r="230575" spans="8:8">
      <c r="H230575" s="12"/>
    </row>
    <row r="230576" spans="8:8">
      <c r="H230576" s="12"/>
    </row>
    <row r="230577" spans="8:8">
      <c r="H230577" s="12"/>
    </row>
    <row r="230578" spans="8:8">
      <c r="H230578" s="12"/>
    </row>
    <row r="230579" spans="8:8">
      <c r="H230579" s="12"/>
    </row>
    <row r="230580" spans="8:8">
      <c r="H230580" s="12"/>
    </row>
    <row r="230581" spans="8:8">
      <c r="H230581" s="12"/>
    </row>
    <row r="230582" spans="8:8">
      <c r="H230582" s="12"/>
    </row>
    <row r="230583" spans="8:8">
      <c r="H230583" s="12"/>
    </row>
    <row r="230584" spans="8:8">
      <c r="H230584" s="12"/>
    </row>
    <row r="230585" spans="8:8">
      <c r="H230585" s="12"/>
    </row>
    <row r="230586" spans="8:8">
      <c r="H230586" s="12"/>
    </row>
    <row r="230587" spans="8:8">
      <c r="H230587" s="12"/>
    </row>
    <row r="230588" spans="8:8">
      <c r="H230588" s="12"/>
    </row>
    <row r="230589" spans="8:8">
      <c r="H230589" s="12"/>
    </row>
    <row r="230590" spans="8:8">
      <c r="H230590" s="12"/>
    </row>
    <row r="230591" spans="8:8">
      <c r="H230591" s="12"/>
    </row>
    <row r="230592" spans="8:8">
      <c r="H230592" s="12"/>
    </row>
    <row r="230593" spans="8:8">
      <c r="H230593" s="12"/>
    </row>
    <row r="230594" spans="8:8">
      <c r="H230594" s="12"/>
    </row>
    <row r="230595" spans="8:8">
      <c r="H230595" s="12"/>
    </row>
    <row r="230596" spans="8:8">
      <c r="H230596" s="12"/>
    </row>
    <row r="230597" spans="8:8">
      <c r="H230597" s="12"/>
    </row>
    <row r="230598" spans="8:8">
      <c r="H230598" s="12"/>
    </row>
    <row r="230599" spans="8:8">
      <c r="H230599" s="12"/>
    </row>
    <row r="230600" spans="8:8">
      <c r="H230600" s="12"/>
    </row>
    <row r="230601" spans="8:8">
      <c r="H230601" s="12"/>
    </row>
    <row r="230602" spans="8:8">
      <c r="H230602" s="12"/>
    </row>
    <row r="230603" spans="8:8">
      <c r="H230603" s="12"/>
    </row>
    <row r="230604" spans="8:8">
      <c r="H230604" s="12"/>
    </row>
    <row r="230605" spans="8:8">
      <c r="H230605" s="12"/>
    </row>
    <row r="230606" spans="8:8">
      <c r="H230606" s="12"/>
    </row>
    <row r="230607" spans="8:8">
      <c r="H230607" s="12"/>
    </row>
    <row r="230608" spans="8:8">
      <c r="H230608" s="12"/>
    </row>
    <row r="230609" spans="8:8">
      <c r="H230609" s="12"/>
    </row>
    <row r="230610" spans="8:8">
      <c r="H230610" s="12"/>
    </row>
    <row r="230611" spans="8:8">
      <c r="H230611" s="12"/>
    </row>
    <row r="230612" spans="8:8">
      <c r="H230612" s="12"/>
    </row>
    <row r="230613" spans="8:8">
      <c r="H230613" s="12"/>
    </row>
    <row r="230614" spans="8:8">
      <c r="H230614" s="12"/>
    </row>
    <row r="230615" spans="8:8">
      <c r="H230615" s="12"/>
    </row>
    <row r="230616" spans="8:8">
      <c r="H230616" s="12"/>
    </row>
    <row r="230617" spans="8:8">
      <c r="H230617" s="12"/>
    </row>
    <row r="230618" spans="8:8">
      <c r="H230618" s="12"/>
    </row>
    <row r="230619" spans="8:8">
      <c r="H230619" s="12"/>
    </row>
    <row r="230620" spans="8:8">
      <c r="H230620" s="12"/>
    </row>
    <row r="230621" spans="8:8">
      <c r="H230621" s="12"/>
    </row>
    <row r="230622" spans="8:8">
      <c r="H230622" s="12"/>
    </row>
    <row r="230623" spans="8:8">
      <c r="H230623" s="12"/>
    </row>
    <row r="230624" spans="8:8">
      <c r="H230624" s="12"/>
    </row>
    <row r="230625" spans="8:8">
      <c r="H230625" s="12"/>
    </row>
    <row r="230626" spans="8:8">
      <c r="H230626" s="12"/>
    </row>
    <row r="230627" spans="8:8">
      <c r="H230627" s="12"/>
    </row>
    <row r="230628" spans="8:8">
      <c r="H230628" s="12"/>
    </row>
    <row r="230629" spans="8:8">
      <c r="H230629" s="12"/>
    </row>
    <row r="230630" spans="8:8">
      <c r="H230630" s="12"/>
    </row>
    <row r="230631" spans="8:8">
      <c r="H230631" s="12"/>
    </row>
    <row r="230632" spans="8:8">
      <c r="H230632" s="12"/>
    </row>
    <row r="230633" spans="8:8">
      <c r="H230633" s="12"/>
    </row>
    <row r="230634" spans="8:8">
      <c r="H230634" s="12"/>
    </row>
    <row r="230635" spans="8:8">
      <c r="H230635" s="12"/>
    </row>
    <row r="230636" spans="8:8">
      <c r="H230636" s="12"/>
    </row>
    <row r="230637" spans="8:8">
      <c r="H230637" s="12"/>
    </row>
    <row r="230638" spans="8:8">
      <c r="H230638" s="12"/>
    </row>
    <row r="230639" spans="8:8">
      <c r="H230639" s="12"/>
    </row>
    <row r="230640" spans="8:8">
      <c r="H230640" s="12"/>
    </row>
    <row r="230641" spans="8:8">
      <c r="H230641" s="12"/>
    </row>
    <row r="230642" spans="8:8">
      <c r="H230642" s="12"/>
    </row>
    <row r="230643" spans="8:8">
      <c r="H230643" s="12"/>
    </row>
    <row r="230644" spans="8:8">
      <c r="H230644" s="12"/>
    </row>
    <row r="230645" spans="8:8">
      <c r="H230645" s="12"/>
    </row>
    <row r="230646" spans="8:8">
      <c r="H230646" s="12"/>
    </row>
    <row r="230647" spans="8:8">
      <c r="H230647" s="12"/>
    </row>
    <row r="230648" spans="8:8">
      <c r="H230648" s="12"/>
    </row>
    <row r="230649" spans="8:8">
      <c r="H230649" s="12"/>
    </row>
    <row r="230650" spans="8:8">
      <c r="H230650" s="12"/>
    </row>
    <row r="230651" spans="8:8">
      <c r="H230651" s="12"/>
    </row>
    <row r="230652" spans="8:8">
      <c r="H230652" s="12"/>
    </row>
    <row r="230653" spans="8:8">
      <c r="H230653" s="12"/>
    </row>
    <row r="230654" spans="8:8">
      <c r="H230654" s="12"/>
    </row>
    <row r="230655" spans="8:8">
      <c r="H230655" s="12"/>
    </row>
    <row r="230656" spans="8:8">
      <c r="H230656" s="12"/>
    </row>
    <row r="230657" spans="8:8">
      <c r="H230657" s="12"/>
    </row>
    <row r="230658" spans="8:8">
      <c r="H230658" s="12"/>
    </row>
    <row r="230659" spans="8:8">
      <c r="H230659" s="12"/>
    </row>
    <row r="230660" spans="8:8">
      <c r="H230660" s="12"/>
    </row>
    <row r="230661" spans="8:8">
      <c r="H230661" s="12"/>
    </row>
    <row r="230662" spans="8:8">
      <c r="H230662" s="12"/>
    </row>
    <row r="230663" spans="8:8">
      <c r="H230663" s="12"/>
    </row>
    <row r="230664" spans="8:8">
      <c r="H230664" s="12"/>
    </row>
    <row r="230665" spans="8:8">
      <c r="H230665" s="12"/>
    </row>
    <row r="230666" spans="8:8">
      <c r="H230666" s="12"/>
    </row>
    <row r="230667" spans="8:8">
      <c r="H230667" s="12"/>
    </row>
    <row r="230668" spans="8:8">
      <c r="H230668" s="12"/>
    </row>
    <row r="230669" spans="8:8">
      <c r="H230669" s="12"/>
    </row>
    <row r="230670" spans="8:8">
      <c r="H230670" s="12"/>
    </row>
    <row r="230671" spans="8:8">
      <c r="H230671" s="12"/>
    </row>
    <row r="230672" spans="8:8">
      <c r="H230672" s="12"/>
    </row>
    <row r="230673" spans="8:8">
      <c r="H230673" s="12"/>
    </row>
    <row r="230674" spans="8:8">
      <c r="H230674" s="12"/>
    </row>
    <row r="230675" spans="8:8">
      <c r="H230675" s="12"/>
    </row>
    <row r="230676" spans="8:8">
      <c r="H230676" s="12"/>
    </row>
    <row r="230677" spans="8:8">
      <c r="H230677" s="12"/>
    </row>
    <row r="230678" spans="8:8">
      <c r="H230678" s="12"/>
    </row>
    <row r="230679" spans="8:8">
      <c r="H230679" s="12"/>
    </row>
    <row r="230680" spans="8:8">
      <c r="H230680" s="12"/>
    </row>
    <row r="230681" spans="8:8">
      <c r="H230681" s="12"/>
    </row>
    <row r="230682" spans="8:8">
      <c r="H230682" s="12"/>
    </row>
    <row r="230683" spans="8:8">
      <c r="H230683" s="12"/>
    </row>
    <row r="230684" spans="8:8">
      <c r="H230684" s="12"/>
    </row>
    <row r="230685" spans="8:8">
      <c r="H230685" s="12"/>
    </row>
    <row r="230686" spans="8:8">
      <c r="H230686" s="12"/>
    </row>
    <row r="230687" spans="8:8">
      <c r="H230687" s="12"/>
    </row>
    <row r="230688" spans="8:8">
      <c r="H230688" s="12"/>
    </row>
    <row r="230689" spans="8:8">
      <c r="H230689" s="12"/>
    </row>
    <row r="230690" spans="8:8">
      <c r="H230690" s="12"/>
    </row>
    <row r="230691" spans="8:8">
      <c r="H230691" s="12"/>
    </row>
    <row r="230692" spans="8:8">
      <c r="H230692" s="12"/>
    </row>
    <row r="230693" spans="8:8">
      <c r="H230693" s="12"/>
    </row>
    <row r="230694" spans="8:8">
      <c r="H230694" s="12"/>
    </row>
    <row r="230695" spans="8:8">
      <c r="H230695" s="12"/>
    </row>
    <row r="230696" spans="8:8">
      <c r="H230696" s="12"/>
    </row>
    <row r="230697" spans="8:8">
      <c r="H230697" s="12"/>
    </row>
    <row r="230698" spans="8:8">
      <c r="H230698" s="12"/>
    </row>
    <row r="230699" spans="8:8">
      <c r="H230699" s="12"/>
    </row>
    <row r="230700" spans="8:8">
      <c r="H230700" s="12"/>
    </row>
    <row r="230701" spans="8:8">
      <c r="H230701" s="12"/>
    </row>
    <row r="230702" spans="8:8">
      <c r="H230702" s="12"/>
    </row>
    <row r="230703" spans="8:8">
      <c r="H230703" s="12"/>
    </row>
    <row r="230704" spans="8:8">
      <c r="H230704" s="12"/>
    </row>
    <row r="230705" spans="8:8">
      <c r="H230705" s="12"/>
    </row>
    <row r="230706" spans="8:8">
      <c r="H230706" s="12"/>
    </row>
    <row r="230707" spans="8:8">
      <c r="H230707" s="12"/>
    </row>
    <row r="230708" spans="8:8">
      <c r="H230708" s="12"/>
    </row>
    <row r="230709" spans="8:8">
      <c r="H230709" s="12"/>
    </row>
    <row r="230710" spans="8:8">
      <c r="H230710" s="12"/>
    </row>
    <row r="230711" spans="8:8">
      <c r="H230711" s="12"/>
    </row>
    <row r="230712" spans="8:8">
      <c r="H230712" s="12"/>
    </row>
    <row r="230713" spans="8:8">
      <c r="H230713" s="12"/>
    </row>
    <row r="230714" spans="8:8">
      <c r="H230714" s="12"/>
    </row>
    <row r="230715" spans="8:8">
      <c r="H230715" s="12"/>
    </row>
    <row r="230716" spans="8:8">
      <c r="H230716" s="12"/>
    </row>
    <row r="230717" spans="8:8">
      <c r="H230717" s="12"/>
    </row>
    <row r="230718" spans="8:8">
      <c r="H230718" s="12"/>
    </row>
    <row r="230719" spans="8:8">
      <c r="H230719" s="12"/>
    </row>
    <row r="230720" spans="8:8">
      <c r="H230720" s="12"/>
    </row>
    <row r="230721" spans="8:8">
      <c r="H230721" s="12"/>
    </row>
    <row r="230722" spans="8:8">
      <c r="H230722" s="12"/>
    </row>
    <row r="230723" spans="8:8">
      <c r="H230723" s="12"/>
    </row>
    <row r="230724" spans="8:8">
      <c r="H230724" s="12"/>
    </row>
    <row r="230725" spans="8:8">
      <c r="H230725" s="12"/>
    </row>
    <row r="230726" spans="8:8">
      <c r="H230726" s="12"/>
    </row>
    <row r="230727" spans="8:8">
      <c r="H230727" s="12"/>
    </row>
    <row r="230728" spans="8:8">
      <c r="H230728" s="12"/>
    </row>
    <row r="230729" spans="8:8">
      <c r="H230729" s="12"/>
    </row>
    <row r="230730" spans="8:8">
      <c r="H230730" s="12"/>
    </row>
    <row r="230731" spans="8:8">
      <c r="H230731" s="12"/>
    </row>
    <row r="230732" spans="8:8">
      <c r="H230732" s="12"/>
    </row>
    <row r="230733" spans="8:8">
      <c r="H230733" s="12"/>
    </row>
    <row r="230734" spans="8:8">
      <c r="H230734" s="12"/>
    </row>
    <row r="230735" spans="8:8">
      <c r="H230735" s="12"/>
    </row>
    <row r="230736" spans="8:8">
      <c r="H230736" s="12"/>
    </row>
    <row r="230737" spans="8:8">
      <c r="H230737" s="12"/>
    </row>
    <row r="230738" spans="8:8">
      <c r="H230738" s="12"/>
    </row>
    <row r="230739" spans="8:8">
      <c r="H230739" s="12"/>
    </row>
    <row r="230740" spans="8:8">
      <c r="H230740" s="12"/>
    </row>
    <row r="230741" spans="8:8">
      <c r="H230741" s="12"/>
    </row>
    <row r="230742" spans="8:8">
      <c r="H230742" s="12"/>
    </row>
    <row r="230743" spans="8:8">
      <c r="H230743" s="12"/>
    </row>
    <row r="230744" spans="8:8">
      <c r="H230744" s="12"/>
    </row>
    <row r="230745" spans="8:8">
      <c r="H230745" s="12"/>
    </row>
    <row r="230746" spans="8:8">
      <c r="H230746" s="12"/>
    </row>
    <row r="230747" spans="8:8">
      <c r="H230747" s="12"/>
    </row>
    <row r="230748" spans="8:8">
      <c r="H230748" s="12"/>
    </row>
    <row r="230749" spans="8:8">
      <c r="H230749" s="12"/>
    </row>
    <row r="230750" spans="8:8">
      <c r="H230750" s="12"/>
    </row>
    <row r="230751" spans="8:8">
      <c r="H230751" s="12"/>
    </row>
    <row r="230752" spans="8:8">
      <c r="H230752" s="12"/>
    </row>
    <row r="230753" spans="8:8">
      <c r="H230753" s="12"/>
    </row>
    <row r="230754" spans="8:8">
      <c r="H230754" s="12"/>
    </row>
    <row r="230755" spans="8:8">
      <c r="H230755" s="12"/>
    </row>
    <row r="230756" spans="8:8">
      <c r="H230756" s="12"/>
    </row>
    <row r="230757" spans="8:8">
      <c r="H230757" s="12"/>
    </row>
    <row r="230758" spans="8:8">
      <c r="H230758" s="12"/>
    </row>
    <row r="230759" spans="8:8">
      <c r="H230759" s="12"/>
    </row>
    <row r="230760" spans="8:8">
      <c r="H230760" s="12"/>
    </row>
    <row r="230761" spans="8:8">
      <c r="H230761" s="12"/>
    </row>
    <row r="230762" spans="8:8">
      <c r="H230762" s="12"/>
    </row>
    <row r="230763" spans="8:8">
      <c r="H230763" s="12"/>
    </row>
    <row r="230764" spans="8:8">
      <c r="H230764" s="12"/>
    </row>
    <row r="230765" spans="8:8">
      <c r="H230765" s="12"/>
    </row>
    <row r="230766" spans="8:8">
      <c r="H230766" s="12"/>
    </row>
    <row r="230767" spans="8:8">
      <c r="H230767" s="12"/>
    </row>
    <row r="230768" spans="8:8">
      <c r="H230768" s="12"/>
    </row>
    <row r="230769" spans="8:8">
      <c r="H230769" s="12"/>
    </row>
    <row r="230770" spans="8:8">
      <c r="H230770" s="12"/>
    </row>
    <row r="230771" spans="8:8">
      <c r="H230771" s="12"/>
    </row>
    <row r="230772" spans="8:8">
      <c r="H230772" s="12"/>
    </row>
    <row r="230773" spans="8:8">
      <c r="H230773" s="12"/>
    </row>
    <row r="230774" spans="8:8">
      <c r="H230774" s="12"/>
    </row>
    <row r="230775" spans="8:8">
      <c r="H230775" s="12"/>
    </row>
    <row r="230776" spans="8:8">
      <c r="H230776" s="12"/>
    </row>
    <row r="230777" spans="8:8">
      <c r="H230777" s="12"/>
    </row>
    <row r="230778" spans="8:8">
      <c r="H230778" s="12"/>
    </row>
    <row r="230779" spans="8:8">
      <c r="H230779" s="12"/>
    </row>
    <row r="230780" spans="8:8">
      <c r="H230780" s="12"/>
    </row>
    <row r="230781" spans="8:8">
      <c r="H230781" s="12"/>
    </row>
    <row r="230782" spans="8:8">
      <c r="H230782" s="12"/>
    </row>
    <row r="230783" spans="8:8">
      <c r="H230783" s="12"/>
    </row>
    <row r="230784" spans="8:8">
      <c r="H230784" s="12"/>
    </row>
    <row r="230785" spans="8:8">
      <c r="H230785" s="12"/>
    </row>
    <row r="230786" spans="8:8">
      <c r="H230786" s="12"/>
    </row>
    <row r="230787" spans="8:8">
      <c r="H230787" s="12"/>
    </row>
    <row r="230788" spans="8:8">
      <c r="H230788" s="12"/>
    </row>
    <row r="230789" spans="8:8">
      <c r="H230789" s="12"/>
    </row>
    <row r="230790" spans="8:8">
      <c r="H230790" s="12"/>
    </row>
    <row r="230791" spans="8:8">
      <c r="H230791" s="12"/>
    </row>
    <row r="230792" spans="8:8">
      <c r="H230792" s="12"/>
    </row>
    <row r="230793" spans="8:8">
      <c r="H230793" s="12"/>
    </row>
    <row r="230794" spans="8:8">
      <c r="H230794" s="12"/>
    </row>
    <row r="230795" spans="8:8">
      <c r="H230795" s="12"/>
    </row>
    <row r="230796" spans="8:8">
      <c r="H230796" s="12"/>
    </row>
    <row r="230797" spans="8:8">
      <c r="H230797" s="12"/>
    </row>
    <row r="230798" spans="8:8">
      <c r="H230798" s="12"/>
    </row>
    <row r="230799" spans="8:8">
      <c r="H230799" s="12"/>
    </row>
    <row r="230800" spans="8:8">
      <c r="H230800" s="12"/>
    </row>
    <row r="230801" spans="8:8">
      <c r="H230801" s="12"/>
    </row>
    <row r="230802" spans="8:8">
      <c r="H230802" s="12"/>
    </row>
    <row r="230803" spans="8:8">
      <c r="H230803" s="12"/>
    </row>
    <row r="230804" spans="8:8">
      <c r="H230804" s="12"/>
    </row>
    <row r="230805" spans="8:8">
      <c r="H230805" s="12"/>
    </row>
    <row r="230806" spans="8:8">
      <c r="H230806" s="12"/>
    </row>
    <row r="230807" spans="8:8">
      <c r="H230807" s="12"/>
    </row>
    <row r="230808" spans="8:8">
      <c r="H230808" s="12"/>
    </row>
    <row r="230809" spans="8:8">
      <c r="H230809" s="12"/>
    </row>
    <row r="230810" spans="8:8">
      <c r="H230810" s="12"/>
    </row>
    <row r="230811" spans="8:8">
      <c r="H230811" s="12"/>
    </row>
    <row r="230812" spans="8:8">
      <c r="H230812" s="12"/>
    </row>
    <row r="230813" spans="8:8">
      <c r="H230813" s="12"/>
    </row>
    <row r="230814" spans="8:8">
      <c r="H230814" s="12"/>
    </row>
    <row r="230815" spans="8:8">
      <c r="H230815" s="12"/>
    </row>
    <row r="230816" spans="8:8">
      <c r="H230816" s="12"/>
    </row>
    <row r="230817" spans="8:8">
      <c r="H230817" s="12"/>
    </row>
    <row r="230818" spans="8:8">
      <c r="H230818" s="12"/>
    </row>
    <row r="230819" spans="8:8">
      <c r="H230819" s="12"/>
    </row>
    <row r="230820" spans="8:8">
      <c r="H230820" s="12"/>
    </row>
    <row r="230821" spans="8:8">
      <c r="H230821" s="12"/>
    </row>
    <row r="230822" spans="8:8">
      <c r="H230822" s="12"/>
    </row>
    <row r="230823" spans="8:8">
      <c r="H230823" s="12"/>
    </row>
    <row r="230824" spans="8:8">
      <c r="H230824" s="12"/>
    </row>
    <row r="230825" spans="8:8">
      <c r="H230825" s="12"/>
    </row>
    <row r="230826" spans="8:8">
      <c r="H230826" s="12"/>
    </row>
    <row r="230827" spans="8:8">
      <c r="H230827" s="12"/>
    </row>
    <row r="230828" spans="8:8">
      <c r="H230828" s="12"/>
    </row>
    <row r="230829" spans="8:8">
      <c r="H230829" s="12"/>
    </row>
    <row r="230830" spans="8:8">
      <c r="H230830" s="12"/>
    </row>
    <row r="230831" spans="8:8">
      <c r="H230831" s="12"/>
    </row>
    <row r="230832" spans="8:8">
      <c r="H230832" s="12"/>
    </row>
    <row r="230833" spans="8:8">
      <c r="H230833" s="12"/>
    </row>
    <row r="230834" spans="8:8">
      <c r="H230834" s="12"/>
    </row>
    <row r="230835" spans="8:8">
      <c r="H230835" s="12"/>
    </row>
    <row r="230836" spans="8:8">
      <c r="H230836" s="12"/>
    </row>
    <row r="230837" spans="8:8">
      <c r="H230837" s="12"/>
    </row>
    <row r="230838" spans="8:8">
      <c r="H230838" s="12"/>
    </row>
    <row r="230839" spans="8:8">
      <c r="H230839" s="12"/>
    </row>
    <row r="230840" spans="8:8">
      <c r="H230840" s="12"/>
    </row>
    <row r="230841" spans="8:8">
      <c r="H230841" s="12"/>
    </row>
    <row r="230842" spans="8:8">
      <c r="H230842" s="12"/>
    </row>
    <row r="230843" spans="8:8">
      <c r="H230843" s="12"/>
    </row>
    <row r="230844" spans="8:8">
      <c r="H230844" s="12"/>
    </row>
    <row r="230845" spans="8:8">
      <c r="H230845" s="12"/>
    </row>
    <row r="230846" spans="8:8">
      <c r="H230846" s="12"/>
    </row>
    <row r="230847" spans="8:8">
      <c r="H230847" s="12"/>
    </row>
    <row r="230848" spans="8:8">
      <c r="H230848" s="12"/>
    </row>
    <row r="230849" spans="8:8">
      <c r="H230849" s="12"/>
    </row>
    <row r="230850" spans="8:8">
      <c r="H230850" s="12"/>
    </row>
    <row r="230851" spans="8:8">
      <c r="H230851" s="12"/>
    </row>
    <row r="230852" spans="8:8">
      <c r="H230852" s="12"/>
    </row>
    <row r="230853" spans="8:8">
      <c r="H230853" s="12"/>
    </row>
    <row r="230854" spans="8:8">
      <c r="H230854" s="12"/>
    </row>
    <row r="230855" spans="8:8">
      <c r="H230855" s="12"/>
    </row>
    <row r="230856" spans="8:8">
      <c r="H230856" s="12"/>
    </row>
    <row r="230857" spans="8:8">
      <c r="H230857" s="12"/>
    </row>
    <row r="230858" spans="8:8">
      <c r="H230858" s="12"/>
    </row>
    <row r="230859" spans="8:8">
      <c r="H230859" s="12"/>
    </row>
    <row r="230860" spans="8:8">
      <c r="H230860" s="12"/>
    </row>
    <row r="230861" spans="8:8">
      <c r="H230861" s="12"/>
    </row>
    <row r="230862" spans="8:8">
      <c r="H230862" s="12"/>
    </row>
    <row r="230863" spans="8:8">
      <c r="H230863" s="12"/>
    </row>
    <row r="230864" spans="8:8">
      <c r="H230864" s="12"/>
    </row>
    <row r="230865" spans="8:8">
      <c r="H230865" s="12"/>
    </row>
    <row r="230866" spans="8:8">
      <c r="H230866" s="12"/>
    </row>
    <row r="230867" spans="8:8">
      <c r="H230867" s="12"/>
    </row>
    <row r="230868" spans="8:8">
      <c r="H230868" s="12"/>
    </row>
    <row r="230869" spans="8:8">
      <c r="H230869" s="12"/>
    </row>
    <row r="230870" spans="8:8">
      <c r="H230870" s="12"/>
    </row>
    <row r="230871" spans="8:8">
      <c r="H230871" s="12"/>
    </row>
    <row r="230872" spans="8:8">
      <c r="H230872" s="12"/>
    </row>
    <row r="230873" spans="8:8">
      <c r="H230873" s="12"/>
    </row>
    <row r="230874" spans="8:8">
      <c r="H230874" s="12"/>
    </row>
    <row r="230875" spans="8:8">
      <c r="H230875" s="12"/>
    </row>
    <row r="230876" spans="8:8">
      <c r="H230876" s="12"/>
    </row>
    <row r="230877" spans="8:8">
      <c r="H230877" s="12"/>
    </row>
    <row r="230878" spans="8:8">
      <c r="H230878" s="12"/>
    </row>
    <row r="230879" spans="8:8">
      <c r="H230879" s="12"/>
    </row>
    <row r="230880" spans="8:8">
      <c r="H230880" s="12"/>
    </row>
    <row r="230881" spans="8:8">
      <c r="H230881" s="12"/>
    </row>
    <row r="230882" spans="8:8">
      <c r="H230882" s="12"/>
    </row>
    <row r="230883" spans="8:8">
      <c r="H230883" s="12"/>
    </row>
    <row r="230884" spans="8:8">
      <c r="H230884" s="12"/>
    </row>
    <row r="230885" spans="8:8">
      <c r="H230885" s="12"/>
    </row>
    <row r="230886" spans="8:8">
      <c r="H230886" s="12"/>
    </row>
    <row r="230887" spans="8:8">
      <c r="H230887" s="12"/>
    </row>
    <row r="230888" spans="8:8">
      <c r="H230888" s="12"/>
    </row>
    <row r="230889" spans="8:8">
      <c r="H230889" s="12"/>
    </row>
    <row r="230890" spans="8:8">
      <c r="H230890" s="12"/>
    </row>
    <row r="230891" spans="8:8">
      <c r="H230891" s="12"/>
    </row>
    <row r="230892" spans="8:8">
      <c r="H230892" s="12"/>
    </row>
    <row r="230893" spans="8:8">
      <c r="H230893" s="12"/>
    </row>
    <row r="230894" spans="8:8">
      <c r="H230894" s="12"/>
    </row>
    <row r="230895" spans="8:8">
      <c r="H230895" s="12"/>
    </row>
    <row r="230896" spans="8:8">
      <c r="H230896" s="12"/>
    </row>
    <row r="230897" spans="8:8">
      <c r="H230897" s="12"/>
    </row>
    <row r="230898" spans="8:8">
      <c r="H230898" s="12"/>
    </row>
    <row r="230899" spans="8:8">
      <c r="H230899" s="12"/>
    </row>
    <row r="230900" spans="8:8">
      <c r="H230900" s="12"/>
    </row>
    <row r="230901" spans="8:8">
      <c r="H230901" s="12"/>
    </row>
    <row r="230902" spans="8:8">
      <c r="H230902" s="12"/>
    </row>
    <row r="230903" spans="8:8">
      <c r="H230903" s="12"/>
    </row>
    <row r="230904" spans="8:8">
      <c r="H230904" s="12"/>
    </row>
    <row r="230905" spans="8:8">
      <c r="H230905" s="12"/>
    </row>
    <row r="230906" spans="8:8">
      <c r="H230906" s="12"/>
    </row>
    <row r="230907" spans="8:8">
      <c r="H230907" s="12"/>
    </row>
    <row r="230908" spans="8:8">
      <c r="H230908" s="12"/>
    </row>
    <row r="230909" spans="8:8">
      <c r="H230909" s="12"/>
    </row>
    <row r="230910" spans="8:8">
      <c r="H230910" s="12"/>
    </row>
    <row r="230911" spans="8:8">
      <c r="H230911" s="12"/>
    </row>
    <row r="230912" spans="8:8">
      <c r="H230912" s="12"/>
    </row>
    <row r="230913" spans="8:8">
      <c r="H230913" s="12"/>
    </row>
    <row r="230914" spans="8:8">
      <c r="H230914" s="12"/>
    </row>
    <row r="230915" spans="8:8">
      <c r="H230915" s="12"/>
    </row>
    <row r="230916" spans="8:8">
      <c r="H230916" s="12"/>
    </row>
    <row r="230917" spans="8:8">
      <c r="H230917" s="12"/>
    </row>
    <row r="230918" spans="8:8">
      <c r="H230918" s="12"/>
    </row>
    <row r="230919" spans="8:8">
      <c r="H230919" s="12"/>
    </row>
    <row r="230920" spans="8:8">
      <c r="H230920" s="12"/>
    </row>
    <row r="230921" spans="8:8">
      <c r="H230921" s="12"/>
    </row>
    <row r="230922" spans="8:8">
      <c r="H230922" s="12"/>
    </row>
    <row r="230923" spans="8:8">
      <c r="H230923" s="12"/>
    </row>
    <row r="230924" spans="8:8">
      <c r="H230924" s="12"/>
    </row>
    <row r="230925" spans="8:8">
      <c r="H230925" s="12"/>
    </row>
    <row r="230926" spans="8:8">
      <c r="H230926" s="12"/>
    </row>
    <row r="230927" spans="8:8">
      <c r="H230927" s="12"/>
    </row>
    <row r="230928" spans="8:8">
      <c r="H230928" s="12"/>
    </row>
    <row r="230929" spans="8:8">
      <c r="H230929" s="12"/>
    </row>
    <row r="230930" spans="8:8">
      <c r="H230930" s="12"/>
    </row>
    <row r="230931" spans="8:8">
      <c r="H230931" s="12"/>
    </row>
    <row r="230932" spans="8:8">
      <c r="H230932" s="12"/>
    </row>
    <row r="230933" spans="8:8">
      <c r="H230933" s="12"/>
    </row>
    <row r="230934" spans="8:8">
      <c r="H230934" s="12"/>
    </row>
    <row r="230935" spans="8:8">
      <c r="H230935" s="12"/>
    </row>
    <row r="230936" spans="8:8">
      <c r="H230936" s="12"/>
    </row>
    <row r="230937" spans="8:8">
      <c r="H230937" s="12"/>
    </row>
    <row r="230938" spans="8:8">
      <c r="H230938" s="12"/>
    </row>
    <row r="230939" spans="8:8">
      <c r="H230939" s="12"/>
    </row>
    <row r="230940" spans="8:8">
      <c r="H230940" s="12"/>
    </row>
    <row r="230941" spans="8:8">
      <c r="H230941" s="12"/>
    </row>
    <row r="230942" spans="8:8">
      <c r="H230942" s="12"/>
    </row>
    <row r="230943" spans="8:8">
      <c r="H230943" s="12"/>
    </row>
    <row r="230944" spans="8:8">
      <c r="H230944" s="12"/>
    </row>
    <row r="230945" spans="8:8">
      <c r="H230945" s="12"/>
    </row>
    <row r="230946" spans="8:8">
      <c r="H230946" s="12"/>
    </row>
    <row r="230947" spans="8:8">
      <c r="H230947" s="12"/>
    </row>
    <row r="230948" spans="8:8">
      <c r="H230948" s="12"/>
    </row>
    <row r="230949" spans="8:8">
      <c r="H230949" s="12"/>
    </row>
    <row r="230950" spans="8:8">
      <c r="H230950" s="12"/>
    </row>
    <row r="230951" spans="8:8">
      <c r="H230951" s="12"/>
    </row>
    <row r="230952" spans="8:8">
      <c r="H230952" s="12"/>
    </row>
    <row r="230953" spans="8:8">
      <c r="H230953" s="12"/>
    </row>
    <row r="230954" spans="8:8">
      <c r="H230954" s="12"/>
    </row>
    <row r="230955" spans="8:8">
      <c r="H230955" s="12"/>
    </row>
    <row r="230956" spans="8:8">
      <c r="H230956" s="12"/>
    </row>
    <row r="230957" spans="8:8">
      <c r="H230957" s="12"/>
    </row>
    <row r="230958" spans="8:8">
      <c r="H230958" s="12"/>
    </row>
    <row r="230959" spans="8:8">
      <c r="H230959" s="12"/>
    </row>
    <row r="230960" spans="8:8">
      <c r="H230960" s="12"/>
    </row>
    <row r="230961" spans="8:8">
      <c r="H230961" s="12"/>
    </row>
    <row r="230962" spans="8:8">
      <c r="H230962" s="12"/>
    </row>
    <row r="230963" spans="8:8">
      <c r="H230963" s="12"/>
    </row>
    <row r="230964" spans="8:8">
      <c r="H230964" s="12"/>
    </row>
    <row r="230965" spans="8:8">
      <c r="H230965" s="12"/>
    </row>
    <row r="230966" spans="8:8">
      <c r="H230966" s="12"/>
    </row>
    <row r="230967" spans="8:8">
      <c r="H230967" s="12"/>
    </row>
    <row r="230968" spans="8:8">
      <c r="H230968" s="12"/>
    </row>
    <row r="230969" spans="8:8">
      <c r="H230969" s="12"/>
    </row>
    <row r="230970" spans="8:8">
      <c r="H230970" s="12"/>
    </row>
    <row r="230971" spans="8:8">
      <c r="H230971" s="12"/>
    </row>
    <row r="230972" spans="8:8">
      <c r="H230972" s="12"/>
    </row>
    <row r="230973" spans="8:8">
      <c r="H230973" s="12"/>
    </row>
    <row r="230974" spans="8:8">
      <c r="H230974" s="12"/>
    </row>
    <row r="230975" spans="8:8">
      <c r="H230975" s="12"/>
    </row>
    <row r="230976" spans="8:8">
      <c r="H230976" s="12"/>
    </row>
    <row r="230977" spans="8:8">
      <c r="H230977" s="12"/>
    </row>
    <row r="230978" spans="8:8">
      <c r="H230978" s="12"/>
    </row>
    <row r="230979" spans="8:8">
      <c r="H230979" s="12"/>
    </row>
    <row r="230980" spans="8:8">
      <c r="H230980" s="12"/>
    </row>
    <row r="230981" spans="8:8">
      <c r="H230981" s="12"/>
    </row>
    <row r="230982" spans="8:8">
      <c r="H230982" s="12"/>
    </row>
    <row r="230983" spans="8:8">
      <c r="H230983" s="12"/>
    </row>
    <row r="230984" spans="8:8">
      <c r="H230984" s="12"/>
    </row>
    <row r="230985" spans="8:8">
      <c r="H230985" s="12"/>
    </row>
    <row r="230986" spans="8:8">
      <c r="H230986" s="12"/>
    </row>
    <row r="230987" spans="8:8">
      <c r="H230987" s="12"/>
    </row>
    <row r="230988" spans="8:8">
      <c r="H230988" s="12"/>
    </row>
    <row r="230989" spans="8:8">
      <c r="H230989" s="12"/>
    </row>
    <row r="230990" spans="8:8">
      <c r="H230990" s="12"/>
    </row>
    <row r="230991" spans="8:8">
      <c r="H230991" s="12"/>
    </row>
    <row r="230992" spans="8:8">
      <c r="H230992" s="12"/>
    </row>
    <row r="230993" spans="8:8">
      <c r="H230993" s="12"/>
    </row>
    <row r="230994" spans="8:8">
      <c r="H230994" s="12"/>
    </row>
    <row r="230995" spans="8:8">
      <c r="H230995" s="12"/>
    </row>
    <row r="230996" spans="8:8">
      <c r="H230996" s="12"/>
    </row>
    <row r="230997" spans="8:8">
      <c r="H230997" s="12"/>
    </row>
    <row r="230998" spans="8:8">
      <c r="H230998" s="12"/>
    </row>
    <row r="230999" spans="8:8">
      <c r="H230999" s="12"/>
    </row>
    <row r="231000" spans="8:8">
      <c r="H231000" s="12"/>
    </row>
    <row r="231001" spans="8:8">
      <c r="H231001" s="12"/>
    </row>
    <row r="231002" spans="8:8">
      <c r="H231002" s="12"/>
    </row>
    <row r="231003" spans="8:8">
      <c r="H231003" s="12"/>
    </row>
    <row r="231004" spans="8:8">
      <c r="H231004" s="12"/>
    </row>
    <row r="231005" spans="8:8">
      <c r="H231005" s="12"/>
    </row>
    <row r="231006" spans="8:8">
      <c r="H231006" s="12"/>
    </row>
    <row r="231007" spans="8:8">
      <c r="H231007" s="12"/>
    </row>
    <row r="231008" spans="8:8">
      <c r="H231008" s="12"/>
    </row>
    <row r="231009" spans="8:8">
      <c r="H231009" s="12"/>
    </row>
    <row r="231010" spans="8:8">
      <c r="H231010" s="12"/>
    </row>
    <row r="231011" spans="8:8">
      <c r="H231011" s="12"/>
    </row>
    <row r="231012" spans="8:8">
      <c r="H231012" s="12"/>
    </row>
    <row r="231013" spans="8:8">
      <c r="H231013" s="12"/>
    </row>
    <row r="231014" spans="8:8">
      <c r="H231014" s="12"/>
    </row>
    <row r="231015" spans="8:8">
      <c r="H231015" s="12"/>
    </row>
    <row r="231016" spans="8:8">
      <c r="H231016" s="12"/>
    </row>
    <row r="231017" spans="8:8">
      <c r="H231017" s="12"/>
    </row>
    <row r="231018" spans="8:8">
      <c r="H231018" s="12"/>
    </row>
    <row r="231019" spans="8:8">
      <c r="H231019" s="12"/>
    </row>
    <row r="231020" spans="8:8">
      <c r="H231020" s="12"/>
    </row>
    <row r="231021" spans="8:8">
      <c r="H231021" s="12"/>
    </row>
    <row r="231022" spans="8:8">
      <c r="H231022" s="12"/>
    </row>
    <row r="231023" spans="8:8">
      <c r="H231023" s="12"/>
    </row>
    <row r="231024" spans="8:8">
      <c r="H231024" s="12"/>
    </row>
    <row r="231025" spans="8:8">
      <c r="H231025" s="12"/>
    </row>
    <row r="231026" spans="8:8">
      <c r="H231026" s="12"/>
    </row>
    <row r="231027" spans="8:8">
      <c r="H231027" s="12"/>
    </row>
    <row r="231028" spans="8:8">
      <c r="H231028" s="12"/>
    </row>
    <row r="231029" spans="8:8">
      <c r="H231029" s="12"/>
    </row>
    <row r="231030" spans="8:8">
      <c r="H231030" s="12"/>
    </row>
    <row r="231031" spans="8:8">
      <c r="H231031" s="12"/>
    </row>
    <row r="231032" spans="8:8">
      <c r="H231032" s="12"/>
    </row>
    <row r="231033" spans="8:8">
      <c r="H231033" s="12"/>
    </row>
    <row r="231034" spans="8:8">
      <c r="H231034" s="12"/>
    </row>
    <row r="231035" spans="8:8">
      <c r="H231035" s="12"/>
    </row>
    <row r="231036" spans="8:8">
      <c r="H231036" s="12"/>
    </row>
    <row r="231037" spans="8:8">
      <c r="H231037" s="12"/>
    </row>
    <row r="231038" spans="8:8">
      <c r="H231038" s="12"/>
    </row>
    <row r="231039" spans="8:8">
      <c r="H231039" s="12"/>
    </row>
    <row r="231040" spans="8:8">
      <c r="H231040" s="12"/>
    </row>
    <row r="231041" spans="8:8">
      <c r="H231041" s="12"/>
    </row>
    <row r="231042" spans="8:8">
      <c r="H231042" s="12"/>
    </row>
    <row r="231043" spans="8:8">
      <c r="H231043" s="12"/>
    </row>
    <row r="231044" spans="8:8">
      <c r="H231044" s="12"/>
    </row>
    <row r="231045" spans="8:8">
      <c r="H231045" s="12"/>
    </row>
    <row r="231046" spans="8:8">
      <c r="H231046" s="12"/>
    </row>
    <row r="231047" spans="8:8">
      <c r="H231047" s="12"/>
    </row>
    <row r="231048" spans="8:8">
      <c r="H231048" s="12"/>
    </row>
    <row r="231049" spans="8:8">
      <c r="H231049" s="12"/>
    </row>
    <row r="231050" spans="8:8">
      <c r="H231050" s="12"/>
    </row>
    <row r="231051" spans="8:8">
      <c r="H231051" s="12"/>
    </row>
    <row r="231052" spans="8:8">
      <c r="H231052" s="12"/>
    </row>
    <row r="231053" spans="8:8">
      <c r="H231053" s="12"/>
    </row>
    <row r="231054" spans="8:8">
      <c r="H231054" s="12"/>
    </row>
    <row r="231055" spans="8:8">
      <c r="H231055" s="12"/>
    </row>
    <row r="231056" spans="8:8">
      <c r="H231056" s="12"/>
    </row>
    <row r="231057" spans="8:8">
      <c r="H231057" s="12"/>
    </row>
    <row r="231058" spans="8:8">
      <c r="H231058" s="12"/>
    </row>
    <row r="231059" spans="8:8">
      <c r="H231059" s="12"/>
    </row>
    <row r="231060" spans="8:8">
      <c r="H231060" s="12"/>
    </row>
    <row r="231061" spans="8:8">
      <c r="H231061" s="12"/>
    </row>
    <row r="231062" spans="8:8">
      <c r="H231062" s="12"/>
    </row>
    <row r="231063" spans="8:8">
      <c r="H231063" s="12"/>
    </row>
    <row r="231064" spans="8:8">
      <c r="H231064" s="12"/>
    </row>
    <row r="231065" spans="8:8">
      <c r="H231065" s="12"/>
    </row>
    <row r="231066" spans="8:8">
      <c r="H231066" s="12"/>
    </row>
    <row r="231067" spans="8:8">
      <c r="H231067" s="12"/>
    </row>
    <row r="231068" spans="8:8">
      <c r="H231068" s="12"/>
    </row>
    <row r="231069" spans="8:8">
      <c r="H231069" s="12"/>
    </row>
    <row r="231070" spans="8:8">
      <c r="H231070" s="12"/>
    </row>
    <row r="231071" spans="8:8">
      <c r="H231071" s="12"/>
    </row>
    <row r="231072" spans="8:8">
      <c r="H231072" s="12"/>
    </row>
    <row r="231073" spans="8:8">
      <c r="H231073" s="12"/>
    </row>
    <row r="231074" spans="8:8">
      <c r="H231074" s="12"/>
    </row>
    <row r="231075" spans="8:8">
      <c r="H231075" s="12"/>
    </row>
    <row r="231076" spans="8:8">
      <c r="H231076" s="12"/>
    </row>
    <row r="231077" spans="8:8">
      <c r="H231077" s="12"/>
    </row>
    <row r="231078" spans="8:8">
      <c r="H231078" s="12"/>
    </row>
    <row r="231079" spans="8:8">
      <c r="H231079" s="12"/>
    </row>
    <row r="231080" spans="8:8">
      <c r="H231080" s="12"/>
    </row>
    <row r="231081" spans="8:8">
      <c r="H231081" s="12"/>
    </row>
    <row r="231082" spans="8:8">
      <c r="H231082" s="12"/>
    </row>
    <row r="231083" spans="8:8">
      <c r="H231083" s="12"/>
    </row>
    <row r="231084" spans="8:8">
      <c r="H231084" s="12"/>
    </row>
    <row r="231085" spans="8:8">
      <c r="H231085" s="12"/>
    </row>
    <row r="231086" spans="8:8">
      <c r="H231086" s="12"/>
    </row>
    <row r="231087" spans="8:8">
      <c r="H231087" s="12"/>
    </row>
    <row r="231088" spans="8:8">
      <c r="H231088" s="12"/>
    </row>
    <row r="231089" spans="8:8">
      <c r="H231089" s="12"/>
    </row>
    <row r="231090" spans="8:8">
      <c r="H231090" s="12"/>
    </row>
    <row r="231091" spans="8:8">
      <c r="H231091" s="12"/>
    </row>
    <row r="231092" spans="8:8">
      <c r="H231092" s="12"/>
    </row>
    <row r="231093" spans="8:8">
      <c r="H231093" s="12"/>
    </row>
    <row r="231094" spans="8:8">
      <c r="H231094" s="12"/>
    </row>
    <row r="231095" spans="8:8">
      <c r="H231095" s="12"/>
    </row>
    <row r="231096" spans="8:8">
      <c r="H231096" s="12"/>
    </row>
    <row r="231097" spans="8:8">
      <c r="H231097" s="12"/>
    </row>
    <row r="231098" spans="8:8">
      <c r="H231098" s="12"/>
    </row>
    <row r="231099" spans="8:8">
      <c r="H231099" s="12"/>
    </row>
    <row r="231100" spans="8:8">
      <c r="H231100" s="12"/>
    </row>
    <row r="231101" spans="8:8">
      <c r="H231101" s="12"/>
    </row>
    <row r="231102" spans="8:8">
      <c r="H231102" s="12"/>
    </row>
    <row r="231103" spans="8:8">
      <c r="H231103" s="12"/>
    </row>
    <row r="231104" spans="8:8">
      <c r="H231104" s="12"/>
    </row>
    <row r="231105" spans="8:8">
      <c r="H231105" s="12"/>
    </row>
    <row r="231106" spans="8:8">
      <c r="H231106" s="12"/>
    </row>
    <row r="231107" spans="8:8">
      <c r="H231107" s="12"/>
    </row>
    <row r="231108" spans="8:8">
      <c r="H231108" s="12"/>
    </row>
    <row r="231109" spans="8:8">
      <c r="H231109" s="12"/>
    </row>
    <row r="231110" spans="8:8">
      <c r="H231110" s="12"/>
    </row>
    <row r="231111" spans="8:8">
      <c r="H231111" s="12"/>
    </row>
    <row r="231112" spans="8:8">
      <c r="H231112" s="12"/>
    </row>
    <row r="231113" spans="8:8">
      <c r="H231113" s="12"/>
    </row>
    <row r="231114" spans="8:8">
      <c r="H231114" s="12"/>
    </row>
    <row r="231115" spans="8:8">
      <c r="H231115" s="12"/>
    </row>
    <row r="231116" spans="8:8">
      <c r="H231116" s="12"/>
    </row>
    <row r="231117" spans="8:8">
      <c r="H231117" s="12"/>
    </row>
    <row r="231118" spans="8:8">
      <c r="H231118" s="12"/>
    </row>
    <row r="231119" spans="8:8">
      <c r="H231119" s="12"/>
    </row>
    <row r="231120" spans="8:8">
      <c r="H231120" s="12"/>
    </row>
    <row r="231121" spans="8:8">
      <c r="H231121" s="12"/>
    </row>
    <row r="231122" spans="8:8">
      <c r="H231122" s="12"/>
    </row>
    <row r="231123" spans="8:8">
      <c r="H231123" s="12"/>
    </row>
    <row r="231124" spans="8:8">
      <c r="H231124" s="12"/>
    </row>
    <row r="231125" spans="8:8">
      <c r="H231125" s="12"/>
    </row>
    <row r="231126" spans="8:8">
      <c r="H231126" s="12"/>
    </row>
    <row r="231127" spans="8:8">
      <c r="H231127" s="12"/>
    </row>
    <row r="231128" spans="8:8">
      <c r="H231128" s="12"/>
    </row>
    <row r="231129" spans="8:8">
      <c r="H231129" s="12"/>
    </row>
    <row r="231130" spans="8:8">
      <c r="H231130" s="12"/>
    </row>
    <row r="231131" spans="8:8">
      <c r="H231131" s="12"/>
    </row>
    <row r="231132" spans="8:8">
      <c r="H231132" s="12"/>
    </row>
    <row r="231133" spans="8:8">
      <c r="H231133" s="12"/>
    </row>
    <row r="231134" spans="8:8">
      <c r="H231134" s="12"/>
    </row>
    <row r="231135" spans="8:8">
      <c r="H231135" s="12"/>
    </row>
    <row r="231136" spans="8:8">
      <c r="H231136" s="12"/>
    </row>
    <row r="231137" spans="8:8">
      <c r="H231137" s="12"/>
    </row>
    <row r="231138" spans="8:8">
      <c r="H231138" s="12"/>
    </row>
    <row r="231139" spans="8:8">
      <c r="H231139" s="12"/>
    </row>
    <row r="231140" spans="8:8">
      <c r="H231140" s="12"/>
    </row>
    <row r="231141" spans="8:8">
      <c r="H231141" s="12"/>
    </row>
    <row r="231142" spans="8:8">
      <c r="H231142" s="12"/>
    </row>
    <row r="231143" spans="8:8">
      <c r="H231143" s="12"/>
    </row>
    <row r="231144" spans="8:8">
      <c r="H231144" s="12"/>
    </row>
    <row r="231145" spans="8:8">
      <c r="H231145" s="12"/>
    </row>
    <row r="231146" spans="8:8">
      <c r="H231146" s="12"/>
    </row>
    <row r="231147" spans="8:8">
      <c r="H231147" s="12"/>
    </row>
    <row r="231148" spans="8:8">
      <c r="H231148" s="12"/>
    </row>
    <row r="231149" spans="8:8">
      <c r="H231149" s="12"/>
    </row>
    <row r="231150" spans="8:8">
      <c r="H231150" s="12"/>
    </row>
    <row r="231151" spans="8:8">
      <c r="H231151" s="12"/>
    </row>
    <row r="231152" spans="8:8">
      <c r="H231152" s="12"/>
    </row>
    <row r="231153" spans="8:8">
      <c r="H231153" s="12"/>
    </row>
    <row r="231154" spans="8:8">
      <c r="H231154" s="12"/>
    </row>
    <row r="231155" spans="8:8">
      <c r="H231155" s="12"/>
    </row>
    <row r="231156" spans="8:8">
      <c r="H231156" s="12"/>
    </row>
    <row r="231157" spans="8:8">
      <c r="H231157" s="12"/>
    </row>
    <row r="231158" spans="8:8">
      <c r="H231158" s="12"/>
    </row>
    <row r="231159" spans="8:8">
      <c r="H231159" s="12"/>
    </row>
    <row r="231160" spans="8:8">
      <c r="H231160" s="12"/>
    </row>
    <row r="231161" spans="8:8">
      <c r="H231161" s="12"/>
    </row>
    <row r="231162" spans="8:8">
      <c r="H231162" s="12"/>
    </row>
    <row r="231163" spans="8:8">
      <c r="H231163" s="12"/>
    </row>
    <row r="231164" spans="8:8">
      <c r="H231164" s="12"/>
    </row>
    <row r="231165" spans="8:8">
      <c r="H231165" s="12"/>
    </row>
    <row r="231166" spans="8:8">
      <c r="H231166" s="12"/>
    </row>
    <row r="231167" spans="8:8">
      <c r="H231167" s="12"/>
    </row>
    <row r="231168" spans="8:8">
      <c r="H231168" s="12"/>
    </row>
    <row r="231169" spans="8:8">
      <c r="H231169" s="12"/>
    </row>
    <row r="231170" spans="8:8">
      <c r="H231170" s="12"/>
    </row>
    <row r="231171" spans="8:8">
      <c r="H231171" s="12"/>
    </row>
    <row r="231172" spans="8:8">
      <c r="H231172" s="12"/>
    </row>
    <row r="231173" spans="8:8">
      <c r="H231173" s="12"/>
    </row>
    <row r="231174" spans="8:8">
      <c r="H231174" s="12"/>
    </row>
    <row r="231175" spans="8:8">
      <c r="H231175" s="12"/>
    </row>
    <row r="231176" spans="8:8">
      <c r="H231176" s="12"/>
    </row>
    <row r="231177" spans="8:8">
      <c r="H231177" s="12"/>
    </row>
    <row r="231178" spans="8:8">
      <c r="H231178" s="12"/>
    </row>
    <row r="231179" spans="8:8">
      <c r="H231179" s="12"/>
    </row>
    <row r="231180" spans="8:8">
      <c r="H231180" s="12"/>
    </row>
    <row r="231181" spans="8:8">
      <c r="H231181" s="12"/>
    </row>
    <row r="231182" spans="8:8">
      <c r="H231182" s="12"/>
    </row>
    <row r="231183" spans="8:8">
      <c r="H231183" s="12"/>
    </row>
    <row r="231184" spans="8:8">
      <c r="H231184" s="12"/>
    </row>
    <row r="231185" spans="8:8">
      <c r="H231185" s="12"/>
    </row>
    <row r="231186" spans="8:8">
      <c r="H231186" s="12"/>
    </row>
    <row r="231187" spans="8:8">
      <c r="H231187" s="12"/>
    </row>
    <row r="231188" spans="8:8">
      <c r="H231188" s="12"/>
    </row>
    <row r="231189" spans="8:8">
      <c r="H231189" s="12"/>
    </row>
    <row r="231190" spans="8:8">
      <c r="H231190" s="12"/>
    </row>
    <row r="231191" spans="8:8">
      <c r="H231191" s="12"/>
    </row>
    <row r="231192" spans="8:8">
      <c r="H231192" s="12"/>
    </row>
    <row r="231193" spans="8:8">
      <c r="H231193" s="12"/>
    </row>
    <row r="231194" spans="8:8">
      <c r="H231194" s="12"/>
    </row>
    <row r="231195" spans="8:8">
      <c r="H231195" s="12"/>
    </row>
    <row r="231196" spans="8:8">
      <c r="H231196" s="12"/>
    </row>
    <row r="231197" spans="8:8">
      <c r="H231197" s="12"/>
    </row>
    <row r="231198" spans="8:8">
      <c r="H231198" s="12"/>
    </row>
    <row r="231199" spans="8:8">
      <c r="H231199" s="12"/>
    </row>
    <row r="231200" spans="8:8">
      <c r="H231200" s="12"/>
    </row>
    <row r="231201" spans="8:8">
      <c r="H231201" s="12"/>
    </row>
    <row r="231202" spans="8:8">
      <c r="H231202" s="12"/>
    </row>
    <row r="231203" spans="8:8">
      <c r="H231203" s="12"/>
    </row>
    <row r="231204" spans="8:8">
      <c r="H231204" s="12"/>
    </row>
    <row r="231205" spans="8:8">
      <c r="H231205" s="12"/>
    </row>
    <row r="231206" spans="8:8">
      <c r="H231206" s="12"/>
    </row>
    <row r="231207" spans="8:8">
      <c r="H231207" s="12"/>
    </row>
    <row r="231208" spans="8:8">
      <c r="H231208" s="12"/>
    </row>
    <row r="231209" spans="8:8">
      <c r="H231209" s="12"/>
    </row>
    <row r="231210" spans="8:8">
      <c r="H231210" s="12"/>
    </row>
    <row r="231211" spans="8:8">
      <c r="H231211" s="12"/>
    </row>
    <row r="231212" spans="8:8">
      <c r="H231212" s="12"/>
    </row>
    <row r="231213" spans="8:8">
      <c r="H231213" s="12"/>
    </row>
    <row r="231214" spans="8:8">
      <c r="H231214" s="12"/>
    </row>
    <row r="231215" spans="8:8">
      <c r="H231215" s="12"/>
    </row>
    <row r="231216" spans="8:8">
      <c r="H231216" s="12"/>
    </row>
    <row r="231217" spans="8:8">
      <c r="H231217" s="12"/>
    </row>
    <row r="231218" spans="8:8">
      <c r="H231218" s="12"/>
    </row>
    <row r="231219" spans="8:8">
      <c r="H231219" s="12"/>
    </row>
    <row r="231220" spans="8:8">
      <c r="H231220" s="12"/>
    </row>
    <row r="231221" spans="8:8">
      <c r="H231221" s="12"/>
    </row>
    <row r="231222" spans="8:8">
      <c r="H231222" s="12"/>
    </row>
    <row r="231223" spans="8:8">
      <c r="H231223" s="12"/>
    </row>
    <row r="231224" spans="8:8">
      <c r="H231224" s="12"/>
    </row>
    <row r="231225" spans="8:8">
      <c r="H231225" s="12"/>
    </row>
    <row r="231226" spans="8:8">
      <c r="H231226" s="12"/>
    </row>
    <row r="231227" spans="8:8">
      <c r="H231227" s="12"/>
    </row>
    <row r="231228" spans="8:8">
      <c r="H231228" s="12"/>
    </row>
    <row r="231229" spans="8:8">
      <c r="H231229" s="12"/>
    </row>
    <row r="231230" spans="8:8">
      <c r="H231230" s="12"/>
    </row>
    <row r="231231" spans="8:8">
      <c r="H231231" s="12"/>
    </row>
    <row r="231232" spans="8:8">
      <c r="H231232" s="12"/>
    </row>
    <row r="231233" spans="8:8">
      <c r="H231233" s="12"/>
    </row>
    <row r="231234" spans="8:8">
      <c r="H231234" s="12"/>
    </row>
    <row r="231235" spans="8:8">
      <c r="H231235" s="12"/>
    </row>
    <row r="231236" spans="8:8">
      <c r="H231236" s="12"/>
    </row>
    <row r="231237" spans="8:8">
      <c r="H231237" s="12"/>
    </row>
    <row r="231238" spans="8:8">
      <c r="H231238" s="12"/>
    </row>
    <row r="231239" spans="8:8">
      <c r="H231239" s="12"/>
    </row>
    <row r="231240" spans="8:8">
      <c r="H231240" s="12"/>
    </row>
    <row r="231241" spans="8:8">
      <c r="H231241" s="12"/>
    </row>
    <row r="231242" spans="8:8">
      <c r="H231242" s="12"/>
    </row>
    <row r="231243" spans="8:8">
      <c r="H231243" s="12"/>
    </row>
    <row r="231244" spans="8:8">
      <c r="H231244" s="12"/>
    </row>
    <row r="231245" spans="8:8">
      <c r="H231245" s="12"/>
    </row>
    <row r="231246" spans="8:8">
      <c r="H231246" s="12"/>
    </row>
    <row r="231247" spans="8:8">
      <c r="H231247" s="12"/>
    </row>
    <row r="231248" spans="8:8">
      <c r="H231248" s="12"/>
    </row>
    <row r="231249" spans="8:8">
      <c r="H231249" s="12"/>
    </row>
    <row r="231250" spans="8:8">
      <c r="H231250" s="12"/>
    </row>
    <row r="231251" spans="8:8">
      <c r="H231251" s="12"/>
    </row>
    <row r="231252" spans="8:8">
      <c r="H231252" s="12"/>
    </row>
    <row r="231253" spans="8:8">
      <c r="H231253" s="12"/>
    </row>
    <row r="231254" spans="8:8">
      <c r="H231254" s="12"/>
    </row>
    <row r="231255" spans="8:8">
      <c r="H231255" s="12"/>
    </row>
    <row r="231256" spans="8:8">
      <c r="H231256" s="12"/>
    </row>
    <row r="231257" spans="8:8">
      <c r="H231257" s="12"/>
    </row>
    <row r="231258" spans="8:8">
      <c r="H231258" s="12"/>
    </row>
    <row r="231259" spans="8:8">
      <c r="H231259" s="12"/>
    </row>
    <row r="231260" spans="8:8">
      <c r="H231260" s="12"/>
    </row>
    <row r="231261" spans="8:8">
      <c r="H231261" s="12"/>
    </row>
    <row r="231262" spans="8:8">
      <c r="H231262" s="12"/>
    </row>
    <row r="231263" spans="8:8">
      <c r="H231263" s="12"/>
    </row>
    <row r="231264" spans="8:8">
      <c r="H231264" s="12"/>
    </row>
    <row r="231265" spans="8:8">
      <c r="H231265" s="12"/>
    </row>
    <row r="231266" spans="8:8">
      <c r="H231266" s="12"/>
    </row>
    <row r="231267" spans="8:8">
      <c r="H231267" s="12"/>
    </row>
    <row r="231268" spans="8:8">
      <c r="H231268" s="12"/>
    </row>
    <row r="231269" spans="8:8">
      <c r="H231269" s="12"/>
    </row>
    <row r="231270" spans="8:8">
      <c r="H231270" s="12"/>
    </row>
    <row r="231271" spans="8:8">
      <c r="H231271" s="12"/>
    </row>
    <row r="231272" spans="8:8">
      <c r="H231272" s="12"/>
    </row>
    <row r="231273" spans="8:8">
      <c r="H231273" s="12"/>
    </row>
    <row r="231274" spans="8:8">
      <c r="H231274" s="12"/>
    </row>
    <row r="231275" spans="8:8">
      <c r="H231275" s="12"/>
    </row>
    <row r="231276" spans="8:8">
      <c r="H231276" s="12"/>
    </row>
    <row r="231277" spans="8:8">
      <c r="H231277" s="12"/>
    </row>
    <row r="231278" spans="8:8">
      <c r="H231278" s="12"/>
    </row>
    <row r="231279" spans="8:8">
      <c r="H231279" s="12"/>
    </row>
    <row r="231280" spans="8:8">
      <c r="H231280" s="12"/>
    </row>
    <row r="231281" spans="8:8">
      <c r="H231281" s="12"/>
    </row>
    <row r="231282" spans="8:8">
      <c r="H231282" s="12"/>
    </row>
    <row r="231283" spans="8:8">
      <c r="H231283" s="12"/>
    </row>
    <row r="231284" spans="8:8">
      <c r="H231284" s="12"/>
    </row>
    <row r="231285" spans="8:8">
      <c r="H231285" s="12"/>
    </row>
    <row r="231286" spans="8:8">
      <c r="H231286" s="12"/>
    </row>
    <row r="231287" spans="8:8">
      <c r="H231287" s="12"/>
    </row>
    <row r="231288" spans="8:8">
      <c r="H231288" s="12"/>
    </row>
    <row r="231289" spans="8:8">
      <c r="H231289" s="12"/>
    </row>
    <row r="231290" spans="8:8">
      <c r="H231290" s="12"/>
    </row>
    <row r="231291" spans="8:8">
      <c r="H231291" s="12"/>
    </row>
    <row r="231292" spans="8:8">
      <c r="H231292" s="12"/>
    </row>
    <row r="231293" spans="8:8">
      <c r="H231293" s="12"/>
    </row>
    <row r="231294" spans="8:8">
      <c r="H231294" s="12"/>
    </row>
    <row r="231295" spans="8:8">
      <c r="H231295" s="12"/>
    </row>
    <row r="231296" spans="8:8">
      <c r="H231296" s="12"/>
    </row>
    <row r="231297" spans="8:8">
      <c r="H231297" s="12"/>
    </row>
    <row r="231298" spans="8:8">
      <c r="H231298" s="12"/>
    </row>
    <row r="231299" spans="8:8">
      <c r="H231299" s="12"/>
    </row>
    <row r="231300" spans="8:8">
      <c r="H231300" s="12"/>
    </row>
    <row r="231301" spans="8:8">
      <c r="H231301" s="12"/>
    </row>
    <row r="231302" spans="8:8">
      <c r="H231302" s="12"/>
    </row>
    <row r="231303" spans="8:8">
      <c r="H231303" s="12"/>
    </row>
    <row r="231304" spans="8:8">
      <c r="H231304" s="12"/>
    </row>
    <row r="231305" spans="8:8">
      <c r="H231305" s="12"/>
    </row>
    <row r="231306" spans="8:8">
      <c r="H231306" s="12"/>
    </row>
    <row r="231307" spans="8:8">
      <c r="H231307" s="12"/>
    </row>
    <row r="231308" spans="8:8">
      <c r="H231308" s="12"/>
    </row>
    <row r="231309" spans="8:8">
      <c r="H231309" s="12"/>
    </row>
    <row r="231310" spans="8:8">
      <c r="H231310" s="12"/>
    </row>
    <row r="231311" spans="8:8">
      <c r="H231311" s="12"/>
    </row>
    <row r="231312" spans="8:8">
      <c r="H231312" s="12"/>
    </row>
    <row r="231313" spans="8:8">
      <c r="H231313" s="12"/>
    </row>
    <row r="231314" spans="8:8">
      <c r="H231314" s="12"/>
    </row>
    <row r="231315" spans="8:8">
      <c r="H231315" s="12"/>
    </row>
    <row r="231316" spans="8:8">
      <c r="H231316" s="12"/>
    </row>
    <row r="231317" spans="8:8">
      <c r="H231317" s="12"/>
    </row>
    <row r="231318" spans="8:8">
      <c r="H231318" s="12"/>
    </row>
    <row r="231319" spans="8:8">
      <c r="H231319" s="12"/>
    </row>
    <row r="231320" spans="8:8">
      <c r="H231320" s="12"/>
    </row>
    <row r="231321" spans="8:8">
      <c r="H231321" s="12"/>
    </row>
    <row r="231322" spans="8:8">
      <c r="H231322" s="12"/>
    </row>
    <row r="231323" spans="8:8">
      <c r="H231323" s="12"/>
    </row>
    <row r="231324" spans="8:8">
      <c r="H231324" s="12"/>
    </row>
    <row r="231325" spans="8:8">
      <c r="H231325" s="12"/>
    </row>
    <row r="231326" spans="8:8">
      <c r="H231326" s="12"/>
    </row>
    <row r="231327" spans="8:8">
      <c r="H231327" s="12"/>
    </row>
    <row r="231328" spans="8:8">
      <c r="H231328" s="12"/>
    </row>
    <row r="231329" spans="8:8">
      <c r="H231329" s="12"/>
    </row>
    <row r="231330" spans="8:8">
      <c r="H231330" s="12"/>
    </row>
    <row r="231331" spans="8:8">
      <c r="H231331" s="12"/>
    </row>
    <row r="231332" spans="8:8">
      <c r="H231332" s="12"/>
    </row>
    <row r="231333" spans="8:8">
      <c r="H231333" s="12"/>
    </row>
    <row r="231334" spans="8:8">
      <c r="H231334" s="12"/>
    </row>
    <row r="231335" spans="8:8">
      <c r="H231335" s="12"/>
    </row>
    <row r="231336" spans="8:8">
      <c r="H231336" s="12"/>
    </row>
    <row r="231337" spans="8:8">
      <c r="H231337" s="12"/>
    </row>
    <row r="231338" spans="8:8">
      <c r="H231338" s="12"/>
    </row>
    <row r="231339" spans="8:8">
      <c r="H231339" s="12"/>
    </row>
    <row r="231340" spans="8:8">
      <c r="H231340" s="12"/>
    </row>
    <row r="231341" spans="8:8">
      <c r="H231341" s="12"/>
    </row>
    <row r="231342" spans="8:8">
      <c r="H231342" s="12"/>
    </row>
    <row r="231343" spans="8:8">
      <c r="H231343" s="12"/>
    </row>
    <row r="231344" spans="8:8">
      <c r="H231344" s="12"/>
    </row>
    <row r="231345" spans="8:8">
      <c r="H231345" s="12"/>
    </row>
    <row r="231346" spans="8:8">
      <c r="H231346" s="12"/>
    </row>
    <row r="231347" spans="8:8">
      <c r="H231347" s="12"/>
    </row>
    <row r="231348" spans="8:8">
      <c r="H231348" s="12"/>
    </row>
    <row r="231349" spans="8:8">
      <c r="H231349" s="12"/>
    </row>
    <row r="231350" spans="8:8">
      <c r="H231350" s="12"/>
    </row>
    <row r="231351" spans="8:8">
      <c r="H231351" s="12"/>
    </row>
    <row r="231352" spans="8:8">
      <c r="H231352" s="12"/>
    </row>
    <row r="231353" spans="8:8">
      <c r="H231353" s="12"/>
    </row>
    <row r="231354" spans="8:8">
      <c r="H231354" s="12"/>
    </row>
    <row r="231355" spans="8:8">
      <c r="H231355" s="12"/>
    </row>
    <row r="231356" spans="8:8">
      <c r="H231356" s="12"/>
    </row>
    <row r="231357" spans="8:8">
      <c r="H231357" s="12"/>
    </row>
    <row r="231358" spans="8:8">
      <c r="H231358" s="12"/>
    </row>
    <row r="231359" spans="8:8">
      <c r="H231359" s="12"/>
    </row>
    <row r="231360" spans="8:8">
      <c r="H231360" s="12"/>
    </row>
    <row r="231361" spans="8:8">
      <c r="H231361" s="12"/>
    </row>
    <row r="231362" spans="8:8">
      <c r="H231362" s="12"/>
    </row>
    <row r="231363" spans="8:8">
      <c r="H231363" s="12"/>
    </row>
    <row r="231364" spans="8:8">
      <c r="H231364" s="12"/>
    </row>
    <row r="231365" spans="8:8">
      <c r="H231365" s="12"/>
    </row>
    <row r="231366" spans="8:8">
      <c r="H231366" s="12"/>
    </row>
    <row r="231367" spans="8:8">
      <c r="H231367" s="12"/>
    </row>
    <row r="231368" spans="8:8">
      <c r="H231368" s="12"/>
    </row>
    <row r="231369" spans="8:8">
      <c r="H231369" s="12"/>
    </row>
    <row r="231370" spans="8:8">
      <c r="H231370" s="12"/>
    </row>
    <row r="231371" spans="8:8">
      <c r="H231371" s="12"/>
    </row>
    <row r="231372" spans="8:8">
      <c r="H231372" s="12"/>
    </row>
    <row r="231373" spans="8:8">
      <c r="H231373" s="12"/>
    </row>
    <row r="231374" spans="8:8">
      <c r="H231374" s="12"/>
    </row>
    <row r="231375" spans="8:8">
      <c r="H231375" s="12"/>
    </row>
    <row r="231376" spans="8:8">
      <c r="H231376" s="12"/>
    </row>
    <row r="231377" spans="8:8">
      <c r="H231377" s="12"/>
    </row>
    <row r="231378" spans="8:8">
      <c r="H231378" s="12"/>
    </row>
    <row r="231379" spans="8:8">
      <c r="H231379" s="12"/>
    </row>
    <row r="231380" spans="8:8">
      <c r="H231380" s="12"/>
    </row>
    <row r="231381" spans="8:8">
      <c r="H231381" s="12"/>
    </row>
    <row r="231382" spans="8:8">
      <c r="H231382" s="12"/>
    </row>
    <row r="231383" spans="8:8">
      <c r="H231383" s="12"/>
    </row>
    <row r="231384" spans="8:8">
      <c r="H231384" s="12"/>
    </row>
    <row r="231385" spans="8:8">
      <c r="H231385" s="12"/>
    </row>
    <row r="231386" spans="8:8">
      <c r="H231386" s="12"/>
    </row>
    <row r="231387" spans="8:8">
      <c r="H231387" s="12"/>
    </row>
    <row r="231388" spans="8:8">
      <c r="H231388" s="12"/>
    </row>
    <row r="231389" spans="8:8">
      <c r="H231389" s="12"/>
    </row>
    <row r="231390" spans="8:8">
      <c r="H231390" s="12"/>
    </row>
    <row r="231391" spans="8:8">
      <c r="H231391" s="12"/>
    </row>
    <row r="231392" spans="8:8">
      <c r="H231392" s="12"/>
    </row>
    <row r="231393" spans="8:8">
      <c r="H231393" s="12"/>
    </row>
    <row r="231394" spans="8:8">
      <c r="H231394" s="12"/>
    </row>
    <row r="231395" spans="8:8">
      <c r="H231395" s="12"/>
    </row>
    <row r="231396" spans="8:8">
      <c r="H231396" s="12"/>
    </row>
    <row r="231397" spans="8:8">
      <c r="H231397" s="12"/>
    </row>
    <row r="231398" spans="8:8">
      <c r="H231398" s="12"/>
    </row>
    <row r="231399" spans="8:8">
      <c r="H231399" s="12"/>
    </row>
    <row r="231400" spans="8:8">
      <c r="H231400" s="12"/>
    </row>
    <row r="231401" spans="8:8">
      <c r="H231401" s="12"/>
    </row>
    <row r="231402" spans="8:8">
      <c r="H231402" s="12"/>
    </row>
    <row r="231403" spans="8:8">
      <c r="H231403" s="12"/>
    </row>
    <row r="231404" spans="8:8">
      <c r="H231404" s="12"/>
    </row>
    <row r="231405" spans="8:8">
      <c r="H231405" s="12"/>
    </row>
    <row r="231406" spans="8:8">
      <c r="H231406" s="12"/>
    </row>
    <row r="231407" spans="8:8">
      <c r="H231407" s="12"/>
    </row>
    <row r="231408" spans="8:8">
      <c r="H231408" s="12"/>
    </row>
    <row r="231409" spans="8:8">
      <c r="H231409" s="12"/>
    </row>
    <row r="231410" spans="8:8">
      <c r="H231410" s="12"/>
    </row>
    <row r="231411" spans="8:8">
      <c r="H231411" s="12"/>
    </row>
    <row r="231412" spans="8:8">
      <c r="H231412" s="12"/>
    </row>
    <row r="231413" spans="8:8">
      <c r="H231413" s="12"/>
    </row>
    <row r="231414" spans="8:8">
      <c r="H231414" s="12"/>
    </row>
    <row r="231415" spans="8:8">
      <c r="H231415" s="12"/>
    </row>
    <row r="231416" spans="8:8">
      <c r="H231416" s="12"/>
    </row>
    <row r="231417" spans="8:8">
      <c r="H231417" s="12"/>
    </row>
    <row r="231418" spans="8:8">
      <c r="H231418" s="12"/>
    </row>
    <row r="231419" spans="8:8">
      <c r="H231419" s="12"/>
    </row>
    <row r="231420" spans="8:8">
      <c r="H231420" s="12"/>
    </row>
    <row r="231421" spans="8:8">
      <c r="H231421" s="12"/>
    </row>
    <row r="231422" spans="8:8">
      <c r="H231422" s="12"/>
    </row>
    <row r="231423" spans="8:8">
      <c r="H231423" s="12"/>
    </row>
    <row r="231424" spans="8:8">
      <c r="H231424" s="12"/>
    </row>
    <row r="231425" spans="8:8">
      <c r="H231425" s="12"/>
    </row>
    <row r="231426" spans="8:8">
      <c r="H231426" s="12"/>
    </row>
    <row r="231427" spans="8:8">
      <c r="H231427" s="12"/>
    </row>
    <row r="231428" spans="8:8">
      <c r="H231428" s="12"/>
    </row>
    <row r="231429" spans="8:8">
      <c r="H231429" s="12"/>
    </row>
    <row r="231430" spans="8:8">
      <c r="H231430" s="12"/>
    </row>
    <row r="231431" spans="8:8">
      <c r="H231431" s="12"/>
    </row>
    <row r="231432" spans="8:8">
      <c r="H231432" s="12"/>
    </row>
    <row r="231433" spans="8:8">
      <c r="H231433" s="12"/>
    </row>
    <row r="231434" spans="8:8">
      <c r="H231434" s="12"/>
    </row>
    <row r="231435" spans="8:8">
      <c r="H231435" s="12"/>
    </row>
    <row r="231436" spans="8:8">
      <c r="H231436" s="12"/>
    </row>
    <row r="231437" spans="8:8">
      <c r="H231437" s="12"/>
    </row>
    <row r="231438" spans="8:8">
      <c r="H231438" s="12"/>
    </row>
    <row r="231439" spans="8:8">
      <c r="H231439" s="12"/>
    </row>
    <row r="231440" spans="8:8">
      <c r="H231440" s="12"/>
    </row>
    <row r="231441" spans="8:8">
      <c r="H231441" s="12"/>
    </row>
    <row r="231442" spans="8:8">
      <c r="H231442" s="12"/>
    </row>
    <row r="231443" spans="8:8">
      <c r="H231443" s="12"/>
    </row>
    <row r="231444" spans="8:8">
      <c r="H231444" s="12"/>
    </row>
    <row r="231445" spans="8:8">
      <c r="H231445" s="12"/>
    </row>
    <row r="231446" spans="8:8">
      <c r="H231446" s="12"/>
    </row>
    <row r="231447" spans="8:8">
      <c r="H231447" s="12"/>
    </row>
    <row r="231448" spans="8:8">
      <c r="H231448" s="12"/>
    </row>
    <row r="231449" spans="8:8">
      <c r="H231449" s="12"/>
    </row>
    <row r="231450" spans="8:8">
      <c r="H231450" s="12"/>
    </row>
    <row r="231451" spans="8:8">
      <c r="H231451" s="12"/>
    </row>
    <row r="231452" spans="8:8">
      <c r="H231452" s="12"/>
    </row>
    <row r="231453" spans="8:8">
      <c r="H231453" s="12"/>
    </row>
    <row r="231454" spans="8:8">
      <c r="H231454" s="12"/>
    </row>
    <row r="231455" spans="8:8">
      <c r="H231455" s="12"/>
    </row>
    <row r="231456" spans="8:8">
      <c r="H231456" s="12"/>
    </row>
    <row r="231457" spans="8:8">
      <c r="H231457" s="12"/>
    </row>
    <row r="231458" spans="8:8">
      <c r="H231458" s="12"/>
    </row>
    <row r="231459" spans="8:8">
      <c r="H231459" s="12"/>
    </row>
    <row r="231460" spans="8:8">
      <c r="H231460" s="12"/>
    </row>
    <row r="231461" spans="8:8">
      <c r="H231461" s="12"/>
    </row>
    <row r="231462" spans="8:8">
      <c r="H231462" s="12"/>
    </row>
    <row r="231463" spans="8:8">
      <c r="H231463" s="12"/>
    </row>
    <row r="231464" spans="8:8">
      <c r="H231464" s="12"/>
    </row>
    <row r="231465" spans="8:8">
      <c r="H231465" s="12"/>
    </row>
    <row r="231466" spans="8:8">
      <c r="H231466" s="12"/>
    </row>
    <row r="231467" spans="8:8">
      <c r="H231467" s="12"/>
    </row>
    <row r="231468" spans="8:8">
      <c r="H231468" s="12"/>
    </row>
    <row r="231469" spans="8:8">
      <c r="H231469" s="12"/>
    </row>
    <row r="231470" spans="8:8">
      <c r="H231470" s="12"/>
    </row>
    <row r="231471" spans="8:8">
      <c r="H231471" s="12"/>
    </row>
    <row r="231472" spans="8:8">
      <c r="H231472" s="12"/>
    </row>
    <row r="231473" spans="8:8">
      <c r="H231473" s="12"/>
    </row>
    <row r="231474" spans="8:8">
      <c r="H231474" s="12"/>
    </row>
    <row r="231475" spans="8:8">
      <c r="H231475" s="12"/>
    </row>
    <row r="231476" spans="8:8">
      <c r="H231476" s="12"/>
    </row>
    <row r="231477" spans="8:8">
      <c r="H231477" s="12"/>
    </row>
    <row r="231478" spans="8:8">
      <c r="H231478" s="12"/>
    </row>
    <row r="231479" spans="8:8">
      <c r="H231479" s="12"/>
    </row>
    <row r="231480" spans="8:8">
      <c r="H231480" s="12"/>
    </row>
    <row r="231481" spans="8:8">
      <c r="H231481" s="12"/>
    </row>
    <row r="231482" spans="8:8">
      <c r="H231482" s="12"/>
    </row>
    <row r="231483" spans="8:8">
      <c r="H231483" s="12"/>
    </row>
    <row r="231484" spans="8:8">
      <c r="H231484" s="12"/>
    </row>
    <row r="231485" spans="8:8">
      <c r="H231485" s="12"/>
    </row>
    <row r="231486" spans="8:8">
      <c r="H231486" s="12"/>
    </row>
    <row r="231487" spans="8:8">
      <c r="H231487" s="12"/>
    </row>
    <row r="231488" spans="8:8">
      <c r="H231488" s="12"/>
    </row>
    <row r="231489" spans="8:8">
      <c r="H231489" s="12"/>
    </row>
    <row r="231490" spans="8:8">
      <c r="H231490" s="12"/>
    </row>
    <row r="231491" spans="8:8">
      <c r="H231491" s="12"/>
    </row>
    <row r="231492" spans="8:8">
      <c r="H231492" s="12"/>
    </row>
    <row r="231493" spans="8:8">
      <c r="H231493" s="12"/>
    </row>
    <row r="231494" spans="8:8">
      <c r="H231494" s="12"/>
    </row>
    <row r="231495" spans="8:8">
      <c r="H231495" s="12"/>
    </row>
    <row r="231496" spans="8:8">
      <c r="H231496" s="12"/>
    </row>
    <row r="231497" spans="8:8">
      <c r="H231497" s="12"/>
    </row>
    <row r="231498" spans="8:8">
      <c r="H231498" s="12"/>
    </row>
    <row r="231499" spans="8:8">
      <c r="H231499" s="12"/>
    </row>
    <row r="231500" spans="8:8">
      <c r="H231500" s="12"/>
    </row>
    <row r="231501" spans="8:8">
      <c r="H231501" s="12"/>
    </row>
    <row r="231502" spans="8:8">
      <c r="H231502" s="12"/>
    </row>
    <row r="231503" spans="8:8">
      <c r="H231503" s="12"/>
    </row>
    <row r="231504" spans="8:8">
      <c r="H231504" s="12"/>
    </row>
    <row r="231505" spans="8:8">
      <c r="H231505" s="12"/>
    </row>
    <row r="231506" spans="8:8">
      <c r="H231506" s="12"/>
    </row>
    <row r="231507" spans="8:8">
      <c r="H231507" s="12"/>
    </row>
    <row r="231508" spans="8:8">
      <c r="H231508" s="12"/>
    </row>
    <row r="231509" spans="8:8">
      <c r="H231509" s="12"/>
    </row>
    <row r="231510" spans="8:8">
      <c r="H231510" s="12"/>
    </row>
    <row r="231511" spans="8:8">
      <c r="H231511" s="12"/>
    </row>
    <row r="231512" spans="8:8">
      <c r="H231512" s="12"/>
    </row>
    <row r="231513" spans="8:8">
      <c r="H231513" s="12"/>
    </row>
    <row r="231514" spans="8:8">
      <c r="H231514" s="12"/>
    </row>
    <row r="231515" spans="8:8">
      <c r="H231515" s="12"/>
    </row>
    <row r="231516" spans="8:8">
      <c r="H231516" s="12"/>
    </row>
    <row r="231517" spans="8:8">
      <c r="H231517" s="12"/>
    </row>
    <row r="231518" spans="8:8">
      <c r="H231518" s="12"/>
    </row>
    <row r="231519" spans="8:8">
      <c r="H231519" s="12"/>
    </row>
    <row r="231520" spans="8:8">
      <c r="H231520" s="12"/>
    </row>
    <row r="231521" spans="8:8">
      <c r="H231521" s="12"/>
    </row>
    <row r="231522" spans="8:8">
      <c r="H231522" s="12"/>
    </row>
    <row r="231523" spans="8:8">
      <c r="H231523" s="12"/>
    </row>
    <row r="231524" spans="8:8">
      <c r="H231524" s="12"/>
    </row>
    <row r="231525" spans="8:8">
      <c r="H231525" s="12"/>
    </row>
    <row r="231526" spans="8:8">
      <c r="H231526" s="12"/>
    </row>
    <row r="231527" spans="8:8">
      <c r="H231527" s="12"/>
    </row>
    <row r="231528" spans="8:8">
      <c r="H231528" s="12"/>
    </row>
    <row r="231529" spans="8:8">
      <c r="H231529" s="12"/>
    </row>
    <row r="231530" spans="8:8">
      <c r="H231530" s="12"/>
    </row>
    <row r="231531" spans="8:8">
      <c r="H231531" s="12"/>
    </row>
    <row r="231532" spans="8:8">
      <c r="H231532" s="12"/>
    </row>
    <row r="231533" spans="8:8">
      <c r="H231533" s="12"/>
    </row>
    <row r="231534" spans="8:8">
      <c r="H231534" s="12"/>
    </row>
    <row r="231535" spans="8:8">
      <c r="H231535" s="12"/>
    </row>
    <row r="231536" spans="8:8">
      <c r="H231536" s="12"/>
    </row>
    <row r="231537" spans="8:8">
      <c r="H231537" s="12"/>
    </row>
    <row r="231538" spans="8:8">
      <c r="H231538" s="12"/>
    </row>
    <row r="231539" spans="8:8">
      <c r="H231539" s="12"/>
    </row>
    <row r="231540" spans="8:8">
      <c r="H231540" s="12"/>
    </row>
    <row r="231541" spans="8:8">
      <c r="H231541" s="12"/>
    </row>
    <row r="231542" spans="8:8">
      <c r="H231542" s="12"/>
    </row>
    <row r="231543" spans="8:8">
      <c r="H231543" s="12"/>
    </row>
    <row r="231544" spans="8:8">
      <c r="H231544" s="12"/>
    </row>
    <row r="231545" spans="8:8">
      <c r="H231545" s="12"/>
    </row>
    <row r="231546" spans="8:8">
      <c r="H231546" s="12"/>
    </row>
    <row r="231547" spans="8:8">
      <c r="H231547" s="12"/>
    </row>
    <row r="231548" spans="8:8">
      <c r="H231548" s="12"/>
    </row>
    <row r="231549" spans="8:8">
      <c r="H231549" s="12"/>
    </row>
    <row r="231550" spans="8:8">
      <c r="H231550" s="12"/>
    </row>
    <row r="231551" spans="8:8">
      <c r="H231551" s="12"/>
    </row>
    <row r="231552" spans="8:8">
      <c r="H231552" s="12"/>
    </row>
    <row r="231553" spans="8:8">
      <c r="H231553" s="12"/>
    </row>
    <row r="231554" spans="8:8">
      <c r="H231554" s="12"/>
    </row>
    <row r="231555" spans="8:8">
      <c r="H231555" s="12"/>
    </row>
    <row r="231556" spans="8:8">
      <c r="H231556" s="12"/>
    </row>
    <row r="231557" spans="8:8">
      <c r="H231557" s="12"/>
    </row>
    <row r="231558" spans="8:8">
      <c r="H231558" s="12"/>
    </row>
    <row r="231559" spans="8:8">
      <c r="H231559" s="12"/>
    </row>
    <row r="231560" spans="8:8">
      <c r="H231560" s="12"/>
    </row>
    <row r="231561" spans="8:8">
      <c r="H231561" s="12"/>
    </row>
    <row r="231562" spans="8:8">
      <c r="H231562" s="12"/>
    </row>
    <row r="231563" spans="8:8">
      <c r="H231563" s="12"/>
    </row>
    <row r="231564" spans="8:8">
      <c r="H231564" s="12"/>
    </row>
    <row r="231565" spans="8:8">
      <c r="H231565" s="12"/>
    </row>
    <row r="231566" spans="8:8">
      <c r="H231566" s="12"/>
    </row>
    <row r="231567" spans="8:8">
      <c r="H231567" s="12"/>
    </row>
    <row r="231568" spans="8:8">
      <c r="H231568" s="12"/>
    </row>
    <row r="231569" spans="8:8">
      <c r="H231569" s="12"/>
    </row>
    <row r="231570" spans="8:8">
      <c r="H231570" s="12"/>
    </row>
    <row r="231571" spans="8:8">
      <c r="H231571" s="12"/>
    </row>
    <row r="231572" spans="8:8">
      <c r="H231572" s="12"/>
    </row>
    <row r="231573" spans="8:8">
      <c r="H231573" s="12"/>
    </row>
    <row r="231574" spans="8:8">
      <c r="H231574" s="12"/>
    </row>
    <row r="231575" spans="8:8">
      <c r="H231575" s="12"/>
    </row>
    <row r="231576" spans="8:8">
      <c r="H231576" s="12"/>
    </row>
    <row r="231577" spans="8:8">
      <c r="H231577" s="12"/>
    </row>
    <row r="231578" spans="8:8">
      <c r="H231578" s="12"/>
    </row>
    <row r="231579" spans="8:8">
      <c r="H231579" s="12"/>
    </row>
    <row r="231580" spans="8:8">
      <c r="H231580" s="12"/>
    </row>
    <row r="231581" spans="8:8">
      <c r="H231581" s="12"/>
    </row>
    <row r="231582" spans="8:8">
      <c r="H231582" s="12"/>
    </row>
    <row r="231583" spans="8:8">
      <c r="H231583" s="12"/>
    </row>
    <row r="231584" spans="8:8">
      <c r="H231584" s="12"/>
    </row>
    <row r="231585" spans="8:8">
      <c r="H231585" s="12"/>
    </row>
    <row r="231586" spans="8:8">
      <c r="H231586" s="12"/>
    </row>
    <row r="231587" spans="8:8">
      <c r="H231587" s="12"/>
    </row>
    <row r="231588" spans="8:8">
      <c r="H231588" s="12"/>
    </row>
    <row r="231589" spans="8:8">
      <c r="H231589" s="12"/>
    </row>
    <row r="231590" spans="8:8">
      <c r="H231590" s="12"/>
    </row>
    <row r="231591" spans="8:8">
      <c r="H231591" s="12"/>
    </row>
    <row r="231592" spans="8:8">
      <c r="H231592" s="12"/>
    </row>
    <row r="231593" spans="8:8">
      <c r="H231593" s="12"/>
    </row>
    <row r="231594" spans="8:8">
      <c r="H231594" s="12"/>
    </row>
    <row r="231595" spans="8:8">
      <c r="H231595" s="12"/>
    </row>
    <row r="231596" spans="8:8">
      <c r="H231596" s="12"/>
    </row>
    <row r="231597" spans="8:8">
      <c r="H231597" s="12"/>
    </row>
    <row r="231598" spans="8:8">
      <c r="H231598" s="12"/>
    </row>
    <row r="231599" spans="8:8">
      <c r="H231599" s="12"/>
    </row>
    <row r="231600" spans="8:8">
      <c r="H231600" s="12"/>
    </row>
    <row r="231601" spans="8:8">
      <c r="H231601" s="12"/>
    </row>
    <row r="231602" spans="8:8">
      <c r="H231602" s="12"/>
    </row>
    <row r="231603" spans="8:8">
      <c r="H231603" s="12"/>
    </row>
    <row r="231604" spans="8:8">
      <c r="H231604" s="12"/>
    </row>
    <row r="231605" spans="8:8">
      <c r="H231605" s="12"/>
    </row>
    <row r="231606" spans="8:8">
      <c r="H231606" s="12"/>
    </row>
    <row r="231607" spans="8:8">
      <c r="H231607" s="12"/>
    </row>
    <row r="231608" spans="8:8">
      <c r="H231608" s="12"/>
    </row>
    <row r="231609" spans="8:8">
      <c r="H231609" s="12"/>
    </row>
    <row r="231610" spans="8:8">
      <c r="H231610" s="12"/>
    </row>
    <row r="231611" spans="8:8">
      <c r="H231611" s="12"/>
    </row>
    <row r="231612" spans="8:8">
      <c r="H231612" s="12"/>
    </row>
    <row r="231613" spans="8:8">
      <c r="H231613" s="12"/>
    </row>
    <row r="231614" spans="8:8">
      <c r="H231614" s="12"/>
    </row>
    <row r="231615" spans="8:8">
      <c r="H231615" s="12"/>
    </row>
    <row r="231616" spans="8:8">
      <c r="H231616" s="12"/>
    </row>
    <row r="231617" spans="8:8">
      <c r="H231617" s="12"/>
    </row>
    <row r="231618" spans="8:8">
      <c r="H231618" s="12"/>
    </row>
    <row r="231619" spans="8:8">
      <c r="H231619" s="12"/>
    </row>
    <row r="231620" spans="8:8">
      <c r="H231620" s="12"/>
    </row>
    <row r="231621" spans="8:8">
      <c r="H231621" s="12"/>
    </row>
    <row r="231622" spans="8:8">
      <c r="H231622" s="12"/>
    </row>
    <row r="231623" spans="8:8">
      <c r="H231623" s="12"/>
    </row>
    <row r="231624" spans="8:8">
      <c r="H231624" s="12"/>
    </row>
    <row r="231625" spans="8:8">
      <c r="H231625" s="12"/>
    </row>
    <row r="231626" spans="8:8">
      <c r="H231626" s="12"/>
    </row>
    <row r="231627" spans="8:8">
      <c r="H231627" s="12"/>
    </row>
    <row r="231628" spans="8:8">
      <c r="H231628" s="12"/>
    </row>
    <row r="231629" spans="8:8">
      <c r="H231629" s="12"/>
    </row>
    <row r="231630" spans="8:8">
      <c r="H231630" s="12"/>
    </row>
    <row r="231631" spans="8:8">
      <c r="H231631" s="12"/>
    </row>
    <row r="231632" spans="8:8">
      <c r="H231632" s="12"/>
    </row>
    <row r="231633" spans="8:8">
      <c r="H231633" s="12"/>
    </row>
    <row r="231634" spans="8:8">
      <c r="H231634" s="12"/>
    </row>
    <row r="231635" spans="8:8">
      <c r="H231635" s="12"/>
    </row>
    <row r="231636" spans="8:8">
      <c r="H231636" s="12"/>
    </row>
    <row r="231637" spans="8:8">
      <c r="H231637" s="12"/>
    </row>
    <row r="231638" spans="8:8">
      <c r="H231638" s="12"/>
    </row>
    <row r="231639" spans="8:8">
      <c r="H231639" s="12"/>
    </row>
    <row r="231640" spans="8:8">
      <c r="H231640" s="12"/>
    </row>
    <row r="231641" spans="8:8">
      <c r="H231641" s="12"/>
    </row>
    <row r="231642" spans="8:8">
      <c r="H231642" s="12"/>
    </row>
    <row r="231643" spans="8:8">
      <c r="H231643" s="12"/>
    </row>
    <row r="231644" spans="8:8">
      <c r="H231644" s="12"/>
    </row>
    <row r="231645" spans="8:8">
      <c r="H231645" s="12"/>
    </row>
    <row r="231646" spans="8:8">
      <c r="H231646" s="12"/>
    </row>
    <row r="231647" spans="8:8">
      <c r="H231647" s="12"/>
    </row>
    <row r="231648" spans="8:8">
      <c r="H231648" s="12"/>
    </row>
    <row r="231649" spans="8:8">
      <c r="H231649" s="12"/>
    </row>
    <row r="231650" spans="8:8">
      <c r="H231650" s="12"/>
    </row>
    <row r="231651" spans="8:8">
      <c r="H231651" s="12"/>
    </row>
    <row r="231652" spans="8:8">
      <c r="H231652" s="12"/>
    </row>
    <row r="231653" spans="8:8">
      <c r="H231653" s="12"/>
    </row>
    <row r="231654" spans="8:8">
      <c r="H231654" s="12"/>
    </row>
    <row r="231655" spans="8:8">
      <c r="H231655" s="12"/>
    </row>
    <row r="231656" spans="8:8">
      <c r="H231656" s="12"/>
    </row>
    <row r="231657" spans="8:8">
      <c r="H231657" s="12"/>
    </row>
    <row r="231658" spans="8:8">
      <c r="H231658" s="12"/>
    </row>
    <row r="231659" spans="8:8">
      <c r="H231659" s="12"/>
    </row>
    <row r="231660" spans="8:8">
      <c r="H231660" s="12"/>
    </row>
    <row r="231661" spans="8:8">
      <c r="H231661" s="12"/>
    </row>
    <row r="231662" spans="8:8">
      <c r="H231662" s="12"/>
    </row>
    <row r="231663" spans="8:8">
      <c r="H231663" s="12"/>
    </row>
    <row r="231664" spans="8:8">
      <c r="H231664" s="12"/>
    </row>
    <row r="231665" spans="8:8">
      <c r="H231665" s="12"/>
    </row>
    <row r="231666" spans="8:8">
      <c r="H231666" s="12"/>
    </row>
    <row r="231667" spans="8:8">
      <c r="H231667" s="12"/>
    </row>
    <row r="231668" spans="8:8">
      <c r="H231668" s="12"/>
    </row>
    <row r="231669" spans="8:8">
      <c r="H231669" s="12"/>
    </row>
    <row r="231670" spans="8:8">
      <c r="H231670" s="12"/>
    </row>
    <row r="231671" spans="8:8">
      <c r="H231671" s="12"/>
    </row>
    <row r="231672" spans="8:8">
      <c r="H231672" s="12"/>
    </row>
    <row r="231673" spans="8:8">
      <c r="H231673" s="12"/>
    </row>
    <row r="231674" spans="8:8">
      <c r="H231674" s="12"/>
    </row>
    <row r="231675" spans="8:8">
      <c r="H231675" s="12"/>
    </row>
    <row r="231676" spans="8:8">
      <c r="H231676" s="12"/>
    </row>
    <row r="231677" spans="8:8">
      <c r="H231677" s="12"/>
    </row>
    <row r="231678" spans="8:8">
      <c r="H231678" s="12"/>
    </row>
    <row r="231679" spans="8:8">
      <c r="H231679" s="12"/>
    </row>
    <row r="231680" spans="8:8">
      <c r="H231680" s="12"/>
    </row>
    <row r="231681" spans="8:8">
      <c r="H231681" s="12"/>
    </row>
    <row r="231682" spans="8:8">
      <c r="H231682" s="12"/>
    </row>
    <row r="231683" spans="8:8">
      <c r="H231683" s="12"/>
    </row>
    <row r="231684" spans="8:8">
      <c r="H231684" s="12"/>
    </row>
    <row r="231685" spans="8:8">
      <c r="H231685" s="12"/>
    </row>
    <row r="231686" spans="8:8">
      <c r="H231686" s="12"/>
    </row>
    <row r="231687" spans="8:8">
      <c r="H231687" s="12"/>
    </row>
    <row r="231688" spans="8:8">
      <c r="H231688" s="12"/>
    </row>
    <row r="231689" spans="8:8">
      <c r="H231689" s="12"/>
    </row>
    <row r="231690" spans="8:8">
      <c r="H231690" s="12"/>
    </row>
    <row r="231691" spans="8:8">
      <c r="H231691" s="12"/>
    </row>
    <row r="231692" spans="8:8">
      <c r="H231692" s="12"/>
    </row>
    <row r="231693" spans="8:8">
      <c r="H231693" s="12"/>
    </row>
    <row r="231694" spans="8:8">
      <c r="H231694" s="12"/>
    </row>
    <row r="231695" spans="8:8">
      <c r="H231695" s="12"/>
    </row>
    <row r="231696" spans="8:8">
      <c r="H231696" s="12"/>
    </row>
    <row r="231697" spans="8:8">
      <c r="H231697" s="12"/>
    </row>
    <row r="231698" spans="8:8">
      <c r="H231698" s="12"/>
    </row>
    <row r="231699" spans="8:8">
      <c r="H231699" s="12"/>
    </row>
    <row r="231700" spans="8:8">
      <c r="H231700" s="12"/>
    </row>
    <row r="231701" spans="8:8">
      <c r="H231701" s="12"/>
    </row>
    <row r="231702" spans="8:8">
      <c r="H231702" s="12"/>
    </row>
    <row r="231703" spans="8:8">
      <c r="H231703" s="12"/>
    </row>
    <row r="231704" spans="8:8">
      <c r="H231704" s="12"/>
    </row>
    <row r="231705" spans="8:8">
      <c r="H231705" s="12"/>
    </row>
    <row r="231706" spans="8:8">
      <c r="H231706" s="12"/>
    </row>
    <row r="231707" spans="8:8">
      <c r="H231707" s="12"/>
    </row>
    <row r="231708" spans="8:8">
      <c r="H231708" s="12"/>
    </row>
    <row r="231709" spans="8:8">
      <c r="H231709" s="12"/>
    </row>
    <row r="231710" spans="8:8">
      <c r="H231710" s="12"/>
    </row>
    <row r="231711" spans="8:8">
      <c r="H231711" s="12"/>
    </row>
    <row r="231712" spans="8:8">
      <c r="H231712" s="12"/>
    </row>
    <row r="231713" spans="8:8">
      <c r="H231713" s="12"/>
    </row>
    <row r="231714" spans="8:8">
      <c r="H231714" s="12"/>
    </row>
    <row r="231715" spans="8:8">
      <c r="H231715" s="12"/>
    </row>
    <row r="231716" spans="8:8">
      <c r="H231716" s="12"/>
    </row>
    <row r="231717" spans="8:8">
      <c r="H231717" s="12"/>
    </row>
    <row r="231718" spans="8:8">
      <c r="H231718" s="12"/>
    </row>
    <row r="231719" spans="8:8">
      <c r="H231719" s="12"/>
    </row>
    <row r="231720" spans="8:8">
      <c r="H231720" s="12"/>
    </row>
    <row r="231721" spans="8:8">
      <c r="H231721" s="12"/>
    </row>
    <row r="231722" spans="8:8">
      <c r="H231722" s="12"/>
    </row>
    <row r="231723" spans="8:8">
      <c r="H231723" s="12"/>
    </row>
    <row r="231724" spans="8:8">
      <c r="H231724" s="12"/>
    </row>
    <row r="231725" spans="8:8">
      <c r="H231725" s="12"/>
    </row>
    <row r="231726" spans="8:8">
      <c r="H231726" s="12"/>
    </row>
    <row r="231727" spans="8:8">
      <c r="H231727" s="12"/>
    </row>
    <row r="231728" spans="8:8">
      <c r="H231728" s="12"/>
    </row>
    <row r="231729" spans="8:8">
      <c r="H231729" s="12"/>
    </row>
    <row r="231730" spans="8:8">
      <c r="H231730" s="12"/>
    </row>
    <row r="231731" spans="8:8">
      <c r="H231731" s="12"/>
    </row>
    <row r="231732" spans="8:8">
      <c r="H231732" s="12"/>
    </row>
    <row r="231733" spans="8:8">
      <c r="H231733" s="12"/>
    </row>
    <row r="231734" spans="8:8">
      <c r="H231734" s="12"/>
    </row>
    <row r="231735" spans="8:8">
      <c r="H231735" s="12"/>
    </row>
    <row r="231736" spans="8:8">
      <c r="H231736" s="12"/>
    </row>
    <row r="231737" spans="8:8">
      <c r="H231737" s="12"/>
    </row>
    <row r="231738" spans="8:8">
      <c r="H231738" s="12"/>
    </row>
    <row r="231739" spans="8:8">
      <c r="H231739" s="12"/>
    </row>
    <row r="231740" spans="8:8">
      <c r="H231740" s="12"/>
    </row>
    <row r="231741" spans="8:8">
      <c r="H231741" s="12"/>
    </row>
    <row r="231742" spans="8:8">
      <c r="H231742" s="12"/>
    </row>
    <row r="231743" spans="8:8">
      <c r="H231743" s="12"/>
    </row>
    <row r="231744" spans="8:8">
      <c r="H231744" s="12"/>
    </row>
    <row r="231745" spans="8:8">
      <c r="H231745" s="12"/>
    </row>
    <row r="231746" spans="8:8">
      <c r="H231746" s="12"/>
    </row>
    <row r="231747" spans="8:8">
      <c r="H231747" s="12"/>
    </row>
    <row r="231748" spans="8:8">
      <c r="H231748" s="12"/>
    </row>
    <row r="231749" spans="8:8">
      <c r="H231749" s="12"/>
    </row>
    <row r="231750" spans="8:8">
      <c r="H231750" s="12"/>
    </row>
    <row r="231751" spans="8:8">
      <c r="H231751" s="12"/>
    </row>
    <row r="231752" spans="8:8">
      <c r="H231752" s="12"/>
    </row>
    <row r="231753" spans="8:8">
      <c r="H231753" s="12"/>
    </row>
    <row r="231754" spans="8:8">
      <c r="H231754" s="12"/>
    </row>
    <row r="231755" spans="8:8">
      <c r="H231755" s="12"/>
    </row>
    <row r="231756" spans="8:8">
      <c r="H231756" s="12"/>
    </row>
    <row r="231757" spans="8:8">
      <c r="H231757" s="12"/>
    </row>
    <row r="231758" spans="8:8">
      <c r="H231758" s="12"/>
    </row>
    <row r="231759" spans="8:8">
      <c r="H231759" s="12"/>
    </row>
    <row r="231760" spans="8:8">
      <c r="H231760" s="12"/>
    </row>
    <row r="231761" spans="8:8">
      <c r="H231761" s="12"/>
    </row>
    <row r="231762" spans="8:8">
      <c r="H231762" s="12"/>
    </row>
    <row r="231763" spans="8:8">
      <c r="H231763" s="12"/>
    </row>
    <row r="231764" spans="8:8">
      <c r="H231764" s="12"/>
    </row>
    <row r="231765" spans="8:8">
      <c r="H231765" s="12"/>
    </row>
    <row r="231766" spans="8:8">
      <c r="H231766" s="12"/>
    </row>
    <row r="231767" spans="8:8">
      <c r="H231767" s="12"/>
    </row>
    <row r="231768" spans="8:8">
      <c r="H231768" s="12"/>
    </row>
    <row r="231769" spans="8:8">
      <c r="H231769" s="12"/>
    </row>
    <row r="231770" spans="8:8">
      <c r="H231770" s="12"/>
    </row>
    <row r="231771" spans="8:8">
      <c r="H231771" s="12"/>
    </row>
    <row r="231772" spans="8:8">
      <c r="H231772" s="12"/>
    </row>
    <row r="231773" spans="8:8">
      <c r="H231773" s="12"/>
    </row>
    <row r="231774" spans="8:8">
      <c r="H231774" s="12"/>
    </row>
    <row r="231775" spans="8:8">
      <c r="H231775" s="12"/>
    </row>
    <row r="231776" spans="8:8">
      <c r="H231776" s="12"/>
    </row>
    <row r="231777" spans="8:8">
      <c r="H231777" s="12"/>
    </row>
    <row r="231778" spans="8:8">
      <c r="H231778" s="12"/>
    </row>
    <row r="231779" spans="8:8">
      <c r="H231779" s="12"/>
    </row>
    <row r="231780" spans="8:8">
      <c r="H231780" s="12"/>
    </row>
    <row r="231781" spans="8:8">
      <c r="H231781" s="12"/>
    </row>
    <row r="231782" spans="8:8">
      <c r="H231782" s="12"/>
    </row>
    <row r="231783" spans="8:8">
      <c r="H231783" s="12"/>
    </row>
    <row r="231784" spans="8:8">
      <c r="H231784" s="12"/>
    </row>
    <row r="231785" spans="8:8">
      <c r="H231785" s="12"/>
    </row>
    <row r="231786" spans="8:8">
      <c r="H231786" s="12"/>
    </row>
    <row r="231787" spans="8:8">
      <c r="H231787" s="12"/>
    </row>
    <row r="231788" spans="8:8">
      <c r="H231788" s="12"/>
    </row>
    <row r="231789" spans="8:8">
      <c r="H231789" s="12"/>
    </row>
    <row r="231790" spans="8:8">
      <c r="H231790" s="12"/>
    </row>
    <row r="231791" spans="8:8">
      <c r="H231791" s="12"/>
    </row>
    <row r="231792" spans="8:8">
      <c r="H231792" s="12"/>
    </row>
    <row r="231793" spans="8:8">
      <c r="H231793" s="12"/>
    </row>
    <row r="231794" spans="8:8">
      <c r="H231794" s="12"/>
    </row>
    <row r="231795" spans="8:8">
      <c r="H231795" s="12"/>
    </row>
    <row r="231796" spans="8:8">
      <c r="H231796" s="12"/>
    </row>
    <row r="231797" spans="8:8">
      <c r="H231797" s="12"/>
    </row>
    <row r="231798" spans="8:8">
      <c r="H231798" s="12"/>
    </row>
    <row r="231799" spans="8:8">
      <c r="H231799" s="12"/>
    </row>
    <row r="231800" spans="8:8">
      <c r="H231800" s="12"/>
    </row>
    <row r="231801" spans="8:8">
      <c r="H231801" s="12"/>
    </row>
    <row r="231802" spans="8:8">
      <c r="H231802" s="12"/>
    </row>
    <row r="231803" spans="8:8">
      <c r="H231803" s="12"/>
    </row>
    <row r="231804" spans="8:8">
      <c r="H231804" s="12"/>
    </row>
    <row r="231805" spans="8:8">
      <c r="H231805" s="12"/>
    </row>
    <row r="231806" spans="8:8">
      <c r="H231806" s="12"/>
    </row>
    <row r="231807" spans="8:8">
      <c r="H231807" s="12"/>
    </row>
    <row r="231808" spans="8:8">
      <c r="H231808" s="12"/>
    </row>
    <row r="231809" spans="8:8">
      <c r="H231809" s="12"/>
    </row>
    <row r="231810" spans="8:8">
      <c r="H231810" s="12"/>
    </row>
    <row r="231811" spans="8:8">
      <c r="H231811" s="12"/>
    </row>
    <row r="231812" spans="8:8">
      <c r="H231812" s="12"/>
    </row>
    <row r="231813" spans="8:8">
      <c r="H231813" s="12"/>
    </row>
    <row r="231814" spans="8:8">
      <c r="H231814" s="12"/>
    </row>
    <row r="231815" spans="8:8">
      <c r="H231815" s="12"/>
    </row>
    <row r="231816" spans="8:8">
      <c r="H231816" s="12"/>
    </row>
    <row r="231817" spans="8:8">
      <c r="H231817" s="12"/>
    </row>
    <row r="231818" spans="8:8">
      <c r="H231818" s="12"/>
    </row>
    <row r="231819" spans="8:8">
      <c r="H231819" s="12"/>
    </row>
    <row r="231820" spans="8:8">
      <c r="H231820" s="12"/>
    </row>
    <row r="231821" spans="8:8">
      <c r="H231821" s="12"/>
    </row>
    <row r="231822" spans="8:8">
      <c r="H231822" s="12"/>
    </row>
    <row r="231823" spans="8:8">
      <c r="H231823" s="12"/>
    </row>
    <row r="231824" spans="8:8">
      <c r="H231824" s="12"/>
    </row>
    <row r="231825" spans="8:8">
      <c r="H231825" s="12"/>
    </row>
    <row r="231826" spans="8:8">
      <c r="H231826" s="12"/>
    </row>
    <row r="231827" spans="8:8">
      <c r="H231827" s="12"/>
    </row>
    <row r="231828" spans="8:8">
      <c r="H231828" s="12"/>
    </row>
    <row r="231829" spans="8:8">
      <c r="H231829" s="12"/>
    </row>
    <row r="231830" spans="8:8">
      <c r="H231830" s="12"/>
    </row>
    <row r="231831" spans="8:8">
      <c r="H231831" s="12"/>
    </row>
    <row r="231832" spans="8:8">
      <c r="H231832" s="12"/>
    </row>
    <row r="231833" spans="8:8">
      <c r="H231833" s="12"/>
    </row>
    <row r="231834" spans="8:8">
      <c r="H231834" s="12"/>
    </row>
    <row r="231835" spans="8:8">
      <c r="H231835" s="12"/>
    </row>
    <row r="231836" spans="8:8">
      <c r="H231836" s="12"/>
    </row>
    <row r="231837" spans="8:8">
      <c r="H231837" s="12"/>
    </row>
    <row r="231838" spans="8:8">
      <c r="H231838" s="12"/>
    </row>
    <row r="231839" spans="8:8">
      <c r="H231839" s="12"/>
    </row>
    <row r="231840" spans="8:8">
      <c r="H231840" s="12"/>
    </row>
    <row r="231841" spans="8:8">
      <c r="H231841" s="12"/>
    </row>
    <row r="231842" spans="8:8">
      <c r="H231842" s="12"/>
    </row>
    <row r="231843" spans="8:8">
      <c r="H231843" s="12"/>
    </row>
    <row r="231844" spans="8:8">
      <c r="H231844" s="12"/>
    </row>
    <row r="231845" spans="8:8">
      <c r="H231845" s="12"/>
    </row>
    <row r="231846" spans="8:8">
      <c r="H231846" s="12"/>
    </row>
    <row r="231847" spans="8:8">
      <c r="H231847" s="12"/>
    </row>
    <row r="231848" spans="8:8">
      <c r="H231848" s="12"/>
    </row>
    <row r="231849" spans="8:8">
      <c r="H231849" s="12"/>
    </row>
    <row r="231850" spans="8:8">
      <c r="H231850" s="12"/>
    </row>
    <row r="231851" spans="8:8">
      <c r="H231851" s="12"/>
    </row>
    <row r="231852" spans="8:8">
      <c r="H231852" s="12"/>
    </row>
    <row r="231853" spans="8:8">
      <c r="H231853" s="12"/>
    </row>
    <row r="231854" spans="8:8">
      <c r="H231854" s="12"/>
    </row>
    <row r="231855" spans="8:8">
      <c r="H231855" s="12"/>
    </row>
    <row r="231856" spans="8:8">
      <c r="H231856" s="12"/>
    </row>
    <row r="231857" spans="8:8">
      <c r="H231857" s="12"/>
    </row>
    <row r="231858" spans="8:8">
      <c r="H231858" s="12"/>
    </row>
    <row r="231859" spans="8:8">
      <c r="H231859" s="12"/>
    </row>
    <row r="231860" spans="8:8">
      <c r="H231860" s="12"/>
    </row>
    <row r="231861" spans="8:8">
      <c r="H231861" s="12"/>
    </row>
    <row r="231862" spans="8:8">
      <c r="H231862" s="12"/>
    </row>
    <row r="231863" spans="8:8">
      <c r="H231863" s="12"/>
    </row>
    <row r="231864" spans="8:8">
      <c r="H231864" s="12"/>
    </row>
    <row r="231865" spans="8:8">
      <c r="H231865" s="12"/>
    </row>
    <row r="231866" spans="8:8">
      <c r="H231866" s="12"/>
    </row>
    <row r="231867" spans="8:8">
      <c r="H231867" s="12"/>
    </row>
    <row r="231868" spans="8:8">
      <c r="H231868" s="12"/>
    </row>
    <row r="231869" spans="8:8">
      <c r="H231869" s="12"/>
    </row>
    <row r="231870" spans="8:8">
      <c r="H231870" s="12"/>
    </row>
    <row r="231871" spans="8:8">
      <c r="H231871" s="12"/>
    </row>
    <row r="231872" spans="8:8">
      <c r="H231872" s="12"/>
    </row>
    <row r="231873" spans="8:8">
      <c r="H231873" s="12"/>
    </row>
    <row r="231874" spans="8:8">
      <c r="H231874" s="12"/>
    </row>
    <row r="231875" spans="8:8">
      <c r="H231875" s="12"/>
    </row>
    <row r="231876" spans="8:8">
      <c r="H231876" s="12"/>
    </row>
    <row r="231877" spans="8:8">
      <c r="H231877" s="12"/>
    </row>
    <row r="231878" spans="8:8">
      <c r="H231878" s="12"/>
    </row>
    <row r="231879" spans="8:8">
      <c r="H231879" s="12"/>
    </row>
    <row r="231880" spans="8:8">
      <c r="H231880" s="12"/>
    </row>
    <row r="231881" spans="8:8">
      <c r="H231881" s="12"/>
    </row>
    <row r="231882" spans="8:8">
      <c r="H231882" s="12"/>
    </row>
    <row r="231883" spans="8:8">
      <c r="H231883" s="12"/>
    </row>
    <row r="231884" spans="8:8">
      <c r="H231884" s="12"/>
    </row>
    <row r="231885" spans="8:8">
      <c r="H231885" s="12"/>
    </row>
    <row r="231886" spans="8:8">
      <c r="H231886" s="12"/>
    </row>
    <row r="231887" spans="8:8">
      <c r="H231887" s="12"/>
    </row>
    <row r="231888" spans="8:8">
      <c r="H231888" s="12"/>
    </row>
    <row r="231889" spans="8:8">
      <c r="H231889" s="12"/>
    </row>
    <row r="231890" spans="8:8">
      <c r="H231890" s="12"/>
    </row>
    <row r="231891" spans="8:8">
      <c r="H231891" s="12"/>
    </row>
    <row r="231892" spans="8:8">
      <c r="H231892" s="12"/>
    </row>
    <row r="231893" spans="8:8">
      <c r="H231893" s="12"/>
    </row>
    <row r="231894" spans="8:8">
      <c r="H231894" s="12"/>
    </row>
    <row r="231895" spans="8:8">
      <c r="H231895" s="12"/>
    </row>
    <row r="231896" spans="8:8">
      <c r="H231896" s="12"/>
    </row>
    <row r="231897" spans="8:8">
      <c r="H231897" s="12"/>
    </row>
    <row r="231898" spans="8:8">
      <c r="H231898" s="12"/>
    </row>
    <row r="231899" spans="8:8">
      <c r="H231899" s="12"/>
    </row>
    <row r="231900" spans="8:8">
      <c r="H231900" s="12"/>
    </row>
    <row r="231901" spans="8:8">
      <c r="H231901" s="12"/>
    </row>
    <row r="231902" spans="8:8">
      <c r="H231902" s="12"/>
    </row>
    <row r="231903" spans="8:8">
      <c r="H231903" s="12"/>
    </row>
    <row r="231904" spans="8:8">
      <c r="H231904" s="12"/>
    </row>
    <row r="231905" spans="8:8">
      <c r="H231905" s="12"/>
    </row>
    <row r="231906" spans="8:8">
      <c r="H231906" s="12"/>
    </row>
    <row r="231907" spans="8:8">
      <c r="H231907" s="12"/>
    </row>
    <row r="231908" spans="8:8">
      <c r="H231908" s="12"/>
    </row>
    <row r="231909" spans="8:8">
      <c r="H231909" s="12"/>
    </row>
    <row r="231910" spans="8:8">
      <c r="H231910" s="12"/>
    </row>
    <row r="231911" spans="8:8">
      <c r="H231911" s="12"/>
    </row>
    <row r="231912" spans="8:8">
      <c r="H231912" s="12"/>
    </row>
    <row r="231913" spans="8:8">
      <c r="H231913" s="12"/>
    </row>
    <row r="231914" spans="8:8">
      <c r="H231914" s="12"/>
    </row>
    <row r="231915" spans="8:8">
      <c r="H231915" s="12"/>
    </row>
    <row r="231916" spans="8:8">
      <c r="H231916" s="12"/>
    </row>
    <row r="231917" spans="8:8">
      <c r="H231917" s="12"/>
    </row>
    <row r="231918" spans="8:8">
      <c r="H231918" s="12"/>
    </row>
    <row r="231919" spans="8:8">
      <c r="H231919" s="12"/>
    </row>
    <row r="231920" spans="8:8">
      <c r="H231920" s="12"/>
    </row>
    <row r="231921" spans="8:8">
      <c r="H231921" s="12"/>
    </row>
    <row r="231922" spans="8:8">
      <c r="H231922" s="12"/>
    </row>
    <row r="231923" spans="8:8">
      <c r="H231923" s="12"/>
    </row>
    <row r="231924" spans="8:8">
      <c r="H231924" s="12"/>
    </row>
    <row r="231925" spans="8:8">
      <c r="H231925" s="12"/>
    </row>
    <row r="231926" spans="8:8">
      <c r="H231926" s="12"/>
    </row>
    <row r="231927" spans="8:8">
      <c r="H231927" s="12"/>
    </row>
    <row r="231928" spans="8:8">
      <c r="H231928" s="12"/>
    </row>
    <row r="231929" spans="8:8">
      <c r="H231929" s="12"/>
    </row>
    <row r="231930" spans="8:8">
      <c r="H231930" s="12"/>
    </row>
    <row r="231931" spans="8:8">
      <c r="H231931" s="12"/>
    </row>
    <row r="231932" spans="8:8">
      <c r="H231932" s="12"/>
    </row>
    <row r="231933" spans="8:8">
      <c r="H231933" s="12"/>
    </row>
    <row r="231934" spans="8:8">
      <c r="H231934" s="12"/>
    </row>
    <row r="231935" spans="8:8">
      <c r="H231935" s="12"/>
    </row>
    <row r="231936" spans="8:8">
      <c r="H231936" s="12"/>
    </row>
    <row r="231937" spans="8:8">
      <c r="H231937" s="12"/>
    </row>
    <row r="231938" spans="8:8">
      <c r="H231938" s="12"/>
    </row>
    <row r="231939" spans="8:8">
      <c r="H231939" s="12"/>
    </row>
    <row r="231940" spans="8:8">
      <c r="H231940" s="12"/>
    </row>
    <row r="231941" spans="8:8">
      <c r="H231941" s="12"/>
    </row>
    <row r="231942" spans="8:8">
      <c r="H231942" s="12"/>
    </row>
    <row r="231943" spans="8:8">
      <c r="H231943" s="12"/>
    </row>
    <row r="231944" spans="8:8">
      <c r="H231944" s="12"/>
    </row>
    <row r="231945" spans="8:8">
      <c r="H231945" s="12"/>
    </row>
    <row r="231946" spans="8:8">
      <c r="H231946" s="12"/>
    </row>
    <row r="231947" spans="8:8">
      <c r="H231947" s="12"/>
    </row>
    <row r="231948" spans="8:8">
      <c r="H231948" s="12"/>
    </row>
    <row r="231949" spans="8:8">
      <c r="H231949" s="12"/>
    </row>
    <row r="231950" spans="8:8">
      <c r="H231950" s="12"/>
    </row>
    <row r="231951" spans="8:8">
      <c r="H231951" s="12"/>
    </row>
    <row r="231952" spans="8:8">
      <c r="H231952" s="12"/>
    </row>
    <row r="231953" spans="8:8">
      <c r="H231953" s="12"/>
    </row>
    <row r="231954" spans="8:8">
      <c r="H231954" s="12"/>
    </row>
    <row r="231955" spans="8:8">
      <c r="H231955" s="12"/>
    </row>
    <row r="231956" spans="8:8">
      <c r="H231956" s="12"/>
    </row>
    <row r="231957" spans="8:8">
      <c r="H231957" s="12"/>
    </row>
    <row r="231958" spans="8:8">
      <c r="H231958" s="12"/>
    </row>
    <row r="231959" spans="8:8">
      <c r="H231959" s="12"/>
    </row>
    <row r="231960" spans="8:8">
      <c r="H231960" s="12"/>
    </row>
    <row r="231961" spans="8:8">
      <c r="H231961" s="12"/>
    </row>
    <row r="231962" spans="8:8">
      <c r="H231962" s="12"/>
    </row>
    <row r="231963" spans="8:8">
      <c r="H231963" s="12"/>
    </row>
    <row r="231964" spans="8:8">
      <c r="H231964" s="12"/>
    </row>
    <row r="231965" spans="8:8">
      <c r="H231965" s="12"/>
    </row>
    <row r="231966" spans="8:8">
      <c r="H231966" s="12"/>
    </row>
    <row r="231967" spans="8:8">
      <c r="H231967" s="12"/>
    </row>
    <row r="231968" spans="8:8">
      <c r="H231968" s="12"/>
    </row>
    <row r="231969" spans="8:8">
      <c r="H231969" s="12"/>
    </row>
    <row r="231970" spans="8:8">
      <c r="H231970" s="12"/>
    </row>
    <row r="231971" spans="8:8">
      <c r="H231971" s="12"/>
    </row>
    <row r="231972" spans="8:8">
      <c r="H231972" s="12"/>
    </row>
    <row r="231973" spans="8:8">
      <c r="H231973" s="12"/>
    </row>
    <row r="231974" spans="8:8">
      <c r="H231974" s="12"/>
    </row>
    <row r="231975" spans="8:8">
      <c r="H231975" s="12"/>
    </row>
    <row r="231976" spans="8:8">
      <c r="H231976" s="12"/>
    </row>
    <row r="231977" spans="8:8">
      <c r="H231977" s="12"/>
    </row>
    <row r="231978" spans="8:8">
      <c r="H231978" s="12"/>
    </row>
    <row r="231979" spans="8:8">
      <c r="H231979" s="12"/>
    </row>
    <row r="231980" spans="8:8">
      <c r="H231980" s="12"/>
    </row>
    <row r="231981" spans="8:8">
      <c r="H231981" s="12"/>
    </row>
    <row r="231982" spans="8:8">
      <c r="H231982" s="12"/>
    </row>
    <row r="231983" spans="8:8">
      <c r="H231983" s="12"/>
    </row>
    <row r="231984" spans="8:8">
      <c r="H231984" s="12"/>
    </row>
    <row r="231985" spans="8:8">
      <c r="H231985" s="12"/>
    </row>
    <row r="231986" spans="8:8">
      <c r="H231986" s="12"/>
    </row>
    <row r="231987" spans="8:8">
      <c r="H231987" s="12"/>
    </row>
    <row r="231988" spans="8:8">
      <c r="H231988" s="12"/>
    </row>
    <row r="231989" spans="8:8">
      <c r="H231989" s="12"/>
    </row>
    <row r="231990" spans="8:8">
      <c r="H231990" s="12"/>
    </row>
    <row r="231991" spans="8:8">
      <c r="H231991" s="12"/>
    </row>
    <row r="231992" spans="8:8">
      <c r="H231992" s="12"/>
    </row>
    <row r="231993" spans="8:8">
      <c r="H231993" s="12"/>
    </row>
    <row r="231994" spans="8:8">
      <c r="H231994" s="12"/>
    </row>
    <row r="231995" spans="8:8">
      <c r="H231995" s="12"/>
    </row>
    <row r="231996" spans="8:8">
      <c r="H231996" s="12"/>
    </row>
    <row r="231997" spans="8:8">
      <c r="H231997" s="12"/>
    </row>
    <row r="231998" spans="8:8">
      <c r="H231998" s="12"/>
    </row>
    <row r="231999" spans="8:8">
      <c r="H231999" s="12"/>
    </row>
    <row r="232000" spans="8:8">
      <c r="H232000" s="12"/>
    </row>
    <row r="232001" spans="8:8">
      <c r="H232001" s="12"/>
    </row>
    <row r="232002" spans="8:8">
      <c r="H232002" s="12"/>
    </row>
    <row r="232003" spans="8:8">
      <c r="H232003" s="12"/>
    </row>
    <row r="232004" spans="8:8">
      <c r="H232004" s="12"/>
    </row>
    <row r="232005" spans="8:8">
      <c r="H232005" s="12"/>
    </row>
    <row r="232006" spans="8:8">
      <c r="H232006" s="12"/>
    </row>
    <row r="232007" spans="8:8">
      <c r="H232007" s="12"/>
    </row>
    <row r="232008" spans="8:8">
      <c r="H232008" s="12"/>
    </row>
    <row r="232009" spans="8:8">
      <c r="H232009" s="12"/>
    </row>
    <row r="232010" spans="8:8">
      <c r="H232010" s="12"/>
    </row>
    <row r="232011" spans="8:8">
      <c r="H232011" s="12"/>
    </row>
    <row r="232012" spans="8:8">
      <c r="H232012" s="12"/>
    </row>
    <row r="232013" spans="8:8">
      <c r="H232013" s="12"/>
    </row>
    <row r="232014" spans="8:8">
      <c r="H232014" s="12"/>
    </row>
    <row r="232015" spans="8:8">
      <c r="H232015" s="12"/>
    </row>
    <row r="232016" spans="8:8">
      <c r="H232016" s="12"/>
    </row>
    <row r="232017" spans="8:8">
      <c r="H232017" s="12"/>
    </row>
    <row r="232018" spans="8:8">
      <c r="H232018" s="12"/>
    </row>
    <row r="232019" spans="8:8">
      <c r="H232019" s="12"/>
    </row>
    <row r="232020" spans="8:8">
      <c r="H232020" s="12"/>
    </row>
    <row r="232021" spans="8:8">
      <c r="H232021" s="12"/>
    </row>
    <row r="232022" spans="8:8">
      <c r="H232022" s="12"/>
    </row>
    <row r="232023" spans="8:8">
      <c r="H232023" s="12"/>
    </row>
    <row r="232024" spans="8:8">
      <c r="H232024" s="12"/>
    </row>
    <row r="232025" spans="8:8">
      <c r="H232025" s="12"/>
    </row>
    <row r="232026" spans="8:8">
      <c r="H232026" s="12"/>
    </row>
    <row r="232027" spans="8:8">
      <c r="H232027" s="12"/>
    </row>
    <row r="232028" spans="8:8">
      <c r="H232028" s="12"/>
    </row>
    <row r="232029" spans="8:8">
      <c r="H232029" s="12"/>
    </row>
    <row r="232030" spans="8:8">
      <c r="H232030" s="12"/>
    </row>
    <row r="232031" spans="8:8">
      <c r="H232031" s="12"/>
    </row>
    <row r="232032" spans="8:8">
      <c r="H232032" s="12"/>
    </row>
    <row r="232033" spans="8:8">
      <c r="H232033" s="12"/>
    </row>
    <row r="232034" spans="8:8">
      <c r="H232034" s="12"/>
    </row>
    <row r="232035" spans="8:8">
      <c r="H232035" s="12"/>
    </row>
    <row r="232036" spans="8:8">
      <c r="H232036" s="12"/>
    </row>
    <row r="232037" spans="8:8">
      <c r="H232037" s="12"/>
    </row>
    <row r="232038" spans="8:8">
      <c r="H232038" s="12"/>
    </row>
    <row r="232039" spans="8:8">
      <c r="H232039" s="12"/>
    </row>
    <row r="232040" spans="8:8">
      <c r="H232040" s="12"/>
    </row>
    <row r="232041" spans="8:8">
      <c r="H232041" s="12"/>
    </row>
    <row r="232042" spans="8:8">
      <c r="H232042" s="12"/>
    </row>
    <row r="232043" spans="8:8">
      <c r="H232043" s="12"/>
    </row>
    <row r="232044" spans="8:8">
      <c r="H232044" s="12"/>
    </row>
    <row r="232045" spans="8:8">
      <c r="H232045" s="12"/>
    </row>
    <row r="232046" spans="8:8">
      <c r="H232046" s="12"/>
    </row>
    <row r="232047" spans="8:8">
      <c r="H232047" s="12"/>
    </row>
    <row r="232048" spans="8:8">
      <c r="H232048" s="12"/>
    </row>
    <row r="232049" spans="8:8">
      <c r="H232049" s="12"/>
    </row>
    <row r="232050" spans="8:8">
      <c r="H232050" s="12"/>
    </row>
    <row r="232051" spans="8:8">
      <c r="H232051" s="12"/>
    </row>
    <row r="232052" spans="8:8">
      <c r="H232052" s="12"/>
    </row>
    <row r="232053" spans="8:8">
      <c r="H232053" s="12"/>
    </row>
    <row r="232054" spans="8:8">
      <c r="H232054" s="12"/>
    </row>
    <row r="232055" spans="8:8">
      <c r="H232055" s="12"/>
    </row>
    <row r="232056" spans="8:8">
      <c r="H232056" s="12"/>
    </row>
    <row r="232057" spans="8:8">
      <c r="H232057" s="12"/>
    </row>
    <row r="232058" spans="8:8">
      <c r="H232058" s="12"/>
    </row>
    <row r="232059" spans="8:8">
      <c r="H232059" s="12"/>
    </row>
    <row r="232060" spans="8:8">
      <c r="H232060" s="12"/>
    </row>
    <row r="232061" spans="8:8">
      <c r="H232061" s="12"/>
    </row>
    <row r="232062" spans="8:8">
      <c r="H232062" s="12"/>
    </row>
    <row r="232063" spans="8:8">
      <c r="H232063" s="12"/>
    </row>
    <row r="232064" spans="8:8">
      <c r="H232064" s="12"/>
    </row>
    <row r="232065" spans="8:8">
      <c r="H232065" s="12"/>
    </row>
    <row r="232066" spans="8:8">
      <c r="H232066" s="12"/>
    </row>
    <row r="232067" spans="8:8">
      <c r="H232067" s="12"/>
    </row>
    <row r="232068" spans="8:8">
      <c r="H232068" s="12"/>
    </row>
    <row r="232069" spans="8:8">
      <c r="H232069" s="12"/>
    </row>
    <row r="232070" spans="8:8">
      <c r="H232070" s="12"/>
    </row>
    <row r="232071" spans="8:8">
      <c r="H232071" s="12"/>
    </row>
    <row r="232072" spans="8:8">
      <c r="H232072" s="12"/>
    </row>
    <row r="232073" spans="8:8">
      <c r="H232073" s="12"/>
    </row>
    <row r="232074" spans="8:8">
      <c r="H232074" s="12"/>
    </row>
    <row r="232075" spans="8:8">
      <c r="H232075" s="12"/>
    </row>
    <row r="232076" spans="8:8">
      <c r="H232076" s="12"/>
    </row>
    <row r="232077" spans="8:8">
      <c r="H232077" s="12"/>
    </row>
    <row r="232078" spans="8:8">
      <c r="H232078" s="12"/>
    </row>
    <row r="232079" spans="8:8">
      <c r="H232079" s="12"/>
    </row>
    <row r="232080" spans="8:8">
      <c r="H232080" s="12"/>
    </row>
    <row r="232081" spans="8:8">
      <c r="H232081" s="12"/>
    </row>
    <row r="232082" spans="8:8">
      <c r="H232082" s="12"/>
    </row>
    <row r="232083" spans="8:8">
      <c r="H232083" s="12"/>
    </row>
    <row r="232084" spans="8:8">
      <c r="H232084" s="12"/>
    </row>
    <row r="232085" spans="8:8">
      <c r="H232085" s="12"/>
    </row>
    <row r="232086" spans="8:8">
      <c r="H232086" s="12"/>
    </row>
    <row r="232087" spans="8:8">
      <c r="H232087" s="12"/>
    </row>
    <row r="232088" spans="8:8">
      <c r="H232088" s="12"/>
    </row>
    <row r="232089" spans="8:8">
      <c r="H232089" s="12"/>
    </row>
    <row r="232090" spans="8:8">
      <c r="H232090" s="12"/>
    </row>
    <row r="232091" spans="8:8">
      <c r="H232091" s="12"/>
    </row>
    <row r="232092" spans="8:8">
      <c r="H232092" s="12"/>
    </row>
    <row r="232093" spans="8:8">
      <c r="H232093" s="12"/>
    </row>
    <row r="232094" spans="8:8">
      <c r="H232094" s="12"/>
    </row>
    <row r="232095" spans="8:8">
      <c r="H232095" s="12"/>
    </row>
    <row r="232096" spans="8:8">
      <c r="H232096" s="12"/>
    </row>
    <row r="232097" spans="8:8">
      <c r="H232097" s="12"/>
    </row>
    <row r="232098" spans="8:8">
      <c r="H232098" s="12"/>
    </row>
    <row r="232099" spans="8:8">
      <c r="H232099" s="12"/>
    </row>
    <row r="232100" spans="8:8">
      <c r="H232100" s="12"/>
    </row>
    <row r="232101" spans="8:8">
      <c r="H232101" s="12"/>
    </row>
    <row r="232102" spans="8:8">
      <c r="H232102" s="12"/>
    </row>
    <row r="232103" spans="8:8">
      <c r="H232103" s="12"/>
    </row>
    <row r="232104" spans="8:8">
      <c r="H232104" s="12"/>
    </row>
    <row r="232105" spans="8:8">
      <c r="H232105" s="12"/>
    </row>
    <row r="232106" spans="8:8">
      <c r="H232106" s="12"/>
    </row>
    <row r="232107" spans="8:8">
      <c r="H232107" s="12"/>
    </row>
    <row r="232108" spans="8:8">
      <c r="H232108" s="12"/>
    </row>
    <row r="232109" spans="8:8">
      <c r="H232109" s="12"/>
    </row>
    <row r="232110" spans="8:8">
      <c r="H232110" s="12"/>
    </row>
    <row r="232111" spans="8:8">
      <c r="H232111" s="12"/>
    </row>
    <row r="232112" spans="8:8">
      <c r="H232112" s="12"/>
    </row>
    <row r="232113" spans="8:8">
      <c r="H232113" s="12"/>
    </row>
    <row r="232114" spans="8:8">
      <c r="H232114" s="12"/>
    </row>
    <row r="232115" spans="8:8">
      <c r="H232115" s="12"/>
    </row>
    <row r="232116" spans="8:8">
      <c r="H232116" s="12"/>
    </row>
    <row r="232117" spans="8:8">
      <c r="H232117" s="12"/>
    </row>
    <row r="232118" spans="8:8">
      <c r="H232118" s="12"/>
    </row>
    <row r="232119" spans="8:8">
      <c r="H232119" s="12"/>
    </row>
    <row r="232120" spans="8:8">
      <c r="H232120" s="12"/>
    </row>
    <row r="232121" spans="8:8">
      <c r="H232121" s="12"/>
    </row>
    <row r="232122" spans="8:8">
      <c r="H232122" s="12"/>
    </row>
    <row r="232123" spans="8:8">
      <c r="H232123" s="12"/>
    </row>
    <row r="232124" spans="8:8">
      <c r="H232124" s="12"/>
    </row>
    <row r="232125" spans="8:8">
      <c r="H232125" s="12"/>
    </row>
    <row r="232126" spans="8:8">
      <c r="H232126" s="12"/>
    </row>
    <row r="232127" spans="8:8">
      <c r="H232127" s="12"/>
    </row>
    <row r="232128" spans="8:8">
      <c r="H232128" s="12"/>
    </row>
    <row r="232129" spans="8:8">
      <c r="H232129" s="12"/>
    </row>
    <row r="232130" spans="8:8">
      <c r="H232130" s="12"/>
    </row>
    <row r="232131" spans="8:8">
      <c r="H232131" s="12"/>
    </row>
    <row r="232132" spans="8:8">
      <c r="H232132" s="12"/>
    </row>
    <row r="232133" spans="8:8">
      <c r="H232133" s="12"/>
    </row>
    <row r="232134" spans="8:8">
      <c r="H232134" s="12"/>
    </row>
    <row r="232135" spans="8:8">
      <c r="H232135" s="12"/>
    </row>
    <row r="232136" spans="8:8">
      <c r="H232136" s="12"/>
    </row>
    <row r="232137" spans="8:8">
      <c r="H232137" s="12"/>
    </row>
    <row r="232138" spans="8:8">
      <c r="H232138" s="12"/>
    </row>
    <row r="232139" spans="8:8">
      <c r="H232139" s="12"/>
    </row>
    <row r="232140" spans="8:8">
      <c r="H232140" s="12"/>
    </row>
    <row r="232141" spans="8:8">
      <c r="H232141" s="12"/>
    </row>
    <row r="232142" spans="8:8">
      <c r="H232142" s="12"/>
    </row>
    <row r="232143" spans="8:8">
      <c r="H232143" s="12"/>
    </row>
    <row r="232144" spans="8:8">
      <c r="H232144" s="12"/>
    </row>
    <row r="232145" spans="8:8">
      <c r="H232145" s="12"/>
    </row>
    <row r="232146" spans="8:8">
      <c r="H232146" s="12"/>
    </row>
    <row r="232147" spans="8:8">
      <c r="H232147" s="12"/>
    </row>
    <row r="232148" spans="8:8">
      <c r="H232148" s="12"/>
    </row>
    <row r="232149" spans="8:8">
      <c r="H232149" s="12"/>
    </row>
    <row r="232150" spans="8:8">
      <c r="H232150" s="12"/>
    </row>
    <row r="232151" spans="8:8">
      <c r="H232151" s="12"/>
    </row>
    <row r="232152" spans="8:8">
      <c r="H232152" s="12"/>
    </row>
    <row r="232153" spans="8:8">
      <c r="H232153" s="12"/>
    </row>
    <row r="232154" spans="8:8">
      <c r="H232154" s="12"/>
    </row>
    <row r="232155" spans="8:8">
      <c r="H232155" s="12"/>
    </row>
    <row r="232156" spans="8:8">
      <c r="H232156" s="12"/>
    </row>
    <row r="232157" spans="8:8">
      <c r="H232157" s="12"/>
    </row>
    <row r="232158" spans="8:8">
      <c r="H232158" s="12"/>
    </row>
    <row r="232159" spans="8:8">
      <c r="H232159" s="12"/>
    </row>
    <row r="232160" spans="8:8">
      <c r="H232160" s="12"/>
    </row>
    <row r="232161" spans="8:8">
      <c r="H232161" s="12"/>
    </row>
    <row r="232162" spans="8:8">
      <c r="H232162" s="12"/>
    </row>
    <row r="232163" spans="8:8">
      <c r="H232163" s="12"/>
    </row>
    <row r="232164" spans="8:8">
      <c r="H232164" s="12"/>
    </row>
    <row r="232165" spans="8:8">
      <c r="H232165" s="12"/>
    </row>
    <row r="232166" spans="8:8">
      <c r="H232166" s="12"/>
    </row>
    <row r="232167" spans="8:8">
      <c r="H232167" s="12"/>
    </row>
    <row r="232168" spans="8:8">
      <c r="H232168" s="12"/>
    </row>
    <row r="232169" spans="8:8">
      <c r="H232169" s="12"/>
    </row>
    <row r="232170" spans="8:8">
      <c r="H232170" s="12"/>
    </row>
    <row r="232171" spans="8:8">
      <c r="H232171" s="12"/>
    </row>
    <row r="232172" spans="8:8">
      <c r="H232172" s="12"/>
    </row>
    <row r="232173" spans="8:8">
      <c r="H232173" s="12"/>
    </row>
    <row r="232174" spans="8:8">
      <c r="H232174" s="12"/>
    </row>
    <row r="232175" spans="8:8">
      <c r="H232175" s="12"/>
    </row>
    <row r="232176" spans="8:8">
      <c r="H232176" s="12"/>
    </row>
    <row r="232177" spans="8:8">
      <c r="H232177" s="12"/>
    </row>
    <row r="232178" spans="8:8">
      <c r="H232178" s="12"/>
    </row>
    <row r="232179" spans="8:8">
      <c r="H232179" s="12"/>
    </row>
    <row r="232180" spans="8:8">
      <c r="H232180" s="12"/>
    </row>
    <row r="232181" spans="8:8">
      <c r="H232181" s="12"/>
    </row>
    <row r="232182" spans="8:8">
      <c r="H232182" s="12"/>
    </row>
    <row r="232183" spans="8:8">
      <c r="H232183" s="12"/>
    </row>
    <row r="232184" spans="8:8">
      <c r="H232184" s="12"/>
    </row>
    <row r="232185" spans="8:8">
      <c r="H232185" s="12"/>
    </row>
    <row r="232186" spans="8:8">
      <c r="H232186" s="12"/>
    </row>
    <row r="232187" spans="8:8">
      <c r="H232187" s="12"/>
    </row>
    <row r="232188" spans="8:8">
      <c r="H232188" s="12"/>
    </row>
    <row r="232189" spans="8:8">
      <c r="H232189" s="12"/>
    </row>
    <row r="232190" spans="8:8">
      <c r="H232190" s="12"/>
    </row>
    <row r="232191" spans="8:8">
      <c r="H232191" s="12"/>
    </row>
    <row r="232192" spans="8:8">
      <c r="H232192" s="12"/>
    </row>
    <row r="232193" spans="8:8">
      <c r="H232193" s="12"/>
    </row>
    <row r="232194" spans="8:8">
      <c r="H232194" s="12"/>
    </row>
    <row r="232195" spans="8:8">
      <c r="H232195" s="12"/>
    </row>
    <row r="232196" spans="8:8">
      <c r="H232196" s="12"/>
    </row>
    <row r="232197" spans="8:8">
      <c r="H232197" s="12"/>
    </row>
    <row r="232198" spans="8:8">
      <c r="H232198" s="12"/>
    </row>
    <row r="232199" spans="8:8">
      <c r="H232199" s="12"/>
    </row>
    <row r="232200" spans="8:8">
      <c r="H232200" s="12"/>
    </row>
    <row r="232201" spans="8:8">
      <c r="H232201" s="12"/>
    </row>
    <row r="232202" spans="8:8">
      <c r="H232202" s="12"/>
    </row>
    <row r="232203" spans="8:8">
      <c r="H232203" s="12"/>
    </row>
    <row r="232204" spans="8:8">
      <c r="H232204" s="12"/>
    </row>
    <row r="232205" spans="8:8">
      <c r="H232205" s="12"/>
    </row>
    <row r="232206" spans="8:8">
      <c r="H232206" s="12"/>
    </row>
    <row r="232207" spans="8:8">
      <c r="H232207" s="12"/>
    </row>
    <row r="232208" spans="8:8">
      <c r="H232208" s="12"/>
    </row>
    <row r="232209" spans="8:8">
      <c r="H232209" s="12"/>
    </row>
    <row r="232210" spans="8:8">
      <c r="H232210" s="12"/>
    </row>
    <row r="232211" spans="8:8">
      <c r="H232211" s="12"/>
    </row>
    <row r="232212" spans="8:8">
      <c r="H232212" s="12"/>
    </row>
    <row r="232213" spans="8:8">
      <c r="H232213" s="12"/>
    </row>
    <row r="232214" spans="8:8">
      <c r="H232214" s="12"/>
    </row>
    <row r="232215" spans="8:8">
      <c r="H232215" s="12"/>
    </row>
    <row r="232216" spans="8:8">
      <c r="H232216" s="12"/>
    </row>
    <row r="232217" spans="8:8">
      <c r="H232217" s="12"/>
    </row>
    <row r="232218" spans="8:8">
      <c r="H232218" s="12"/>
    </row>
    <row r="232219" spans="8:8">
      <c r="H232219" s="12"/>
    </row>
    <row r="232220" spans="8:8">
      <c r="H232220" s="12"/>
    </row>
    <row r="232221" spans="8:8">
      <c r="H232221" s="12"/>
    </row>
    <row r="232222" spans="8:8">
      <c r="H232222" s="12"/>
    </row>
    <row r="232223" spans="8:8">
      <c r="H232223" s="12"/>
    </row>
    <row r="232224" spans="8:8">
      <c r="H232224" s="12"/>
    </row>
    <row r="232225" spans="8:8">
      <c r="H232225" s="12"/>
    </row>
    <row r="232226" spans="8:8">
      <c r="H232226" s="12"/>
    </row>
    <row r="232227" spans="8:8">
      <c r="H232227" s="12"/>
    </row>
    <row r="232228" spans="8:8">
      <c r="H232228" s="12"/>
    </row>
    <row r="232229" spans="8:8">
      <c r="H232229" s="12"/>
    </row>
    <row r="232230" spans="8:8">
      <c r="H232230" s="12"/>
    </row>
    <row r="232231" spans="8:8">
      <c r="H232231" s="12"/>
    </row>
    <row r="232232" spans="8:8">
      <c r="H232232" s="12"/>
    </row>
    <row r="232233" spans="8:8">
      <c r="H232233" s="12"/>
    </row>
    <row r="232234" spans="8:8">
      <c r="H232234" s="12"/>
    </row>
    <row r="232235" spans="8:8">
      <c r="H232235" s="12"/>
    </row>
    <row r="232236" spans="8:8">
      <c r="H232236" s="12"/>
    </row>
    <row r="232237" spans="8:8">
      <c r="H232237" s="12"/>
    </row>
    <row r="232238" spans="8:8">
      <c r="H232238" s="12"/>
    </row>
    <row r="232239" spans="8:8">
      <c r="H232239" s="12"/>
    </row>
    <row r="232240" spans="8:8">
      <c r="H232240" s="12"/>
    </row>
    <row r="232241" spans="8:8">
      <c r="H232241" s="12"/>
    </row>
    <row r="232242" spans="8:8">
      <c r="H232242" s="12"/>
    </row>
    <row r="232243" spans="8:8">
      <c r="H232243" s="12"/>
    </row>
    <row r="232244" spans="8:8">
      <c r="H232244" s="12"/>
    </row>
    <row r="232245" spans="8:8">
      <c r="H232245" s="12"/>
    </row>
    <row r="232246" spans="8:8">
      <c r="H232246" s="12"/>
    </row>
    <row r="232247" spans="8:8">
      <c r="H232247" s="12"/>
    </row>
    <row r="232248" spans="8:8">
      <c r="H232248" s="12"/>
    </row>
    <row r="232249" spans="8:8">
      <c r="H232249" s="12"/>
    </row>
    <row r="232250" spans="8:8">
      <c r="H232250" s="12"/>
    </row>
    <row r="232251" spans="8:8">
      <c r="H232251" s="12"/>
    </row>
    <row r="232252" spans="8:8">
      <c r="H232252" s="12"/>
    </row>
    <row r="232253" spans="8:8">
      <c r="H232253" s="12"/>
    </row>
    <row r="232254" spans="8:8">
      <c r="H232254" s="12"/>
    </row>
    <row r="232255" spans="8:8">
      <c r="H232255" s="12"/>
    </row>
    <row r="232256" spans="8:8">
      <c r="H232256" s="12"/>
    </row>
    <row r="232257" spans="8:8">
      <c r="H232257" s="12"/>
    </row>
    <row r="232258" spans="8:8">
      <c r="H232258" s="12"/>
    </row>
    <row r="232259" spans="8:8">
      <c r="H232259" s="12"/>
    </row>
    <row r="232260" spans="8:8">
      <c r="H232260" s="12"/>
    </row>
    <row r="232261" spans="8:8">
      <c r="H232261" s="12"/>
    </row>
    <row r="232262" spans="8:8">
      <c r="H232262" s="12"/>
    </row>
    <row r="232263" spans="8:8">
      <c r="H232263" s="12"/>
    </row>
    <row r="232264" spans="8:8">
      <c r="H232264" s="12"/>
    </row>
    <row r="232265" spans="8:8">
      <c r="H232265" s="12"/>
    </row>
    <row r="232266" spans="8:8">
      <c r="H232266" s="12"/>
    </row>
    <row r="232267" spans="8:8">
      <c r="H232267" s="12"/>
    </row>
    <row r="232268" spans="8:8">
      <c r="H232268" s="12"/>
    </row>
    <row r="232269" spans="8:8">
      <c r="H232269" s="12"/>
    </row>
    <row r="232270" spans="8:8">
      <c r="H232270" s="12"/>
    </row>
    <row r="232271" spans="8:8">
      <c r="H232271" s="12"/>
    </row>
    <row r="232272" spans="8:8">
      <c r="H232272" s="12"/>
    </row>
    <row r="232273" spans="8:8">
      <c r="H232273" s="12"/>
    </row>
    <row r="232274" spans="8:8">
      <c r="H232274" s="12"/>
    </row>
    <row r="232275" spans="8:8">
      <c r="H232275" s="12"/>
    </row>
    <row r="232276" spans="8:8">
      <c r="H232276" s="12"/>
    </row>
    <row r="232277" spans="8:8">
      <c r="H232277" s="12"/>
    </row>
    <row r="232278" spans="8:8">
      <c r="H232278" s="12"/>
    </row>
    <row r="232279" spans="8:8">
      <c r="H232279" s="12"/>
    </row>
    <row r="232280" spans="8:8">
      <c r="H232280" s="12"/>
    </row>
    <row r="232281" spans="8:8">
      <c r="H232281" s="12"/>
    </row>
    <row r="232282" spans="8:8">
      <c r="H232282" s="12"/>
    </row>
    <row r="232283" spans="8:8">
      <c r="H232283" s="12"/>
    </row>
    <row r="232284" spans="8:8">
      <c r="H232284" s="12"/>
    </row>
    <row r="232285" spans="8:8">
      <c r="H232285" s="12"/>
    </row>
    <row r="232286" spans="8:8">
      <c r="H232286" s="12"/>
    </row>
    <row r="232287" spans="8:8">
      <c r="H232287" s="12"/>
    </row>
    <row r="232288" spans="8:8">
      <c r="H232288" s="12"/>
    </row>
    <row r="232289" spans="8:8">
      <c r="H232289" s="12"/>
    </row>
    <row r="232290" spans="8:8">
      <c r="H232290" s="12"/>
    </row>
    <row r="232291" spans="8:8">
      <c r="H232291" s="12"/>
    </row>
    <row r="232292" spans="8:8">
      <c r="H232292" s="12"/>
    </row>
    <row r="232293" spans="8:8">
      <c r="H232293" s="12"/>
    </row>
    <row r="232294" spans="8:8">
      <c r="H232294" s="12"/>
    </row>
    <row r="232295" spans="8:8">
      <c r="H232295" s="12"/>
    </row>
    <row r="232296" spans="8:8">
      <c r="H232296" s="12"/>
    </row>
    <row r="232297" spans="8:8">
      <c r="H232297" s="12"/>
    </row>
    <row r="232298" spans="8:8">
      <c r="H232298" s="12"/>
    </row>
    <row r="232299" spans="8:8">
      <c r="H232299" s="12"/>
    </row>
    <row r="232300" spans="8:8">
      <c r="H232300" s="12"/>
    </row>
    <row r="232301" spans="8:8">
      <c r="H232301" s="12"/>
    </row>
    <row r="232302" spans="8:8">
      <c r="H232302" s="12"/>
    </row>
    <row r="232303" spans="8:8">
      <c r="H232303" s="12"/>
    </row>
    <row r="232304" spans="8:8">
      <c r="H232304" s="12"/>
    </row>
    <row r="232305" spans="8:8">
      <c r="H232305" s="12"/>
    </row>
    <row r="232306" spans="8:8">
      <c r="H232306" s="12"/>
    </row>
    <row r="232307" spans="8:8">
      <c r="H232307" s="12"/>
    </row>
    <row r="232308" spans="8:8">
      <c r="H232308" s="12"/>
    </row>
    <row r="232309" spans="8:8">
      <c r="H232309" s="12"/>
    </row>
    <row r="232310" spans="8:8">
      <c r="H232310" s="12"/>
    </row>
    <row r="232311" spans="8:8">
      <c r="H232311" s="12"/>
    </row>
    <row r="232312" spans="8:8">
      <c r="H232312" s="12"/>
    </row>
    <row r="232313" spans="8:8">
      <c r="H232313" s="12"/>
    </row>
    <row r="232314" spans="8:8">
      <c r="H232314" s="12"/>
    </row>
    <row r="232315" spans="8:8">
      <c r="H232315" s="12"/>
    </row>
    <row r="232316" spans="8:8">
      <c r="H232316" s="12"/>
    </row>
    <row r="232317" spans="8:8">
      <c r="H232317" s="12"/>
    </row>
    <row r="232318" spans="8:8">
      <c r="H232318" s="12"/>
    </row>
    <row r="232319" spans="8:8">
      <c r="H232319" s="12"/>
    </row>
    <row r="232320" spans="8:8">
      <c r="H232320" s="12"/>
    </row>
    <row r="232321" spans="8:8">
      <c r="H232321" s="12"/>
    </row>
    <row r="232322" spans="8:8">
      <c r="H232322" s="12"/>
    </row>
    <row r="232323" spans="8:8">
      <c r="H232323" s="12"/>
    </row>
    <row r="232324" spans="8:8">
      <c r="H232324" s="12"/>
    </row>
    <row r="232325" spans="8:8">
      <c r="H232325" s="12"/>
    </row>
    <row r="232326" spans="8:8">
      <c r="H232326" s="12"/>
    </row>
    <row r="232327" spans="8:8">
      <c r="H232327" s="12"/>
    </row>
    <row r="232328" spans="8:8">
      <c r="H232328" s="12"/>
    </row>
    <row r="232329" spans="8:8">
      <c r="H232329" s="12"/>
    </row>
    <row r="232330" spans="8:8">
      <c r="H232330" s="12"/>
    </row>
    <row r="232331" spans="8:8">
      <c r="H232331" s="12"/>
    </row>
    <row r="232332" spans="8:8">
      <c r="H232332" s="12"/>
    </row>
    <row r="232333" spans="8:8">
      <c r="H232333" s="12"/>
    </row>
    <row r="232334" spans="8:8">
      <c r="H232334" s="12"/>
    </row>
    <row r="232335" spans="8:8">
      <c r="H232335" s="12"/>
    </row>
    <row r="232336" spans="8:8">
      <c r="H232336" s="12"/>
    </row>
    <row r="232337" spans="8:8">
      <c r="H232337" s="12"/>
    </row>
    <row r="232338" spans="8:8">
      <c r="H232338" s="12"/>
    </row>
    <row r="232339" spans="8:8">
      <c r="H232339" s="12"/>
    </row>
    <row r="232340" spans="8:8">
      <c r="H232340" s="12"/>
    </row>
    <row r="232341" spans="8:8">
      <c r="H232341" s="12"/>
    </row>
    <row r="232342" spans="8:8">
      <c r="H232342" s="12"/>
    </row>
    <row r="232343" spans="8:8">
      <c r="H232343" s="12"/>
    </row>
    <row r="232344" spans="8:8">
      <c r="H232344" s="12"/>
    </row>
    <row r="232345" spans="8:8">
      <c r="H232345" s="12"/>
    </row>
    <row r="232346" spans="8:8">
      <c r="H232346" s="12"/>
    </row>
    <row r="232347" spans="8:8">
      <c r="H232347" s="12"/>
    </row>
    <row r="232348" spans="8:8">
      <c r="H232348" s="12"/>
    </row>
    <row r="232349" spans="8:8">
      <c r="H232349" s="12"/>
    </row>
    <row r="232350" spans="8:8">
      <c r="H232350" s="12"/>
    </row>
    <row r="232351" spans="8:8">
      <c r="H232351" s="12"/>
    </row>
    <row r="232352" spans="8:8">
      <c r="H232352" s="12"/>
    </row>
    <row r="232353" spans="8:8">
      <c r="H232353" s="12"/>
    </row>
    <row r="232354" spans="8:8">
      <c r="H232354" s="12"/>
    </row>
    <row r="232355" spans="8:8">
      <c r="H232355" s="12"/>
    </row>
    <row r="232356" spans="8:8">
      <c r="H232356" s="12"/>
    </row>
    <row r="232357" spans="8:8">
      <c r="H232357" s="12"/>
    </row>
    <row r="232358" spans="8:8">
      <c r="H232358" s="12"/>
    </row>
    <row r="232359" spans="8:8">
      <c r="H232359" s="12"/>
    </row>
    <row r="232360" spans="8:8">
      <c r="H232360" s="12"/>
    </row>
    <row r="232361" spans="8:8">
      <c r="H232361" s="12"/>
    </row>
    <row r="232362" spans="8:8">
      <c r="H232362" s="12"/>
    </row>
    <row r="232363" spans="8:8">
      <c r="H232363" s="12"/>
    </row>
    <row r="232364" spans="8:8">
      <c r="H232364" s="12"/>
    </row>
    <row r="232365" spans="8:8">
      <c r="H232365" s="12"/>
    </row>
    <row r="232366" spans="8:8">
      <c r="H232366" s="12"/>
    </row>
    <row r="232367" spans="8:8">
      <c r="H232367" s="12"/>
    </row>
    <row r="232368" spans="8:8">
      <c r="H232368" s="12"/>
    </row>
    <row r="232369" spans="8:8">
      <c r="H232369" s="12"/>
    </row>
    <row r="232370" spans="8:8">
      <c r="H232370" s="12"/>
    </row>
    <row r="232371" spans="8:8">
      <c r="H232371" s="12"/>
    </row>
    <row r="232372" spans="8:8">
      <c r="H232372" s="12"/>
    </row>
    <row r="232373" spans="8:8">
      <c r="H232373" s="12"/>
    </row>
    <row r="232374" spans="8:8">
      <c r="H232374" s="12"/>
    </row>
    <row r="232375" spans="8:8">
      <c r="H232375" s="12"/>
    </row>
    <row r="232376" spans="8:8">
      <c r="H232376" s="12"/>
    </row>
    <row r="232377" spans="8:8">
      <c r="H232377" s="12"/>
    </row>
    <row r="232378" spans="8:8">
      <c r="H232378" s="12"/>
    </row>
    <row r="232379" spans="8:8">
      <c r="H232379" s="12"/>
    </row>
    <row r="232380" spans="8:8">
      <c r="H232380" s="12"/>
    </row>
    <row r="232381" spans="8:8">
      <c r="H232381" s="12"/>
    </row>
    <row r="232382" spans="8:8">
      <c r="H232382" s="12"/>
    </row>
    <row r="232383" spans="8:8">
      <c r="H232383" s="12"/>
    </row>
    <row r="232384" spans="8:8">
      <c r="H232384" s="12"/>
    </row>
    <row r="232385" spans="8:8">
      <c r="H232385" s="12"/>
    </row>
    <row r="232386" spans="8:8">
      <c r="H232386" s="12"/>
    </row>
    <row r="232387" spans="8:8">
      <c r="H232387" s="12"/>
    </row>
    <row r="232388" spans="8:8">
      <c r="H232388" s="12"/>
    </row>
    <row r="232389" spans="8:8">
      <c r="H232389" s="12"/>
    </row>
    <row r="232390" spans="8:8">
      <c r="H232390" s="12"/>
    </row>
    <row r="232391" spans="8:8">
      <c r="H232391" s="12"/>
    </row>
    <row r="232392" spans="8:8">
      <c r="H232392" s="12"/>
    </row>
    <row r="232393" spans="8:8">
      <c r="H232393" s="12"/>
    </row>
    <row r="232394" spans="8:8">
      <c r="H232394" s="12"/>
    </row>
    <row r="232395" spans="8:8">
      <c r="H232395" s="12"/>
    </row>
    <row r="232396" spans="8:8">
      <c r="H232396" s="12"/>
    </row>
    <row r="232397" spans="8:8">
      <c r="H232397" s="12"/>
    </row>
    <row r="232398" spans="8:8">
      <c r="H232398" s="12"/>
    </row>
    <row r="232399" spans="8:8">
      <c r="H232399" s="12"/>
    </row>
    <row r="232400" spans="8:8">
      <c r="H232400" s="12"/>
    </row>
    <row r="232401" spans="8:8">
      <c r="H232401" s="12"/>
    </row>
    <row r="232402" spans="8:8">
      <c r="H232402" s="12"/>
    </row>
    <row r="232403" spans="8:8">
      <c r="H232403" s="12"/>
    </row>
    <row r="232404" spans="8:8">
      <c r="H232404" s="12"/>
    </row>
    <row r="232405" spans="8:8">
      <c r="H232405" s="12"/>
    </row>
    <row r="232406" spans="8:8">
      <c r="H232406" s="12"/>
    </row>
    <row r="232407" spans="8:8">
      <c r="H232407" s="12"/>
    </row>
    <row r="232408" spans="8:8">
      <c r="H232408" s="12"/>
    </row>
    <row r="232409" spans="8:8">
      <c r="H232409" s="12"/>
    </row>
    <row r="232410" spans="8:8">
      <c r="H232410" s="12"/>
    </row>
    <row r="232411" spans="8:8">
      <c r="H232411" s="12"/>
    </row>
    <row r="232412" spans="8:8">
      <c r="H232412" s="12"/>
    </row>
    <row r="232413" spans="8:8">
      <c r="H232413" s="12"/>
    </row>
    <row r="232414" spans="8:8">
      <c r="H232414" s="12"/>
    </row>
    <row r="232415" spans="8:8">
      <c r="H232415" s="12"/>
    </row>
    <row r="232416" spans="8:8">
      <c r="H232416" s="12"/>
    </row>
    <row r="232417" spans="8:8">
      <c r="H232417" s="12"/>
    </row>
    <row r="232418" spans="8:8">
      <c r="H232418" s="12"/>
    </row>
    <row r="232419" spans="8:8">
      <c r="H232419" s="12"/>
    </row>
    <row r="232420" spans="8:8">
      <c r="H232420" s="12"/>
    </row>
    <row r="232421" spans="8:8">
      <c r="H232421" s="12"/>
    </row>
    <row r="232422" spans="8:8">
      <c r="H232422" s="12"/>
    </row>
    <row r="232423" spans="8:8">
      <c r="H232423" s="12"/>
    </row>
    <row r="232424" spans="8:8">
      <c r="H232424" s="12"/>
    </row>
    <row r="232425" spans="8:8">
      <c r="H232425" s="12"/>
    </row>
    <row r="232426" spans="8:8">
      <c r="H232426" s="12"/>
    </row>
    <row r="232427" spans="8:8">
      <c r="H232427" s="12"/>
    </row>
    <row r="232428" spans="8:8">
      <c r="H232428" s="12"/>
    </row>
    <row r="232429" spans="8:8">
      <c r="H232429" s="12"/>
    </row>
    <row r="232430" spans="8:8">
      <c r="H232430" s="12"/>
    </row>
    <row r="232431" spans="8:8">
      <c r="H232431" s="12"/>
    </row>
    <row r="232432" spans="8:8">
      <c r="H232432" s="12"/>
    </row>
    <row r="232433" spans="8:8">
      <c r="H232433" s="12"/>
    </row>
    <row r="232434" spans="8:8">
      <c r="H232434" s="12"/>
    </row>
    <row r="232435" spans="8:8">
      <c r="H232435" s="12"/>
    </row>
    <row r="232436" spans="8:8">
      <c r="H232436" s="12"/>
    </row>
    <row r="232437" spans="8:8">
      <c r="H232437" s="12"/>
    </row>
    <row r="232438" spans="8:8">
      <c r="H232438" s="12"/>
    </row>
    <row r="232439" spans="8:8">
      <c r="H232439" s="12"/>
    </row>
    <row r="232440" spans="8:8">
      <c r="H232440" s="12"/>
    </row>
    <row r="232441" spans="8:8">
      <c r="H232441" s="12"/>
    </row>
    <row r="232442" spans="8:8">
      <c r="H232442" s="12"/>
    </row>
    <row r="232443" spans="8:8">
      <c r="H232443" s="12"/>
    </row>
    <row r="232444" spans="8:8">
      <c r="H232444" s="12"/>
    </row>
    <row r="232445" spans="8:8">
      <c r="H232445" s="12"/>
    </row>
    <row r="232446" spans="8:8">
      <c r="H232446" s="12"/>
    </row>
    <row r="232447" spans="8:8">
      <c r="H232447" s="12"/>
    </row>
    <row r="232448" spans="8:8">
      <c r="H232448" s="12"/>
    </row>
    <row r="232449" spans="8:8">
      <c r="H232449" s="12"/>
    </row>
    <row r="232450" spans="8:8">
      <c r="H232450" s="12"/>
    </row>
    <row r="232451" spans="8:8">
      <c r="H232451" s="12"/>
    </row>
    <row r="232452" spans="8:8">
      <c r="H232452" s="12"/>
    </row>
    <row r="232453" spans="8:8">
      <c r="H232453" s="12"/>
    </row>
    <row r="232454" spans="8:8">
      <c r="H232454" s="12"/>
    </row>
    <row r="232455" spans="8:8">
      <c r="H232455" s="12"/>
    </row>
    <row r="232456" spans="8:8">
      <c r="H232456" s="12"/>
    </row>
    <row r="232457" spans="8:8">
      <c r="H232457" s="12"/>
    </row>
    <row r="232458" spans="8:8">
      <c r="H232458" s="12"/>
    </row>
    <row r="232459" spans="8:8">
      <c r="H232459" s="12"/>
    </row>
    <row r="232460" spans="8:8">
      <c r="H232460" s="12"/>
    </row>
    <row r="232461" spans="8:8">
      <c r="H232461" s="12"/>
    </row>
    <row r="232462" spans="8:8">
      <c r="H232462" s="12"/>
    </row>
    <row r="232463" spans="8:8">
      <c r="H232463" s="12"/>
    </row>
    <row r="232464" spans="8:8">
      <c r="H232464" s="12"/>
    </row>
    <row r="232465" spans="8:8">
      <c r="H232465" s="12"/>
    </row>
    <row r="232466" spans="8:8">
      <c r="H232466" s="12"/>
    </row>
    <row r="232467" spans="8:8">
      <c r="H232467" s="12"/>
    </row>
    <row r="232468" spans="8:8">
      <c r="H232468" s="12"/>
    </row>
    <row r="232469" spans="8:8">
      <c r="H232469" s="12"/>
    </row>
    <row r="232470" spans="8:8">
      <c r="H232470" s="12"/>
    </row>
    <row r="232471" spans="8:8">
      <c r="H232471" s="12"/>
    </row>
    <row r="232472" spans="8:8">
      <c r="H232472" s="12"/>
    </row>
    <row r="232473" spans="8:8">
      <c r="H232473" s="12"/>
    </row>
    <row r="232474" spans="8:8">
      <c r="H232474" s="12"/>
    </row>
    <row r="232475" spans="8:8">
      <c r="H232475" s="12"/>
    </row>
    <row r="232476" spans="8:8">
      <c r="H232476" s="12"/>
    </row>
    <row r="232477" spans="8:8">
      <c r="H232477" s="12"/>
    </row>
    <row r="232478" spans="8:8">
      <c r="H232478" s="12"/>
    </row>
    <row r="232479" spans="8:8">
      <c r="H232479" s="12"/>
    </row>
    <row r="232480" spans="8:8">
      <c r="H232480" s="12"/>
    </row>
    <row r="232481" spans="8:8">
      <c r="H232481" s="12"/>
    </row>
    <row r="232482" spans="8:8">
      <c r="H232482" s="12"/>
    </row>
    <row r="232483" spans="8:8">
      <c r="H232483" s="12"/>
    </row>
    <row r="232484" spans="8:8">
      <c r="H232484" s="12"/>
    </row>
    <row r="232485" spans="8:8">
      <c r="H232485" s="12"/>
    </row>
    <row r="232486" spans="8:8">
      <c r="H232486" s="12"/>
    </row>
    <row r="232487" spans="8:8">
      <c r="H232487" s="12"/>
    </row>
    <row r="232488" spans="8:8">
      <c r="H232488" s="12"/>
    </row>
    <row r="232489" spans="8:8">
      <c r="H232489" s="12"/>
    </row>
    <row r="232490" spans="8:8">
      <c r="H232490" s="12"/>
    </row>
    <row r="232491" spans="8:8">
      <c r="H232491" s="12"/>
    </row>
    <row r="232492" spans="8:8">
      <c r="H232492" s="12"/>
    </row>
    <row r="232493" spans="8:8">
      <c r="H232493" s="12"/>
    </row>
    <row r="232494" spans="8:8">
      <c r="H232494" s="12"/>
    </row>
    <row r="232495" spans="8:8">
      <c r="H232495" s="12"/>
    </row>
    <row r="232496" spans="8:8">
      <c r="H232496" s="12"/>
    </row>
    <row r="232497" spans="8:8">
      <c r="H232497" s="12"/>
    </row>
    <row r="232498" spans="8:8">
      <c r="H232498" s="12"/>
    </row>
    <row r="232499" spans="8:8">
      <c r="H232499" s="12"/>
    </row>
    <row r="232500" spans="8:8">
      <c r="H232500" s="12"/>
    </row>
    <row r="232501" spans="8:8">
      <c r="H232501" s="12"/>
    </row>
    <row r="232502" spans="8:8">
      <c r="H232502" s="12"/>
    </row>
    <row r="232503" spans="8:8">
      <c r="H232503" s="12"/>
    </row>
    <row r="232504" spans="8:8">
      <c r="H232504" s="12"/>
    </row>
    <row r="232505" spans="8:8">
      <c r="H232505" s="12"/>
    </row>
    <row r="232506" spans="8:8">
      <c r="H232506" s="12"/>
    </row>
    <row r="232507" spans="8:8">
      <c r="H232507" s="12"/>
    </row>
    <row r="232508" spans="8:8">
      <c r="H232508" s="12"/>
    </row>
    <row r="232509" spans="8:8">
      <c r="H232509" s="12"/>
    </row>
    <row r="232510" spans="8:8">
      <c r="H232510" s="12"/>
    </row>
    <row r="232511" spans="8:8">
      <c r="H232511" s="12"/>
    </row>
    <row r="232512" spans="8:8">
      <c r="H232512" s="12"/>
    </row>
    <row r="232513" spans="8:8">
      <c r="H232513" s="12"/>
    </row>
    <row r="232514" spans="8:8">
      <c r="H232514" s="12"/>
    </row>
    <row r="232515" spans="8:8">
      <c r="H232515" s="12"/>
    </row>
    <row r="232516" spans="8:8">
      <c r="H232516" s="12"/>
    </row>
    <row r="232517" spans="8:8">
      <c r="H232517" s="12"/>
    </row>
    <row r="232518" spans="8:8">
      <c r="H232518" s="12"/>
    </row>
    <row r="232519" spans="8:8">
      <c r="H232519" s="12"/>
    </row>
    <row r="232520" spans="8:8">
      <c r="H232520" s="12"/>
    </row>
    <row r="232521" spans="8:8">
      <c r="H232521" s="12"/>
    </row>
    <row r="232522" spans="8:8">
      <c r="H232522" s="12"/>
    </row>
    <row r="232523" spans="8:8">
      <c r="H232523" s="12"/>
    </row>
    <row r="232524" spans="8:8">
      <c r="H232524" s="12"/>
    </row>
    <row r="232525" spans="8:8">
      <c r="H232525" s="12"/>
    </row>
    <row r="232526" spans="8:8">
      <c r="H232526" s="12"/>
    </row>
    <row r="232527" spans="8:8">
      <c r="H232527" s="12"/>
    </row>
    <row r="232528" spans="8:8">
      <c r="H232528" s="12"/>
    </row>
    <row r="232529" spans="8:8">
      <c r="H232529" s="12"/>
    </row>
    <row r="232530" spans="8:8">
      <c r="H232530" s="12"/>
    </row>
    <row r="232531" spans="8:8">
      <c r="H232531" s="12"/>
    </row>
    <row r="232532" spans="8:8">
      <c r="H232532" s="12"/>
    </row>
    <row r="232533" spans="8:8">
      <c r="H232533" s="12"/>
    </row>
    <row r="232534" spans="8:8">
      <c r="H232534" s="12"/>
    </row>
    <row r="232535" spans="8:8">
      <c r="H232535" s="12"/>
    </row>
    <row r="232536" spans="8:8">
      <c r="H232536" s="12"/>
    </row>
    <row r="232537" spans="8:8">
      <c r="H232537" s="12"/>
    </row>
    <row r="232538" spans="8:8">
      <c r="H232538" s="12"/>
    </row>
    <row r="232539" spans="8:8">
      <c r="H232539" s="12"/>
    </row>
    <row r="232540" spans="8:8">
      <c r="H232540" s="12"/>
    </row>
    <row r="232541" spans="8:8">
      <c r="H232541" s="12"/>
    </row>
    <row r="232542" spans="8:8">
      <c r="H232542" s="12"/>
    </row>
    <row r="232543" spans="8:8">
      <c r="H232543" s="12"/>
    </row>
    <row r="232544" spans="8:8">
      <c r="H232544" s="12"/>
    </row>
    <row r="232545" spans="8:8">
      <c r="H232545" s="12"/>
    </row>
    <row r="232546" spans="8:8">
      <c r="H232546" s="12"/>
    </row>
    <row r="232547" spans="8:8">
      <c r="H232547" s="12"/>
    </row>
    <row r="232548" spans="8:8">
      <c r="H232548" s="12"/>
    </row>
    <row r="232549" spans="8:8">
      <c r="H232549" s="12"/>
    </row>
    <row r="232550" spans="8:8">
      <c r="H232550" s="12"/>
    </row>
    <row r="232551" spans="8:8">
      <c r="H232551" s="12"/>
    </row>
    <row r="232552" spans="8:8">
      <c r="H232552" s="12"/>
    </row>
    <row r="232553" spans="8:8">
      <c r="H232553" s="12"/>
    </row>
    <row r="232554" spans="8:8">
      <c r="H232554" s="12"/>
    </row>
    <row r="232555" spans="8:8">
      <c r="H232555" s="12"/>
    </row>
    <row r="232556" spans="8:8">
      <c r="H232556" s="12"/>
    </row>
    <row r="232557" spans="8:8">
      <c r="H232557" s="12"/>
    </row>
    <row r="232558" spans="8:8">
      <c r="H232558" s="12"/>
    </row>
    <row r="232559" spans="8:8">
      <c r="H232559" s="12"/>
    </row>
    <row r="232560" spans="8:8">
      <c r="H232560" s="12"/>
    </row>
    <row r="232561" spans="8:8">
      <c r="H232561" s="12"/>
    </row>
    <row r="232562" spans="8:8">
      <c r="H232562" s="12"/>
    </row>
    <row r="232563" spans="8:8">
      <c r="H232563" s="12"/>
    </row>
    <row r="232564" spans="8:8">
      <c r="H232564" s="12"/>
    </row>
    <row r="232565" spans="8:8">
      <c r="H232565" s="12"/>
    </row>
    <row r="232566" spans="8:8">
      <c r="H232566" s="12"/>
    </row>
    <row r="232567" spans="8:8">
      <c r="H232567" s="12"/>
    </row>
    <row r="232568" spans="8:8">
      <c r="H232568" s="12"/>
    </row>
    <row r="232569" spans="8:8">
      <c r="H232569" s="12"/>
    </row>
    <row r="232570" spans="8:8">
      <c r="H232570" s="12"/>
    </row>
    <row r="232571" spans="8:8">
      <c r="H232571" s="12"/>
    </row>
    <row r="232572" spans="8:8">
      <c r="H232572" s="12"/>
    </row>
    <row r="232573" spans="8:8">
      <c r="H232573" s="12"/>
    </row>
    <row r="232574" spans="8:8">
      <c r="H232574" s="12"/>
    </row>
    <row r="232575" spans="8:8">
      <c r="H232575" s="12"/>
    </row>
    <row r="232576" spans="8:8">
      <c r="H232576" s="12"/>
    </row>
    <row r="232577" spans="8:8">
      <c r="H232577" s="12"/>
    </row>
    <row r="232578" spans="8:8">
      <c r="H232578" s="12"/>
    </row>
    <row r="232579" spans="8:8">
      <c r="H232579" s="12"/>
    </row>
    <row r="232580" spans="8:8">
      <c r="H232580" s="12"/>
    </row>
    <row r="232581" spans="8:8">
      <c r="H232581" s="12"/>
    </row>
    <row r="232582" spans="8:8">
      <c r="H232582" s="12"/>
    </row>
    <row r="232583" spans="8:8">
      <c r="H232583" s="12"/>
    </row>
    <row r="232584" spans="8:8">
      <c r="H232584" s="12"/>
    </row>
    <row r="232585" spans="8:8">
      <c r="H232585" s="12"/>
    </row>
    <row r="232586" spans="8:8">
      <c r="H232586" s="12"/>
    </row>
    <row r="232587" spans="8:8">
      <c r="H232587" s="12"/>
    </row>
    <row r="232588" spans="8:8">
      <c r="H232588" s="12"/>
    </row>
    <row r="232589" spans="8:8">
      <c r="H232589" s="12"/>
    </row>
    <row r="232590" spans="8:8">
      <c r="H232590" s="12"/>
    </row>
    <row r="232591" spans="8:8">
      <c r="H232591" s="12"/>
    </row>
    <row r="232592" spans="8:8">
      <c r="H232592" s="12"/>
    </row>
    <row r="232593" spans="8:8">
      <c r="H232593" s="12"/>
    </row>
    <row r="232594" spans="8:8">
      <c r="H232594" s="12"/>
    </row>
    <row r="232595" spans="8:8">
      <c r="H232595" s="12"/>
    </row>
    <row r="232596" spans="8:8">
      <c r="H232596" s="12"/>
    </row>
    <row r="232597" spans="8:8">
      <c r="H232597" s="12"/>
    </row>
    <row r="232598" spans="8:8">
      <c r="H232598" s="12"/>
    </row>
    <row r="232599" spans="8:8">
      <c r="H232599" s="12"/>
    </row>
    <row r="232600" spans="8:8">
      <c r="H232600" s="12"/>
    </row>
    <row r="232601" spans="8:8">
      <c r="H232601" s="12"/>
    </row>
    <row r="232602" spans="8:8">
      <c r="H232602" s="12"/>
    </row>
    <row r="232603" spans="8:8">
      <c r="H232603" s="12"/>
    </row>
    <row r="232604" spans="8:8">
      <c r="H232604" s="12"/>
    </row>
    <row r="232605" spans="8:8">
      <c r="H232605" s="12"/>
    </row>
    <row r="232606" spans="8:8">
      <c r="H232606" s="12"/>
    </row>
    <row r="232607" spans="8:8">
      <c r="H232607" s="12"/>
    </row>
    <row r="232608" spans="8:8">
      <c r="H232608" s="12"/>
    </row>
    <row r="232609" spans="8:8">
      <c r="H232609" s="12"/>
    </row>
    <row r="232610" spans="8:8">
      <c r="H232610" s="12"/>
    </row>
    <row r="232611" spans="8:8">
      <c r="H232611" s="12"/>
    </row>
    <row r="232612" spans="8:8">
      <c r="H232612" s="12"/>
    </row>
    <row r="232613" spans="8:8">
      <c r="H232613" s="12"/>
    </row>
    <row r="232614" spans="8:8">
      <c r="H232614" s="12"/>
    </row>
    <row r="232615" spans="8:8">
      <c r="H232615" s="12"/>
    </row>
    <row r="232616" spans="8:8">
      <c r="H232616" s="12"/>
    </row>
    <row r="232617" spans="8:8">
      <c r="H232617" s="12"/>
    </row>
    <row r="232618" spans="8:8">
      <c r="H232618" s="12"/>
    </row>
    <row r="232619" spans="8:8">
      <c r="H232619" s="12"/>
    </row>
    <row r="232620" spans="8:8">
      <c r="H232620" s="12"/>
    </row>
    <row r="232621" spans="8:8">
      <c r="H232621" s="12"/>
    </row>
    <row r="232622" spans="8:8">
      <c r="H232622" s="12"/>
    </row>
    <row r="232623" spans="8:8">
      <c r="H232623" s="12"/>
    </row>
    <row r="232624" spans="8:8">
      <c r="H232624" s="12"/>
    </row>
    <row r="232625" spans="8:8">
      <c r="H232625" s="12"/>
    </row>
    <row r="232626" spans="8:8">
      <c r="H232626" s="12"/>
    </row>
    <row r="232627" spans="8:8">
      <c r="H232627" s="12"/>
    </row>
    <row r="232628" spans="8:8">
      <c r="H232628" s="12"/>
    </row>
    <row r="232629" spans="8:8">
      <c r="H232629" s="12"/>
    </row>
    <row r="232630" spans="8:8">
      <c r="H232630" s="12"/>
    </row>
    <row r="232631" spans="8:8">
      <c r="H232631" s="12"/>
    </row>
    <row r="232632" spans="8:8">
      <c r="H232632" s="12"/>
    </row>
    <row r="232633" spans="8:8">
      <c r="H232633" s="12"/>
    </row>
    <row r="232634" spans="8:8">
      <c r="H232634" s="12"/>
    </row>
    <row r="232635" spans="8:8">
      <c r="H232635" s="12"/>
    </row>
    <row r="232636" spans="8:8">
      <c r="H232636" s="12"/>
    </row>
    <row r="232637" spans="8:8">
      <c r="H232637" s="12"/>
    </row>
    <row r="232638" spans="8:8">
      <c r="H232638" s="12"/>
    </row>
    <row r="232639" spans="8:8">
      <c r="H232639" s="12"/>
    </row>
    <row r="232640" spans="8:8">
      <c r="H232640" s="12"/>
    </row>
    <row r="232641" spans="8:8">
      <c r="H232641" s="12"/>
    </row>
    <row r="232642" spans="8:8">
      <c r="H232642" s="12"/>
    </row>
    <row r="232643" spans="8:8">
      <c r="H232643" s="12"/>
    </row>
    <row r="232644" spans="8:8">
      <c r="H232644" s="12"/>
    </row>
    <row r="232645" spans="8:8">
      <c r="H232645" s="12"/>
    </row>
    <row r="232646" spans="8:8">
      <c r="H232646" s="12"/>
    </row>
    <row r="232647" spans="8:8">
      <c r="H232647" s="12"/>
    </row>
    <row r="232648" spans="8:8">
      <c r="H232648" s="12"/>
    </row>
    <row r="232649" spans="8:8">
      <c r="H232649" s="12"/>
    </row>
    <row r="232650" spans="8:8">
      <c r="H232650" s="12"/>
    </row>
    <row r="232651" spans="8:8">
      <c r="H232651" s="12"/>
    </row>
    <row r="232652" spans="8:8">
      <c r="H232652" s="12"/>
    </row>
    <row r="232653" spans="8:8">
      <c r="H232653" s="12"/>
    </row>
    <row r="232654" spans="8:8">
      <c r="H232654" s="12"/>
    </row>
    <row r="232655" spans="8:8">
      <c r="H232655" s="12"/>
    </row>
    <row r="232656" spans="8:8">
      <c r="H232656" s="12"/>
    </row>
    <row r="232657" spans="8:8">
      <c r="H232657" s="12"/>
    </row>
    <row r="232658" spans="8:8">
      <c r="H232658" s="12"/>
    </row>
    <row r="232659" spans="8:8">
      <c r="H232659" s="12"/>
    </row>
    <row r="232660" spans="8:8">
      <c r="H232660" s="12"/>
    </row>
    <row r="232661" spans="8:8">
      <c r="H232661" s="12"/>
    </row>
    <row r="232662" spans="8:8">
      <c r="H232662" s="12"/>
    </row>
    <row r="232663" spans="8:8">
      <c r="H232663" s="12"/>
    </row>
    <row r="232664" spans="8:8">
      <c r="H232664" s="12"/>
    </row>
    <row r="232665" spans="8:8">
      <c r="H232665" s="12"/>
    </row>
    <row r="232666" spans="8:8">
      <c r="H232666" s="12"/>
    </row>
    <row r="232667" spans="8:8">
      <c r="H232667" s="12"/>
    </row>
    <row r="232668" spans="8:8">
      <c r="H232668" s="12"/>
    </row>
    <row r="232669" spans="8:8">
      <c r="H232669" s="12"/>
    </row>
    <row r="232670" spans="8:8">
      <c r="H232670" s="12"/>
    </row>
    <row r="232671" spans="8:8">
      <c r="H232671" s="12"/>
    </row>
    <row r="232672" spans="8:8">
      <c r="H232672" s="12"/>
    </row>
    <row r="232673" spans="8:8">
      <c r="H232673" s="12"/>
    </row>
    <row r="232674" spans="8:8">
      <c r="H232674" s="12"/>
    </row>
    <row r="232675" spans="8:8">
      <c r="H232675" s="12"/>
    </row>
    <row r="232676" spans="8:8">
      <c r="H232676" s="12"/>
    </row>
    <row r="232677" spans="8:8">
      <c r="H232677" s="12"/>
    </row>
    <row r="232678" spans="8:8">
      <c r="H232678" s="12"/>
    </row>
    <row r="232679" spans="8:8">
      <c r="H232679" s="12"/>
    </row>
    <row r="232680" spans="8:8">
      <c r="H232680" s="12"/>
    </row>
    <row r="232681" spans="8:8">
      <c r="H232681" s="12"/>
    </row>
    <row r="232682" spans="8:8">
      <c r="H232682" s="12"/>
    </row>
    <row r="232683" spans="8:8">
      <c r="H232683" s="12"/>
    </row>
    <row r="232684" spans="8:8">
      <c r="H232684" s="12"/>
    </row>
    <row r="232685" spans="8:8">
      <c r="H232685" s="12"/>
    </row>
    <row r="232686" spans="8:8">
      <c r="H232686" s="12"/>
    </row>
    <row r="232687" spans="8:8">
      <c r="H232687" s="12"/>
    </row>
    <row r="232688" spans="8:8">
      <c r="H232688" s="12"/>
    </row>
    <row r="232689" spans="8:8">
      <c r="H232689" s="12"/>
    </row>
    <row r="232690" spans="8:8">
      <c r="H232690" s="12"/>
    </row>
    <row r="232691" spans="8:8">
      <c r="H232691" s="12"/>
    </row>
    <row r="232692" spans="8:8">
      <c r="H232692" s="12"/>
    </row>
    <row r="232693" spans="8:8">
      <c r="H232693" s="12"/>
    </row>
    <row r="232694" spans="8:8">
      <c r="H232694" s="12"/>
    </row>
    <row r="232695" spans="8:8">
      <c r="H232695" s="12"/>
    </row>
    <row r="232696" spans="8:8">
      <c r="H232696" s="12"/>
    </row>
    <row r="232697" spans="8:8">
      <c r="H232697" s="12"/>
    </row>
    <row r="232698" spans="8:8">
      <c r="H232698" s="12"/>
    </row>
    <row r="232699" spans="8:8">
      <c r="H232699" s="12"/>
    </row>
    <row r="232700" spans="8:8">
      <c r="H232700" s="12"/>
    </row>
    <row r="232701" spans="8:8">
      <c r="H232701" s="12"/>
    </row>
    <row r="232702" spans="8:8">
      <c r="H232702" s="12"/>
    </row>
    <row r="232703" spans="8:8">
      <c r="H232703" s="12"/>
    </row>
    <row r="232704" spans="8:8">
      <c r="H232704" s="12"/>
    </row>
    <row r="232705" spans="8:8">
      <c r="H232705" s="12"/>
    </row>
    <row r="232706" spans="8:8">
      <c r="H232706" s="12"/>
    </row>
    <row r="232707" spans="8:8">
      <c r="H232707" s="12"/>
    </row>
    <row r="232708" spans="8:8">
      <c r="H232708" s="12"/>
    </row>
    <row r="232709" spans="8:8">
      <c r="H232709" s="12"/>
    </row>
    <row r="232710" spans="8:8">
      <c r="H232710" s="12"/>
    </row>
    <row r="232711" spans="8:8">
      <c r="H232711" s="12"/>
    </row>
    <row r="232712" spans="8:8">
      <c r="H232712" s="12"/>
    </row>
    <row r="232713" spans="8:8">
      <c r="H232713" s="12"/>
    </row>
    <row r="232714" spans="8:8">
      <c r="H232714" s="12"/>
    </row>
    <row r="232715" spans="8:8">
      <c r="H232715" s="12"/>
    </row>
    <row r="232716" spans="8:8">
      <c r="H232716" s="12"/>
    </row>
    <row r="232717" spans="8:8">
      <c r="H232717" s="12"/>
    </row>
    <row r="232718" spans="8:8">
      <c r="H232718" s="12"/>
    </row>
    <row r="232719" spans="8:8">
      <c r="H232719" s="12"/>
    </row>
    <row r="232720" spans="8:8">
      <c r="H232720" s="12"/>
    </row>
    <row r="232721" spans="8:8">
      <c r="H232721" s="12"/>
    </row>
    <row r="232722" spans="8:8">
      <c r="H232722" s="12"/>
    </row>
    <row r="232723" spans="8:8">
      <c r="H232723" s="12"/>
    </row>
    <row r="232724" spans="8:8">
      <c r="H232724" s="12"/>
    </row>
    <row r="232725" spans="8:8">
      <c r="H232725" s="12"/>
    </row>
    <row r="232726" spans="8:8">
      <c r="H232726" s="12"/>
    </row>
    <row r="232727" spans="8:8">
      <c r="H232727" s="12"/>
    </row>
    <row r="232728" spans="8:8">
      <c r="H232728" s="12"/>
    </row>
    <row r="232729" spans="8:8">
      <c r="H232729" s="12"/>
    </row>
    <row r="232730" spans="8:8">
      <c r="H232730" s="12"/>
    </row>
    <row r="232731" spans="8:8">
      <c r="H232731" s="12"/>
    </row>
    <row r="232732" spans="8:8">
      <c r="H232732" s="12"/>
    </row>
    <row r="232733" spans="8:8">
      <c r="H232733" s="12"/>
    </row>
    <row r="232734" spans="8:8">
      <c r="H232734" s="12"/>
    </row>
    <row r="232735" spans="8:8">
      <c r="H232735" s="12"/>
    </row>
    <row r="232736" spans="8:8">
      <c r="H232736" s="12"/>
    </row>
    <row r="232737" spans="8:8">
      <c r="H232737" s="12"/>
    </row>
    <row r="232738" spans="8:8">
      <c r="H232738" s="12"/>
    </row>
    <row r="232739" spans="8:8">
      <c r="H232739" s="12"/>
    </row>
    <row r="232740" spans="8:8">
      <c r="H232740" s="12"/>
    </row>
    <row r="232741" spans="8:8">
      <c r="H232741" s="12"/>
    </row>
    <row r="232742" spans="8:8">
      <c r="H232742" s="12"/>
    </row>
    <row r="232743" spans="8:8">
      <c r="H232743" s="12"/>
    </row>
    <row r="232744" spans="8:8">
      <c r="H232744" s="12"/>
    </row>
    <row r="232745" spans="8:8">
      <c r="H232745" s="12"/>
    </row>
    <row r="232746" spans="8:8">
      <c r="H232746" s="12"/>
    </row>
    <row r="232747" spans="8:8">
      <c r="H232747" s="12"/>
    </row>
    <row r="232748" spans="8:8">
      <c r="H232748" s="12"/>
    </row>
    <row r="232749" spans="8:8">
      <c r="H232749" s="12"/>
    </row>
    <row r="232750" spans="8:8">
      <c r="H232750" s="12"/>
    </row>
    <row r="232751" spans="8:8">
      <c r="H232751" s="12"/>
    </row>
    <row r="232752" spans="8:8">
      <c r="H232752" s="12"/>
    </row>
    <row r="232753" spans="8:8">
      <c r="H232753" s="12"/>
    </row>
    <row r="232754" spans="8:8">
      <c r="H232754" s="12"/>
    </row>
    <row r="232755" spans="8:8">
      <c r="H232755" s="12"/>
    </row>
    <row r="232756" spans="8:8">
      <c r="H232756" s="12"/>
    </row>
    <row r="232757" spans="8:8">
      <c r="H232757" s="12"/>
    </row>
    <row r="232758" spans="8:8">
      <c r="H232758" s="12"/>
    </row>
    <row r="232759" spans="8:8">
      <c r="H232759" s="12"/>
    </row>
    <row r="232760" spans="8:8">
      <c r="H232760" s="12"/>
    </row>
    <row r="232761" spans="8:8">
      <c r="H232761" s="12"/>
    </row>
    <row r="232762" spans="8:8">
      <c r="H232762" s="12"/>
    </row>
    <row r="232763" spans="8:8">
      <c r="H232763" s="12"/>
    </row>
    <row r="232764" spans="8:8">
      <c r="H232764" s="12"/>
    </row>
    <row r="232765" spans="8:8">
      <c r="H232765" s="12"/>
    </row>
    <row r="232766" spans="8:8">
      <c r="H232766" s="12"/>
    </row>
    <row r="232767" spans="8:8">
      <c r="H232767" s="12"/>
    </row>
    <row r="232768" spans="8:8">
      <c r="H232768" s="12"/>
    </row>
    <row r="232769" spans="8:8">
      <c r="H232769" s="12"/>
    </row>
    <row r="232770" spans="8:8">
      <c r="H232770" s="12"/>
    </row>
    <row r="232771" spans="8:8">
      <c r="H232771" s="12"/>
    </row>
    <row r="232772" spans="8:8">
      <c r="H232772" s="12"/>
    </row>
    <row r="232773" spans="8:8">
      <c r="H232773" s="12"/>
    </row>
    <row r="232774" spans="8:8">
      <c r="H232774" s="12"/>
    </row>
    <row r="232775" spans="8:8">
      <c r="H232775" s="12"/>
    </row>
    <row r="232776" spans="8:8">
      <c r="H232776" s="12"/>
    </row>
    <row r="232777" spans="8:8">
      <c r="H232777" s="12"/>
    </row>
    <row r="232778" spans="8:8">
      <c r="H232778" s="12"/>
    </row>
    <row r="232779" spans="8:8">
      <c r="H232779" s="12"/>
    </row>
    <row r="232780" spans="8:8">
      <c r="H232780" s="12"/>
    </row>
    <row r="232781" spans="8:8">
      <c r="H232781" s="12"/>
    </row>
    <row r="232782" spans="8:8">
      <c r="H232782" s="12"/>
    </row>
    <row r="232783" spans="8:8">
      <c r="H232783" s="12"/>
    </row>
    <row r="232784" spans="8:8">
      <c r="H232784" s="12"/>
    </row>
    <row r="232785" spans="8:8">
      <c r="H232785" s="12"/>
    </row>
    <row r="232786" spans="8:8">
      <c r="H232786" s="12"/>
    </row>
    <row r="232787" spans="8:8">
      <c r="H232787" s="12"/>
    </row>
    <row r="232788" spans="8:8">
      <c r="H232788" s="12"/>
    </row>
    <row r="232789" spans="8:8">
      <c r="H232789" s="12"/>
    </row>
    <row r="232790" spans="8:8">
      <c r="H232790" s="12"/>
    </row>
    <row r="232791" spans="8:8">
      <c r="H232791" s="12"/>
    </row>
    <row r="232792" spans="8:8">
      <c r="H232792" s="12"/>
    </row>
    <row r="232793" spans="8:8">
      <c r="H232793" s="12"/>
    </row>
    <row r="232794" spans="8:8">
      <c r="H232794" s="12"/>
    </row>
    <row r="232795" spans="8:8">
      <c r="H232795" s="12"/>
    </row>
    <row r="232796" spans="8:8">
      <c r="H232796" s="12"/>
    </row>
    <row r="232797" spans="8:8">
      <c r="H232797" s="12"/>
    </row>
    <row r="232798" spans="8:8">
      <c r="H232798" s="12"/>
    </row>
    <row r="232799" spans="8:8">
      <c r="H232799" s="12"/>
    </row>
    <row r="232800" spans="8:8">
      <c r="H232800" s="12"/>
    </row>
    <row r="232801" spans="8:8">
      <c r="H232801" s="12"/>
    </row>
    <row r="232802" spans="8:8">
      <c r="H232802" s="12"/>
    </row>
    <row r="232803" spans="8:8">
      <c r="H232803" s="12"/>
    </row>
    <row r="232804" spans="8:8">
      <c r="H232804" s="12"/>
    </row>
    <row r="232805" spans="8:8">
      <c r="H232805" s="12"/>
    </row>
    <row r="232806" spans="8:8">
      <c r="H232806" s="12"/>
    </row>
    <row r="232807" spans="8:8">
      <c r="H232807" s="12"/>
    </row>
    <row r="232808" spans="8:8">
      <c r="H232808" s="12"/>
    </row>
    <row r="232809" spans="8:8">
      <c r="H232809" s="12"/>
    </row>
    <row r="232810" spans="8:8">
      <c r="H232810" s="12"/>
    </row>
    <row r="232811" spans="8:8">
      <c r="H232811" s="12"/>
    </row>
    <row r="232812" spans="8:8">
      <c r="H232812" s="12"/>
    </row>
    <row r="232813" spans="8:8">
      <c r="H232813" s="12"/>
    </row>
    <row r="232814" spans="8:8">
      <c r="H232814" s="12"/>
    </row>
    <row r="232815" spans="8:8">
      <c r="H232815" s="12"/>
    </row>
    <row r="232816" spans="8:8">
      <c r="H232816" s="12"/>
    </row>
    <row r="232817" spans="8:8">
      <c r="H232817" s="12"/>
    </row>
    <row r="232818" spans="8:8">
      <c r="H232818" s="12"/>
    </row>
    <row r="232819" spans="8:8">
      <c r="H232819" s="12"/>
    </row>
    <row r="232820" spans="8:8">
      <c r="H232820" s="12"/>
    </row>
    <row r="232821" spans="8:8">
      <c r="H232821" s="12"/>
    </row>
    <row r="232822" spans="8:8">
      <c r="H232822" s="12"/>
    </row>
    <row r="232823" spans="8:8">
      <c r="H232823" s="12"/>
    </row>
    <row r="232824" spans="8:8">
      <c r="H232824" s="12"/>
    </row>
    <row r="232825" spans="8:8">
      <c r="H232825" s="12"/>
    </row>
    <row r="232826" spans="8:8">
      <c r="H232826" s="12"/>
    </row>
    <row r="232827" spans="8:8">
      <c r="H232827" s="12"/>
    </row>
    <row r="232828" spans="8:8">
      <c r="H232828" s="12"/>
    </row>
    <row r="232829" spans="8:8">
      <c r="H232829" s="12"/>
    </row>
    <row r="232830" spans="8:8">
      <c r="H232830" s="12"/>
    </row>
    <row r="232831" spans="8:8">
      <c r="H232831" s="12"/>
    </row>
    <row r="232832" spans="8:8">
      <c r="H232832" s="12"/>
    </row>
    <row r="232833" spans="8:8">
      <c r="H232833" s="12"/>
    </row>
    <row r="232834" spans="8:8">
      <c r="H232834" s="12"/>
    </row>
    <row r="232835" spans="8:8">
      <c r="H232835" s="12"/>
    </row>
    <row r="232836" spans="8:8">
      <c r="H232836" s="12"/>
    </row>
    <row r="232837" spans="8:8">
      <c r="H232837" s="12"/>
    </row>
    <row r="232838" spans="8:8">
      <c r="H232838" s="12"/>
    </row>
    <row r="232839" spans="8:8">
      <c r="H232839" s="12"/>
    </row>
    <row r="232840" spans="8:8">
      <c r="H232840" s="12"/>
    </row>
    <row r="232841" spans="8:8">
      <c r="H232841" s="12"/>
    </row>
    <row r="232842" spans="8:8">
      <c r="H232842" s="12"/>
    </row>
    <row r="232843" spans="8:8">
      <c r="H232843" s="12"/>
    </row>
    <row r="232844" spans="8:8">
      <c r="H232844" s="12"/>
    </row>
    <row r="232845" spans="8:8">
      <c r="H232845" s="12"/>
    </row>
    <row r="232846" spans="8:8">
      <c r="H232846" s="12"/>
    </row>
    <row r="232847" spans="8:8">
      <c r="H232847" s="12"/>
    </row>
    <row r="232848" spans="8:8">
      <c r="H232848" s="12"/>
    </row>
    <row r="232849" spans="8:8">
      <c r="H232849" s="12"/>
    </row>
    <row r="232850" spans="8:8">
      <c r="H232850" s="12"/>
    </row>
    <row r="232851" spans="8:8">
      <c r="H232851" s="12"/>
    </row>
    <row r="232852" spans="8:8">
      <c r="H232852" s="12"/>
    </row>
    <row r="232853" spans="8:8">
      <c r="H232853" s="12"/>
    </row>
    <row r="232854" spans="8:8">
      <c r="H232854" s="12"/>
    </row>
    <row r="232855" spans="8:8">
      <c r="H232855" s="12"/>
    </row>
    <row r="232856" spans="8:8">
      <c r="H232856" s="12"/>
    </row>
    <row r="232857" spans="8:8">
      <c r="H232857" s="12"/>
    </row>
    <row r="232858" spans="8:8">
      <c r="H232858" s="12"/>
    </row>
    <row r="232859" spans="8:8">
      <c r="H232859" s="12"/>
    </row>
    <row r="232860" spans="8:8">
      <c r="H232860" s="12"/>
    </row>
    <row r="232861" spans="8:8">
      <c r="H232861" s="12"/>
    </row>
    <row r="232862" spans="8:8">
      <c r="H232862" s="12"/>
    </row>
    <row r="232863" spans="8:8">
      <c r="H232863" s="12"/>
    </row>
    <row r="232864" spans="8:8">
      <c r="H232864" s="12"/>
    </row>
    <row r="232865" spans="8:8">
      <c r="H232865" s="12"/>
    </row>
    <row r="232866" spans="8:8">
      <c r="H232866" s="12"/>
    </row>
    <row r="232867" spans="8:8">
      <c r="H232867" s="12"/>
    </row>
    <row r="232868" spans="8:8">
      <c r="H232868" s="12"/>
    </row>
    <row r="232869" spans="8:8">
      <c r="H232869" s="12"/>
    </row>
    <row r="232870" spans="8:8">
      <c r="H232870" s="12"/>
    </row>
    <row r="232871" spans="8:8">
      <c r="H232871" s="12"/>
    </row>
    <row r="232872" spans="8:8">
      <c r="H232872" s="12"/>
    </row>
    <row r="232873" spans="8:8">
      <c r="H232873" s="12"/>
    </row>
    <row r="232874" spans="8:8">
      <c r="H232874" s="12"/>
    </row>
    <row r="232875" spans="8:8">
      <c r="H232875" s="12"/>
    </row>
    <row r="232876" spans="8:8">
      <c r="H232876" s="12"/>
    </row>
    <row r="232877" spans="8:8">
      <c r="H232877" s="12"/>
    </row>
    <row r="232878" spans="8:8">
      <c r="H232878" s="12"/>
    </row>
    <row r="232879" spans="8:8">
      <c r="H232879" s="12"/>
    </row>
    <row r="232880" spans="8:8">
      <c r="H232880" s="12"/>
    </row>
    <row r="232881" spans="8:8">
      <c r="H232881" s="12"/>
    </row>
    <row r="232882" spans="8:8">
      <c r="H232882" s="12"/>
    </row>
    <row r="232883" spans="8:8">
      <c r="H232883" s="12"/>
    </row>
    <row r="232884" spans="8:8">
      <c r="H232884" s="12"/>
    </row>
    <row r="232885" spans="8:8">
      <c r="H232885" s="12"/>
    </row>
    <row r="232886" spans="8:8">
      <c r="H232886" s="12"/>
    </row>
    <row r="232887" spans="8:8">
      <c r="H232887" s="12"/>
    </row>
    <row r="232888" spans="8:8">
      <c r="H232888" s="12"/>
    </row>
    <row r="232889" spans="8:8">
      <c r="H232889" s="12"/>
    </row>
    <row r="232890" spans="8:8">
      <c r="H232890" s="12"/>
    </row>
    <row r="232891" spans="8:8">
      <c r="H232891" s="12"/>
    </row>
    <row r="232892" spans="8:8">
      <c r="H232892" s="12"/>
    </row>
    <row r="232893" spans="8:8">
      <c r="H232893" s="12"/>
    </row>
    <row r="232894" spans="8:8">
      <c r="H232894" s="12"/>
    </row>
    <row r="232895" spans="8:8">
      <c r="H232895" s="12"/>
    </row>
    <row r="232896" spans="8:8">
      <c r="H232896" s="12"/>
    </row>
    <row r="232897" spans="8:8">
      <c r="H232897" s="12"/>
    </row>
    <row r="232898" spans="8:8">
      <c r="H232898" s="12"/>
    </row>
    <row r="232899" spans="8:8">
      <c r="H232899" s="12"/>
    </row>
    <row r="232900" spans="8:8">
      <c r="H232900" s="12"/>
    </row>
    <row r="232901" spans="8:8">
      <c r="H232901" s="12"/>
    </row>
    <row r="232902" spans="8:8">
      <c r="H232902" s="12"/>
    </row>
    <row r="232903" spans="8:8">
      <c r="H232903" s="12"/>
    </row>
    <row r="232904" spans="8:8">
      <c r="H232904" s="12"/>
    </row>
    <row r="232905" spans="8:8">
      <c r="H232905" s="12"/>
    </row>
    <row r="232906" spans="8:8">
      <c r="H232906" s="12"/>
    </row>
    <row r="232907" spans="8:8">
      <c r="H232907" s="12"/>
    </row>
    <row r="232908" spans="8:8">
      <c r="H232908" s="12"/>
    </row>
    <row r="232909" spans="8:8">
      <c r="H232909" s="12"/>
    </row>
    <row r="232910" spans="8:8">
      <c r="H232910" s="12"/>
    </row>
    <row r="232911" spans="8:8">
      <c r="H232911" s="12"/>
    </row>
    <row r="232912" spans="8:8">
      <c r="H232912" s="12"/>
    </row>
    <row r="232913" spans="8:8">
      <c r="H232913" s="12"/>
    </row>
    <row r="232914" spans="8:8">
      <c r="H232914" s="12"/>
    </row>
    <row r="232915" spans="8:8">
      <c r="H232915" s="12"/>
    </row>
    <row r="232916" spans="8:8">
      <c r="H232916" s="12"/>
    </row>
    <row r="232917" spans="8:8">
      <c r="H232917" s="12"/>
    </row>
    <row r="232918" spans="8:8">
      <c r="H232918" s="12"/>
    </row>
    <row r="232919" spans="8:8">
      <c r="H232919" s="12"/>
    </row>
    <row r="232920" spans="8:8">
      <c r="H232920" s="12"/>
    </row>
    <row r="232921" spans="8:8">
      <c r="H232921" s="12"/>
    </row>
    <row r="232922" spans="8:8">
      <c r="H232922" s="12"/>
    </row>
    <row r="232923" spans="8:8">
      <c r="H232923" s="12"/>
    </row>
    <row r="232924" spans="8:8">
      <c r="H232924" s="12"/>
    </row>
    <row r="232925" spans="8:8">
      <c r="H232925" s="12"/>
    </row>
    <row r="232926" spans="8:8">
      <c r="H232926" s="12"/>
    </row>
    <row r="232927" spans="8:8">
      <c r="H232927" s="12"/>
    </row>
    <row r="232928" spans="8:8">
      <c r="H232928" s="12"/>
    </row>
    <row r="232929" spans="8:8">
      <c r="H232929" s="12"/>
    </row>
    <row r="232930" spans="8:8">
      <c r="H232930" s="12"/>
    </row>
    <row r="232931" spans="8:8">
      <c r="H232931" s="12"/>
    </row>
    <row r="232932" spans="8:8">
      <c r="H232932" s="12"/>
    </row>
    <row r="232933" spans="8:8">
      <c r="H232933" s="12"/>
    </row>
    <row r="232934" spans="8:8">
      <c r="H232934" s="12"/>
    </row>
    <row r="232935" spans="8:8">
      <c r="H232935" s="12"/>
    </row>
    <row r="232936" spans="8:8">
      <c r="H232936" s="12"/>
    </row>
    <row r="232937" spans="8:8">
      <c r="H232937" s="12"/>
    </row>
    <row r="232938" spans="8:8">
      <c r="H232938" s="12"/>
    </row>
    <row r="232939" spans="8:8">
      <c r="H232939" s="12"/>
    </row>
    <row r="232940" spans="8:8">
      <c r="H232940" s="12"/>
    </row>
    <row r="232941" spans="8:8">
      <c r="H232941" s="12"/>
    </row>
    <row r="232942" spans="8:8">
      <c r="H232942" s="12"/>
    </row>
    <row r="232943" spans="8:8">
      <c r="H232943" s="12"/>
    </row>
    <row r="232944" spans="8:8">
      <c r="H232944" s="12"/>
    </row>
    <row r="232945" spans="8:8">
      <c r="H232945" s="12"/>
    </row>
    <row r="232946" spans="8:8">
      <c r="H232946" s="12"/>
    </row>
    <row r="232947" spans="8:8">
      <c r="H232947" s="12"/>
    </row>
    <row r="232948" spans="8:8">
      <c r="H232948" s="12"/>
    </row>
    <row r="232949" spans="8:8">
      <c r="H232949" s="12"/>
    </row>
    <row r="232950" spans="8:8">
      <c r="H232950" s="12"/>
    </row>
    <row r="232951" spans="8:8">
      <c r="H232951" s="12"/>
    </row>
    <row r="232952" spans="8:8">
      <c r="H232952" s="12"/>
    </row>
    <row r="232953" spans="8:8">
      <c r="H232953" s="12"/>
    </row>
    <row r="232954" spans="8:8">
      <c r="H232954" s="12"/>
    </row>
    <row r="232955" spans="8:8">
      <c r="H232955" s="12"/>
    </row>
    <row r="232956" spans="8:8">
      <c r="H232956" s="12"/>
    </row>
    <row r="232957" spans="8:8">
      <c r="H232957" s="12"/>
    </row>
    <row r="232958" spans="8:8">
      <c r="H232958" s="12"/>
    </row>
    <row r="232959" spans="8:8">
      <c r="H232959" s="12"/>
    </row>
    <row r="232960" spans="8:8">
      <c r="H232960" s="12"/>
    </row>
    <row r="232961" spans="8:8">
      <c r="H232961" s="12"/>
    </row>
    <row r="232962" spans="8:8">
      <c r="H232962" s="12"/>
    </row>
    <row r="232963" spans="8:8">
      <c r="H232963" s="12"/>
    </row>
    <row r="232964" spans="8:8">
      <c r="H232964" s="12"/>
    </row>
    <row r="232965" spans="8:8">
      <c r="H232965" s="12"/>
    </row>
    <row r="232966" spans="8:8">
      <c r="H232966" s="12"/>
    </row>
    <row r="232967" spans="8:8">
      <c r="H232967" s="12"/>
    </row>
    <row r="232968" spans="8:8">
      <c r="H232968" s="12"/>
    </row>
    <row r="232969" spans="8:8">
      <c r="H232969" s="12"/>
    </row>
    <row r="232970" spans="8:8">
      <c r="H232970" s="12"/>
    </row>
    <row r="232971" spans="8:8">
      <c r="H232971" s="12"/>
    </row>
    <row r="232972" spans="8:8">
      <c r="H232972" s="12"/>
    </row>
    <row r="232973" spans="8:8">
      <c r="H232973" s="12"/>
    </row>
    <row r="232974" spans="8:8">
      <c r="H232974" s="12"/>
    </row>
    <row r="232975" spans="8:8">
      <c r="H232975" s="12"/>
    </row>
    <row r="232976" spans="8:8">
      <c r="H232976" s="12"/>
    </row>
    <row r="232977" spans="8:8">
      <c r="H232977" s="12"/>
    </row>
    <row r="232978" spans="8:8">
      <c r="H232978" s="12"/>
    </row>
    <row r="232979" spans="8:8">
      <c r="H232979" s="12"/>
    </row>
    <row r="232980" spans="8:8">
      <c r="H232980" s="12"/>
    </row>
    <row r="232981" spans="8:8">
      <c r="H232981" s="12"/>
    </row>
    <row r="232982" spans="8:8">
      <c r="H232982" s="12"/>
    </row>
    <row r="232983" spans="8:8">
      <c r="H232983" s="12"/>
    </row>
    <row r="232984" spans="8:8">
      <c r="H232984" s="12"/>
    </row>
    <row r="232985" spans="8:8">
      <c r="H232985" s="12"/>
    </row>
    <row r="232986" spans="8:8">
      <c r="H232986" s="12"/>
    </row>
    <row r="232987" spans="8:8">
      <c r="H232987" s="12"/>
    </row>
    <row r="232988" spans="8:8">
      <c r="H232988" s="12"/>
    </row>
    <row r="232989" spans="8:8">
      <c r="H232989" s="12"/>
    </row>
    <row r="232990" spans="8:8">
      <c r="H232990" s="12"/>
    </row>
    <row r="232991" spans="8:8">
      <c r="H232991" s="12"/>
    </row>
    <row r="232992" spans="8:8">
      <c r="H232992" s="12"/>
    </row>
    <row r="232993" spans="8:8">
      <c r="H232993" s="12"/>
    </row>
    <row r="232994" spans="8:8">
      <c r="H232994" s="12"/>
    </row>
    <row r="232995" spans="8:8">
      <c r="H232995" s="12"/>
    </row>
    <row r="232996" spans="8:8">
      <c r="H232996" s="12"/>
    </row>
    <row r="232997" spans="8:8">
      <c r="H232997" s="12"/>
    </row>
    <row r="232998" spans="8:8">
      <c r="H232998" s="12"/>
    </row>
    <row r="232999" spans="8:8">
      <c r="H232999" s="12"/>
    </row>
    <row r="233000" spans="8:8">
      <c r="H233000" s="12"/>
    </row>
    <row r="233001" spans="8:8">
      <c r="H233001" s="12"/>
    </row>
    <row r="233002" spans="8:8">
      <c r="H233002" s="12"/>
    </row>
    <row r="233003" spans="8:8">
      <c r="H233003" s="12"/>
    </row>
    <row r="233004" spans="8:8">
      <c r="H233004" s="12"/>
    </row>
    <row r="233005" spans="8:8">
      <c r="H233005" s="12"/>
    </row>
    <row r="233006" spans="8:8">
      <c r="H233006" s="12"/>
    </row>
    <row r="233007" spans="8:8">
      <c r="H233007" s="12"/>
    </row>
    <row r="233008" spans="8:8">
      <c r="H233008" s="12"/>
    </row>
    <row r="233009" spans="8:8">
      <c r="H233009" s="12"/>
    </row>
    <row r="233010" spans="8:8">
      <c r="H233010" s="12"/>
    </row>
    <row r="233011" spans="8:8">
      <c r="H233011" s="12"/>
    </row>
    <row r="233012" spans="8:8">
      <c r="H233012" s="12"/>
    </row>
    <row r="233013" spans="8:8">
      <c r="H233013" s="12"/>
    </row>
    <row r="233014" spans="8:8">
      <c r="H233014" s="12"/>
    </row>
    <row r="233015" spans="8:8">
      <c r="H233015" s="12"/>
    </row>
    <row r="233016" spans="8:8">
      <c r="H233016" s="12"/>
    </row>
    <row r="233017" spans="8:8">
      <c r="H233017" s="12"/>
    </row>
    <row r="233018" spans="8:8">
      <c r="H233018" s="12"/>
    </row>
    <row r="233019" spans="8:8">
      <c r="H233019" s="12"/>
    </row>
    <row r="233020" spans="8:8">
      <c r="H233020" s="12"/>
    </row>
    <row r="233021" spans="8:8">
      <c r="H233021" s="12"/>
    </row>
    <row r="233022" spans="8:8">
      <c r="H233022" s="12"/>
    </row>
    <row r="233023" spans="8:8">
      <c r="H233023" s="12"/>
    </row>
    <row r="233024" spans="8:8">
      <c r="H233024" s="12"/>
    </row>
    <row r="233025" spans="8:8">
      <c r="H233025" s="12"/>
    </row>
    <row r="233026" spans="8:8">
      <c r="H233026" s="12"/>
    </row>
    <row r="233027" spans="8:8">
      <c r="H233027" s="12"/>
    </row>
    <row r="233028" spans="8:8">
      <c r="H233028" s="12"/>
    </row>
    <row r="233029" spans="8:8">
      <c r="H233029" s="12"/>
    </row>
    <row r="233030" spans="8:8">
      <c r="H233030" s="12"/>
    </row>
    <row r="233031" spans="8:8">
      <c r="H233031" s="12"/>
    </row>
    <row r="233032" spans="8:8">
      <c r="H233032" s="12"/>
    </row>
    <row r="233033" spans="8:8">
      <c r="H233033" s="12"/>
    </row>
    <row r="233034" spans="8:8">
      <c r="H233034" s="12"/>
    </row>
    <row r="233035" spans="8:8">
      <c r="H233035" s="12"/>
    </row>
    <row r="233036" spans="8:8">
      <c r="H233036" s="12"/>
    </row>
    <row r="233037" spans="8:8">
      <c r="H233037" s="12"/>
    </row>
    <row r="233038" spans="8:8">
      <c r="H233038" s="12"/>
    </row>
    <row r="233039" spans="8:8">
      <c r="H233039" s="12"/>
    </row>
    <row r="233040" spans="8:8">
      <c r="H233040" s="12"/>
    </row>
    <row r="233041" spans="8:8">
      <c r="H233041" s="12"/>
    </row>
    <row r="233042" spans="8:8">
      <c r="H233042" s="12"/>
    </row>
    <row r="233043" spans="8:8">
      <c r="H233043" s="12"/>
    </row>
    <row r="233044" spans="8:8">
      <c r="H233044" s="12"/>
    </row>
    <row r="233045" spans="8:8">
      <c r="H233045" s="12"/>
    </row>
    <row r="233046" spans="8:8">
      <c r="H233046" s="12"/>
    </row>
    <row r="233047" spans="8:8">
      <c r="H233047" s="12"/>
    </row>
    <row r="233048" spans="8:8">
      <c r="H233048" s="12"/>
    </row>
    <row r="233049" spans="8:8">
      <c r="H233049" s="12"/>
    </row>
    <row r="233050" spans="8:8">
      <c r="H233050" s="12"/>
    </row>
    <row r="233051" spans="8:8">
      <c r="H233051" s="12"/>
    </row>
    <row r="233052" spans="8:8">
      <c r="H233052" s="12"/>
    </row>
    <row r="233053" spans="8:8">
      <c r="H233053" s="12"/>
    </row>
    <row r="233054" spans="8:8">
      <c r="H233054" s="12"/>
    </row>
    <row r="233055" spans="8:8">
      <c r="H233055" s="12"/>
    </row>
    <row r="233056" spans="8:8">
      <c r="H233056" s="12"/>
    </row>
    <row r="233057" spans="8:8">
      <c r="H233057" s="12"/>
    </row>
    <row r="233058" spans="8:8">
      <c r="H233058" s="12"/>
    </row>
    <row r="233059" spans="8:8">
      <c r="H233059" s="12"/>
    </row>
    <row r="233060" spans="8:8">
      <c r="H233060" s="12"/>
    </row>
    <row r="233061" spans="8:8">
      <c r="H233061" s="12"/>
    </row>
    <row r="233062" spans="8:8">
      <c r="H233062" s="12"/>
    </row>
    <row r="233063" spans="8:8">
      <c r="H233063" s="12"/>
    </row>
    <row r="233064" spans="8:8">
      <c r="H233064" s="12"/>
    </row>
    <row r="233065" spans="8:8">
      <c r="H233065" s="12"/>
    </row>
    <row r="233066" spans="8:8">
      <c r="H233066" s="12"/>
    </row>
    <row r="233067" spans="8:8">
      <c r="H233067" s="12"/>
    </row>
    <row r="233068" spans="8:8">
      <c r="H233068" s="12"/>
    </row>
    <row r="233069" spans="8:8">
      <c r="H233069" s="12"/>
    </row>
    <row r="233070" spans="8:8">
      <c r="H233070" s="12"/>
    </row>
    <row r="233071" spans="8:8">
      <c r="H233071" s="12"/>
    </row>
    <row r="233072" spans="8:8">
      <c r="H233072" s="12"/>
    </row>
    <row r="233073" spans="8:8">
      <c r="H233073" s="12"/>
    </row>
    <row r="233074" spans="8:8">
      <c r="H233074" s="12"/>
    </row>
    <row r="233075" spans="8:8">
      <c r="H233075" s="12"/>
    </row>
    <row r="233076" spans="8:8">
      <c r="H233076" s="12"/>
    </row>
    <row r="233077" spans="8:8">
      <c r="H233077" s="12"/>
    </row>
    <row r="233078" spans="8:8">
      <c r="H233078" s="12"/>
    </row>
    <row r="233079" spans="8:8">
      <c r="H233079" s="12"/>
    </row>
    <row r="233080" spans="8:8">
      <c r="H233080" s="12"/>
    </row>
    <row r="233081" spans="8:8">
      <c r="H233081" s="12"/>
    </row>
    <row r="233082" spans="8:8">
      <c r="H233082" s="12"/>
    </row>
    <row r="233083" spans="8:8">
      <c r="H233083" s="12"/>
    </row>
    <row r="233084" spans="8:8">
      <c r="H233084" s="12"/>
    </row>
    <row r="233085" spans="8:8">
      <c r="H233085" s="12"/>
    </row>
    <row r="233086" spans="8:8">
      <c r="H233086" s="12"/>
    </row>
    <row r="233087" spans="8:8">
      <c r="H233087" s="12"/>
    </row>
    <row r="233088" spans="8:8">
      <c r="H233088" s="12"/>
    </row>
    <row r="233089" spans="8:8">
      <c r="H233089" s="12"/>
    </row>
    <row r="233090" spans="8:8">
      <c r="H233090" s="12"/>
    </row>
    <row r="233091" spans="8:8">
      <c r="H233091" s="12"/>
    </row>
    <row r="233092" spans="8:8">
      <c r="H233092" s="12"/>
    </row>
    <row r="233093" spans="8:8">
      <c r="H233093" s="12"/>
    </row>
    <row r="233094" spans="8:8">
      <c r="H233094" s="12"/>
    </row>
    <row r="233095" spans="8:8">
      <c r="H233095" s="12"/>
    </row>
    <row r="233096" spans="8:8">
      <c r="H233096" s="12"/>
    </row>
    <row r="233097" spans="8:8">
      <c r="H233097" s="12"/>
    </row>
    <row r="233098" spans="8:8">
      <c r="H233098" s="12"/>
    </row>
    <row r="233099" spans="8:8">
      <c r="H233099" s="12"/>
    </row>
    <row r="233100" spans="8:8">
      <c r="H233100" s="12"/>
    </row>
    <row r="233101" spans="8:8">
      <c r="H233101" s="12"/>
    </row>
    <row r="233102" spans="8:8">
      <c r="H233102" s="12"/>
    </row>
    <row r="233103" spans="8:8">
      <c r="H233103" s="12"/>
    </row>
    <row r="233104" spans="8:8">
      <c r="H233104" s="12"/>
    </row>
    <row r="233105" spans="8:8">
      <c r="H233105" s="12"/>
    </row>
    <row r="233106" spans="8:8">
      <c r="H233106" s="12"/>
    </row>
    <row r="233107" spans="8:8">
      <c r="H233107" s="12"/>
    </row>
    <row r="233108" spans="8:8">
      <c r="H233108" s="12"/>
    </row>
    <row r="233109" spans="8:8">
      <c r="H233109" s="12"/>
    </row>
    <row r="233110" spans="8:8">
      <c r="H233110" s="12"/>
    </row>
    <row r="233111" spans="8:8">
      <c r="H233111" s="12"/>
    </row>
    <row r="233112" spans="8:8">
      <c r="H233112" s="12"/>
    </row>
    <row r="233113" spans="8:8">
      <c r="H233113" s="12"/>
    </row>
    <row r="233114" spans="8:8">
      <c r="H233114" s="12"/>
    </row>
    <row r="233115" spans="8:8">
      <c r="H233115" s="12"/>
    </row>
    <row r="233116" spans="8:8">
      <c r="H233116" s="12"/>
    </row>
    <row r="233117" spans="8:8">
      <c r="H233117" s="12"/>
    </row>
    <row r="233118" spans="8:8">
      <c r="H233118" s="12"/>
    </row>
    <row r="233119" spans="8:8">
      <c r="H233119" s="12"/>
    </row>
    <row r="233120" spans="8:8">
      <c r="H233120" s="12"/>
    </row>
    <row r="233121" spans="8:8">
      <c r="H233121" s="12"/>
    </row>
    <row r="233122" spans="8:8">
      <c r="H233122" s="12"/>
    </row>
    <row r="233123" spans="8:8">
      <c r="H233123" s="12"/>
    </row>
    <row r="233124" spans="8:8">
      <c r="H233124" s="12"/>
    </row>
    <row r="233125" spans="8:8">
      <c r="H233125" s="12"/>
    </row>
    <row r="233126" spans="8:8">
      <c r="H233126" s="12"/>
    </row>
    <row r="233127" spans="8:8">
      <c r="H233127" s="12"/>
    </row>
    <row r="233128" spans="8:8">
      <c r="H233128" s="12"/>
    </row>
    <row r="233129" spans="8:8">
      <c r="H233129" s="12"/>
    </row>
    <row r="233130" spans="8:8">
      <c r="H233130" s="12"/>
    </row>
    <row r="233131" spans="8:8">
      <c r="H233131" s="12"/>
    </row>
    <row r="233132" spans="8:8">
      <c r="H233132" s="12"/>
    </row>
    <row r="233133" spans="8:8">
      <c r="H233133" s="12"/>
    </row>
    <row r="233134" spans="8:8">
      <c r="H233134" s="12"/>
    </row>
    <row r="233135" spans="8:8">
      <c r="H233135" s="12"/>
    </row>
    <row r="233136" spans="8:8">
      <c r="H233136" s="12"/>
    </row>
    <row r="233137" spans="8:8">
      <c r="H233137" s="12"/>
    </row>
    <row r="233138" spans="8:8">
      <c r="H233138" s="12"/>
    </row>
    <row r="233139" spans="8:8">
      <c r="H233139" s="12"/>
    </row>
    <row r="233140" spans="8:8">
      <c r="H233140" s="12"/>
    </row>
    <row r="233141" spans="8:8">
      <c r="H233141" s="12"/>
    </row>
    <row r="233142" spans="8:8">
      <c r="H233142" s="12"/>
    </row>
    <row r="233143" spans="8:8">
      <c r="H233143" s="12"/>
    </row>
    <row r="233144" spans="8:8">
      <c r="H233144" s="12"/>
    </row>
    <row r="233145" spans="8:8">
      <c r="H233145" s="12"/>
    </row>
    <row r="233146" spans="8:8">
      <c r="H233146" s="12"/>
    </row>
    <row r="233147" spans="8:8">
      <c r="H233147" s="12"/>
    </row>
    <row r="233148" spans="8:8">
      <c r="H233148" s="12"/>
    </row>
    <row r="233149" spans="8:8">
      <c r="H233149" s="12"/>
    </row>
    <row r="233150" spans="8:8">
      <c r="H233150" s="12"/>
    </row>
    <row r="233151" spans="8:8">
      <c r="H233151" s="12"/>
    </row>
    <row r="233152" spans="8:8">
      <c r="H233152" s="12"/>
    </row>
    <row r="233153" spans="8:8">
      <c r="H233153" s="12"/>
    </row>
    <row r="233154" spans="8:8">
      <c r="H233154" s="12"/>
    </row>
    <row r="233155" spans="8:8">
      <c r="H233155" s="12"/>
    </row>
    <row r="233156" spans="8:8">
      <c r="H233156" s="12"/>
    </row>
    <row r="233157" spans="8:8">
      <c r="H233157" s="12"/>
    </row>
    <row r="233158" spans="8:8">
      <c r="H233158" s="12"/>
    </row>
    <row r="233159" spans="8:8">
      <c r="H233159" s="12"/>
    </row>
    <row r="233160" spans="8:8">
      <c r="H233160" s="12"/>
    </row>
    <row r="233161" spans="8:8">
      <c r="H233161" s="12"/>
    </row>
    <row r="233162" spans="8:8">
      <c r="H233162" s="12"/>
    </row>
    <row r="233163" spans="8:8">
      <c r="H233163" s="12"/>
    </row>
    <row r="233164" spans="8:8">
      <c r="H233164" s="12"/>
    </row>
    <row r="233165" spans="8:8">
      <c r="H233165" s="12"/>
    </row>
    <row r="233166" spans="8:8">
      <c r="H233166" s="12"/>
    </row>
    <row r="233167" spans="8:8">
      <c r="H233167" s="12"/>
    </row>
    <row r="233168" spans="8:8">
      <c r="H233168" s="12"/>
    </row>
    <row r="233169" spans="8:8">
      <c r="H233169" s="12"/>
    </row>
    <row r="233170" spans="8:8">
      <c r="H233170" s="12"/>
    </row>
    <row r="233171" spans="8:8">
      <c r="H233171" s="12"/>
    </row>
    <row r="233172" spans="8:8">
      <c r="H233172" s="12"/>
    </row>
    <row r="233173" spans="8:8">
      <c r="H233173" s="12"/>
    </row>
    <row r="233174" spans="8:8">
      <c r="H233174" s="12"/>
    </row>
    <row r="233175" spans="8:8">
      <c r="H233175" s="12"/>
    </row>
    <row r="233176" spans="8:8">
      <c r="H233176" s="12"/>
    </row>
    <row r="233177" spans="8:8">
      <c r="H233177" s="12"/>
    </row>
    <row r="233178" spans="8:8">
      <c r="H233178" s="12"/>
    </row>
    <row r="233179" spans="8:8">
      <c r="H233179" s="12"/>
    </row>
    <row r="233180" spans="8:8">
      <c r="H233180" s="12"/>
    </row>
    <row r="233181" spans="8:8">
      <c r="H233181" s="12"/>
    </row>
    <row r="233182" spans="8:8">
      <c r="H233182" s="12"/>
    </row>
    <row r="233183" spans="8:8">
      <c r="H233183" s="12"/>
    </row>
    <row r="233184" spans="8:8">
      <c r="H233184" s="12"/>
    </row>
    <row r="233185" spans="8:8">
      <c r="H233185" s="12"/>
    </row>
    <row r="233186" spans="8:8">
      <c r="H233186" s="12"/>
    </row>
    <row r="233187" spans="8:8">
      <c r="H233187" s="12"/>
    </row>
    <row r="233188" spans="8:8">
      <c r="H233188" s="12"/>
    </row>
    <row r="233189" spans="8:8">
      <c r="H233189" s="12"/>
    </row>
    <row r="233190" spans="8:8">
      <c r="H233190" s="12"/>
    </row>
    <row r="233191" spans="8:8">
      <c r="H233191" s="12"/>
    </row>
    <row r="233192" spans="8:8">
      <c r="H233192" s="12"/>
    </row>
    <row r="233193" spans="8:8">
      <c r="H233193" s="12"/>
    </row>
    <row r="233194" spans="8:8">
      <c r="H233194" s="12"/>
    </row>
    <row r="233195" spans="8:8">
      <c r="H233195" s="12"/>
    </row>
    <row r="233196" spans="8:8">
      <c r="H233196" s="12"/>
    </row>
    <row r="233197" spans="8:8">
      <c r="H233197" s="12"/>
    </row>
    <row r="233198" spans="8:8">
      <c r="H233198" s="12"/>
    </row>
    <row r="233199" spans="8:8">
      <c r="H233199" s="12"/>
    </row>
    <row r="233200" spans="8:8">
      <c r="H233200" s="12"/>
    </row>
    <row r="233201" spans="8:8">
      <c r="H233201" s="12"/>
    </row>
    <row r="233202" spans="8:8">
      <c r="H233202" s="12"/>
    </row>
    <row r="233203" spans="8:8">
      <c r="H233203" s="12"/>
    </row>
    <row r="233204" spans="8:8">
      <c r="H233204" s="12"/>
    </row>
    <row r="233205" spans="8:8">
      <c r="H233205" s="12"/>
    </row>
    <row r="233206" spans="8:8">
      <c r="H233206" s="12"/>
    </row>
    <row r="233207" spans="8:8">
      <c r="H233207" s="12"/>
    </row>
    <row r="233208" spans="8:8">
      <c r="H233208" s="12"/>
    </row>
    <row r="233209" spans="8:8">
      <c r="H233209" s="12"/>
    </row>
    <row r="233210" spans="8:8">
      <c r="H233210" s="12"/>
    </row>
    <row r="233211" spans="8:8">
      <c r="H233211" s="12"/>
    </row>
    <row r="233212" spans="8:8">
      <c r="H233212" s="12"/>
    </row>
    <row r="233213" spans="8:8">
      <c r="H233213" s="12"/>
    </row>
    <row r="233214" spans="8:8">
      <c r="H233214" s="12"/>
    </row>
    <row r="233215" spans="8:8">
      <c r="H233215" s="12"/>
    </row>
    <row r="233216" spans="8:8">
      <c r="H233216" s="12"/>
    </row>
    <row r="233217" spans="8:8">
      <c r="H233217" s="12"/>
    </row>
    <row r="233218" spans="8:8">
      <c r="H233218" s="12"/>
    </row>
    <row r="233219" spans="8:8">
      <c r="H233219" s="12"/>
    </row>
    <row r="233220" spans="8:8">
      <c r="H233220" s="12"/>
    </row>
    <row r="233221" spans="8:8">
      <c r="H233221" s="12"/>
    </row>
    <row r="233222" spans="8:8">
      <c r="H233222" s="12"/>
    </row>
    <row r="233223" spans="8:8">
      <c r="H233223" s="12"/>
    </row>
    <row r="233224" spans="8:8">
      <c r="H233224" s="12"/>
    </row>
    <row r="233225" spans="8:8">
      <c r="H233225" s="12"/>
    </row>
    <row r="233226" spans="8:8">
      <c r="H233226" s="12"/>
    </row>
    <row r="233227" spans="8:8">
      <c r="H233227" s="12"/>
    </row>
    <row r="233228" spans="8:8">
      <c r="H233228" s="12"/>
    </row>
    <row r="233229" spans="8:8">
      <c r="H233229" s="12"/>
    </row>
    <row r="233230" spans="8:8">
      <c r="H233230" s="12"/>
    </row>
    <row r="233231" spans="8:8">
      <c r="H233231" s="12"/>
    </row>
    <row r="233232" spans="8:8">
      <c r="H233232" s="12"/>
    </row>
    <row r="233233" spans="8:8">
      <c r="H233233" s="12"/>
    </row>
    <row r="233234" spans="8:8">
      <c r="H233234" s="12"/>
    </row>
    <row r="233235" spans="8:8">
      <c r="H233235" s="12"/>
    </row>
    <row r="233236" spans="8:8">
      <c r="H233236" s="12"/>
    </row>
    <row r="233237" spans="8:8">
      <c r="H233237" s="12"/>
    </row>
    <row r="233238" spans="8:8">
      <c r="H233238" s="12"/>
    </row>
    <row r="233239" spans="8:8">
      <c r="H233239" s="12"/>
    </row>
    <row r="233240" spans="8:8">
      <c r="H233240" s="12"/>
    </row>
    <row r="233241" spans="8:8">
      <c r="H233241" s="12"/>
    </row>
    <row r="233242" spans="8:8">
      <c r="H233242" s="12"/>
    </row>
    <row r="233243" spans="8:8">
      <c r="H233243" s="12"/>
    </row>
    <row r="233244" spans="8:8">
      <c r="H233244" s="12"/>
    </row>
    <row r="233245" spans="8:8">
      <c r="H233245" s="12"/>
    </row>
    <row r="233246" spans="8:8">
      <c r="H233246" s="12"/>
    </row>
    <row r="233247" spans="8:8">
      <c r="H233247" s="12"/>
    </row>
    <row r="233248" spans="8:8">
      <c r="H233248" s="12"/>
    </row>
    <row r="233249" spans="8:8">
      <c r="H233249" s="12"/>
    </row>
    <row r="233250" spans="8:8">
      <c r="H233250" s="12"/>
    </row>
    <row r="233251" spans="8:8">
      <c r="H233251" s="12"/>
    </row>
    <row r="233252" spans="8:8">
      <c r="H233252" s="12"/>
    </row>
    <row r="233253" spans="8:8">
      <c r="H233253" s="12"/>
    </row>
    <row r="233254" spans="8:8">
      <c r="H233254" s="12"/>
    </row>
    <row r="233255" spans="8:8">
      <c r="H233255" s="12"/>
    </row>
    <row r="233256" spans="8:8">
      <c r="H233256" s="12"/>
    </row>
    <row r="233257" spans="8:8">
      <c r="H233257" s="12"/>
    </row>
    <row r="233258" spans="8:8">
      <c r="H233258" s="12"/>
    </row>
    <row r="233259" spans="8:8">
      <c r="H233259" s="12"/>
    </row>
    <row r="233260" spans="8:8">
      <c r="H233260" s="12"/>
    </row>
    <row r="233261" spans="8:8">
      <c r="H233261" s="12"/>
    </row>
    <row r="233262" spans="8:8">
      <c r="H233262" s="12"/>
    </row>
    <row r="233263" spans="8:8">
      <c r="H233263" s="12"/>
    </row>
    <row r="233264" spans="8:8">
      <c r="H233264" s="12"/>
    </row>
    <row r="233265" spans="8:8">
      <c r="H233265" s="12"/>
    </row>
    <row r="233266" spans="8:8">
      <c r="H233266" s="12"/>
    </row>
    <row r="233267" spans="8:8">
      <c r="H233267" s="12"/>
    </row>
    <row r="233268" spans="8:8">
      <c r="H233268" s="12"/>
    </row>
    <row r="233269" spans="8:8">
      <c r="H233269" s="12"/>
    </row>
    <row r="233270" spans="8:8">
      <c r="H233270" s="12"/>
    </row>
    <row r="233271" spans="8:8">
      <c r="H233271" s="12"/>
    </row>
    <row r="233272" spans="8:8">
      <c r="H233272" s="12"/>
    </row>
    <row r="233273" spans="8:8">
      <c r="H233273" s="12"/>
    </row>
    <row r="233274" spans="8:8">
      <c r="H233274" s="12"/>
    </row>
    <row r="233275" spans="8:8">
      <c r="H233275" s="12"/>
    </row>
    <row r="233276" spans="8:8">
      <c r="H233276" s="12"/>
    </row>
    <row r="233277" spans="8:8">
      <c r="H233277" s="12"/>
    </row>
    <row r="233278" spans="8:8">
      <c r="H233278" s="12"/>
    </row>
    <row r="233279" spans="8:8">
      <c r="H233279" s="12"/>
    </row>
    <row r="233280" spans="8:8">
      <c r="H233280" s="12"/>
    </row>
    <row r="233281" spans="8:8">
      <c r="H233281" s="12"/>
    </row>
    <row r="233282" spans="8:8">
      <c r="H233282" s="12"/>
    </row>
    <row r="233283" spans="8:8">
      <c r="H233283" s="12"/>
    </row>
    <row r="233284" spans="8:8">
      <c r="H233284" s="12"/>
    </row>
    <row r="233285" spans="8:8">
      <c r="H233285" s="12"/>
    </row>
    <row r="233286" spans="8:8">
      <c r="H233286" s="12"/>
    </row>
    <row r="233287" spans="8:8">
      <c r="H233287" s="12"/>
    </row>
    <row r="233288" spans="8:8">
      <c r="H233288" s="12"/>
    </row>
    <row r="233289" spans="8:8">
      <c r="H233289" s="12"/>
    </row>
    <row r="233290" spans="8:8">
      <c r="H233290" s="12"/>
    </row>
    <row r="233291" spans="8:8">
      <c r="H233291" s="12"/>
    </row>
    <row r="233292" spans="8:8">
      <c r="H233292" s="12"/>
    </row>
    <row r="233293" spans="8:8">
      <c r="H233293" s="12"/>
    </row>
    <row r="233294" spans="8:8">
      <c r="H233294" s="12"/>
    </row>
    <row r="233295" spans="8:8">
      <c r="H233295" s="12"/>
    </row>
    <row r="233296" spans="8:8">
      <c r="H233296" s="12"/>
    </row>
    <row r="233297" spans="8:8">
      <c r="H233297" s="12"/>
    </row>
    <row r="233298" spans="8:8">
      <c r="H233298" s="12"/>
    </row>
    <row r="233299" spans="8:8">
      <c r="H233299" s="12"/>
    </row>
    <row r="233300" spans="8:8">
      <c r="H233300" s="12"/>
    </row>
    <row r="233301" spans="8:8">
      <c r="H233301" s="12"/>
    </row>
    <row r="233302" spans="8:8">
      <c r="H233302" s="12"/>
    </row>
    <row r="233303" spans="8:8">
      <c r="H233303" s="12"/>
    </row>
    <row r="233304" spans="8:8">
      <c r="H233304" s="12"/>
    </row>
    <row r="233305" spans="8:8">
      <c r="H233305" s="12"/>
    </row>
    <row r="233306" spans="8:8">
      <c r="H233306" s="12"/>
    </row>
    <row r="233307" spans="8:8">
      <c r="H233307" s="12"/>
    </row>
    <row r="233308" spans="8:8">
      <c r="H233308" s="12"/>
    </row>
    <row r="233309" spans="8:8">
      <c r="H233309" s="12"/>
    </row>
    <row r="233310" spans="8:8">
      <c r="H233310" s="12"/>
    </row>
    <row r="233311" spans="8:8">
      <c r="H233311" s="12"/>
    </row>
    <row r="233312" spans="8:8">
      <c r="H233312" s="12"/>
    </row>
    <row r="233313" spans="8:8">
      <c r="H233313" s="12"/>
    </row>
    <row r="233314" spans="8:8">
      <c r="H233314" s="12"/>
    </row>
    <row r="233315" spans="8:8">
      <c r="H233315" s="12"/>
    </row>
    <row r="233316" spans="8:8">
      <c r="H233316" s="12"/>
    </row>
    <row r="233317" spans="8:8">
      <c r="H233317" s="12"/>
    </row>
    <row r="233318" spans="8:8">
      <c r="H233318" s="12"/>
    </row>
    <row r="233319" spans="8:8">
      <c r="H233319" s="12"/>
    </row>
    <row r="233320" spans="8:8">
      <c r="H233320" s="12"/>
    </row>
    <row r="233321" spans="8:8">
      <c r="H233321" s="12"/>
    </row>
    <row r="233322" spans="8:8">
      <c r="H233322" s="12"/>
    </row>
    <row r="233323" spans="8:8">
      <c r="H233323" s="12"/>
    </row>
    <row r="233324" spans="8:8">
      <c r="H233324" s="12"/>
    </row>
    <row r="233325" spans="8:8">
      <c r="H233325" s="12"/>
    </row>
    <row r="233326" spans="8:8">
      <c r="H233326" s="12"/>
    </row>
    <row r="233327" spans="8:8">
      <c r="H233327" s="12"/>
    </row>
    <row r="233328" spans="8:8">
      <c r="H233328" s="12"/>
    </row>
    <row r="233329" spans="8:8">
      <c r="H233329" s="12"/>
    </row>
    <row r="233330" spans="8:8">
      <c r="H233330" s="12"/>
    </row>
    <row r="233331" spans="8:8">
      <c r="H233331" s="12"/>
    </row>
    <row r="233332" spans="8:8">
      <c r="H233332" s="12"/>
    </row>
    <row r="233333" spans="8:8">
      <c r="H233333" s="12"/>
    </row>
    <row r="233334" spans="8:8">
      <c r="H233334" s="12"/>
    </row>
    <row r="233335" spans="8:8">
      <c r="H233335" s="12"/>
    </row>
    <row r="233336" spans="8:8">
      <c r="H233336" s="12"/>
    </row>
    <row r="233337" spans="8:8">
      <c r="H233337" s="12"/>
    </row>
    <row r="233338" spans="8:8">
      <c r="H233338" s="12"/>
    </row>
    <row r="233339" spans="8:8">
      <c r="H233339" s="12"/>
    </row>
    <row r="233340" spans="8:8">
      <c r="H233340" s="12"/>
    </row>
    <row r="233341" spans="8:8">
      <c r="H233341" s="12"/>
    </row>
    <row r="233342" spans="8:8">
      <c r="H233342" s="12"/>
    </row>
    <row r="233343" spans="8:8">
      <c r="H233343" s="12"/>
    </row>
    <row r="233344" spans="8:8">
      <c r="H233344" s="12"/>
    </row>
    <row r="233345" spans="8:8">
      <c r="H233345" s="12"/>
    </row>
    <row r="233346" spans="8:8">
      <c r="H233346" s="12"/>
    </row>
    <row r="233347" spans="8:8">
      <c r="H233347" s="12"/>
    </row>
    <row r="233348" spans="8:8">
      <c r="H233348" s="12"/>
    </row>
    <row r="233349" spans="8:8">
      <c r="H233349" s="12"/>
    </row>
    <row r="233350" spans="8:8">
      <c r="H233350" s="12"/>
    </row>
    <row r="233351" spans="8:8">
      <c r="H233351" s="12"/>
    </row>
    <row r="233352" spans="8:8">
      <c r="H233352" s="12"/>
    </row>
    <row r="233353" spans="8:8">
      <c r="H233353" s="12"/>
    </row>
    <row r="233354" spans="8:8">
      <c r="H233354" s="12"/>
    </row>
    <row r="233355" spans="8:8">
      <c r="H233355" s="12"/>
    </row>
    <row r="233356" spans="8:8">
      <c r="H233356" s="12"/>
    </row>
    <row r="233357" spans="8:8">
      <c r="H233357" s="12"/>
    </row>
    <row r="233358" spans="8:8">
      <c r="H233358" s="12"/>
    </row>
    <row r="233359" spans="8:8">
      <c r="H233359" s="12"/>
    </row>
    <row r="233360" spans="8:8">
      <c r="H233360" s="12"/>
    </row>
    <row r="233361" spans="8:8">
      <c r="H233361" s="12"/>
    </row>
    <row r="233362" spans="8:8">
      <c r="H233362" s="12"/>
    </row>
    <row r="233363" spans="8:8">
      <c r="H233363" s="12"/>
    </row>
    <row r="233364" spans="8:8">
      <c r="H233364" s="12"/>
    </row>
    <row r="233365" spans="8:8">
      <c r="H233365" s="12"/>
    </row>
    <row r="233366" spans="8:8">
      <c r="H233366" s="12"/>
    </row>
    <row r="233367" spans="8:8">
      <c r="H233367" s="12"/>
    </row>
    <row r="233368" spans="8:8">
      <c r="H233368" s="12"/>
    </row>
    <row r="233369" spans="8:8">
      <c r="H233369" s="12"/>
    </row>
    <row r="233370" spans="8:8">
      <c r="H233370" s="12"/>
    </row>
    <row r="233371" spans="8:8">
      <c r="H233371" s="12"/>
    </row>
    <row r="233372" spans="8:8">
      <c r="H233372" s="12"/>
    </row>
    <row r="233373" spans="8:8">
      <c r="H233373" s="12"/>
    </row>
    <row r="233374" spans="8:8">
      <c r="H233374" s="12"/>
    </row>
    <row r="233375" spans="8:8">
      <c r="H233375" s="12"/>
    </row>
    <row r="233376" spans="8:8">
      <c r="H233376" s="12"/>
    </row>
    <row r="233377" spans="8:8">
      <c r="H233377" s="12"/>
    </row>
    <row r="233378" spans="8:8">
      <c r="H233378" s="12"/>
    </row>
    <row r="233379" spans="8:8">
      <c r="H233379" s="12"/>
    </row>
    <row r="233380" spans="8:8">
      <c r="H233380" s="12"/>
    </row>
    <row r="233381" spans="8:8">
      <c r="H233381" s="12"/>
    </row>
    <row r="233382" spans="8:8">
      <c r="H233382" s="12"/>
    </row>
    <row r="233383" spans="8:8">
      <c r="H233383" s="12"/>
    </row>
    <row r="233384" spans="8:8">
      <c r="H233384" s="12"/>
    </row>
    <row r="233385" spans="8:8">
      <c r="H233385" s="12"/>
    </row>
    <row r="233386" spans="8:8">
      <c r="H233386" s="12"/>
    </row>
    <row r="233387" spans="8:8">
      <c r="H233387" s="12"/>
    </row>
    <row r="233388" spans="8:8">
      <c r="H233388" s="12"/>
    </row>
    <row r="233389" spans="8:8">
      <c r="H233389" s="12"/>
    </row>
    <row r="233390" spans="8:8">
      <c r="H233390" s="12"/>
    </row>
    <row r="233391" spans="8:8">
      <c r="H233391" s="12"/>
    </row>
    <row r="233392" spans="8:8">
      <c r="H233392" s="12"/>
    </row>
    <row r="233393" spans="8:8">
      <c r="H233393" s="12"/>
    </row>
    <row r="233394" spans="8:8">
      <c r="H233394" s="12"/>
    </row>
    <row r="233395" spans="8:8">
      <c r="H233395" s="12"/>
    </row>
    <row r="233396" spans="8:8">
      <c r="H233396" s="12"/>
    </row>
    <row r="233397" spans="8:8">
      <c r="H233397" s="12"/>
    </row>
    <row r="233398" spans="8:8">
      <c r="H233398" s="12"/>
    </row>
    <row r="233399" spans="8:8">
      <c r="H233399" s="12"/>
    </row>
    <row r="233400" spans="8:8">
      <c r="H233400" s="12"/>
    </row>
    <row r="233401" spans="8:8">
      <c r="H233401" s="12"/>
    </row>
    <row r="233402" spans="8:8">
      <c r="H233402" s="12"/>
    </row>
    <row r="233403" spans="8:8">
      <c r="H233403" s="12"/>
    </row>
    <row r="233404" spans="8:8">
      <c r="H233404" s="12"/>
    </row>
    <row r="233405" spans="8:8">
      <c r="H233405" s="12"/>
    </row>
    <row r="233406" spans="8:8">
      <c r="H233406" s="12"/>
    </row>
    <row r="233407" spans="8:8">
      <c r="H233407" s="12"/>
    </row>
    <row r="233408" spans="8:8">
      <c r="H233408" s="12"/>
    </row>
    <row r="233409" spans="8:8">
      <c r="H233409" s="12"/>
    </row>
    <row r="233410" spans="8:8">
      <c r="H233410" s="12"/>
    </row>
    <row r="233411" spans="8:8">
      <c r="H233411" s="12"/>
    </row>
    <row r="233412" spans="8:8">
      <c r="H233412" s="12"/>
    </row>
    <row r="233413" spans="8:8">
      <c r="H233413" s="12"/>
    </row>
    <row r="233414" spans="8:8">
      <c r="H233414" s="12"/>
    </row>
    <row r="233415" spans="8:8">
      <c r="H233415" s="12"/>
    </row>
    <row r="233416" spans="8:8">
      <c r="H233416" s="12"/>
    </row>
    <row r="233417" spans="8:8">
      <c r="H233417" s="12"/>
    </row>
    <row r="233418" spans="8:8">
      <c r="H233418" s="12"/>
    </row>
    <row r="233419" spans="8:8">
      <c r="H233419" s="12"/>
    </row>
    <row r="233420" spans="8:8">
      <c r="H233420" s="12"/>
    </row>
    <row r="233421" spans="8:8">
      <c r="H233421" s="12"/>
    </row>
    <row r="233422" spans="8:8">
      <c r="H233422" s="12"/>
    </row>
    <row r="233423" spans="8:8">
      <c r="H233423" s="12"/>
    </row>
    <row r="233424" spans="8:8">
      <c r="H233424" s="12"/>
    </row>
    <row r="233425" spans="8:8">
      <c r="H233425" s="12"/>
    </row>
    <row r="233426" spans="8:8">
      <c r="H233426" s="12"/>
    </row>
    <row r="233427" spans="8:8">
      <c r="H233427" s="12"/>
    </row>
    <row r="233428" spans="8:8">
      <c r="H233428" s="12"/>
    </row>
    <row r="233429" spans="8:8">
      <c r="H233429" s="12"/>
    </row>
    <row r="233430" spans="8:8">
      <c r="H233430" s="12"/>
    </row>
    <row r="233431" spans="8:8">
      <c r="H233431" s="12"/>
    </row>
    <row r="233432" spans="8:8">
      <c r="H233432" s="12"/>
    </row>
    <row r="233433" spans="8:8">
      <c r="H233433" s="12"/>
    </row>
    <row r="233434" spans="8:8">
      <c r="H233434" s="12"/>
    </row>
    <row r="233435" spans="8:8">
      <c r="H233435" s="12"/>
    </row>
    <row r="233436" spans="8:8">
      <c r="H233436" s="12"/>
    </row>
    <row r="233437" spans="8:8">
      <c r="H233437" s="12"/>
    </row>
    <row r="233438" spans="8:8">
      <c r="H233438" s="12"/>
    </row>
    <row r="233439" spans="8:8">
      <c r="H233439" s="12"/>
    </row>
    <row r="233440" spans="8:8">
      <c r="H233440" s="12"/>
    </row>
    <row r="233441" spans="8:8">
      <c r="H233441" s="12"/>
    </row>
    <row r="233442" spans="8:8">
      <c r="H233442" s="12"/>
    </row>
    <row r="233443" spans="8:8">
      <c r="H233443" s="12"/>
    </row>
    <row r="233444" spans="8:8">
      <c r="H233444" s="12"/>
    </row>
    <row r="233445" spans="8:8">
      <c r="H233445" s="12"/>
    </row>
    <row r="233446" spans="8:8">
      <c r="H233446" s="12"/>
    </row>
    <row r="233447" spans="8:8">
      <c r="H233447" s="12"/>
    </row>
    <row r="233448" spans="8:8">
      <c r="H233448" s="12"/>
    </row>
    <row r="233449" spans="8:8">
      <c r="H233449" s="12"/>
    </row>
    <row r="233450" spans="8:8">
      <c r="H233450" s="12"/>
    </row>
    <row r="233451" spans="8:8">
      <c r="H233451" s="12"/>
    </row>
    <row r="233452" spans="8:8">
      <c r="H233452" s="12"/>
    </row>
    <row r="233453" spans="8:8">
      <c r="H233453" s="12"/>
    </row>
    <row r="233454" spans="8:8">
      <c r="H233454" s="12"/>
    </row>
    <row r="233455" spans="8:8">
      <c r="H233455" s="12"/>
    </row>
    <row r="233456" spans="8:8">
      <c r="H233456" s="12"/>
    </row>
    <row r="233457" spans="8:8">
      <c r="H233457" s="12"/>
    </row>
    <row r="233458" spans="8:8">
      <c r="H233458" s="12"/>
    </row>
    <row r="233459" spans="8:8">
      <c r="H233459" s="12"/>
    </row>
    <row r="233460" spans="8:8">
      <c r="H233460" s="12"/>
    </row>
    <row r="233461" spans="8:8">
      <c r="H233461" s="12"/>
    </row>
    <row r="233462" spans="8:8">
      <c r="H233462" s="12"/>
    </row>
    <row r="233463" spans="8:8">
      <c r="H233463" s="12"/>
    </row>
    <row r="233464" spans="8:8">
      <c r="H233464" s="12"/>
    </row>
    <row r="233465" spans="8:8">
      <c r="H233465" s="12"/>
    </row>
    <row r="233466" spans="8:8">
      <c r="H233466" s="12"/>
    </row>
    <row r="233467" spans="8:8">
      <c r="H233467" s="12"/>
    </row>
    <row r="233468" spans="8:8">
      <c r="H233468" s="12"/>
    </row>
    <row r="233469" spans="8:8">
      <c r="H233469" s="12"/>
    </row>
    <row r="233470" spans="8:8">
      <c r="H233470" s="12"/>
    </row>
    <row r="233471" spans="8:8">
      <c r="H233471" s="12"/>
    </row>
    <row r="233472" spans="8:8">
      <c r="H233472" s="12"/>
    </row>
    <row r="233473" spans="8:8">
      <c r="H233473" s="12"/>
    </row>
    <row r="233474" spans="8:8">
      <c r="H233474" s="12"/>
    </row>
    <row r="233475" spans="8:8">
      <c r="H233475" s="12"/>
    </row>
    <row r="233476" spans="8:8">
      <c r="H233476" s="12"/>
    </row>
    <row r="233477" spans="8:8">
      <c r="H233477" s="12"/>
    </row>
    <row r="233478" spans="8:8">
      <c r="H233478" s="12"/>
    </row>
    <row r="233479" spans="8:8">
      <c r="H233479" s="12"/>
    </row>
    <row r="233480" spans="8:8">
      <c r="H233480" s="12"/>
    </row>
    <row r="233481" spans="8:8">
      <c r="H233481" s="12"/>
    </row>
    <row r="233482" spans="8:8">
      <c r="H233482" s="12"/>
    </row>
    <row r="233483" spans="8:8">
      <c r="H233483" s="12"/>
    </row>
    <row r="233484" spans="8:8">
      <c r="H233484" s="12"/>
    </row>
    <row r="233485" spans="8:8">
      <c r="H233485" s="12"/>
    </row>
    <row r="233486" spans="8:8">
      <c r="H233486" s="12"/>
    </row>
    <row r="233487" spans="8:8">
      <c r="H233487" s="12"/>
    </row>
    <row r="233488" spans="8:8">
      <c r="H233488" s="12"/>
    </row>
    <row r="233489" spans="8:8">
      <c r="H233489" s="12"/>
    </row>
    <row r="233490" spans="8:8">
      <c r="H233490" s="12"/>
    </row>
    <row r="233491" spans="8:8">
      <c r="H233491" s="12"/>
    </row>
    <row r="233492" spans="8:8">
      <c r="H233492" s="12"/>
    </row>
    <row r="233493" spans="8:8">
      <c r="H233493" s="12"/>
    </row>
    <row r="233494" spans="8:8">
      <c r="H233494" s="12"/>
    </row>
    <row r="233495" spans="8:8">
      <c r="H233495" s="12"/>
    </row>
    <row r="233496" spans="8:8">
      <c r="H233496" s="12"/>
    </row>
    <row r="233497" spans="8:8">
      <c r="H233497" s="12"/>
    </row>
    <row r="233498" spans="8:8">
      <c r="H233498" s="12"/>
    </row>
    <row r="233499" spans="8:8">
      <c r="H233499" s="12"/>
    </row>
    <row r="233500" spans="8:8">
      <c r="H233500" s="12"/>
    </row>
    <row r="233501" spans="8:8">
      <c r="H233501" s="12"/>
    </row>
    <row r="233502" spans="8:8">
      <c r="H233502" s="12"/>
    </row>
    <row r="233503" spans="8:8">
      <c r="H233503" s="12"/>
    </row>
    <row r="233504" spans="8:8">
      <c r="H233504" s="12"/>
    </row>
    <row r="233505" spans="8:8">
      <c r="H233505" s="12"/>
    </row>
    <row r="233506" spans="8:8">
      <c r="H233506" s="12"/>
    </row>
    <row r="233507" spans="8:8">
      <c r="H233507" s="12"/>
    </row>
    <row r="233508" spans="8:8">
      <c r="H233508" s="12"/>
    </row>
    <row r="233509" spans="8:8">
      <c r="H233509" s="12"/>
    </row>
    <row r="233510" spans="8:8">
      <c r="H233510" s="12"/>
    </row>
    <row r="233511" spans="8:8">
      <c r="H233511" s="12"/>
    </row>
    <row r="233512" spans="8:8">
      <c r="H233512" s="12"/>
    </row>
    <row r="233513" spans="8:8">
      <c r="H233513" s="12"/>
    </row>
    <row r="233514" spans="8:8">
      <c r="H233514" s="12"/>
    </row>
    <row r="233515" spans="8:8">
      <c r="H233515" s="12"/>
    </row>
    <row r="233516" spans="8:8">
      <c r="H233516" s="12"/>
    </row>
    <row r="233517" spans="8:8">
      <c r="H233517" s="12"/>
    </row>
    <row r="233518" spans="8:8">
      <c r="H233518" s="12"/>
    </row>
    <row r="233519" spans="8:8">
      <c r="H233519" s="12"/>
    </row>
    <row r="233520" spans="8:8">
      <c r="H233520" s="12"/>
    </row>
    <row r="233521" spans="8:8">
      <c r="H233521" s="12"/>
    </row>
    <row r="233522" spans="8:8">
      <c r="H233522" s="12"/>
    </row>
    <row r="233523" spans="8:8">
      <c r="H233523" s="12"/>
    </row>
    <row r="233524" spans="8:8">
      <c r="H233524" s="12"/>
    </row>
    <row r="233525" spans="8:8">
      <c r="H233525" s="12"/>
    </row>
    <row r="233526" spans="8:8">
      <c r="H233526" s="12"/>
    </row>
    <row r="233527" spans="8:8">
      <c r="H233527" s="12"/>
    </row>
    <row r="233528" spans="8:8">
      <c r="H233528" s="12"/>
    </row>
    <row r="233529" spans="8:8">
      <c r="H233529" s="12"/>
    </row>
    <row r="233530" spans="8:8">
      <c r="H233530" s="12"/>
    </row>
    <row r="233531" spans="8:8">
      <c r="H233531" s="12"/>
    </row>
    <row r="233532" spans="8:8">
      <c r="H233532" s="12"/>
    </row>
    <row r="233533" spans="8:8">
      <c r="H233533" s="12"/>
    </row>
    <row r="233534" spans="8:8">
      <c r="H233534" s="12"/>
    </row>
    <row r="233535" spans="8:8">
      <c r="H233535" s="12"/>
    </row>
    <row r="233536" spans="8:8">
      <c r="H233536" s="12"/>
    </row>
    <row r="233537" spans="8:8">
      <c r="H233537" s="12"/>
    </row>
    <row r="233538" spans="8:8">
      <c r="H233538" s="12"/>
    </row>
    <row r="233539" spans="8:8">
      <c r="H233539" s="12"/>
    </row>
    <row r="233540" spans="8:8">
      <c r="H233540" s="12"/>
    </row>
    <row r="233541" spans="8:8">
      <c r="H233541" s="12"/>
    </row>
    <row r="233542" spans="8:8">
      <c r="H233542" s="12"/>
    </row>
    <row r="233543" spans="8:8">
      <c r="H233543" s="12"/>
    </row>
    <row r="233544" spans="8:8">
      <c r="H233544" s="12"/>
    </row>
    <row r="233545" spans="8:8">
      <c r="H233545" s="12"/>
    </row>
    <row r="233546" spans="8:8">
      <c r="H233546" s="12"/>
    </row>
    <row r="233547" spans="8:8">
      <c r="H233547" s="12"/>
    </row>
    <row r="233548" spans="8:8">
      <c r="H233548" s="12"/>
    </row>
    <row r="233549" spans="8:8">
      <c r="H233549" s="12"/>
    </row>
    <row r="233550" spans="8:8">
      <c r="H233550" s="12"/>
    </row>
    <row r="233551" spans="8:8">
      <c r="H233551" s="12"/>
    </row>
    <row r="233552" spans="8:8">
      <c r="H233552" s="12"/>
    </row>
    <row r="233553" spans="8:8">
      <c r="H233553" s="12"/>
    </row>
    <row r="233554" spans="8:8">
      <c r="H233554" s="12"/>
    </row>
    <row r="233555" spans="8:8">
      <c r="H233555" s="12"/>
    </row>
    <row r="233556" spans="8:8">
      <c r="H233556" s="12"/>
    </row>
    <row r="233557" spans="8:8">
      <c r="H233557" s="12"/>
    </row>
    <row r="233558" spans="8:8">
      <c r="H233558" s="12"/>
    </row>
    <row r="233559" spans="8:8">
      <c r="H233559" s="12"/>
    </row>
    <row r="233560" spans="8:8">
      <c r="H233560" s="12"/>
    </row>
    <row r="233561" spans="8:8">
      <c r="H233561" s="12"/>
    </row>
    <row r="233562" spans="8:8">
      <c r="H233562" s="12"/>
    </row>
    <row r="233563" spans="8:8">
      <c r="H233563" s="12"/>
    </row>
    <row r="233564" spans="8:8">
      <c r="H233564" s="12"/>
    </row>
    <row r="233565" spans="8:8">
      <c r="H233565" s="12"/>
    </row>
    <row r="233566" spans="8:8">
      <c r="H233566" s="12"/>
    </row>
    <row r="233567" spans="8:8">
      <c r="H233567" s="12"/>
    </row>
    <row r="233568" spans="8:8">
      <c r="H233568" s="12"/>
    </row>
    <row r="233569" spans="8:8">
      <c r="H233569" s="12"/>
    </row>
    <row r="233570" spans="8:8">
      <c r="H233570" s="12"/>
    </row>
    <row r="233571" spans="8:8">
      <c r="H233571" s="12"/>
    </row>
    <row r="233572" spans="8:8">
      <c r="H233572" s="12"/>
    </row>
    <row r="233573" spans="8:8">
      <c r="H233573" s="12"/>
    </row>
    <row r="233574" spans="8:8">
      <c r="H233574" s="12"/>
    </row>
    <row r="233575" spans="8:8">
      <c r="H233575" s="12"/>
    </row>
    <row r="233576" spans="8:8">
      <c r="H233576" s="12"/>
    </row>
    <row r="233577" spans="8:8">
      <c r="H233577" s="12"/>
    </row>
    <row r="233578" spans="8:8">
      <c r="H233578" s="12"/>
    </row>
    <row r="233579" spans="8:8">
      <c r="H233579" s="12"/>
    </row>
    <row r="233580" spans="8:8">
      <c r="H233580" s="12"/>
    </row>
    <row r="233581" spans="8:8">
      <c r="H233581" s="12"/>
    </row>
    <row r="233582" spans="8:8">
      <c r="H233582" s="12"/>
    </row>
    <row r="233583" spans="8:8">
      <c r="H233583" s="12"/>
    </row>
    <row r="233584" spans="8:8">
      <c r="H233584" s="12"/>
    </row>
    <row r="233585" spans="8:8">
      <c r="H233585" s="12"/>
    </row>
    <row r="233586" spans="8:8">
      <c r="H233586" s="12"/>
    </row>
    <row r="233587" spans="8:8">
      <c r="H233587" s="12"/>
    </row>
    <row r="233588" spans="8:8">
      <c r="H233588" s="12"/>
    </row>
    <row r="233589" spans="8:8">
      <c r="H233589" s="12"/>
    </row>
    <row r="233590" spans="8:8">
      <c r="H233590" s="12"/>
    </row>
    <row r="233591" spans="8:8">
      <c r="H233591" s="12"/>
    </row>
    <row r="233592" spans="8:8">
      <c r="H233592" s="12"/>
    </row>
    <row r="233593" spans="8:8">
      <c r="H233593" s="12"/>
    </row>
    <row r="233594" spans="8:8">
      <c r="H233594" s="12"/>
    </row>
    <row r="233595" spans="8:8">
      <c r="H233595" s="12"/>
    </row>
    <row r="233596" spans="8:8">
      <c r="H233596" s="12"/>
    </row>
    <row r="233597" spans="8:8">
      <c r="H233597" s="12"/>
    </row>
    <row r="233598" spans="8:8">
      <c r="H233598" s="12"/>
    </row>
    <row r="233599" spans="8:8">
      <c r="H233599" s="12"/>
    </row>
    <row r="233600" spans="8:8">
      <c r="H233600" s="12"/>
    </row>
    <row r="233601" spans="8:8">
      <c r="H233601" s="12"/>
    </row>
    <row r="233602" spans="8:8">
      <c r="H233602" s="12"/>
    </row>
    <row r="233603" spans="8:8">
      <c r="H233603" s="12"/>
    </row>
    <row r="233604" spans="8:8">
      <c r="H233604" s="12"/>
    </row>
    <row r="233605" spans="8:8">
      <c r="H233605" s="12"/>
    </row>
    <row r="233606" spans="8:8">
      <c r="H233606" s="12"/>
    </row>
    <row r="233607" spans="8:8">
      <c r="H233607" s="12"/>
    </row>
    <row r="233608" spans="8:8">
      <c r="H233608" s="12"/>
    </row>
    <row r="233609" spans="8:8">
      <c r="H233609" s="12"/>
    </row>
    <row r="233610" spans="8:8">
      <c r="H233610" s="12"/>
    </row>
    <row r="233611" spans="8:8">
      <c r="H233611" s="12"/>
    </row>
    <row r="233612" spans="8:8">
      <c r="H233612" s="12"/>
    </row>
    <row r="233613" spans="8:8">
      <c r="H233613" s="12"/>
    </row>
    <row r="233614" spans="8:8">
      <c r="H233614" s="12"/>
    </row>
    <row r="233615" spans="8:8">
      <c r="H233615" s="12"/>
    </row>
    <row r="233616" spans="8:8">
      <c r="H233616" s="12"/>
    </row>
    <row r="233617" spans="8:8">
      <c r="H233617" s="12"/>
    </row>
    <row r="233618" spans="8:8">
      <c r="H233618" s="12"/>
    </row>
    <row r="233619" spans="8:8">
      <c r="H233619" s="12"/>
    </row>
    <row r="233620" spans="8:8">
      <c r="H233620" s="12"/>
    </row>
    <row r="233621" spans="8:8">
      <c r="H233621" s="12"/>
    </row>
    <row r="233622" spans="8:8">
      <c r="H233622" s="12"/>
    </row>
    <row r="233623" spans="8:8">
      <c r="H233623" s="12"/>
    </row>
    <row r="233624" spans="8:8">
      <c r="H233624" s="12"/>
    </row>
    <row r="233625" spans="8:8">
      <c r="H233625" s="12"/>
    </row>
    <row r="233626" spans="8:8">
      <c r="H233626" s="12"/>
    </row>
    <row r="233627" spans="8:8">
      <c r="H233627" s="12"/>
    </row>
    <row r="233628" spans="8:8">
      <c r="H233628" s="12"/>
    </row>
    <row r="233629" spans="8:8">
      <c r="H233629" s="12"/>
    </row>
    <row r="233630" spans="8:8">
      <c r="H233630" s="12"/>
    </row>
    <row r="233631" spans="8:8">
      <c r="H233631" s="12"/>
    </row>
    <row r="233632" spans="8:8">
      <c r="H233632" s="12"/>
    </row>
    <row r="233633" spans="8:8">
      <c r="H233633" s="12"/>
    </row>
    <row r="233634" spans="8:8">
      <c r="H233634" s="12"/>
    </row>
    <row r="233635" spans="8:8">
      <c r="H233635" s="12"/>
    </row>
    <row r="233636" spans="8:8">
      <c r="H233636" s="12"/>
    </row>
    <row r="233637" spans="8:8">
      <c r="H233637" s="12"/>
    </row>
    <row r="233638" spans="8:8">
      <c r="H233638" s="12"/>
    </row>
    <row r="233639" spans="8:8">
      <c r="H233639" s="12"/>
    </row>
    <row r="233640" spans="8:8">
      <c r="H233640" s="12"/>
    </row>
    <row r="233641" spans="8:8">
      <c r="H233641" s="12"/>
    </row>
    <row r="233642" spans="8:8">
      <c r="H233642" s="12"/>
    </row>
    <row r="233643" spans="8:8">
      <c r="H233643" s="12"/>
    </row>
    <row r="233644" spans="8:8">
      <c r="H233644" s="12"/>
    </row>
    <row r="233645" spans="8:8">
      <c r="H233645" s="12"/>
    </row>
    <row r="233646" spans="8:8">
      <c r="H233646" s="12"/>
    </row>
    <row r="233647" spans="8:8">
      <c r="H233647" s="12"/>
    </row>
    <row r="233648" spans="8:8">
      <c r="H233648" s="12"/>
    </row>
    <row r="233649" spans="8:8">
      <c r="H233649" s="12"/>
    </row>
    <row r="233650" spans="8:8">
      <c r="H233650" s="12"/>
    </row>
    <row r="233651" spans="8:8">
      <c r="H233651" s="12"/>
    </row>
    <row r="233652" spans="8:8">
      <c r="H233652" s="12"/>
    </row>
    <row r="233653" spans="8:8">
      <c r="H233653" s="12"/>
    </row>
    <row r="233654" spans="8:8">
      <c r="H233654" s="12"/>
    </row>
    <row r="233655" spans="8:8">
      <c r="H233655" s="12"/>
    </row>
    <row r="233656" spans="8:8">
      <c r="H233656" s="12"/>
    </row>
    <row r="233657" spans="8:8">
      <c r="H233657" s="12"/>
    </row>
    <row r="233658" spans="8:8">
      <c r="H233658" s="12"/>
    </row>
    <row r="233659" spans="8:8">
      <c r="H233659" s="12"/>
    </row>
    <row r="233660" spans="8:8">
      <c r="H233660" s="12"/>
    </row>
    <row r="233661" spans="8:8">
      <c r="H233661" s="12"/>
    </row>
    <row r="233662" spans="8:8">
      <c r="H233662" s="12"/>
    </row>
    <row r="233663" spans="8:8">
      <c r="H233663" s="12"/>
    </row>
    <row r="233664" spans="8:8">
      <c r="H233664" s="12"/>
    </row>
    <row r="233665" spans="8:8">
      <c r="H233665" s="12"/>
    </row>
    <row r="233666" spans="8:8">
      <c r="H233666" s="12"/>
    </row>
    <row r="233667" spans="8:8">
      <c r="H233667" s="12"/>
    </row>
    <row r="233668" spans="8:8">
      <c r="H233668" s="12"/>
    </row>
    <row r="233669" spans="8:8">
      <c r="H233669" s="12"/>
    </row>
    <row r="233670" spans="8:8">
      <c r="H233670" s="12"/>
    </row>
    <row r="233671" spans="8:8">
      <c r="H233671" s="12"/>
    </row>
    <row r="233672" spans="8:8">
      <c r="H233672" s="12"/>
    </row>
    <row r="233673" spans="8:8">
      <c r="H233673" s="12"/>
    </row>
    <row r="233674" spans="8:8">
      <c r="H233674" s="12"/>
    </row>
    <row r="233675" spans="8:8">
      <c r="H233675" s="12"/>
    </row>
    <row r="233676" spans="8:8">
      <c r="H233676" s="12"/>
    </row>
    <row r="233677" spans="8:8">
      <c r="H233677" s="12"/>
    </row>
    <row r="233678" spans="8:8">
      <c r="H233678" s="12"/>
    </row>
    <row r="233679" spans="8:8">
      <c r="H233679" s="12"/>
    </row>
    <row r="233680" spans="8:8">
      <c r="H233680" s="12"/>
    </row>
    <row r="233681" spans="8:8">
      <c r="H233681" s="12"/>
    </row>
    <row r="233682" spans="8:8">
      <c r="H233682" s="12"/>
    </row>
    <row r="233683" spans="8:8">
      <c r="H233683" s="12"/>
    </row>
    <row r="233684" spans="8:8">
      <c r="H233684" s="12"/>
    </row>
    <row r="233685" spans="8:8">
      <c r="H233685" s="12"/>
    </row>
    <row r="233686" spans="8:8">
      <c r="H233686" s="12"/>
    </row>
    <row r="233687" spans="8:8">
      <c r="H233687" s="12"/>
    </row>
    <row r="233688" spans="8:8">
      <c r="H233688" s="12"/>
    </row>
    <row r="233689" spans="8:8">
      <c r="H233689" s="12"/>
    </row>
    <row r="233690" spans="8:8">
      <c r="H233690" s="12"/>
    </row>
    <row r="233691" spans="8:8">
      <c r="H233691" s="12"/>
    </row>
    <row r="233692" spans="8:8">
      <c r="H233692" s="12"/>
    </row>
    <row r="233693" spans="8:8">
      <c r="H233693" s="12"/>
    </row>
    <row r="233694" spans="8:8">
      <c r="H233694" s="12"/>
    </row>
    <row r="233695" spans="8:8">
      <c r="H233695" s="12"/>
    </row>
    <row r="233696" spans="8:8">
      <c r="H233696" s="12"/>
    </row>
    <row r="233697" spans="8:8">
      <c r="H233697" s="12"/>
    </row>
    <row r="233698" spans="8:8">
      <c r="H233698" s="12"/>
    </row>
    <row r="233699" spans="8:8">
      <c r="H233699" s="12"/>
    </row>
    <row r="233700" spans="8:8">
      <c r="H233700" s="12"/>
    </row>
    <row r="233701" spans="8:8">
      <c r="H233701" s="12"/>
    </row>
    <row r="233702" spans="8:8">
      <c r="H233702" s="12"/>
    </row>
    <row r="233703" spans="8:8">
      <c r="H233703" s="12"/>
    </row>
    <row r="233704" spans="8:8">
      <c r="H233704" s="12"/>
    </row>
    <row r="233705" spans="8:8">
      <c r="H233705" s="12"/>
    </row>
    <row r="233706" spans="8:8">
      <c r="H233706" s="12"/>
    </row>
    <row r="233707" spans="8:8">
      <c r="H233707" s="12"/>
    </row>
    <row r="233708" spans="8:8">
      <c r="H233708" s="12"/>
    </row>
    <row r="233709" spans="8:8">
      <c r="H233709" s="12"/>
    </row>
    <row r="233710" spans="8:8">
      <c r="H233710" s="12"/>
    </row>
    <row r="233711" spans="8:8">
      <c r="H233711" s="12"/>
    </row>
    <row r="233712" spans="8:8">
      <c r="H233712" s="12"/>
    </row>
    <row r="233713" spans="8:8">
      <c r="H233713" s="12"/>
    </row>
    <row r="233714" spans="8:8">
      <c r="H233714" s="12"/>
    </row>
    <row r="233715" spans="8:8">
      <c r="H233715" s="12"/>
    </row>
    <row r="233716" spans="8:8">
      <c r="H233716" s="12"/>
    </row>
    <row r="233717" spans="8:8">
      <c r="H233717" s="12"/>
    </row>
    <row r="233718" spans="8:8">
      <c r="H233718" s="12"/>
    </row>
    <row r="233719" spans="8:8">
      <c r="H233719" s="12"/>
    </row>
    <row r="233720" spans="8:8">
      <c r="H233720" s="12"/>
    </row>
    <row r="233721" spans="8:8">
      <c r="H233721" s="12"/>
    </row>
    <row r="233722" spans="8:8">
      <c r="H233722" s="12"/>
    </row>
    <row r="233723" spans="8:8">
      <c r="H233723" s="12"/>
    </row>
    <row r="233724" spans="8:8">
      <c r="H233724" s="12"/>
    </row>
    <row r="233725" spans="8:8">
      <c r="H233725" s="12"/>
    </row>
    <row r="233726" spans="8:8">
      <c r="H233726" s="12"/>
    </row>
    <row r="233727" spans="8:8">
      <c r="H233727" s="12"/>
    </row>
    <row r="233728" spans="8:8">
      <c r="H233728" s="12"/>
    </row>
    <row r="233729" spans="8:8">
      <c r="H233729" s="12"/>
    </row>
    <row r="233730" spans="8:8">
      <c r="H233730" s="12"/>
    </row>
    <row r="233731" spans="8:8">
      <c r="H233731" s="12"/>
    </row>
    <row r="233732" spans="8:8">
      <c r="H233732" s="12"/>
    </row>
    <row r="233733" spans="8:8">
      <c r="H233733" s="12"/>
    </row>
    <row r="233734" spans="8:8">
      <c r="H233734" s="12"/>
    </row>
    <row r="233735" spans="8:8">
      <c r="H233735" s="12"/>
    </row>
    <row r="233736" spans="8:8">
      <c r="H233736" s="12"/>
    </row>
    <row r="233737" spans="8:8">
      <c r="H233737" s="12"/>
    </row>
    <row r="233738" spans="8:8">
      <c r="H233738" s="12"/>
    </row>
    <row r="233739" spans="8:8">
      <c r="H233739" s="12"/>
    </row>
    <row r="233740" spans="8:8">
      <c r="H233740" s="12"/>
    </row>
    <row r="233741" spans="8:8">
      <c r="H233741" s="12"/>
    </row>
    <row r="233742" spans="8:8">
      <c r="H233742" s="12"/>
    </row>
    <row r="233743" spans="8:8">
      <c r="H233743" s="12"/>
    </row>
    <row r="233744" spans="8:8">
      <c r="H233744" s="12"/>
    </row>
    <row r="233745" spans="8:8">
      <c r="H233745" s="12"/>
    </row>
    <row r="233746" spans="8:8">
      <c r="H233746" s="12"/>
    </row>
    <row r="233747" spans="8:8">
      <c r="H233747" s="12"/>
    </row>
    <row r="233748" spans="8:8">
      <c r="H233748" s="12"/>
    </row>
    <row r="233749" spans="8:8">
      <c r="H233749" s="12"/>
    </row>
    <row r="233750" spans="8:8">
      <c r="H233750" s="12"/>
    </row>
    <row r="233751" spans="8:8">
      <c r="H233751" s="12"/>
    </row>
    <row r="233752" spans="8:8">
      <c r="H233752" s="12"/>
    </row>
    <row r="233753" spans="8:8">
      <c r="H233753" s="12"/>
    </row>
    <row r="233754" spans="8:8">
      <c r="H233754" s="12"/>
    </row>
    <row r="233755" spans="8:8">
      <c r="H233755" s="12"/>
    </row>
    <row r="233756" spans="8:8">
      <c r="H233756" s="12"/>
    </row>
    <row r="233757" spans="8:8">
      <c r="H233757" s="12"/>
    </row>
    <row r="233758" spans="8:8">
      <c r="H233758" s="12"/>
    </row>
    <row r="233759" spans="8:8">
      <c r="H233759" s="12"/>
    </row>
    <row r="233760" spans="8:8">
      <c r="H233760" s="12"/>
    </row>
    <row r="233761" spans="8:8">
      <c r="H233761" s="12"/>
    </row>
    <row r="233762" spans="8:8">
      <c r="H233762" s="12"/>
    </row>
    <row r="233763" spans="8:8">
      <c r="H233763" s="12"/>
    </row>
    <row r="233764" spans="8:8">
      <c r="H233764" s="12"/>
    </row>
    <row r="233765" spans="8:8">
      <c r="H233765" s="12"/>
    </row>
    <row r="233766" spans="8:8">
      <c r="H233766" s="12"/>
    </row>
    <row r="233767" spans="8:8">
      <c r="H233767" s="12"/>
    </row>
    <row r="233768" spans="8:8">
      <c r="H233768" s="12"/>
    </row>
    <row r="233769" spans="8:8">
      <c r="H233769" s="12"/>
    </row>
    <row r="233770" spans="8:8">
      <c r="H233770" s="12"/>
    </row>
    <row r="233771" spans="8:8">
      <c r="H233771" s="12"/>
    </row>
    <row r="233772" spans="8:8">
      <c r="H233772" s="12"/>
    </row>
    <row r="233773" spans="8:8">
      <c r="H233773" s="12"/>
    </row>
    <row r="233774" spans="8:8">
      <c r="H233774" s="12"/>
    </row>
    <row r="233775" spans="8:8">
      <c r="H233775" s="12"/>
    </row>
    <row r="233776" spans="8:8">
      <c r="H233776" s="12"/>
    </row>
    <row r="233777" spans="8:8">
      <c r="H233777" s="12"/>
    </row>
    <row r="233778" spans="8:8">
      <c r="H233778" s="12"/>
    </row>
    <row r="233779" spans="8:8">
      <c r="H233779" s="12"/>
    </row>
    <row r="233780" spans="8:8">
      <c r="H233780" s="12"/>
    </row>
    <row r="233781" spans="8:8">
      <c r="H233781" s="12"/>
    </row>
    <row r="233782" spans="8:8">
      <c r="H233782" s="12"/>
    </row>
    <row r="233783" spans="8:8">
      <c r="H233783" s="12"/>
    </row>
    <row r="233784" spans="8:8">
      <c r="H233784" s="12"/>
    </row>
    <row r="233785" spans="8:8">
      <c r="H233785" s="12"/>
    </row>
    <row r="233786" spans="8:8">
      <c r="H233786" s="12"/>
    </row>
    <row r="233787" spans="8:8">
      <c r="H233787" s="12"/>
    </row>
    <row r="233788" spans="8:8">
      <c r="H233788" s="12"/>
    </row>
    <row r="233789" spans="8:8">
      <c r="H233789" s="12"/>
    </row>
    <row r="233790" spans="8:8">
      <c r="H233790" s="12"/>
    </row>
    <row r="233791" spans="8:8">
      <c r="H233791" s="12"/>
    </row>
    <row r="233792" spans="8:8">
      <c r="H233792" s="12"/>
    </row>
    <row r="233793" spans="8:8">
      <c r="H233793" s="12"/>
    </row>
    <row r="233794" spans="8:8">
      <c r="H233794" s="12"/>
    </row>
    <row r="233795" spans="8:8">
      <c r="H233795" s="12"/>
    </row>
    <row r="233796" spans="8:8">
      <c r="H233796" s="12"/>
    </row>
    <row r="233797" spans="8:8">
      <c r="H233797" s="12"/>
    </row>
    <row r="233798" spans="8:8">
      <c r="H233798" s="12"/>
    </row>
    <row r="233799" spans="8:8">
      <c r="H233799" s="12"/>
    </row>
    <row r="233800" spans="8:8">
      <c r="H233800" s="12"/>
    </row>
    <row r="233801" spans="8:8">
      <c r="H233801" s="12"/>
    </row>
    <row r="233802" spans="8:8">
      <c r="H233802" s="12"/>
    </row>
    <row r="233803" spans="8:8">
      <c r="H233803" s="12"/>
    </row>
    <row r="233804" spans="8:8">
      <c r="H233804" s="12"/>
    </row>
    <row r="233805" spans="8:8">
      <c r="H233805" s="12"/>
    </row>
    <row r="233806" spans="8:8">
      <c r="H233806" s="12"/>
    </row>
    <row r="233807" spans="8:8">
      <c r="H233807" s="12"/>
    </row>
    <row r="233808" spans="8:8">
      <c r="H233808" s="12"/>
    </row>
    <row r="233809" spans="8:8">
      <c r="H233809" s="12"/>
    </row>
    <row r="233810" spans="8:8">
      <c r="H233810" s="12"/>
    </row>
    <row r="233811" spans="8:8">
      <c r="H233811" s="12"/>
    </row>
    <row r="233812" spans="8:8">
      <c r="H233812" s="12"/>
    </row>
    <row r="233813" spans="8:8">
      <c r="H233813" s="12"/>
    </row>
    <row r="233814" spans="8:8">
      <c r="H233814" s="12"/>
    </row>
    <row r="233815" spans="8:8">
      <c r="H233815" s="12"/>
    </row>
    <row r="233816" spans="8:8">
      <c r="H233816" s="12"/>
    </row>
    <row r="233817" spans="8:8">
      <c r="H233817" s="12"/>
    </row>
    <row r="233818" spans="8:8">
      <c r="H233818" s="12"/>
    </row>
    <row r="233819" spans="8:8">
      <c r="H233819" s="12"/>
    </row>
    <row r="233820" spans="8:8">
      <c r="H233820" s="12"/>
    </row>
    <row r="233821" spans="8:8">
      <c r="H233821" s="12"/>
    </row>
    <row r="233822" spans="8:8">
      <c r="H233822" s="12"/>
    </row>
    <row r="233823" spans="8:8">
      <c r="H233823" s="12"/>
    </row>
    <row r="233824" spans="8:8">
      <c r="H233824" s="12"/>
    </row>
    <row r="233825" spans="8:8">
      <c r="H233825" s="12"/>
    </row>
    <row r="233826" spans="8:8">
      <c r="H233826" s="12"/>
    </row>
    <row r="233827" spans="8:8">
      <c r="H233827" s="12"/>
    </row>
    <row r="233828" spans="8:8">
      <c r="H233828" s="12"/>
    </row>
    <row r="233829" spans="8:8">
      <c r="H233829" s="12"/>
    </row>
    <row r="233830" spans="8:8">
      <c r="H233830" s="12"/>
    </row>
    <row r="233831" spans="8:8">
      <c r="H233831" s="12"/>
    </row>
    <row r="233832" spans="8:8">
      <c r="H233832" s="12"/>
    </row>
    <row r="233833" spans="8:8">
      <c r="H233833" s="12"/>
    </row>
    <row r="233834" spans="8:8">
      <c r="H233834" s="12"/>
    </row>
    <row r="233835" spans="8:8">
      <c r="H233835" s="12"/>
    </row>
    <row r="233836" spans="8:8">
      <c r="H233836" s="12"/>
    </row>
    <row r="233837" spans="8:8">
      <c r="H233837" s="12"/>
    </row>
    <row r="233838" spans="8:8">
      <c r="H233838" s="12"/>
    </row>
    <row r="233839" spans="8:8">
      <c r="H233839" s="12"/>
    </row>
    <row r="233840" spans="8:8">
      <c r="H233840" s="12"/>
    </row>
    <row r="233841" spans="8:8">
      <c r="H233841" s="12"/>
    </row>
    <row r="233842" spans="8:8">
      <c r="H233842" s="12"/>
    </row>
    <row r="233843" spans="8:8">
      <c r="H233843" s="12"/>
    </row>
    <row r="233844" spans="8:8">
      <c r="H233844" s="12"/>
    </row>
    <row r="233845" spans="8:8">
      <c r="H233845" s="12"/>
    </row>
    <row r="233846" spans="8:8">
      <c r="H233846" s="12"/>
    </row>
    <row r="233847" spans="8:8">
      <c r="H233847" s="12"/>
    </row>
    <row r="233848" spans="8:8">
      <c r="H233848" s="12"/>
    </row>
    <row r="233849" spans="8:8">
      <c r="H233849" s="12"/>
    </row>
    <row r="233850" spans="8:8">
      <c r="H233850" s="12"/>
    </row>
    <row r="233851" spans="8:8">
      <c r="H233851" s="12"/>
    </row>
    <row r="233852" spans="8:8">
      <c r="H233852" s="12"/>
    </row>
    <row r="233853" spans="8:8">
      <c r="H233853" s="12"/>
    </row>
    <row r="233854" spans="8:8">
      <c r="H233854" s="12"/>
    </row>
    <row r="233855" spans="8:8">
      <c r="H233855" s="12"/>
    </row>
    <row r="233856" spans="8:8">
      <c r="H233856" s="12"/>
    </row>
    <row r="233857" spans="8:8">
      <c r="H233857" s="12"/>
    </row>
    <row r="233858" spans="8:8">
      <c r="H233858" s="12"/>
    </row>
    <row r="233859" spans="8:8">
      <c r="H233859" s="12"/>
    </row>
    <row r="233860" spans="8:8">
      <c r="H233860" s="12"/>
    </row>
    <row r="233861" spans="8:8">
      <c r="H233861" s="12"/>
    </row>
    <row r="233862" spans="8:8">
      <c r="H233862" s="12"/>
    </row>
    <row r="233863" spans="8:8">
      <c r="H233863" s="12"/>
    </row>
    <row r="233864" spans="8:8">
      <c r="H233864" s="12"/>
    </row>
    <row r="233865" spans="8:8">
      <c r="H233865" s="12"/>
    </row>
    <row r="233866" spans="8:8">
      <c r="H233866" s="12"/>
    </row>
    <row r="233867" spans="8:8">
      <c r="H233867" s="12"/>
    </row>
    <row r="233868" spans="8:8">
      <c r="H233868" s="12"/>
    </row>
    <row r="233869" spans="8:8">
      <c r="H233869" s="12"/>
    </row>
    <row r="233870" spans="8:8">
      <c r="H233870" s="12"/>
    </row>
    <row r="233871" spans="8:8">
      <c r="H233871" s="12"/>
    </row>
    <row r="233872" spans="8:8">
      <c r="H233872" s="12"/>
    </row>
    <row r="233873" spans="8:8">
      <c r="H233873" s="12"/>
    </row>
    <row r="233874" spans="8:8">
      <c r="H233874" s="12"/>
    </row>
    <row r="233875" spans="8:8">
      <c r="H233875" s="12"/>
    </row>
    <row r="233876" spans="8:8">
      <c r="H233876" s="12"/>
    </row>
    <row r="233877" spans="8:8">
      <c r="H233877" s="12"/>
    </row>
    <row r="233878" spans="8:8">
      <c r="H233878" s="12"/>
    </row>
    <row r="233879" spans="8:8">
      <c r="H233879" s="12"/>
    </row>
    <row r="233880" spans="8:8">
      <c r="H233880" s="12"/>
    </row>
    <row r="233881" spans="8:8">
      <c r="H233881" s="12"/>
    </row>
    <row r="233882" spans="8:8">
      <c r="H233882" s="12"/>
    </row>
    <row r="233883" spans="8:8">
      <c r="H233883" s="12"/>
    </row>
    <row r="233884" spans="8:8">
      <c r="H233884" s="12"/>
    </row>
    <row r="233885" spans="8:8">
      <c r="H233885" s="12"/>
    </row>
    <row r="233886" spans="8:8">
      <c r="H233886" s="12"/>
    </row>
    <row r="233887" spans="8:8">
      <c r="H233887" s="12"/>
    </row>
    <row r="233888" spans="8:8">
      <c r="H233888" s="12"/>
    </row>
    <row r="233889" spans="8:8">
      <c r="H233889" s="12"/>
    </row>
    <row r="233890" spans="8:8">
      <c r="H233890" s="12"/>
    </row>
    <row r="233891" spans="8:8">
      <c r="H233891" s="12"/>
    </row>
    <row r="233892" spans="8:8">
      <c r="H233892" s="12"/>
    </row>
    <row r="233893" spans="8:8">
      <c r="H233893" s="12"/>
    </row>
    <row r="233894" spans="8:8">
      <c r="H233894" s="12"/>
    </row>
    <row r="233895" spans="8:8">
      <c r="H233895" s="12"/>
    </row>
    <row r="233896" spans="8:8">
      <c r="H233896" s="12"/>
    </row>
    <row r="233897" spans="8:8">
      <c r="H233897" s="12"/>
    </row>
    <row r="233898" spans="8:8">
      <c r="H233898" s="12"/>
    </row>
    <row r="233899" spans="8:8">
      <c r="H233899" s="12"/>
    </row>
    <row r="233900" spans="8:8">
      <c r="H233900" s="12"/>
    </row>
    <row r="233901" spans="8:8">
      <c r="H233901" s="12"/>
    </row>
    <row r="233902" spans="8:8">
      <c r="H233902" s="12"/>
    </row>
    <row r="233903" spans="8:8">
      <c r="H233903" s="12"/>
    </row>
    <row r="233904" spans="8:8">
      <c r="H233904" s="12"/>
    </row>
    <row r="233905" spans="8:8">
      <c r="H233905" s="12"/>
    </row>
    <row r="233906" spans="8:8">
      <c r="H233906" s="12"/>
    </row>
    <row r="233907" spans="8:8">
      <c r="H233907" s="12"/>
    </row>
    <row r="233908" spans="8:8">
      <c r="H233908" s="12"/>
    </row>
    <row r="233909" spans="8:8">
      <c r="H233909" s="12"/>
    </row>
    <row r="233910" spans="8:8">
      <c r="H233910" s="12"/>
    </row>
    <row r="233911" spans="8:8">
      <c r="H233911" s="12"/>
    </row>
    <row r="233912" spans="8:8">
      <c r="H233912" s="12"/>
    </row>
    <row r="233913" spans="8:8">
      <c r="H233913" s="12"/>
    </row>
    <row r="233914" spans="8:8">
      <c r="H233914" s="12"/>
    </row>
    <row r="233915" spans="8:8">
      <c r="H233915" s="12"/>
    </row>
    <row r="233916" spans="8:8">
      <c r="H233916" s="12"/>
    </row>
    <row r="233917" spans="8:8">
      <c r="H233917" s="12"/>
    </row>
    <row r="233918" spans="8:8">
      <c r="H233918" s="12"/>
    </row>
    <row r="233919" spans="8:8">
      <c r="H233919" s="12"/>
    </row>
    <row r="233920" spans="8:8">
      <c r="H233920" s="12"/>
    </row>
    <row r="233921" spans="8:8">
      <c r="H233921" s="12"/>
    </row>
    <row r="233922" spans="8:8">
      <c r="H233922" s="12"/>
    </row>
    <row r="233923" spans="8:8">
      <c r="H233923" s="12"/>
    </row>
    <row r="233924" spans="8:8">
      <c r="H233924" s="12"/>
    </row>
    <row r="233925" spans="8:8">
      <c r="H233925" s="12"/>
    </row>
    <row r="233926" spans="8:8">
      <c r="H233926" s="12"/>
    </row>
    <row r="233927" spans="8:8">
      <c r="H233927" s="12"/>
    </row>
    <row r="233928" spans="8:8">
      <c r="H233928" s="12"/>
    </row>
    <row r="233929" spans="8:8">
      <c r="H233929" s="12"/>
    </row>
    <row r="233930" spans="8:8">
      <c r="H233930" s="12"/>
    </row>
    <row r="233931" spans="8:8">
      <c r="H233931" s="12"/>
    </row>
    <row r="233932" spans="8:8">
      <c r="H233932" s="12"/>
    </row>
    <row r="233933" spans="8:8">
      <c r="H233933" s="12"/>
    </row>
    <row r="233934" spans="8:8">
      <c r="H233934" s="12"/>
    </row>
    <row r="233935" spans="8:8">
      <c r="H233935" s="12"/>
    </row>
    <row r="233936" spans="8:8">
      <c r="H233936" s="12"/>
    </row>
    <row r="233937" spans="8:8">
      <c r="H233937" s="12"/>
    </row>
    <row r="233938" spans="8:8">
      <c r="H233938" s="12"/>
    </row>
    <row r="233939" spans="8:8">
      <c r="H233939" s="12"/>
    </row>
    <row r="233940" spans="8:8">
      <c r="H233940" s="12"/>
    </row>
    <row r="233941" spans="8:8">
      <c r="H233941" s="12"/>
    </row>
    <row r="233942" spans="8:8">
      <c r="H233942" s="12"/>
    </row>
    <row r="233943" spans="8:8">
      <c r="H233943" s="12"/>
    </row>
    <row r="233944" spans="8:8">
      <c r="H233944" s="12"/>
    </row>
    <row r="233945" spans="8:8">
      <c r="H233945" s="12"/>
    </row>
    <row r="233946" spans="8:8">
      <c r="H233946" s="12"/>
    </row>
    <row r="233947" spans="8:8">
      <c r="H233947" s="12"/>
    </row>
    <row r="233948" spans="8:8">
      <c r="H233948" s="12"/>
    </row>
    <row r="233949" spans="8:8">
      <c r="H233949" s="12"/>
    </row>
    <row r="233950" spans="8:8">
      <c r="H233950" s="12"/>
    </row>
    <row r="233951" spans="8:8">
      <c r="H233951" s="12"/>
    </row>
    <row r="233952" spans="8:8">
      <c r="H233952" s="12"/>
    </row>
    <row r="233953" spans="8:8">
      <c r="H233953" s="12"/>
    </row>
    <row r="233954" spans="8:8">
      <c r="H233954" s="12"/>
    </row>
    <row r="233955" spans="8:8">
      <c r="H233955" s="12"/>
    </row>
    <row r="233956" spans="8:8">
      <c r="H233956" s="12"/>
    </row>
    <row r="233957" spans="8:8">
      <c r="H233957" s="12"/>
    </row>
    <row r="233958" spans="8:8">
      <c r="H233958" s="12"/>
    </row>
    <row r="233959" spans="8:8">
      <c r="H233959" s="12"/>
    </row>
    <row r="233960" spans="8:8">
      <c r="H233960" s="12"/>
    </row>
    <row r="233961" spans="8:8">
      <c r="H233961" s="12"/>
    </row>
    <row r="233962" spans="8:8">
      <c r="H233962" s="12"/>
    </row>
    <row r="233963" spans="8:8">
      <c r="H233963" s="12"/>
    </row>
    <row r="233964" spans="8:8">
      <c r="H233964" s="12"/>
    </row>
    <row r="233965" spans="8:8">
      <c r="H233965" s="12"/>
    </row>
    <row r="233966" spans="8:8">
      <c r="H233966" s="12"/>
    </row>
    <row r="233967" spans="8:8">
      <c r="H233967" s="12"/>
    </row>
    <row r="233968" spans="8:8">
      <c r="H233968" s="12"/>
    </row>
    <row r="233969" spans="8:8">
      <c r="H233969" s="12"/>
    </row>
    <row r="233970" spans="8:8">
      <c r="H233970" s="12"/>
    </row>
    <row r="233971" spans="8:8">
      <c r="H233971" s="12"/>
    </row>
    <row r="233972" spans="8:8">
      <c r="H233972" s="12"/>
    </row>
    <row r="233973" spans="8:8">
      <c r="H233973" s="12"/>
    </row>
    <row r="233974" spans="8:8">
      <c r="H233974" s="12"/>
    </row>
    <row r="233975" spans="8:8">
      <c r="H233975" s="12"/>
    </row>
    <row r="233976" spans="8:8">
      <c r="H233976" s="12"/>
    </row>
    <row r="233977" spans="8:8">
      <c r="H233977" s="12"/>
    </row>
    <row r="233978" spans="8:8">
      <c r="H233978" s="12"/>
    </row>
    <row r="233979" spans="8:8">
      <c r="H233979" s="12"/>
    </row>
    <row r="233980" spans="8:8">
      <c r="H233980" s="12"/>
    </row>
    <row r="233981" spans="8:8">
      <c r="H233981" s="12"/>
    </row>
    <row r="233982" spans="8:8">
      <c r="H233982" s="12"/>
    </row>
    <row r="233983" spans="8:8">
      <c r="H233983" s="12"/>
    </row>
    <row r="233984" spans="8:8">
      <c r="H233984" s="12"/>
    </row>
    <row r="233985" spans="8:8">
      <c r="H233985" s="12"/>
    </row>
    <row r="233986" spans="8:8">
      <c r="H233986" s="12"/>
    </row>
    <row r="233987" spans="8:8">
      <c r="H233987" s="12"/>
    </row>
    <row r="233988" spans="8:8">
      <c r="H233988" s="12"/>
    </row>
    <row r="233989" spans="8:8">
      <c r="H233989" s="12"/>
    </row>
    <row r="233990" spans="8:8">
      <c r="H233990" s="12"/>
    </row>
    <row r="233991" spans="8:8">
      <c r="H233991" s="12"/>
    </row>
    <row r="233992" spans="8:8">
      <c r="H233992" s="12"/>
    </row>
    <row r="233993" spans="8:8">
      <c r="H233993" s="12"/>
    </row>
    <row r="233994" spans="8:8">
      <c r="H233994" s="12"/>
    </row>
    <row r="233995" spans="8:8">
      <c r="H233995" s="12"/>
    </row>
    <row r="233996" spans="8:8">
      <c r="H233996" s="12"/>
    </row>
    <row r="233997" spans="8:8">
      <c r="H233997" s="12"/>
    </row>
    <row r="233998" spans="8:8">
      <c r="H233998" s="12"/>
    </row>
    <row r="233999" spans="8:8">
      <c r="H233999" s="12"/>
    </row>
    <row r="234000" spans="8:8">
      <c r="H234000" s="12"/>
    </row>
    <row r="234001" spans="8:8">
      <c r="H234001" s="12"/>
    </row>
    <row r="234002" spans="8:8">
      <c r="H234002" s="12"/>
    </row>
    <row r="234003" spans="8:8">
      <c r="H234003" s="12"/>
    </row>
    <row r="234004" spans="8:8">
      <c r="H234004" s="12"/>
    </row>
    <row r="234005" spans="8:8">
      <c r="H234005" s="12"/>
    </row>
    <row r="234006" spans="8:8">
      <c r="H234006" s="12"/>
    </row>
    <row r="234007" spans="8:8">
      <c r="H234007" s="12"/>
    </row>
    <row r="234008" spans="8:8">
      <c r="H234008" s="12"/>
    </row>
    <row r="234009" spans="8:8">
      <c r="H234009" s="12"/>
    </row>
    <row r="234010" spans="8:8">
      <c r="H234010" s="12"/>
    </row>
    <row r="234011" spans="8:8">
      <c r="H234011" s="12"/>
    </row>
    <row r="234012" spans="8:8">
      <c r="H234012" s="12"/>
    </row>
    <row r="234013" spans="8:8">
      <c r="H234013" s="12"/>
    </row>
    <row r="234014" spans="8:8">
      <c r="H234014" s="12"/>
    </row>
    <row r="234015" spans="8:8">
      <c r="H234015" s="12"/>
    </row>
    <row r="234016" spans="8:8">
      <c r="H234016" s="12"/>
    </row>
    <row r="234017" spans="8:8">
      <c r="H234017" s="12"/>
    </row>
    <row r="234018" spans="8:8">
      <c r="H234018" s="12"/>
    </row>
    <row r="234019" spans="8:8">
      <c r="H234019" s="12"/>
    </row>
    <row r="234020" spans="8:8">
      <c r="H234020" s="12"/>
    </row>
    <row r="234021" spans="8:8">
      <c r="H234021" s="12"/>
    </row>
    <row r="234022" spans="8:8">
      <c r="H234022" s="12"/>
    </row>
    <row r="234023" spans="8:8">
      <c r="H234023" s="12"/>
    </row>
    <row r="234024" spans="8:8">
      <c r="H234024" s="12"/>
    </row>
    <row r="234025" spans="8:8">
      <c r="H234025" s="12"/>
    </row>
    <row r="234026" spans="8:8">
      <c r="H234026" s="12"/>
    </row>
    <row r="234027" spans="8:8">
      <c r="H234027" s="12"/>
    </row>
    <row r="234028" spans="8:8">
      <c r="H234028" s="12"/>
    </row>
    <row r="234029" spans="8:8">
      <c r="H234029" s="12"/>
    </row>
    <row r="234030" spans="8:8">
      <c r="H234030" s="12"/>
    </row>
    <row r="234031" spans="8:8">
      <c r="H234031" s="12"/>
    </row>
    <row r="234032" spans="8:8">
      <c r="H234032" s="12"/>
    </row>
    <row r="234033" spans="8:8">
      <c r="H234033" s="12"/>
    </row>
    <row r="234034" spans="8:8">
      <c r="H234034" s="12"/>
    </row>
    <row r="234035" spans="8:8">
      <c r="H234035" s="12"/>
    </row>
    <row r="234036" spans="8:8">
      <c r="H234036" s="12"/>
    </row>
    <row r="234037" spans="8:8">
      <c r="H234037" s="12"/>
    </row>
    <row r="234038" spans="8:8">
      <c r="H234038" s="12"/>
    </row>
    <row r="234039" spans="8:8">
      <c r="H234039" s="12"/>
    </row>
    <row r="234040" spans="8:8">
      <c r="H234040" s="12"/>
    </row>
    <row r="234041" spans="8:8">
      <c r="H234041" s="12"/>
    </row>
    <row r="234042" spans="8:8">
      <c r="H234042" s="12"/>
    </row>
    <row r="234043" spans="8:8">
      <c r="H234043" s="12"/>
    </row>
    <row r="234044" spans="8:8">
      <c r="H234044" s="12"/>
    </row>
    <row r="234045" spans="8:8">
      <c r="H234045" s="12"/>
    </row>
    <row r="234046" spans="8:8">
      <c r="H234046" s="12"/>
    </row>
    <row r="234047" spans="8:8">
      <c r="H234047" s="12"/>
    </row>
    <row r="234048" spans="8:8">
      <c r="H234048" s="12"/>
    </row>
    <row r="234049" spans="8:8">
      <c r="H234049" s="12"/>
    </row>
    <row r="234050" spans="8:8">
      <c r="H234050" s="12"/>
    </row>
    <row r="234051" spans="8:8">
      <c r="H234051" s="12"/>
    </row>
    <row r="234052" spans="8:8">
      <c r="H234052" s="12"/>
    </row>
    <row r="234053" spans="8:8">
      <c r="H234053" s="12"/>
    </row>
    <row r="234054" spans="8:8">
      <c r="H234054" s="12"/>
    </row>
    <row r="234055" spans="8:8">
      <c r="H234055" s="12"/>
    </row>
    <row r="234056" spans="8:8">
      <c r="H234056" s="12"/>
    </row>
    <row r="234057" spans="8:8">
      <c r="H234057" s="12"/>
    </row>
    <row r="234058" spans="8:8">
      <c r="H234058" s="12"/>
    </row>
    <row r="234059" spans="8:8">
      <c r="H234059" s="12"/>
    </row>
    <row r="234060" spans="8:8">
      <c r="H234060" s="12"/>
    </row>
    <row r="234061" spans="8:8">
      <c r="H234061" s="12"/>
    </row>
    <row r="234062" spans="8:8">
      <c r="H234062" s="12"/>
    </row>
    <row r="234063" spans="8:8">
      <c r="H234063" s="12"/>
    </row>
    <row r="234064" spans="8:8">
      <c r="H234064" s="12"/>
    </row>
    <row r="234065" spans="8:8">
      <c r="H234065" s="12"/>
    </row>
    <row r="234066" spans="8:8">
      <c r="H234066" s="12"/>
    </row>
    <row r="234067" spans="8:8">
      <c r="H234067" s="12"/>
    </row>
    <row r="234068" spans="8:8">
      <c r="H234068" s="12"/>
    </row>
    <row r="234069" spans="8:8">
      <c r="H234069" s="12"/>
    </row>
    <row r="234070" spans="8:8">
      <c r="H234070" s="12"/>
    </row>
    <row r="234071" spans="8:8">
      <c r="H234071" s="12"/>
    </row>
    <row r="234072" spans="8:8">
      <c r="H234072" s="12"/>
    </row>
    <row r="234073" spans="8:8">
      <c r="H234073" s="12"/>
    </row>
    <row r="234074" spans="8:8">
      <c r="H234074" s="12"/>
    </row>
    <row r="234075" spans="8:8">
      <c r="H234075" s="12"/>
    </row>
    <row r="234076" spans="8:8">
      <c r="H234076" s="12"/>
    </row>
    <row r="234077" spans="8:8">
      <c r="H234077" s="12"/>
    </row>
    <row r="234078" spans="8:8">
      <c r="H234078" s="12"/>
    </row>
    <row r="234079" spans="8:8">
      <c r="H234079" s="12"/>
    </row>
    <row r="234080" spans="8:8">
      <c r="H234080" s="12"/>
    </row>
    <row r="234081" spans="8:8">
      <c r="H234081" s="12"/>
    </row>
    <row r="234082" spans="8:8">
      <c r="H234082" s="12"/>
    </row>
    <row r="234083" spans="8:8">
      <c r="H234083" s="12"/>
    </row>
    <row r="234084" spans="8:8">
      <c r="H234084" s="12"/>
    </row>
    <row r="234085" spans="8:8">
      <c r="H234085" s="12"/>
    </row>
    <row r="234086" spans="8:8">
      <c r="H234086" s="12"/>
    </row>
    <row r="234087" spans="8:8">
      <c r="H234087" s="12"/>
    </row>
    <row r="234088" spans="8:8">
      <c r="H234088" s="12"/>
    </row>
    <row r="234089" spans="8:8">
      <c r="H234089" s="12"/>
    </row>
    <row r="234090" spans="8:8">
      <c r="H234090" s="12"/>
    </row>
    <row r="234091" spans="8:8">
      <c r="H234091" s="12"/>
    </row>
    <row r="234092" spans="8:8">
      <c r="H234092" s="12"/>
    </row>
    <row r="234093" spans="8:8">
      <c r="H234093" s="12"/>
    </row>
    <row r="234094" spans="8:8">
      <c r="H234094" s="12"/>
    </row>
    <row r="234095" spans="8:8">
      <c r="H234095" s="12"/>
    </row>
    <row r="234096" spans="8:8">
      <c r="H234096" s="12"/>
    </row>
    <row r="234097" spans="8:8">
      <c r="H234097" s="12"/>
    </row>
    <row r="234098" spans="8:8">
      <c r="H234098" s="12"/>
    </row>
    <row r="234099" spans="8:8">
      <c r="H234099" s="12"/>
    </row>
    <row r="234100" spans="8:8">
      <c r="H234100" s="12"/>
    </row>
    <row r="234101" spans="8:8">
      <c r="H234101" s="12"/>
    </row>
    <row r="234102" spans="8:8">
      <c r="H234102" s="12"/>
    </row>
    <row r="234103" spans="8:8">
      <c r="H234103" s="12"/>
    </row>
    <row r="234104" spans="8:8">
      <c r="H234104" s="12"/>
    </row>
    <row r="234105" spans="8:8">
      <c r="H234105" s="12"/>
    </row>
    <row r="234106" spans="8:8">
      <c r="H234106" s="12"/>
    </row>
    <row r="234107" spans="8:8">
      <c r="H234107" s="12"/>
    </row>
    <row r="234108" spans="8:8">
      <c r="H234108" s="12"/>
    </row>
    <row r="234109" spans="8:8">
      <c r="H234109" s="12"/>
    </row>
    <row r="234110" spans="8:8">
      <c r="H234110" s="12"/>
    </row>
    <row r="234111" spans="8:8">
      <c r="H234111" s="12"/>
    </row>
    <row r="234112" spans="8:8">
      <c r="H234112" s="12"/>
    </row>
    <row r="234113" spans="8:8">
      <c r="H234113" s="12"/>
    </row>
    <row r="234114" spans="8:8">
      <c r="H234114" s="12"/>
    </row>
    <row r="234115" spans="8:8">
      <c r="H234115" s="12"/>
    </row>
    <row r="234116" spans="8:8">
      <c r="H234116" s="12"/>
    </row>
    <row r="234117" spans="8:8">
      <c r="H234117" s="12"/>
    </row>
    <row r="234118" spans="8:8">
      <c r="H234118" s="12"/>
    </row>
    <row r="234119" spans="8:8">
      <c r="H234119" s="12"/>
    </row>
    <row r="234120" spans="8:8">
      <c r="H234120" s="12"/>
    </row>
    <row r="234121" spans="8:8">
      <c r="H234121" s="12"/>
    </row>
    <row r="234122" spans="8:8">
      <c r="H234122" s="12"/>
    </row>
    <row r="234123" spans="8:8">
      <c r="H234123" s="12"/>
    </row>
    <row r="234124" spans="8:8">
      <c r="H234124" s="12"/>
    </row>
    <row r="234125" spans="8:8">
      <c r="H234125" s="12"/>
    </row>
    <row r="234126" spans="8:8">
      <c r="H234126" s="12"/>
    </row>
    <row r="234127" spans="8:8">
      <c r="H234127" s="12"/>
    </row>
    <row r="234128" spans="8:8">
      <c r="H234128" s="12"/>
    </row>
    <row r="234129" spans="8:8">
      <c r="H234129" s="12"/>
    </row>
    <row r="234130" spans="8:8">
      <c r="H234130" s="12"/>
    </row>
    <row r="234131" spans="8:8">
      <c r="H234131" s="12"/>
    </row>
    <row r="234132" spans="8:8">
      <c r="H234132" s="12"/>
    </row>
    <row r="234133" spans="8:8">
      <c r="H234133" s="12"/>
    </row>
    <row r="234134" spans="8:8">
      <c r="H234134" s="12"/>
    </row>
    <row r="234135" spans="8:8">
      <c r="H234135" s="12"/>
    </row>
    <row r="234136" spans="8:8">
      <c r="H234136" s="12"/>
    </row>
    <row r="234137" spans="8:8">
      <c r="H234137" s="12"/>
    </row>
    <row r="234138" spans="8:8">
      <c r="H234138" s="12"/>
    </row>
    <row r="234139" spans="8:8">
      <c r="H234139" s="12"/>
    </row>
    <row r="234140" spans="8:8">
      <c r="H234140" s="12"/>
    </row>
    <row r="234141" spans="8:8">
      <c r="H234141" s="12"/>
    </row>
    <row r="234142" spans="8:8">
      <c r="H234142" s="12"/>
    </row>
    <row r="234143" spans="8:8">
      <c r="H234143" s="12"/>
    </row>
    <row r="234144" spans="8:8">
      <c r="H234144" s="12"/>
    </row>
    <row r="234145" spans="8:8">
      <c r="H234145" s="12"/>
    </row>
    <row r="234146" spans="8:8">
      <c r="H234146" s="12"/>
    </row>
    <row r="234147" spans="8:8">
      <c r="H234147" s="12"/>
    </row>
    <row r="234148" spans="8:8">
      <c r="H234148" s="12"/>
    </row>
    <row r="234149" spans="8:8">
      <c r="H234149" s="12"/>
    </row>
    <row r="234150" spans="8:8">
      <c r="H234150" s="12"/>
    </row>
    <row r="234151" spans="8:8">
      <c r="H234151" s="12"/>
    </row>
    <row r="234152" spans="8:8">
      <c r="H234152" s="12"/>
    </row>
    <row r="234153" spans="8:8">
      <c r="H234153" s="12"/>
    </row>
    <row r="234154" spans="8:8">
      <c r="H234154" s="12"/>
    </row>
    <row r="234155" spans="8:8">
      <c r="H234155" s="12"/>
    </row>
    <row r="234156" spans="8:8">
      <c r="H234156" s="12"/>
    </row>
    <row r="234157" spans="8:8">
      <c r="H234157" s="12"/>
    </row>
    <row r="234158" spans="8:8">
      <c r="H234158" s="12"/>
    </row>
    <row r="234159" spans="8:8">
      <c r="H234159" s="12"/>
    </row>
    <row r="234160" spans="8:8">
      <c r="H234160" s="12"/>
    </row>
    <row r="234161" spans="8:8">
      <c r="H234161" s="12"/>
    </row>
    <row r="234162" spans="8:8">
      <c r="H234162" s="12"/>
    </row>
    <row r="234163" spans="8:8">
      <c r="H234163" s="12"/>
    </row>
    <row r="234164" spans="8:8">
      <c r="H234164" s="12"/>
    </row>
    <row r="234165" spans="8:8">
      <c r="H234165" s="12"/>
    </row>
    <row r="234166" spans="8:8">
      <c r="H234166" s="12"/>
    </row>
    <row r="234167" spans="8:8">
      <c r="H234167" s="12"/>
    </row>
    <row r="234168" spans="8:8">
      <c r="H234168" s="12"/>
    </row>
    <row r="234169" spans="8:8">
      <c r="H234169" s="12"/>
    </row>
    <row r="234170" spans="8:8">
      <c r="H234170" s="12"/>
    </row>
    <row r="234171" spans="8:8">
      <c r="H234171" s="12"/>
    </row>
    <row r="234172" spans="8:8">
      <c r="H234172" s="12"/>
    </row>
    <row r="234173" spans="8:8">
      <c r="H234173" s="12"/>
    </row>
    <row r="234174" spans="8:8">
      <c r="H234174" s="12"/>
    </row>
    <row r="234175" spans="8:8">
      <c r="H234175" s="12"/>
    </row>
    <row r="234176" spans="8:8">
      <c r="H234176" s="12"/>
    </row>
    <row r="234177" spans="8:8">
      <c r="H234177" s="12"/>
    </row>
    <row r="234178" spans="8:8">
      <c r="H234178" s="12"/>
    </row>
    <row r="234179" spans="8:8">
      <c r="H234179" s="12"/>
    </row>
    <row r="234180" spans="8:8">
      <c r="H234180" s="12"/>
    </row>
    <row r="234181" spans="8:8">
      <c r="H234181" s="12"/>
    </row>
    <row r="234182" spans="8:8">
      <c r="H234182" s="12"/>
    </row>
    <row r="234183" spans="8:8">
      <c r="H234183" s="12"/>
    </row>
    <row r="234184" spans="8:8">
      <c r="H234184" s="12"/>
    </row>
    <row r="234185" spans="8:8">
      <c r="H234185" s="12"/>
    </row>
    <row r="234186" spans="8:8">
      <c r="H234186" s="12"/>
    </row>
    <row r="234187" spans="8:8">
      <c r="H234187" s="12"/>
    </row>
    <row r="234188" spans="8:8">
      <c r="H234188" s="12"/>
    </row>
    <row r="234189" spans="8:8">
      <c r="H234189" s="12"/>
    </row>
    <row r="234190" spans="8:8">
      <c r="H234190" s="12"/>
    </row>
    <row r="234191" spans="8:8">
      <c r="H234191" s="12"/>
    </row>
    <row r="234192" spans="8:8">
      <c r="H234192" s="12"/>
    </row>
    <row r="234193" spans="8:8">
      <c r="H234193" s="12"/>
    </row>
    <row r="234194" spans="8:8">
      <c r="H234194" s="12"/>
    </row>
    <row r="234195" spans="8:8">
      <c r="H234195" s="12"/>
    </row>
    <row r="234196" spans="8:8">
      <c r="H234196" s="12"/>
    </row>
    <row r="234197" spans="8:8">
      <c r="H234197" s="12"/>
    </row>
    <row r="234198" spans="8:8">
      <c r="H234198" s="12"/>
    </row>
    <row r="234199" spans="8:8">
      <c r="H234199" s="12"/>
    </row>
    <row r="234200" spans="8:8">
      <c r="H234200" s="12"/>
    </row>
    <row r="234201" spans="8:8">
      <c r="H234201" s="12"/>
    </row>
    <row r="234202" spans="8:8">
      <c r="H234202" s="12"/>
    </row>
    <row r="234203" spans="8:8">
      <c r="H234203" s="12"/>
    </row>
    <row r="234204" spans="8:8">
      <c r="H234204" s="12"/>
    </row>
    <row r="234205" spans="8:8">
      <c r="H234205" s="12"/>
    </row>
    <row r="234206" spans="8:8">
      <c r="H234206" s="12"/>
    </row>
    <row r="234207" spans="8:8">
      <c r="H234207" s="12"/>
    </row>
    <row r="234208" spans="8:8">
      <c r="H234208" s="12"/>
    </row>
    <row r="234209" spans="8:8">
      <c r="H234209" s="12"/>
    </row>
    <row r="234210" spans="8:8">
      <c r="H234210" s="12"/>
    </row>
    <row r="234211" spans="8:8">
      <c r="H234211" s="12"/>
    </row>
    <row r="234212" spans="8:8">
      <c r="H234212" s="12"/>
    </row>
    <row r="234213" spans="8:8">
      <c r="H234213" s="12"/>
    </row>
    <row r="234214" spans="8:8">
      <c r="H234214" s="12"/>
    </row>
    <row r="234215" spans="8:8">
      <c r="H234215" s="12"/>
    </row>
    <row r="234216" spans="8:8">
      <c r="H234216" s="12"/>
    </row>
    <row r="234217" spans="8:8">
      <c r="H234217" s="12"/>
    </row>
    <row r="234218" spans="8:8">
      <c r="H234218" s="12"/>
    </row>
    <row r="234219" spans="8:8">
      <c r="H234219" s="12"/>
    </row>
    <row r="234220" spans="8:8">
      <c r="H234220" s="12"/>
    </row>
    <row r="234221" spans="8:8">
      <c r="H234221" s="12"/>
    </row>
    <row r="234222" spans="8:8">
      <c r="H234222" s="12"/>
    </row>
    <row r="234223" spans="8:8">
      <c r="H234223" s="12"/>
    </row>
    <row r="234224" spans="8:8">
      <c r="H234224" s="12"/>
    </row>
    <row r="234225" spans="8:8">
      <c r="H234225" s="12"/>
    </row>
    <row r="234226" spans="8:8">
      <c r="H234226" s="12"/>
    </row>
    <row r="234227" spans="8:8">
      <c r="H234227" s="12"/>
    </row>
    <row r="234228" spans="8:8">
      <c r="H234228" s="12"/>
    </row>
    <row r="234229" spans="8:8">
      <c r="H234229" s="12"/>
    </row>
    <row r="234230" spans="8:8">
      <c r="H234230" s="12"/>
    </row>
    <row r="234231" spans="8:8">
      <c r="H234231" s="12"/>
    </row>
    <row r="234232" spans="8:8">
      <c r="H234232" s="12"/>
    </row>
    <row r="234233" spans="8:8">
      <c r="H234233" s="12"/>
    </row>
    <row r="234234" spans="8:8">
      <c r="H234234" s="12"/>
    </row>
    <row r="234235" spans="8:8">
      <c r="H234235" s="12"/>
    </row>
    <row r="234236" spans="8:8">
      <c r="H234236" s="12"/>
    </row>
    <row r="234237" spans="8:8">
      <c r="H234237" s="12"/>
    </row>
    <row r="234238" spans="8:8">
      <c r="H234238" s="12"/>
    </row>
    <row r="234239" spans="8:8">
      <c r="H234239" s="12"/>
    </row>
    <row r="234240" spans="8:8">
      <c r="H234240" s="12"/>
    </row>
    <row r="234241" spans="8:8">
      <c r="H234241" s="12"/>
    </row>
    <row r="234242" spans="8:8">
      <c r="H234242" s="12"/>
    </row>
    <row r="234243" spans="8:8">
      <c r="H234243" s="12"/>
    </row>
    <row r="234244" spans="8:8">
      <c r="H234244" s="12"/>
    </row>
    <row r="234245" spans="8:8">
      <c r="H234245" s="12"/>
    </row>
    <row r="234246" spans="8:8">
      <c r="H234246" s="12"/>
    </row>
    <row r="234247" spans="8:8">
      <c r="H234247" s="12"/>
    </row>
    <row r="234248" spans="8:8">
      <c r="H234248" s="12"/>
    </row>
    <row r="234249" spans="8:8">
      <c r="H234249" s="12"/>
    </row>
    <row r="234250" spans="8:8">
      <c r="H234250" s="12"/>
    </row>
    <row r="234251" spans="8:8">
      <c r="H234251" s="12"/>
    </row>
    <row r="234252" spans="8:8">
      <c r="H234252" s="12"/>
    </row>
    <row r="234253" spans="8:8">
      <c r="H234253" s="12"/>
    </row>
    <row r="234254" spans="8:8">
      <c r="H234254" s="12"/>
    </row>
    <row r="234255" spans="8:8">
      <c r="H234255" s="12"/>
    </row>
    <row r="234256" spans="8:8">
      <c r="H234256" s="12"/>
    </row>
    <row r="234257" spans="8:8">
      <c r="H234257" s="12"/>
    </row>
    <row r="234258" spans="8:8">
      <c r="H234258" s="12"/>
    </row>
    <row r="234259" spans="8:8">
      <c r="H234259" s="12"/>
    </row>
    <row r="234260" spans="8:8">
      <c r="H234260" s="12"/>
    </row>
    <row r="234261" spans="8:8">
      <c r="H234261" s="12"/>
    </row>
    <row r="234262" spans="8:8">
      <c r="H234262" s="12"/>
    </row>
    <row r="234263" spans="8:8">
      <c r="H234263" s="12"/>
    </row>
    <row r="234264" spans="8:8">
      <c r="H234264" s="12"/>
    </row>
    <row r="234265" spans="8:8">
      <c r="H234265" s="12"/>
    </row>
    <row r="234266" spans="8:8">
      <c r="H234266" s="12"/>
    </row>
    <row r="234267" spans="8:8">
      <c r="H234267" s="12"/>
    </row>
    <row r="234268" spans="8:8">
      <c r="H234268" s="12"/>
    </row>
    <row r="234269" spans="8:8">
      <c r="H234269" s="12"/>
    </row>
    <row r="234270" spans="8:8">
      <c r="H234270" s="12"/>
    </row>
    <row r="234271" spans="8:8">
      <c r="H234271" s="12"/>
    </row>
    <row r="234272" spans="8:8">
      <c r="H234272" s="12"/>
    </row>
    <row r="234273" spans="8:8">
      <c r="H234273" s="12"/>
    </row>
    <row r="234274" spans="8:8">
      <c r="H234274" s="12"/>
    </row>
    <row r="234275" spans="8:8">
      <c r="H234275" s="12"/>
    </row>
    <row r="234276" spans="8:8">
      <c r="H234276" s="12"/>
    </row>
    <row r="234277" spans="8:8">
      <c r="H234277" s="12"/>
    </row>
    <row r="234278" spans="8:8">
      <c r="H234278" s="12"/>
    </row>
    <row r="234279" spans="8:8">
      <c r="H234279" s="12"/>
    </row>
    <row r="234280" spans="8:8">
      <c r="H234280" s="12"/>
    </row>
    <row r="234281" spans="8:8">
      <c r="H234281" s="12"/>
    </row>
    <row r="234282" spans="8:8">
      <c r="H234282" s="12"/>
    </row>
    <row r="234283" spans="8:8">
      <c r="H234283" s="12"/>
    </row>
    <row r="234284" spans="8:8">
      <c r="H234284" s="12"/>
    </row>
    <row r="234285" spans="8:8">
      <c r="H234285" s="12"/>
    </row>
    <row r="234286" spans="8:8">
      <c r="H234286" s="12"/>
    </row>
    <row r="234287" spans="8:8">
      <c r="H234287" s="12"/>
    </row>
    <row r="234288" spans="8:8">
      <c r="H234288" s="12"/>
    </row>
    <row r="234289" spans="8:8">
      <c r="H234289" s="12"/>
    </row>
    <row r="234290" spans="8:8">
      <c r="H234290" s="12"/>
    </row>
    <row r="234291" spans="8:8">
      <c r="H234291" s="12"/>
    </row>
    <row r="234292" spans="8:8">
      <c r="H234292" s="12"/>
    </row>
    <row r="234293" spans="8:8">
      <c r="H234293" s="12"/>
    </row>
    <row r="234294" spans="8:8">
      <c r="H234294" s="12"/>
    </row>
    <row r="234295" spans="8:8">
      <c r="H234295" s="12"/>
    </row>
    <row r="234296" spans="8:8">
      <c r="H234296" s="12"/>
    </row>
    <row r="234297" spans="8:8">
      <c r="H234297" s="12"/>
    </row>
    <row r="234298" spans="8:8">
      <c r="H234298" s="12"/>
    </row>
    <row r="234299" spans="8:8">
      <c r="H234299" s="12"/>
    </row>
    <row r="234300" spans="8:8">
      <c r="H234300" s="12"/>
    </row>
    <row r="234301" spans="8:8">
      <c r="H234301" s="12"/>
    </row>
    <row r="234302" spans="8:8">
      <c r="H234302" s="12"/>
    </row>
    <row r="234303" spans="8:8">
      <c r="H234303" s="12"/>
    </row>
    <row r="234304" spans="8:8">
      <c r="H234304" s="12"/>
    </row>
    <row r="234305" spans="8:8">
      <c r="H234305" s="12"/>
    </row>
    <row r="234306" spans="8:8">
      <c r="H234306" s="12"/>
    </row>
    <row r="234307" spans="8:8">
      <c r="H234307" s="12"/>
    </row>
    <row r="234308" spans="8:8">
      <c r="H234308" s="12"/>
    </row>
    <row r="234309" spans="8:8">
      <c r="H234309" s="12"/>
    </row>
    <row r="234310" spans="8:8">
      <c r="H234310" s="12"/>
    </row>
    <row r="234311" spans="8:8">
      <c r="H234311" s="12"/>
    </row>
    <row r="234312" spans="8:8">
      <c r="H234312" s="12"/>
    </row>
    <row r="234313" spans="8:8">
      <c r="H234313" s="12"/>
    </row>
    <row r="234314" spans="8:8">
      <c r="H234314" s="12"/>
    </row>
    <row r="234315" spans="8:8">
      <c r="H234315" s="12"/>
    </row>
    <row r="234316" spans="8:8">
      <c r="H234316" s="12"/>
    </row>
    <row r="234317" spans="8:8">
      <c r="H234317" s="12"/>
    </row>
    <row r="234318" spans="8:8">
      <c r="H234318" s="12"/>
    </row>
    <row r="234319" spans="8:8">
      <c r="H234319" s="12"/>
    </row>
    <row r="234320" spans="8:8">
      <c r="H234320" s="12"/>
    </row>
    <row r="234321" spans="8:8">
      <c r="H234321" s="12"/>
    </row>
    <row r="234322" spans="8:8">
      <c r="H234322" s="12"/>
    </row>
    <row r="234323" spans="8:8">
      <c r="H234323" s="12"/>
    </row>
    <row r="234324" spans="8:8">
      <c r="H234324" s="12"/>
    </row>
    <row r="234325" spans="8:8">
      <c r="H234325" s="12"/>
    </row>
    <row r="234326" spans="8:8">
      <c r="H234326" s="12"/>
    </row>
    <row r="234327" spans="8:8">
      <c r="H234327" s="12"/>
    </row>
    <row r="234328" spans="8:8">
      <c r="H234328" s="12"/>
    </row>
    <row r="234329" spans="8:8">
      <c r="H234329" s="12"/>
    </row>
    <row r="234330" spans="8:8">
      <c r="H234330" s="12"/>
    </row>
    <row r="234331" spans="8:8">
      <c r="H234331" s="12"/>
    </row>
    <row r="234332" spans="8:8">
      <c r="H234332" s="12"/>
    </row>
    <row r="234333" spans="8:8">
      <c r="H234333" s="12"/>
    </row>
    <row r="234334" spans="8:8">
      <c r="H234334" s="12"/>
    </row>
    <row r="234335" spans="8:8">
      <c r="H234335" s="12"/>
    </row>
    <row r="234336" spans="8:8">
      <c r="H234336" s="12"/>
    </row>
    <row r="234337" spans="8:8">
      <c r="H234337" s="12"/>
    </row>
    <row r="234338" spans="8:8">
      <c r="H234338" s="12"/>
    </row>
    <row r="234339" spans="8:8">
      <c r="H234339" s="12"/>
    </row>
    <row r="234340" spans="8:8">
      <c r="H234340" s="12"/>
    </row>
    <row r="234341" spans="8:8">
      <c r="H234341" s="12"/>
    </row>
    <row r="234342" spans="8:8">
      <c r="H234342" s="12"/>
    </row>
    <row r="234343" spans="8:8">
      <c r="H234343" s="12"/>
    </row>
    <row r="234344" spans="8:8">
      <c r="H234344" s="12"/>
    </row>
    <row r="234345" spans="8:8">
      <c r="H234345" s="12"/>
    </row>
    <row r="234346" spans="8:8">
      <c r="H234346" s="12"/>
    </row>
    <row r="234347" spans="8:8">
      <c r="H234347" s="12"/>
    </row>
    <row r="234348" spans="8:8">
      <c r="H234348" s="12"/>
    </row>
    <row r="234349" spans="8:8">
      <c r="H234349" s="12"/>
    </row>
    <row r="234350" spans="8:8">
      <c r="H234350" s="12"/>
    </row>
    <row r="234351" spans="8:8">
      <c r="H234351" s="12"/>
    </row>
    <row r="234352" spans="8:8">
      <c r="H234352" s="12"/>
    </row>
    <row r="234353" spans="8:8">
      <c r="H234353" s="12"/>
    </row>
    <row r="234354" spans="8:8">
      <c r="H234354" s="12"/>
    </row>
    <row r="234355" spans="8:8">
      <c r="H234355" s="12"/>
    </row>
    <row r="234356" spans="8:8">
      <c r="H234356" s="12"/>
    </row>
    <row r="234357" spans="8:8">
      <c r="H234357" s="12"/>
    </row>
    <row r="234358" spans="8:8">
      <c r="H234358" s="12"/>
    </row>
    <row r="234359" spans="8:8">
      <c r="H234359" s="12"/>
    </row>
    <row r="234360" spans="8:8">
      <c r="H234360" s="12"/>
    </row>
    <row r="234361" spans="8:8">
      <c r="H234361" s="12"/>
    </row>
    <row r="234362" spans="8:8">
      <c r="H234362" s="12"/>
    </row>
    <row r="234363" spans="8:8">
      <c r="H234363" s="12"/>
    </row>
    <row r="234364" spans="8:8">
      <c r="H234364" s="12"/>
    </row>
    <row r="234365" spans="8:8">
      <c r="H234365" s="12"/>
    </row>
    <row r="234366" spans="8:8">
      <c r="H234366" s="12"/>
    </row>
    <row r="234367" spans="8:8">
      <c r="H234367" s="12"/>
    </row>
    <row r="234368" spans="8:8">
      <c r="H234368" s="12"/>
    </row>
    <row r="234369" spans="8:8">
      <c r="H234369" s="12"/>
    </row>
    <row r="234370" spans="8:8">
      <c r="H234370" s="12"/>
    </row>
    <row r="234371" spans="8:8">
      <c r="H234371" s="12"/>
    </row>
    <row r="234372" spans="8:8">
      <c r="H234372" s="12"/>
    </row>
    <row r="234373" spans="8:8">
      <c r="H234373" s="12"/>
    </row>
    <row r="234374" spans="8:8">
      <c r="H234374" s="12"/>
    </row>
    <row r="234375" spans="8:8">
      <c r="H234375" s="12"/>
    </row>
    <row r="234376" spans="8:8">
      <c r="H234376" s="12"/>
    </row>
    <row r="234377" spans="8:8">
      <c r="H234377" s="12"/>
    </row>
    <row r="234378" spans="8:8">
      <c r="H234378" s="12"/>
    </row>
    <row r="234379" spans="8:8">
      <c r="H234379" s="12"/>
    </row>
    <row r="234380" spans="8:8">
      <c r="H234380" s="12"/>
    </row>
    <row r="234381" spans="8:8">
      <c r="H234381" s="12"/>
    </row>
    <row r="234382" spans="8:8">
      <c r="H234382" s="12"/>
    </row>
    <row r="234383" spans="8:8">
      <c r="H234383" s="12"/>
    </row>
    <row r="234384" spans="8:8">
      <c r="H234384" s="12"/>
    </row>
    <row r="234385" spans="8:8">
      <c r="H234385" s="12"/>
    </row>
    <row r="234386" spans="8:8">
      <c r="H234386" s="12"/>
    </row>
    <row r="234387" spans="8:8">
      <c r="H234387" s="12"/>
    </row>
    <row r="234388" spans="8:8">
      <c r="H234388" s="12"/>
    </row>
    <row r="234389" spans="8:8">
      <c r="H234389" s="12"/>
    </row>
    <row r="234390" spans="8:8">
      <c r="H234390" s="12"/>
    </row>
    <row r="234391" spans="8:8">
      <c r="H234391" s="12"/>
    </row>
    <row r="234392" spans="8:8">
      <c r="H234392" s="12"/>
    </row>
    <row r="234393" spans="8:8">
      <c r="H234393" s="12"/>
    </row>
    <row r="234394" spans="8:8">
      <c r="H234394" s="12"/>
    </row>
    <row r="234395" spans="8:8">
      <c r="H234395" s="12"/>
    </row>
    <row r="234396" spans="8:8">
      <c r="H234396" s="12"/>
    </row>
    <row r="234397" spans="8:8">
      <c r="H234397" s="12"/>
    </row>
    <row r="234398" spans="8:8">
      <c r="H234398" s="12"/>
    </row>
    <row r="234399" spans="8:8">
      <c r="H234399" s="12"/>
    </row>
    <row r="234400" spans="8:8">
      <c r="H234400" s="12"/>
    </row>
    <row r="234401" spans="8:8">
      <c r="H234401" s="12"/>
    </row>
    <row r="234402" spans="8:8">
      <c r="H234402" s="12"/>
    </row>
    <row r="234403" spans="8:8">
      <c r="H234403" s="12"/>
    </row>
    <row r="234404" spans="8:8">
      <c r="H234404" s="12"/>
    </row>
    <row r="234405" spans="8:8">
      <c r="H234405" s="12"/>
    </row>
    <row r="234406" spans="8:8">
      <c r="H234406" s="12"/>
    </row>
    <row r="234407" spans="8:8">
      <c r="H234407" s="12"/>
    </row>
    <row r="234408" spans="8:8">
      <c r="H234408" s="12"/>
    </row>
    <row r="234409" spans="8:8">
      <c r="H234409" s="12"/>
    </row>
    <row r="234410" spans="8:8">
      <c r="H234410" s="12"/>
    </row>
    <row r="234411" spans="8:8">
      <c r="H234411" s="12"/>
    </row>
    <row r="234412" spans="8:8">
      <c r="H234412" s="12"/>
    </row>
    <row r="234413" spans="8:8">
      <c r="H234413" s="12"/>
    </row>
    <row r="234414" spans="8:8">
      <c r="H234414" s="12"/>
    </row>
    <row r="234415" spans="8:8">
      <c r="H234415" s="12"/>
    </row>
    <row r="234416" spans="8:8">
      <c r="H234416" s="12"/>
    </row>
    <row r="234417" spans="8:8">
      <c r="H234417" s="12"/>
    </row>
    <row r="234418" spans="8:8">
      <c r="H234418" s="12"/>
    </row>
    <row r="234419" spans="8:8">
      <c r="H234419" s="12"/>
    </row>
    <row r="234420" spans="8:8">
      <c r="H234420" s="12"/>
    </row>
    <row r="234421" spans="8:8">
      <c r="H234421" s="12"/>
    </row>
    <row r="234422" spans="8:8">
      <c r="H234422" s="12"/>
    </row>
    <row r="234423" spans="8:8">
      <c r="H234423" s="12"/>
    </row>
    <row r="234424" spans="8:8">
      <c r="H234424" s="12"/>
    </row>
    <row r="234425" spans="8:8">
      <c r="H234425" s="12"/>
    </row>
    <row r="234426" spans="8:8">
      <c r="H234426" s="12"/>
    </row>
    <row r="234427" spans="8:8">
      <c r="H234427" s="12"/>
    </row>
    <row r="234428" spans="8:8">
      <c r="H234428" s="12"/>
    </row>
    <row r="234429" spans="8:8">
      <c r="H234429" s="12"/>
    </row>
    <row r="234430" spans="8:8">
      <c r="H234430" s="12"/>
    </row>
    <row r="234431" spans="8:8">
      <c r="H234431" s="12"/>
    </row>
    <row r="234432" spans="8:8">
      <c r="H234432" s="12"/>
    </row>
    <row r="234433" spans="8:8">
      <c r="H234433" s="12"/>
    </row>
    <row r="234434" spans="8:8">
      <c r="H234434" s="12"/>
    </row>
    <row r="234435" spans="8:8">
      <c r="H234435" s="12"/>
    </row>
    <row r="234436" spans="8:8">
      <c r="H234436" s="12"/>
    </row>
    <row r="234437" spans="8:8">
      <c r="H234437" s="12"/>
    </row>
    <row r="234438" spans="8:8">
      <c r="H234438" s="12"/>
    </row>
    <row r="234439" spans="8:8">
      <c r="H234439" s="12"/>
    </row>
    <row r="234440" spans="8:8">
      <c r="H234440" s="12"/>
    </row>
    <row r="234441" spans="8:8">
      <c r="H234441" s="12"/>
    </row>
    <row r="234442" spans="8:8">
      <c r="H234442" s="12"/>
    </row>
    <row r="234443" spans="8:8">
      <c r="H234443" s="12"/>
    </row>
    <row r="234444" spans="8:8">
      <c r="H234444" s="12"/>
    </row>
    <row r="234445" spans="8:8">
      <c r="H234445" s="12"/>
    </row>
    <row r="234446" spans="8:8">
      <c r="H234446" s="12"/>
    </row>
    <row r="234447" spans="8:8">
      <c r="H234447" s="12"/>
    </row>
    <row r="234448" spans="8:8">
      <c r="H234448" s="12"/>
    </row>
    <row r="234449" spans="8:8">
      <c r="H234449" s="12"/>
    </row>
    <row r="234450" spans="8:8">
      <c r="H234450" s="12"/>
    </row>
    <row r="234451" spans="8:8">
      <c r="H234451" s="12"/>
    </row>
    <row r="234452" spans="8:8">
      <c r="H234452" s="12"/>
    </row>
    <row r="234453" spans="8:8">
      <c r="H234453" s="12"/>
    </row>
    <row r="234454" spans="8:8">
      <c r="H234454" s="12"/>
    </row>
    <row r="234455" spans="8:8">
      <c r="H234455" s="12"/>
    </row>
    <row r="234456" spans="8:8">
      <c r="H234456" s="12"/>
    </row>
    <row r="234457" spans="8:8">
      <c r="H234457" s="12"/>
    </row>
    <row r="234458" spans="8:8">
      <c r="H234458" s="12"/>
    </row>
    <row r="234459" spans="8:8">
      <c r="H234459" s="12"/>
    </row>
    <row r="234460" spans="8:8">
      <c r="H234460" s="12"/>
    </row>
    <row r="234461" spans="8:8">
      <c r="H234461" s="12"/>
    </row>
    <row r="234462" spans="8:8">
      <c r="H234462" s="12"/>
    </row>
    <row r="234463" spans="8:8">
      <c r="H234463" s="12"/>
    </row>
    <row r="234464" spans="8:8">
      <c r="H234464" s="12"/>
    </row>
    <row r="234465" spans="8:8">
      <c r="H234465" s="12"/>
    </row>
    <row r="234466" spans="8:8">
      <c r="H234466" s="12"/>
    </row>
    <row r="234467" spans="8:8">
      <c r="H234467" s="12"/>
    </row>
    <row r="234468" spans="8:8">
      <c r="H234468" s="12"/>
    </row>
    <row r="234469" spans="8:8">
      <c r="H234469" s="12"/>
    </row>
    <row r="234470" spans="8:8">
      <c r="H234470" s="12"/>
    </row>
    <row r="234471" spans="8:8">
      <c r="H234471" s="12"/>
    </row>
    <row r="234472" spans="8:8">
      <c r="H234472" s="12"/>
    </row>
    <row r="234473" spans="8:8">
      <c r="H234473" s="12"/>
    </row>
    <row r="234474" spans="8:8">
      <c r="H234474" s="12"/>
    </row>
    <row r="234475" spans="8:8">
      <c r="H234475" s="12"/>
    </row>
    <row r="234476" spans="8:8">
      <c r="H234476" s="12"/>
    </row>
    <row r="234477" spans="8:8">
      <c r="H234477" s="12"/>
    </row>
    <row r="234478" spans="8:8">
      <c r="H234478" s="12"/>
    </row>
    <row r="234479" spans="8:8">
      <c r="H234479" s="12"/>
    </row>
    <row r="234480" spans="8:8">
      <c r="H234480" s="12"/>
    </row>
    <row r="234481" spans="8:8">
      <c r="H234481" s="12"/>
    </row>
    <row r="234482" spans="8:8">
      <c r="H234482" s="12"/>
    </row>
    <row r="234483" spans="8:8">
      <c r="H234483" s="12"/>
    </row>
    <row r="234484" spans="8:8">
      <c r="H234484" s="12"/>
    </row>
    <row r="234485" spans="8:8">
      <c r="H234485" s="12"/>
    </row>
    <row r="234486" spans="8:8">
      <c r="H234486" s="12"/>
    </row>
    <row r="234487" spans="8:8">
      <c r="H234487" s="12"/>
    </row>
    <row r="234488" spans="8:8">
      <c r="H234488" s="12"/>
    </row>
    <row r="234489" spans="8:8">
      <c r="H234489" s="12"/>
    </row>
    <row r="234490" spans="8:8">
      <c r="H234490" s="12"/>
    </row>
    <row r="234491" spans="8:8">
      <c r="H234491" s="12"/>
    </row>
    <row r="234492" spans="8:8">
      <c r="H234492" s="12"/>
    </row>
    <row r="234493" spans="8:8">
      <c r="H234493" s="12"/>
    </row>
    <row r="234494" spans="8:8">
      <c r="H234494" s="12"/>
    </row>
    <row r="234495" spans="8:8">
      <c r="H234495" s="12"/>
    </row>
    <row r="234496" spans="8:8">
      <c r="H234496" s="12"/>
    </row>
    <row r="234497" spans="8:8">
      <c r="H234497" s="12"/>
    </row>
    <row r="234498" spans="8:8">
      <c r="H234498" s="12"/>
    </row>
    <row r="234499" spans="8:8">
      <c r="H234499" s="12"/>
    </row>
    <row r="234500" spans="8:8">
      <c r="H234500" s="12"/>
    </row>
    <row r="234501" spans="8:8">
      <c r="H234501" s="12"/>
    </row>
    <row r="234502" spans="8:8">
      <c r="H234502" s="12"/>
    </row>
    <row r="234503" spans="8:8">
      <c r="H234503" s="12"/>
    </row>
    <row r="234504" spans="8:8">
      <c r="H234504" s="12"/>
    </row>
    <row r="234505" spans="8:8">
      <c r="H234505" s="12"/>
    </row>
    <row r="234506" spans="8:8">
      <c r="H234506" s="12"/>
    </row>
    <row r="234507" spans="8:8">
      <c r="H234507" s="12"/>
    </row>
    <row r="234508" spans="8:8">
      <c r="H234508" s="12"/>
    </row>
    <row r="234509" spans="8:8">
      <c r="H234509" s="12"/>
    </row>
    <row r="234510" spans="8:8">
      <c r="H234510" s="12"/>
    </row>
    <row r="234511" spans="8:8">
      <c r="H234511" s="12"/>
    </row>
    <row r="234512" spans="8:8">
      <c r="H234512" s="12"/>
    </row>
    <row r="234513" spans="8:8">
      <c r="H234513" s="12"/>
    </row>
    <row r="234514" spans="8:8">
      <c r="H234514" s="12"/>
    </row>
    <row r="234515" spans="8:8">
      <c r="H234515" s="12"/>
    </row>
    <row r="234516" spans="8:8">
      <c r="H234516" s="12"/>
    </row>
    <row r="234517" spans="8:8">
      <c r="H234517" s="12"/>
    </row>
    <row r="234518" spans="8:8">
      <c r="H234518" s="12"/>
    </row>
    <row r="234519" spans="8:8">
      <c r="H234519" s="12"/>
    </row>
    <row r="234520" spans="8:8">
      <c r="H234520" s="12"/>
    </row>
    <row r="234521" spans="8:8">
      <c r="H234521" s="12"/>
    </row>
    <row r="234522" spans="8:8">
      <c r="H234522" s="12"/>
    </row>
    <row r="234523" spans="8:8">
      <c r="H234523" s="12"/>
    </row>
    <row r="234524" spans="8:8">
      <c r="H234524" s="12"/>
    </row>
    <row r="234525" spans="8:8">
      <c r="H234525" s="12"/>
    </row>
    <row r="234526" spans="8:8">
      <c r="H234526" s="12"/>
    </row>
    <row r="234527" spans="8:8">
      <c r="H234527" s="12"/>
    </row>
    <row r="234528" spans="8:8">
      <c r="H234528" s="12"/>
    </row>
    <row r="234529" spans="8:8">
      <c r="H234529" s="12"/>
    </row>
    <row r="234530" spans="8:8">
      <c r="H234530" s="12"/>
    </row>
    <row r="234531" spans="8:8">
      <c r="H234531" s="12"/>
    </row>
    <row r="234532" spans="8:8">
      <c r="H234532" s="12"/>
    </row>
    <row r="234533" spans="8:8">
      <c r="H234533" s="12"/>
    </row>
    <row r="234534" spans="8:8">
      <c r="H234534" s="12"/>
    </row>
    <row r="234535" spans="8:8">
      <c r="H234535" s="12"/>
    </row>
    <row r="234536" spans="8:8">
      <c r="H234536" s="12"/>
    </row>
    <row r="234537" spans="8:8">
      <c r="H234537" s="12"/>
    </row>
    <row r="234538" spans="8:8">
      <c r="H234538" s="12"/>
    </row>
    <row r="234539" spans="8:8">
      <c r="H234539" s="12"/>
    </row>
    <row r="234540" spans="8:8">
      <c r="H234540" s="12"/>
    </row>
    <row r="234541" spans="8:8">
      <c r="H234541" s="12"/>
    </row>
    <row r="234542" spans="8:8">
      <c r="H234542" s="12"/>
    </row>
    <row r="234543" spans="8:8">
      <c r="H234543" s="12"/>
    </row>
    <row r="234544" spans="8:8">
      <c r="H234544" s="12"/>
    </row>
    <row r="234545" spans="8:8">
      <c r="H234545" s="12"/>
    </row>
    <row r="234546" spans="8:8">
      <c r="H234546" s="12"/>
    </row>
    <row r="234547" spans="8:8">
      <c r="H234547" s="12"/>
    </row>
    <row r="234548" spans="8:8">
      <c r="H234548" s="12"/>
    </row>
    <row r="234549" spans="8:8">
      <c r="H234549" s="12"/>
    </row>
    <row r="234550" spans="8:8">
      <c r="H234550" s="12"/>
    </row>
    <row r="234551" spans="8:8">
      <c r="H234551" s="12"/>
    </row>
    <row r="234552" spans="8:8">
      <c r="H234552" s="12"/>
    </row>
    <row r="234553" spans="8:8">
      <c r="H234553" s="12"/>
    </row>
    <row r="234554" spans="8:8">
      <c r="H234554" s="12"/>
    </row>
    <row r="234555" spans="8:8">
      <c r="H234555" s="12"/>
    </row>
    <row r="234556" spans="8:8">
      <c r="H234556" s="12"/>
    </row>
    <row r="234557" spans="8:8">
      <c r="H234557" s="12"/>
    </row>
    <row r="234558" spans="8:8">
      <c r="H234558" s="12"/>
    </row>
    <row r="234559" spans="8:8">
      <c r="H234559" s="12"/>
    </row>
    <row r="234560" spans="8:8">
      <c r="H234560" s="12"/>
    </row>
    <row r="234561" spans="8:8">
      <c r="H234561" s="12"/>
    </row>
    <row r="234562" spans="8:8">
      <c r="H234562" s="12"/>
    </row>
    <row r="234563" spans="8:8">
      <c r="H234563" s="12"/>
    </row>
    <row r="234564" spans="8:8">
      <c r="H234564" s="12"/>
    </row>
    <row r="234565" spans="8:8">
      <c r="H234565" s="12"/>
    </row>
    <row r="234566" spans="8:8">
      <c r="H234566" s="12"/>
    </row>
    <row r="234567" spans="8:8">
      <c r="H234567" s="12"/>
    </row>
    <row r="234568" spans="8:8">
      <c r="H234568" s="12"/>
    </row>
    <row r="234569" spans="8:8">
      <c r="H234569" s="12"/>
    </row>
    <row r="234570" spans="8:8">
      <c r="H234570" s="12"/>
    </row>
    <row r="234571" spans="8:8">
      <c r="H234571" s="12"/>
    </row>
    <row r="234572" spans="8:8">
      <c r="H234572" s="12"/>
    </row>
    <row r="234573" spans="8:8">
      <c r="H234573" s="12"/>
    </row>
    <row r="234574" spans="8:8">
      <c r="H234574" s="12"/>
    </row>
    <row r="234575" spans="8:8">
      <c r="H234575" s="12"/>
    </row>
    <row r="234576" spans="8:8">
      <c r="H234576" s="12"/>
    </row>
    <row r="234577" spans="8:8">
      <c r="H234577" s="12"/>
    </row>
    <row r="234578" spans="8:8">
      <c r="H234578" s="12"/>
    </row>
    <row r="234579" spans="8:8">
      <c r="H234579" s="12"/>
    </row>
    <row r="234580" spans="8:8">
      <c r="H234580" s="12"/>
    </row>
    <row r="234581" spans="8:8">
      <c r="H234581" s="12"/>
    </row>
    <row r="234582" spans="8:8">
      <c r="H234582" s="12"/>
    </row>
    <row r="234583" spans="8:8">
      <c r="H234583" s="12"/>
    </row>
    <row r="234584" spans="8:8">
      <c r="H234584" s="12"/>
    </row>
    <row r="234585" spans="8:8">
      <c r="H234585" s="12"/>
    </row>
    <row r="234586" spans="8:8">
      <c r="H234586" s="12"/>
    </row>
    <row r="234587" spans="8:8">
      <c r="H234587" s="12"/>
    </row>
    <row r="234588" spans="8:8">
      <c r="H234588" s="12"/>
    </row>
    <row r="234589" spans="8:8">
      <c r="H234589" s="12"/>
    </row>
    <row r="234590" spans="8:8">
      <c r="H234590" s="12"/>
    </row>
    <row r="234591" spans="8:8">
      <c r="H234591" s="12"/>
    </row>
    <row r="234592" spans="8:8">
      <c r="H234592" s="12"/>
    </row>
    <row r="234593" spans="8:8">
      <c r="H234593" s="12"/>
    </row>
    <row r="234594" spans="8:8">
      <c r="H234594" s="12"/>
    </row>
    <row r="234595" spans="8:8">
      <c r="H234595" s="12"/>
    </row>
    <row r="234596" spans="8:8">
      <c r="H234596" s="12"/>
    </row>
    <row r="234597" spans="8:8">
      <c r="H234597" s="12"/>
    </row>
    <row r="234598" spans="8:8">
      <c r="H234598" s="12"/>
    </row>
    <row r="234599" spans="8:8">
      <c r="H234599" s="12"/>
    </row>
    <row r="234600" spans="8:8">
      <c r="H234600" s="12"/>
    </row>
    <row r="234601" spans="8:8">
      <c r="H234601" s="12"/>
    </row>
    <row r="234602" spans="8:8">
      <c r="H234602" s="12"/>
    </row>
    <row r="234603" spans="8:8">
      <c r="H234603" s="12"/>
    </row>
    <row r="234604" spans="8:8">
      <c r="H234604" s="12"/>
    </row>
    <row r="234605" spans="8:8">
      <c r="H234605" s="12"/>
    </row>
    <row r="234606" spans="8:8">
      <c r="H234606" s="12"/>
    </row>
    <row r="234607" spans="8:8">
      <c r="H234607" s="12"/>
    </row>
    <row r="234608" spans="8:8">
      <c r="H234608" s="12"/>
    </row>
    <row r="234609" spans="8:8">
      <c r="H234609" s="12"/>
    </row>
    <row r="234610" spans="8:8">
      <c r="H234610" s="12"/>
    </row>
    <row r="234611" spans="8:8">
      <c r="H234611" s="12"/>
    </row>
    <row r="234612" spans="8:8">
      <c r="H234612" s="12"/>
    </row>
    <row r="234613" spans="8:8">
      <c r="H234613" s="12"/>
    </row>
    <row r="234614" spans="8:8">
      <c r="H234614" s="12"/>
    </row>
    <row r="234615" spans="8:8">
      <c r="H234615" s="12"/>
    </row>
    <row r="234616" spans="8:8">
      <c r="H234616" s="12"/>
    </row>
    <row r="234617" spans="8:8">
      <c r="H234617" s="12"/>
    </row>
    <row r="234618" spans="8:8">
      <c r="H234618" s="12"/>
    </row>
    <row r="234619" spans="8:8">
      <c r="H234619" s="12"/>
    </row>
    <row r="234620" spans="8:8">
      <c r="H234620" s="12"/>
    </row>
    <row r="234621" spans="8:8">
      <c r="H234621" s="12"/>
    </row>
    <row r="234622" spans="8:8">
      <c r="H234622" s="12"/>
    </row>
    <row r="234623" spans="8:8">
      <c r="H234623" s="12"/>
    </row>
    <row r="234624" spans="8:8">
      <c r="H234624" s="12"/>
    </row>
    <row r="234625" spans="8:8">
      <c r="H234625" s="12"/>
    </row>
    <row r="234626" spans="8:8">
      <c r="H234626" s="12"/>
    </row>
    <row r="234627" spans="8:8">
      <c r="H234627" s="12"/>
    </row>
    <row r="234628" spans="8:8">
      <c r="H234628" s="12"/>
    </row>
    <row r="234629" spans="8:8">
      <c r="H234629" s="12"/>
    </row>
    <row r="234630" spans="8:8">
      <c r="H234630" s="12"/>
    </row>
    <row r="234631" spans="8:8">
      <c r="H234631" s="12"/>
    </row>
    <row r="234632" spans="8:8">
      <c r="H234632" s="12"/>
    </row>
    <row r="234633" spans="8:8">
      <c r="H234633" s="12"/>
    </row>
    <row r="234634" spans="8:8">
      <c r="H234634" s="12"/>
    </row>
    <row r="234635" spans="8:8">
      <c r="H234635" s="12"/>
    </row>
    <row r="234636" spans="8:8">
      <c r="H234636" s="12"/>
    </row>
    <row r="234637" spans="8:8">
      <c r="H234637" s="12"/>
    </row>
    <row r="234638" spans="8:8">
      <c r="H234638" s="12"/>
    </row>
    <row r="234639" spans="8:8">
      <c r="H234639" s="12"/>
    </row>
    <row r="234640" spans="8:8">
      <c r="H234640" s="12"/>
    </row>
    <row r="234641" spans="8:8">
      <c r="H234641" s="12"/>
    </row>
    <row r="234642" spans="8:8">
      <c r="H234642" s="12"/>
    </row>
    <row r="234643" spans="8:8">
      <c r="H234643" s="12"/>
    </row>
    <row r="234644" spans="8:8">
      <c r="H234644" s="12"/>
    </row>
    <row r="234645" spans="8:8">
      <c r="H234645" s="12"/>
    </row>
    <row r="234646" spans="8:8">
      <c r="H234646" s="12"/>
    </row>
    <row r="234647" spans="8:8">
      <c r="H234647" s="12"/>
    </row>
    <row r="234648" spans="8:8">
      <c r="H234648" s="12"/>
    </row>
    <row r="234649" spans="8:8">
      <c r="H234649" s="12"/>
    </row>
    <row r="234650" spans="8:8">
      <c r="H234650" s="12"/>
    </row>
    <row r="234651" spans="8:8">
      <c r="H234651" s="12"/>
    </row>
    <row r="234652" spans="8:8">
      <c r="H234652" s="12"/>
    </row>
    <row r="234653" spans="8:8">
      <c r="H234653" s="12"/>
    </row>
    <row r="234654" spans="8:8">
      <c r="H234654" s="12"/>
    </row>
    <row r="234655" spans="8:8">
      <c r="H234655" s="12"/>
    </row>
    <row r="234656" spans="8:8">
      <c r="H234656" s="12"/>
    </row>
    <row r="234657" spans="8:8">
      <c r="H234657" s="12"/>
    </row>
    <row r="234658" spans="8:8">
      <c r="H234658" s="12"/>
    </row>
    <row r="234659" spans="8:8">
      <c r="H234659" s="12"/>
    </row>
    <row r="234660" spans="8:8">
      <c r="H234660" s="12"/>
    </row>
    <row r="234661" spans="8:8">
      <c r="H234661" s="12"/>
    </row>
    <row r="234662" spans="8:8">
      <c r="H234662" s="12"/>
    </row>
    <row r="234663" spans="8:8">
      <c r="H234663" s="12"/>
    </row>
    <row r="234664" spans="8:8">
      <c r="H234664" s="12"/>
    </row>
    <row r="234665" spans="8:8">
      <c r="H234665" s="12"/>
    </row>
    <row r="234666" spans="8:8">
      <c r="H234666" s="12"/>
    </row>
    <row r="234667" spans="8:8">
      <c r="H234667" s="12"/>
    </row>
    <row r="234668" spans="8:8">
      <c r="H234668" s="12"/>
    </row>
    <row r="234669" spans="8:8">
      <c r="H234669" s="12"/>
    </row>
    <row r="234670" spans="8:8">
      <c r="H234670" s="12"/>
    </row>
    <row r="234671" spans="8:8">
      <c r="H234671" s="12"/>
    </row>
    <row r="234672" spans="8:8">
      <c r="H234672" s="12"/>
    </row>
    <row r="234673" spans="8:8">
      <c r="H234673" s="12"/>
    </row>
    <row r="234674" spans="8:8">
      <c r="H234674" s="12"/>
    </row>
    <row r="234675" spans="8:8">
      <c r="H234675" s="12"/>
    </row>
    <row r="234676" spans="8:8">
      <c r="H234676" s="12"/>
    </row>
    <row r="234677" spans="8:8">
      <c r="H234677" s="12"/>
    </row>
    <row r="234678" spans="8:8">
      <c r="H234678" s="12"/>
    </row>
    <row r="234679" spans="8:8">
      <c r="H234679" s="12"/>
    </row>
    <row r="234680" spans="8:8">
      <c r="H234680" s="12"/>
    </row>
    <row r="234681" spans="8:8">
      <c r="H234681" s="12"/>
    </row>
    <row r="234682" spans="8:8">
      <c r="H234682" s="12"/>
    </row>
    <row r="234683" spans="8:8">
      <c r="H234683" s="12"/>
    </row>
    <row r="234684" spans="8:8">
      <c r="H234684" s="12"/>
    </row>
    <row r="234685" spans="8:8">
      <c r="H234685" s="12"/>
    </row>
    <row r="234686" spans="8:8">
      <c r="H234686" s="12"/>
    </row>
    <row r="234687" spans="8:8">
      <c r="H234687" s="12"/>
    </row>
    <row r="234688" spans="8:8">
      <c r="H234688" s="12"/>
    </row>
    <row r="234689" spans="8:8">
      <c r="H234689" s="12"/>
    </row>
    <row r="234690" spans="8:8">
      <c r="H234690" s="12"/>
    </row>
    <row r="234691" spans="8:8">
      <c r="H234691" s="12"/>
    </row>
    <row r="234692" spans="8:8">
      <c r="H234692" s="12"/>
    </row>
    <row r="234693" spans="8:8">
      <c r="H234693" s="12"/>
    </row>
    <row r="234694" spans="8:8">
      <c r="H234694" s="12"/>
    </row>
    <row r="234695" spans="8:8">
      <c r="H234695" s="12"/>
    </row>
    <row r="234696" spans="8:8">
      <c r="H234696" s="12"/>
    </row>
    <row r="234697" spans="8:8">
      <c r="H234697" s="12"/>
    </row>
    <row r="234698" spans="8:8">
      <c r="H234698" s="12"/>
    </row>
    <row r="234699" spans="8:8">
      <c r="H234699" s="12"/>
    </row>
    <row r="234700" spans="8:8">
      <c r="H234700" s="12"/>
    </row>
    <row r="234701" spans="8:8">
      <c r="H234701" s="12"/>
    </row>
    <row r="234702" spans="8:8">
      <c r="H234702" s="12"/>
    </row>
    <row r="234703" spans="8:8">
      <c r="H234703" s="12"/>
    </row>
    <row r="234704" spans="8:8">
      <c r="H234704" s="12"/>
    </row>
    <row r="234705" spans="8:8">
      <c r="H234705" s="12"/>
    </row>
    <row r="234706" spans="8:8">
      <c r="H234706" s="12"/>
    </row>
    <row r="234707" spans="8:8">
      <c r="H234707" s="12"/>
    </row>
    <row r="234708" spans="8:8">
      <c r="H234708" s="12"/>
    </row>
    <row r="234709" spans="8:8">
      <c r="H234709" s="12"/>
    </row>
    <row r="234710" spans="8:8">
      <c r="H234710" s="12"/>
    </row>
    <row r="234711" spans="8:8">
      <c r="H234711" s="12"/>
    </row>
    <row r="234712" spans="8:8">
      <c r="H234712" s="12"/>
    </row>
    <row r="234713" spans="8:8">
      <c r="H234713" s="12"/>
    </row>
    <row r="234714" spans="8:8">
      <c r="H234714" s="12"/>
    </row>
    <row r="234715" spans="8:8">
      <c r="H234715" s="12"/>
    </row>
    <row r="234716" spans="8:8">
      <c r="H234716" s="12"/>
    </row>
    <row r="234717" spans="8:8">
      <c r="H234717" s="12"/>
    </row>
    <row r="234718" spans="8:8">
      <c r="H234718" s="12"/>
    </row>
    <row r="234719" spans="8:8">
      <c r="H234719" s="12"/>
    </row>
    <row r="234720" spans="8:8">
      <c r="H234720" s="12"/>
    </row>
    <row r="234721" spans="8:8">
      <c r="H234721" s="12"/>
    </row>
    <row r="234722" spans="8:8">
      <c r="H234722" s="12"/>
    </row>
    <row r="234723" spans="8:8">
      <c r="H234723" s="12"/>
    </row>
    <row r="234724" spans="8:8">
      <c r="H234724" s="12"/>
    </row>
    <row r="234725" spans="8:8">
      <c r="H234725" s="12"/>
    </row>
    <row r="234726" spans="8:8">
      <c r="H234726" s="12"/>
    </row>
    <row r="234727" spans="8:8">
      <c r="H234727" s="12"/>
    </row>
    <row r="234728" spans="8:8">
      <c r="H234728" s="12"/>
    </row>
    <row r="234729" spans="8:8">
      <c r="H234729" s="12"/>
    </row>
    <row r="234730" spans="8:8">
      <c r="H234730" s="12"/>
    </row>
    <row r="234731" spans="8:8">
      <c r="H234731" s="12"/>
    </row>
    <row r="234732" spans="8:8">
      <c r="H234732" s="12"/>
    </row>
    <row r="234733" spans="8:8">
      <c r="H234733" s="12"/>
    </row>
    <row r="234734" spans="8:8">
      <c r="H234734" s="12"/>
    </row>
    <row r="234735" spans="8:8">
      <c r="H234735" s="12"/>
    </row>
    <row r="234736" spans="8:8">
      <c r="H234736" s="12"/>
    </row>
    <row r="234737" spans="8:8">
      <c r="H234737" s="12"/>
    </row>
    <row r="234738" spans="8:8">
      <c r="H234738" s="12"/>
    </row>
    <row r="234739" spans="8:8">
      <c r="H234739" s="12"/>
    </row>
    <row r="234740" spans="8:8">
      <c r="H234740" s="12"/>
    </row>
    <row r="234741" spans="8:8">
      <c r="H234741" s="12"/>
    </row>
    <row r="234742" spans="8:8">
      <c r="H234742" s="12"/>
    </row>
    <row r="234743" spans="8:8">
      <c r="H234743" s="12"/>
    </row>
    <row r="234744" spans="8:8">
      <c r="H234744" s="12"/>
    </row>
    <row r="234745" spans="8:8">
      <c r="H234745" s="12"/>
    </row>
    <row r="234746" spans="8:8">
      <c r="H234746" s="12"/>
    </row>
    <row r="234747" spans="8:8">
      <c r="H234747" s="12"/>
    </row>
    <row r="234748" spans="8:8">
      <c r="H234748" s="12"/>
    </row>
    <row r="234749" spans="8:8">
      <c r="H234749" s="12"/>
    </row>
    <row r="234750" spans="8:8">
      <c r="H234750" s="12"/>
    </row>
    <row r="234751" spans="8:8">
      <c r="H234751" s="12"/>
    </row>
    <row r="234752" spans="8:8">
      <c r="H234752" s="12"/>
    </row>
    <row r="234753" spans="8:8">
      <c r="H234753" s="12"/>
    </row>
    <row r="234754" spans="8:8">
      <c r="H234754" s="12"/>
    </row>
    <row r="234755" spans="8:8">
      <c r="H234755" s="12"/>
    </row>
    <row r="234756" spans="8:8">
      <c r="H234756" s="12"/>
    </row>
    <row r="234757" spans="8:8">
      <c r="H234757" s="12"/>
    </row>
    <row r="234758" spans="8:8">
      <c r="H234758" s="12"/>
    </row>
    <row r="234759" spans="8:8">
      <c r="H234759" s="12"/>
    </row>
    <row r="234760" spans="8:8">
      <c r="H234760" s="12"/>
    </row>
    <row r="234761" spans="8:8">
      <c r="H234761" s="12"/>
    </row>
    <row r="234762" spans="8:8">
      <c r="H234762" s="12"/>
    </row>
    <row r="234763" spans="8:8">
      <c r="H234763" s="12"/>
    </row>
    <row r="234764" spans="8:8">
      <c r="H234764" s="12"/>
    </row>
    <row r="234765" spans="8:8">
      <c r="H234765" s="12"/>
    </row>
    <row r="234766" spans="8:8">
      <c r="H234766" s="12"/>
    </row>
    <row r="234767" spans="8:8">
      <c r="H234767" s="12"/>
    </row>
    <row r="234768" spans="8:8">
      <c r="H234768" s="12"/>
    </row>
    <row r="234769" spans="8:8">
      <c r="H234769" s="12"/>
    </row>
    <row r="234770" spans="8:8">
      <c r="H234770" s="12"/>
    </row>
    <row r="234771" spans="8:8">
      <c r="H234771" s="12"/>
    </row>
    <row r="234772" spans="8:8">
      <c r="H234772" s="12"/>
    </row>
    <row r="234773" spans="8:8">
      <c r="H234773" s="12"/>
    </row>
    <row r="234774" spans="8:8">
      <c r="H234774" s="12"/>
    </row>
    <row r="234775" spans="8:8">
      <c r="H234775" s="12"/>
    </row>
    <row r="234776" spans="8:8">
      <c r="H234776" s="12"/>
    </row>
    <row r="234777" spans="8:8">
      <c r="H234777" s="12"/>
    </row>
    <row r="234778" spans="8:8">
      <c r="H234778" s="12"/>
    </row>
    <row r="234779" spans="8:8">
      <c r="H234779" s="12"/>
    </row>
    <row r="234780" spans="8:8">
      <c r="H234780" s="12"/>
    </row>
    <row r="234781" spans="8:8">
      <c r="H234781" s="12"/>
    </row>
    <row r="234782" spans="8:8">
      <c r="H234782" s="12"/>
    </row>
    <row r="234783" spans="8:8">
      <c r="H234783" s="12"/>
    </row>
    <row r="234784" spans="8:8">
      <c r="H234784" s="12"/>
    </row>
    <row r="234785" spans="8:8">
      <c r="H234785" s="12"/>
    </row>
    <row r="234786" spans="8:8">
      <c r="H234786" s="12"/>
    </row>
    <row r="234787" spans="8:8">
      <c r="H234787" s="12"/>
    </row>
    <row r="234788" spans="8:8">
      <c r="H234788" s="12"/>
    </row>
    <row r="234789" spans="8:8">
      <c r="H234789" s="12"/>
    </row>
    <row r="234790" spans="8:8">
      <c r="H234790" s="12"/>
    </row>
    <row r="234791" spans="8:8">
      <c r="H234791" s="12"/>
    </row>
    <row r="234792" spans="8:8">
      <c r="H234792" s="12"/>
    </row>
    <row r="234793" spans="8:8">
      <c r="H234793" s="12"/>
    </row>
    <row r="234794" spans="8:8">
      <c r="H234794" s="12"/>
    </row>
    <row r="234795" spans="8:8">
      <c r="H234795" s="12"/>
    </row>
    <row r="234796" spans="8:8">
      <c r="H234796" s="12"/>
    </row>
    <row r="234797" spans="8:8">
      <c r="H234797" s="12"/>
    </row>
    <row r="234798" spans="8:8">
      <c r="H234798" s="12"/>
    </row>
    <row r="234799" spans="8:8">
      <c r="H234799" s="12"/>
    </row>
    <row r="234800" spans="8:8">
      <c r="H234800" s="12"/>
    </row>
    <row r="234801" spans="8:8">
      <c r="H234801" s="12"/>
    </row>
    <row r="234802" spans="8:8">
      <c r="H234802" s="12"/>
    </row>
    <row r="234803" spans="8:8">
      <c r="H234803" s="12"/>
    </row>
    <row r="234804" spans="8:8">
      <c r="H234804" s="12"/>
    </row>
    <row r="234805" spans="8:8">
      <c r="H234805" s="12"/>
    </row>
    <row r="234806" spans="8:8">
      <c r="H234806" s="12"/>
    </row>
    <row r="234807" spans="8:8">
      <c r="H234807" s="12"/>
    </row>
    <row r="234808" spans="8:8">
      <c r="H234808" s="12"/>
    </row>
    <row r="234809" spans="8:8">
      <c r="H234809" s="12"/>
    </row>
    <row r="234810" spans="8:8">
      <c r="H234810" s="12"/>
    </row>
    <row r="234811" spans="8:8">
      <c r="H234811" s="12"/>
    </row>
    <row r="234812" spans="8:8">
      <c r="H234812" s="12"/>
    </row>
    <row r="234813" spans="8:8">
      <c r="H234813" s="12"/>
    </row>
    <row r="234814" spans="8:8">
      <c r="H234814" s="12"/>
    </row>
    <row r="234815" spans="8:8">
      <c r="H234815" s="12"/>
    </row>
    <row r="234816" spans="8:8">
      <c r="H234816" s="12"/>
    </row>
    <row r="234817" spans="8:8">
      <c r="H234817" s="12"/>
    </row>
    <row r="234818" spans="8:8">
      <c r="H234818" s="12"/>
    </row>
    <row r="234819" spans="8:8">
      <c r="H234819" s="12"/>
    </row>
    <row r="234820" spans="8:8">
      <c r="H234820" s="12"/>
    </row>
    <row r="234821" spans="8:8">
      <c r="H234821" s="12"/>
    </row>
    <row r="234822" spans="8:8">
      <c r="H234822" s="12"/>
    </row>
    <row r="234823" spans="8:8">
      <c r="H234823" s="12"/>
    </row>
    <row r="234824" spans="8:8">
      <c r="H234824" s="12"/>
    </row>
    <row r="234825" spans="8:8">
      <c r="H234825" s="12"/>
    </row>
    <row r="234826" spans="8:8">
      <c r="H234826" s="12"/>
    </row>
    <row r="234827" spans="8:8">
      <c r="H234827" s="12"/>
    </row>
    <row r="234828" spans="8:8">
      <c r="H234828" s="12"/>
    </row>
    <row r="234829" spans="8:8">
      <c r="H234829" s="12"/>
    </row>
    <row r="234830" spans="8:8">
      <c r="H234830" s="12"/>
    </row>
    <row r="234831" spans="8:8">
      <c r="H234831" s="12"/>
    </row>
    <row r="234832" spans="8:8">
      <c r="H234832" s="12"/>
    </row>
    <row r="234833" spans="8:8">
      <c r="H234833" s="12"/>
    </row>
    <row r="234834" spans="8:8">
      <c r="H234834" s="12"/>
    </row>
    <row r="234835" spans="8:8">
      <c r="H234835" s="12"/>
    </row>
    <row r="234836" spans="8:8">
      <c r="H234836" s="12"/>
    </row>
    <row r="234837" spans="8:8">
      <c r="H234837" s="12"/>
    </row>
    <row r="234838" spans="8:8">
      <c r="H234838" s="12"/>
    </row>
    <row r="234839" spans="8:8">
      <c r="H234839" s="12"/>
    </row>
    <row r="234840" spans="8:8">
      <c r="H234840" s="12"/>
    </row>
    <row r="234841" spans="8:8">
      <c r="H234841" s="12"/>
    </row>
    <row r="234842" spans="8:8">
      <c r="H234842" s="12"/>
    </row>
    <row r="234843" spans="8:8">
      <c r="H234843" s="12"/>
    </row>
    <row r="234844" spans="8:8">
      <c r="H234844" s="12"/>
    </row>
    <row r="234845" spans="8:8">
      <c r="H234845" s="12"/>
    </row>
    <row r="234846" spans="8:8">
      <c r="H234846" s="12"/>
    </row>
    <row r="234847" spans="8:8">
      <c r="H234847" s="12"/>
    </row>
    <row r="234848" spans="8:8">
      <c r="H234848" s="12"/>
    </row>
    <row r="234849" spans="8:8">
      <c r="H234849" s="12"/>
    </row>
    <row r="234850" spans="8:8">
      <c r="H234850" s="12"/>
    </row>
    <row r="234851" spans="8:8">
      <c r="H234851" s="12"/>
    </row>
    <row r="234852" spans="8:8">
      <c r="H234852" s="12"/>
    </row>
    <row r="234853" spans="8:8">
      <c r="H234853" s="12"/>
    </row>
    <row r="234854" spans="8:8">
      <c r="H234854" s="12"/>
    </row>
    <row r="234855" spans="8:8">
      <c r="H234855" s="12"/>
    </row>
    <row r="234856" spans="8:8">
      <c r="H234856" s="12"/>
    </row>
    <row r="234857" spans="8:8">
      <c r="H234857" s="12"/>
    </row>
    <row r="234858" spans="8:8">
      <c r="H234858" s="12"/>
    </row>
    <row r="234859" spans="8:8">
      <c r="H234859" s="12"/>
    </row>
    <row r="234860" spans="8:8">
      <c r="H234860" s="12"/>
    </row>
    <row r="234861" spans="8:8">
      <c r="H234861" s="12"/>
    </row>
    <row r="234862" spans="8:8">
      <c r="H234862" s="12"/>
    </row>
    <row r="234863" spans="8:8">
      <c r="H234863" s="12"/>
    </row>
    <row r="234864" spans="8:8">
      <c r="H234864" s="12"/>
    </row>
    <row r="234865" spans="8:8">
      <c r="H234865" s="12"/>
    </row>
    <row r="234866" spans="8:8">
      <c r="H234866" s="12"/>
    </row>
    <row r="234867" spans="8:8">
      <c r="H234867" s="12"/>
    </row>
    <row r="234868" spans="8:8">
      <c r="H234868" s="12"/>
    </row>
    <row r="234869" spans="8:8">
      <c r="H234869" s="12"/>
    </row>
    <row r="234870" spans="8:8">
      <c r="H234870" s="12"/>
    </row>
    <row r="234871" spans="8:8">
      <c r="H234871" s="12"/>
    </row>
    <row r="234872" spans="8:8">
      <c r="H234872" s="12"/>
    </row>
    <row r="234873" spans="8:8">
      <c r="H234873" s="12"/>
    </row>
    <row r="234874" spans="8:8">
      <c r="H234874" s="12"/>
    </row>
    <row r="234875" spans="8:8">
      <c r="H234875" s="12"/>
    </row>
    <row r="234876" spans="8:8">
      <c r="H234876" s="12"/>
    </row>
    <row r="234877" spans="8:8">
      <c r="H234877" s="12"/>
    </row>
    <row r="234878" spans="8:8">
      <c r="H234878" s="12"/>
    </row>
    <row r="234879" spans="8:8">
      <c r="H234879" s="12"/>
    </row>
    <row r="234880" spans="8:8">
      <c r="H234880" s="12"/>
    </row>
    <row r="234881" spans="8:8">
      <c r="H234881" s="12"/>
    </row>
    <row r="234882" spans="8:8">
      <c r="H234882" s="12"/>
    </row>
    <row r="234883" spans="8:8">
      <c r="H234883" s="12"/>
    </row>
    <row r="234884" spans="8:8">
      <c r="H234884" s="12"/>
    </row>
    <row r="234885" spans="8:8">
      <c r="H234885" s="12"/>
    </row>
    <row r="234886" spans="8:8">
      <c r="H234886" s="12"/>
    </row>
    <row r="234887" spans="8:8">
      <c r="H234887" s="12"/>
    </row>
    <row r="234888" spans="8:8">
      <c r="H234888" s="12"/>
    </row>
    <row r="234889" spans="8:8">
      <c r="H234889" s="12"/>
    </row>
    <row r="234890" spans="8:8">
      <c r="H234890" s="12"/>
    </row>
    <row r="234891" spans="8:8">
      <c r="H234891" s="12"/>
    </row>
    <row r="234892" spans="8:8">
      <c r="H234892" s="12"/>
    </row>
    <row r="234893" spans="8:8">
      <c r="H234893" s="12"/>
    </row>
    <row r="234894" spans="8:8">
      <c r="H234894" s="12"/>
    </row>
    <row r="234895" spans="8:8">
      <c r="H234895" s="12"/>
    </row>
    <row r="234896" spans="8:8">
      <c r="H234896" s="12"/>
    </row>
    <row r="234897" spans="8:8">
      <c r="H234897" s="12"/>
    </row>
    <row r="234898" spans="8:8">
      <c r="H234898" s="12"/>
    </row>
    <row r="234899" spans="8:8">
      <c r="H234899" s="12"/>
    </row>
    <row r="234900" spans="8:8">
      <c r="H234900" s="12"/>
    </row>
    <row r="234901" spans="8:8">
      <c r="H234901" s="12"/>
    </row>
    <row r="234902" spans="8:8">
      <c r="H234902" s="12"/>
    </row>
    <row r="234903" spans="8:8">
      <c r="H234903" s="12"/>
    </row>
    <row r="234904" spans="8:8">
      <c r="H234904" s="12"/>
    </row>
    <row r="234905" spans="8:8">
      <c r="H234905" s="12"/>
    </row>
    <row r="234906" spans="8:8">
      <c r="H234906" s="12"/>
    </row>
    <row r="234907" spans="8:8">
      <c r="H234907" s="12"/>
    </row>
    <row r="234908" spans="8:8">
      <c r="H234908" s="12"/>
    </row>
    <row r="234909" spans="8:8">
      <c r="H234909" s="12"/>
    </row>
    <row r="234910" spans="8:8">
      <c r="H234910" s="12"/>
    </row>
    <row r="234911" spans="8:8">
      <c r="H234911" s="12"/>
    </row>
    <row r="234912" spans="8:8">
      <c r="H234912" s="12"/>
    </row>
    <row r="234913" spans="8:8">
      <c r="H234913" s="12"/>
    </row>
    <row r="234914" spans="8:8">
      <c r="H234914" s="12"/>
    </row>
    <row r="234915" spans="8:8">
      <c r="H234915" s="12"/>
    </row>
    <row r="234916" spans="8:8">
      <c r="H234916" s="12"/>
    </row>
    <row r="234917" spans="8:8">
      <c r="H234917" s="12"/>
    </row>
    <row r="234918" spans="8:8">
      <c r="H234918" s="12"/>
    </row>
    <row r="234919" spans="8:8">
      <c r="H234919" s="12"/>
    </row>
    <row r="234920" spans="8:8">
      <c r="H234920" s="12"/>
    </row>
    <row r="234921" spans="8:8">
      <c r="H234921" s="12"/>
    </row>
    <row r="234922" spans="8:8">
      <c r="H234922" s="12"/>
    </row>
    <row r="234923" spans="8:8">
      <c r="H234923" s="12"/>
    </row>
    <row r="234924" spans="8:8">
      <c r="H234924" s="12"/>
    </row>
    <row r="234925" spans="8:8">
      <c r="H234925" s="12"/>
    </row>
    <row r="234926" spans="8:8">
      <c r="H234926" s="12"/>
    </row>
    <row r="234927" spans="8:8">
      <c r="H234927" s="12"/>
    </row>
    <row r="234928" spans="8:8">
      <c r="H234928" s="12"/>
    </row>
    <row r="234929" spans="8:8">
      <c r="H234929" s="12"/>
    </row>
    <row r="234930" spans="8:8">
      <c r="H234930" s="12"/>
    </row>
    <row r="234931" spans="8:8">
      <c r="H234931" s="12"/>
    </row>
    <row r="234932" spans="8:8">
      <c r="H234932" s="12"/>
    </row>
    <row r="234933" spans="8:8">
      <c r="H234933" s="12"/>
    </row>
    <row r="234934" spans="8:8">
      <c r="H234934" s="12"/>
    </row>
    <row r="234935" spans="8:8">
      <c r="H234935" s="12"/>
    </row>
    <row r="234936" spans="8:8">
      <c r="H234936" s="12"/>
    </row>
    <row r="234937" spans="8:8">
      <c r="H234937" s="12"/>
    </row>
    <row r="234938" spans="8:8">
      <c r="H234938" s="12"/>
    </row>
    <row r="234939" spans="8:8">
      <c r="H234939" s="12"/>
    </row>
    <row r="234940" spans="8:8">
      <c r="H234940" s="12"/>
    </row>
    <row r="234941" spans="8:8">
      <c r="H234941" s="12"/>
    </row>
    <row r="234942" spans="8:8">
      <c r="H234942" s="12"/>
    </row>
    <row r="234943" spans="8:8">
      <c r="H234943" s="12"/>
    </row>
    <row r="234944" spans="8:8">
      <c r="H234944" s="12"/>
    </row>
    <row r="234945" spans="8:8">
      <c r="H234945" s="12"/>
    </row>
    <row r="234946" spans="8:8">
      <c r="H234946" s="12"/>
    </row>
    <row r="234947" spans="8:8">
      <c r="H234947" s="12"/>
    </row>
    <row r="234948" spans="8:8">
      <c r="H234948" s="12"/>
    </row>
    <row r="234949" spans="8:8">
      <c r="H234949" s="12"/>
    </row>
    <row r="234950" spans="8:8">
      <c r="H234950" s="12"/>
    </row>
    <row r="234951" spans="8:8">
      <c r="H234951" s="12"/>
    </row>
    <row r="234952" spans="8:8">
      <c r="H234952" s="12"/>
    </row>
    <row r="234953" spans="8:8">
      <c r="H234953" s="12"/>
    </row>
    <row r="234954" spans="8:8">
      <c r="H234954" s="12"/>
    </row>
    <row r="234955" spans="8:8">
      <c r="H234955" s="12"/>
    </row>
    <row r="234956" spans="8:8">
      <c r="H234956" s="12"/>
    </row>
    <row r="234957" spans="8:8">
      <c r="H234957" s="12"/>
    </row>
    <row r="234958" spans="8:8">
      <c r="H234958" s="12"/>
    </row>
    <row r="234959" spans="8:8">
      <c r="H234959" s="12"/>
    </row>
    <row r="234960" spans="8:8">
      <c r="H234960" s="12"/>
    </row>
    <row r="234961" spans="8:8">
      <c r="H234961" s="12"/>
    </row>
    <row r="234962" spans="8:8">
      <c r="H234962" s="12"/>
    </row>
    <row r="234963" spans="8:8">
      <c r="H234963" s="12"/>
    </row>
    <row r="234964" spans="8:8">
      <c r="H234964" s="12"/>
    </row>
    <row r="234965" spans="8:8">
      <c r="H234965" s="12"/>
    </row>
    <row r="234966" spans="8:8">
      <c r="H234966" s="12"/>
    </row>
    <row r="234967" spans="8:8">
      <c r="H234967" s="12"/>
    </row>
    <row r="234968" spans="8:8">
      <c r="H234968" s="12"/>
    </row>
    <row r="234969" spans="8:8">
      <c r="H234969" s="12"/>
    </row>
    <row r="234970" spans="8:8">
      <c r="H234970" s="12"/>
    </row>
    <row r="234971" spans="8:8">
      <c r="H234971" s="12"/>
    </row>
    <row r="234972" spans="8:8">
      <c r="H234972" s="12"/>
    </row>
    <row r="234973" spans="8:8">
      <c r="H234973" s="12"/>
    </row>
    <row r="234974" spans="8:8">
      <c r="H234974" s="12"/>
    </row>
    <row r="234975" spans="8:8">
      <c r="H234975" s="12"/>
    </row>
    <row r="234976" spans="8:8">
      <c r="H234976" s="12"/>
    </row>
    <row r="234977" spans="8:8">
      <c r="H234977" s="12"/>
    </row>
    <row r="234978" spans="8:8">
      <c r="H234978" s="12"/>
    </row>
    <row r="234979" spans="8:8">
      <c r="H234979" s="12"/>
    </row>
    <row r="234980" spans="8:8">
      <c r="H234980" s="12"/>
    </row>
    <row r="234981" spans="8:8">
      <c r="H234981" s="12"/>
    </row>
    <row r="234982" spans="8:8">
      <c r="H234982" s="12"/>
    </row>
    <row r="234983" spans="8:8">
      <c r="H234983" s="12"/>
    </row>
    <row r="234984" spans="8:8">
      <c r="H234984" s="12"/>
    </row>
    <row r="234985" spans="8:8">
      <c r="H234985" s="12"/>
    </row>
    <row r="234986" spans="8:8">
      <c r="H234986" s="12"/>
    </row>
    <row r="234987" spans="8:8">
      <c r="H234987" s="12"/>
    </row>
    <row r="234988" spans="8:8">
      <c r="H234988" s="12"/>
    </row>
    <row r="234989" spans="8:8">
      <c r="H234989" s="12"/>
    </row>
    <row r="234990" spans="8:8">
      <c r="H234990" s="12"/>
    </row>
    <row r="234991" spans="8:8">
      <c r="H234991" s="12"/>
    </row>
    <row r="234992" spans="8:8">
      <c r="H234992" s="12"/>
    </row>
    <row r="234993" spans="8:8">
      <c r="H234993" s="12"/>
    </row>
    <row r="234994" spans="8:8">
      <c r="H234994" s="12"/>
    </row>
    <row r="234995" spans="8:8">
      <c r="H234995" s="12"/>
    </row>
    <row r="234996" spans="8:8">
      <c r="H234996" s="12"/>
    </row>
    <row r="234997" spans="8:8">
      <c r="H234997" s="12"/>
    </row>
    <row r="234998" spans="8:8">
      <c r="H234998" s="12"/>
    </row>
    <row r="234999" spans="8:8">
      <c r="H234999" s="12"/>
    </row>
    <row r="235000" spans="8:8">
      <c r="H235000" s="12"/>
    </row>
    <row r="235001" spans="8:8">
      <c r="H235001" s="12"/>
    </row>
    <row r="235002" spans="8:8">
      <c r="H235002" s="12"/>
    </row>
    <row r="235003" spans="8:8">
      <c r="H235003" s="12"/>
    </row>
    <row r="235004" spans="8:8">
      <c r="H235004" s="12"/>
    </row>
    <row r="235005" spans="8:8">
      <c r="H235005" s="12"/>
    </row>
    <row r="235006" spans="8:8">
      <c r="H235006" s="12"/>
    </row>
    <row r="235007" spans="8:8">
      <c r="H235007" s="12"/>
    </row>
    <row r="235008" spans="8:8">
      <c r="H235008" s="12"/>
    </row>
    <row r="235009" spans="8:8">
      <c r="H235009" s="12"/>
    </row>
    <row r="235010" spans="8:8">
      <c r="H235010" s="12"/>
    </row>
    <row r="235011" spans="8:8">
      <c r="H235011" s="12"/>
    </row>
    <row r="235012" spans="8:8">
      <c r="H235012" s="12"/>
    </row>
    <row r="235013" spans="8:8">
      <c r="H235013" s="12"/>
    </row>
    <row r="235014" spans="8:8">
      <c r="H235014" s="12"/>
    </row>
    <row r="235015" spans="8:8">
      <c r="H235015" s="12"/>
    </row>
    <row r="235016" spans="8:8">
      <c r="H235016" s="12"/>
    </row>
    <row r="235017" spans="8:8">
      <c r="H235017" s="12"/>
    </row>
    <row r="235018" spans="8:8">
      <c r="H235018" s="12"/>
    </row>
    <row r="235019" spans="8:8">
      <c r="H235019" s="12"/>
    </row>
    <row r="235020" spans="8:8">
      <c r="H235020" s="12"/>
    </row>
    <row r="235021" spans="8:8">
      <c r="H235021" s="12"/>
    </row>
    <row r="235022" spans="8:8">
      <c r="H235022" s="12"/>
    </row>
    <row r="235023" spans="8:8">
      <c r="H235023" s="12"/>
    </row>
    <row r="235024" spans="8:8">
      <c r="H235024" s="12"/>
    </row>
    <row r="235025" spans="8:8">
      <c r="H235025" s="12"/>
    </row>
    <row r="235026" spans="8:8">
      <c r="H235026" s="12"/>
    </row>
    <row r="235027" spans="8:8">
      <c r="H235027" s="12"/>
    </row>
    <row r="235028" spans="8:8">
      <c r="H235028" s="12"/>
    </row>
    <row r="235029" spans="8:8">
      <c r="H235029" s="12"/>
    </row>
    <row r="235030" spans="8:8">
      <c r="H235030" s="12"/>
    </row>
    <row r="235031" spans="8:8">
      <c r="H235031" s="12"/>
    </row>
    <row r="235032" spans="8:8">
      <c r="H235032" s="12"/>
    </row>
    <row r="235033" spans="8:8">
      <c r="H235033" s="12"/>
    </row>
    <row r="235034" spans="8:8">
      <c r="H235034" s="12"/>
    </row>
    <row r="235035" spans="8:8">
      <c r="H235035" s="12"/>
    </row>
    <row r="235036" spans="8:8">
      <c r="H235036" s="12"/>
    </row>
    <row r="235037" spans="8:8">
      <c r="H235037" s="12"/>
    </row>
    <row r="235038" spans="8:8">
      <c r="H235038" s="12"/>
    </row>
    <row r="235039" spans="8:8">
      <c r="H235039" s="12"/>
    </row>
    <row r="235040" spans="8:8">
      <c r="H235040" s="12"/>
    </row>
    <row r="235041" spans="8:8">
      <c r="H235041" s="12"/>
    </row>
    <row r="235042" spans="8:8">
      <c r="H235042" s="12"/>
    </row>
    <row r="235043" spans="8:8">
      <c r="H235043" s="12"/>
    </row>
    <row r="235044" spans="8:8">
      <c r="H235044" s="12"/>
    </row>
    <row r="235045" spans="8:8">
      <c r="H235045" s="12"/>
    </row>
    <row r="235046" spans="8:8">
      <c r="H235046" s="12"/>
    </row>
    <row r="235047" spans="8:8">
      <c r="H235047" s="12"/>
    </row>
    <row r="235048" spans="8:8">
      <c r="H235048" s="12"/>
    </row>
    <row r="235049" spans="8:8">
      <c r="H235049" s="12"/>
    </row>
    <row r="235050" spans="8:8">
      <c r="H235050" s="12"/>
    </row>
    <row r="235051" spans="8:8">
      <c r="H235051" s="12"/>
    </row>
    <row r="235052" spans="8:8">
      <c r="H235052" s="12"/>
    </row>
    <row r="235053" spans="8:8">
      <c r="H235053" s="12"/>
    </row>
    <row r="235054" spans="8:8">
      <c r="H235054" s="12"/>
    </row>
    <row r="235055" spans="8:8">
      <c r="H235055" s="12"/>
    </row>
    <row r="235056" spans="8:8">
      <c r="H235056" s="12"/>
    </row>
    <row r="235057" spans="8:8">
      <c r="H235057" s="12"/>
    </row>
    <row r="235058" spans="8:8">
      <c r="H235058" s="12"/>
    </row>
    <row r="235059" spans="8:8">
      <c r="H235059" s="12"/>
    </row>
    <row r="235060" spans="8:8">
      <c r="H235060" s="12"/>
    </row>
    <row r="235061" spans="8:8">
      <c r="H235061" s="12"/>
    </row>
    <row r="235062" spans="8:8">
      <c r="H235062" s="12"/>
    </row>
    <row r="235063" spans="8:8">
      <c r="H235063" s="12"/>
    </row>
    <row r="235064" spans="8:8">
      <c r="H235064" s="12"/>
    </row>
    <row r="235065" spans="8:8">
      <c r="H235065" s="12"/>
    </row>
    <row r="235066" spans="8:8">
      <c r="H235066" s="12"/>
    </row>
    <row r="235067" spans="8:8">
      <c r="H235067" s="12"/>
    </row>
    <row r="235068" spans="8:8">
      <c r="H235068" s="12"/>
    </row>
    <row r="235069" spans="8:8">
      <c r="H235069" s="12"/>
    </row>
    <row r="235070" spans="8:8">
      <c r="H235070" s="12"/>
    </row>
    <row r="235071" spans="8:8">
      <c r="H235071" s="12"/>
    </row>
    <row r="235072" spans="8:8">
      <c r="H235072" s="12"/>
    </row>
    <row r="235073" spans="8:8">
      <c r="H235073" s="12"/>
    </row>
    <row r="235074" spans="8:8">
      <c r="H235074" s="12"/>
    </row>
    <row r="235075" spans="8:8">
      <c r="H235075" s="12"/>
    </row>
    <row r="235076" spans="8:8">
      <c r="H235076" s="12"/>
    </row>
    <row r="235077" spans="8:8">
      <c r="H235077" s="12"/>
    </row>
    <row r="235078" spans="8:8">
      <c r="H235078" s="12"/>
    </row>
    <row r="235079" spans="8:8">
      <c r="H235079" s="12"/>
    </row>
    <row r="235080" spans="8:8">
      <c r="H235080" s="12"/>
    </row>
    <row r="235081" spans="8:8">
      <c r="H235081" s="12"/>
    </row>
    <row r="235082" spans="8:8">
      <c r="H235082" s="12"/>
    </row>
    <row r="235083" spans="8:8">
      <c r="H235083" s="12"/>
    </row>
    <row r="235084" spans="8:8">
      <c r="H235084" s="12"/>
    </row>
    <row r="235085" spans="8:8">
      <c r="H235085" s="12"/>
    </row>
    <row r="235086" spans="8:8">
      <c r="H235086" s="12"/>
    </row>
    <row r="235087" spans="8:8">
      <c r="H235087" s="12"/>
    </row>
    <row r="235088" spans="8:8">
      <c r="H235088" s="12"/>
    </row>
    <row r="235089" spans="8:8">
      <c r="H235089" s="12"/>
    </row>
    <row r="235090" spans="8:8">
      <c r="H235090" s="12"/>
    </row>
    <row r="235091" spans="8:8">
      <c r="H235091" s="12"/>
    </row>
    <row r="235092" spans="8:8">
      <c r="H235092" s="12"/>
    </row>
    <row r="235093" spans="8:8">
      <c r="H235093" s="12"/>
    </row>
    <row r="235094" spans="8:8">
      <c r="H235094" s="12"/>
    </row>
    <row r="235095" spans="8:8">
      <c r="H235095" s="12"/>
    </row>
    <row r="235096" spans="8:8">
      <c r="H235096" s="12"/>
    </row>
    <row r="235097" spans="8:8">
      <c r="H235097" s="12"/>
    </row>
    <row r="235098" spans="8:8">
      <c r="H235098" s="12"/>
    </row>
    <row r="235099" spans="8:8">
      <c r="H235099" s="12"/>
    </row>
    <row r="235100" spans="8:8">
      <c r="H235100" s="12"/>
    </row>
    <row r="235101" spans="8:8">
      <c r="H235101" s="12"/>
    </row>
    <row r="235102" spans="8:8">
      <c r="H235102" s="12"/>
    </row>
    <row r="235103" spans="8:8">
      <c r="H235103" s="12"/>
    </row>
    <row r="235104" spans="8:8">
      <c r="H235104" s="12"/>
    </row>
    <row r="235105" spans="8:8">
      <c r="H235105" s="12"/>
    </row>
    <row r="235106" spans="8:8">
      <c r="H235106" s="12"/>
    </row>
    <row r="235107" spans="8:8">
      <c r="H235107" s="12"/>
    </row>
    <row r="235108" spans="8:8">
      <c r="H235108" s="12"/>
    </row>
    <row r="235109" spans="8:8">
      <c r="H235109" s="12"/>
    </row>
    <row r="235110" spans="8:8">
      <c r="H235110" s="12"/>
    </row>
    <row r="235111" spans="8:8">
      <c r="H235111" s="12"/>
    </row>
    <row r="235112" spans="8:8">
      <c r="H235112" s="12"/>
    </row>
    <row r="235113" spans="8:8">
      <c r="H235113" s="12"/>
    </row>
    <row r="235114" spans="8:8">
      <c r="H235114" s="12"/>
    </row>
    <row r="235115" spans="8:8">
      <c r="H235115" s="12"/>
    </row>
    <row r="235116" spans="8:8">
      <c r="H235116" s="12"/>
    </row>
    <row r="235117" spans="8:8">
      <c r="H235117" s="12"/>
    </row>
    <row r="235118" spans="8:8">
      <c r="H235118" s="12"/>
    </row>
    <row r="235119" spans="8:8">
      <c r="H235119" s="12"/>
    </row>
    <row r="235120" spans="8:8">
      <c r="H235120" s="12"/>
    </row>
    <row r="235121" spans="8:8">
      <c r="H235121" s="12"/>
    </row>
    <row r="235122" spans="8:8">
      <c r="H235122" s="12"/>
    </row>
    <row r="235123" spans="8:8">
      <c r="H235123" s="12"/>
    </row>
    <row r="235124" spans="8:8">
      <c r="H235124" s="12"/>
    </row>
    <row r="235125" spans="8:8">
      <c r="H235125" s="12"/>
    </row>
    <row r="235126" spans="8:8">
      <c r="H235126" s="12"/>
    </row>
    <row r="235127" spans="8:8">
      <c r="H235127" s="12"/>
    </row>
    <row r="235128" spans="8:8">
      <c r="H235128" s="12"/>
    </row>
    <row r="235129" spans="8:8">
      <c r="H235129" s="12"/>
    </row>
    <row r="235130" spans="8:8">
      <c r="H235130" s="12"/>
    </row>
    <row r="235131" spans="8:8">
      <c r="H235131" s="12"/>
    </row>
    <row r="235132" spans="8:8">
      <c r="H235132" s="12"/>
    </row>
    <row r="235133" spans="8:8">
      <c r="H235133" s="12"/>
    </row>
    <row r="235134" spans="8:8">
      <c r="H235134" s="12"/>
    </row>
    <row r="235135" spans="8:8">
      <c r="H235135" s="12"/>
    </row>
    <row r="235136" spans="8:8">
      <c r="H235136" s="12"/>
    </row>
    <row r="235137" spans="8:8">
      <c r="H235137" s="12"/>
    </row>
    <row r="235138" spans="8:8">
      <c r="H235138" s="12"/>
    </row>
    <row r="235139" spans="8:8">
      <c r="H235139" s="12"/>
    </row>
    <row r="235140" spans="8:8">
      <c r="H235140" s="12"/>
    </row>
    <row r="235141" spans="8:8">
      <c r="H235141" s="12"/>
    </row>
    <row r="235142" spans="8:8">
      <c r="H235142" s="12"/>
    </row>
    <row r="235143" spans="8:8">
      <c r="H235143" s="12"/>
    </row>
    <row r="235144" spans="8:8">
      <c r="H235144" s="12"/>
    </row>
    <row r="235145" spans="8:8">
      <c r="H235145" s="12"/>
    </row>
    <row r="235146" spans="8:8">
      <c r="H235146" s="12"/>
    </row>
    <row r="235147" spans="8:8">
      <c r="H235147" s="12"/>
    </row>
    <row r="235148" spans="8:8">
      <c r="H235148" s="12"/>
    </row>
    <row r="235149" spans="8:8">
      <c r="H235149" s="12"/>
    </row>
    <row r="235150" spans="8:8">
      <c r="H235150" s="12"/>
    </row>
    <row r="235151" spans="8:8">
      <c r="H235151" s="12"/>
    </row>
    <row r="235152" spans="8:8">
      <c r="H235152" s="12"/>
    </row>
    <row r="235153" spans="8:8">
      <c r="H235153" s="12"/>
    </row>
    <row r="235154" spans="8:8">
      <c r="H235154" s="12"/>
    </row>
    <row r="235155" spans="8:8">
      <c r="H235155" s="12"/>
    </row>
    <row r="235156" spans="8:8">
      <c r="H235156" s="12"/>
    </row>
    <row r="235157" spans="8:8">
      <c r="H235157" s="12"/>
    </row>
    <row r="235158" spans="8:8">
      <c r="H235158" s="12"/>
    </row>
    <row r="235159" spans="8:8">
      <c r="H235159" s="12"/>
    </row>
    <row r="235160" spans="8:8">
      <c r="H235160" s="12"/>
    </row>
    <row r="235161" spans="8:8">
      <c r="H235161" s="12"/>
    </row>
    <row r="235162" spans="8:8">
      <c r="H235162" s="12"/>
    </row>
    <row r="235163" spans="8:8">
      <c r="H235163" s="12"/>
    </row>
    <row r="235164" spans="8:8">
      <c r="H235164" s="12"/>
    </row>
    <row r="235165" spans="8:8">
      <c r="H235165" s="12"/>
    </row>
    <row r="235166" spans="8:8">
      <c r="H235166" s="12"/>
    </row>
    <row r="235167" spans="8:8">
      <c r="H235167" s="12"/>
    </row>
    <row r="235168" spans="8:8">
      <c r="H235168" s="12"/>
    </row>
    <row r="235169" spans="8:8">
      <c r="H235169" s="12"/>
    </row>
    <row r="235170" spans="8:8">
      <c r="H235170" s="12"/>
    </row>
    <row r="235171" spans="8:8">
      <c r="H235171" s="12"/>
    </row>
    <row r="235172" spans="8:8">
      <c r="H235172" s="12"/>
    </row>
    <row r="235173" spans="8:8">
      <c r="H235173" s="12"/>
    </row>
    <row r="235174" spans="8:8">
      <c r="H235174" s="12"/>
    </row>
    <row r="235175" spans="8:8">
      <c r="H235175" s="12"/>
    </row>
    <row r="235176" spans="8:8">
      <c r="H235176" s="12"/>
    </row>
    <row r="235177" spans="8:8">
      <c r="H235177" s="12"/>
    </row>
    <row r="235178" spans="8:8">
      <c r="H235178" s="12"/>
    </row>
    <row r="235179" spans="8:8">
      <c r="H235179" s="12"/>
    </row>
    <row r="235180" spans="8:8">
      <c r="H235180" s="12"/>
    </row>
    <row r="235181" spans="8:8">
      <c r="H235181" s="12"/>
    </row>
    <row r="235182" spans="8:8">
      <c r="H235182" s="12"/>
    </row>
    <row r="235183" spans="8:8">
      <c r="H235183" s="12"/>
    </row>
    <row r="235184" spans="8:8">
      <c r="H235184" s="12"/>
    </row>
    <row r="235185" spans="8:8">
      <c r="H235185" s="12"/>
    </row>
    <row r="235186" spans="8:8">
      <c r="H235186" s="12"/>
    </row>
    <row r="235187" spans="8:8">
      <c r="H235187" s="12"/>
    </row>
    <row r="235188" spans="8:8">
      <c r="H235188" s="12"/>
    </row>
    <row r="235189" spans="8:8">
      <c r="H235189" s="12"/>
    </row>
    <row r="235190" spans="8:8">
      <c r="H235190" s="12"/>
    </row>
    <row r="235191" spans="8:8">
      <c r="H235191" s="12"/>
    </row>
    <row r="235192" spans="8:8">
      <c r="H235192" s="12"/>
    </row>
    <row r="235193" spans="8:8">
      <c r="H235193" s="12"/>
    </row>
    <row r="235194" spans="8:8">
      <c r="H235194" s="12"/>
    </row>
    <row r="235195" spans="8:8">
      <c r="H235195" s="12"/>
    </row>
    <row r="235196" spans="8:8">
      <c r="H235196" s="12"/>
    </row>
    <row r="235197" spans="8:8">
      <c r="H235197" s="12"/>
    </row>
    <row r="235198" spans="8:8">
      <c r="H235198" s="12"/>
    </row>
    <row r="235199" spans="8:8">
      <c r="H235199" s="12"/>
    </row>
    <row r="235200" spans="8:8">
      <c r="H235200" s="12"/>
    </row>
    <row r="235201" spans="8:8">
      <c r="H235201" s="12"/>
    </row>
    <row r="235202" spans="8:8">
      <c r="H235202" s="12"/>
    </row>
    <row r="235203" spans="8:8">
      <c r="H235203" s="12"/>
    </row>
    <row r="235204" spans="8:8">
      <c r="H235204" s="12"/>
    </row>
    <row r="235205" spans="8:8">
      <c r="H235205" s="12"/>
    </row>
    <row r="235206" spans="8:8">
      <c r="H235206" s="12"/>
    </row>
    <row r="235207" spans="8:8">
      <c r="H235207" s="12"/>
    </row>
    <row r="235208" spans="8:8">
      <c r="H235208" s="12"/>
    </row>
    <row r="235209" spans="8:8">
      <c r="H235209" s="12"/>
    </row>
    <row r="235210" spans="8:8">
      <c r="H235210" s="12"/>
    </row>
    <row r="235211" spans="8:8">
      <c r="H235211" s="12"/>
    </row>
    <row r="235212" spans="8:8">
      <c r="H235212" s="12"/>
    </row>
    <row r="235213" spans="8:8">
      <c r="H235213" s="12"/>
    </row>
    <row r="235214" spans="8:8">
      <c r="H235214" s="12"/>
    </row>
    <row r="235215" spans="8:8">
      <c r="H235215" s="12"/>
    </row>
    <row r="235216" spans="8:8">
      <c r="H235216" s="12"/>
    </row>
    <row r="235217" spans="8:8">
      <c r="H235217" s="12"/>
    </row>
    <row r="235218" spans="8:8">
      <c r="H235218" s="12"/>
    </row>
    <row r="235219" spans="8:8">
      <c r="H235219" s="12"/>
    </row>
    <row r="235220" spans="8:8">
      <c r="H235220" s="12"/>
    </row>
    <row r="235221" spans="8:8">
      <c r="H235221" s="12"/>
    </row>
    <row r="235222" spans="8:8">
      <c r="H235222" s="12"/>
    </row>
    <row r="235223" spans="8:8">
      <c r="H235223" s="12"/>
    </row>
    <row r="235224" spans="8:8">
      <c r="H235224" s="12"/>
    </row>
    <row r="235225" spans="8:8">
      <c r="H235225" s="12"/>
    </row>
    <row r="235226" spans="8:8">
      <c r="H235226" s="12"/>
    </row>
    <row r="235227" spans="8:8">
      <c r="H235227" s="12"/>
    </row>
    <row r="235228" spans="8:8">
      <c r="H235228" s="12"/>
    </row>
    <row r="235229" spans="8:8">
      <c r="H235229" s="12"/>
    </row>
    <row r="235230" spans="8:8">
      <c r="H235230" s="12"/>
    </row>
    <row r="235231" spans="8:8">
      <c r="H235231" s="12"/>
    </row>
    <row r="235232" spans="8:8">
      <c r="H235232" s="12"/>
    </row>
    <row r="235233" spans="8:8">
      <c r="H235233" s="12"/>
    </row>
    <row r="235234" spans="8:8">
      <c r="H235234" s="12"/>
    </row>
    <row r="235235" spans="8:8">
      <c r="H235235" s="12"/>
    </row>
    <row r="235236" spans="8:8">
      <c r="H235236" s="12"/>
    </row>
    <row r="235237" spans="8:8">
      <c r="H235237" s="12"/>
    </row>
    <row r="235238" spans="8:8">
      <c r="H235238" s="12"/>
    </row>
    <row r="235239" spans="8:8">
      <c r="H235239" s="12"/>
    </row>
    <row r="235240" spans="8:8">
      <c r="H235240" s="12"/>
    </row>
    <row r="235241" spans="8:8">
      <c r="H235241" s="12"/>
    </row>
    <row r="235242" spans="8:8">
      <c r="H235242" s="12"/>
    </row>
    <row r="235243" spans="8:8">
      <c r="H235243" s="12"/>
    </row>
    <row r="235244" spans="8:8">
      <c r="H235244" s="12"/>
    </row>
    <row r="235245" spans="8:8">
      <c r="H235245" s="12"/>
    </row>
    <row r="235246" spans="8:8">
      <c r="H235246" s="12"/>
    </row>
    <row r="235247" spans="8:8">
      <c r="H235247" s="12"/>
    </row>
    <row r="235248" spans="8:8">
      <c r="H235248" s="12"/>
    </row>
    <row r="235249" spans="8:8">
      <c r="H235249" s="12"/>
    </row>
    <row r="235250" spans="8:8">
      <c r="H235250" s="12"/>
    </row>
    <row r="235251" spans="8:8">
      <c r="H235251" s="12"/>
    </row>
    <row r="235252" spans="8:8">
      <c r="H235252" s="12"/>
    </row>
    <row r="235253" spans="8:8">
      <c r="H235253" s="12"/>
    </row>
    <row r="235254" spans="8:8">
      <c r="H235254" s="12"/>
    </row>
    <row r="235255" spans="8:8">
      <c r="H235255" s="12"/>
    </row>
    <row r="235256" spans="8:8">
      <c r="H235256" s="12"/>
    </row>
    <row r="235257" spans="8:8">
      <c r="H235257" s="12"/>
    </row>
    <row r="235258" spans="8:8">
      <c r="H235258" s="12"/>
    </row>
    <row r="235259" spans="8:8">
      <c r="H235259" s="12"/>
    </row>
    <row r="235260" spans="8:8">
      <c r="H235260" s="12"/>
    </row>
    <row r="235261" spans="8:8">
      <c r="H235261" s="12"/>
    </row>
    <row r="235262" spans="8:8">
      <c r="H235262" s="12"/>
    </row>
    <row r="235263" spans="8:8">
      <c r="H235263" s="12"/>
    </row>
    <row r="235264" spans="8:8">
      <c r="H235264" s="12"/>
    </row>
    <row r="235265" spans="8:8">
      <c r="H235265" s="12"/>
    </row>
    <row r="235266" spans="8:8">
      <c r="H235266" s="12"/>
    </row>
    <row r="235267" spans="8:8">
      <c r="H235267" s="12"/>
    </row>
    <row r="235268" spans="8:8">
      <c r="H235268" s="12"/>
    </row>
    <row r="235269" spans="8:8">
      <c r="H235269" s="12"/>
    </row>
    <row r="235270" spans="8:8">
      <c r="H235270" s="12"/>
    </row>
    <row r="235271" spans="8:8">
      <c r="H235271" s="12"/>
    </row>
    <row r="235272" spans="8:8">
      <c r="H235272" s="12"/>
    </row>
    <row r="235273" spans="8:8">
      <c r="H235273" s="12"/>
    </row>
    <row r="235274" spans="8:8">
      <c r="H235274" s="12"/>
    </row>
    <row r="235275" spans="8:8">
      <c r="H235275" s="12"/>
    </row>
    <row r="235276" spans="8:8">
      <c r="H235276" s="12"/>
    </row>
    <row r="235277" spans="8:8">
      <c r="H235277" s="12"/>
    </row>
    <row r="235278" spans="8:8">
      <c r="H235278" s="12"/>
    </row>
    <row r="235279" spans="8:8">
      <c r="H235279" s="12"/>
    </row>
    <row r="235280" spans="8:8">
      <c r="H235280" s="12"/>
    </row>
    <row r="235281" spans="8:8">
      <c r="H235281" s="12"/>
    </row>
    <row r="235282" spans="8:8">
      <c r="H235282" s="12"/>
    </row>
    <row r="235283" spans="8:8">
      <c r="H235283" s="12"/>
    </row>
    <row r="235284" spans="8:8">
      <c r="H235284" s="12"/>
    </row>
    <row r="235285" spans="8:8">
      <c r="H235285" s="12"/>
    </row>
    <row r="235286" spans="8:8">
      <c r="H235286" s="12"/>
    </row>
    <row r="235287" spans="8:8">
      <c r="H235287" s="12"/>
    </row>
    <row r="235288" spans="8:8">
      <c r="H235288" s="12"/>
    </row>
    <row r="235289" spans="8:8">
      <c r="H235289" s="12"/>
    </row>
    <row r="235290" spans="8:8">
      <c r="H235290" s="12"/>
    </row>
    <row r="235291" spans="8:8">
      <c r="H235291" s="12"/>
    </row>
    <row r="235292" spans="8:8">
      <c r="H235292" s="12"/>
    </row>
    <row r="235293" spans="8:8">
      <c r="H235293" s="12"/>
    </row>
    <row r="235294" spans="8:8">
      <c r="H235294" s="12"/>
    </row>
    <row r="235295" spans="8:8">
      <c r="H235295" s="12"/>
    </row>
    <row r="235296" spans="8:8">
      <c r="H235296" s="12"/>
    </row>
    <row r="235297" spans="8:8">
      <c r="H235297" s="12"/>
    </row>
    <row r="235298" spans="8:8">
      <c r="H235298" s="12"/>
    </row>
    <row r="235299" spans="8:8">
      <c r="H235299" s="12"/>
    </row>
    <row r="235300" spans="8:8">
      <c r="H235300" s="12"/>
    </row>
    <row r="235301" spans="8:8">
      <c r="H235301" s="12"/>
    </row>
    <row r="235302" spans="8:8">
      <c r="H235302" s="12"/>
    </row>
    <row r="235303" spans="8:8">
      <c r="H235303" s="12"/>
    </row>
    <row r="235304" spans="8:8">
      <c r="H235304" s="12"/>
    </row>
    <row r="235305" spans="8:8">
      <c r="H235305" s="12"/>
    </row>
    <row r="235306" spans="8:8">
      <c r="H235306" s="12"/>
    </row>
    <row r="235307" spans="8:8">
      <c r="H235307" s="12"/>
    </row>
    <row r="235308" spans="8:8">
      <c r="H235308" s="12"/>
    </row>
    <row r="235309" spans="8:8">
      <c r="H235309" s="12"/>
    </row>
    <row r="235310" spans="8:8">
      <c r="H235310" s="12"/>
    </row>
    <row r="235311" spans="8:8">
      <c r="H235311" s="12"/>
    </row>
    <row r="235312" spans="8:8">
      <c r="H235312" s="12"/>
    </row>
    <row r="235313" spans="8:8">
      <c r="H235313" s="12"/>
    </row>
    <row r="235314" spans="8:8">
      <c r="H235314" s="12"/>
    </row>
    <row r="235315" spans="8:8">
      <c r="H235315" s="12"/>
    </row>
    <row r="235316" spans="8:8">
      <c r="H235316" s="12"/>
    </row>
    <row r="235317" spans="8:8">
      <c r="H235317" s="12"/>
    </row>
    <row r="235318" spans="8:8">
      <c r="H235318" s="12"/>
    </row>
    <row r="235319" spans="8:8">
      <c r="H235319" s="12"/>
    </row>
    <row r="235320" spans="8:8">
      <c r="H235320" s="12"/>
    </row>
    <row r="235321" spans="8:8">
      <c r="H235321" s="12"/>
    </row>
    <row r="235322" spans="8:8">
      <c r="H235322" s="12"/>
    </row>
    <row r="235323" spans="8:8">
      <c r="H235323" s="12"/>
    </row>
    <row r="235324" spans="8:8">
      <c r="H235324" s="12"/>
    </row>
    <row r="235325" spans="8:8">
      <c r="H235325" s="12"/>
    </row>
    <row r="235326" spans="8:8">
      <c r="H235326" s="12"/>
    </row>
    <row r="235327" spans="8:8">
      <c r="H235327" s="12"/>
    </row>
    <row r="235328" spans="8:8">
      <c r="H235328" s="12"/>
    </row>
    <row r="235329" spans="8:8">
      <c r="H235329" s="12"/>
    </row>
    <row r="235330" spans="8:8">
      <c r="H235330" s="12"/>
    </row>
    <row r="235331" spans="8:8">
      <c r="H235331" s="12"/>
    </row>
    <row r="235332" spans="8:8">
      <c r="H235332" s="12"/>
    </row>
    <row r="235333" spans="8:8">
      <c r="H235333" s="12"/>
    </row>
    <row r="235334" spans="8:8">
      <c r="H235334" s="12"/>
    </row>
    <row r="235335" spans="8:8">
      <c r="H235335" s="12"/>
    </row>
    <row r="235336" spans="8:8">
      <c r="H235336" s="12"/>
    </row>
    <row r="235337" spans="8:8">
      <c r="H235337" s="12"/>
    </row>
    <row r="235338" spans="8:8">
      <c r="H235338" s="12"/>
    </row>
    <row r="235339" spans="8:8">
      <c r="H235339" s="12"/>
    </row>
    <row r="235340" spans="8:8">
      <c r="H235340" s="12"/>
    </row>
    <row r="235341" spans="8:8">
      <c r="H235341" s="12"/>
    </row>
    <row r="235342" spans="8:8">
      <c r="H235342" s="12"/>
    </row>
    <row r="235343" spans="8:8">
      <c r="H235343" s="12"/>
    </row>
    <row r="235344" spans="8:8">
      <c r="H235344" s="12"/>
    </row>
    <row r="235345" spans="8:8">
      <c r="H235345" s="12"/>
    </row>
    <row r="235346" spans="8:8">
      <c r="H235346" s="12"/>
    </row>
    <row r="235347" spans="8:8">
      <c r="H235347" s="12"/>
    </row>
    <row r="235348" spans="8:8">
      <c r="H235348" s="12"/>
    </row>
    <row r="235349" spans="8:8">
      <c r="H235349" s="12"/>
    </row>
    <row r="235350" spans="8:8">
      <c r="H235350" s="12"/>
    </row>
    <row r="235351" spans="8:8">
      <c r="H235351" s="12"/>
    </row>
    <row r="235352" spans="8:8">
      <c r="H235352" s="12"/>
    </row>
    <row r="235353" spans="8:8">
      <c r="H235353" s="12"/>
    </row>
    <row r="235354" spans="8:8">
      <c r="H235354" s="12"/>
    </row>
    <row r="235355" spans="8:8">
      <c r="H235355" s="12"/>
    </row>
    <row r="235356" spans="8:8">
      <c r="H235356" s="12"/>
    </row>
    <row r="235357" spans="8:8">
      <c r="H235357" s="12"/>
    </row>
    <row r="235358" spans="8:8">
      <c r="H235358" s="12"/>
    </row>
    <row r="235359" spans="8:8">
      <c r="H235359" s="12"/>
    </row>
    <row r="235360" spans="8:8">
      <c r="H235360" s="12"/>
    </row>
    <row r="235361" spans="8:8">
      <c r="H235361" s="12"/>
    </row>
    <row r="235362" spans="8:8">
      <c r="H235362" s="12"/>
    </row>
    <row r="235363" spans="8:8">
      <c r="H235363" s="12"/>
    </row>
    <row r="235364" spans="8:8">
      <c r="H235364" s="12"/>
    </row>
    <row r="235365" spans="8:8">
      <c r="H235365" s="12"/>
    </row>
    <row r="235366" spans="8:8">
      <c r="H235366" s="12"/>
    </row>
    <row r="235367" spans="8:8">
      <c r="H235367" s="12"/>
    </row>
    <row r="235368" spans="8:8">
      <c r="H235368" s="12"/>
    </row>
    <row r="235369" spans="8:8">
      <c r="H235369" s="12"/>
    </row>
    <row r="235370" spans="8:8">
      <c r="H235370" s="12"/>
    </row>
    <row r="235371" spans="8:8">
      <c r="H235371" s="12"/>
    </row>
    <row r="235372" spans="8:8">
      <c r="H235372" s="12"/>
    </row>
    <row r="235373" spans="8:8">
      <c r="H235373" s="12"/>
    </row>
    <row r="235374" spans="8:8">
      <c r="H235374" s="12"/>
    </row>
    <row r="235375" spans="8:8">
      <c r="H235375" s="12"/>
    </row>
    <row r="235376" spans="8:8">
      <c r="H235376" s="12"/>
    </row>
    <row r="235377" spans="8:8">
      <c r="H235377" s="12"/>
    </row>
    <row r="235378" spans="8:8">
      <c r="H235378" s="12"/>
    </row>
    <row r="235379" spans="8:8">
      <c r="H235379" s="12"/>
    </row>
    <row r="235380" spans="8:8">
      <c r="H235380" s="12"/>
    </row>
    <row r="235381" spans="8:8">
      <c r="H235381" s="12"/>
    </row>
    <row r="235382" spans="8:8">
      <c r="H235382" s="12"/>
    </row>
    <row r="235383" spans="8:8">
      <c r="H235383" s="12"/>
    </row>
    <row r="235384" spans="8:8">
      <c r="H235384" s="12"/>
    </row>
    <row r="235385" spans="8:8">
      <c r="H235385" s="12"/>
    </row>
    <row r="235386" spans="8:8">
      <c r="H235386" s="12"/>
    </row>
    <row r="235387" spans="8:8">
      <c r="H235387" s="12"/>
    </row>
    <row r="235388" spans="8:8">
      <c r="H235388" s="12"/>
    </row>
    <row r="235389" spans="8:8">
      <c r="H235389" s="12"/>
    </row>
    <row r="235390" spans="8:8">
      <c r="H235390" s="12"/>
    </row>
    <row r="235391" spans="8:8">
      <c r="H235391" s="12"/>
    </row>
    <row r="235392" spans="8:8">
      <c r="H235392" s="12"/>
    </row>
    <row r="235393" spans="8:8">
      <c r="H235393" s="12"/>
    </row>
    <row r="235394" spans="8:8">
      <c r="H235394" s="12"/>
    </row>
    <row r="235395" spans="8:8">
      <c r="H235395" s="12"/>
    </row>
    <row r="235396" spans="8:8">
      <c r="H235396" s="12"/>
    </row>
    <row r="235397" spans="8:8">
      <c r="H235397" s="12"/>
    </row>
    <row r="235398" spans="8:8">
      <c r="H235398" s="12"/>
    </row>
    <row r="235399" spans="8:8">
      <c r="H235399" s="12"/>
    </row>
    <row r="235400" spans="8:8">
      <c r="H235400" s="12"/>
    </row>
    <row r="235401" spans="8:8">
      <c r="H235401" s="12"/>
    </row>
    <row r="235402" spans="8:8">
      <c r="H235402" s="12"/>
    </row>
    <row r="235403" spans="8:8">
      <c r="H235403" s="12"/>
    </row>
    <row r="235404" spans="8:8">
      <c r="H235404" s="12"/>
    </row>
    <row r="235405" spans="8:8">
      <c r="H235405" s="12"/>
    </row>
    <row r="235406" spans="8:8">
      <c r="H235406" s="12"/>
    </row>
    <row r="235407" spans="8:8">
      <c r="H235407" s="12"/>
    </row>
    <row r="235408" spans="8:8">
      <c r="H235408" s="12"/>
    </row>
    <row r="235409" spans="8:8">
      <c r="H235409" s="12"/>
    </row>
    <row r="235410" spans="8:8">
      <c r="H235410" s="12"/>
    </row>
    <row r="235411" spans="8:8">
      <c r="H235411" s="12"/>
    </row>
    <row r="235412" spans="8:8">
      <c r="H235412" s="12"/>
    </row>
    <row r="235413" spans="8:8">
      <c r="H235413" s="12"/>
    </row>
    <row r="235414" spans="8:8">
      <c r="H235414" s="12"/>
    </row>
    <row r="235415" spans="8:8">
      <c r="H235415" s="12"/>
    </row>
    <row r="235416" spans="8:8">
      <c r="H235416" s="12"/>
    </row>
    <row r="235417" spans="8:8">
      <c r="H235417" s="12"/>
    </row>
    <row r="235418" spans="8:8">
      <c r="H235418" s="12"/>
    </row>
    <row r="235419" spans="8:8">
      <c r="H235419" s="12"/>
    </row>
    <row r="235420" spans="8:8">
      <c r="H235420" s="12"/>
    </row>
    <row r="235421" spans="8:8">
      <c r="H235421" s="12"/>
    </row>
    <row r="235422" spans="8:8">
      <c r="H235422" s="12"/>
    </row>
    <row r="235423" spans="8:8">
      <c r="H235423" s="12"/>
    </row>
    <row r="235424" spans="8:8">
      <c r="H235424" s="12"/>
    </row>
    <row r="235425" spans="8:8">
      <c r="H235425" s="12"/>
    </row>
    <row r="235426" spans="8:8">
      <c r="H235426" s="12"/>
    </row>
    <row r="235427" spans="8:8">
      <c r="H235427" s="12"/>
    </row>
    <row r="235428" spans="8:8">
      <c r="H235428" s="12"/>
    </row>
    <row r="235429" spans="8:8">
      <c r="H235429" s="12"/>
    </row>
    <row r="235430" spans="8:8">
      <c r="H235430" s="12"/>
    </row>
    <row r="235431" spans="8:8">
      <c r="H235431" s="12"/>
    </row>
    <row r="235432" spans="8:8">
      <c r="H235432" s="12"/>
    </row>
    <row r="235433" spans="8:8">
      <c r="H235433" s="12"/>
    </row>
    <row r="235434" spans="8:8">
      <c r="H235434" s="12"/>
    </row>
    <row r="235435" spans="8:8">
      <c r="H235435" s="12"/>
    </row>
    <row r="235436" spans="8:8">
      <c r="H235436" s="12"/>
    </row>
    <row r="235437" spans="8:8">
      <c r="H235437" s="12"/>
    </row>
    <row r="235438" spans="8:8">
      <c r="H235438" s="12"/>
    </row>
    <row r="235439" spans="8:8">
      <c r="H235439" s="12"/>
    </row>
    <row r="235440" spans="8:8">
      <c r="H235440" s="12"/>
    </row>
    <row r="235441" spans="8:8">
      <c r="H235441" s="12"/>
    </row>
    <row r="235442" spans="8:8">
      <c r="H235442" s="12"/>
    </row>
    <row r="235443" spans="8:8">
      <c r="H235443" s="12"/>
    </row>
    <row r="235444" spans="8:8">
      <c r="H235444" s="12"/>
    </row>
    <row r="235445" spans="8:8">
      <c r="H235445" s="12"/>
    </row>
    <row r="235446" spans="8:8">
      <c r="H235446" s="12"/>
    </row>
    <row r="235447" spans="8:8">
      <c r="H235447" s="12"/>
    </row>
    <row r="235448" spans="8:8">
      <c r="H235448" s="12"/>
    </row>
    <row r="235449" spans="8:8">
      <c r="H235449" s="12"/>
    </row>
    <row r="235450" spans="8:8">
      <c r="H235450" s="12"/>
    </row>
    <row r="235451" spans="8:8">
      <c r="H235451" s="12"/>
    </row>
    <row r="235452" spans="8:8">
      <c r="H235452" s="12"/>
    </row>
    <row r="235453" spans="8:8">
      <c r="H235453" s="12"/>
    </row>
    <row r="235454" spans="8:8">
      <c r="H235454" s="12"/>
    </row>
    <row r="235455" spans="8:8">
      <c r="H235455" s="12"/>
    </row>
    <row r="235456" spans="8:8">
      <c r="H235456" s="12"/>
    </row>
    <row r="235457" spans="8:8">
      <c r="H235457" s="12"/>
    </row>
    <row r="235458" spans="8:8">
      <c r="H235458" s="12"/>
    </row>
    <row r="235459" spans="8:8">
      <c r="H235459" s="12"/>
    </row>
    <row r="235460" spans="8:8">
      <c r="H235460" s="12"/>
    </row>
    <row r="235461" spans="8:8">
      <c r="H235461" s="12"/>
    </row>
    <row r="235462" spans="8:8">
      <c r="H235462" s="12"/>
    </row>
    <row r="235463" spans="8:8">
      <c r="H235463" s="12"/>
    </row>
    <row r="235464" spans="8:8">
      <c r="H235464" s="12"/>
    </row>
    <row r="235465" spans="8:8">
      <c r="H235465" s="12"/>
    </row>
    <row r="235466" spans="8:8">
      <c r="H235466" s="12"/>
    </row>
    <row r="235467" spans="8:8">
      <c r="H235467" s="12"/>
    </row>
    <row r="235468" spans="8:8">
      <c r="H235468" s="12"/>
    </row>
    <row r="235469" spans="8:8">
      <c r="H235469" s="12"/>
    </row>
    <row r="235470" spans="8:8">
      <c r="H235470" s="12"/>
    </row>
    <row r="235471" spans="8:8">
      <c r="H235471" s="12"/>
    </row>
    <row r="235472" spans="8:8">
      <c r="H235472" s="12"/>
    </row>
    <row r="235473" spans="8:8">
      <c r="H235473" s="12"/>
    </row>
    <row r="235474" spans="8:8">
      <c r="H235474" s="12"/>
    </row>
    <row r="235475" spans="8:8">
      <c r="H235475" s="12"/>
    </row>
    <row r="235476" spans="8:8">
      <c r="H235476" s="12"/>
    </row>
    <row r="235477" spans="8:8">
      <c r="H235477" s="12"/>
    </row>
    <row r="235478" spans="8:8">
      <c r="H235478" s="12"/>
    </row>
    <row r="235479" spans="8:8">
      <c r="H235479" s="12"/>
    </row>
    <row r="235480" spans="8:8">
      <c r="H235480" s="12"/>
    </row>
    <row r="235481" spans="8:8">
      <c r="H235481" s="12"/>
    </row>
    <row r="235482" spans="8:8">
      <c r="H235482" s="12"/>
    </row>
    <row r="235483" spans="8:8">
      <c r="H235483" s="12"/>
    </row>
    <row r="235484" spans="8:8">
      <c r="H235484" s="12"/>
    </row>
    <row r="235485" spans="8:8">
      <c r="H235485" s="12"/>
    </row>
    <row r="235486" spans="8:8">
      <c r="H235486" s="12"/>
    </row>
    <row r="235487" spans="8:8">
      <c r="H235487" s="12"/>
    </row>
    <row r="235488" spans="8:8">
      <c r="H235488" s="12"/>
    </row>
    <row r="235489" spans="8:8">
      <c r="H235489" s="12"/>
    </row>
    <row r="235490" spans="8:8">
      <c r="H235490" s="12"/>
    </row>
    <row r="235491" spans="8:8">
      <c r="H235491" s="12"/>
    </row>
    <row r="235492" spans="8:8">
      <c r="H235492" s="12"/>
    </row>
    <row r="235493" spans="8:8">
      <c r="H235493" s="12"/>
    </row>
    <row r="235494" spans="8:8">
      <c r="H235494" s="12"/>
    </row>
    <row r="235495" spans="8:8">
      <c r="H235495" s="12"/>
    </row>
    <row r="235496" spans="8:8">
      <c r="H235496" s="12"/>
    </row>
    <row r="235497" spans="8:8">
      <c r="H235497" s="12"/>
    </row>
    <row r="235498" spans="8:8">
      <c r="H235498" s="12"/>
    </row>
    <row r="235499" spans="8:8">
      <c r="H235499" s="12"/>
    </row>
    <row r="235500" spans="8:8">
      <c r="H235500" s="12"/>
    </row>
    <row r="235501" spans="8:8">
      <c r="H235501" s="12"/>
    </row>
    <row r="235502" spans="8:8">
      <c r="H235502" s="12"/>
    </row>
    <row r="235503" spans="8:8">
      <c r="H235503" s="12"/>
    </row>
    <row r="235504" spans="8:8">
      <c r="H235504" s="12"/>
    </row>
    <row r="235505" spans="8:8">
      <c r="H235505" s="12"/>
    </row>
    <row r="235506" spans="8:8">
      <c r="H235506" s="12"/>
    </row>
    <row r="235507" spans="8:8">
      <c r="H235507" s="12"/>
    </row>
    <row r="235508" spans="8:8">
      <c r="H235508" s="12"/>
    </row>
    <row r="235509" spans="8:8">
      <c r="H235509" s="12"/>
    </row>
    <row r="235510" spans="8:8">
      <c r="H235510" s="12"/>
    </row>
    <row r="235511" spans="8:8">
      <c r="H235511" s="12"/>
    </row>
    <row r="235512" spans="8:8">
      <c r="H235512" s="12"/>
    </row>
    <row r="235513" spans="8:8">
      <c r="H235513" s="12"/>
    </row>
    <row r="235514" spans="8:8">
      <c r="H235514" s="12"/>
    </row>
    <row r="235515" spans="8:8">
      <c r="H235515" s="12"/>
    </row>
    <row r="235516" spans="8:8">
      <c r="H235516" s="12"/>
    </row>
    <row r="235517" spans="8:8">
      <c r="H235517" s="12"/>
    </row>
    <row r="235518" spans="8:8">
      <c r="H235518" s="12"/>
    </row>
    <row r="235519" spans="8:8">
      <c r="H235519" s="12"/>
    </row>
    <row r="235520" spans="8:8">
      <c r="H235520" s="12"/>
    </row>
    <row r="235521" spans="8:8">
      <c r="H235521" s="12"/>
    </row>
    <row r="235522" spans="8:8">
      <c r="H235522" s="12"/>
    </row>
    <row r="235523" spans="8:8">
      <c r="H235523" s="12"/>
    </row>
    <row r="235524" spans="8:8">
      <c r="H235524" s="12"/>
    </row>
    <row r="235525" spans="8:8">
      <c r="H235525" s="12"/>
    </row>
    <row r="235526" spans="8:8">
      <c r="H235526" s="12"/>
    </row>
    <row r="235527" spans="8:8">
      <c r="H235527" s="12"/>
    </row>
    <row r="235528" spans="8:8">
      <c r="H235528" s="12"/>
    </row>
    <row r="235529" spans="8:8">
      <c r="H235529" s="12"/>
    </row>
    <row r="235530" spans="8:8">
      <c r="H235530" s="12"/>
    </row>
    <row r="235531" spans="8:8">
      <c r="H235531" s="12"/>
    </row>
    <row r="235532" spans="8:8">
      <c r="H235532" s="12"/>
    </row>
    <row r="235533" spans="8:8">
      <c r="H235533" s="12"/>
    </row>
    <row r="235534" spans="8:8">
      <c r="H235534" s="12"/>
    </row>
    <row r="235535" spans="8:8">
      <c r="H235535" s="12"/>
    </row>
    <row r="235536" spans="8:8">
      <c r="H235536" s="12"/>
    </row>
    <row r="235537" spans="8:8">
      <c r="H235537" s="12"/>
    </row>
    <row r="235538" spans="8:8">
      <c r="H235538" s="12"/>
    </row>
    <row r="235539" spans="8:8">
      <c r="H235539" s="12"/>
    </row>
    <row r="235540" spans="8:8">
      <c r="H235540" s="12"/>
    </row>
    <row r="235541" spans="8:8">
      <c r="H235541" s="12"/>
    </row>
    <row r="235542" spans="8:8">
      <c r="H235542" s="12"/>
    </row>
    <row r="235543" spans="8:8">
      <c r="H235543" s="12"/>
    </row>
    <row r="235544" spans="8:8">
      <c r="H235544" s="12"/>
    </row>
    <row r="235545" spans="8:8">
      <c r="H235545" s="12"/>
    </row>
    <row r="235546" spans="8:8">
      <c r="H235546" s="12"/>
    </row>
    <row r="235547" spans="8:8">
      <c r="H235547" s="12"/>
    </row>
    <row r="235548" spans="8:8">
      <c r="H235548" s="12"/>
    </row>
    <row r="235549" spans="8:8">
      <c r="H235549" s="12"/>
    </row>
    <row r="235550" spans="8:8">
      <c r="H235550" s="12"/>
    </row>
    <row r="235551" spans="8:8">
      <c r="H235551" s="12"/>
    </row>
    <row r="235552" spans="8:8">
      <c r="H235552" s="12"/>
    </row>
    <row r="235553" spans="8:8">
      <c r="H235553" s="12"/>
    </row>
    <row r="235554" spans="8:8">
      <c r="H235554" s="12"/>
    </row>
    <row r="235555" spans="8:8">
      <c r="H235555" s="12"/>
    </row>
    <row r="235556" spans="8:8">
      <c r="H235556" s="12"/>
    </row>
    <row r="235557" spans="8:8">
      <c r="H235557" s="12"/>
    </row>
    <row r="235558" spans="8:8">
      <c r="H235558" s="12"/>
    </row>
    <row r="235559" spans="8:8">
      <c r="H235559" s="12"/>
    </row>
    <row r="235560" spans="8:8">
      <c r="H235560" s="12"/>
    </row>
    <row r="235561" spans="8:8">
      <c r="H235561" s="12"/>
    </row>
    <row r="235562" spans="8:8">
      <c r="H235562" s="12"/>
    </row>
    <row r="235563" spans="8:8">
      <c r="H235563" s="12"/>
    </row>
    <row r="235564" spans="8:8">
      <c r="H235564" s="12"/>
    </row>
    <row r="235565" spans="8:8">
      <c r="H235565" s="12"/>
    </row>
    <row r="235566" spans="8:8">
      <c r="H235566" s="12"/>
    </row>
    <row r="235567" spans="8:8">
      <c r="H235567" s="12"/>
    </row>
    <row r="235568" spans="8:8">
      <c r="H235568" s="12"/>
    </row>
    <row r="235569" spans="8:8">
      <c r="H235569" s="12"/>
    </row>
    <row r="235570" spans="8:8">
      <c r="H235570" s="12"/>
    </row>
    <row r="235571" spans="8:8">
      <c r="H235571" s="12"/>
    </row>
    <row r="235572" spans="8:8">
      <c r="H235572" s="12"/>
    </row>
    <row r="235573" spans="8:8">
      <c r="H235573" s="12"/>
    </row>
    <row r="235574" spans="8:8">
      <c r="H235574" s="12"/>
    </row>
    <row r="235575" spans="8:8">
      <c r="H235575" s="12"/>
    </row>
    <row r="235576" spans="8:8">
      <c r="H235576" s="12"/>
    </row>
    <row r="235577" spans="8:8">
      <c r="H235577" s="12"/>
    </row>
    <row r="235578" spans="8:8">
      <c r="H235578" s="12"/>
    </row>
    <row r="235579" spans="8:8">
      <c r="H235579" s="12"/>
    </row>
    <row r="235580" spans="8:8">
      <c r="H235580" s="12"/>
    </row>
    <row r="235581" spans="8:8">
      <c r="H235581" s="12"/>
    </row>
    <row r="235582" spans="8:8">
      <c r="H235582" s="12"/>
    </row>
    <row r="235583" spans="8:8">
      <c r="H235583" s="12"/>
    </row>
    <row r="235584" spans="8:8">
      <c r="H235584" s="12"/>
    </row>
    <row r="235585" spans="8:8">
      <c r="H235585" s="12"/>
    </row>
    <row r="235586" spans="8:8">
      <c r="H235586" s="12"/>
    </row>
    <row r="235587" spans="8:8">
      <c r="H235587" s="12"/>
    </row>
    <row r="235588" spans="8:8">
      <c r="H235588" s="12"/>
    </row>
    <row r="235589" spans="8:8">
      <c r="H235589" s="12"/>
    </row>
    <row r="235590" spans="8:8">
      <c r="H235590" s="12"/>
    </row>
    <row r="235591" spans="8:8">
      <c r="H235591" s="12"/>
    </row>
    <row r="235592" spans="8:8">
      <c r="H235592" s="12"/>
    </row>
    <row r="235593" spans="8:8">
      <c r="H235593" s="12"/>
    </row>
    <row r="235594" spans="8:8">
      <c r="H235594" s="12"/>
    </row>
    <row r="235595" spans="8:8">
      <c r="H235595" s="12"/>
    </row>
    <row r="235596" spans="8:8">
      <c r="H235596" s="12"/>
    </row>
    <row r="235597" spans="8:8">
      <c r="H235597" s="12"/>
    </row>
    <row r="235598" spans="8:8">
      <c r="H235598" s="12"/>
    </row>
    <row r="235599" spans="8:8">
      <c r="H235599" s="12"/>
    </row>
    <row r="235600" spans="8:8">
      <c r="H235600" s="12"/>
    </row>
    <row r="235601" spans="8:8">
      <c r="H235601" s="12"/>
    </row>
    <row r="235602" spans="8:8">
      <c r="H235602" s="12"/>
    </row>
    <row r="235603" spans="8:8">
      <c r="H235603" s="12"/>
    </row>
    <row r="235604" spans="8:8">
      <c r="H235604" s="12"/>
    </row>
    <row r="235605" spans="8:8">
      <c r="H235605" s="12"/>
    </row>
    <row r="235606" spans="8:8">
      <c r="H235606" s="12"/>
    </row>
    <row r="235607" spans="8:8">
      <c r="H235607" s="12"/>
    </row>
    <row r="235608" spans="8:8">
      <c r="H235608" s="12"/>
    </row>
    <row r="235609" spans="8:8">
      <c r="H235609" s="12"/>
    </row>
    <row r="235610" spans="8:8">
      <c r="H235610" s="12"/>
    </row>
    <row r="235611" spans="8:8">
      <c r="H235611" s="12"/>
    </row>
    <row r="235612" spans="8:8">
      <c r="H235612" s="12"/>
    </row>
    <row r="235613" spans="8:8">
      <c r="H235613" s="12"/>
    </row>
    <row r="235614" spans="8:8">
      <c r="H235614" s="12"/>
    </row>
    <row r="235615" spans="8:8">
      <c r="H235615" s="12"/>
    </row>
    <row r="235616" spans="8:8">
      <c r="H235616" s="12"/>
    </row>
    <row r="235617" spans="8:8">
      <c r="H235617" s="12"/>
    </row>
    <row r="235618" spans="8:8">
      <c r="H235618" s="12"/>
    </row>
    <row r="235619" spans="8:8">
      <c r="H235619" s="12"/>
    </row>
    <row r="235620" spans="8:8">
      <c r="H235620" s="12"/>
    </row>
    <row r="235621" spans="8:8">
      <c r="H235621" s="12"/>
    </row>
    <row r="235622" spans="8:8">
      <c r="H235622" s="12"/>
    </row>
    <row r="235623" spans="8:8">
      <c r="H235623" s="12"/>
    </row>
    <row r="235624" spans="8:8">
      <c r="H235624" s="12"/>
    </row>
    <row r="235625" spans="8:8">
      <c r="H235625" s="12"/>
    </row>
    <row r="235626" spans="8:8">
      <c r="H235626" s="12"/>
    </row>
    <row r="235627" spans="8:8">
      <c r="H235627" s="12"/>
    </row>
    <row r="235628" spans="8:8">
      <c r="H235628" s="12"/>
    </row>
    <row r="235629" spans="8:8">
      <c r="H235629" s="12"/>
    </row>
    <row r="235630" spans="8:8">
      <c r="H235630" s="12"/>
    </row>
    <row r="235631" spans="8:8">
      <c r="H235631" s="12"/>
    </row>
    <row r="235632" spans="8:8">
      <c r="H235632" s="12"/>
    </row>
    <row r="235633" spans="8:8">
      <c r="H235633" s="12"/>
    </row>
    <row r="235634" spans="8:8">
      <c r="H235634" s="12"/>
    </row>
    <row r="235635" spans="8:8">
      <c r="H235635" s="12"/>
    </row>
    <row r="235636" spans="8:8">
      <c r="H235636" s="12"/>
    </row>
    <row r="235637" spans="8:8">
      <c r="H235637" s="12"/>
    </row>
    <row r="235638" spans="8:8">
      <c r="H235638" s="12"/>
    </row>
    <row r="235639" spans="8:8">
      <c r="H235639" s="12"/>
    </row>
    <row r="235640" spans="8:8">
      <c r="H235640" s="12"/>
    </row>
    <row r="235641" spans="8:8">
      <c r="H235641" s="12"/>
    </row>
    <row r="235642" spans="8:8">
      <c r="H235642" s="12"/>
    </row>
    <row r="235643" spans="8:8">
      <c r="H235643" s="12"/>
    </row>
    <row r="235644" spans="8:8">
      <c r="H235644" s="12"/>
    </row>
    <row r="235645" spans="8:8">
      <c r="H235645" s="12"/>
    </row>
    <row r="235646" spans="8:8">
      <c r="H235646" s="12"/>
    </row>
    <row r="235647" spans="8:8">
      <c r="H235647" s="12"/>
    </row>
    <row r="235648" spans="8:8">
      <c r="H235648" s="12"/>
    </row>
    <row r="235649" spans="8:8">
      <c r="H235649" s="12"/>
    </row>
    <row r="235650" spans="8:8">
      <c r="H235650" s="12"/>
    </row>
    <row r="235651" spans="8:8">
      <c r="H235651" s="12"/>
    </row>
    <row r="235652" spans="8:8">
      <c r="H235652" s="12"/>
    </row>
    <row r="235653" spans="8:8">
      <c r="H235653" s="12"/>
    </row>
    <row r="235654" spans="8:8">
      <c r="H235654" s="12"/>
    </row>
    <row r="235655" spans="8:8">
      <c r="H235655" s="12"/>
    </row>
    <row r="235656" spans="8:8">
      <c r="H235656" s="12"/>
    </row>
    <row r="235657" spans="8:8">
      <c r="H235657" s="12"/>
    </row>
    <row r="235658" spans="8:8">
      <c r="H235658" s="12"/>
    </row>
    <row r="235659" spans="8:8">
      <c r="H235659" s="12"/>
    </row>
    <row r="235660" spans="8:8">
      <c r="H235660" s="12"/>
    </row>
    <row r="235661" spans="8:8">
      <c r="H235661" s="12"/>
    </row>
    <row r="235662" spans="8:8">
      <c r="H235662" s="12"/>
    </row>
    <row r="235663" spans="8:8">
      <c r="H235663" s="12"/>
    </row>
    <row r="235664" spans="8:8">
      <c r="H235664" s="12"/>
    </row>
    <row r="235665" spans="8:8">
      <c r="H235665" s="12"/>
    </row>
    <row r="235666" spans="8:8">
      <c r="H235666" s="12"/>
    </row>
    <row r="235667" spans="8:8">
      <c r="H235667" s="12"/>
    </row>
    <row r="235668" spans="8:8">
      <c r="H235668" s="12"/>
    </row>
    <row r="235669" spans="8:8">
      <c r="H235669" s="12"/>
    </row>
    <row r="235670" spans="8:8">
      <c r="H235670" s="12"/>
    </row>
    <row r="235671" spans="8:8">
      <c r="H235671" s="12"/>
    </row>
    <row r="235672" spans="8:8">
      <c r="H235672" s="12"/>
    </row>
    <row r="235673" spans="8:8">
      <c r="H235673" s="12"/>
    </row>
    <row r="235674" spans="8:8">
      <c r="H235674" s="12"/>
    </row>
    <row r="235675" spans="8:8">
      <c r="H235675" s="12"/>
    </row>
    <row r="235676" spans="8:8">
      <c r="H235676" s="12"/>
    </row>
    <row r="235677" spans="8:8">
      <c r="H235677" s="12"/>
    </row>
    <row r="235678" spans="8:8">
      <c r="H235678" s="12"/>
    </row>
    <row r="235679" spans="8:8">
      <c r="H235679" s="12"/>
    </row>
    <row r="235680" spans="8:8">
      <c r="H235680" s="12"/>
    </row>
    <row r="235681" spans="8:8">
      <c r="H235681" s="12"/>
    </row>
    <row r="235682" spans="8:8">
      <c r="H235682" s="12"/>
    </row>
    <row r="235683" spans="8:8">
      <c r="H235683" s="12"/>
    </row>
    <row r="235684" spans="8:8">
      <c r="H235684" s="12"/>
    </row>
    <row r="235685" spans="8:8">
      <c r="H235685" s="12"/>
    </row>
    <row r="235686" spans="8:8">
      <c r="H235686" s="12"/>
    </row>
    <row r="235687" spans="8:8">
      <c r="H235687" s="12"/>
    </row>
    <row r="235688" spans="8:8">
      <c r="H235688" s="12"/>
    </row>
    <row r="235689" spans="8:8">
      <c r="H235689" s="12"/>
    </row>
    <row r="235690" spans="8:8">
      <c r="H235690" s="12"/>
    </row>
    <row r="235691" spans="8:8">
      <c r="H235691" s="12"/>
    </row>
    <row r="235692" spans="8:8">
      <c r="H235692" s="12"/>
    </row>
    <row r="235693" spans="8:8">
      <c r="H235693" s="12"/>
    </row>
    <row r="235694" spans="8:8">
      <c r="H235694" s="12"/>
    </row>
    <row r="235695" spans="8:8">
      <c r="H235695" s="12"/>
    </row>
    <row r="235696" spans="8:8">
      <c r="H235696" s="12"/>
    </row>
    <row r="235697" spans="8:8">
      <c r="H235697" s="12"/>
    </row>
    <row r="235698" spans="8:8">
      <c r="H235698" s="12"/>
    </row>
    <row r="235699" spans="8:8">
      <c r="H235699" s="12"/>
    </row>
    <row r="235700" spans="8:8">
      <c r="H235700" s="12"/>
    </row>
    <row r="235701" spans="8:8">
      <c r="H235701" s="12"/>
    </row>
    <row r="235702" spans="8:8">
      <c r="H235702" s="12"/>
    </row>
    <row r="235703" spans="8:8">
      <c r="H235703" s="12"/>
    </row>
    <row r="235704" spans="8:8">
      <c r="H235704" s="12"/>
    </row>
    <row r="235705" spans="8:8">
      <c r="H235705" s="12"/>
    </row>
    <row r="235706" spans="8:8">
      <c r="H235706" s="12"/>
    </row>
    <row r="235707" spans="8:8">
      <c r="H235707" s="12"/>
    </row>
    <row r="235708" spans="8:8">
      <c r="H235708" s="12"/>
    </row>
    <row r="235709" spans="8:8">
      <c r="H235709" s="12"/>
    </row>
    <row r="235710" spans="8:8">
      <c r="H235710" s="12"/>
    </row>
    <row r="235711" spans="8:8">
      <c r="H235711" s="12"/>
    </row>
    <row r="235712" spans="8:8">
      <c r="H235712" s="12"/>
    </row>
    <row r="235713" spans="8:8">
      <c r="H235713" s="12"/>
    </row>
    <row r="235714" spans="8:8">
      <c r="H235714" s="12"/>
    </row>
    <row r="235715" spans="8:8">
      <c r="H235715" s="12"/>
    </row>
    <row r="235716" spans="8:8">
      <c r="H235716" s="12"/>
    </row>
    <row r="235717" spans="8:8">
      <c r="H235717" s="12"/>
    </row>
    <row r="235718" spans="8:8">
      <c r="H235718" s="12"/>
    </row>
    <row r="235719" spans="8:8">
      <c r="H235719" s="12"/>
    </row>
    <row r="235720" spans="8:8">
      <c r="H235720" s="12"/>
    </row>
    <row r="235721" spans="8:8">
      <c r="H235721" s="12"/>
    </row>
    <row r="235722" spans="8:8">
      <c r="H235722" s="12"/>
    </row>
    <row r="235723" spans="8:8">
      <c r="H235723" s="12"/>
    </row>
    <row r="235724" spans="8:8">
      <c r="H235724" s="12"/>
    </row>
    <row r="235725" spans="8:8">
      <c r="H235725" s="12"/>
    </row>
    <row r="235726" spans="8:8">
      <c r="H235726" s="12"/>
    </row>
    <row r="235727" spans="8:8">
      <c r="H235727" s="12"/>
    </row>
    <row r="235728" spans="8:8">
      <c r="H235728" s="12"/>
    </row>
    <row r="235729" spans="8:8">
      <c r="H235729" s="12"/>
    </row>
    <row r="235730" spans="8:8">
      <c r="H235730" s="12"/>
    </row>
    <row r="235731" spans="8:8">
      <c r="H235731" s="12"/>
    </row>
    <row r="235732" spans="8:8">
      <c r="H235732" s="12"/>
    </row>
    <row r="235733" spans="8:8">
      <c r="H235733" s="12"/>
    </row>
    <row r="235734" spans="8:8">
      <c r="H235734" s="12"/>
    </row>
    <row r="235735" spans="8:8">
      <c r="H235735" s="12"/>
    </row>
    <row r="235736" spans="8:8">
      <c r="H235736" s="12"/>
    </row>
    <row r="235737" spans="8:8">
      <c r="H235737" s="12"/>
    </row>
    <row r="235738" spans="8:8">
      <c r="H235738" s="12"/>
    </row>
    <row r="235739" spans="8:8">
      <c r="H235739" s="12"/>
    </row>
    <row r="235740" spans="8:8">
      <c r="H235740" s="12"/>
    </row>
    <row r="235741" spans="8:8">
      <c r="H235741" s="12"/>
    </row>
    <row r="235742" spans="8:8">
      <c r="H235742" s="12"/>
    </row>
    <row r="235743" spans="8:8">
      <c r="H235743" s="12"/>
    </row>
    <row r="235744" spans="8:8">
      <c r="H235744" s="12"/>
    </row>
    <row r="235745" spans="8:8">
      <c r="H235745" s="12"/>
    </row>
    <row r="235746" spans="8:8">
      <c r="H235746" s="12"/>
    </row>
    <row r="235747" spans="8:8">
      <c r="H235747" s="12"/>
    </row>
    <row r="235748" spans="8:8">
      <c r="H235748" s="12"/>
    </row>
    <row r="235749" spans="8:8">
      <c r="H235749" s="12"/>
    </row>
    <row r="235750" spans="8:8">
      <c r="H235750" s="12"/>
    </row>
    <row r="235751" spans="8:8">
      <c r="H235751" s="12"/>
    </row>
    <row r="235752" spans="8:8">
      <c r="H235752" s="12"/>
    </row>
    <row r="235753" spans="8:8">
      <c r="H235753" s="12"/>
    </row>
    <row r="235754" spans="8:8">
      <c r="H235754" s="12"/>
    </row>
    <row r="235755" spans="8:8">
      <c r="H235755" s="12"/>
    </row>
    <row r="235756" spans="8:8">
      <c r="H235756" s="12"/>
    </row>
    <row r="235757" spans="8:8">
      <c r="H235757" s="12"/>
    </row>
    <row r="235758" spans="8:8">
      <c r="H235758" s="12"/>
    </row>
    <row r="235759" spans="8:8">
      <c r="H235759" s="12"/>
    </row>
    <row r="235760" spans="8:8">
      <c r="H235760" s="12"/>
    </row>
    <row r="235761" spans="8:8">
      <c r="H235761" s="12"/>
    </row>
    <row r="235762" spans="8:8">
      <c r="H235762" s="12"/>
    </row>
    <row r="235763" spans="8:8">
      <c r="H235763" s="12"/>
    </row>
    <row r="235764" spans="8:8">
      <c r="H235764" s="12"/>
    </row>
    <row r="235765" spans="8:8">
      <c r="H235765" s="12"/>
    </row>
    <row r="235766" spans="8:8">
      <c r="H235766" s="12"/>
    </row>
    <row r="235767" spans="8:8">
      <c r="H235767" s="12"/>
    </row>
    <row r="235768" spans="8:8">
      <c r="H235768" s="12"/>
    </row>
    <row r="235769" spans="8:8">
      <c r="H235769" s="12"/>
    </row>
    <row r="235770" spans="8:8">
      <c r="H235770" s="12"/>
    </row>
    <row r="235771" spans="8:8">
      <c r="H235771" s="12"/>
    </row>
    <row r="235772" spans="8:8">
      <c r="H235772" s="12"/>
    </row>
    <row r="235773" spans="8:8">
      <c r="H235773" s="12"/>
    </row>
    <row r="235774" spans="8:8">
      <c r="H235774" s="12"/>
    </row>
    <row r="235775" spans="8:8">
      <c r="H235775" s="12"/>
    </row>
    <row r="235776" spans="8:8">
      <c r="H235776" s="12"/>
    </row>
    <row r="235777" spans="8:8">
      <c r="H235777" s="12"/>
    </row>
    <row r="235778" spans="8:8">
      <c r="H235778" s="12"/>
    </row>
    <row r="235779" spans="8:8">
      <c r="H235779" s="12"/>
    </row>
    <row r="235780" spans="8:8">
      <c r="H235780" s="12"/>
    </row>
    <row r="235781" spans="8:8">
      <c r="H235781" s="12"/>
    </row>
    <row r="235782" spans="8:8">
      <c r="H235782" s="12"/>
    </row>
    <row r="235783" spans="8:8">
      <c r="H235783" s="12"/>
    </row>
    <row r="235784" spans="8:8">
      <c r="H235784" s="12"/>
    </row>
    <row r="235785" spans="8:8">
      <c r="H235785" s="12"/>
    </row>
    <row r="235786" spans="8:8">
      <c r="H235786" s="12"/>
    </row>
    <row r="235787" spans="8:8">
      <c r="H235787" s="12"/>
    </row>
    <row r="235788" spans="8:8">
      <c r="H235788" s="12"/>
    </row>
    <row r="235789" spans="8:8">
      <c r="H235789" s="12"/>
    </row>
    <row r="235790" spans="8:8">
      <c r="H235790" s="12"/>
    </row>
    <row r="235791" spans="8:8">
      <c r="H235791" s="12"/>
    </row>
    <row r="235792" spans="8:8">
      <c r="H235792" s="12"/>
    </row>
    <row r="235793" spans="8:8">
      <c r="H235793" s="12"/>
    </row>
    <row r="235794" spans="8:8">
      <c r="H235794" s="12"/>
    </row>
    <row r="235795" spans="8:8">
      <c r="H235795" s="12"/>
    </row>
    <row r="235796" spans="8:8">
      <c r="H235796" s="12"/>
    </row>
    <row r="235797" spans="8:8">
      <c r="H235797" s="12"/>
    </row>
    <row r="235798" spans="8:8">
      <c r="H235798" s="12"/>
    </row>
    <row r="235799" spans="8:8">
      <c r="H235799" s="12"/>
    </row>
    <row r="235800" spans="8:8">
      <c r="H235800" s="12"/>
    </row>
    <row r="235801" spans="8:8">
      <c r="H235801" s="12"/>
    </row>
    <row r="235802" spans="8:8">
      <c r="H235802" s="12"/>
    </row>
    <row r="235803" spans="8:8">
      <c r="H235803" s="12"/>
    </row>
    <row r="235804" spans="8:8">
      <c r="H235804" s="12"/>
    </row>
    <row r="235805" spans="8:8">
      <c r="H235805" s="12"/>
    </row>
    <row r="235806" spans="8:8">
      <c r="H235806" s="12"/>
    </row>
    <row r="235807" spans="8:8">
      <c r="H235807" s="12"/>
    </row>
    <row r="235808" spans="8:8">
      <c r="H235808" s="12"/>
    </row>
    <row r="235809" spans="8:8">
      <c r="H235809" s="12"/>
    </row>
    <row r="235810" spans="8:8">
      <c r="H235810" s="12"/>
    </row>
    <row r="235811" spans="8:8">
      <c r="H235811" s="12"/>
    </row>
    <row r="235812" spans="8:8">
      <c r="H235812" s="12"/>
    </row>
    <row r="235813" spans="8:8">
      <c r="H235813" s="12"/>
    </row>
    <row r="235814" spans="8:8">
      <c r="H235814" s="12"/>
    </row>
    <row r="235815" spans="8:8">
      <c r="H235815" s="12"/>
    </row>
    <row r="235816" spans="8:8">
      <c r="H235816" s="12"/>
    </row>
    <row r="235817" spans="8:8">
      <c r="H235817" s="12"/>
    </row>
    <row r="235818" spans="8:8">
      <c r="H235818" s="12"/>
    </row>
    <row r="235819" spans="8:8">
      <c r="H235819" s="12"/>
    </row>
    <row r="235820" spans="8:8">
      <c r="H235820" s="12"/>
    </row>
    <row r="235821" spans="8:8">
      <c r="H235821" s="12"/>
    </row>
    <row r="235822" spans="8:8">
      <c r="H235822" s="12"/>
    </row>
    <row r="235823" spans="8:8">
      <c r="H235823" s="12"/>
    </row>
    <row r="235824" spans="8:8">
      <c r="H235824" s="12"/>
    </row>
    <row r="235825" spans="8:8">
      <c r="H235825" s="12"/>
    </row>
    <row r="235826" spans="8:8">
      <c r="H235826" s="12"/>
    </row>
    <row r="235827" spans="8:8">
      <c r="H235827" s="12"/>
    </row>
    <row r="235828" spans="8:8">
      <c r="H235828" s="12"/>
    </row>
    <row r="235829" spans="8:8">
      <c r="H235829" s="12"/>
    </row>
    <row r="235830" spans="8:8">
      <c r="H235830" s="12"/>
    </row>
    <row r="235831" spans="8:8">
      <c r="H235831" s="12"/>
    </row>
    <row r="235832" spans="8:8">
      <c r="H235832" s="12"/>
    </row>
    <row r="235833" spans="8:8">
      <c r="H235833" s="12"/>
    </row>
    <row r="235834" spans="8:8">
      <c r="H235834" s="12"/>
    </row>
    <row r="235835" spans="8:8">
      <c r="H235835" s="12"/>
    </row>
    <row r="235836" spans="8:8">
      <c r="H235836" s="12"/>
    </row>
    <row r="235837" spans="8:8">
      <c r="H235837" s="12"/>
    </row>
    <row r="235838" spans="8:8">
      <c r="H235838" s="12"/>
    </row>
    <row r="235839" spans="8:8">
      <c r="H235839" s="12"/>
    </row>
    <row r="235840" spans="8:8">
      <c r="H235840" s="12"/>
    </row>
    <row r="235841" spans="8:8">
      <c r="H235841" s="12"/>
    </row>
    <row r="235842" spans="8:8">
      <c r="H235842" s="12"/>
    </row>
    <row r="235843" spans="8:8">
      <c r="H235843" s="12"/>
    </row>
    <row r="235844" spans="8:8">
      <c r="H235844" s="12"/>
    </row>
    <row r="235845" spans="8:8">
      <c r="H235845" s="12"/>
    </row>
    <row r="235846" spans="8:8">
      <c r="H235846" s="12"/>
    </row>
    <row r="235847" spans="8:8">
      <c r="H235847" s="12"/>
    </row>
    <row r="235848" spans="8:8">
      <c r="H235848" s="12"/>
    </row>
    <row r="235849" spans="8:8">
      <c r="H235849" s="12"/>
    </row>
    <row r="235850" spans="8:8">
      <c r="H235850" s="12"/>
    </row>
    <row r="235851" spans="8:8">
      <c r="H235851" s="12"/>
    </row>
    <row r="235852" spans="8:8">
      <c r="H235852" s="12"/>
    </row>
    <row r="235853" spans="8:8">
      <c r="H235853" s="12"/>
    </row>
    <row r="235854" spans="8:8">
      <c r="H235854" s="12"/>
    </row>
    <row r="235855" spans="8:8">
      <c r="H235855" s="12"/>
    </row>
    <row r="235856" spans="8:8">
      <c r="H235856" s="12"/>
    </row>
    <row r="235857" spans="8:8">
      <c r="H235857" s="12"/>
    </row>
    <row r="235858" spans="8:8">
      <c r="H235858" s="12"/>
    </row>
    <row r="235859" spans="8:8">
      <c r="H235859" s="12"/>
    </row>
    <row r="235860" spans="8:8">
      <c r="H235860" s="12"/>
    </row>
    <row r="235861" spans="8:8">
      <c r="H235861" s="12"/>
    </row>
    <row r="235862" spans="8:8">
      <c r="H235862" s="12"/>
    </row>
    <row r="235863" spans="8:8">
      <c r="H235863" s="12"/>
    </row>
    <row r="235864" spans="8:8">
      <c r="H235864" s="12"/>
    </row>
    <row r="235865" spans="8:8">
      <c r="H235865" s="12"/>
    </row>
    <row r="235866" spans="8:8">
      <c r="H235866" s="12"/>
    </row>
    <row r="235867" spans="8:8">
      <c r="H235867" s="12"/>
    </row>
    <row r="235868" spans="8:8">
      <c r="H235868" s="12"/>
    </row>
    <row r="235869" spans="8:8">
      <c r="H235869" s="12"/>
    </row>
    <row r="235870" spans="8:8">
      <c r="H235870" s="12"/>
    </row>
    <row r="235871" spans="8:8">
      <c r="H235871" s="12"/>
    </row>
    <row r="235872" spans="8:8">
      <c r="H235872" s="12"/>
    </row>
    <row r="235873" spans="8:8">
      <c r="H235873" s="12"/>
    </row>
    <row r="235874" spans="8:8">
      <c r="H235874" s="12"/>
    </row>
    <row r="235875" spans="8:8">
      <c r="H235875" s="12"/>
    </row>
    <row r="235876" spans="8:8">
      <c r="H235876" s="12"/>
    </row>
    <row r="235877" spans="8:8">
      <c r="H235877" s="12"/>
    </row>
    <row r="235878" spans="8:8">
      <c r="H235878" s="12"/>
    </row>
    <row r="235879" spans="8:8">
      <c r="H235879" s="12"/>
    </row>
    <row r="235880" spans="8:8">
      <c r="H235880" s="12"/>
    </row>
    <row r="235881" spans="8:8">
      <c r="H235881" s="12"/>
    </row>
    <row r="235882" spans="8:8">
      <c r="H235882" s="12"/>
    </row>
    <row r="235883" spans="8:8">
      <c r="H235883" s="12"/>
    </row>
    <row r="235884" spans="8:8">
      <c r="H235884" s="12"/>
    </row>
    <row r="235885" spans="8:8">
      <c r="H235885" s="12"/>
    </row>
    <row r="235886" spans="8:8">
      <c r="H235886" s="12"/>
    </row>
    <row r="235887" spans="8:8">
      <c r="H235887" s="12"/>
    </row>
    <row r="235888" spans="8:8">
      <c r="H235888" s="12"/>
    </row>
    <row r="235889" spans="8:8">
      <c r="H235889" s="12"/>
    </row>
    <row r="235890" spans="8:8">
      <c r="H235890" s="12"/>
    </row>
    <row r="235891" spans="8:8">
      <c r="H235891" s="12"/>
    </row>
    <row r="235892" spans="8:8">
      <c r="H235892" s="12"/>
    </row>
    <row r="235893" spans="8:8">
      <c r="H235893" s="12"/>
    </row>
    <row r="235894" spans="8:8">
      <c r="H235894" s="12"/>
    </row>
    <row r="235895" spans="8:8">
      <c r="H235895" s="12"/>
    </row>
    <row r="235896" spans="8:8">
      <c r="H235896" s="12"/>
    </row>
    <row r="235897" spans="8:8">
      <c r="H235897" s="12"/>
    </row>
    <row r="235898" spans="8:8">
      <c r="H235898" s="12"/>
    </row>
    <row r="235899" spans="8:8">
      <c r="H235899" s="12"/>
    </row>
    <row r="235900" spans="8:8">
      <c r="H235900" s="12"/>
    </row>
    <row r="235901" spans="8:8">
      <c r="H235901" s="12"/>
    </row>
    <row r="235902" spans="8:8">
      <c r="H235902" s="12"/>
    </row>
    <row r="235903" spans="8:8">
      <c r="H235903" s="12"/>
    </row>
    <row r="235904" spans="8:8">
      <c r="H235904" s="12"/>
    </row>
    <row r="235905" spans="8:8">
      <c r="H235905" s="12"/>
    </row>
    <row r="235906" spans="8:8">
      <c r="H235906" s="12"/>
    </row>
    <row r="235907" spans="8:8">
      <c r="H235907" s="12"/>
    </row>
    <row r="235908" spans="8:8">
      <c r="H235908" s="12"/>
    </row>
    <row r="235909" spans="8:8">
      <c r="H235909" s="12"/>
    </row>
    <row r="235910" spans="8:8">
      <c r="H235910" s="12"/>
    </row>
    <row r="235911" spans="8:8">
      <c r="H235911" s="12"/>
    </row>
    <row r="235912" spans="8:8">
      <c r="H235912" s="12"/>
    </row>
    <row r="235913" spans="8:8">
      <c r="H235913" s="12"/>
    </row>
    <row r="235914" spans="8:8">
      <c r="H235914" s="12"/>
    </row>
    <row r="235915" spans="8:8">
      <c r="H235915" s="12"/>
    </row>
    <row r="235916" spans="8:8">
      <c r="H235916" s="12"/>
    </row>
    <row r="235917" spans="8:8">
      <c r="H235917" s="12"/>
    </row>
    <row r="235918" spans="8:8">
      <c r="H235918" s="12"/>
    </row>
    <row r="235919" spans="8:8">
      <c r="H235919" s="12"/>
    </row>
    <row r="235920" spans="8:8">
      <c r="H235920" s="12"/>
    </row>
    <row r="235921" spans="8:8">
      <c r="H235921" s="12"/>
    </row>
    <row r="235922" spans="8:8">
      <c r="H235922" s="12"/>
    </row>
    <row r="235923" spans="8:8">
      <c r="H235923" s="12"/>
    </row>
    <row r="235924" spans="8:8">
      <c r="H235924" s="12"/>
    </row>
    <row r="235925" spans="8:8">
      <c r="H235925" s="12"/>
    </row>
    <row r="235926" spans="8:8">
      <c r="H235926" s="12"/>
    </row>
    <row r="235927" spans="8:8">
      <c r="H235927" s="12"/>
    </row>
    <row r="235928" spans="8:8">
      <c r="H235928" s="12"/>
    </row>
    <row r="235929" spans="8:8">
      <c r="H235929" s="12"/>
    </row>
    <row r="235930" spans="8:8">
      <c r="H235930" s="12"/>
    </row>
    <row r="235931" spans="8:8">
      <c r="H235931" s="12"/>
    </row>
    <row r="235932" spans="8:8">
      <c r="H235932" s="12"/>
    </row>
    <row r="235933" spans="8:8">
      <c r="H235933" s="12"/>
    </row>
    <row r="235934" spans="8:8">
      <c r="H235934" s="12"/>
    </row>
    <row r="235935" spans="8:8">
      <c r="H235935" s="12"/>
    </row>
    <row r="235936" spans="8:8">
      <c r="H235936" s="12"/>
    </row>
    <row r="235937" spans="8:8">
      <c r="H235937" s="12"/>
    </row>
    <row r="235938" spans="8:8">
      <c r="H235938" s="12"/>
    </row>
    <row r="235939" spans="8:8">
      <c r="H235939" s="12"/>
    </row>
    <row r="235940" spans="8:8">
      <c r="H235940" s="12"/>
    </row>
    <row r="235941" spans="8:8">
      <c r="H235941" s="12"/>
    </row>
    <row r="235942" spans="8:8">
      <c r="H235942" s="12"/>
    </row>
    <row r="235943" spans="8:8">
      <c r="H235943" s="12"/>
    </row>
    <row r="235944" spans="8:8">
      <c r="H235944" s="12"/>
    </row>
    <row r="235945" spans="8:8">
      <c r="H235945" s="12"/>
    </row>
    <row r="235946" spans="8:8">
      <c r="H235946" s="12"/>
    </row>
    <row r="235947" spans="8:8">
      <c r="H235947" s="12"/>
    </row>
    <row r="235948" spans="8:8">
      <c r="H235948" s="12"/>
    </row>
    <row r="235949" spans="8:8">
      <c r="H235949" s="12"/>
    </row>
    <row r="235950" spans="8:8">
      <c r="H235950" s="12"/>
    </row>
    <row r="235951" spans="8:8">
      <c r="H235951" s="12"/>
    </row>
    <row r="235952" spans="8:8">
      <c r="H235952" s="12"/>
    </row>
    <row r="235953" spans="8:8">
      <c r="H235953" s="12"/>
    </row>
    <row r="235954" spans="8:8">
      <c r="H235954" s="12"/>
    </row>
    <row r="235955" spans="8:8">
      <c r="H235955" s="12"/>
    </row>
    <row r="235956" spans="8:8">
      <c r="H235956" s="12"/>
    </row>
    <row r="235957" spans="8:8">
      <c r="H235957" s="12"/>
    </row>
    <row r="235958" spans="8:8">
      <c r="H235958" s="12"/>
    </row>
    <row r="235959" spans="8:8">
      <c r="H235959" s="12"/>
    </row>
    <row r="235960" spans="8:8">
      <c r="H235960" s="12"/>
    </row>
    <row r="235961" spans="8:8">
      <c r="H235961" s="12"/>
    </row>
    <row r="235962" spans="8:8">
      <c r="H235962" s="12"/>
    </row>
    <row r="235963" spans="8:8">
      <c r="H235963" s="12"/>
    </row>
    <row r="235964" spans="8:8">
      <c r="H235964" s="12"/>
    </row>
    <row r="235965" spans="8:8">
      <c r="H235965" s="12"/>
    </row>
    <row r="235966" spans="8:8">
      <c r="H235966" s="12"/>
    </row>
    <row r="235967" spans="8:8">
      <c r="H235967" s="12"/>
    </row>
    <row r="235968" spans="8:8">
      <c r="H235968" s="12"/>
    </row>
    <row r="235969" spans="8:8">
      <c r="H235969" s="12"/>
    </row>
    <row r="235970" spans="8:8">
      <c r="H235970" s="12"/>
    </row>
    <row r="235971" spans="8:8">
      <c r="H235971" s="12"/>
    </row>
    <row r="235972" spans="8:8">
      <c r="H235972" s="12"/>
    </row>
    <row r="235973" spans="8:8">
      <c r="H235973" s="12"/>
    </row>
    <row r="235974" spans="8:8">
      <c r="H235974" s="12"/>
    </row>
    <row r="235975" spans="8:8">
      <c r="H235975" s="12"/>
    </row>
    <row r="235976" spans="8:8">
      <c r="H235976" s="12"/>
    </row>
    <row r="235977" spans="8:8">
      <c r="H235977" s="12"/>
    </row>
    <row r="235978" spans="8:8">
      <c r="H235978" s="12"/>
    </row>
    <row r="235979" spans="8:8">
      <c r="H235979" s="12"/>
    </row>
    <row r="235980" spans="8:8">
      <c r="H235980" s="12"/>
    </row>
    <row r="235981" spans="8:8">
      <c r="H235981" s="12"/>
    </row>
    <row r="235982" spans="8:8">
      <c r="H235982" s="12"/>
    </row>
    <row r="235983" spans="8:8">
      <c r="H235983" s="12"/>
    </row>
    <row r="235984" spans="8:8">
      <c r="H235984" s="12"/>
    </row>
    <row r="235985" spans="8:8">
      <c r="H235985" s="12"/>
    </row>
    <row r="235986" spans="8:8">
      <c r="H235986" s="12"/>
    </row>
    <row r="235987" spans="8:8">
      <c r="H235987" s="12"/>
    </row>
    <row r="235988" spans="8:8">
      <c r="H235988" s="12"/>
    </row>
    <row r="235989" spans="8:8">
      <c r="H235989" s="12"/>
    </row>
    <row r="235990" spans="8:8">
      <c r="H235990" s="12"/>
    </row>
    <row r="235991" spans="8:8">
      <c r="H235991" s="12"/>
    </row>
    <row r="235992" spans="8:8">
      <c r="H235992" s="12"/>
    </row>
    <row r="235993" spans="8:8">
      <c r="H235993" s="12"/>
    </row>
    <row r="235994" spans="8:8">
      <c r="H235994" s="12"/>
    </row>
    <row r="235995" spans="8:8">
      <c r="H235995" s="12"/>
    </row>
    <row r="235996" spans="8:8">
      <c r="H235996" s="12"/>
    </row>
    <row r="235997" spans="8:8">
      <c r="H235997" s="12"/>
    </row>
    <row r="235998" spans="8:8">
      <c r="H235998" s="12"/>
    </row>
    <row r="235999" spans="8:8">
      <c r="H235999" s="12"/>
    </row>
    <row r="236000" spans="8:8">
      <c r="H236000" s="12"/>
    </row>
    <row r="236001" spans="8:8">
      <c r="H236001" s="12"/>
    </row>
    <row r="236002" spans="8:8">
      <c r="H236002" s="12"/>
    </row>
    <row r="236003" spans="8:8">
      <c r="H236003" s="12"/>
    </row>
    <row r="236004" spans="8:8">
      <c r="H236004" s="12"/>
    </row>
    <row r="236005" spans="8:8">
      <c r="H236005" s="12"/>
    </row>
    <row r="236006" spans="8:8">
      <c r="H236006" s="12"/>
    </row>
    <row r="236007" spans="8:8">
      <c r="H236007" s="12"/>
    </row>
    <row r="236008" spans="8:8">
      <c r="H236008" s="12"/>
    </row>
    <row r="236009" spans="8:8">
      <c r="H236009" s="12"/>
    </row>
    <row r="236010" spans="8:8">
      <c r="H236010" s="12"/>
    </row>
    <row r="236011" spans="8:8">
      <c r="H236011" s="12"/>
    </row>
    <row r="236012" spans="8:8">
      <c r="H236012" s="12"/>
    </row>
    <row r="236013" spans="8:8">
      <c r="H236013" s="12"/>
    </row>
    <row r="236014" spans="8:8">
      <c r="H236014" s="12"/>
    </row>
    <row r="236015" spans="8:8">
      <c r="H236015" s="12"/>
    </row>
    <row r="236016" spans="8:8">
      <c r="H236016" s="12"/>
    </row>
    <row r="236017" spans="8:8">
      <c r="H236017" s="12"/>
    </row>
    <row r="236018" spans="8:8">
      <c r="H236018" s="12"/>
    </row>
    <row r="236019" spans="8:8">
      <c r="H236019" s="12"/>
    </row>
    <row r="236020" spans="8:8">
      <c r="H236020" s="12"/>
    </row>
    <row r="236021" spans="8:8">
      <c r="H236021" s="12"/>
    </row>
    <row r="236022" spans="8:8">
      <c r="H236022" s="12"/>
    </row>
    <row r="236023" spans="8:8">
      <c r="H236023" s="12"/>
    </row>
    <row r="236024" spans="8:8">
      <c r="H236024" s="12"/>
    </row>
    <row r="236025" spans="8:8">
      <c r="H236025" s="12"/>
    </row>
    <row r="236026" spans="8:8">
      <c r="H236026" s="12"/>
    </row>
    <row r="236027" spans="8:8">
      <c r="H236027" s="12"/>
    </row>
    <row r="236028" spans="8:8">
      <c r="H236028" s="12"/>
    </row>
    <row r="236029" spans="8:8">
      <c r="H236029" s="12"/>
    </row>
    <row r="236030" spans="8:8">
      <c r="H236030" s="12"/>
    </row>
    <row r="236031" spans="8:8">
      <c r="H236031" s="12"/>
    </row>
    <row r="236032" spans="8:8">
      <c r="H236032" s="12"/>
    </row>
    <row r="236033" spans="8:8">
      <c r="H236033" s="12"/>
    </row>
    <row r="236034" spans="8:8">
      <c r="H236034" s="12"/>
    </row>
    <row r="236035" spans="8:8">
      <c r="H236035" s="12"/>
    </row>
    <row r="236036" spans="8:8">
      <c r="H236036" s="12"/>
    </row>
    <row r="236037" spans="8:8">
      <c r="H236037" s="12"/>
    </row>
    <row r="236038" spans="8:8">
      <c r="H236038" s="12"/>
    </row>
    <row r="236039" spans="8:8">
      <c r="H236039" s="12"/>
    </row>
    <row r="236040" spans="8:8">
      <c r="H236040" s="12"/>
    </row>
    <row r="236041" spans="8:8">
      <c r="H236041" s="12"/>
    </row>
    <row r="236042" spans="8:8">
      <c r="H236042" s="12"/>
    </row>
    <row r="236043" spans="8:8">
      <c r="H236043" s="12"/>
    </row>
    <row r="236044" spans="8:8">
      <c r="H236044" s="12"/>
    </row>
    <row r="236045" spans="8:8">
      <c r="H236045" s="12"/>
    </row>
    <row r="236046" spans="8:8">
      <c r="H236046" s="12"/>
    </row>
    <row r="236047" spans="8:8">
      <c r="H236047" s="12"/>
    </row>
    <row r="236048" spans="8:8">
      <c r="H236048" s="12"/>
    </row>
    <row r="236049" spans="8:8">
      <c r="H236049" s="12"/>
    </row>
    <row r="236050" spans="8:8">
      <c r="H236050" s="12"/>
    </row>
    <row r="236051" spans="8:8">
      <c r="H236051" s="12"/>
    </row>
    <row r="236052" spans="8:8">
      <c r="H236052" s="12"/>
    </row>
    <row r="236053" spans="8:8">
      <c r="H236053" s="12"/>
    </row>
    <row r="236054" spans="8:8">
      <c r="H236054" s="12"/>
    </row>
    <row r="236055" spans="8:8">
      <c r="H236055" s="12"/>
    </row>
    <row r="236056" spans="8:8">
      <c r="H236056" s="12"/>
    </row>
    <row r="236057" spans="8:8">
      <c r="H236057" s="12"/>
    </row>
    <row r="236058" spans="8:8">
      <c r="H236058" s="12"/>
    </row>
    <row r="236059" spans="8:8">
      <c r="H236059" s="12"/>
    </row>
    <row r="236060" spans="8:8">
      <c r="H236060" s="12"/>
    </row>
    <row r="236061" spans="8:8">
      <c r="H236061" s="12"/>
    </row>
    <row r="236062" spans="8:8">
      <c r="H236062" s="12"/>
    </row>
    <row r="236063" spans="8:8">
      <c r="H236063" s="12"/>
    </row>
    <row r="236064" spans="8:8">
      <c r="H236064" s="12"/>
    </row>
    <row r="236065" spans="8:8">
      <c r="H236065" s="12"/>
    </row>
    <row r="236066" spans="8:8">
      <c r="H236066" s="12"/>
    </row>
    <row r="236067" spans="8:8">
      <c r="H236067" s="12"/>
    </row>
    <row r="236068" spans="8:8">
      <c r="H236068" s="12"/>
    </row>
    <row r="236069" spans="8:8">
      <c r="H236069" s="12"/>
    </row>
    <row r="236070" spans="8:8">
      <c r="H236070" s="12"/>
    </row>
    <row r="236071" spans="8:8">
      <c r="H236071" s="12"/>
    </row>
    <row r="236072" spans="8:8">
      <c r="H236072" s="12"/>
    </row>
    <row r="236073" spans="8:8">
      <c r="H236073" s="12"/>
    </row>
    <row r="236074" spans="8:8">
      <c r="H236074" s="12"/>
    </row>
    <row r="236075" spans="8:8">
      <c r="H236075" s="12"/>
    </row>
    <row r="236076" spans="8:8">
      <c r="H236076" s="12"/>
    </row>
    <row r="236077" spans="8:8">
      <c r="H236077" s="12"/>
    </row>
    <row r="236078" spans="8:8">
      <c r="H236078" s="12"/>
    </row>
    <row r="236079" spans="8:8">
      <c r="H236079" s="12"/>
    </row>
    <row r="236080" spans="8:8">
      <c r="H236080" s="12"/>
    </row>
    <row r="236081" spans="8:8">
      <c r="H236081" s="12"/>
    </row>
    <row r="236082" spans="8:8">
      <c r="H236082" s="12"/>
    </row>
    <row r="236083" spans="8:8">
      <c r="H236083" s="12"/>
    </row>
    <row r="236084" spans="8:8">
      <c r="H236084" s="12"/>
    </row>
    <row r="236085" spans="8:8">
      <c r="H236085" s="12"/>
    </row>
    <row r="236086" spans="8:8">
      <c r="H236086" s="12"/>
    </row>
    <row r="236087" spans="8:8">
      <c r="H236087" s="12"/>
    </row>
    <row r="236088" spans="8:8">
      <c r="H236088" s="12"/>
    </row>
    <row r="236089" spans="8:8">
      <c r="H236089" s="12"/>
    </row>
    <row r="236090" spans="8:8">
      <c r="H236090" s="12"/>
    </row>
    <row r="236091" spans="8:8">
      <c r="H236091" s="12"/>
    </row>
    <row r="236092" spans="8:8">
      <c r="H236092" s="12"/>
    </row>
    <row r="236093" spans="8:8">
      <c r="H236093" s="12"/>
    </row>
    <row r="236094" spans="8:8">
      <c r="H236094" s="12"/>
    </row>
    <row r="236095" spans="8:8">
      <c r="H236095" s="12"/>
    </row>
    <row r="236096" spans="8:8">
      <c r="H236096" s="12"/>
    </row>
    <row r="236097" spans="8:8">
      <c r="H236097" s="12"/>
    </row>
    <row r="236098" spans="8:8">
      <c r="H236098" s="12"/>
    </row>
    <row r="236099" spans="8:8">
      <c r="H236099" s="12"/>
    </row>
    <row r="236100" spans="8:8">
      <c r="H236100" s="12"/>
    </row>
    <row r="236101" spans="8:8">
      <c r="H236101" s="12"/>
    </row>
    <row r="236102" spans="8:8">
      <c r="H236102" s="12"/>
    </row>
    <row r="236103" spans="8:8">
      <c r="H236103" s="12"/>
    </row>
    <row r="236104" spans="8:8">
      <c r="H236104" s="12"/>
    </row>
    <row r="236105" spans="8:8">
      <c r="H236105" s="12"/>
    </row>
    <row r="236106" spans="8:8">
      <c r="H236106" s="12"/>
    </row>
    <row r="236107" spans="8:8">
      <c r="H236107" s="12"/>
    </row>
    <row r="236108" spans="8:8">
      <c r="H236108" s="12"/>
    </row>
    <row r="236109" spans="8:8">
      <c r="H236109" s="12"/>
    </row>
    <row r="236110" spans="8:8">
      <c r="H236110" s="12"/>
    </row>
    <row r="236111" spans="8:8">
      <c r="H236111" s="12"/>
    </row>
    <row r="236112" spans="8:8">
      <c r="H236112" s="12"/>
    </row>
    <row r="236113" spans="8:8">
      <c r="H236113" s="12"/>
    </row>
    <row r="236114" spans="8:8">
      <c r="H236114" s="12"/>
    </row>
    <row r="236115" spans="8:8">
      <c r="H236115" s="12"/>
    </row>
    <row r="236116" spans="8:8">
      <c r="H236116" s="12"/>
    </row>
    <row r="236117" spans="8:8">
      <c r="H236117" s="12"/>
    </row>
    <row r="236118" spans="8:8">
      <c r="H236118" s="12"/>
    </row>
    <row r="236119" spans="8:8">
      <c r="H236119" s="12"/>
    </row>
    <row r="236120" spans="8:8">
      <c r="H236120" s="12"/>
    </row>
    <row r="236121" spans="8:8">
      <c r="H236121" s="12"/>
    </row>
    <row r="236122" spans="8:8">
      <c r="H236122" s="12"/>
    </row>
    <row r="236123" spans="8:8">
      <c r="H236123" s="12"/>
    </row>
    <row r="236124" spans="8:8">
      <c r="H236124" s="12"/>
    </row>
    <row r="236125" spans="8:8">
      <c r="H236125" s="12"/>
    </row>
    <row r="236126" spans="8:8">
      <c r="H236126" s="12"/>
    </row>
    <row r="236127" spans="8:8">
      <c r="H236127" s="12"/>
    </row>
    <row r="236128" spans="8:8">
      <c r="H236128" s="12"/>
    </row>
    <row r="236129" spans="8:8">
      <c r="H236129" s="12"/>
    </row>
    <row r="236130" spans="8:8">
      <c r="H236130" s="12"/>
    </row>
    <row r="236131" spans="8:8">
      <c r="H236131" s="12"/>
    </row>
    <row r="236132" spans="8:8">
      <c r="H236132" s="12"/>
    </row>
    <row r="236133" spans="8:8">
      <c r="H236133" s="12"/>
    </row>
    <row r="236134" spans="8:8">
      <c r="H236134" s="12"/>
    </row>
    <row r="236135" spans="8:8">
      <c r="H236135" s="12"/>
    </row>
    <row r="236136" spans="8:8">
      <c r="H236136" s="12"/>
    </row>
    <row r="236137" spans="8:8">
      <c r="H236137" s="12"/>
    </row>
    <row r="236138" spans="8:8">
      <c r="H236138" s="12"/>
    </row>
    <row r="236139" spans="8:8">
      <c r="H236139" s="12"/>
    </row>
    <row r="236140" spans="8:8">
      <c r="H236140" s="12"/>
    </row>
    <row r="236141" spans="8:8">
      <c r="H236141" s="12"/>
    </row>
    <row r="236142" spans="8:8">
      <c r="H236142" s="12"/>
    </row>
    <row r="236143" spans="8:8">
      <c r="H236143" s="12"/>
    </row>
    <row r="236144" spans="8:8">
      <c r="H236144" s="12"/>
    </row>
    <row r="236145" spans="8:8">
      <c r="H236145" s="12"/>
    </row>
    <row r="236146" spans="8:8">
      <c r="H236146" s="12"/>
    </row>
    <row r="236147" spans="8:8">
      <c r="H236147" s="12"/>
    </row>
    <row r="236148" spans="8:8">
      <c r="H236148" s="12"/>
    </row>
    <row r="236149" spans="8:8">
      <c r="H236149" s="12"/>
    </row>
    <row r="236150" spans="8:8">
      <c r="H236150" s="12"/>
    </row>
    <row r="236151" spans="8:8">
      <c r="H236151" s="12"/>
    </row>
    <row r="236152" spans="8:8">
      <c r="H236152" s="12"/>
    </row>
    <row r="236153" spans="8:8">
      <c r="H236153" s="12"/>
    </row>
    <row r="236154" spans="8:8">
      <c r="H236154" s="12"/>
    </row>
    <row r="236155" spans="8:8">
      <c r="H236155" s="12"/>
    </row>
    <row r="236156" spans="8:8">
      <c r="H236156" s="12"/>
    </row>
    <row r="236157" spans="8:8">
      <c r="H236157" s="12"/>
    </row>
    <row r="236158" spans="8:8">
      <c r="H236158" s="12"/>
    </row>
    <row r="236159" spans="8:8">
      <c r="H236159" s="12"/>
    </row>
    <row r="236160" spans="8:8">
      <c r="H236160" s="12"/>
    </row>
    <row r="236161" spans="8:8">
      <c r="H236161" s="12"/>
    </row>
    <row r="236162" spans="8:8">
      <c r="H236162" s="12"/>
    </row>
    <row r="236163" spans="8:8">
      <c r="H236163" s="12"/>
    </row>
    <row r="236164" spans="8:8">
      <c r="H236164" s="12"/>
    </row>
    <row r="236165" spans="8:8">
      <c r="H236165" s="12"/>
    </row>
    <row r="236166" spans="8:8">
      <c r="H236166" s="12"/>
    </row>
    <row r="236167" spans="8:8">
      <c r="H236167" s="12"/>
    </row>
    <row r="236168" spans="8:8">
      <c r="H236168" s="12"/>
    </row>
    <row r="236169" spans="8:8">
      <c r="H236169" s="12"/>
    </row>
    <row r="236170" spans="8:8">
      <c r="H236170" s="12"/>
    </row>
    <row r="236171" spans="8:8">
      <c r="H236171" s="12"/>
    </row>
    <row r="236172" spans="8:8">
      <c r="H236172" s="12"/>
    </row>
    <row r="236173" spans="8:8">
      <c r="H236173" s="12"/>
    </row>
    <row r="236174" spans="8:8">
      <c r="H236174" s="12"/>
    </row>
    <row r="236175" spans="8:8">
      <c r="H236175" s="12"/>
    </row>
    <row r="236176" spans="8:8">
      <c r="H236176" s="12"/>
    </row>
    <row r="236177" spans="8:8">
      <c r="H236177" s="12"/>
    </row>
    <row r="236178" spans="8:8">
      <c r="H236178" s="12"/>
    </row>
    <row r="236179" spans="8:8">
      <c r="H236179" s="12"/>
    </row>
    <row r="236180" spans="8:8">
      <c r="H236180" s="12"/>
    </row>
    <row r="236181" spans="8:8">
      <c r="H236181" s="12"/>
    </row>
    <row r="236182" spans="8:8">
      <c r="H236182" s="12"/>
    </row>
    <row r="236183" spans="8:8">
      <c r="H236183" s="12"/>
    </row>
    <row r="236184" spans="8:8">
      <c r="H236184" s="12"/>
    </row>
    <row r="236185" spans="8:8">
      <c r="H236185" s="12"/>
    </row>
    <row r="236186" spans="8:8">
      <c r="H236186" s="12"/>
    </row>
    <row r="236187" spans="8:8">
      <c r="H236187" s="12"/>
    </row>
    <row r="236188" spans="8:8">
      <c r="H236188" s="12"/>
    </row>
    <row r="236189" spans="8:8">
      <c r="H236189" s="12"/>
    </row>
    <row r="236190" spans="8:8">
      <c r="H236190" s="12"/>
    </row>
    <row r="236191" spans="8:8">
      <c r="H236191" s="12"/>
    </row>
    <row r="236192" spans="8:8">
      <c r="H236192" s="12"/>
    </row>
    <row r="236193" spans="8:8">
      <c r="H236193" s="12"/>
    </row>
    <row r="236194" spans="8:8">
      <c r="H236194" s="12"/>
    </row>
    <row r="236195" spans="8:8">
      <c r="H236195" s="12"/>
    </row>
    <row r="236196" spans="8:8">
      <c r="H236196" s="12"/>
    </row>
    <row r="236197" spans="8:8">
      <c r="H236197" s="12"/>
    </row>
    <row r="236198" spans="8:8">
      <c r="H236198" s="12"/>
    </row>
    <row r="236199" spans="8:8">
      <c r="H236199" s="12"/>
    </row>
    <row r="236200" spans="8:8">
      <c r="H236200" s="12"/>
    </row>
    <row r="236201" spans="8:8">
      <c r="H236201" s="12"/>
    </row>
    <row r="236202" spans="8:8">
      <c r="H236202" s="12"/>
    </row>
    <row r="236203" spans="8:8">
      <c r="H236203" s="12"/>
    </row>
    <row r="236204" spans="8:8">
      <c r="H236204" s="12"/>
    </row>
    <row r="236205" spans="8:8">
      <c r="H236205" s="12"/>
    </row>
    <row r="236206" spans="8:8">
      <c r="H236206" s="12"/>
    </row>
    <row r="236207" spans="8:8">
      <c r="H236207" s="12"/>
    </row>
    <row r="236208" spans="8:8">
      <c r="H236208" s="12"/>
    </row>
    <row r="236209" spans="8:8">
      <c r="H236209" s="12"/>
    </row>
    <row r="236210" spans="8:8">
      <c r="H236210" s="12"/>
    </row>
    <row r="236211" spans="8:8">
      <c r="H236211" s="12"/>
    </row>
    <row r="236212" spans="8:8">
      <c r="H236212" s="12"/>
    </row>
    <row r="236213" spans="8:8">
      <c r="H236213" s="12"/>
    </row>
    <row r="236214" spans="8:8">
      <c r="H236214" s="12"/>
    </row>
    <row r="236215" spans="8:8">
      <c r="H236215" s="12"/>
    </row>
    <row r="236216" spans="8:8">
      <c r="H236216" s="12"/>
    </row>
    <row r="236217" spans="8:8">
      <c r="H236217" s="12"/>
    </row>
    <row r="236218" spans="8:8">
      <c r="H236218" s="12"/>
    </row>
    <row r="236219" spans="8:8">
      <c r="H236219" s="12"/>
    </row>
    <row r="236220" spans="8:8">
      <c r="H236220" s="12"/>
    </row>
    <row r="236221" spans="8:8">
      <c r="H236221" s="12"/>
    </row>
    <row r="236222" spans="8:8">
      <c r="H236222" s="12"/>
    </row>
    <row r="236223" spans="8:8">
      <c r="H236223" s="12"/>
    </row>
    <row r="236224" spans="8:8">
      <c r="H236224" s="12"/>
    </row>
    <row r="236225" spans="8:8">
      <c r="H236225" s="12"/>
    </row>
    <row r="236226" spans="8:8">
      <c r="H236226" s="12"/>
    </row>
    <row r="236227" spans="8:8">
      <c r="H236227" s="12"/>
    </row>
    <row r="236228" spans="8:8">
      <c r="H236228" s="12"/>
    </row>
    <row r="236229" spans="8:8">
      <c r="H236229" s="12"/>
    </row>
    <row r="236230" spans="8:8">
      <c r="H236230" s="12"/>
    </row>
    <row r="236231" spans="8:8">
      <c r="H236231" s="12"/>
    </row>
    <row r="236232" spans="8:8">
      <c r="H236232" s="12"/>
    </row>
    <row r="236233" spans="8:8">
      <c r="H236233" s="12"/>
    </row>
    <row r="236234" spans="8:8">
      <c r="H236234" s="12"/>
    </row>
    <row r="236235" spans="8:8">
      <c r="H236235" s="12"/>
    </row>
    <row r="236236" spans="8:8">
      <c r="H236236" s="12"/>
    </row>
    <row r="236237" spans="8:8">
      <c r="H236237" s="12"/>
    </row>
    <row r="236238" spans="8:8">
      <c r="H236238" s="12"/>
    </row>
    <row r="236239" spans="8:8">
      <c r="H236239" s="12"/>
    </row>
    <row r="236240" spans="8:8">
      <c r="H236240" s="12"/>
    </row>
    <row r="236241" spans="8:8">
      <c r="H236241" s="12"/>
    </row>
    <row r="236242" spans="8:8">
      <c r="H236242" s="12"/>
    </row>
    <row r="236243" spans="8:8">
      <c r="H236243" s="12"/>
    </row>
    <row r="236244" spans="8:8">
      <c r="H236244" s="12"/>
    </row>
    <row r="236245" spans="8:8">
      <c r="H236245" s="12"/>
    </row>
    <row r="236246" spans="8:8">
      <c r="H236246" s="12"/>
    </row>
    <row r="236247" spans="8:8">
      <c r="H236247" s="12"/>
    </row>
    <row r="236248" spans="8:8">
      <c r="H236248" s="12"/>
    </row>
    <row r="236249" spans="8:8">
      <c r="H236249" s="12"/>
    </row>
    <row r="236250" spans="8:8">
      <c r="H236250" s="12"/>
    </row>
    <row r="236251" spans="8:8">
      <c r="H236251" s="12"/>
    </row>
    <row r="236252" spans="8:8">
      <c r="H236252" s="12"/>
    </row>
    <row r="236253" spans="8:8">
      <c r="H236253" s="12"/>
    </row>
    <row r="236254" spans="8:8">
      <c r="H236254" s="12"/>
    </row>
    <row r="236255" spans="8:8">
      <c r="H236255" s="12"/>
    </row>
    <row r="236256" spans="8:8">
      <c r="H236256" s="12"/>
    </row>
    <row r="236257" spans="8:8">
      <c r="H236257" s="12"/>
    </row>
    <row r="236258" spans="8:8">
      <c r="H236258" s="12"/>
    </row>
    <row r="236259" spans="8:8">
      <c r="H236259" s="12"/>
    </row>
    <row r="236260" spans="8:8">
      <c r="H236260" s="12"/>
    </row>
    <row r="236261" spans="8:8">
      <c r="H236261" s="12"/>
    </row>
    <row r="236262" spans="8:8">
      <c r="H236262" s="12"/>
    </row>
    <row r="236263" spans="8:8">
      <c r="H236263" s="12"/>
    </row>
    <row r="236264" spans="8:8">
      <c r="H236264" s="12"/>
    </row>
    <row r="236265" spans="8:8">
      <c r="H236265" s="12"/>
    </row>
    <row r="236266" spans="8:8">
      <c r="H236266" s="12"/>
    </row>
    <row r="236267" spans="8:8">
      <c r="H236267" s="12"/>
    </row>
    <row r="236268" spans="8:8">
      <c r="H236268" s="12"/>
    </row>
    <row r="236269" spans="8:8">
      <c r="H236269" s="12"/>
    </row>
    <row r="236270" spans="8:8">
      <c r="H236270" s="12"/>
    </row>
    <row r="236271" spans="8:8">
      <c r="H236271" s="12"/>
    </row>
    <row r="236272" spans="8:8">
      <c r="H236272" s="12"/>
    </row>
    <row r="236273" spans="8:8">
      <c r="H236273" s="12"/>
    </row>
    <row r="236274" spans="8:8">
      <c r="H236274" s="12"/>
    </row>
    <row r="236275" spans="8:8">
      <c r="H236275" s="12"/>
    </row>
    <row r="236276" spans="8:8">
      <c r="H236276" s="12"/>
    </row>
    <row r="236277" spans="8:8">
      <c r="H236277" s="12"/>
    </row>
    <row r="236278" spans="8:8">
      <c r="H236278" s="12"/>
    </row>
    <row r="236279" spans="8:8">
      <c r="H236279" s="12"/>
    </row>
    <row r="236280" spans="8:8">
      <c r="H236280" s="12"/>
    </row>
    <row r="236281" spans="8:8">
      <c r="H236281" s="12"/>
    </row>
    <row r="236282" spans="8:8">
      <c r="H236282" s="12"/>
    </row>
    <row r="236283" spans="8:8">
      <c r="H236283" s="12"/>
    </row>
    <row r="236284" spans="8:8">
      <c r="H236284" s="12"/>
    </row>
    <row r="236285" spans="8:8">
      <c r="H236285" s="12"/>
    </row>
    <row r="236286" spans="8:8">
      <c r="H236286" s="12"/>
    </row>
    <row r="236287" spans="8:8">
      <c r="H236287" s="12"/>
    </row>
    <row r="236288" spans="8:8">
      <c r="H236288" s="12"/>
    </row>
    <row r="236289" spans="8:8">
      <c r="H236289" s="12"/>
    </row>
    <row r="236290" spans="8:8">
      <c r="H236290" s="12"/>
    </row>
    <row r="236291" spans="8:8">
      <c r="H236291" s="12"/>
    </row>
    <row r="236292" spans="8:8">
      <c r="H236292" s="12"/>
    </row>
    <row r="236293" spans="8:8">
      <c r="H236293" s="12"/>
    </row>
    <row r="236294" spans="8:8">
      <c r="H236294" s="12"/>
    </row>
    <row r="236295" spans="8:8">
      <c r="H236295" s="12"/>
    </row>
    <row r="236296" spans="8:8">
      <c r="H236296" s="12"/>
    </row>
    <row r="236297" spans="8:8">
      <c r="H236297" s="12"/>
    </row>
    <row r="236298" spans="8:8">
      <c r="H236298" s="12"/>
    </row>
    <row r="236299" spans="8:8">
      <c r="H236299" s="12"/>
    </row>
    <row r="236300" spans="8:8">
      <c r="H236300" s="12"/>
    </row>
    <row r="236301" spans="8:8">
      <c r="H236301" s="12"/>
    </row>
    <row r="236302" spans="8:8">
      <c r="H236302" s="12"/>
    </row>
    <row r="236303" spans="8:8">
      <c r="H236303" s="12"/>
    </row>
    <row r="236304" spans="8:8">
      <c r="H236304" s="12"/>
    </row>
    <row r="236305" spans="8:8">
      <c r="H236305" s="12"/>
    </row>
    <row r="236306" spans="8:8">
      <c r="H236306" s="12"/>
    </row>
    <row r="236307" spans="8:8">
      <c r="H236307" s="12"/>
    </row>
    <row r="236308" spans="8:8">
      <c r="H236308" s="12"/>
    </row>
    <row r="236309" spans="8:8">
      <c r="H236309" s="12"/>
    </row>
    <row r="236310" spans="8:8">
      <c r="H236310" s="12"/>
    </row>
    <row r="236311" spans="8:8">
      <c r="H236311" s="12"/>
    </row>
    <row r="236312" spans="8:8">
      <c r="H236312" s="12"/>
    </row>
    <row r="236313" spans="8:8">
      <c r="H236313" s="12"/>
    </row>
    <row r="236314" spans="8:8">
      <c r="H236314" s="12"/>
    </row>
    <row r="236315" spans="8:8">
      <c r="H236315" s="12"/>
    </row>
    <row r="236316" spans="8:8">
      <c r="H236316" s="12"/>
    </row>
    <row r="236317" spans="8:8">
      <c r="H236317" s="12"/>
    </row>
    <row r="236318" spans="8:8">
      <c r="H236318" s="12"/>
    </row>
    <row r="236319" spans="8:8">
      <c r="H236319" s="12"/>
    </row>
    <row r="236320" spans="8:8">
      <c r="H236320" s="12"/>
    </row>
    <row r="236321" spans="8:8">
      <c r="H236321" s="12"/>
    </row>
    <row r="236322" spans="8:8">
      <c r="H236322" s="12"/>
    </row>
    <row r="236323" spans="8:8">
      <c r="H236323" s="12"/>
    </row>
    <row r="236324" spans="8:8">
      <c r="H236324" s="12"/>
    </row>
    <row r="236325" spans="8:8">
      <c r="H236325" s="12"/>
    </row>
    <row r="236326" spans="8:8">
      <c r="H236326" s="12"/>
    </row>
    <row r="236327" spans="8:8">
      <c r="H236327" s="12"/>
    </row>
    <row r="236328" spans="8:8">
      <c r="H236328" s="12"/>
    </row>
    <row r="236329" spans="8:8">
      <c r="H236329" s="12"/>
    </row>
    <row r="236330" spans="8:8">
      <c r="H236330" s="12"/>
    </row>
    <row r="236331" spans="8:8">
      <c r="H236331" s="12"/>
    </row>
    <row r="236332" spans="8:8">
      <c r="H236332" s="12"/>
    </row>
    <row r="236333" spans="8:8">
      <c r="H236333" s="12"/>
    </row>
    <row r="236334" spans="8:8">
      <c r="H236334" s="12"/>
    </row>
    <row r="236335" spans="8:8">
      <c r="H236335" s="12"/>
    </row>
    <row r="236336" spans="8:8">
      <c r="H236336" s="12"/>
    </row>
    <row r="236337" spans="8:8">
      <c r="H236337" s="12"/>
    </row>
    <row r="236338" spans="8:8">
      <c r="H236338" s="12"/>
    </row>
    <row r="236339" spans="8:8">
      <c r="H236339" s="12"/>
    </row>
    <row r="236340" spans="8:8">
      <c r="H236340" s="12"/>
    </row>
    <row r="236341" spans="8:8">
      <c r="H236341" s="12"/>
    </row>
    <row r="236342" spans="8:8">
      <c r="H236342" s="12"/>
    </row>
    <row r="236343" spans="8:8">
      <c r="H236343" s="12"/>
    </row>
    <row r="236344" spans="8:8">
      <c r="H236344" s="12"/>
    </row>
    <row r="236345" spans="8:8">
      <c r="H236345" s="12"/>
    </row>
    <row r="236346" spans="8:8">
      <c r="H236346" s="12"/>
    </row>
    <row r="236347" spans="8:8">
      <c r="H236347" s="12"/>
    </row>
    <row r="236348" spans="8:8">
      <c r="H236348" s="12"/>
    </row>
    <row r="236349" spans="8:8">
      <c r="H236349" s="12"/>
    </row>
    <row r="236350" spans="8:8">
      <c r="H236350" s="12"/>
    </row>
    <row r="236351" spans="8:8">
      <c r="H236351" s="12"/>
    </row>
    <row r="236352" spans="8:8">
      <c r="H236352" s="12"/>
    </row>
    <row r="236353" spans="8:8">
      <c r="H236353" s="12"/>
    </row>
    <row r="236354" spans="8:8">
      <c r="H236354" s="12"/>
    </row>
    <row r="236355" spans="8:8">
      <c r="H236355" s="12"/>
    </row>
    <row r="236356" spans="8:8">
      <c r="H236356" s="12"/>
    </row>
    <row r="236357" spans="8:8">
      <c r="H236357" s="12"/>
    </row>
    <row r="236358" spans="8:8">
      <c r="H236358" s="12"/>
    </row>
    <row r="236359" spans="8:8">
      <c r="H236359" s="12"/>
    </row>
    <row r="236360" spans="8:8">
      <c r="H236360" s="12"/>
    </row>
    <row r="236361" spans="8:8">
      <c r="H236361" s="12"/>
    </row>
    <row r="236362" spans="8:8">
      <c r="H236362" s="12"/>
    </row>
    <row r="236363" spans="8:8">
      <c r="H236363" s="12"/>
    </row>
    <row r="236364" spans="8:8">
      <c r="H236364" s="12"/>
    </row>
    <row r="236365" spans="8:8">
      <c r="H236365" s="12"/>
    </row>
    <row r="236366" spans="8:8">
      <c r="H236366" s="12"/>
    </row>
    <row r="236367" spans="8:8">
      <c r="H236367" s="12"/>
    </row>
    <row r="236368" spans="8:8">
      <c r="H236368" s="12"/>
    </row>
    <row r="236369" spans="8:8">
      <c r="H236369" s="12"/>
    </row>
    <row r="236370" spans="8:8">
      <c r="H236370" s="12"/>
    </row>
    <row r="236371" spans="8:8">
      <c r="H236371" s="12"/>
    </row>
    <row r="236372" spans="8:8">
      <c r="H236372" s="12"/>
    </row>
    <row r="236373" spans="8:8">
      <c r="H236373" s="12"/>
    </row>
    <row r="236374" spans="8:8">
      <c r="H236374" s="12"/>
    </row>
    <row r="236375" spans="8:8">
      <c r="H236375" s="12"/>
    </row>
    <row r="236376" spans="8:8">
      <c r="H236376" s="12"/>
    </row>
    <row r="236377" spans="8:8">
      <c r="H236377" s="12"/>
    </row>
    <row r="236378" spans="8:8">
      <c r="H236378" s="12"/>
    </row>
    <row r="236379" spans="8:8">
      <c r="H236379" s="12"/>
    </row>
    <row r="236380" spans="8:8">
      <c r="H236380" s="12"/>
    </row>
    <row r="236381" spans="8:8">
      <c r="H236381" s="12"/>
    </row>
    <row r="236382" spans="8:8">
      <c r="H236382" s="12"/>
    </row>
    <row r="236383" spans="8:8">
      <c r="H236383" s="12"/>
    </row>
    <row r="236384" spans="8:8">
      <c r="H236384" s="12"/>
    </row>
    <row r="236385" spans="8:8">
      <c r="H236385" s="12"/>
    </row>
    <row r="236386" spans="8:8">
      <c r="H236386" s="12"/>
    </row>
    <row r="236387" spans="8:8">
      <c r="H236387" s="12"/>
    </row>
    <row r="236388" spans="8:8">
      <c r="H236388" s="12"/>
    </row>
    <row r="236389" spans="8:8">
      <c r="H236389" s="12"/>
    </row>
    <row r="236390" spans="8:8">
      <c r="H236390" s="12"/>
    </row>
    <row r="236391" spans="8:8">
      <c r="H236391" s="12"/>
    </row>
    <row r="236392" spans="8:8">
      <c r="H236392" s="12"/>
    </row>
    <row r="236393" spans="8:8">
      <c r="H236393" s="12"/>
    </row>
    <row r="236394" spans="8:8">
      <c r="H236394" s="12"/>
    </row>
    <row r="236395" spans="8:8">
      <c r="H236395" s="12"/>
    </row>
    <row r="236396" spans="8:8">
      <c r="H236396" s="12"/>
    </row>
    <row r="236397" spans="8:8">
      <c r="H236397" s="12"/>
    </row>
    <row r="236398" spans="8:8">
      <c r="H236398" s="12"/>
    </row>
    <row r="236399" spans="8:8">
      <c r="H236399" s="12"/>
    </row>
    <row r="236400" spans="8:8">
      <c r="H236400" s="12"/>
    </row>
    <row r="236401" spans="8:8">
      <c r="H236401" s="12"/>
    </row>
    <row r="236402" spans="8:8">
      <c r="H236402" s="12"/>
    </row>
    <row r="236403" spans="8:8">
      <c r="H236403" s="12"/>
    </row>
    <row r="236404" spans="8:8">
      <c r="H236404" s="12"/>
    </row>
    <row r="236405" spans="8:8">
      <c r="H236405" s="12"/>
    </row>
    <row r="236406" spans="8:8">
      <c r="H236406" s="12"/>
    </row>
    <row r="236407" spans="8:8">
      <c r="H236407" s="12"/>
    </row>
    <row r="236408" spans="8:8">
      <c r="H236408" s="12"/>
    </row>
    <row r="236409" spans="8:8">
      <c r="H236409" s="12"/>
    </row>
    <row r="236410" spans="8:8">
      <c r="H236410" s="12"/>
    </row>
    <row r="236411" spans="8:8">
      <c r="H236411" s="12"/>
    </row>
    <row r="236412" spans="8:8">
      <c r="H236412" s="12"/>
    </row>
    <row r="236413" spans="8:8">
      <c r="H236413" s="12"/>
    </row>
    <row r="236414" spans="8:8">
      <c r="H236414" s="12"/>
    </row>
    <row r="236415" spans="8:8">
      <c r="H236415" s="12"/>
    </row>
    <row r="236416" spans="8:8">
      <c r="H236416" s="12"/>
    </row>
    <row r="236417" spans="8:8">
      <c r="H236417" s="12"/>
    </row>
    <row r="236418" spans="8:8">
      <c r="H236418" s="12"/>
    </row>
    <row r="236419" spans="8:8">
      <c r="H236419" s="12"/>
    </row>
    <row r="236420" spans="8:8">
      <c r="H236420" s="12"/>
    </row>
    <row r="236421" spans="8:8">
      <c r="H236421" s="12"/>
    </row>
    <row r="236422" spans="8:8">
      <c r="H236422" s="12"/>
    </row>
    <row r="236423" spans="8:8">
      <c r="H236423" s="12"/>
    </row>
    <row r="236424" spans="8:8">
      <c r="H236424" s="12"/>
    </row>
    <row r="236425" spans="8:8">
      <c r="H236425" s="12"/>
    </row>
    <row r="236426" spans="8:8">
      <c r="H236426" s="12"/>
    </row>
    <row r="236427" spans="8:8">
      <c r="H236427" s="12"/>
    </row>
    <row r="236428" spans="8:8">
      <c r="H236428" s="12"/>
    </row>
    <row r="236429" spans="8:8">
      <c r="H236429" s="12"/>
    </row>
    <row r="236430" spans="8:8">
      <c r="H236430" s="12"/>
    </row>
    <row r="236431" spans="8:8">
      <c r="H236431" s="12"/>
    </row>
    <row r="236432" spans="8:8">
      <c r="H236432" s="12"/>
    </row>
    <row r="236433" spans="8:8">
      <c r="H236433" s="12"/>
    </row>
    <row r="236434" spans="8:8">
      <c r="H236434" s="12"/>
    </row>
    <row r="236435" spans="8:8">
      <c r="H236435" s="12"/>
    </row>
    <row r="236436" spans="8:8">
      <c r="H236436" s="12"/>
    </row>
    <row r="236437" spans="8:8">
      <c r="H236437" s="12"/>
    </row>
    <row r="236438" spans="8:8">
      <c r="H236438" s="12"/>
    </row>
    <row r="236439" spans="8:8">
      <c r="H236439" s="12"/>
    </row>
    <row r="236440" spans="8:8">
      <c r="H236440" s="12"/>
    </row>
    <row r="236441" spans="8:8">
      <c r="H236441" s="12"/>
    </row>
    <row r="236442" spans="8:8">
      <c r="H236442" s="12"/>
    </row>
    <row r="236443" spans="8:8">
      <c r="H236443" s="12"/>
    </row>
    <row r="236444" spans="8:8">
      <c r="H236444" s="12"/>
    </row>
    <row r="236445" spans="8:8">
      <c r="H236445" s="12"/>
    </row>
    <row r="236446" spans="8:8">
      <c r="H236446" s="12"/>
    </row>
    <row r="236447" spans="8:8">
      <c r="H236447" s="12"/>
    </row>
    <row r="236448" spans="8:8">
      <c r="H236448" s="12"/>
    </row>
    <row r="236449" spans="8:8">
      <c r="H236449" s="12"/>
    </row>
    <row r="236450" spans="8:8">
      <c r="H236450" s="12"/>
    </row>
    <row r="236451" spans="8:8">
      <c r="H236451" s="12"/>
    </row>
    <row r="236452" spans="8:8">
      <c r="H236452" s="12"/>
    </row>
    <row r="236453" spans="8:8">
      <c r="H236453" s="12"/>
    </row>
    <row r="236454" spans="8:8">
      <c r="H236454" s="12"/>
    </row>
    <row r="236455" spans="8:8">
      <c r="H236455" s="12"/>
    </row>
    <row r="236456" spans="8:8">
      <c r="H236456" s="12"/>
    </row>
    <row r="236457" spans="8:8">
      <c r="H236457" s="12"/>
    </row>
    <row r="236458" spans="8:8">
      <c r="H236458" s="12"/>
    </row>
    <row r="236459" spans="8:8">
      <c r="H236459" s="12"/>
    </row>
    <row r="236460" spans="8:8">
      <c r="H236460" s="12"/>
    </row>
    <row r="236461" spans="8:8">
      <c r="H236461" s="12"/>
    </row>
    <row r="236462" spans="8:8">
      <c r="H236462" s="12"/>
    </row>
    <row r="236463" spans="8:8">
      <c r="H236463" s="12"/>
    </row>
    <row r="236464" spans="8:8">
      <c r="H236464" s="12"/>
    </row>
    <row r="236465" spans="8:8">
      <c r="H236465" s="12"/>
    </row>
    <row r="236466" spans="8:8">
      <c r="H236466" s="12"/>
    </row>
    <row r="236467" spans="8:8">
      <c r="H236467" s="12"/>
    </row>
    <row r="236468" spans="8:8">
      <c r="H236468" s="12"/>
    </row>
    <row r="236469" spans="8:8">
      <c r="H236469" s="12"/>
    </row>
    <row r="236470" spans="8:8">
      <c r="H236470" s="12"/>
    </row>
    <row r="236471" spans="8:8">
      <c r="H236471" s="12"/>
    </row>
    <row r="236472" spans="8:8">
      <c r="H236472" s="12"/>
    </row>
    <row r="236473" spans="8:8">
      <c r="H236473" s="12"/>
    </row>
    <row r="236474" spans="8:8">
      <c r="H236474" s="12"/>
    </row>
    <row r="236475" spans="8:8">
      <c r="H236475" s="12"/>
    </row>
    <row r="236476" spans="8:8">
      <c r="H236476" s="12"/>
    </row>
    <row r="236477" spans="8:8">
      <c r="H236477" s="12"/>
    </row>
    <row r="236478" spans="8:8">
      <c r="H236478" s="12"/>
    </row>
    <row r="236479" spans="8:8">
      <c r="H236479" s="12"/>
    </row>
    <row r="236480" spans="8:8">
      <c r="H236480" s="12"/>
    </row>
    <row r="236481" spans="8:8">
      <c r="H236481" s="12"/>
    </row>
    <row r="236482" spans="8:8">
      <c r="H236482" s="12"/>
    </row>
    <row r="236483" spans="8:8">
      <c r="H236483" s="12"/>
    </row>
    <row r="236484" spans="8:8">
      <c r="H236484" s="12"/>
    </row>
    <row r="236485" spans="8:8">
      <c r="H236485" s="12"/>
    </row>
    <row r="236486" spans="8:8">
      <c r="H236486" s="12"/>
    </row>
    <row r="236487" spans="8:8">
      <c r="H236487" s="12"/>
    </row>
    <row r="236488" spans="8:8">
      <c r="H236488" s="12"/>
    </row>
    <row r="236489" spans="8:8">
      <c r="H236489" s="12"/>
    </row>
    <row r="236490" spans="8:8">
      <c r="H236490" s="12"/>
    </row>
    <row r="236491" spans="8:8">
      <c r="H236491" s="12"/>
    </row>
    <row r="236492" spans="8:8">
      <c r="H236492" s="12"/>
    </row>
    <row r="236493" spans="8:8">
      <c r="H236493" s="12"/>
    </row>
    <row r="236494" spans="8:8">
      <c r="H236494" s="12"/>
    </row>
    <row r="236495" spans="8:8">
      <c r="H236495" s="12"/>
    </row>
    <row r="236496" spans="8:8">
      <c r="H236496" s="12"/>
    </row>
    <row r="236497" spans="8:8">
      <c r="H236497" s="12"/>
    </row>
    <row r="236498" spans="8:8">
      <c r="H236498" s="12"/>
    </row>
    <row r="236499" spans="8:8">
      <c r="H236499" s="12"/>
    </row>
    <row r="236500" spans="8:8">
      <c r="H236500" s="12"/>
    </row>
    <row r="236501" spans="8:8">
      <c r="H236501" s="12"/>
    </row>
    <row r="236502" spans="8:8">
      <c r="H236502" s="12"/>
    </row>
    <row r="236503" spans="8:8">
      <c r="H236503" s="12"/>
    </row>
    <row r="236504" spans="8:8">
      <c r="H236504" s="12"/>
    </row>
    <row r="236505" spans="8:8">
      <c r="H236505" s="12"/>
    </row>
    <row r="236506" spans="8:8">
      <c r="H236506" s="12"/>
    </row>
    <row r="236507" spans="8:8">
      <c r="H236507" s="12"/>
    </row>
    <row r="236508" spans="8:8">
      <c r="H236508" s="12"/>
    </row>
    <row r="236509" spans="8:8">
      <c r="H236509" s="12"/>
    </row>
    <row r="236510" spans="8:8">
      <c r="H236510" s="12"/>
    </row>
    <row r="236511" spans="8:8">
      <c r="H236511" s="12"/>
    </row>
    <row r="236512" spans="8:8">
      <c r="H236512" s="12"/>
    </row>
    <row r="236513" spans="8:8">
      <c r="H236513" s="12"/>
    </row>
    <row r="236514" spans="8:8">
      <c r="H236514" s="12"/>
    </row>
    <row r="236515" spans="8:8">
      <c r="H236515" s="12"/>
    </row>
    <row r="236516" spans="8:8">
      <c r="H236516" s="12"/>
    </row>
    <row r="236517" spans="8:8">
      <c r="H236517" s="12"/>
    </row>
    <row r="236518" spans="8:8">
      <c r="H236518" s="12"/>
    </row>
    <row r="236519" spans="8:8">
      <c r="H236519" s="12"/>
    </row>
    <row r="236520" spans="8:8">
      <c r="H236520" s="12"/>
    </row>
    <row r="236521" spans="8:8">
      <c r="H236521" s="12"/>
    </row>
    <row r="236522" spans="8:8">
      <c r="H236522" s="12"/>
    </row>
    <row r="236523" spans="8:8">
      <c r="H236523" s="12"/>
    </row>
    <row r="236524" spans="8:8">
      <c r="H236524" s="12"/>
    </row>
    <row r="236525" spans="8:8">
      <c r="H236525" s="12"/>
    </row>
    <row r="236526" spans="8:8">
      <c r="H236526" s="12"/>
    </row>
    <row r="236527" spans="8:8">
      <c r="H236527" s="12"/>
    </row>
    <row r="236528" spans="8:8">
      <c r="H236528" s="12"/>
    </row>
    <row r="236529" spans="8:8">
      <c r="H236529" s="12"/>
    </row>
    <row r="236530" spans="8:8">
      <c r="H236530" s="12"/>
    </row>
    <row r="236531" spans="8:8">
      <c r="H236531" s="12"/>
    </row>
    <row r="236532" spans="8:8">
      <c r="H236532" s="12"/>
    </row>
    <row r="236533" spans="8:8">
      <c r="H236533" s="12"/>
    </row>
    <row r="236534" spans="8:8">
      <c r="H236534" s="12"/>
    </row>
    <row r="236535" spans="8:8">
      <c r="H236535" s="12"/>
    </row>
    <row r="236536" spans="8:8">
      <c r="H236536" s="12"/>
    </row>
    <row r="236537" spans="8:8">
      <c r="H236537" s="12"/>
    </row>
    <row r="236538" spans="8:8">
      <c r="H236538" s="12"/>
    </row>
    <row r="236539" spans="8:8">
      <c r="H236539" s="12"/>
    </row>
    <row r="236540" spans="8:8">
      <c r="H236540" s="12"/>
    </row>
    <row r="236541" spans="8:8">
      <c r="H236541" s="12"/>
    </row>
    <row r="236542" spans="8:8">
      <c r="H236542" s="12"/>
    </row>
    <row r="236543" spans="8:8">
      <c r="H236543" s="12"/>
    </row>
    <row r="236544" spans="8:8">
      <c r="H236544" s="12"/>
    </row>
    <row r="236545" spans="8:8">
      <c r="H236545" s="12"/>
    </row>
    <row r="236546" spans="8:8">
      <c r="H236546" s="12"/>
    </row>
    <row r="236547" spans="8:8">
      <c r="H236547" s="12"/>
    </row>
    <row r="236548" spans="8:8">
      <c r="H236548" s="12"/>
    </row>
    <row r="236549" spans="8:8">
      <c r="H236549" s="12"/>
    </row>
    <row r="236550" spans="8:8">
      <c r="H236550" s="12"/>
    </row>
    <row r="236551" spans="8:8">
      <c r="H236551" s="12"/>
    </row>
    <row r="236552" spans="8:8">
      <c r="H236552" s="12"/>
    </row>
    <row r="236553" spans="8:8">
      <c r="H236553" s="12"/>
    </row>
    <row r="236554" spans="8:8">
      <c r="H236554" s="12"/>
    </row>
    <row r="236555" spans="8:8">
      <c r="H236555" s="12"/>
    </row>
    <row r="236556" spans="8:8">
      <c r="H236556" s="12"/>
    </row>
    <row r="236557" spans="8:8">
      <c r="H236557" s="12"/>
    </row>
    <row r="236558" spans="8:8">
      <c r="H236558" s="12"/>
    </row>
    <row r="236559" spans="8:8">
      <c r="H236559" s="12"/>
    </row>
    <row r="236560" spans="8:8">
      <c r="H236560" s="12"/>
    </row>
    <row r="236561" spans="8:8">
      <c r="H236561" s="12"/>
    </row>
    <row r="236562" spans="8:8">
      <c r="H236562" s="12"/>
    </row>
    <row r="236563" spans="8:8">
      <c r="H236563" s="12"/>
    </row>
    <row r="236564" spans="8:8">
      <c r="H236564" s="12"/>
    </row>
    <row r="236565" spans="8:8">
      <c r="H236565" s="12"/>
    </row>
    <row r="236566" spans="8:8">
      <c r="H236566" s="12"/>
    </row>
    <row r="236567" spans="8:8">
      <c r="H236567" s="12"/>
    </row>
    <row r="236568" spans="8:8">
      <c r="H236568" s="12"/>
    </row>
    <row r="236569" spans="8:8">
      <c r="H236569" s="12"/>
    </row>
    <row r="236570" spans="8:8">
      <c r="H236570" s="12"/>
    </row>
    <row r="236571" spans="8:8">
      <c r="H236571" s="12"/>
    </row>
    <row r="236572" spans="8:8">
      <c r="H236572" s="12"/>
    </row>
    <row r="236573" spans="8:8">
      <c r="H236573" s="12"/>
    </row>
    <row r="236574" spans="8:8">
      <c r="H236574" s="12"/>
    </row>
    <row r="236575" spans="8:8">
      <c r="H236575" s="12"/>
    </row>
    <row r="236576" spans="8:8">
      <c r="H236576" s="12"/>
    </row>
    <row r="236577" spans="8:8">
      <c r="H236577" s="12"/>
    </row>
    <row r="236578" spans="8:8">
      <c r="H236578" s="12"/>
    </row>
    <row r="236579" spans="8:8">
      <c r="H236579" s="12"/>
    </row>
    <row r="236580" spans="8:8">
      <c r="H236580" s="12"/>
    </row>
    <row r="236581" spans="8:8">
      <c r="H236581" s="12"/>
    </row>
    <row r="236582" spans="8:8">
      <c r="H236582" s="12"/>
    </row>
    <row r="236583" spans="8:8">
      <c r="H236583" s="12"/>
    </row>
    <row r="236584" spans="8:8">
      <c r="H236584" s="12"/>
    </row>
    <row r="236585" spans="8:8">
      <c r="H236585" s="12"/>
    </row>
    <row r="236586" spans="8:8">
      <c r="H236586" s="12"/>
    </row>
    <row r="236587" spans="8:8">
      <c r="H236587" s="12"/>
    </row>
    <row r="236588" spans="8:8">
      <c r="H236588" s="12"/>
    </row>
    <row r="236589" spans="8:8">
      <c r="H236589" s="12"/>
    </row>
    <row r="236590" spans="8:8">
      <c r="H236590" s="12"/>
    </row>
    <row r="236591" spans="8:8">
      <c r="H236591" s="12"/>
    </row>
    <row r="236592" spans="8:8">
      <c r="H236592" s="12"/>
    </row>
    <row r="236593" spans="8:8">
      <c r="H236593" s="12"/>
    </row>
    <row r="236594" spans="8:8">
      <c r="H236594" s="12"/>
    </row>
    <row r="236595" spans="8:8">
      <c r="H236595" s="12"/>
    </row>
    <row r="236596" spans="8:8">
      <c r="H236596" s="12"/>
    </row>
    <row r="236597" spans="8:8">
      <c r="H236597" s="12"/>
    </row>
    <row r="236598" spans="8:8">
      <c r="H236598" s="12"/>
    </row>
    <row r="236599" spans="8:8">
      <c r="H236599" s="12"/>
    </row>
    <row r="236600" spans="8:8">
      <c r="H236600" s="12"/>
    </row>
    <row r="236601" spans="8:8">
      <c r="H236601" s="12"/>
    </row>
    <row r="236602" spans="8:8">
      <c r="H236602" s="12"/>
    </row>
    <row r="236603" spans="8:8">
      <c r="H236603" s="12"/>
    </row>
    <row r="236604" spans="8:8">
      <c r="H236604" s="12"/>
    </row>
    <row r="236605" spans="8:8">
      <c r="H236605" s="12"/>
    </row>
    <row r="236606" spans="8:8">
      <c r="H236606" s="12"/>
    </row>
    <row r="236607" spans="8:8">
      <c r="H236607" s="12"/>
    </row>
    <row r="236608" spans="8:8">
      <c r="H236608" s="12"/>
    </row>
    <row r="236609" spans="8:8">
      <c r="H236609" s="12"/>
    </row>
    <row r="236610" spans="8:8">
      <c r="H236610" s="12"/>
    </row>
    <row r="236611" spans="8:8">
      <c r="H236611" s="12"/>
    </row>
    <row r="236612" spans="8:8">
      <c r="H236612" s="12"/>
    </row>
    <row r="236613" spans="8:8">
      <c r="H236613" s="12"/>
    </row>
    <row r="236614" spans="8:8">
      <c r="H236614" s="12"/>
    </row>
    <row r="236615" spans="8:8">
      <c r="H236615" s="12"/>
    </row>
    <row r="236616" spans="8:8">
      <c r="H236616" s="12"/>
    </row>
    <row r="236617" spans="8:8">
      <c r="H236617" s="12"/>
    </row>
    <row r="236618" spans="8:8">
      <c r="H236618" s="12"/>
    </row>
    <row r="236619" spans="8:8">
      <c r="H236619" s="12"/>
    </row>
    <row r="236620" spans="8:8">
      <c r="H236620" s="12"/>
    </row>
    <row r="236621" spans="8:8">
      <c r="H236621" s="12"/>
    </row>
    <row r="236622" spans="8:8">
      <c r="H236622" s="12"/>
    </row>
    <row r="236623" spans="8:8">
      <c r="H236623" s="12"/>
    </row>
    <row r="236624" spans="8:8">
      <c r="H236624" s="12"/>
    </row>
    <row r="236625" spans="8:8">
      <c r="H236625" s="12"/>
    </row>
    <row r="236626" spans="8:8">
      <c r="H236626" s="12"/>
    </row>
    <row r="236627" spans="8:8">
      <c r="H236627" s="12"/>
    </row>
    <row r="236628" spans="8:8">
      <c r="H236628" s="12"/>
    </row>
    <row r="236629" spans="8:8">
      <c r="H236629" s="12"/>
    </row>
    <row r="236630" spans="8:8">
      <c r="H236630" s="12"/>
    </row>
    <row r="236631" spans="8:8">
      <c r="H236631" s="12"/>
    </row>
    <row r="236632" spans="8:8">
      <c r="H236632" s="12"/>
    </row>
    <row r="236633" spans="8:8">
      <c r="H236633" s="12"/>
    </row>
    <row r="236634" spans="8:8">
      <c r="H236634" s="12"/>
    </row>
    <row r="236635" spans="8:8">
      <c r="H236635" s="12"/>
    </row>
    <row r="236636" spans="8:8">
      <c r="H236636" s="12"/>
    </row>
    <row r="236637" spans="8:8">
      <c r="H236637" s="12"/>
    </row>
    <row r="236638" spans="8:8">
      <c r="H236638" s="12"/>
    </row>
    <row r="236639" spans="8:8">
      <c r="H236639" s="12"/>
    </row>
    <row r="236640" spans="8:8">
      <c r="H236640" s="12"/>
    </row>
    <row r="236641" spans="8:8">
      <c r="H236641" s="12"/>
    </row>
    <row r="236642" spans="8:8">
      <c r="H236642" s="12"/>
    </row>
    <row r="236643" spans="8:8">
      <c r="H236643" s="12"/>
    </row>
    <row r="236644" spans="8:8">
      <c r="H236644" s="12"/>
    </row>
    <row r="236645" spans="8:8">
      <c r="H236645" s="12"/>
    </row>
    <row r="236646" spans="8:8">
      <c r="H236646" s="12"/>
    </row>
    <row r="236647" spans="8:8">
      <c r="H236647" s="12"/>
    </row>
    <row r="236648" spans="8:8">
      <c r="H236648" s="12"/>
    </row>
    <row r="236649" spans="8:8">
      <c r="H236649" s="12"/>
    </row>
    <row r="236650" spans="8:8">
      <c r="H236650" s="12"/>
    </row>
    <row r="236651" spans="8:8">
      <c r="H236651" s="12"/>
    </row>
    <row r="236652" spans="8:8">
      <c r="H236652" s="12"/>
    </row>
    <row r="236653" spans="8:8">
      <c r="H236653" s="12"/>
    </row>
    <row r="236654" spans="8:8">
      <c r="H236654" s="12"/>
    </row>
    <row r="236655" spans="8:8">
      <c r="H236655" s="12"/>
    </row>
    <row r="236656" spans="8:8">
      <c r="H236656" s="12"/>
    </row>
    <row r="236657" spans="8:8">
      <c r="H236657" s="12"/>
    </row>
    <row r="236658" spans="8:8">
      <c r="H236658" s="12"/>
    </row>
    <row r="236659" spans="8:8">
      <c r="H236659" s="12"/>
    </row>
    <row r="236660" spans="8:8">
      <c r="H236660" s="12"/>
    </row>
    <row r="236661" spans="8:8">
      <c r="H236661" s="12"/>
    </row>
    <row r="236662" spans="8:8">
      <c r="H236662" s="12"/>
    </row>
    <row r="236663" spans="8:8">
      <c r="H236663" s="12"/>
    </row>
    <row r="236664" spans="8:8">
      <c r="H236664" s="12"/>
    </row>
    <row r="236665" spans="8:8">
      <c r="H236665" s="12"/>
    </row>
    <row r="236666" spans="8:8">
      <c r="H236666" s="12"/>
    </row>
    <row r="236667" spans="8:8">
      <c r="H236667" s="12"/>
    </row>
    <row r="236668" spans="8:8">
      <c r="H236668" s="12"/>
    </row>
    <row r="236669" spans="8:8">
      <c r="H236669" s="12"/>
    </row>
    <row r="236670" spans="8:8">
      <c r="H236670" s="12"/>
    </row>
    <row r="236671" spans="8:8">
      <c r="H236671" s="12"/>
    </row>
    <row r="236672" spans="8:8">
      <c r="H236672" s="12"/>
    </row>
    <row r="236673" spans="8:8">
      <c r="H236673" s="12"/>
    </row>
    <row r="236674" spans="8:8">
      <c r="H236674" s="12"/>
    </row>
    <row r="236675" spans="8:8">
      <c r="H236675" s="12"/>
    </row>
    <row r="236676" spans="8:8">
      <c r="H236676" s="12"/>
    </row>
    <row r="236677" spans="8:8">
      <c r="H236677" s="12"/>
    </row>
    <row r="236678" spans="8:8">
      <c r="H236678" s="12"/>
    </row>
    <row r="236679" spans="8:8">
      <c r="H236679" s="12"/>
    </row>
    <row r="236680" spans="8:8">
      <c r="H236680" s="12"/>
    </row>
    <row r="236681" spans="8:8">
      <c r="H236681" s="12"/>
    </row>
    <row r="236682" spans="8:8">
      <c r="H236682" s="12"/>
    </row>
    <row r="236683" spans="8:8">
      <c r="H236683" s="12"/>
    </row>
    <row r="236684" spans="8:8">
      <c r="H236684" s="12"/>
    </row>
    <row r="236685" spans="8:8">
      <c r="H236685" s="12"/>
    </row>
    <row r="236686" spans="8:8">
      <c r="H236686" s="12"/>
    </row>
    <row r="236687" spans="8:8">
      <c r="H236687" s="12"/>
    </row>
    <row r="236688" spans="8:8">
      <c r="H236688" s="12"/>
    </row>
    <row r="236689" spans="8:8">
      <c r="H236689" s="12"/>
    </row>
    <row r="236690" spans="8:8">
      <c r="H236690" s="12"/>
    </row>
    <row r="236691" spans="8:8">
      <c r="H236691" s="12"/>
    </row>
    <row r="236692" spans="8:8">
      <c r="H236692" s="12"/>
    </row>
    <row r="236693" spans="8:8">
      <c r="H236693" s="12"/>
    </row>
    <row r="236694" spans="8:8">
      <c r="H236694" s="12"/>
    </row>
    <row r="236695" spans="8:8">
      <c r="H236695" s="12"/>
    </row>
    <row r="236696" spans="8:8">
      <c r="H236696" s="12"/>
    </row>
    <row r="236697" spans="8:8">
      <c r="H236697" s="12"/>
    </row>
    <row r="236698" spans="8:8">
      <c r="H236698" s="12"/>
    </row>
    <row r="236699" spans="8:8">
      <c r="H236699" s="12"/>
    </row>
    <row r="236700" spans="8:8">
      <c r="H236700" s="12"/>
    </row>
    <row r="236701" spans="8:8">
      <c r="H236701" s="12"/>
    </row>
    <row r="236702" spans="8:8">
      <c r="H236702" s="12"/>
    </row>
    <row r="236703" spans="8:8">
      <c r="H236703" s="12"/>
    </row>
    <row r="236704" spans="8:8">
      <c r="H236704" s="12"/>
    </row>
    <row r="236705" spans="8:8">
      <c r="H236705" s="12"/>
    </row>
    <row r="236706" spans="8:8">
      <c r="H236706" s="12"/>
    </row>
    <row r="236707" spans="8:8">
      <c r="H236707" s="12"/>
    </row>
    <row r="236708" spans="8:8">
      <c r="H236708" s="12"/>
    </row>
    <row r="236709" spans="8:8">
      <c r="H236709" s="12"/>
    </row>
    <row r="236710" spans="8:8">
      <c r="H236710" s="12"/>
    </row>
    <row r="236711" spans="8:8">
      <c r="H236711" s="12"/>
    </row>
    <row r="236712" spans="8:8">
      <c r="H236712" s="12"/>
    </row>
    <row r="236713" spans="8:8">
      <c r="H236713" s="12"/>
    </row>
    <row r="236714" spans="8:8">
      <c r="H236714" s="12"/>
    </row>
    <row r="236715" spans="8:8">
      <c r="H236715" s="12"/>
    </row>
    <row r="236716" spans="8:8">
      <c r="H236716" s="12"/>
    </row>
    <row r="236717" spans="8:8">
      <c r="H236717" s="12"/>
    </row>
    <row r="236718" spans="8:8">
      <c r="H236718" s="12"/>
    </row>
    <row r="236719" spans="8:8">
      <c r="H236719" s="12"/>
    </row>
    <row r="236720" spans="8:8">
      <c r="H236720" s="12"/>
    </row>
    <row r="236721" spans="8:8">
      <c r="H236721" s="12"/>
    </row>
    <row r="236722" spans="8:8">
      <c r="H236722" s="12"/>
    </row>
    <row r="236723" spans="8:8">
      <c r="H236723" s="12"/>
    </row>
    <row r="236724" spans="8:8">
      <c r="H236724" s="12"/>
    </row>
    <row r="236725" spans="8:8">
      <c r="H236725" s="12"/>
    </row>
    <row r="236726" spans="8:8">
      <c r="H236726" s="12"/>
    </row>
    <row r="236727" spans="8:8">
      <c r="H236727" s="12"/>
    </row>
    <row r="236728" spans="8:8">
      <c r="H236728" s="12"/>
    </row>
    <row r="236729" spans="8:8">
      <c r="H236729" s="12"/>
    </row>
    <row r="236730" spans="8:8">
      <c r="H236730" s="12"/>
    </row>
    <row r="236731" spans="8:8">
      <c r="H236731" s="12"/>
    </row>
    <row r="236732" spans="8:8">
      <c r="H236732" s="12"/>
    </row>
    <row r="236733" spans="8:8">
      <c r="H236733" s="12"/>
    </row>
    <row r="236734" spans="8:8">
      <c r="H236734" s="12"/>
    </row>
    <row r="236735" spans="8:8">
      <c r="H236735" s="12"/>
    </row>
    <row r="236736" spans="8:8">
      <c r="H236736" s="12"/>
    </row>
    <row r="236737" spans="8:8">
      <c r="H236737" s="12"/>
    </row>
    <row r="236738" spans="8:8">
      <c r="H236738" s="12"/>
    </row>
    <row r="236739" spans="8:8">
      <c r="H236739" s="12"/>
    </row>
    <row r="236740" spans="8:8">
      <c r="H236740" s="12"/>
    </row>
    <row r="236741" spans="8:8">
      <c r="H236741" s="12"/>
    </row>
    <row r="236742" spans="8:8">
      <c r="H236742" s="12"/>
    </row>
    <row r="236743" spans="8:8">
      <c r="H236743" s="12"/>
    </row>
    <row r="236744" spans="8:8">
      <c r="H236744" s="12"/>
    </row>
    <row r="236745" spans="8:8">
      <c r="H236745" s="12"/>
    </row>
    <row r="236746" spans="8:8">
      <c r="H236746" s="12"/>
    </row>
    <row r="236747" spans="8:8">
      <c r="H236747" s="12"/>
    </row>
    <row r="236748" spans="8:8">
      <c r="H236748" s="12"/>
    </row>
    <row r="236749" spans="8:8">
      <c r="H236749" s="12"/>
    </row>
    <row r="236750" spans="8:8">
      <c r="H236750" s="12"/>
    </row>
    <row r="236751" spans="8:8">
      <c r="H236751" s="12"/>
    </row>
    <row r="236752" spans="8:8">
      <c r="H236752" s="12"/>
    </row>
    <row r="236753" spans="8:8">
      <c r="H236753" s="12"/>
    </row>
    <row r="236754" spans="8:8">
      <c r="H236754" s="12"/>
    </row>
    <row r="236755" spans="8:8">
      <c r="H236755" s="12"/>
    </row>
    <row r="236756" spans="8:8">
      <c r="H236756" s="12"/>
    </row>
    <row r="236757" spans="8:8">
      <c r="H236757" s="12"/>
    </row>
    <row r="236758" spans="8:8">
      <c r="H236758" s="12"/>
    </row>
    <row r="236759" spans="8:8">
      <c r="H236759" s="12"/>
    </row>
    <row r="236760" spans="8:8">
      <c r="H236760" s="12"/>
    </row>
    <row r="236761" spans="8:8">
      <c r="H236761" s="12"/>
    </row>
    <row r="236762" spans="8:8">
      <c r="H236762" s="12"/>
    </row>
    <row r="236763" spans="8:8">
      <c r="H236763" s="12"/>
    </row>
    <row r="236764" spans="8:8">
      <c r="H236764" s="12"/>
    </row>
    <row r="236765" spans="8:8">
      <c r="H236765" s="12"/>
    </row>
    <row r="236766" spans="8:8">
      <c r="H236766" s="12"/>
    </row>
    <row r="236767" spans="8:8">
      <c r="H236767" s="12"/>
    </row>
    <row r="236768" spans="8:8">
      <c r="H236768" s="12"/>
    </row>
    <row r="236769" spans="8:8">
      <c r="H236769" s="12"/>
    </row>
    <row r="236770" spans="8:8">
      <c r="H236770" s="12"/>
    </row>
    <row r="236771" spans="8:8">
      <c r="H236771" s="12"/>
    </row>
    <row r="236772" spans="8:8">
      <c r="H236772" s="12"/>
    </row>
    <row r="236773" spans="8:8">
      <c r="H236773" s="12"/>
    </row>
    <row r="236774" spans="8:8">
      <c r="H236774" s="12"/>
    </row>
    <row r="236775" spans="8:8">
      <c r="H236775" s="12"/>
    </row>
    <row r="236776" spans="8:8">
      <c r="H236776" s="12"/>
    </row>
    <row r="236777" spans="8:8">
      <c r="H236777" s="12"/>
    </row>
    <row r="236778" spans="8:8">
      <c r="H236778" s="12"/>
    </row>
    <row r="236779" spans="8:8">
      <c r="H236779" s="12"/>
    </row>
    <row r="236780" spans="8:8">
      <c r="H236780" s="12"/>
    </row>
    <row r="236781" spans="8:8">
      <c r="H236781" s="12"/>
    </row>
    <row r="236782" spans="8:8">
      <c r="H236782" s="12"/>
    </row>
    <row r="236783" spans="8:8">
      <c r="H236783" s="12"/>
    </row>
    <row r="236784" spans="8:8">
      <c r="H236784" s="12"/>
    </row>
    <row r="236785" spans="8:8">
      <c r="H236785" s="12"/>
    </row>
    <row r="236786" spans="8:8">
      <c r="H236786" s="12"/>
    </row>
    <row r="236787" spans="8:8">
      <c r="H236787" s="12"/>
    </row>
    <row r="236788" spans="8:8">
      <c r="H236788" s="12"/>
    </row>
    <row r="236789" spans="8:8">
      <c r="H236789" s="12"/>
    </row>
    <row r="236790" spans="8:8">
      <c r="H236790" s="12"/>
    </row>
    <row r="236791" spans="8:8">
      <c r="H236791" s="12"/>
    </row>
    <row r="236792" spans="8:8">
      <c r="H236792" s="12"/>
    </row>
    <row r="236793" spans="8:8">
      <c r="H236793" s="12"/>
    </row>
    <row r="236794" spans="8:8">
      <c r="H236794" s="12"/>
    </row>
    <row r="236795" spans="8:8">
      <c r="H236795" s="12"/>
    </row>
    <row r="236796" spans="8:8">
      <c r="H236796" s="12"/>
    </row>
    <row r="236797" spans="8:8">
      <c r="H236797" s="12"/>
    </row>
    <row r="236798" spans="8:8">
      <c r="H236798" s="12"/>
    </row>
    <row r="236799" spans="8:8">
      <c r="H236799" s="12"/>
    </row>
    <row r="236800" spans="8:8">
      <c r="H236800" s="12"/>
    </row>
    <row r="236801" spans="8:8">
      <c r="H236801" s="12"/>
    </row>
    <row r="236802" spans="8:8">
      <c r="H236802" s="12"/>
    </row>
    <row r="236803" spans="8:8">
      <c r="H236803" s="12"/>
    </row>
    <row r="236804" spans="8:8">
      <c r="H236804" s="12"/>
    </row>
    <row r="236805" spans="8:8">
      <c r="H236805" s="12"/>
    </row>
    <row r="236806" spans="8:8">
      <c r="H236806" s="12"/>
    </row>
    <row r="236807" spans="8:8">
      <c r="H236807" s="12"/>
    </row>
    <row r="236808" spans="8:8">
      <c r="H236808" s="12"/>
    </row>
    <row r="236809" spans="8:8">
      <c r="H236809" s="12"/>
    </row>
    <row r="236810" spans="8:8">
      <c r="H236810" s="12"/>
    </row>
    <row r="236811" spans="8:8">
      <c r="H236811" s="12"/>
    </row>
    <row r="236812" spans="8:8">
      <c r="H236812" s="12"/>
    </row>
    <row r="236813" spans="8:8">
      <c r="H236813" s="12"/>
    </row>
    <row r="236814" spans="8:8">
      <c r="H236814" s="12"/>
    </row>
    <row r="236815" spans="8:8">
      <c r="H236815" s="12"/>
    </row>
    <row r="236816" spans="8:8">
      <c r="H236816" s="12"/>
    </row>
    <row r="236817" spans="8:8">
      <c r="H236817" s="12"/>
    </row>
    <row r="236818" spans="8:8">
      <c r="H236818" s="12"/>
    </row>
    <row r="236819" spans="8:8">
      <c r="H236819" s="12"/>
    </row>
    <row r="236820" spans="8:8">
      <c r="H236820" s="12"/>
    </row>
    <row r="236821" spans="8:8">
      <c r="H236821" s="12"/>
    </row>
    <row r="236822" spans="8:8">
      <c r="H236822" s="12"/>
    </row>
    <row r="236823" spans="8:8">
      <c r="H236823" s="12"/>
    </row>
    <row r="236824" spans="8:8">
      <c r="H236824" s="12"/>
    </row>
    <row r="236825" spans="8:8">
      <c r="H236825" s="12"/>
    </row>
    <row r="236826" spans="8:8">
      <c r="H236826" s="12"/>
    </row>
    <row r="236827" spans="8:8">
      <c r="H236827" s="12"/>
    </row>
    <row r="236828" spans="8:8">
      <c r="H236828" s="12"/>
    </row>
    <row r="236829" spans="8:8">
      <c r="H236829" s="12"/>
    </row>
    <row r="236830" spans="8:8">
      <c r="H236830" s="12"/>
    </row>
    <row r="236831" spans="8:8">
      <c r="H236831" s="12"/>
    </row>
    <row r="236832" spans="8:8">
      <c r="H236832" s="12"/>
    </row>
    <row r="236833" spans="8:8">
      <c r="H236833" s="12"/>
    </row>
    <row r="236834" spans="8:8">
      <c r="H236834" s="12"/>
    </row>
    <row r="236835" spans="8:8">
      <c r="H236835" s="12"/>
    </row>
    <row r="236836" spans="8:8">
      <c r="H236836" s="12"/>
    </row>
    <row r="236837" spans="8:8">
      <c r="H236837" s="12"/>
    </row>
    <row r="236838" spans="8:8">
      <c r="H236838" s="12"/>
    </row>
    <row r="236839" spans="8:8">
      <c r="H236839" s="12"/>
    </row>
    <row r="236840" spans="8:8">
      <c r="H236840" s="12"/>
    </row>
    <row r="236841" spans="8:8">
      <c r="H236841" s="12"/>
    </row>
    <row r="236842" spans="8:8">
      <c r="H236842" s="12"/>
    </row>
    <row r="236843" spans="8:8">
      <c r="H236843" s="12"/>
    </row>
    <row r="236844" spans="8:8">
      <c r="H236844" s="12"/>
    </row>
    <row r="236845" spans="8:8">
      <c r="H236845" s="12"/>
    </row>
    <row r="236846" spans="8:8">
      <c r="H236846" s="12"/>
    </row>
    <row r="236847" spans="8:8">
      <c r="H236847" s="12"/>
    </row>
    <row r="236848" spans="8:8">
      <c r="H236848" s="12"/>
    </row>
    <row r="236849" spans="8:8">
      <c r="H236849" s="12"/>
    </row>
    <row r="236850" spans="8:8">
      <c r="H236850" s="12"/>
    </row>
    <row r="236851" spans="8:8">
      <c r="H236851" s="12"/>
    </row>
    <row r="236852" spans="8:8">
      <c r="H236852" s="12"/>
    </row>
    <row r="236853" spans="8:8">
      <c r="H236853" s="12"/>
    </row>
    <row r="236854" spans="8:8">
      <c r="H236854" s="12"/>
    </row>
    <row r="236855" spans="8:8">
      <c r="H236855" s="12"/>
    </row>
    <row r="236856" spans="8:8">
      <c r="H236856" s="12"/>
    </row>
    <row r="236857" spans="8:8">
      <c r="H236857" s="12"/>
    </row>
    <row r="236858" spans="8:8">
      <c r="H236858" s="12"/>
    </row>
    <row r="236859" spans="8:8">
      <c r="H236859" s="12"/>
    </row>
    <row r="236860" spans="8:8">
      <c r="H236860" s="12"/>
    </row>
    <row r="236861" spans="8:8">
      <c r="H236861" s="12"/>
    </row>
    <row r="236862" spans="8:8">
      <c r="H236862" s="12"/>
    </row>
    <row r="236863" spans="8:8">
      <c r="H236863" s="12"/>
    </row>
    <row r="236864" spans="8:8">
      <c r="H236864" s="12"/>
    </row>
    <row r="236865" spans="8:8">
      <c r="H236865" s="12"/>
    </row>
    <row r="236866" spans="8:8">
      <c r="H236866" s="12"/>
    </row>
    <row r="236867" spans="8:8">
      <c r="H236867" s="12"/>
    </row>
    <row r="236868" spans="8:8">
      <c r="H236868" s="12"/>
    </row>
    <row r="236869" spans="8:8">
      <c r="H236869" s="12"/>
    </row>
    <row r="236870" spans="8:8">
      <c r="H236870" s="12"/>
    </row>
    <row r="236871" spans="8:8">
      <c r="H236871" s="12"/>
    </row>
    <row r="236872" spans="8:8">
      <c r="H236872" s="12"/>
    </row>
    <row r="236873" spans="8:8">
      <c r="H236873" s="12"/>
    </row>
    <row r="236874" spans="8:8">
      <c r="H236874" s="12"/>
    </row>
    <row r="236875" spans="8:8">
      <c r="H236875" s="12"/>
    </row>
    <row r="236876" spans="8:8">
      <c r="H236876" s="12"/>
    </row>
    <row r="236877" spans="8:8">
      <c r="H236877" s="12"/>
    </row>
    <row r="236878" spans="8:8">
      <c r="H236878" s="12"/>
    </row>
    <row r="236879" spans="8:8">
      <c r="H236879" s="12"/>
    </row>
    <row r="236880" spans="8:8">
      <c r="H236880" s="12"/>
    </row>
    <row r="236881" spans="8:8">
      <c r="H236881" s="12"/>
    </row>
    <row r="236882" spans="8:8">
      <c r="H236882" s="12"/>
    </row>
    <row r="236883" spans="8:8">
      <c r="H236883" s="12"/>
    </row>
    <row r="236884" spans="8:8">
      <c r="H236884" s="12"/>
    </row>
    <row r="236885" spans="8:8">
      <c r="H236885" s="12"/>
    </row>
    <row r="236886" spans="8:8">
      <c r="H236886" s="12"/>
    </row>
    <row r="236887" spans="8:8">
      <c r="H236887" s="12"/>
    </row>
    <row r="236888" spans="8:8">
      <c r="H236888" s="12"/>
    </row>
    <row r="236889" spans="8:8">
      <c r="H236889" s="12"/>
    </row>
    <row r="236890" spans="8:8">
      <c r="H236890" s="12"/>
    </row>
    <row r="236891" spans="8:8">
      <c r="H236891" s="12"/>
    </row>
    <row r="236892" spans="8:8">
      <c r="H236892" s="12"/>
    </row>
    <row r="236893" spans="8:8">
      <c r="H236893" s="12"/>
    </row>
    <row r="236894" spans="8:8">
      <c r="H236894" s="12"/>
    </row>
    <row r="236895" spans="8:8">
      <c r="H236895" s="12"/>
    </row>
    <row r="236896" spans="8:8">
      <c r="H236896" s="12"/>
    </row>
    <row r="236897" spans="8:8">
      <c r="H236897" s="12"/>
    </row>
    <row r="236898" spans="8:8">
      <c r="H236898" s="12"/>
    </row>
    <row r="236899" spans="8:8">
      <c r="H236899" s="12"/>
    </row>
    <row r="236900" spans="8:8">
      <c r="H236900" s="12"/>
    </row>
    <row r="236901" spans="8:8">
      <c r="H236901" s="12"/>
    </row>
    <row r="236902" spans="8:8">
      <c r="H236902" s="12"/>
    </row>
    <row r="236903" spans="8:8">
      <c r="H236903" s="12"/>
    </row>
    <row r="236904" spans="8:8">
      <c r="H236904" s="12"/>
    </row>
    <row r="236905" spans="8:8">
      <c r="H236905" s="12"/>
    </row>
    <row r="236906" spans="8:8">
      <c r="H236906" s="12"/>
    </row>
    <row r="236907" spans="8:8">
      <c r="H236907" s="12"/>
    </row>
    <row r="236908" spans="8:8">
      <c r="H236908" s="12"/>
    </row>
    <row r="236909" spans="8:8">
      <c r="H236909" s="12"/>
    </row>
    <row r="236910" spans="8:8">
      <c r="H236910" s="12"/>
    </row>
    <row r="236911" spans="8:8">
      <c r="H236911" s="12"/>
    </row>
    <row r="236912" spans="8:8">
      <c r="H236912" s="12"/>
    </row>
    <row r="236913" spans="8:8">
      <c r="H236913" s="12"/>
    </row>
    <row r="236914" spans="8:8">
      <c r="H236914" s="12"/>
    </row>
    <row r="236915" spans="8:8">
      <c r="H236915" s="12"/>
    </row>
    <row r="236916" spans="8:8">
      <c r="H236916" s="12"/>
    </row>
    <row r="236917" spans="8:8">
      <c r="H236917" s="12"/>
    </row>
    <row r="236918" spans="8:8">
      <c r="H236918" s="12"/>
    </row>
    <row r="236919" spans="8:8">
      <c r="H236919" s="12"/>
    </row>
    <row r="236920" spans="8:8">
      <c r="H236920" s="12"/>
    </row>
    <row r="236921" spans="8:8">
      <c r="H236921" s="12"/>
    </row>
    <row r="236922" spans="8:8">
      <c r="H236922" s="12"/>
    </row>
    <row r="236923" spans="8:8">
      <c r="H236923" s="12"/>
    </row>
    <row r="236924" spans="8:8">
      <c r="H236924" s="12"/>
    </row>
    <row r="236925" spans="8:8">
      <c r="H236925" s="12"/>
    </row>
    <row r="236926" spans="8:8">
      <c r="H236926" s="12"/>
    </row>
    <row r="236927" spans="8:8">
      <c r="H236927" s="12"/>
    </row>
    <row r="236928" spans="8:8">
      <c r="H236928" s="12"/>
    </row>
    <row r="236929" spans="8:8">
      <c r="H236929" s="12"/>
    </row>
    <row r="236930" spans="8:8">
      <c r="H236930" s="12"/>
    </row>
    <row r="236931" spans="8:8">
      <c r="H236931" s="12"/>
    </row>
    <row r="236932" spans="8:8">
      <c r="H236932" s="12"/>
    </row>
    <row r="236933" spans="8:8">
      <c r="H236933" s="12"/>
    </row>
    <row r="236934" spans="8:8">
      <c r="H236934" s="12"/>
    </row>
    <row r="236935" spans="8:8">
      <c r="H236935" s="12"/>
    </row>
    <row r="236936" spans="8:8">
      <c r="H236936" s="12"/>
    </row>
    <row r="236937" spans="8:8">
      <c r="H236937" s="12"/>
    </row>
    <row r="236938" spans="8:8">
      <c r="H236938" s="12"/>
    </row>
    <row r="236939" spans="8:8">
      <c r="H236939" s="12"/>
    </row>
    <row r="236940" spans="8:8">
      <c r="H236940" s="12"/>
    </row>
    <row r="236941" spans="8:8">
      <c r="H236941" s="12"/>
    </row>
    <row r="236942" spans="8:8">
      <c r="H236942" s="12"/>
    </row>
    <row r="236943" spans="8:8">
      <c r="H236943" s="12"/>
    </row>
    <row r="236944" spans="8:8">
      <c r="H236944" s="12"/>
    </row>
    <row r="236945" spans="8:8">
      <c r="H236945" s="12"/>
    </row>
    <row r="236946" spans="8:8">
      <c r="H236946" s="12"/>
    </row>
    <row r="236947" spans="8:8">
      <c r="H236947" s="12"/>
    </row>
    <row r="236948" spans="8:8">
      <c r="H236948" s="12"/>
    </row>
    <row r="236949" spans="8:8">
      <c r="H236949" s="12"/>
    </row>
    <row r="236950" spans="8:8">
      <c r="H236950" s="12"/>
    </row>
    <row r="236951" spans="8:8">
      <c r="H236951" s="12"/>
    </row>
    <row r="236952" spans="8:8">
      <c r="H236952" s="12"/>
    </row>
    <row r="236953" spans="8:8">
      <c r="H236953" s="12"/>
    </row>
    <row r="236954" spans="8:8">
      <c r="H236954" s="12"/>
    </row>
    <row r="236955" spans="8:8">
      <c r="H236955" s="12"/>
    </row>
    <row r="236956" spans="8:8">
      <c r="H236956" s="12"/>
    </row>
    <row r="236957" spans="8:8">
      <c r="H236957" s="12"/>
    </row>
    <row r="236958" spans="8:8">
      <c r="H236958" s="12"/>
    </row>
    <row r="236959" spans="8:8">
      <c r="H236959" s="12"/>
    </row>
    <row r="236960" spans="8:8">
      <c r="H236960" s="12"/>
    </row>
    <row r="236961" spans="8:8">
      <c r="H236961" s="12"/>
    </row>
    <row r="236962" spans="8:8">
      <c r="H236962" s="12"/>
    </row>
    <row r="236963" spans="8:8">
      <c r="H236963" s="12"/>
    </row>
    <row r="236964" spans="8:8">
      <c r="H236964" s="12"/>
    </row>
    <row r="236965" spans="8:8">
      <c r="H236965" s="12"/>
    </row>
    <row r="236966" spans="8:8">
      <c r="H236966" s="12"/>
    </row>
    <row r="236967" spans="8:8">
      <c r="H236967" s="12"/>
    </row>
    <row r="236968" spans="8:8">
      <c r="H236968" s="12"/>
    </row>
    <row r="236969" spans="8:8">
      <c r="H236969" s="12"/>
    </row>
    <row r="236970" spans="8:8">
      <c r="H236970" s="12"/>
    </row>
    <row r="236971" spans="8:8">
      <c r="H236971" s="12"/>
    </row>
    <row r="236972" spans="8:8">
      <c r="H236972" s="12"/>
    </row>
    <row r="236973" spans="8:8">
      <c r="H236973" s="12"/>
    </row>
    <row r="236974" spans="8:8">
      <c r="H236974" s="12"/>
    </row>
    <row r="236975" spans="8:8">
      <c r="H236975" s="12"/>
    </row>
    <row r="236976" spans="8:8">
      <c r="H236976" s="12"/>
    </row>
    <row r="236977" spans="8:8">
      <c r="H236977" s="12"/>
    </row>
    <row r="236978" spans="8:8">
      <c r="H236978" s="12"/>
    </row>
    <row r="236979" spans="8:8">
      <c r="H236979" s="12"/>
    </row>
    <row r="236980" spans="8:8">
      <c r="H236980" s="12"/>
    </row>
    <row r="236981" spans="8:8">
      <c r="H236981" s="12"/>
    </row>
    <row r="236982" spans="8:8">
      <c r="H236982" s="12"/>
    </row>
    <row r="236983" spans="8:8">
      <c r="H236983" s="12"/>
    </row>
    <row r="236984" spans="8:8">
      <c r="H236984" s="12"/>
    </row>
    <row r="236985" spans="8:8">
      <c r="H236985" s="12"/>
    </row>
    <row r="236986" spans="8:8">
      <c r="H236986" s="12"/>
    </row>
    <row r="236987" spans="8:8">
      <c r="H236987" s="12"/>
    </row>
    <row r="236988" spans="8:8">
      <c r="H236988" s="12"/>
    </row>
    <row r="236989" spans="8:8">
      <c r="H236989" s="12"/>
    </row>
    <row r="236990" spans="8:8">
      <c r="H236990" s="12"/>
    </row>
    <row r="236991" spans="8:8">
      <c r="H236991" s="12"/>
    </row>
    <row r="236992" spans="8:8">
      <c r="H236992" s="12"/>
    </row>
    <row r="236993" spans="8:8">
      <c r="H236993" s="12"/>
    </row>
    <row r="236994" spans="8:8">
      <c r="H236994" s="12"/>
    </row>
    <row r="236995" spans="8:8">
      <c r="H236995" s="12"/>
    </row>
    <row r="236996" spans="8:8">
      <c r="H236996" s="12"/>
    </row>
    <row r="236997" spans="8:8">
      <c r="H236997" s="12"/>
    </row>
    <row r="236998" spans="8:8">
      <c r="H236998" s="12"/>
    </row>
    <row r="236999" spans="8:8">
      <c r="H236999" s="12"/>
    </row>
    <row r="237000" spans="8:8">
      <c r="H237000" s="12"/>
    </row>
    <row r="237001" spans="8:8">
      <c r="H237001" s="12"/>
    </row>
    <row r="237002" spans="8:8">
      <c r="H237002" s="12"/>
    </row>
    <row r="237003" spans="8:8">
      <c r="H237003" s="12"/>
    </row>
    <row r="237004" spans="8:8">
      <c r="H237004" s="12"/>
    </row>
    <row r="237005" spans="8:8">
      <c r="H237005" s="12"/>
    </row>
    <row r="237006" spans="8:8">
      <c r="H237006" s="12"/>
    </row>
    <row r="237007" spans="8:8">
      <c r="H237007" s="12"/>
    </row>
    <row r="237008" spans="8:8">
      <c r="H237008" s="12"/>
    </row>
    <row r="237009" spans="8:8">
      <c r="H237009" s="12"/>
    </row>
    <row r="237010" spans="8:8">
      <c r="H237010" s="12"/>
    </row>
    <row r="237011" spans="8:8">
      <c r="H237011" s="12"/>
    </row>
    <row r="237012" spans="8:8">
      <c r="H237012" s="12"/>
    </row>
    <row r="237013" spans="8:8">
      <c r="H237013" s="12"/>
    </row>
    <row r="237014" spans="8:8">
      <c r="H237014" s="12"/>
    </row>
    <row r="237015" spans="8:8">
      <c r="H237015" s="12"/>
    </row>
    <row r="237016" spans="8:8">
      <c r="H237016" s="12"/>
    </row>
    <row r="237017" spans="8:8">
      <c r="H237017" s="12"/>
    </row>
    <row r="237018" spans="8:8">
      <c r="H237018" s="12"/>
    </row>
    <row r="237019" spans="8:8">
      <c r="H237019" s="12"/>
    </row>
    <row r="237020" spans="8:8">
      <c r="H237020" s="12"/>
    </row>
    <row r="237021" spans="8:8">
      <c r="H237021" s="12"/>
    </row>
    <row r="237022" spans="8:8">
      <c r="H237022" s="12"/>
    </row>
    <row r="237023" spans="8:8">
      <c r="H237023" s="12"/>
    </row>
    <row r="237024" spans="8:8">
      <c r="H237024" s="12"/>
    </row>
    <row r="237025" spans="8:8">
      <c r="H237025" s="12"/>
    </row>
    <row r="237026" spans="8:8">
      <c r="H237026" s="12"/>
    </row>
    <row r="237027" spans="8:8">
      <c r="H237027" s="12"/>
    </row>
    <row r="237028" spans="8:8">
      <c r="H237028" s="12"/>
    </row>
    <row r="237029" spans="8:8">
      <c r="H237029" s="12"/>
    </row>
    <row r="237030" spans="8:8">
      <c r="H237030" s="12"/>
    </row>
    <row r="237031" spans="8:8">
      <c r="H237031" s="12"/>
    </row>
    <row r="237032" spans="8:8">
      <c r="H237032" s="12"/>
    </row>
    <row r="237033" spans="8:8">
      <c r="H237033" s="12"/>
    </row>
    <row r="237034" spans="8:8">
      <c r="H237034" s="12"/>
    </row>
    <row r="237035" spans="8:8">
      <c r="H237035" s="12"/>
    </row>
    <row r="237036" spans="8:8">
      <c r="H237036" s="12"/>
    </row>
    <row r="237037" spans="8:8">
      <c r="H237037" s="12"/>
    </row>
    <row r="237038" spans="8:8">
      <c r="H237038" s="12"/>
    </row>
    <row r="237039" spans="8:8">
      <c r="H237039" s="12"/>
    </row>
    <row r="237040" spans="8:8">
      <c r="H237040" s="12"/>
    </row>
    <row r="237041" spans="8:8">
      <c r="H237041" s="12"/>
    </row>
    <row r="237042" spans="8:8">
      <c r="H237042" s="12"/>
    </row>
    <row r="237043" spans="8:8">
      <c r="H237043" s="12"/>
    </row>
    <row r="237044" spans="8:8">
      <c r="H237044" s="12"/>
    </row>
    <row r="237045" spans="8:8">
      <c r="H237045" s="12"/>
    </row>
    <row r="237046" spans="8:8">
      <c r="H237046" s="12"/>
    </row>
    <row r="237047" spans="8:8">
      <c r="H237047" s="12"/>
    </row>
    <row r="237048" spans="8:8">
      <c r="H237048" s="12"/>
    </row>
    <row r="237049" spans="8:8">
      <c r="H237049" s="12"/>
    </row>
    <row r="237050" spans="8:8">
      <c r="H237050" s="12"/>
    </row>
    <row r="237051" spans="8:8">
      <c r="H237051" s="12"/>
    </row>
    <row r="237052" spans="8:8">
      <c r="H237052" s="12"/>
    </row>
    <row r="237053" spans="8:8">
      <c r="H237053" s="12"/>
    </row>
    <row r="237054" spans="8:8">
      <c r="H237054" s="12"/>
    </row>
    <row r="237055" spans="8:8">
      <c r="H237055" s="12"/>
    </row>
    <row r="237056" spans="8:8">
      <c r="H237056" s="12"/>
    </row>
    <row r="237057" spans="8:8">
      <c r="H237057" s="12"/>
    </row>
    <row r="237058" spans="8:8">
      <c r="H237058" s="12"/>
    </row>
    <row r="237059" spans="8:8">
      <c r="H237059" s="12"/>
    </row>
    <row r="237060" spans="8:8">
      <c r="H237060" s="12"/>
    </row>
    <row r="237061" spans="8:8">
      <c r="H237061" s="12"/>
    </row>
    <row r="237062" spans="8:8">
      <c r="H237062" s="12"/>
    </row>
    <row r="237063" spans="8:8">
      <c r="H237063" s="12"/>
    </row>
    <row r="237064" spans="8:8">
      <c r="H237064" s="12"/>
    </row>
    <row r="237065" spans="8:8">
      <c r="H237065" s="12"/>
    </row>
    <row r="237066" spans="8:8">
      <c r="H237066" s="12"/>
    </row>
    <row r="237067" spans="8:8">
      <c r="H237067" s="12"/>
    </row>
    <row r="237068" spans="8:8">
      <c r="H237068" s="12"/>
    </row>
    <row r="237069" spans="8:8">
      <c r="H237069" s="12"/>
    </row>
    <row r="237070" spans="8:8">
      <c r="H237070" s="12"/>
    </row>
    <row r="237071" spans="8:8">
      <c r="H237071" s="12"/>
    </row>
    <row r="237072" spans="8:8">
      <c r="H237072" s="12"/>
    </row>
    <row r="237073" spans="8:8">
      <c r="H237073" s="12"/>
    </row>
    <row r="237074" spans="8:8">
      <c r="H237074" s="12"/>
    </row>
    <row r="237075" spans="8:8">
      <c r="H237075" s="12"/>
    </row>
    <row r="237076" spans="8:8">
      <c r="H237076" s="12"/>
    </row>
    <row r="237077" spans="8:8">
      <c r="H237077" s="12"/>
    </row>
    <row r="237078" spans="8:8">
      <c r="H237078" s="12"/>
    </row>
    <row r="237079" spans="8:8">
      <c r="H237079" s="12"/>
    </row>
    <row r="237080" spans="8:8">
      <c r="H237080" s="12"/>
    </row>
    <row r="237081" spans="8:8">
      <c r="H237081" s="12"/>
    </row>
    <row r="237082" spans="8:8">
      <c r="H237082" s="12"/>
    </row>
    <row r="237083" spans="8:8">
      <c r="H237083" s="12"/>
    </row>
    <row r="237084" spans="8:8">
      <c r="H237084" s="12"/>
    </row>
    <row r="237085" spans="8:8">
      <c r="H237085" s="12"/>
    </row>
    <row r="237086" spans="8:8">
      <c r="H237086" s="12"/>
    </row>
    <row r="237087" spans="8:8">
      <c r="H237087" s="12"/>
    </row>
    <row r="237088" spans="8:8">
      <c r="H237088" s="12"/>
    </row>
    <row r="237089" spans="8:8">
      <c r="H237089" s="12"/>
    </row>
    <row r="237090" spans="8:8">
      <c r="H237090" s="12"/>
    </row>
    <row r="237091" spans="8:8">
      <c r="H237091" s="12"/>
    </row>
    <row r="237092" spans="8:8">
      <c r="H237092" s="12"/>
    </row>
    <row r="237093" spans="8:8">
      <c r="H237093" s="12"/>
    </row>
    <row r="237094" spans="8:8">
      <c r="H237094" s="12"/>
    </row>
    <row r="237095" spans="8:8">
      <c r="H237095" s="12"/>
    </row>
    <row r="237096" spans="8:8">
      <c r="H237096" s="12"/>
    </row>
    <row r="237097" spans="8:8">
      <c r="H237097" s="12"/>
    </row>
    <row r="237098" spans="8:8">
      <c r="H237098" s="12"/>
    </row>
    <row r="237099" spans="8:8">
      <c r="H237099" s="12"/>
    </row>
    <row r="237100" spans="8:8">
      <c r="H237100" s="12"/>
    </row>
    <row r="237101" spans="8:8">
      <c r="H237101" s="12"/>
    </row>
    <row r="237102" spans="8:8">
      <c r="H237102" s="12"/>
    </row>
    <row r="237103" spans="8:8">
      <c r="H237103" s="12"/>
    </row>
    <row r="237104" spans="8:8">
      <c r="H237104" s="12"/>
    </row>
    <row r="237105" spans="8:8">
      <c r="H237105" s="12"/>
    </row>
    <row r="237106" spans="8:8">
      <c r="H237106" s="12"/>
    </row>
    <row r="237107" spans="8:8">
      <c r="H237107" s="12"/>
    </row>
    <row r="237108" spans="8:8">
      <c r="H237108" s="12"/>
    </row>
    <row r="237109" spans="8:8">
      <c r="H237109" s="12"/>
    </row>
    <row r="237110" spans="8:8">
      <c r="H237110" s="12"/>
    </row>
    <row r="237111" spans="8:8">
      <c r="H237111" s="12"/>
    </row>
    <row r="237112" spans="8:8">
      <c r="H237112" s="12"/>
    </row>
    <row r="237113" spans="8:8">
      <c r="H237113" s="12"/>
    </row>
    <row r="237114" spans="8:8">
      <c r="H237114" s="12"/>
    </row>
    <row r="237115" spans="8:8">
      <c r="H237115" s="12"/>
    </row>
    <row r="237116" spans="8:8">
      <c r="H237116" s="12"/>
    </row>
    <row r="237117" spans="8:8">
      <c r="H237117" s="12"/>
    </row>
    <row r="237118" spans="8:8">
      <c r="H237118" s="12"/>
    </row>
    <row r="237119" spans="8:8">
      <c r="H237119" s="12"/>
    </row>
    <row r="237120" spans="8:8">
      <c r="H237120" s="12"/>
    </row>
    <row r="237121" spans="8:8">
      <c r="H237121" s="12"/>
    </row>
    <row r="237122" spans="8:8">
      <c r="H237122" s="12"/>
    </row>
    <row r="237123" spans="8:8">
      <c r="H237123" s="12"/>
    </row>
    <row r="237124" spans="8:8">
      <c r="H237124" s="12"/>
    </row>
    <row r="237125" spans="8:8">
      <c r="H237125" s="12"/>
    </row>
    <row r="237126" spans="8:8">
      <c r="H237126" s="12"/>
    </row>
    <row r="237127" spans="8:8">
      <c r="H237127" s="12"/>
    </row>
    <row r="237128" spans="8:8">
      <c r="H237128" s="12"/>
    </row>
    <row r="237129" spans="8:8">
      <c r="H237129" s="12"/>
    </row>
    <row r="237130" spans="8:8">
      <c r="H237130" s="12"/>
    </row>
    <row r="237131" spans="8:8">
      <c r="H237131" s="12"/>
    </row>
    <row r="237132" spans="8:8">
      <c r="H237132" s="12"/>
    </row>
    <row r="237133" spans="8:8">
      <c r="H237133" s="12"/>
    </row>
    <row r="237134" spans="8:8">
      <c r="H237134" s="12"/>
    </row>
    <row r="237135" spans="8:8">
      <c r="H237135" s="12"/>
    </row>
    <row r="237136" spans="8:8">
      <c r="H237136" s="12"/>
    </row>
    <row r="237137" spans="8:8">
      <c r="H237137" s="12"/>
    </row>
    <row r="237138" spans="8:8">
      <c r="H237138" s="12"/>
    </row>
    <row r="237139" spans="8:8">
      <c r="H237139" s="12"/>
    </row>
    <row r="237140" spans="8:8">
      <c r="H237140" s="12"/>
    </row>
    <row r="237141" spans="8:8">
      <c r="H237141" s="12"/>
    </row>
    <row r="237142" spans="8:8">
      <c r="H237142" s="12"/>
    </row>
    <row r="237143" spans="8:8">
      <c r="H237143" s="12"/>
    </row>
    <row r="237144" spans="8:8">
      <c r="H237144" s="12"/>
    </row>
    <row r="237145" spans="8:8">
      <c r="H237145" s="12"/>
    </row>
    <row r="237146" spans="8:8">
      <c r="H237146" s="12"/>
    </row>
    <row r="237147" spans="8:8">
      <c r="H237147" s="12"/>
    </row>
    <row r="237148" spans="8:8">
      <c r="H237148" s="12"/>
    </row>
    <row r="237149" spans="8:8">
      <c r="H237149" s="12"/>
    </row>
    <row r="237150" spans="8:8">
      <c r="H237150" s="12"/>
    </row>
    <row r="237151" spans="8:8">
      <c r="H237151" s="12"/>
    </row>
    <row r="237152" spans="8:8">
      <c r="H237152" s="12"/>
    </row>
    <row r="237153" spans="8:8">
      <c r="H237153" s="12"/>
    </row>
    <row r="237154" spans="8:8">
      <c r="H237154" s="12"/>
    </row>
    <row r="237155" spans="8:8">
      <c r="H237155" s="12"/>
    </row>
    <row r="237156" spans="8:8">
      <c r="H237156" s="12"/>
    </row>
    <row r="237157" spans="8:8">
      <c r="H237157" s="12"/>
    </row>
    <row r="237158" spans="8:8">
      <c r="H237158" s="12"/>
    </row>
    <row r="237159" spans="8:8">
      <c r="H237159" s="12"/>
    </row>
    <row r="237160" spans="8:8">
      <c r="H237160" s="12"/>
    </row>
    <row r="237161" spans="8:8">
      <c r="H237161" s="12"/>
    </row>
    <row r="237162" spans="8:8">
      <c r="H237162" s="12"/>
    </row>
    <row r="237163" spans="8:8">
      <c r="H237163" s="12"/>
    </row>
    <row r="237164" spans="8:8">
      <c r="H237164" s="12"/>
    </row>
    <row r="237165" spans="8:8">
      <c r="H237165" s="12"/>
    </row>
    <row r="237166" spans="8:8">
      <c r="H237166" s="12"/>
    </row>
    <row r="237167" spans="8:8">
      <c r="H237167" s="12"/>
    </row>
    <row r="237168" spans="8:8">
      <c r="H237168" s="12"/>
    </row>
    <row r="237169" spans="8:8">
      <c r="H237169" s="12"/>
    </row>
    <row r="237170" spans="8:8">
      <c r="H237170" s="12"/>
    </row>
    <row r="237171" spans="8:8">
      <c r="H237171" s="12"/>
    </row>
    <row r="237172" spans="8:8">
      <c r="H237172" s="12"/>
    </row>
    <row r="237173" spans="8:8">
      <c r="H237173" s="12"/>
    </row>
    <row r="237174" spans="8:8">
      <c r="H237174" s="12"/>
    </row>
    <row r="237175" spans="8:8">
      <c r="H237175" s="12"/>
    </row>
    <row r="237176" spans="8:8">
      <c r="H237176" s="12"/>
    </row>
    <row r="237177" spans="8:8">
      <c r="H237177" s="12"/>
    </row>
    <row r="237178" spans="8:8">
      <c r="H237178" s="12"/>
    </row>
    <row r="237179" spans="8:8">
      <c r="H237179" s="12"/>
    </row>
    <row r="237180" spans="8:8">
      <c r="H237180" s="12"/>
    </row>
    <row r="237181" spans="8:8">
      <c r="H237181" s="12"/>
    </row>
    <row r="237182" spans="8:8">
      <c r="H237182" s="12"/>
    </row>
    <row r="237183" spans="8:8">
      <c r="H237183" s="12"/>
    </row>
    <row r="237184" spans="8:8">
      <c r="H237184" s="12"/>
    </row>
    <row r="237185" spans="8:8">
      <c r="H237185" s="12"/>
    </row>
    <row r="237186" spans="8:8">
      <c r="H237186" s="12"/>
    </row>
    <row r="237187" spans="8:8">
      <c r="H237187" s="12"/>
    </row>
    <row r="237188" spans="8:8">
      <c r="H237188" s="12"/>
    </row>
    <row r="237189" spans="8:8">
      <c r="H237189" s="12"/>
    </row>
    <row r="237190" spans="8:8">
      <c r="H237190" s="12"/>
    </row>
    <row r="237191" spans="8:8">
      <c r="H237191" s="12"/>
    </row>
    <row r="237192" spans="8:8">
      <c r="H237192" s="12"/>
    </row>
    <row r="237193" spans="8:8">
      <c r="H237193" s="12"/>
    </row>
    <row r="237194" spans="8:8">
      <c r="H237194" s="12"/>
    </row>
    <row r="237195" spans="8:8">
      <c r="H237195" s="12"/>
    </row>
    <row r="237196" spans="8:8">
      <c r="H237196" s="12"/>
    </row>
    <row r="237197" spans="8:8">
      <c r="H237197" s="12"/>
    </row>
    <row r="237198" spans="8:8">
      <c r="H237198" s="12"/>
    </row>
    <row r="237199" spans="8:8">
      <c r="H237199" s="12"/>
    </row>
    <row r="237200" spans="8:8">
      <c r="H237200" s="12"/>
    </row>
    <row r="237201" spans="8:8">
      <c r="H237201" s="12"/>
    </row>
    <row r="237202" spans="8:8">
      <c r="H237202" s="12"/>
    </row>
    <row r="237203" spans="8:8">
      <c r="H237203" s="12"/>
    </row>
    <row r="237204" spans="8:8">
      <c r="H237204" s="12"/>
    </row>
    <row r="237205" spans="8:8">
      <c r="H237205" s="12"/>
    </row>
    <row r="237206" spans="8:8">
      <c r="H237206" s="12"/>
    </row>
    <row r="237207" spans="8:8">
      <c r="H237207" s="12"/>
    </row>
    <row r="237208" spans="8:8">
      <c r="H237208" s="12"/>
    </row>
    <row r="237209" spans="8:8">
      <c r="H237209" s="12"/>
    </row>
    <row r="237210" spans="8:8">
      <c r="H237210" s="12"/>
    </row>
    <row r="237211" spans="8:8">
      <c r="H237211" s="12"/>
    </row>
    <row r="237212" spans="8:8">
      <c r="H237212" s="12"/>
    </row>
    <row r="237213" spans="8:8">
      <c r="H237213" s="12"/>
    </row>
    <row r="237214" spans="8:8">
      <c r="H237214" s="12"/>
    </row>
    <row r="237215" spans="8:8">
      <c r="H237215" s="12"/>
    </row>
    <row r="237216" spans="8:8">
      <c r="H237216" s="12"/>
    </row>
    <row r="237217" spans="8:8">
      <c r="H237217" s="12"/>
    </row>
    <row r="237218" spans="8:8">
      <c r="H237218" s="12"/>
    </row>
    <row r="237219" spans="8:8">
      <c r="H237219" s="12"/>
    </row>
    <row r="237220" spans="8:8">
      <c r="H237220" s="12"/>
    </row>
    <row r="237221" spans="8:8">
      <c r="H237221" s="12"/>
    </row>
    <row r="237222" spans="8:8">
      <c r="H237222" s="12"/>
    </row>
    <row r="237223" spans="8:8">
      <c r="H237223" s="12"/>
    </row>
    <row r="237224" spans="8:8">
      <c r="H237224" s="12"/>
    </row>
    <row r="237225" spans="8:8">
      <c r="H237225" s="12"/>
    </row>
    <row r="237226" spans="8:8">
      <c r="H237226" s="12"/>
    </row>
    <row r="237227" spans="8:8">
      <c r="H237227" s="12"/>
    </row>
    <row r="237228" spans="8:8">
      <c r="H237228" s="12"/>
    </row>
    <row r="237229" spans="8:8">
      <c r="H237229" s="12"/>
    </row>
    <row r="237230" spans="8:8">
      <c r="H237230" s="12"/>
    </row>
    <row r="237231" spans="8:8">
      <c r="H237231" s="12"/>
    </row>
    <row r="237232" spans="8:8">
      <c r="H237232" s="12"/>
    </row>
    <row r="237233" spans="8:8">
      <c r="H237233" s="12"/>
    </row>
    <row r="237234" spans="8:8">
      <c r="H237234" s="12"/>
    </row>
    <row r="237235" spans="8:8">
      <c r="H237235" s="12"/>
    </row>
    <row r="237236" spans="8:8">
      <c r="H237236" s="12"/>
    </row>
    <row r="237237" spans="8:8">
      <c r="H237237" s="12"/>
    </row>
    <row r="237238" spans="8:8">
      <c r="H237238" s="12"/>
    </row>
    <row r="237239" spans="8:8">
      <c r="H237239" s="12"/>
    </row>
    <row r="237240" spans="8:8">
      <c r="H237240" s="12"/>
    </row>
    <row r="237241" spans="8:8">
      <c r="H237241" s="12"/>
    </row>
    <row r="237242" spans="8:8">
      <c r="H237242" s="12"/>
    </row>
    <row r="237243" spans="8:8">
      <c r="H237243" s="12"/>
    </row>
    <row r="237244" spans="8:8">
      <c r="H237244" s="12"/>
    </row>
    <row r="237245" spans="8:8">
      <c r="H237245" s="12"/>
    </row>
    <row r="237246" spans="8:8">
      <c r="H237246" s="12"/>
    </row>
    <row r="237247" spans="8:8">
      <c r="H237247" s="12"/>
    </row>
    <row r="237248" spans="8:8">
      <c r="H237248" s="12"/>
    </row>
    <row r="237249" spans="8:8">
      <c r="H237249" s="12"/>
    </row>
    <row r="237250" spans="8:8">
      <c r="H237250" s="12"/>
    </row>
    <row r="237251" spans="8:8">
      <c r="H237251" s="12"/>
    </row>
    <row r="237252" spans="8:8">
      <c r="H237252" s="12"/>
    </row>
    <row r="237253" spans="8:8">
      <c r="H237253" s="12"/>
    </row>
    <row r="237254" spans="8:8">
      <c r="H237254" s="12"/>
    </row>
    <row r="237255" spans="8:8">
      <c r="H237255" s="12"/>
    </row>
    <row r="237256" spans="8:8">
      <c r="H237256" s="12"/>
    </row>
    <row r="237257" spans="8:8">
      <c r="H237257" s="12"/>
    </row>
    <row r="237258" spans="8:8">
      <c r="H237258" s="12"/>
    </row>
    <row r="237259" spans="8:8">
      <c r="H237259" s="12"/>
    </row>
    <row r="237260" spans="8:8">
      <c r="H237260" s="12"/>
    </row>
    <row r="237261" spans="8:8">
      <c r="H237261" s="12"/>
    </row>
    <row r="237262" spans="8:8">
      <c r="H237262" s="12"/>
    </row>
    <row r="237263" spans="8:8">
      <c r="H237263" s="12"/>
    </row>
    <row r="237264" spans="8:8">
      <c r="H237264" s="12"/>
    </row>
    <row r="237265" spans="8:8">
      <c r="H237265" s="12"/>
    </row>
    <row r="237266" spans="8:8">
      <c r="H237266" s="12"/>
    </row>
    <row r="237267" spans="8:8">
      <c r="H237267" s="12"/>
    </row>
    <row r="237268" spans="8:8">
      <c r="H237268" s="12"/>
    </row>
    <row r="237269" spans="8:8">
      <c r="H237269" s="12"/>
    </row>
    <row r="237270" spans="8:8">
      <c r="H237270" s="12"/>
    </row>
    <row r="237271" spans="8:8">
      <c r="H237271" s="12"/>
    </row>
    <row r="237272" spans="8:8">
      <c r="H237272" s="12"/>
    </row>
    <row r="237273" spans="8:8">
      <c r="H237273" s="12"/>
    </row>
    <row r="237274" spans="8:8">
      <c r="H237274" s="12"/>
    </row>
    <row r="237275" spans="8:8">
      <c r="H237275" s="12"/>
    </row>
    <row r="237276" spans="8:8">
      <c r="H237276" s="12"/>
    </row>
    <row r="237277" spans="8:8">
      <c r="H237277" s="12"/>
    </row>
    <row r="237278" spans="8:8">
      <c r="H237278" s="12"/>
    </row>
    <row r="237279" spans="8:8">
      <c r="H237279" s="12"/>
    </row>
    <row r="237280" spans="8:8">
      <c r="H237280" s="12"/>
    </row>
    <row r="237281" spans="8:8">
      <c r="H237281" s="12"/>
    </row>
    <row r="237282" spans="8:8">
      <c r="H237282" s="12"/>
    </row>
    <row r="237283" spans="8:8">
      <c r="H237283" s="12"/>
    </row>
    <row r="237284" spans="8:8">
      <c r="H237284" s="12"/>
    </row>
    <row r="237285" spans="8:8">
      <c r="H237285" s="12"/>
    </row>
    <row r="237286" spans="8:8">
      <c r="H237286" s="12"/>
    </row>
    <row r="237287" spans="8:8">
      <c r="H237287" s="12"/>
    </row>
    <row r="237288" spans="8:8">
      <c r="H237288" s="12"/>
    </row>
    <row r="237289" spans="8:8">
      <c r="H237289" s="12"/>
    </row>
    <row r="237290" spans="8:8">
      <c r="H237290" s="12"/>
    </row>
    <row r="237291" spans="8:8">
      <c r="H237291" s="12"/>
    </row>
    <row r="237292" spans="8:8">
      <c r="H237292" s="12"/>
    </row>
    <row r="237293" spans="8:8">
      <c r="H237293" s="12"/>
    </row>
    <row r="237294" spans="8:8">
      <c r="H237294" s="12"/>
    </row>
    <row r="237295" spans="8:8">
      <c r="H237295" s="12"/>
    </row>
    <row r="237296" spans="8:8">
      <c r="H237296" s="12"/>
    </row>
    <row r="237297" spans="8:8">
      <c r="H237297" s="12"/>
    </row>
    <row r="237298" spans="8:8">
      <c r="H237298" s="12"/>
    </row>
    <row r="237299" spans="8:8">
      <c r="H237299" s="12"/>
    </row>
    <row r="237300" spans="8:8">
      <c r="H237300" s="12"/>
    </row>
    <row r="237301" spans="8:8">
      <c r="H237301" s="12"/>
    </row>
    <row r="237302" spans="8:8">
      <c r="H237302" s="12"/>
    </row>
    <row r="237303" spans="8:8">
      <c r="H237303" s="12"/>
    </row>
    <row r="237304" spans="8:8">
      <c r="H237304" s="12"/>
    </row>
    <row r="237305" spans="8:8">
      <c r="H237305" s="12"/>
    </row>
    <row r="237306" spans="8:8">
      <c r="H237306" s="12"/>
    </row>
    <row r="237307" spans="8:8">
      <c r="H237307" s="12"/>
    </row>
    <row r="237308" spans="8:8">
      <c r="H237308" s="12"/>
    </row>
    <row r="237309" spans="8:8">
      <c r="H237309" s="12"/>
    </row>
    <row r="237310" spans="8:8">
      <c r="H237310" s="12"/>
    </row>
    <row r="237311" spans="8:8">
      <c r="H237311" s="12"/>
    </row>
    <row r="237312" spans="8:8">
      <c r="H237312" s="12"/>
    </row>
    <row r="237313" spans="8:8">
      <c r="H237313" s="12"/>
    </row>
    <row r="237314" spans="8:8">
      <c r="H237314" s="12"/>
    </row>
    <row r="237315" spans="8:8">
      <c r="H237315" s="12"/>
    </row>
    <row r="237316" spans="8:8">
      <c r="H237316" s="12"/>
    </row>
    <row r="237317" spans="8:8">
      <c r="H237317" s="12"/>
    </row>
    <row r="237318" spans="8:8">
      <c r="H237318" s="12"/>
    </row>
    <row r="237319" spans="8:8">
      <c r="H237319" s="12"/>
    </row>
    <row r="237320" spans="8:8">
      <c r="H237320" s="12"/>
    </row>
    <row r="237321" spans="8:8">
      <c r="H237321" s="12"/>
    </row>
    <row r="237322" spans="8:8">
      <c r="H237322" s="12"/>
    </row>
    <row r="237323" spans="8:8">
      <c r="H237323" s="12"/>
    </row>
    <row r="237324" spans="8:8">
      <c r="H237324" s="12"/>
    </row>
    <row r="237325" spans="8:8">
      <c r="H237325" s="12"/>
    </row>
    <row r="237326" spans="8:8">
      <c r="H237326" s="12"/>
    </row>
    <row r="237327" spans="8:8">
      <c r="H237327" s="12"/>
    </row>
    <row r="237328" spans="8:8">
      <c r="H237328" s="12"/>
    </row>
    <row r="237329" spans="8:8">
      <c r="H237329" s="12"/>
    </row>
    <row r="237330" spans="8:8">
      <c r="H237330" s="12"/>
    </row>
    <row r="237331" spans="8:8">
      <c r="H237331" s="12"/>
    </row>
    <row r="237332" spans="8:8">
      <c r="H237332" s="12"/>
    </row>
    <row r="237333" spans="8:8">
      <c r="H237333" s="12"/>
    </row>
    <row r="237334" spans="8:8">
      <c r="H237334" s="12"/>
    </row>
    <row r="237335" spans="8:8">
      <c r="H237335" s="12"/>
    </row>
    <row r="237336" spans="8:8">
      <c r="H237336" s="12"/>
    </row>
    <row r="237337" spans="8:8">
      <c r="H237337" s="12"/>
    </row>
    <row r="237338" spans="8:8">
      <c r="H237338" s="12"/>
    </row>
    <row r="237339" spans="8:8">
      <c r="H237339" s="12"/>
    </row>
    <row r="237340" spans="8:8">
      <c r="H237340" s="12"/>
    </row>
    <row r="237341" spans="8:8">
      <c r="H237341" s="12"/>
    </row>
    <row r="237342" spans="8:8">
      <c r="H237342" s="12"/>
    </row>
    <row r="237343" spans="8:8">
      <c r="H237343" s="12"/>
    </row>
    <row r="237344" spans="8:8">
      <c r="H237344" s="12"/>
    </row>
    <row r="237345" spans="8:8">
      <c r="H237345" s="12"/>
    </row>
    <row r="237346" spans="8:8">
      <c r="H237346" s="12"/>
    </row>
    <row r="237347" spans="8:8">
      <c r="H237347" s="12"/>
    </row>
    <row r="237348" spans="8:8">
      <c r="H237348" s="12"/>
    </row>
    <row r="237349" spans="8:8">
      <c r="H237349" s="12"/>
    </row>
    <row r="237350" spans="8:8">
      <c r="H237350" s="12"/>
    </row>
    <row r="237351" spans="8:8">
      <c r="H237351" s="12"/>
    </row>
    <row r="237352" spans="8:8">
      <c r="H237352" s="12"/>
    </row>
    <row r="237353" spans="8:8">
      <c r="H237353" s="12"/>
    </row>
    <row r="237354" spans="8:8">
      <c r="H237354" s="12"/>
    </row>
    <row r="237355" spans="8:8">
      <c r="H237355" s="12"/>
    </row>
    <row r="237356" spans="8:8">
      <c r="H237356" s="12"/>
    </row>
    <row r="237357" spans="8:8">
      <c r="H237357" s="12"/>
    </row>
    <row r="237358" spans="8:8">
      <c r="H237358" s="12"/>
    </row>
    <row r="237359" spans="8:8">
      <c r="H237359" s="12"/>
    </row>
    <row r="237360" spans="8:8">
      <c r="H237360" s="12"/>
    </row>
    <row r="237361" spans="8:8">
      <c r="H237361" s="12"/>
    </row>
    <row r="237362" spans="8:8">
      <c r="H237362" s="12"/>
    </row>
    <row r="237363" spans="8:8">
      <c r="H237363" s="12"/>
    </row>
    <row r="237364" spans="8:8">
      <c r="H237364" s="12"/>
    </row>
    <row r="237365" spans="8:8">
      <c r="H237365" s="12"/>
    </row>
    <row r="237366" spans="8:8">
      <c r="H237366" s="12"/>
    </row>
    <row r="237367" spans="8:8">
      <c r="H237367" s="12"/>
    </row>
    <row r="237368" spans="8:8">
      <c r="H237368" s="12"/>
    </row>
    <row r="237369" spans="8:8">
      <c r="H237369" s="12"/>
    </row>
    <row r="237370" spans="8:8">
      <c r="H237370" s="12"/>
    </row>
    <row r="237371" spans="8:8">
      <c r="H237371" s="12"/>
    </row>
    <row r="237372" spans="8:8">
      <c r="H237372" s="12"/>
    </row>
    <row r="237373" spans="8:8">
      <c r="H237373" s="12"/>
    </row>
    <row r="237374" spans="8:8">
      <c r="H237374" s="12"/>
    </row>
    <row r="237375" spans="8:8">
      <c r="H237375" s="12"/>
    </row>
    <row r="237376" spans="8:8">
      <c r="H237376" s="12"/>
    </row>
    <row r="237377" spans="8:8">
      <c r="H237377" s="12"/>
    </row>
    <row r="237378" spans="8:8">
      <c r="H237378" s="12"/>
    </row>
    <row r="237379" spans="8:8">
      <c r="H237379" s="12"/>
    </row>
    <row r="237380" spans="8:8">
      <c r="H237380" s="12"/>
    </row>
    <row r="237381" spans="8:8">
      <c r="H237381" s="12"/>
    </row>
    <row r="237382" spans="8:8">
      <c r="H237382" s="12"/>
    </row>
    <row r="237383" spans="8:8">
      <c r="H237383" s="12"/>
    </row>
    <row r="237384" spans="8:8">
      <c r="H237384" s="12"/>
    </row>
    <row r="237385" spans="8:8">
      <c r="H237385" s="12"/>
    </row>
    <row r="237386" spans="8:8">
      <c r="H237386" s="12"/>
    </row>
    <row r="237387" spans="8:8">
      <c r="H237387" s="12"/>
    </row>
    <row r="237388" spans="8:8">
      <c r="H237388" s="12"/>
    </row>
    <row r="237389" spans="8:8">
      <c r="H237389" s="12"/>
    </row>
    <row r="237390" spans="8:8">
      <c r="H237390" s="12"/>
    </row>
    <row r="237391" spans="8:8">
      <c r="H237391" s="12"/>
    </row>
    <row r="237392" spans="8:8">
      <c r="H237392" s="12"/>
    </row>
    <row r="237393" spans="8:8">
      <c r="H237393" s="12"/>
    </row>
    <row r="237394" spans="8:8">
      <c r="H237394" s="12"/>
    </row>
    <row r="237395" spans="8:8">
      <c r="H237395" s="12"/>
    </row>
    <row r="237396" spans="8:8">
      <c r="H237396" s="12"/>
    </row>
    <row r="237397" spans="8:8">
      <c r="H237397" s="12"/>
    </row>
    <row r="237398" spans="8:8">
      <c r="H237398" s="12"/>
    </row>
    <row r="237399" spans="8:8">
      <c r="H237399" s="12"/>
    </row>
    <row r="237400" spans="8:8">
      <c r="H237400" s="12"/>
    </row>
    <row r="237401" spans="8:8">
      <c r="H237401" s="12"/>
    </row>
    <row r="237402" spans="8:8">
      <c r="H237402" s="12"/>
    </row>
    <row r="237403" spans="8:8">
      <c r="H237403" s="12"/>
    </row>
    <row r="237404" spans="8:8">
      <c r="H237404" s="12"/>
    </row>
    <row r="237405" spans="8:8">
      <c r="H237405" s="12"/>
    </row>
    <row r="237406" spans="8:8">
      <c r="H237406" s="12"/>
    </row>
    <row r="237407" spans="8:8">
      <c r="H237407" s="12"/>
    </row>
    <row r="237408" spans="8:8">
      <c r="H237408" s="12"/>
    </row>
    <row r="237409" spans="8:8">
      <c r="H237409" s="12"/>
    </row>
    <row r="237410" spans="8:8">
      <c r="H237410" s="12"/>
    </row>
    <row r="237411" spans="8:8">
      <c r="H237411" s="12"/>
    </row>
    <row r="237412" spans="8:8">
      <c r="H237412" s="12"/>
    </row>
    <row r="237413" spans="8:8">
      <c r="H237413" s="12"/>
    </row>
    <row r="237414" spans="8:8">
      <c r="H237414" s="12"/>
    </row>
    <row r="237415" spans="8:8">
      <c r="H237415" s="12"/>
    </row>
    <row r="237416" spans="8:8">
      <c r="H237416" s="12"/>
    </row>
    <row r="237417" spans="8:8">
      <c r="H237417" s="12"/>
    </row>
    <row r="237418" spans="8:8">
      <c r="H237418" s="12"/>
    </row>
    <row r="237419" spans="8:8">
      <c r="H237419" s="12"/>
    </row>
    <row r="237420" spans="8:8">
      <c r="H237420" s="12"/>
    </row>
    <row r="237421" spans="8:8">
      <c r="H237421" s="12"/>
    </row>
    <row r="237422" spans="8:8">
      <c r="H237422" s="12"/>
    </row>
    <row r="237423" spans="8:8">
      <c r="H237423" s="12"/>
    </row>
    <row r="237424" spans="8:8">
      <c r="H237424" s="12"/>
    </row>
    <row r="237425" spans="8:8">
      <c r="H237425" s="12"/>
    </row>
    <row r="237426" spans="8:8">
      <c r="H237426" s="12"/>
    </row>
    <row r="237427" spans="8:8">
      <c r="H237427" s="12"/>
    </row>
    <row r="237428" spans="8:8">
      <c r="H237428" s="12"/>
    </row>
    <row r="237429" spans="8:8">
      <c r="H237429" s="12"/>
    </row>
    <row r="237430" spans="8:8">
      <c r="H237430" s="12"/>
    </row>
    <row r="237431" spans="8:8">
      <c r="H237431" s="12"/>
    </row>
    <row r="237432" spans="8:8">
      <c r="H237432" s="12"/>
    </row>
    <row r="237433" spans="8:8">
      <c r="H237433" s="12"/>
    </row>
    <row r="237434" spans="8:8">
      <c r="H237434" s="12"/>
    </row>
    <row r="237435" spans="8:8">
      <c r="H237435" s="12"/>
    </row>
    <row r="237436" spans="8:8">
      <c r="H237436" s="12"/>
    </row>
    <row r="237437" spans="8:8">
      <c r="H237437" s="12"/>
    </row>
    <row r="237438" spans="8:8">
      <c r="H237438" s="12"/>
    </row>
    <row r="237439" spans="8:8">
      <c r="H237439" s="12"/>
    </row>
    <row r="237440" spans="8:8">
      <c r="H237440" s="12"/>
    </row>
    <row r="237441" spans="8:8">
      <c r="H237441" s="12"/>
    </row>
    <row r="237442" spans="8:8">
      <c r="H237442" s="12"/>
    </row>
    <row r="237443" spans="8:8">
      <c r="H237443" s="12"/>
    </row>
    <row r="237444" spans="8:8">
      <c r="H237444" s="12"/>
    </row>
    <row r="237445" spans="8:8">
      <c r="H237445" s="12"/>
    </row>
    <row r="237446" spans="8:8">
      <c r="H237446" s="12"/>
    </row>
    <row r="237447" spans="8:8">
      <c r="H237447" s="12"/>
    </row>
    <row r="237448" spans="8:8">
      <c r="H237448" s="12"/>
    </row>
    <row r="237449" spans="8:8">
      <c r="H237449" s="12"/>
    </row>
    <row r="237450" spans="8:8">
      <c r="H237450" s="12"/>
    </row>
    <row r="237451" spans="8:8">
      <c r="H237451" s="12"/>
    </row>
    <row r="237452" spans="8:8">
      <c r="H237452" s="12"/>
    </row>
    <row r="237453" spans="8:8">
      <c r="H237453" s="12"/>
    </row>
    <row r="237454" spans="8:8">
      <c r="H237454" s="12"/>
    </row>
    <row r="237455" spans="8:8">
      <c r="H237455" s="12"/>
    </row>
    <row r="237456" spans="8:8">
      <c r="H237456" s="12"/>
    </row>
    <row r="237457" spans="8:8">
      <c r="H237457" s="12"/>
    </row>
    <row r="237458" spans="8:8">
      <c r="H237458" s="12"/>
    </row>
    <row r="237459" spans="8:8">
      <c r="H237459" s="12"/>
    </row>
    <row r="237460" spans="8:8">
      <c r="H237460" s="12"/>
    </row>
    <row r="237461" spans="8:8">
      <c r="H237461" s="12"/>
    </row>
    <row r="237462" spans="8:8">
      <c r="H237462" s="12"/>
    </row>
    <row r="237463" spans="8:8">
      <c r="H237463" s="12"/>
    </row>
    <row r="237464" spans="8:8">
      <c r="H237464" s="12"/>
    </row>
    <row r="237465" spans="8:8">
      <c r="H237465" s="12"/>
    </row>
    <row r="237466" spans="8:8">
      <c r="H237466" s="12"/>
    </row>
    <row r="237467" spans="8:8">
      <c r="H237467" s="12"/>
    </row>
    <row r="237468" spans="8:8">
      <c r="H237468" s="12"/>
    </row>
    <row r="237469" spans="8:8">
      <c r="H237469" s="12"/>
    </row>
    <row r="237470" spans="8:8">
      <c r="H237470" s="12"/>
    </row>
    <row r="237471" spans="8:8">
      <c r="H237471" s="12"/>
    </row>
    <row r="237472" spans="8:8">
      <c r="H237472" s="12"/>
    </row>
    <row r="237473" spans="8:8">
      <c r="H237473" s="12"/>
    </row>
    <row r="237474" spans="8:8">
      <c r="H237474" s="12"/>
    </row>
    <row r="237475" spans="8:8">
      <c r="H237475" s="12"/>
    </row>
    <row r="237476" spans="8:8">
      <c r="H237476" s="12"/>
    </row>
    <row r="237477" spans="8:8">
      <c r="H237477" s="12"/>
    </row>
    <row r="237478" spans="8:8">
      <c r="H237478" s="12"/>
    </row>
    <row r="237479" spans="8:8">
      <c r="H237479" s="12"/>
    </row>
    <row r="237480" spans="8:8">
      <c r="H237480" s="12"/>
    </row>
    <row r="237481" spans="8:8">
      <c r="H237481" s="12"/>
    </row>
    <row r="237482" spans="8:8">
      <c r="H237482" s="12"/>
    </row>
    <row r="237483" spans="8:8">
      <c r="H237483" s="12"/>
    </row>
    <row r="237484" spans="8:8">
      <c r="H237484" s="12"/>
    </row>
    <row r="237485" spans="8:8">
      <c r="H237485" s="12"/>
    </row>
    <row r="237486" spans="8:8">
      <c r="H237486" s="12"/>
    </row>
    <row r="237487" spans="8:8">
      <c r="H237487" s="12"/>
    </row>
    <row r="237488" spans="8:8">
      <c r="H237488" s="12"/>
    </row>
    <row r="237489" spans="8:8">
      <c r="H237489" s="12"/>
    </row>
    <row r="237490" spans="8:8">
      <c r="H237490" s="12"/>
    </row>
    <row r="237491" spans="8:8">
      <c r="H237491" s="12"/>
    </row>
    <row r="237492" spans="8:8">
      <c r="H237492" s="12"/>
    </row>
    <row r="237493" spans="8:8">
      <c r="H237493" s="12"/>
    </row>
    <row r="237494" spans="8:8">
      <c r="H237494" s="12"/>
    </row>
    <row r="237495" spans="8:8">
      <c r="H237495" s="12"/>
    </row>
    <row r="237496" spans="8:8">
      <c r="H237496" s="12"/>
    </row>
    <row r="237497" spans="8:8">
      <c r="H237497" s="12"/>
    </row>
    <row r="237498" spans="8:8">
      <c r="H237498" s="12"/>
    </row>
    <row r="237499" spans="8:8">
      <c r="H237499" s="12"/>
    </row>
    <row r="237500" spans="8:8">
      <c r="H237500" s="12"/>
    </row>
    <row r="237501" spans="8:8">
      <c r="H237501" s="12"/>
    </row>
    <row r="237502" spans="8:8">
      <c r="H237502" s="12"/>
    </row>
    <row r="237503" spans="8:8">
      <c r="H237503" s="12"/>
    </row>
    <row r="237504" spans="8:8">
      <c r="H237504" s="12"/>
    </row>
    <row r="237505" spans="8:8">
      <c r="H237505" s="12"/>
    </row>
    <row r="237506" spans="8:8">
      <c r="H237506" s="12"/>
    </row>
    <row r="237507" spans="8:8">
      <c r="H237507" s="12"/>
    </row>
    <row r="237508" spans="8:8">
      <c r="H237508" s="12"/>
    </row>
    <row r="237509" spans="8:8">
      <c r="H237509" s="12"/>
    </row>
    <row r="237510" spans="8:8">
      <c r="H237510" s="12"/>
    </row>
    <row r="237511" spans="8:8">
      <c r="H237511" s="12"/>
    </row>
    <row r="237512" spans="8:8">
      <c r="H237512" s="12"/>
    </row>
    <row r="237513" spans="8:8">
      <c r="H237513" s="12"/>
    </row>
    <row r="237514" spans="8:8">
      <c r="H237514" s="12"/>
    </row>
    <row r="237515" spans="8:8">
      <c r="H237515" s="12"/>
    </row>
    <row r="237516" spans="8:8">
      <c r="H237516" s="12"/>
    </row>
    <row r="237517" spans="8:8">
      <c r="H237517" s="12"/>
    </row>
    <row r="237518" spans="8:8">
      <c r="H237518" s="12"/>
    </row>
    <row r="237519" spans="8:8">
      <c r="H237519" s="12"/>
    </row>
    <row r="237520" spans="8:8">
      <c r="H237520" s="12"/>
    </row>
    <row r="237521" spans="8:8">
      <c r="H237521" s="12"/>
    </row>
    <row r="237522" spans="8:8">
      <c r="H237522" s="12"/>
    </row>
    <row r="237523" spans="8:8">
      <c r="H237523" s="12"/>
    </row>
    <row r="237524" spans="8:8">
      <c r="H237524" s="12"/>
    </row>
    <row r="237525" spans="8:8">
      <c r="H237525" s="12"/>
    </row>
    <row r="237526" spans="8:8">
      <c r="H237526" s="12"/>
    </row>
    <row r="237527" spans="8:8">
      <c r="H237527" s="12"/>
    </row>
    <row r="237528" spans="8:8">
      <c r="H237528" s="12"/>
    </row>
    <row r="237529" spans="8:8">
      <c r="H237529" s="12"/>
    </row>
    <row r="237530" spans="8:8">
      <c r="H237530" s="12"/>
    </row>
    <row r="237531" spans="8:8">
      <c r="H237531" s="12"/>
    </row>
    <row r="237532" spans="8:8">
      <c r="H237532" s="12"/>
    </row>
    <row r="237533" spans="8:8">
      <c r="H237533" s="12"/>
    </row>
    <row r="237534" spans="8:8">
      <c r="H237534" s="12"/>
    </row>
    <row r="237535" spans="8:8">
      <c r="H237535" s="12"/>
    </row>
    <row r="237536" spans="8:8">
      <c r="H237536" s="12"/>
    </row>
    <row r="237537" spans="8:8">
      <c r="H237537" s="12"/>
    </row>
    <row r="237538" spans="8:8">
      <c r="H237538" s="12"/>
    </row>
    <row r="237539" spans="8:8">
      <c r="H237539" s="12"/>
    </row>
    <row r="237540" spans="8:8">
      <c r="H237540" s="12"/>
    </row>
    <row r="237541" spans="8:8">
      <c r="H237541" s="12"/>
    </row>
    <row r="237542" spans="8:8">
      <c r="H237542" s="12"/>
    </row>
    <row r="237543" spans="8:8">
      <c r="H237543" s="12"/>
    </row>
    <row r="237544" spans="8:8">
      <c r="H237544" s="12"/>
    </row>
    <row r="237545" spans="8:8">
      <c r="H237545" s="12"/>
    </row>
    <row r="237546" spans="8:8">
      <c r="H237546" s="12"/>
    </row>
    <row r="237547" spans="8:8">
      <c r="H237547" s="12"/>
    </row>
    <row r="237548" spans="8:8">
      <c r="H237548" s="12"/>
    </row>
    <row r="237549" spans="8:8">
      <c r="H237549" s="12"/>
    </row>
    <row r="237550" spans="8:8">
      <c r="H237550" s="12"/>
    </row>
    <row r="237551" spans="8:8">
      <c r="H237551" s="12"/>
    </row>
    <row r="237552" spans="8:8">
      <c r="H237552" s="12"/>
    </row>
    <row r="237553" spans="8:8">
      <c r="H237553" s="12"/>
    </row>
    <row r="237554" spans="8:8">
      <c r="H237554" s="12"/>
    </row>
    <row r="237555" spans="8:8">
      <c r="H237555" s="12"/>
    </row>
    <row r="237556" spans="8:8">
      <c r="H237556" s="12"/>
    </row>
    <row r="237557" spans="8:8">
      <c r="H237557" s="12"/>
    </row>
    <row r="237558" spans="8:8">
      <c r="H237558" s="12"/>
    </row>
    <row r="237559" spans="8:8">
      <c r="H237559" s="12"/>
    </row>
    <row r="237560" spans="8:8">
      <c r="H237560" s="12"/>
    </row>
    <row r="237561" spans="8:8">
      <c r="H237561" s="12"/>
    </row>
    <row r="237562" spans="8:8">
      <c r="H237562" s="12"/>
    </row>
    <row r="237563" spans="8:8">
      <c r="H237563" s="12"/>
    </row>
    <row r="237564" spans="8:8">
      <c r="H237564" s="12"/>
    </row>
    <row r="237565" spans="8:8">
      <c r="H237565" s="12"/>
    </row>
    <row r="237566" spans="8:8">
      <c r="H237566" s="12"/>
    </row>
    <row r="237567" spans="8:8">
      <c r="H237567" s="12"/>
    </row>
    <row r="237568" spans="8:8">
      <c r="H237568" s="12"/>
    </row>
    <row r="237569" spans="8:8">
      <c r="H237569" s="12"/>
    </row>
    <row r="237570" spans="8:8">
      <c r="H237570" s="12"/>
    </row>
    <row r="237571" spans="8:8">
      <c r="H237571" s="12"/>
    </row>
    <row r="237572" spans="8:8">
      <c r="H237572" s="12"/>
    </row>
    <row r="237573" spans="8:8">
      <c r="H237573" s="12"/>
    </row>
    <row r="237574" spans="8:8">
      <c r="H237574" s="12"/>
    </row>
    <row r="237575" spans="8:8">
      <c r="H237575" s="12"/>
    </row>
    <row r="237576" spans="8:8">
      <c r="H237576" s="12"/>
    </row>
    <row r="237577" spans="8:8">
      <c r="H237577" s="12"/>
    </row>
    <row r="237578" spans="8:8">
      <c r="H237578" s="12"/>
    </row>
    <row r="237579" spans="8:8">
      <c r="H237579" s="12"/>
    </row>
    <row r="237580" spans="8:8">
      <c r="H237580" s="12"/>
    </row>
    <row r="237581" spans="8:8">
      <c r="H237581" s="12"/>
    </row>
    <row r="237582" spans="8:8">
      <c r="H237582" s="12"/>
    </row>
    <row r="237583" spans="8:8">
      <c r="H237583" s="12"/>
    </row>
    <row r="237584" spans="8:8">
      <c r="H237584" s="12"/>
    </row>
    <row r="237585" spans="8:8">
      <c r="H237585" s="12"/>
    </row>
    <row r="237586" spans="8:8">
      <c r="H237586" s="12"/>
    </row>
    <row r="237587" spans="8:8">
      <c r="H237587" s="12"/>
    </row>
    <row r="237588" spans="8:8">
      <c r="H237588" s="12"/>
    </row>
    <row r="237589" spans="8:8">
      <c r="H237589" s="12"/>
    </row>
    <row r="237590" spans="8:8">
      <c r="H237590" s="12"/>
    </row>
    <row r="237591" spans="8:8">
      <c r="H237591" s="12"/>
    </row>
    <row r="237592" spans="8:8">
      <c r="H237592" s="12"/>
    </row>
    <row r="237593" spans="8:8">
      <c r="H237593" s="12"/>
    </row>
    <row r="237594" spans="8:8">
      <c r="H237594" s="12"/>
    </row>
    <row r="237595" spans="8:8">
      <c r="H237595" s="12"/>
    </row>
    <row r="237596" spans="8:8">
      <c r="H237596" s="12"/>
    </row>
    <row r="237597" spans="8:8">
      <c r="H237597" s="12"/>
    </row>
    <row r="237598" spans="8:8">
      <c r="H237598" s="12"/>
    </row>
    <row r="237599" spans="8:8">
      <c r="H237599" s="12"/>
    </row>
    <row r="237600" spans="8:8">
      <c r="H237600" s="12"/>
    </row>
    <row r="237601" spans="8:8">
      <c r="H237601" s="12"/>
    </row>
    <row r="237602" spans="8:8">
      <c r="H237602" s="12"/>
    </row>
    <row r="237603" spans="8:8">
      <c r="H237603" s="12"/>
    </row>
    <row r="237604" spans="8:8">
      <c r="H237604" s="12"/>
    </row>
    <row r="237605" spans="8:8">
      <c r="H237605" s="12"/>
    </row>
    <row r="237606" spans="8:8">
      <c r="H237606" s="12"/>
    </row>
    <row r="237607" spans="8:8">
      <c r="H237607" s="12"/>
    </row>
    <row r="237608" spans="8:8">
      <c r="H237608" s="12"/>
    </row>
    <row r="237609" spans="8:8">
      <c r="H237609" s="12"/>
    </row>
    <row r="237610" spans="8:8">
      <c r="H237610" s="12"/>
    </row>
    <row r="237611" spans="8:8">
      <c r="H237611" s="12"/>
    </row>
    <row r="237612" spans="8:8">
      <c r="H237612" s="12"/>
    </row>
    <row r="237613" spans="8:8">
      <c r="H237613" s="12"/>
    </row>
    <row r="237614" spans="8:8">
      <c r="H237614" s="12"/>
    </row>
    <row r="237615" spans="8:8">
      <c r="H237615" s="12"/>
    </row>
    <row r="237616" spans="8:8">
      <c r="H237616" s="12"/>
    </row>
    <row r="237617" spans="8:8">
      <c r="H237617" s="12"/>
    </row>
    <row r="237618" spans="8:8">
      <c r="H237618" s="12"/>
    </row>
    <row r="237619" spans="8:8">
      <c r="H237619" s="12"/>
    </row>
    <row r="237620" spans="8:8">
      <c r="H237620" s="12"/>
    </row>
    <row r="237621" spans="8:8">
      <c r="H237621" s="12"/>
    </row>
    <row r="237622" spans="8:8">
      <c r="H237622" s="12"/>
    </row>
    <row r="237623" spans="8:8">
      <c r="H237623" s="12"/>
    </row>
    <row r="237624" spans="8:8">
      <c r="H237624" s="12"/>
    </row>
    <row r="237625" spans="8:8">
      <c r="H237625" s="12"/>
    </row>
    <row r="237626" spans="8:8">
      <c r="H237626" s="12"/>
    </row>
    <row r="237627" spans="8:8">
      <c r="H237627" s="12"/>
    </row>
    <row r="237628" spans="8:8">
      <c r="H237628" s="12"/>
    </row>
    <row r="237629" spans="8:8">
      <c r="H237629" s="12"/>
    </row>
    <row r="237630" spans="8:8">
      <c r="H237630" s="12"/>
    </row>
    <row r="237631" spans="8:8">
      <c r="H237631" s="12"/>
    </row>
    <row r="237632" spans="8:8">
      <c r="H237632" s="12"/>
    </row>
    <row r="237633" spans="8:8">
      <c r="H237633" s="12"/>
    </row>
    <row r="237634" spans="8:8">
      <c r="H237634" s="12"/>
    </row>
    <row r="237635" spans="8:8">
      <c r="H237635" s="12"/>
    </row>
    <row r="237636" spans="8:8">
      <c r="H237636" s="12"/>
    </row>
    <row r="237637" spans="8:8">
      <c r="H237637" s="12"/>
    </row>
    <row r="237638" spans="8:8">
      <c r="H237638" s="12"/>
    </row>
    <row r="237639" spans="8:8">
      <c r="H237639" s="12"/>
    </row>
    <row r="237640" spans="8:8">
      <c r="H237640" s="12"/>
    </row>
    <row r="237641" spans="8:8">
      <c r="H237641" s="12"/>
    </row>
    <row r="237642" spans="8:8">
      <c r="H237642" s="12"/>
    </row>
    <row r="237643" spans="8:8">
      <c r="H237643" s="12"/>
    </row>
    <row r="237644" spans="8:8">
      <c r="H237644" s="12"/>
    </row>
    <row r="237645" spans="8:8">
      <c r="H237645" s="12"/>
    </row>
    <row r="237646" spans="8:8">
      <c r="H237646" s="12"/>
    </row>
    <row r="237647" spans="8:8">
      <c r="H237647" s="12"/>
    </row>
    <row r="237648" spans="8:8">
      <c r="H237648" s="12"/>
    </row>
    <row r="237649" spans="8:8">
      <c r="H237649" s="12"/>
    </row>
    <row r="237650" spans="8:8">
      <c r="H237650" s="12"/>
    </row>
    <row r="237651" spans="8:8">
      <c r="H237651" s="12"/>
    </row>
    <row r="237652" spans="8:8">
      <c r="H237652" s="12"/>
    </row>
    <row r="237653" spans="8:8">
      <c r="H237653" s="12"/>
    </row>
    <row r="237654" spans="8:8">
      <c r="H237654" s="12"/>
    </row>
    <row r="237655" spans="8:8">
      <c r="H237655" s="12"/>
    </row>
    <row r="237656" spans="8:8">
      <c r="H237656" s="12"/>
    </row>
    <row r="237657" spans="8:8">
      <c r="H237657" s="12"/>
    </row>
    <row r="237658" spans="8:8">
      <c r="H237658" s="12"/>
    </row>
    <row r="237659" spans="8:8">
      <c r="H237659" s="12"/>
    </row>
    <row r="237660" spans="8:8">
      <c r="H237660" s="12"/>
    </row>
    <row r="237661" spans="8:8">
      <c r="H237661" s="12"/>
    </row>
    <row r="237662" spans="8:8">
      <c r="H237662" s="12"/>
    </row>
    <row r="237663" spans="8:8">
      <c r="H237663" s="12"/>
    </row>
    <row r="237664" spans="8:8">
      <c r="H237664" s="12"/>
    </row>
    <row r="237665" spans="8:8">
      <c r="H237665" s="12"/>
    </row>
    <row r="237666" spans="8:8">
      <c r="H237666" s="12"/>
    </row>
    <row r="237667" spans="8:8">
      <c r="H237667" s="12"/>
    </row>
    <row r="237668" spans="8:8">
      <c r="H237668" s="12"/>
    </row>
    <row r="237669" spans="8:8">
      <c r="H237669" s="12"/>
    </row>
    <row r="237670" spans="8:8">
      <c r="H237670" s="12"/>
    </row>
    <row r="237671" spans="8:8">
      <c r="H237671" s="12"/>
    </row>
    <row r="237672" spans="8:8">
      <c r="H237672" s="12"/>
    </row>
    <row r="237673" spans="8:8">
      <c r="H237673" s="12"/>
    </row>
    <row r="237674" spans="8:8">
      <c r="H237674" s="12"/>
    </row>
    <row r="237675" spans="8:8">
      <c r="H237675" s="12"/>
    </row>
    <row r="237676" spans="8:8">
      <c r="H237676" s="12"/>
    </row>
    <row r="237677" spans="8:8">
      <c r="H237677" s="12"/>
    </row>
    <row r="237678" spans="8:8">
      <c r="H237678" s="12"/>
    </row>
    <row r="237679" spans="8:8">
      <c r="H237679" s="12"/>
    </row>
    <row r="237680" spans="8:8">
      <c r="H237680" s="12"/>
    </row>
    <row r="237681" spans="8:8">
      <c r="H237681" s="12"/>
    </row>
    <row r="237682" spans="8:8">
      <c r="H237682" s="12"/>
    </row>
    <row r="237683" spans="8:8">
      <c r="H237683" s="12"/>
    </row>
    <row r="237684" spans="8:8">
      <c r="H237684" s="12"/>
    </row>
    <row r="237685" spans="8:8">
      <c r="H237685" s="12"/>
    </row>
    <row r="237686" spans="8:8">
      <c r="H237686" s="12"/>
    </row>
    <row r="237687" spans="8:8">
      <c r="H237687" s="12"/>
    </row>
    <row r="237688" spans="8:8">
      <c r="H237688" s="12"/>
    </row>
    <row r="237689" spans="8:8">
      <c r="H237689" s="12"/>
    </row>
    <row r="237690" spans="8:8">
      <c r="H237690" s="12"/>
    </row>
    <row r="237691" spans="8:8">
      <c r="H237691" s="12"/>
    </row>
    <row r="237692" spans="8:8">
      <c r="H237692" s="12"/>
    </row>
    <row r="237693" spans="8:8">
      <c r="H237693" s="12"/>
    </row>
    <row r="237694" spans="8:8">
      <c r="H237694" s="12"/>
    </row>
    <row r="237695" spans="8:8">
      <c r="H237695" s="12"/>
    </row>
    <row r="237696" spans="8:8">
      <c r="H237696" s="12"/>
    </row>
    <row r="237697" spans="8:8">
      <c r="H237697" s="12"/>
    </row>
    <row r="237698" spans="8:8">
      <c r="H237698" s="12"/>
    </row>
    <row r="237699" spans="8:8">
      <c r="H237699" s="12"/>
    </row>
    <row r="237700" spans="8:8">
      <c r="H237700" s="12"/>
    </row>
    <row r="237701" spans="8:8">
      <c r="H237701" s="12"/>
    </row>
    <row r="237702" spans="8:8">
      <c r="H237702" s="12"/>
    </row>
    <row r="237703" spans="8:8">
      <c r="H237703" s="12"/>
    </row>
    <row r="237704" spans="8:8">
      <c r="H237704" s="12"/>
    </row>
    <row r="237705" spans="8:8">
      <c r="H237705" s="12"/>
    </row>
    <row r="237706" spans="8:8">
      <c r="H237706" s="12"/>
    </row>
    <row r="237707" spans="8:8">
      <c r="H237707" s="12"/>
    </row>
    <row r="237708" spans="8:8">
      <c r="H237708" s="12"/>
    </row>
    <row r="237709" spans="8:8">
      <c r="H237709" s="12"/>
    </row>
    <row r="237710" spans="8:8">
      <c r="H237710" s="12"/>
    </row>
    <row r="237711" spans="8:8">
      <c r="H237711" s="12"/>
    </row>
    <row r="237712" spans="8:8">
      <c r="H237712" s="12"/>
    </row>
    <row r="237713" spans="8:8">
      <c r="H237713" s="12"/>
    </row>
    <row r="237714" spans="8:8">
      <c r="H237714" s="12"/>
    </row>
    <row r="237715" spans="8:8">
      <c r="H237715" s="12"/>
    </row>
    <row r="237716" spans="8:8">
      <c r="H237716" s="12"/>
    </row>
    <row r="237717" spans="8:8">
      <c r="H237717" s="12"/>
    </row>
    <row r="237718" spans="8:8">
      <c r="H237718" s="12"/>
    </row>
    <row r="237719" spans="8:8">
      <c r="H237719" s="12"/>
    </row>
    <row r="237720" spans="8:8">
      <c r="H237720" s="12"/>
    </row>
    <row r="237721" spans="8:8">
      <c r="H237721" s="12"/>
    </row>
    <row r="237722" spans="8:8">
      <c r="H237722" s="12"/>
    </row>
    <row r="237723" spans="8:8">
      <c r="H237723" s="12"/>
    </row>
    <row r="237724" spans="8:8">
      <c r="H237724" s="12"/>
    </row>
    <row r="237725" spans="8:8">
      <c r="H237725" s="12"/>
    </row>
    <row r="237726" spans="8:8">
      <c r="H237726" s="12"/>
    </row>
    <row r="237727" spans="8:8">
      <c r="H237727" s="12"/>
    </row>
    <row r="237728" spans="8:8">
      <c r="H237728" s="12"/>
    </row>
    <row r="237729" spans="8:8">
      <c r="H237729" s="12"/>
    </row>
    <row r="237730" spans="8:8">
      <c r="H237730" s="12"/>
    </row>
    <row r="237731" spans="8:8">
      <c r="H237731" s="12"/>
    </row>
    <row r="237732" spans="8:8">
      <c r="H237732" s="12"/>
    </row>
    <row r="237733" spans="8:8">
      <c r="H237733" s="12"/>
    </row>
    <row r="237734" spans="8:8">
      <c r="H237734" s="12"/>
    </row>
    <row r="237735" spans="8:8">
      <c r="H237735" s="12"/>
    </row>
    <row r="237736" spans="8:8">
      <c r="H237736" s="12"/>
    </row>
    <row r="237737" spans="8:8">
      <c r="H237737" s="12"/>
    </row>
    <row r="237738" spans="8:8">
      <c r="H237738" s="12"/>
    </row>
    <row r="237739" spans="8:8">
      <c r="H237739" s="12"/>
    </row>
    <row r="237740" spans="8:8">
      <c r="H237740" s="12"/>
    </row>
    <row r="237741" spans="8:8">
      <c r="H237741" s="12"/>
    </row>
    <row r="237742" spans="8:8">
      <c r="H237742" s="12"/>
    </row>
    <row r="237743" spans="8:8">
      <c r="H237743" s="12"/>
    </row>
    <row r="237744" spans="8:8">
      <c r="H237744" s="12"/>
    </row>
    <row r="237745" spans="8:8">
      <c r="H237745" s="12"/>
    </row>
    <row r="237746" spans="8:8">
      <c r="H237746" s="12"/>
    </row>
    <row r="237747" spans="8:8">
      <c r="H237747" s="12"/>
    </row>
    <row r="237748" spans="8:8">
      <c r="H237748" s="12"/>
    </row>
    <row r="237749" spans="8:8">
      <c r="H237749" s="12"/>
    </row>
    <row r="237750" spans="8:8">
      <c r="H237750" s="12"/>
    </row>
    <row r="237751" spans="8:8">
      <c r="H237751" s="12"/>
    </row>
    <row r="237752" spans="8:8">
      <c r="H237752" s="12"/>
    </row>
    <row r="237753" spans="8:8">
      <c r="H237753" s="12"/>
    </row>
    <row r="237754" spans="8:8">
      <c r="H237754" s="12"/>
    </row>
    <row r="237755" spans="8:8">
      <c r="H237755" s="12"/>
    </row>
    <row r="237756" spans="8:8">
      <c r="H237756" s="12"/>
    </row>
    <row r="237757" spans="8:8">
      <c r="H237757" s="12"/>
    </row>
    <row r="237758" spans="8:8">
      <c r="H237758" s="12"/>
    </row>
    <row r="237759" spans="8:8">
      <c r="H237759" s="12"/>
    </row>
    <row r="237760" spans="8:8">
      <c r="H237760" s="12"/>
    </row>
    <row r="237761" spans="8:8">
      <c r="H237761" s="12"/>
    </row>
    <row r="237762" spans="8:8">
      <c r="H237762" s="12"/>
    </row>
    <row r="237763" spans="8:8">
      <c r="H237763" s="12"/>
    </row>
    <row r="237764" spans="8:8">
      <c r="H237764" s="12"/>
    </row>
    <row r="237765" spans="8:8">
      <c r="H237765" s="12"/>
    </row>
    <row r="237766" spans="8:8">
      <c r="H237766" s="12"/>
    </row>
    <row r="237767" spans="8:8">
      <c r="H237767" s="12"/>
    </row>
    <row r="237768" spans="8:8">
      <c r="H237768" s="12"/>
    </row>
    <row r="237769" spans="8:8">
      <c r="H237769" s="12"/>
    </row>
    <row r="237770" spans="8:8">
      <c r="H237770" s="12"/>
    </row>
    <row r="237771" spans="8:8">
      <c r="H237771" s="12"/>
    </row>
    <row r="237772" spans="8:8">
      <c r="H237772" s="12"/>
    </row>
    <row r="237773" spans="8:8">
      <c r="H237773" s="12"/>
    </row>
    <row r="237774" spans="8:8">
      <c r="H237774" s="12"/>
    </row>
    <row r="237775" spans="8:8">
      <c r="H237775" s="12"/>
    </row>
    <row r="237776" spans="8:8">
      <c r="H237776" s="12"/>
    </row>
    <row r="237777" spans="8:8">
      <c r="H237777" s="12"/>
    </row>
    <row r="237778" spans="8:8">
      <c r="H237778" s="12"/>
    </row>
    <row r="237779" spans="8:8">
      <c r="H237779" s="12"/>
    </row>
    <row r="237780" spans="8:8">
      <c r="H237780" s="12"/>
    </row>
    <row r="237781" spans="8:8">
      <c r="H237781" s="12"/>
    </row>
    <row r="237782" spans="8:8">
      <c r="H237782" s="12"/>
    </row>
    <row r="237783" spans="8:8">
      <c r="H237783" s="12"/>
    </row>
    <row r="237784" spans="8:8">
      <c r="H237784" s="12"/>
    </row>
    <row r="237785" spans="8:8">
      <c r="H237785" s="12"/>
    </row>
    <row r="237786" spans="8:8">
      <c r="H237786" s="12"/>
    </row>
    <row r="237787" spans="8:8">
      <c r="H237787" s="12"/>
    </row>
    <row r="237788" spans="8:8">
      <c r="H237788" s="12"/>
    </row>
    <row r="237789" spans="8:8">
      <c r="H237789" s="12"/>
    </row>
    <row r="237790" spans="8:8">
      <c r="H237790" s="12"/>
    </row>
    <row r="237791" spans="8:8">
      <c r="H237791" s="12"/>
    </row>
    <row r="237792" spans="8:8">
      <c r="H237792" s="12"/>
    </row>
    <row r="237793" spans="8:8">
      <c r="H237793" s="12"/>
    </row>
    <row r="237794" spans="8:8">
      <c r="H237794" s="12"/>
    </row>
    <row r="237795" spans="8:8">
      <c r="H237795" s="12"/>
    </row>
    <row r="237796" spans="8:8">
      <c r="H237796" s="12"/>
    </row>
    <row r="237797" spans="8:8">
      <c r="H237797" s="12"/>
    </row>
    <row r="237798" spans="8:8">
      <c r="H237798" s="12"/>
    </row>
    <row r="237799" spans="8:8">
      <c r="H237799" s="12"/>
    </row>
    <row r="237800" spans="8:8">
      <c r="H237800" s="12"/>
    </row>
    <row r="237801" spans="8:8">
      <c r="H237801" s="12"/>
    </row>
    <row r="237802" spans="8:8">
      <c r="H237802" s="12"/>
    </row>
    <row r="237803" spans="8:8">
      <c r="H237803" s="12"/>
    </row>
    <row r="237804" spans="8:8">
      <c r="H237804" s="12"/>
    </row>
    <row r="237805" spans="8:8">
      <c r="H237805" s="12"/>
    </row>
    <row r="237806" spans="8:8">
      <c r="H237806" s="12"/>
    </row>
    <row r="237807" spans="8:8">
      <c r="H237807" s="12"/>
    </row>
    <row r="237808" spans="8:8">
      <c r="H237808" s="12"/>
    </row>
    <row r="237809" spans="8:8">
      <c r="H237809" s="12"/>
    </row>
    <row r="237810" spans="8:8">
      <c r="H237810" s="12"/>
    </row>
    <row r="237811" spans="8:8">
      <c r="H237811" s="12"/>
    </row>
    <row r="237812" spans="8:8">
      <c r="H237812" s="12"/>
    </row>
    <row r="237813" spans="8:8">
      <c r="H237813" s="12"/>
    </row>
    <row r="237814" spans="8:8">
      <c r="H237814" s="12"/>
    </row>
    <row r="237815" spans="8:8">
      <c r="H237815" s="12"/>
    </row>
    <row r="237816" spans="8:8">
      <c r="H237816" s="12"/>
    </row>
    <row r="237817" spans="8:8">
      <c r="H237817" s="12"/>
    </row>
    <row r="237818" spans="8:8">
      <c r="H237818" s="12"/>
    </row>
    <row r="237819" spans="8:8">
      <c r="H237819" s="12"/>
    </row>
    <row r="237820" spans="8:8">
      <c r="H237820" s="12"/>
    </row>
    <row r="237821" spans="8:8">
      <c r="H237821" s="12"/>
    </row>
    <row r="237822" spans="8:8">
      <c r="H237822" s="12"/>
    </row>
    <row r="237823" spans="8:8">
      <c r="H237823" s="12"/>
    </row>
    <row r="237824" spans="8:8">
      <c r="H237824" s="12"/>
    </row>
    <row r="237825" spans="8:8">
      <c r="H237825" s="12"/>
    </row>
    <row r="237826" spans="8:8">
      <c r="H237826" s="12"/>
    </row>
    <row r="237827" spans="8:8">
      <c r="H237827" s="12"/>
    </row>
    <row r="237828" spans="8:8">
      <c r="H237828" s="12"/>
    </row>
    <row r="237829" spans="8:8">
      <c r="H237829" s="12"/>
    </row>
    <row r="237830" spans="8:8">
      <c r="H237830" s="12"/>
    </row>
    <row r="237831" spans="8:8">
      <c r="H237831" s="12"/>
    </row>
    <row r="237832" spans="8:8">
      <c r="H237832" s="12"/>
    </row>
    <row r="237833" spans="8:8">
      <c r="H237833" s="12"/>
    </row>
    <row r="237834" spans="8:8">
      <c r="H237834" s="12"/>
    </row>
    <row r="237835" spans="8:8">
      <c r="H237835" s="12"/>
    </row>
    <row r="237836" spans="8:8">
      <c r="H237836" s="12"/>
    </row>
    <row r="237837" spans="8:8">
      <c r="H237837" s="12"/>
    </row>
    <row r="237838" spans="8:8">
      <c r="H237838" s="12"/>
    </row>
    <row r="237839" spans="8:8">
      <c r="H237839" s="12"/>
    </row>
    <row r="237840" spans="8:8">
      <c r="H237840" s="12"/>
    </row>
    <row r="237841" spans="8:8">
      <c r="H237841" s="12"/>
    </row>
    <row r="237842" spans="8:8">
      <c r="H237842" s="12"/>
    </row>
    <row r="237843" spans="8:8">
      <c r="H237843" s="12"/>
    </row>
    <row r="237844" spans="8:8">
      <c r="H237844" s="12"/>
    </row>
    <row r="237845" spans="8:8">
      <c r="H237845" s="12"/>
    </row>
    <row r="237846" spans="8:8">
      <c r="H237846" s="12"/>
    </row>
    <row r="237847" spans="8:8">
      <c r="H237847" s="12"/>
    </row>
    <row r="237848" spans="8:8">
      <c r="H237848" s="12"/>
    </row>
    <row r="237849" spans="8:8">
      <c r="H237849" s="12"/>
    </row>
    <row r="237850" spans="8:8">
      <c r="H237850" s="12"/>
    </row>
    <row r="237851" spans="8:8">
      <c r="H237851" s="12"/>
    </row>
    <row r="237852" spans="8:8">
      <c r="H237852" s="12"/>
    </row>
    <row r="237853" spans="8:8">
      <c r="H237853" s="12"/>
    </row>
    <row r="237854" spans="8:8">
      <c r="H237854" s="12"/>
    </row>
    <row r="237855" spans="8:8">
      <c r="H237855" s="12"/>
    </row>
    <row r="237856" spans="8:8">
      <c r="H237856" s="12"/>
    </row>
    <row r="237857" spans="8:8">
      <c r="H237857" s="12"/>
    </row>
    <row r="237858" spans="8:8">
      <c r="H237858" s="12"/>
    </row>
    <row r="237859" spans="8:8">
      <c r="H237859" s="12"/>
    </row>
    <row r="237860" spans="8:8">
      <c r="H237860" s="12"/>
    </row>
    <row r="237861" spans="8:8">
      <c r="H237861" s="12"/>
    </row>
    <row r="237862" spans="8:8">
      <c r="H237862" s="12"/>
    </row>
    <row r="237863" spans="8:8">
      <c r="H237863" s="12"/>
    </row>
    <row r="237864" spans="8:8">
      <c r="H237864" s="12"/>
    </row>
    <row r="237865" spans="8:8">
      <c r="H237865" s="12"/>
    </row>
    <row r="237866" spans="8:8">
      <c r="H237866" s="12"/>
    </row>
    <row r="237867" spans="8:8">
      <c r="H237867" s="12"/>
    </row>
    <row r="237868" spans="8:8">
      <c r="H237868" s="12"/>
    </row>
    <row r="237869" spans="8:8">
      <c r="H237869" s="12"/>
    </row>
    <row r="237870" spans="8:8">
      <c r="H237870" s="12"/>
    </row>
    <row r="237871" spans="8:8">
      <c r="H237871" s="12"/>
    </row>
    <row r="237872" spans="8:8">
      <c r="H237872" s="12"/>
    </row>
    <row r="237873" spans="8:8">
      <c r="H237873" s="12"/>
    </row>
    <row r="237874" spans="8:8">
      <c r="H237874" s="12"/>
    </row>
    <row r="237875" spans="8:8">
      <c r="H237875" s="12"/>
    </row>
    <row r="237876" spans="8:8">
      <c r="H237876" s="12"/>
    </row>
    <row r="237877" spans="8:8">
      <c r="H237877" s="12"/>
    </row>
    <row r="237878" spans="8:8">
      <c r="H237878" s="12"/>
    </row>
    <row r="237879" spans="8:8">
      <c r="H237879" s="12"/>
    </row>
    <row r="237880" spans="8:8">
      <c r="H237880" s="12"/>
    </row>
    <row r="237881" spans="8:8">
      <c r="H237881" s="12"/>
    </row>
    <row r="237882" spans="8:8">
      <c r="H237882" s="12"/>
    </row>
    <row r="237883" spans="8:8">
      <c r="H237883" s="12"/>
    </row>
    <row r="237884" spans="8:8">
      <c r="H237884" s="12"/>
    </row>
    <row r="237885" spans="8:8">
      <c r="H237885" s="12"/>
    </row>
    <row r="237886" spans="8:8">
      <c r="H237886" s="12"/>
    </row>
    <row r="237887" spans="8:8">
      <c r="H237887" s="12"/>
    </row>
    <row r="237888" spans="8:8">
      <c r="H237888" s="12"/>
    </row>
    <row r="237889" spans="8:8">
      <c r="H237889" s="12"/>
    </row>
    <row r="237890" spans="8:8">
      <c r="H237890" s="12"/>
    </row>
    <row r="237891" spans="8:8">
      <c r="H237891" s="12"/>
    </row>
    <row r="237892" spans="8:8">
      <c r="H237892" s="12"/>
    </row>
    <row r="237893" spans="8:8">
      <c r="H237893" s="12"/>
    </row>
    <row r="237894" spans="8:8">
      <c r="H237894" s="12"/>
    </row>
    <row r="237895" spans="8:8">
      <c r="H237895" s="12"/>
    </row>
    <row r="237896" spans="8:8">
      <c r="H237896" s="12"/>
    </row>
    <row r="237897" spans="8:8">
      <c r="H237897" s="12"/>
    </row>
    <row r="237898" spans="8:8">
      <c r="H237898" s="12"/>
    </row>
    <row r="237899" spans="8:8">
      <c r="H237899" s="12"/>
    </row>
    <row r="237900" spans="8:8">
      <c r="H237900" s="12"/>
    </row>
    <row r="237901" spans="8:8">
      <c r="H237901" s="12"/>
    </row>
    <row r="237902" spans="8:8">
      <c r="H237902" s="12"/>
    </row>
    <row r="237903" spans="8:8">
      <c r="H237903" s="12"/>
    </row>
    <row r="237904" spans="8:8">
      <c r="H237904" s="12"/>
    </row>
    <row r="237905" spans="8:8">
      <c r="H237905" s="12"/>
    </row>
    <row r="237906" spans="8:8">
      <c r="H237906" s="12"/>
    </row>
    <row r="237907" spans="8:8">
      <c r="H237907" s="12"/>
    </row>
    <row r="237908" spans="8:8">
      <c r="H237908" s="12"/>
    </row>
    <row r="237909" spans="8:8">
      <c r="H237909" s="12"/>
    </row>
    <row r="237910" spans="8:8">
      <c r="H237910" s="12"/>
    </row>
    <row r="237911" spans="8:8">
      <c r="H237911" s="12"/>
    </row>
    <row r="237912" spans="8:8">
      <c r="H237912" s="12"/>
    </row>
    <row r="237913" spans="8:8">
      <c r="H237913" s="12"/>
    </row>
    <row r="237914" spans="8:8">
      <c r="H237914" s="12"/>
    </row>
    <row r="237915" spans="8:8">
      <c r="H237915" s="12"/>
    </row>
    <row r="237916" spans="8:8">
      <c r="H237916" s="12"/>
    </row>
    <row r="237917" spans="8:8">
      <c r="H237917" s="12"/>
    </row>
    <row r="237918" spans="8:8">
      <c r="H237918" s="12"/>
    </row>
    <row r="237919" spans="8:8">
      <c r="H237919" s="12"/>
    </row>
    <row r="237920" spans="8:8">
      <c r="H237920" s="12"/>
    </row>
    <row r="237921" spans="8:8">
      <c r="H237921" s="12"/>
    </row>
    <row r="237922" spans="8:8">
      <c r="H237922" s="12"/>
    </row>
    <row r="237923" spans="8:8">
      <c r="H237923" s="12"/>
    </row>
    <row r="237924" spans="8:8">
      <c r="H237924" s="12"/>
    </row>
    <row r="237925" spans="8:8">
      <c r="H237925" s="12"/>
    </row>
    <row r="237926" spans="8:8">
      <c r="H237926" s="12"/>
    </row>
    <row r="237927" spans="8:8">
      <c r="H237927" s="12"/>
    </row>
    <row r="237928" spans="8:8">
      <c r="H237928" s="12"/>
    </row>
    <row r="237929" spans="8:8">
      <c r="H237929" s="12"/>
    </row>
    <row r="237930" spans="8:8">
      <c r="H237930" s="12"/>
    </row>
    <row r="237931" spans="8:8">
      <c r="H237931" s="12"/>
    </row>
    <row r="237932" spans="8:8">
      <c r="H237932" s="12"/>
    </row>
    <row r="237933" spans="8:8">
      <c r="H237933" s="12"/>
    </row>
    <row r="237934" spans="8:8">
      <c r="H237934" s="12"/>
    </row>
    <row r="237935" spans="8:8">
      <c r="H237935" s="12"/>
    </row>
    <row r="237936" spans="8:8">
      <c r="H237936" s="12"/>
    </row>
    <row r="237937" spans="8:8">
      <c r="H237937" s="12"/>
    </row>
    <row r="237938" spans="8:8">
      <c r="H237938" s="12"/>
    </row>
    <row r="237939" spans="8:8">
      <c r="H237939" s="12"/>
    </row>
    <row r="237940" spans="8:8">
      <c r="H237940" s="12"/>
    </row>
    <row r="237941" spans="8:8">
      <c r="H237941" s="12"/>
    </row>
    <row r="237942" spans="8:8">
      <c r="H237942" s="12"/>
    </row>
    <row r="237943" spans="8:8">
      <c r="H237943" s="12"/>
    </row>
    <row r="237944" spans="8:8">
      <c r="H237944" s="12"/>
    </row>
    <row r="237945" spans="8:8">
      <c r="H237945" s="12"/>
    </row>
    <row r="237946" spans="8:8">
      <c r="H237946" s="12"/>
    </row>
    <row r="237947" spans="8:8">
      <c r="H237947" s="12"/>
    </row>
    <row r="237948" spans="8:8">
      <c r="H237948" s="12"/>
    </row>
    <row r="237949" spans="8:8">
      <c r="H237949" s="12"/>
    </row>
    <row r="237950" spans="8:8">
      <c r="H237950" s="12"/>
    </row>
    <row r="237951" spans="8:8">
      <c r="H237951" s="12"/>
    </row>
    <row r="237952" spans="8:8">
      <c r="H237952" s="12"/>
    </row>
    <row r="237953" spans="8:8">
      <c r="H237953" s="12"/>
    </row>
    <row r="237954" spans="8:8">
      <c r="H237954" s="12"/>
    </row>
    <row r="237955" spans="8:8">
      <c r="H237955" s="12"/>
    </row>
    <row r="237956" spans="8:8">
      <c r="H237956" s="12"/>
    </row>
    <row r="237957" spans="8:8">
      <c r="H237957" s="12"/>
    </row>
    <row r="237958" spans="8:8">
      <c r="H237958" s="12"/>
    </row>
    <row r="237959" spans="8:8">
      <c r="H237959" s="12"/>
    </row>
    <row r="237960" spans="8:8">
      <c r="H237960" s="12"/>
    </row>
    <row r="237961" spans="8:8">
      <c r="H237961" s="12"/>
    </row>
    <row r="237962" spans="8:8">
      <c r="H237962" s="12"/>
    </row>
    <row r="237963" spans="8:8">
      <c r="H237963" s="12"/>
    </row>
    <row r="237964" spans="8:8">
      <c r="H237964" s="12"/>
    </row>
    <row r="237965" spans="8:8">
      <c r="H237965" s="12"/>
    </row>
    <row r="237966" spans="8:8">
      <c r="H237966" s="12"/>
    </row>
    <row r="237967" spans="8:8">
      <c r="H237967" s="12"/>
    </row>
    <row r="237968" spans="8:8">
      <c r="H237968" s="12"/>
    </row>
    <row r="237969" spans="8:8">
      <c r="H237969" s="12"/>
    </row>
    <row r="237970" spans="8:8">
      <c r="H237970" s="12"/>
    </row>
    <row r="237971" spans="8:8">
      <c r="H237971" s="12"/>
    </row>
    <row r="237972" spans="8:8">
      <c r="H237972" s="12"/>
    </row>
    <row r="237973" spans="8:8">
      <c r="H237973" s="12"/>
    </row>
    <row r="237974" spans="8:8">
      <c r="H237974" s="12"/>
    </row>
    <row r="237975" spans="8:8">
      <c r="H237975" s="12"/>
    </row>
    <row r="237976" spans="8:8">
      <c r="H237976" s="12"/>
    </row>
    <row r="237977" spans="8:8">
      <c r="H237977" s="12"/>
    </row>
    <row r="237978" spans="8:8">
      <c r="H237978" s="12"/>
    </row>
    <row r="237979" spans="8:8">
      <c r="H237979" s="12"/>
    </row>
    <row r="237980" spans="8:8">
      <c r="H237980" s="12"/>
    </row>
    <row r="237981" spans="8:8">
      <c r="H237981" s="12"/>
    </row>
    <row r="237982" spans="8:8">
      <c r="H237982" s="12"/>
    </row>
    <row r="237983" spans="8:8">
      <c r="H237983" s="12"/>
    </row>
    <row r="237984" spans="8:8">
      <c r="H237984" s="12"/>
    </row>
    <row r="237985" spans="8:8">
      <c r="H237985" s="12"/>
    </row>
    <row r="237986" spans="8:8">
      <c r="H237986" s="12"/>
    </row>
    <row r="237987" spans="8:8">
      <c r="H237987" s="12"/>
    </row>
    <row r="237988" spans="8:8">
      <c r="H237988" s="12"/>
    </row>
    <row r="237989" spans="8:8">
      <c r="H237989" s="12"/>
    </row>
    <row r="237990" spans="8:8">
      <c r="H237990" s="12"/>
    </row>
    <row r="237991" spans="8:8">
      <c r="H237991" s="12"/>
    </row>
    <row r="237992" spans="8:8">
      <c r="H237992" s="12"/>
    </row>
    <row r="237993" spans="8:8">
      <c r="H237993" s="12"/>
    </row>
    <row r="237994" spans="8:8">
      <c r="H237994" s="12"/>
    </row>
    <row r="237995" spans="8:8">
      <c r="H237995" s="12"/>
    </row>
    <row r="237996" spans="8:8">
      <c r="H237996" s="12"/>
    </row>
    <row r="237997" spans="8:8">
      <c r="H237997" s="12"/>
    </row>
    <row r="237998" spans="8:8">
      <c r="H237998" s="12"/>
    </row>
    <row r="237999" spans="8:8">
      <c r="H237999" s="12"/>
    </row>
    <row r="238000" spans="8:8">
      <c r="H238000" s="12"/>
    </row>
    <row r="238001" spans="8:8">
      <c r="H238001" s="12"/>
    </row>
    <row r="238002" spans="8:8">
      <c r="H238002" s="12"/>
    </row>
    <row r="238003" spans="8:8">
      <c r="H238003" s="12"/>
    </row>
    <row r="238004" spans="8:8">
      <c r="H238004" s="12"/>
    </row>
    <row r="238005" spans="8:8">
      <c r="H238005" s="12"/>
    </row>
    <row r="238006" spans="8:8">
      <c r="H238006" s="12"/>
    </row>
    <row r="238007" spans="8:8">
      <c r="H238007" s="12"/>
    </row>
    <row r="238008" spans="8:8">
      <c r="H238008" s="12"/>
    </row>
    <row r="238009" spans="8:8">
      <c r="H238009" s="12"/>
    </row>
    <row r="238010" spans="8:8">
      <c r="H238010" s="12"/>
    </row>
    <row r="238011" spans="8:8">
      <c r="H238011" s="12"/>
    </row>
    <row r="238012" spans="8:8">
      <c r="H238012" s="12"/>
    </row>
    <row r="238013" spans="8:8">
      <c r="H238013" s="12"/>
    </row>
    <row r="238014" spans="8:8">
      <c r="H238014" s="12"/>
    </row>
    <row r="238015" spans="8:8">
      <c r="H238015" s="12"/>
    </row>
    <row r="238016" spans="8:8">
      <c r="H238016" s="12"/>
    </row>
    <row r="238017" spans="8:8">
      <c r="H238017" s="12"/>
    </row>
    <row r="238018" spans="8:8">
      <c r="H238018" s="12"/>
    </row>
    <row r="238019" spans="8:8">
      <c r="H238019" s="12"/>
    </row>
    <row r="238020" spans="8:8">
      <c r="H238020" s="12"/>
    </row>
    <row r="238021" spans="8:8">
      <c r="H238021" s="12"/>
    </row>
    <row r="238022" spans="8:8">
      <c r="H238022" s="12"/>
    </row>
    <row r="238023" spans="8:8">
      <c r="H238023" s="12"/>
    </row>
    <row r="238024" spans="8:8">
      <c r="H238024" s="12"/>
    </row>
    <row r="238025" spans="8:8">
      <c r="H238025" s="12"/>
    </row>
    <row r="238026" spans="8:8">
      <c r="H238026" s="12"/>
    </row>
    <row r="238027" spans="8:8">
      <c r="H238027" s="12"/>
    </row>
    <row r="238028" spans="8:8">
      <c r="H238028" s="12"/>
    </row>
    <row r="238029" spans="8:8">
      <c r="H238029" s="12"/>
    </row>
    <row r="238030" spans="8:8">
      <c r="H238030" s="12"/>
    </row>
    <row r="238031" spans="8:8">
      <c r="H238031" s="12"/>
    </row>
    <row r="238032" spans="8:8">
      <c r="H238032" s="12"/>
    </row>
    <row r="238033" spans="8:8">
      <c r="H238033" s="12"/>
    </row>
    <row r="238034" spans="8:8">
      <c r="H238034" s="12"/>
    </row>
    <row r="238035" spans="8:8">
      <c r="H238035" s="12"/>
    </row>
    <row r="238036" spans="8:8">
      <c r="H238036" s="12"/>
    </row>
    <row r="238037" spans="8:8">
      <c r="H238037" s="12"/>
    </row>
    <row r="238038" spans="8:8">
      <c r="H238038" s="12"/>
    </row>
    <row r="238039" spans="8:8">
      <c r="H238039" s="12"/>
    </row>
    <row r="238040" spans="8:8">
      <c r="H238040" s="12"/>
    </row>
    <row r="238041" spans="8:8">
      <c r="H238041" s="12"/>
    </row>
    <row r="238042" spans="8:8">
      <c r="H238042" s="12"/>
    </row>
    <row r="238043" spans="8:8">
      <c r="H238043" s="12"/>
    </row>
    <row r="238044" spans="8:8">
      <c r="H238044" s="12"/>
    </row>
    <row r="238045" spans="8:8">
      <c r="H238045" s="12"/>
    </row>
    <row r="238046" spans="8:8">
      <c r="H238046" s="12"/>
    </row>
    <row r="238047" spans="8:8">
      <c r="H238047" s="12"/>
    </row>
    <row r="238048" spans="8:8">
      <c r="H238048" s="12"/>
    </row>
    <row r="238049" spans="8:8">
      <c r="H238049" s="12"/>
    </row>
    <row r="238050" spans="8:8">
      <c r="H238050" s="12"/>
    </row>
    <row r="238051" spans="8:8">
      <c r="H238051" s="12"/>
    </row>
    <row r="238052" spans="8:8">
      <c r="H238052" s="12"/>
    </row>
    <row r="238053" spans="8:8">
      <c r="H238053" s="12"/>
    </row>
    <row r="238054" spans="8:8">
      <c r="H238054" s="12"/>
    </row>
    <row r="238055" spans="8:8">
      <c r="H238055" s="12"/>
    </row>
    <row r="238056" spans="8:8">
      <c r="H238056" s="12"/>
    </row>
    <row r="238057" spans="8:8">
      <c r="H238057" s="12"/>
    </row>
    <row r="238058" spans="8:8">
      <c r="H238058" s="12"/>
    </row>
    <row r="238059" spans="8:8">
      <c r="H238059" s="12"/>
    </row>
    <row r="238060" spans="8:8">
      <c r="H238060" s="12"/>
    </row>
    <row r="238061" spans="8:8">
      <c r="H238061" s="12"/>
    </row>
    <row r="238062" spans="8:8">
      <c r="H238062" s="12"/>
    </row>
    <row r="238063" spans="8:8">
      <c r="H238063" s="12"/>
    </row>
    <row r="238064" spans="8:8">
      <c r="H238064" s="12"/>
    </row>
    <row r="238065" spans="8:8">
      <c r="H238065" s="12"/>
    </row>
    <row r="238066" spans="8:8">
      <c r="H238066" s="12"/>
    </row>
    <row r="238067" spans="8:8">
      <c r="H238067" s="12"/>
    </row>
    <row r="238068" spans="8:8">
      <c r="H238068" s="12"/>
    </row>
    <row r="238069" spans="8:8">
      <c r="H238069" s="12"/>
    </row>
    <row r="238070" spans="8:8">
      <c r="H238070" s="12"/>
    </row>
    <row r="238071" spans="8:8">
      <c r="H238071" s="12"/>
    </row>
    <row r="238072" spans="8:8">
      <c r="H238072" s="12"/>
    </row>
    <row r="238073" spans="8:8">
      <c r="H238073" s="12"/>
    </row>
    <row r="238074" spans="8:8">
      <c r="H238074" s="12"/>
    </row>
    <row r="238075" spans="8:8">
      <c r="H238075" s="12"/>
    </row>
    <row r="238076" spans="8:8">
      <c r="H238076" s="12"/>
    </row>
    <row r="238077" spans="8:8">
      <c r="H238077" s="12"/>
    </row>
    <row r="238078" spans="8:8">
      <c r="H238078" s="12"/>
    </row>
    <row r="238079" spans="8:8">
      <c r="H238079" s="12"/>
    </row>
    <row r="238080" spans="8:8">
      <c r="H238080" s="12"/>
    </row>
    <row r="238081" spans="8:8">
      <c r="H238081" s="12"/>
    </row>
    <row r="238082" spans="8:8">
      <c r="H238082" s="12"/>
    </row>
    <row r="238083" spans="8:8">
      <c r="H238083" s="12"/>
    </row>
    <row r="238084" spans="8:8">
      <c r="H238084" s="12"/>
    </row>
    <row r="238085" spans="8:8">
      <c r="H238085" s="12"/>
    </row>
    <row r="238086" spans="8:8">
      <c r="H238086" s="12"/>
    </row>
    <row r="238087" spans="8:8">
      <c r="H238087" s="12"/>
    </row>
    <row r="238088" spans="8:8">
      <c r="H238088" s="12"/>
    </row>
    <row r="238089" spans="8:8">
      <c r="H238089" s="12"/>
    </row>
    <row r="238090" spans="8:8">
      <c r="H238090" s="12"/>
    </row>
    <row r="238091" spans="8:8">
      <c r="H238091" s="12"/>
    </row>
    <row r="238092" spans="8:8">
      <c r="H238092" s="12"/>
    </row>
    <row r="238093" spans="8:8">
      <c r="H238093" s="12"/>
    </row>
    <row r="238094" spans="8:8">
      <c r="H238094" s="12"/>
    </row>
    <row r="238095" spans="8:8">
      <c r="H238095" s="12"/>
    </row>
    <row r="238096" spans="8:8">
      <c r="H238096" s="12"/>
    </row>
    <row r="238097" spans="8:8">
      <c r="H238097" s="12"/>
    </row>
    <row r="238098" spans="8:8">
      <c r="H238098" s="12"/>
    </row>
    <row r="238099" spans="8:8">
      <c r="H238099" s="12"/>
    </row>
    <row r="238100" spans="8:8">
      <c r="H238100" s="12"/>
    </row>
    <row r="238101" spans="8:8">
      <c r="H238101" s="12"/>
    </row>
    <row r="238102" spans="8:8">
      <c r="H238102" s="12"/>
    </row>
    <row r="238103" spans="8:8">
      <c r="H238103" s="12"/>
    </row>
    <row r="238104" spans="8:8">
      <c r="H238104" s="12"/>
    </row>
    <row r="238105" spans="8:8">
      <c r="H238105" s="12"/>
    </row>
    <row r="238106" spans="8:8">
      <c r="H238106" s="12"/>
    </row>
    <row r="238107" spans="8:8">
      <c r="H238107" s="12"/>
    </row>
    <row r="238108" spans="8:8">
      <c r="H238108" s="12"/>
    </row>
    <row r="238109" spans="8:8">
      <c r="H238109" s="12"/>
    </row>
    <row r="238110" spans="8:8">
      <c r="H238110" s="12"/>
    </row>
    <row r="238111" spans="8:8">
      <c r="H238111" s="12"/>
    </row>
    <row r="238112" spans="8:8">
      <c r="H238112" s="12"/>
    </row>
    <row r="238113" spans="8:8">
      <c r="H238113" s="12"/>
    </row>
    <row r="238114" spans="8:8">
      <c r="H238114" s="12"/>
    </row>
    <row r="238115" spans="8:8">
      <c r="H238115" s="12"/>
    </row>
    <row r="238116" spans="8:8">
      <c r="H238116" s="12"/>
    </row>
    <row r="238117" spans="8:8">
      <c r="H238117" s="12"/>
    </row>
    <row r="238118" spans="8:8">
      <c r="H238118" s="12"/>
    </row>
    <row r="238119" spans="8:8">
      <c r="H238119" s="12"/>
    </row>
    <row r="238120" spans="8:8">
      <c r="H238120" s="12"/>
    </row>
    <row r="238121" spans="8:8">
      <c r="H238121" s="12"/>
    </row>
    <row r="238122" spans="8:8">
      <c r="H238122" s="12"/>
    </row>
    <row r="238123" spans="8:8">
      <c r="H238123" s="12"/>
    </row>
    <row r="238124" spans="8:8">
      <c r="H238124" s="12"/>
    </row>
    <row r="238125" spans="8:8">
      <c r="H238125" s="12"/>
    </row>
    <row r="238126" spans="8:8">
      <c r="H238126" s="12"/>
    </row>
    <row r="238127" spans="8:8">
      <c r="H238127" s="12"/>
    </row>
    <row r="238128" spans="8:8">
      <c r="H238128" s="12"/>
    </row>
    <row r="238129" spans="8:8">
      <c r="H238129" s="12"/>
    </row>
    <row r="238130" spans="8:8">
      <c r="H238130" s="12"/>
    </row>
    <row r="238131" spans="8:8">
      <c r="H238131" s="12"/>
    </row>
    <row r="238132" spans="8:8">
      <c r="H238132" s="12"/>
    </row>
    <row r="238133" spans="8:8">
      <c r="H238133" s="12"/>
    </row>
    <row r="238134" spans="8:8">
      <c r="H238134" s="12"/>
    </row>
    <row r="238135" spans="8:8">
      <c r="H238135" s="12"/>
    </row>
    <row r="238136" spans="8:8">
      <c r="H238136" s="12"/>
    </row>
    <row r="238137" spans="8:8">
      <c r="H238137" s="12"/>
    </row>
    <row r="238138" spans="8:8">
      <c r="H238138" s="12"/>
    </row>
    <row r="238139" spans="8:8">
      <c r="H238139" s="12"/>
    </row>
    <row r="238140" spans="8:8">
      <c r="H238140" s="12"/>
    </row>
    <row r="238141" spans="8:8">
      <c r="H238141" s="12"/>
    </row>
    <row r="238142" spans="8:8">
      <c r="H238142" s="12"/>
    </row>
    <row r="238143" spans="8:8">
      <c r="H238143" s="12"/>
    </row>
    <row r="238144" spans="8:8">
      <c r="H238144" s="12"/>
    </row>
    <row r="238145" spans="8:8">
      <c r="H238145" s="12"/>
    </row>
    <row r="238146" spans="8:8">
      <c r="H238146" s="12"/>
    </row>
    <row r="238147" spans="8:8">
      <c r="H238147" s="12"/>
    </row>
    <row r="238148" spans="8:8">
      <c r="H238148" s="12"/>
    </row>
    <row r="238149" spans="8:8">
      <c r="H238149" s="12"/>
    </row>
    <row r="238150" spans="8:8">
      <c r="H238150" s="12"/>
    </row>
    <row r="238151" spans="8:8">
      <c r="H238151" s="12"/>
    </row>
    <row r="238152" spans="8:8">
      <c r="H238152" s="12"/>
    </row>
    <row r="238153" spans="8:8">
      <c r="H238153" s="12"/>
    </row>
    <row r="238154" spans="8:8">
      <c r="H238154" s="12"/>
    </row>
    <row r="238155" spans="8:8">
      <c r="H238155" s="12"/>
    </row>
    <row r="238156" spans="8:8">
      <c r="H238156" s="12"/>
    </row>
    <row r="238157" spans="8:8">
      <c r="H238157" s="12"/>
    </row>
    <row r="238158" spans="8:8">
      <c r="H238158" s="12"/>
    </row>
    <row r="238159" spans="8:8">
      <c r="H238159" s="12"/>
    </row>
    <row r="238160" spans="8:8">
      <c r="H238160" s="12"/>
    </row>
    <row r="238161" spans="8:8">
      <c r="H238161" s="12"/>
    </row>
    <row r="238162" spans="8:8">
      <c r="H238162" s="12"/>
    </row>
    <row r="238163" spans="8:8">
      <c r="H238163" s="12"/>
    </row>
    <row r="238164" spans="8:8">
      <c r="H238164" s="12"/>
    </row>
    <row r="238165" spans="8:8">
      <c r="H238165" s="12"/>
    </row>
    <row r="238166" spans="8:8">
      <c r="H238166" s="12"/>
    </row>
    <row r="238167" spans="8:8">
      <c r="H238167" s="12"/>
    </row>
    <row r="238168" spans="8:8">
      <c r="H238168" s="12"/>
    </row>
    <row r="238169" spans="8:8">
      <c r="H238169" s="12"/>
    </row>
    <row r="238170" spans="8:8">
      <c r="H238170" s="12"/>
    </row>
    <row r="238171" spans="8:8">
      <c r="H238171" s="12"/>
    </row>
    <row r="238172" spans="8:8">
      <c r="H238172" s="12"/>
    </row>
    <row r="238173" spans="8:8">
      <c r="H238173" s="12"/>
    </row>
    <row r="238174" spans="8:8">
      <c r="H238174" s="12"/>
    </row>
    <row r="238175" spans="8:8">
      <c r="H238175" s="12"/>
    </row>
    <row r="238176" spans="8:8">
      <c r="H238176" s="12"/>
    </row>
    <row r="238177" spans="8:8">
      <c r="H238177" s="12"/>
    </row>
    <row r="238178" spans="8:8">
      <c r="H238178" s="12"/>
    </row>
    <row r="238179" spans="8:8">
      <c r="H238179" s="12"/>
    </row>
    <row r="238180" spans="8:8">
      <c r="H238180" s="12"/>
    </row>
    <row r="238181" spans="8:8">
      <c r="H238181" s="12"/>
    </row>
    <row r="238182" spans="8:8">
      <c r="H238182" s="12"/>
    </row>
    <row r="238183" spans="8:8">
      <c r="H238183" s="12"/>
    </row>
    <row r="238184" spans="8:8">
      <c r="H238184" s="12"/>
    </row>
    <row r="238185" spans="8:8">
      <c r="H238185" s="12"/>
    </row>
    <row r="238186" spans="8:8">
      <c r="H238186" s="12"/>
    </row>
    <row r="238187" spans="8:8">
      <c r="H238187" s="12"/>
    </row>
    <row r="238188" spans="8:8">
      <c r="H238188" s="12"/>
    </row>
    <row r="238189" spans="8:8">
      <c r="H238189" s="12"/>
    </row>
    <row r="238190" spans="8:8">
      <c r="H238190" s="12"/>
    </row>
    <row r="238191" spans="8:8">
      <c r="H238191" s="12"/>
    </row>
    <row r="238192" spans="8:8">
      <c r="H238192" s="12"/>
    </row>
    <row r="238193" spans="8:8">
      <c r="H238193" s="12"/>
    </row>
    <row r="238194" spans="8:8">
      <c r="H238194" s="12"/>
    </row>
    <row r="238195" spans="8:8">
      <c r="H238195" s="12"/>
    </row>
    <row r="238196" spans="8:8">
      <c r="H238196" s="12"/>
    </row>
    <row r="238197" spans="8:8">
      <c r="H238197" s="12"/>
    </row>
    <row r="238198" spans="8:8">
      <c r="H238198" s="12"/>
    </row>
    <row r="238199" spans="8:8">
      <c r="H238199" s="12"/>
    </row>
    <row r="238200" spans="8:8">
      <c r="H238200" s="12"/>
    </row>
    <row r="238201" spans="8:8">
      <c r="H238201" s="12"/>
    </row>
    <row r="238202" spans="8:8">
      <c r="H238202" s="12"/>
    </row>
    <row r="238203" spans="8:8">
      <c r="H238203" s="12"/>
    </row>
    <row r="238204" spans="8:8">
      <c r="H238204" s="12"/>
    </row>
    <row r="238205" spans="8:8">
      <c r="H238205" s="12"/>
    </row>
    <row r="238206" spans="8:8">
      <c r="H238206" s="12"/>
    </row>
    <row r="238207" spans="8:8">
      <c r="H238207" s="12"/>
    </row>
    <row r="238208" spans="8:8">
      <c r="H238208" s="12"/>
    </row>
    <row r="238209" spans="8:8">
      <c r="H238209" s="12"/>
    </row>
    <row r="238210" spans="8:8">
      <c r="H238210" s="12"/>
    </row>
    <row r="238211" spans="8:8">
      <c r="H238211" s="12"/>
    </row>
    <row r="238212" spans="8:8">
      <c r="H238212" s="12"/>
    </row>
    <row r="238213" spans="8:8">
      <c r="H238213" s="12"/>
    </row>
    <row r="238214" spans="8:8">
      <c r="H238214" s="12"/>
    </row>
    <row r="238215" spans="8:8">
      <c r="H238215" s="12"/>
    </row>
    <row r="238216" spans="8:8">
      <c r="H238216" s="12"/>
    </row>
    <row r="238217" spans="8:8">
      <c r="H238217" s="12"/>
    </row>
    <row r="238218" spans="8:8">
      <c r="H238218" s="12"/>
    </row>
    <row r="238219" spans="8:8">
      <c r="H238219" s="12"/>
    </row>
    <row r="238220" spans="8:8">
      <c r="H238220" s="12"/>
    </row>
    <row r="238221" spans="8:8">
      <c r="H238221" s="12"/>
    </row>
    <row r="238222" spans="8:8">
      <c r="H238222" s="12"/>
    </row>
    <row r="238223" spans="8:8">
      <c r="H238223" s="12"/>
    </row>
    <row r="238224" spans="8:8">
      <c r="H238224" s="12"/>
    </row>
    <row r="238225" spans="8:8">
      <c r="H238225" s="12"/>
    </row>
    <row r="238226" spans="8:8">
      <c r="H238226" s="12"/>
    </row>
    <row r="238227" spans="8:8">
      <c r="H238227" s="12"/>
    </row>
    <row r="238228" spans="8:8">
      <c r="H238228" s="12"/>
    </row>
    <row r="238229" spans="8:8">
      <c r="H238229" s="12"/>
    </row>
    <row r="238230" spans="8:8">
      <c r="H238230" s="12"/>
    </row>
    <row r="238231" spans="8:8">
      <c r="H238231" s="12"/>
    </row>
    <row r="238232" spans="8:8">
      <c r="H238232" s="12"/>
    </row>
    <row r="238233" spans="8:8">
      <c r="H238233" s="12"/>
    </row>
    <row r="238234" spans="8:8">
      <c r="H238234" s="12"/>
    </row>
    <row r="238235" spans="8:8">
      <c r="H238235" s="12"/>
    </row>
    <row r="238236" spans="8:8">
      <c r="H238236" s="12"/>
    </row>
    <row r="238237" spans="8:8">
      <c r="H238237" s="12"/>
    </row>
    <row r="238238" spans="8:8">
      <c r="H238238" s="12"/>
    </row>
    <row r="238239" spans="8:8">
      <c r="H238239" s="12"/>
    </row>
    <row r="238240" spans="8:8">
      <c r="H238240" s="12"/>
    </row>
    <row r="238241" spans="8:8">
      <c r="H238241" s="12"/>
    </row>
    <row r="238242" spans="8:8">
      <c r="H238242" s="12"/>
    </row>
    <row r="238243" spans="8:8">
      <c r="H238243" s="12"/>
    </row>
    <row r="238244" spans="8:8">
      <c r="H238244" s="12"/>
    </row>
    <row r="238245" spans="8:8">
      <c r="H238245" s="12"/>
    </row>
    <row r="238246" spans="8:8">
      <c r="H238246" s="12"/>
    </row>
    <row r="238247" spans="8:8">
      <c r="H238247" s="12"/>
    </row>
    <row r="238248" spans="8:8">
      <c r="H238248" s="12"/>
    </row>
    <row r="238249" spans="8:8">
      <c r="H238249" s="12"/>
    </row>
    <row r="238250" spans="8:8">
      <c r="H238250" s="12"/>
    </row>
    <row r="238251" spans="8:8">
      <c r="H238251" s="12"/>
    </row>
    <row r="238252" spans="8:8">
      <c r="H238252" s="12"/>
    </row>
    <row r="238253" spans="8:8">
      <c r="H238253" s="12"/>
    </row>
    <row r="238254" spans="8:8">
      <c r="H238254" s="12"/>
    </row>
    <row r="238255" spans="8:8">
      <c r="H238255" s="12"/>
    </row>
    <row r="238256" spans="8:8">
      <c r="H238256" s="12"/>
    </row>
    <row r="238257" spans="8:8">
      <c r="H238257" s="12"/>
    </row>
    <row r="238258" spans="8:8">
      <c r="H238258" s="12"/>
    </row>
    <row r="238259" spans="8:8">
      <c r="H238259" s="12"/>
    </row>
    <row r="238260" spans="8:8">
      <c r="H238260" s="12"/>
    </row>
    <row r="238261" spans="8:8">
      <c r="H238261" s="12"/>
    </row>
    <row r="238262" spans="8:8">
      <c r="H238262" s="12"/>
    </row>
    <row r="238263" spans="8:8">
      <c r="H238263" s="12"/>
    </row>
    <row r="238264" spans="8:8">
      <c r="H238264" s="12"/>
    </row>
    <row r="238265" spans="8:8">
      <c r="H238265" s="12"/>
    </row>
    <row r="238266" spans="8:8">
      <c r="H238266" s="12"/>
    </row>
    <row r="238267" spans="8:8">
      <c r="H238267" s="12"/>
    </row>
    <row r="238268" spans="8:8">
      <c r="H238268" s="12"/>
    </row>
    <row r="238269" spans="8:8">
      <c r="H238269" s="12"/>
    </row>
    <row r="238270" spans="8:8">
      <c r="H238270" s="12"/>
    </row>
    <row r="238271" spans="8:8">
      <c r="H238271" s="12"/>
    </row>
    <row r="238272" spans="8:8">
      <c r="H238272" s="12"/>
    </row>
    <row r="238273" spans="8:8">
      <c r="H238273" s="12"/>
    </row>
    <row r="238274" spans="8:8">
      <c r="H238274" s="12"/>
    </row>
    <row r="238275" spans="8:8">
      <c r="H238275" s="12"/>
    </row>
    <row r="238276" spans="8:8">
      <c r="H238276" s="12"/>
    </row>
    <row r="238277" spans="8:8">
      <c r="H238277" s="12"/>
    </row>
    <row r="238278" spans="8:8">
      <c r="H238278" s="12"/>
    </row>
    <row r="238279" spans="8:8">
      <c r="H238279" s="12"/>
    </row>
    <row r="238280" spans="8:8">
      <c r="H238280" s="12"/>
    </row>
    <row r="238281" spans="8:8">
      <c r="H238281" s="12"/>
    </row>
    <row r="238282" spans="8:8">
      <c r="H238282" s="12"/>
    </row>
    <row r="238283" spans="8:8">
      <c r="H238283" s="12"/>
    </row>
    <row r="238284" spans="8:8">
      <c r="H238284" s="12"/>
    </row>
    <row r="238285" spans="8:8">
      <c r="H238285" s="12"/>
    </row>
    <row r="238286" spans="8:8">
      <c r="H238286" s="12"/>
    </row>
    <row r="238287" spans="8:8">
      <c r="H238287" s="12"/>
    </row>
    <row r="238288" spans="8:8">
      <c r="H238288" s="12"/>
    </row>
    <row r="238289" spans="8:8">
      <c r="H238289" s="12"/>
    </row>
    <row r="238290" spans="8:8">
      <c r="H238290" s="12"/>
    </row>
    <row r="238291" spans="8:8">
      <c r="H238291" s="12"/>
    </row>
    <row r="238292" spans="8:8">
      <c r="H238292" s="12"/>
    </row>
    <row r="238293" spans="8:8">
      <c r="H238293" s="12"/>
    </row>
    <row r="238294" spans="8:8">
      <c r="H238294" s="12"/>
    </row>
    <row r="238295" spans="8:8">
      <c r="H238295" s="12"/>
    </row>
    <row r="238296" spans="8:8">
      <c r="H238296" s="12"/>
    </row>
    <row r="238297" spans="8:8">
      <c r="H238297" s="12"/>
    </row>
    <row r="238298" spans="8:8">
      <c r="H238298" s="12"/>
    </row>
    <row r="238299" spans="8:8">
      <c r="H238299" s="12"/>
    </row>
    <row r="238300" spans="8:8">
      <c r="H238300" s="12"/>
    </row>
    <row r="238301" spans="8:8">
      <c r="H238301" s="12"/>
    </row>
    <row r="238302" spans="8:8">
      <c r="H238302" s="12"/>
    </row>
    <row r="238303" spans="8:8">
      <c r="H238303" s="12"/>
    </row>
    <row r="238304" spans="8:8">
      <c r="H238304" s="12"/>
    </row>
    <row r="238305" spans="8:8">
      <c r="H238305" s="12"/>
    </row>
    <row r="238306" spans="8:8">
      <c r="H238306" s="12"/>
    </row>
    <row r="238307" spans="8:8">
      <c r="H238307" s="12"/>
    </row>
    <row r="238308" spans="8:8">
      <c r="H238308" s="12"/>
    </row>
    <row r="238309" spans="8:8">
      <c r="H238309" s="12"/>
    </row>
    <row r="238310" spans="8:8">
      <c r="H238310" s="12"/>
    </row>
    <row r="238311" spans="8:8">
      <c r="H238311" s="12"/>
    </row>
    <row r="238312" spans="8:8">
      <c r="H238312" s="12"/>
    </row>
    <row r="238313" spans="8:8">
      <c r="H238313" s="12"/>
    </row>
    <row r="238314" spans="8:8">
      <c r="H238314" s="12"/>
    </row>
    <row r="238315" spans="8:8">
      <c r="H238315" s="12"/>
    </row>
    <row r="238316" spans="8:8">
      <c r="H238316" s="12"/>
    </row>
    <row r="238317" spans="8:8">
      <c r="H238317" s="12"/>
    </row>
    <row r="238318" spans="8:8">
      <c r="H238318" s="12"/>
    </row>
    <row r="238319" spans="8:8">
      <c r="H238319" s="12"/>
    </row>
    <row r="238320" spans="8:8">
      <c r="H238320" s="12"/>
    </row>
    <row r="238321" spans="8:8">
      <c r="H238321" s="12"/>
    </row>
    <row r="238322" spans="8:8">
      <c r="H238322" s="12"/>
    </row>
    <row r="238323" spans="8:8">
      <c r="H238323" s="12"/>
    </row>
    <row r="238324" spans="8:8">
      <c r="H238324" s="12"/>
    </row>
    <row r="238325" spans="8:8">
      <c r="H238325" s="12"/>
    </row>
    <row r="238326" spans="8:8">
      <c r="H238326" s="12"/>
    </row>
    <row r="238327" spans="8:8">
      <c r="H238327" s="12"/>
    </row>
    <row r="238328" spans="8:8">
      <c r="H238328" s="12"/>
    </row>
    <row r="238329" spans="8:8">
      <c r="H238329" s="12"/>
    </row>
    <row r="238330" spans="8:8">
      <c r="H238330" s="12"/>
    </row>
    <row r="238331" spans="8:8">
      <c r="H238331" s="12"/>
    </row>
    <row r="238332" spans="8:8">
      <c r="H238332" s="12"/>
    </row>
    <row r="238333" spans="8:8">
      <c r="H238333" s="12"/>
    </row>
    <row r="238334" spans="8:8">
      <c r="H238334" s="12"/>
    </row>
    <row r="238335" spans="8:8">
      <c r="H238335" s="12"/>
    </row>
    <row r="238336" spans="8:8">
      <c r="H238336" s="12"/>
    </row>
    <row r="238337" spans="8:8">
      <c r="H238337" s="12"/>
    </row>
    <row r="238338" spans="8:8">
      <c r="H238338" s="12"/>
    </row>
    <row r="238339" spans="8:8">
      <c r="H238339" s="12"/>
    </row>
    <row r="238340" spans="8:8">
      <c r="H238340" s="12"/>
    </row>
    <row r="238341" spans="8:8">
      <c r="H238341" s="12"/>
    </row>
    <row r="238342" spans="8:8">
      <c r="H238342" s="12"/>
    </row>
    <row r="238343" spans="8:8">
      <c r="H238343" s="12"/>
    </row>
    <row r="238344" spans="8:8">
      <c r="H238344" s="12"/>
    </row>
    <row r="238345" spans="8:8">
      <c r="H238345" s="12"/>
    </row>
    <row r="238346" spans="8:8">
      <c r="H238346" s="12"/>
    </row>
    <row r="238347" spans="8:8">
      <c r="H238347" s="12"/>
    </row>
    <row r="238348" spans="8:8">
      <c r="H238348" s="12"/>
    </row>
    <row r="238349" spans="8:8">
      <c r="H238349" s="12"/>
    </row>
    <row r="238350" spans="8:8">
      <c r="H238350" s="12"/>
    </row>
    <row r="238351" spans="8:8">
      <c r="H238351" s="12"/>
    </row>
    <row r="238352" spans="8:8">
      <c r="H238352" s="12"/>
    </row>
    <row r="238353" spans="8:8">
      <c r="H238353" s="12"/>
    </row>
    <row r="238354" spans="8:8">
      <c r="H238354" s="12"/>
    </row>
    <row r="238355" spans="8:8">
      <c r="H238355" s="12"/>
    </row>
    <row r="238356" spans="8:8">
      <c r="H238356" s="12"/>
    </row>
    <row r="238357" spans="8:8">
      <c r="H238357" s="12"/>
    </row>
    <row r="238358" spans="8:8">
      <c r="H238358" s="12"/>
    </row>
    <row r="238359" spans="8:8">
      <c r="H238359" s="12"/>
    </row>
    <row r="238360" spans="8:8">
      <c r="H238360" s="12"/>
    </row>
    <row r="238361" spans="8:8">
      <c r="H238361" s="12"/>
    </row>
    <row r="238362" spans="8:8">
      <c r="H238362" s="12"/>
    </row>
    <row r="238363" spans="8:8">
      <c r="H238363" s="12"/>
    </row>
    <row r="238364" spans="8:8">
      <c r="H238364" s="12"/>
    </row>
    <row r="238365" spans="8:8">
      <c r="H238365" s="12"/>
    </row>
    <row r="238366" spans="8:8">
      <c r="H238366" s="12"/>
    </row>
    <row r="238367" spans="8:8">
      <c r="H238367" s="12"/>
    </row>
    <row r="238368" spans="8:8">
      <c r="H238368" s="12"/>
    </row>
    <row r="238369" spans="8:8">
      <c r="H238369" s="12"/>
    </row>
    <row r="238370" spans="8:8">
      <c r="H238370" s="12"/>
    </row>
    <row r="238371" spans="8:8">
      <c r="H238371" s="12"/>
    </row>
    <row r="238372" spans="8:8">
      <c r="H238372" s="12"/>
    </row>
    <row r="238373" spans="8:8">
      <c r="H238373" s="12"/>
    </row>
    <row r="238374" spans="8:8">
      <c r="H238374" s="12"/>
    </row>
    <row r="238375" spans="8:8">
      <c r="H238375" s="12"/>
    </row>
    <row r="238376" spans="8:8">
      <c r="H238376" s="12"/>
    </row>
    <row r="238377" spans="8:8">
      <c r="H238377" s="12"/>
    </row>
    <row r="238378" spans="8:8">
      <c r="H238378" s="12"/>
    </row>
    <row r="238379" spans="8:8">
      <c r="H238379" s="12"/>
    </row>
    <row r="238380" spans="8:8">
      <c r="H238380" s="12"/>
    </row>
    <row r="238381" spans="8:8">
      <c r="H238381" s="12"/>
    </row>
    <row r="238382" spans="8:8">
      <c r="H238382" s="12"/>
    </row>
    <row r="238383" spans="8:8">
      <c r="H238383" s="12"/>
    </row>
    <row r="238384" spans="8:8">
      <c r="H238384" s="12"/>
    </row>
    <row r="238385" spans="8:8">
      <c r="H238385" s="12"/>
    </row>
    <row r="238386" spans="8:8">
      <c r="H238386" s="12"/>
    </row>
    <row r="238387" spans="8:8">
      <c r="H238387" s="12"/>
    </row>
    <row r="238388" spans="8:8">
      <c r="H238388" s="12"/>
    </row>
    <row r="238389" spans="8:8">
      <c r="H238389" s="12"/>
    </row>
    <row r="238390" spans="8:8">
      <c r="H238390" s="12"/>
    </row>
    <row r="238391" spans="8:8">
      <c r="H238391" s="12"/>
    </row>
    <row r="238392" spans="8:8">
      <c r="H238392" s="12"/>
    </row>
    <row r="238393" spans="8:8">
      <c r="H238393" s="12"/>
    </row>
    <row r="238394" spans="8:8">
      <c r="H238394" s="12"/>
    </row>
    <row r="238395" spans="8:8">
      <c r="H238395" s="12"/>
    </row>
    <row r="238396" spans="8:8">
      <c r="H238396" s="12"/>
    </row>
    <row r="238397" spans="8:8">
      <c r="H238397" s="12"/>
    </row>
    <row r="238398" spans="8:8">
      <c r="H238398" s="12"/>
    </row>
    <row r="238399" spans="8:8">
      <c r="H238399" s="12"/>
    </row>
    <row r="238400" spans="8:8">
      <c r="H238400" s="12"/>
    </row>
    <row r="238401" spans="8:8">
      <c r="H238401" s="12"/>
    </row>
    <row r="238402" spans="8:8">
      <c r="H238402" s="12"/>
    </row>
    <row r="238403" spans="8:8">
      <c r="H238403" s="12"/>
    </row>
    <row r="238404" spans="8:8">
      <c r="H238404" s="12"/>
    </row>
    <row r="238405" spans="8:8">
      <c r="H238405" s="12"/>
    </row>
    <row r="238406" spans="8:8">
      <c r="H238406" s="12"/>
    </row>
    <row r="238407" spans="8:8">
      <c r="H238407" s="12"/>
    </row>
    <row r="238408" spans="8:8">
      <c r="H238408" s="12"/>
    </row>
    <row r="238409" spans="8:8">
      <c r="H238409" s="12"/>
    </row>
    <row r="238410" spans="8:8">
      <c r="H238410" s="12"/>
    </row>
    <row r="238411" spans="8:8">
      <c r="H238411" s="12"/>
    </row>
    <row r="238412" spans="8:8">
      <c r="H238412" s="12"/>
    </row>
    <row r="238413" spans="8:8">
      <c r="H238413" s="12"/>
    </row>
    <row r="238414" spans="8:8">
      <c r="H238414" s="12"/>
    </row>
    <row r="238415" spans="8:8">
      <c r="H238415" s="12"/>
    </row>
    <row r="238416" spans="8:8">
      <c r="H238416" s="12"/>
    </row>
    <row r="238417" spans="8:8">
      <c r="H238417" s="12"/>
    </row>
    <row r="238418" spans="8:8">
      <c r="H238418" s="12"/>
    </row>
    <row r="238419" spans="8:8">
      <c r="H238419" s="12"/>
    </row>
    <row r="238420" spans="8:8">
      <c r="H238420" s="12"/>
    </row>
    <row r="238421" spans="8:8">
      <c r="H238421" s="12"/>
    </row>
    <row r="238422" spans="8:8">
      <c r="H238422" s="12"/>
    </row>
    <row r="238423" spans="8:8">
      <c r="H238423" s="12"/>
    </row>
    <row r="238424" spans="8:8">
      <c r="H238424" s="12"/>
    </row>
    <row r="238425" spans="8:8">
      <c r="H238425" s="12"/>
    </row>
    <row r="238426" spans="8:8">
      <c r="H238426" s="12"/>
    </row>
    <row r="238427" spans="8:8">
      <c r="H238427" s="12"/>
    </row>
    <row r="238428" spans="8:8">
      <c r="H238428" s="12"/>
    </row>
    <row r="238429" spans="8:8">
      <c r="H238429" s="12"/>
    </row>
    <row r="238430" spans="8:8">
      <c r="H238430" s="12"/>
    </row>
    <row r="238431" spans="8:8">
      <c r="H238431" s="12"/>
    </row>
    <row r="238432" spans="8:8">
      <c r="H238432" s="12"/>
    </row>
    <row r="238433" spans="8:8">
      <c r="H238433" s="12"/>
    </row>
    <row r="238434" spans="8:8">
      <c r="H238434" s="12"/>
    </row>
    <row r="238435" spans="8:8">
      <c r="H238435" s="12"/>
    </row>
    <row r="238436" spans="8:8">
      <c r="H238436" s="12"/>
    </row>
    <row r="238437" spans="8:8">
      <c r="H238437" s="12"/>
    </row>
    <row r="238438" spans="8:8">
      <c r="H238438" s="12"/>
    </row>
    <row r="238439" spans="8:8">
      <c r="H238439" s="12"/>
    </row>
    <row r="238440" spans="8:8">
      <c r="H238440" s="12"/>
    </row>
    <row r="238441" spans="8:8">
      <c r="H238441" s="12"/>
    </row>
    <row r="238442" spans="8:8">
      <c r="H238442" s="12"/>
    </row>
    <row r="238443" spans="8:8">
      <c r="H238443" s="12"/>
    </row>
    <row r="238444" spans="8:8">
      <c r="H238444" s="12"/>
    </row>
    <row r="238445" spans="8:8">
      <c r="H238445" s="12"/>
    </row>
    <row r="238446" spans="8:8">
      <c r="H238446" s="12"/>
    </row>
    <row r="238447" spans="8:8">
      <c r="H238447" s="12"/>
    </row>
    <row r="238448" spans="8:8">
      <c r="H238448" s="12"/>
    </row>
    <row r="238449" spans="8:8">
      <c r="H238449" s="12"/>
    </row>
    <row r="238450" spans="8:8">
      <c r="H238450" s="12"/>
    </row>
    <row r="238451" spans="8:8">
      <c r="H238451" s="12"/>
    </row>
    <row r="238452" spans="8:8">
      <c r="H238452" s="12"/>
    </row>
    <row r="238453" spans="8:8">
      <c r="H238453" s="12"/>
    </row>
    <row r="238454" spans="8:8">
      <c r="H238454" s="12"/>
    </row>
    <row r="238455" spans="8:8">
      <c r="H238455" s="12"/>
    </row>
    <row r="238456" spans="8:8">
      <c r="H238456" s="12"/>
    </row>
    <row r="238457" spans="8:8">
      <c r="H238457" s="12"/>
    </row>
    <row r="238458" spans="8:8">
      <c r="H238458" s="12"/>
    </row>
    <row r="238459" spans="8:8">
      <c r="H238459" s="12"/>
    </row>
    <row r="238460" spans="8:8">
      <c r="H238460" s="12"/>
    </row>
    <row r="238461" spans="8:8">
      <c r="H238461" s="12"/>
    </row>
    <row r="238462" spans="8:8">
      <c r="H238462" s="12"/>
    </row>
    <row r="238463" spans="8:8">
      <c r="H238463" s="12"/>
    </row>
    <row r="238464" spans="8:8">
      <c r="H238464" s="12"/>
    </row>
    <row r="238465" spans="8:8">
      <c r="H238465" s="12"/>
    </row>
    <row r="238466" spans="8:8">
      <c r="H238466" s="12"/>
    </row>
    <row r="238467" spans="8:8">
      <c r="H238467" s="12"/>
    </row>
    <row r="238468" spans="8:8">
      <c r="H238468" s="12"/>
    </row>
    <row r="238469" spans="8:8">
      <c r="H238469" s="12"/>
    </row>
    <row r="238470" spans="8:8">
      <c r="H238470" s="12"/>
    </row>
    <row r="238471" spans="8:8">
      <c r="H238471" s="12"/>
    </row>
    <row r="238472" spans="8:8">
      <c r="H238472" s="12"/>
    </row>
    <row r="238473" spans="8:8">
      <c r="H238473" s="12"/>
    </row>
    <row r="238474" spans="8:8">
      <c r="H238474" s="12"/>
    </row>
    <row r="238475" spans="8:8">
      <c r="H238475" s="12"/>
    </row>
    <row r="238476" spans="8:8">
      <c r="H238476" s="12"/>
    </row>
    <row r="238477" spans="8:8">
      <c r="H238477" s="12"/>
    </row>
    <row r="238478" spans="8:8">
      <c r="H238478" s="12"/>
    </row>
    <row r="238479" spans="8:8">
      <c r="H238479" s="12"/>
    </row>
    <row r="238480" spans="8:8">
      <c r="H238480" s="12"/>
    </row>
    <row r="238481" spans="8:8">
      <c r="H238481" s="12"/>
    </row>
    <row r="238482" spans="8:8">
      <c r="H238482" s="12"/>
    </row>
    <row r="238483" spans="8:8">
      <c r="H238483" s="12"/>
    </row>
    <row r="238484" spans="8:8">
      <c r="H238484" s="12"/>
    </row>
    <row r="238485" spans="8:8">
      <c r="H238485" s="12"/>
    </row>
    <row r="238486" spans="8:8">
      <c r="H238486" s="12"/>
    </row>
    <row r="238487" spans="8:8">
      <c r="H238487" s="12"/>
    </row>
    <row r="238488" spans="8:8">
      <c r="H238488" s="12"/>
    </row>
    <row r="238489" spans="8:8">
      <c r="H238489" s="12"/>
    </row>
    <row r="238490" spans="8:8">
      <c r="H238490" s="12"/>
    </row>
    <row r="238491" spans="8:8">
      <c r="H238491" s="12"/>
    </row>
    <row r="238492" spans="8:8">
      <c r="H238492" s="12"/>
    </row>
    <row r="238493" spans="8:8">
      <c r="H238493" s="12"/>
    </row>
    <row r="238494" spans="8:8">
      <c r="H238494" s="12"/>
    </row>
    <row r="238495" spans="8:8">
      <c r="H238495" s="12"/>
    </row>
    <row r="238496" spans="8:8">
      <c r="H238496" s="12"/>
    </row>
    <row r="238497" spans="8:8">
      <c r="H238497" s="12"/>
    </row>
    <row r="238498" spans="8:8">
      <c r="H238498" s="12"/>
    </row>
    <row r="238499" spans="8:8">
      <c r="H238499" s="12"/>
    </row>
    <row r="238500" spans="8:8">
      <c r="H238500" s="12"/>
    </row>
    <row r="238501" spans="8:8">
      <c r="H238501" s="12"/>
    </row>
    <row r="238502" spans="8:8">
      <c r="H238502" s="12"/>
    </row>
    <row r="238503" spans="8:8">
      <c r="H238503" s="12"/>
    </row>
    <row r="238504" spans="8:8">
      <c r="H238504" s="12"/>
    </row>
    <row r="238505" spans="8:8">
      <c r="H238505" s="12"/>
    </row>
    <row r="238506" spans="8:8">
      <c r="H238506" s="12"/>
    </row>
    <row r="238507" spans="8:8">
      <c r="H238507" s="12"/>
    </row>
    <row r="238508" spans="8:8">
      <c r="H238508" s="12"/>
    </row>
    <row r="238509" spans="8:8">
      <c r="H238509" s="12"/>
    </row>
    <row r="238510" spans="8:8">
      <c r="H238510" s="12"/>
    </row>
    <row r="238511" spans="8:8">
      <c r="H238511" s="12"/>
    </row>
    <row r="238512" spans="8:8">
      <c r="H238512" s="12"/>
    </row>
    <row r="238513" spans="8:8">
      <c r="H238513" s="12"/>
    </row>
    <row r="238514" spans="8:8">
      <c r="H238514" s="12"/>
    </row>
    <row r="238515" spans="8:8">
      <c r="H238515" s="12"/>
    </row>
    <row r="238516" spans="8:8">
      <c r="H238516" s="12"/>
    </row>
    <row r="238517" spans="8:8">
      <c r="H238517" s="12"/>
    </row>
    <row r="238518" spans="8:8">
      <c r="H238518" s="12"/>
    </row>
    <row r="238519" spans="8:8">
      <c r="H238519" s="12"/>
    </row>
    <row r="238520" spans="8:8">
      <c r="H238520" s="12"/>
    </row>
    <row r="238521" spans="8:8">
      <c r="H238521" s="12"/>
    </row>
    <row r="238522" spans="8:8">
      <c r="H238522" s="12"/>
    </row>
    <row r="238523" spans="8:8">
      <c r="H238523" s="12"/>
    </row>
    <row r="238524" spans="8:8">
      <c r="H238524" s="12"/>
    </row>
    <row r="238525" spans="8:8">
      <c r="H238525" s="12"/>
    </row>
    <row r="238526" spans="8:8">
      <c r="H238526" s="12"/>
    </row>
    <row r="238527" spans="8:8">
      <c r="H238527" s="12"/>
    </row>
    <row r="238528" spans="8:8">
      <c r="H238528" s="12"/>
    </row>
    <row r="238529" spans="8:8">
      <c r="H238529" s="12"/>
    </row>
    <row r="238530" spans="8:8">
      <c r="H238530" s="12"/>
    </row>
    <row r="238531" spans="8:8">
      <c r="H238531" s="12"/>
    </row>
    <row r="238532" spans="8:8">
      <c r="H238532" s="12"/>
    </row>
    <row r="238533" spans="8:8">
      <c r="H238533" s="12"/>
    </row>
    <row r="238534" spans="8:8">
      <c r="H238534" s="12"/>
    </row>
    <row r="238535" spans="8:8">
      <c r="H238535" s="12"/>
    </row>
    <row r="238536" spans="8:8">
      <c r="H238536" s="12"/>
    </row>
    <row r="238537" spans="8:8">
      <c r="H238537" s="12"/>
    </row>
    <row r="238538" spans="8:8">
      <c r="H238538" s="12"/>
    </row>
    <row r="238539" spans="8:8">
      <c r="H238539" s="12"/>
    </row>
    <row r="238540" spans="8:8">
      <c r="H238540" s="12"/>
    </row>
    <row r="238541" spans="8:8">
      <c r="H238541" s="12"/>
    </row>
    <row r="238542" spans="8:8">
      <c r="H238542" s="12"/>
    </row>
    <row r="238543" spans="8:8">
      <c r="H238543" s="12"/>
    </row>
    <row r="238544" spans="8:8">
      <c r="H238544" s="12"/>
    </row>
    <row r="238545" spans="8:8">
      <c r="H238545" s="12"/>
    </row>
    <row r="238546" spans="8:8">
      <c r="H238546" s="12"/>
    </row>
    <row r="238547" spans="8:8">
      <c r="H238547" s="12"/>
    </row>
    <row r="238548" spans="8:8">
      <c r="H238548" s="12"/>
    </row>
    <row r="238549" spans="8:8">
      <c r="H238549" s="12"/>
    </row>
    <row r="238550" spans="8:8">
      <c r="H238550" s="12"/>
    </row>
    <row r="238551" spans="8:8">
      <c r="H238551" s="12"/>
    </row>
    <row r="238552" spans="8:8">
      <c r="H238552" s="12"/>
    </row>
    <row r="238553" spans="8:8">
      <c r="H238553" s="12"/>
    </row>
    <row r="238554" spans="8:8">
      <c r="H238554" s="12"/>
    </row>
    <row r="238555" spans="8:8">
      <c r="H238555" s="12"/>
    </row>
    <row r="238556" spans="8:8">
      <c r="H238556" s="12"/>
    </row>
    <row r="238557" spans="8:8">
      <c r="H238557" s="12"/>
    </row>
    <row r="238558" spans="8:8">
      <c r="H238558" s="12"/>
    </row>
    <row r="238559" spans="8:8">
      <c r="H238559" s="12"/>
    </row>
    <row r="238560" spans="8:8">
      <c r="H238560" s="12"/>
    </row>
    <row r="238561" spans="8:8">
      <c r="H238561" s="12"/>
    </row>
    <row r="238562" spans="8:8">
      <c r="H238562" s="12"/>
    </row>
    <row r="238563" spans="8:8">
      <c r="H238563" s="12"/>
    </row>
    <row r="238564" spans="8:8">
      <c r="H238564" s="12"/>
    </row>
    <row r="238565" spans="8:8">
      <c r="H238565" s="12"/>
    </row>
    <row r="238566" spans="8:8">
      <c r="H238566" s="12"/>
    </row>
    <row r="238567" spans="8:8">
      <c r="H238567" s="12"/>
    </row>
    <row r="238568" spans="8:8">
      <c r="H238568" s="12"/>
    </row>
    <row r="238569" spans="8:8">
      <c r="H238569" s="12"/>
    </row>
    <row r="238570" spans="8:8">
      <c r="H238570" s="12"/>
    </row>
    <row r="238571" spans="8:8">
      <c r="H238571" s="12"/>
    </row>
    <row r="238572" spans="8:8">
      <c r="H238572" s="12"/>
    </row>
    <row r="238573" spans="8:8">
      <c r="H238573" s="12"/>
    </row>
    <row r="238574" spans="8:8">
      <c r="H238574" s="12"/>
    </row>
    <row r="238575" spans="8:8">
      <c r="H238575" s="12"/>
    </row>
    <row r="238576" spans="8:8">
      <c r="H238576" s="12"/>
    </row>
    <row r="238577" spans="8:8">
      <c r="H238577" s="12"/>
    </row>
    <row r="238578" spans="8:8">
      <c r="H238578" s="12"/>
    </row>
    <row r="238579" spans="8:8">
      <c r="H238579" s="12"/>
    </row>
    <row r="238580" spans="8:8">
      <c r="H238580" s="12"/>
    </row>
    <row r="238581" spans="8:8">
      <c r="H238581" s="12"/>
    </row>
    <row r="238582" spans="8:8">
      <c r="H238582" s="12"/>
    </row>
    <row r="238583" spans="8:8">
      <c r="H238583" s="12"/>
    </row>
    <row r="238584" spans="8:8">
      <c r="H238584" s="12"/>
    </row>
    <row r="238585" spans="8:8">
      <c r="H238585" s="12"/>
    </row>
    <row r="238586" spans="8:8">
      <c r="H238586" s="12"/>
    </row>
    <row r="238587" spans="8:8">
      <c r="H238587" s="12"/>
    </row>
    <row r="238588" spans="8:8">
      <c r="H238588" s="12"/>
    </row>
    <row r="238589" spans="8:8">
      <c r="H238589" s="12"/>
    </row>
    <row r="238590" spans="8:8">
      <c r="H238590" s="12"/>
    </row>
    <row r="238591" spans="8:8">
      <c r="H238591" s="12"/>
    </row>
    <row r="238592" spans="8:8">
      <c r="H238592" s="12"/>
    </row>
    <row r="238593" spans="8:8">
      <c r="H238593" s="12"/>
    </row>
    <row r="238594" spans="8:8">
      <c r="H238594" s="12"/>
    </row>
    <row r="238595" spans="8:8">
      <c r="H238595" s="12"/>
    </row>
    <row r="238596" spans="8:8">
      <c r="H238596" s="12"/>
    </row>
    <row r="238597" spans="8:8">
      <c r="H238597" s="12"/>
    </row>
    <row r="238598" spans="8:8">
      <c r="H238598" s="12"/>
    </row>
    <row r="238599" spans="8:8">
      <c r="H238599" s="12"/>
    </row>
    <row r="238600" spans="8:8">
      <c r="H238600" s="12"/>
    </row>
    <row r="238601" spans="8:8">
      <c r="H238601" s="12"/>
    </row>
    <row r="238602" spans="8:8">
      <c r="H238602" s="12"/>
    </row>
    <row r="238603" spans="8:8">
      <c r="H238603" s="12"/>
    </row>
    <row r="238604" spans="8:8">
      <c r="H238604" s="12"/>
    </row>
    <row r="238605" spans="8:8">
      <c r="H238605" s="12"/>
    </row>
    <row r="238606" spans="8:8">
      <c r="H238606" s="12"/>
    </row>
    <row r="238607" spans="8:8">
      <c r="H238607" s="12"/>
    </row>
    <row r="238608" spans="8:8">
      <c r="H238608" s="12"/>
    </row>
    <row r="238609" spans="8:8">
      <c r="H238609" s="12"/>
    </row>
    <row r="238610" spans="8:8">
      <c r="H238610" s="12"/>
    </row>
    <row r="238611" spans="8:8">
      <c r="H238611" s="12"/>
    </row>
    <row r="238612" spans="8:8">
      <c r="H238612" s="12"/>
    </row>
    <row r="238613" spans="8:8">
      <c r="H238613" s="12"/>
    </row>
    <row r="238614" spans="8:8">
      <c r="H238614" s="12"/>
    </row>
    <row r="238615" spans="8:8">
      <c r="H238615" s="12"/>
    </row>
    <row r="238616" spans="8:8">
      <c r="H238616" s="12"/>
    </row>
    <row r="238617" spans="8:8">
      <c r="H238617" s="12"/>
    </row>
    <row r="238618" spans="8:8">
      <c r="H238618" s="12"/>
    </row>
    <row r="238619" spans="8:8">
      <c r="H238619" s="12"/>
    </row>
    <row r="238620" spans="8:8">
      <c r="H238620" s="12"/>
    </row>
    <row r="238621" spans="8:8">
      <c r="H238621" s="12"/>
    </row>
    <row r="238622" spans="8:8">
      <c r="H238622" s="12"/>
    </row>
    <row r="238623" spans="8:8">
      <c r="H238623" s="12"/>
    </row>
    <row r="238624" spans="8:8">
      <c r="H238624" s="12"/>
    </row>
    <row r="238625" spans="8:8">
      <c r="H238625" s="12"/>
    </row>
    <row r="238626" spans="8:8">
      <c r="H238626" s="12"/>
    </row>
    <row r="238627" spans="8:8">
      <c r="H238627" s="12"/>
    </row>
    <row r="238628" spans="8:8">
      <c r="H238628" s="12"/>
    </row>
    <row r="238629" spans="8:8">
      <c r="H238629" s="12"/>
    </row>
    <row r="238630" spans="8:8">
      <c r="H238630" s="12"/>
    </row>
    <row r="238631" spans="8:8">
      <c r="H238631" s="12"/>
    </row>
    <row r="238632" spans="8:8">
      <c r="H238632" s="12"/>
    </row>
    <row r="238633" spans="8:8">
      <c r="H238633" s="12"/>
    </row>
    <row r="238634" spans="8:8">
      <c r="H238634" s="12"/>
    </row>
    <row r="238635" spans="8:8">
      <c r="H238635" s="12"/>
    </row>
    <row r="238636" spans="8:8">
      <c r="H238636" s="12"/>
    </row>
    <row r="238637" spans="8:8">
      <c r="H238637" s="12"/>
    </row>
    <row r="238638" spans="8:8">
      <c r="H238638" s="12"/>
    </row>
    <row r="238639" spans="8:8">
      <c r="H238639" s="12"/>
    </row>
    <row r="238640" spans="8:8">
      <c r="H238640" s="12"/>
    </row>
    <row r="238641" spans="8:8">
      <c r="H238641" s="12"/>
    </row>
    <row r="238642" spans="8:8">
      <c r="H238642" s="12"/>
    </row>
    <row r="238643" spans="8:8">
      <c r="H238643" s="12"/>
    </row>
    <row r="238644" spans="8:8">
      <c r="H238644" s="12"/>
    </row>
    <row r="238645" spans="8:8">
      <c r="H238645" s="12"/>
    </row>
    <row r="238646" spans="8:8">
      <c r="H238646" s="12"/>
    </row>
    <row r="238647" spans="8:8">
      <c r="H238647" s="12"/>
    </row>
    <row r="238648" spans="8:8">
      <c r="H238648" s="12"/>
    </row>
    <row r="238649" spans="8:8">
      <c r="H238649" s="12"/>
    </row>
    <row r="238650" spans="8:8">
      <c r="H238650" s="12"/>
    </row>
    <row r="238651" spans="8:8">
      <c r="H238651" s="12"/>
    </row>
    <row r="238652" spans="8:8">
      <c r="H238652" s="12"/>
    </row>
    <row r="238653" spans="8:8">
      <c r="H238653" s="12"/>
    </row>
    <row r="238654" spans="8:8">
      <c r="H238654" s="12"/>
    </row>
    <row r="238655" spans="8:8">
      <c r="H238655" s="12"/>
    </row>
    <row r="238656" spans="8:8">
      <c r="H238656" s="12"/>
    </row>
    <row r="238657" spans="8:8">
      <c r="H238657" s="12"/>
    </row>
    <row r="238658" spans="8:8">
      <c r="H238658" s="12"/>
    </row>
    <row r="238659" spans="8:8">
      <c r="H238659" s="12"/>
    </row>
    <row r="238660" spans="8:8">
      <c r="H238660" s="12"/>
    </row>
    <row r="238661" spans="8:8">
      <c r="H238661" s="12"/>
    </row>
    <row r="238662" spans="8:8">
      <c r="H238662" s="12"/>
    </row>
    <row r="238663" spans="8:8">
      <c r="H238663" s="12"/>
    </row>
    <row r="238664" spans="8:8">
      <c r="H238664" s="12"/>
    </row>
    <row r="238665" spans="8:8">
      <c r="H238665" s="12"/>
    </row>
    <row r="238666" spans="8:8">
      <c r="H238666" s="12"/>
    </row>
    <row r="238667" spans="8:8">
      <c r="H238667" s="12"/>
    </row>
    <row r="238668" spans="8:8">
      <c r="H238668" s="12"/>
    </row>
    <row r="238669" spans="8:8">
      <c r="H238669" s="12"/>
    </row>
    <row r="238670" spans="8:8">
      <c r="H238670" s="12"/>
    </row>
    <row r="238671" spans="8:8">
      <c r="H238671" s="12"/>
    </row>
    <row r="238672" spans="8:8">
      <c r="H238672" s="12"/>
    </row>
    <row r="238673" spans="8:8">
      <c r="H238673" s="12"/>
    </row>
    <row r="238674" spans="8:8">
      <c r="H238674" s="12"/>
    </row>
    <row r="238675" spans="8:8">
      <c r="H238675" s="12"/>
    </row>
    <row r="238676" spans="8:8">
      <c r="H238676" s="12"/>
    </row>
    <row r="238677" spans="8:8">
      <c r="H238677" s="12"/>
    </row>
    <row r="238678" spans="8:8">
      <c r="H238678" s="12"/>
    </row>
    <row r="238679" spans="8:8">
      <c r="H238679" s="12"/>
    </row>
    <row r="238680" spans="8:8">
      <c r="H238680" s="12"/>
    </row>
    <row r="238681" spans="8:8">
      <c r="H238681" s="12"/>
    </row>
    <row r="238682" spans="8:8">
      <c r="H238682" s="12"/>
    </row>
    <row r="238683" spans="8:8">
      <c r="H238683" s="12"/>
    </row>
    <row r="238684" spans="8:8">
      <c r="H238684" s="12"/>
    </row>
    <row r="238685" spans="8:8">
      <c r="H238685" s="12"/>
    </row>
    <row r="238686" spans="8:8">
      <c r="H238686" s="12"/>
    </row>
    <row r="238687" spans="8:8">
      <c r="H238687" s="12"/>
    </row>
    <row r="238688" spans="8:8">
      <c r="H238688" s="12"/>
    </row>
    <row r="238689" spans="8:8">
      <c r="H238689" s="12"/>
    </row>
    <row r="238690" spans="8:8">
      <c r="H238690" s="12"/>
    </row>
    <row r="238691" spans="8:8">
      <c r="H238691" s="12"/>
    </row>
    <row r="238692" spans="8:8">
      <c r="H238692" s="12"/>
    </row>
    <row r="238693" spans="8:8">
      <c r="H238693" s="12"/>
    </row>
    <row r="238694" spans="8:8">
      <c r="H238694" s="12"/>
    </row>
    <row r="238695" spans="8:8">
      <c r="H238695" s="12"/>
    </row>
    <row r="238696" spans="8:8">
      <c r="H238696" s="12"/>
    </row>
    <row r="238697" spans="8:8">
      <c r="H238697" s="12"/>
    </row>
    <row r="238698" spans="8:8">
      <c r="H238698" s="12"/>
    </row>
    <row r="238699" spans="8:8">
      <c r="H238699" s="12"/>
    </row>
    <row r="238700" spans="8:8">
      <c r="H238700" s="12"/>
    </row>
    <row r="238701" spans="8:8">
      <c r="H238701" s="12"/>
    </row>
    <row r="238702" spans="8:8">
      <c r="H238702" s="12"/>
    </row>
    <row r="238703" spans="8:8">
      <c r="H238703" s="12"/>
    </row>
    <row r="238704" spans="8:8">
      <c r="H238704" s="12"/>
    </row>
    <row r="238705" spans="8:8">
      <c r="H238705" s="12"/>
    </row>
    <row r="238706" spans="8:8">
      <c r="H238706" s="12"/>
    </row>
    <row r="238707" spans="8:8">
      <c r="H238707" s="12"/>
    </row>
    <row r="238708" spans="8:8">
      <c r="H238708" s="12"/>
    </row>
    <row r="238709" spans="8:8">
      <c r="H238709" s="12"/>
    </row>
    <row r="238710" spans="8:8">
      <c r="H238710" s="12"/>
    </row>
    <row r="238711" spans="8:8">
      <c r="H238711" s="12"/>
    </row>
    <row r="238712" spans="8:8">
      <c r="H238712" s="12"/>
    </row>
    <row r="238713" spans="8:8">
      <c r="H238713" s="12"/>
    </row>
    <row r="238714" spans="8:8">
      <c r="H238714" s="12"/>
    </row>
    <row r="238715" spans="8:8">
      <c r="H238715" s="12"/>
    </row>
    <row r="238716" spans="8:8">
      <c r="H238716" s="12"/>
    </row>
    <row r="238717" spans="8:8">
      <c r="H238717" s="12"/>
    </row>
    <row r="238718" spans="8:8">
      <c r="H238718" s="12"/>
    </row>
    <row r="238719" spans="8:8">
      <c r="H238719" s="12"/>
    </row>
    <row r="238720" spans="8:8">
      <c r="H238720" s="12"/>
    </row>
    <row r="238721" spans="8:8">
      <c r="H238721" s="12"/>
    </row>
    <row r="238722" spans="8:8">
      <c r="H238722" s="12"/>
    </row>
    <row r="238723" spans="8:8">
      <c r="H238723" s="12"/>
    </row>
    <row r="238724" spans="8:8">
      <c r="H238724" s="12"/>
    </row>
    <row r="238725" spans="8:8">
      <c r="H238725" s="12"/>
    </row>
    <row r="238726" spans="8:8">
      <c r="H238726" s="12"/>
    </row>
    <row r="238727" spans="8:8">
      <c r="H238727" s="12"/>
    </row>
    <row r="238728" spans="8:8">
      <c r="H238728" s="12"/>
    </row>
    <row r="238729" spans="8:8">
      <c r="H238729" s="12"/>
    </row>
    <row r="238730" spans="8:8">
      <c r="H238730" s="12"/>
    </row>
    <row r="238731" spans="8:8">
      <c r="H238731" s="12"/>
    </row>
    <row r="238732" spans="8:8">
      <c r="H238732" s="12"/>
    </row>
    <row r="238733" spans="8:8">
      <c r="H238733" s="12"/>
    </row>
    <row r="238734" spans="8:8">
      <c r="H238734" s="12"/>
    </row>
    <row r="238735" spans="8:8">
      <c r="H238735" s="12"/>
    </row>
    <row r="238736" spans="8:8">
      <c r="H238736" s="12"/>
    </row>
    <row r="238737" spans="8:8">
      <c r="H238737" s="12"/>
    </row>
    <row r="238738" spans="8:8">
      <c r="H238738" s="12"/>
    </row>
    <row r="238739" spans="8:8">
      <c r="H238739" s="12"/>
    </row>
    <row r="238740" spans="8:8">
      <c r="H238740" s="12"/>
    </row>
    <row r="238741" spans="8:8">
      <c r="H238741" s="12"/>
    </row>
    <row r="238742" spans="8:8">
      <c r="H238742" s="12"/>
    </row>
    <row r="238743" spans="8:8">
      <c r="H238743" s="12"/>
    </row>
    <row r="238744" spans="8:8">
      <c r="H238744" s="12"/>
    </row>
    <row r="238745" spans="8:8">
      <c r="H238745" s="12"/>
    </row>
    <row r="238746" spans="8:8">
      <c r="H238746" s="12"/>
    </row>
    <row r="238747" spans="8:8">
      <c r="H238747" s="12"/>
    </row>
    <row r="238748" spans="8:8">
      <c r="H238748" s="12"/>
    </row>
    <row r="238749" spans="8:8">
      <c r="H238749" s="12"/>
    </row>
    <row r="238750" spans="8:8">
      <c r="H238750" s="12"/>
    </row>
    <row r="238751" spans="8:8">
      <c r="H238751" s="12"/>
    </row>
    <row r="238752" spans="8:8">
      <c r="H238752" s="12"/>
    </row>
    <row r="238753" spans="8:8">
      <c r="H238753" s="12"/>
    </row>
    <row r="238754" spans="8:8">
      <c r="H238754" s="12"/>
    </row>
    <row r="238755" spans="8:8">
      <c r="H238755" s="12"/>
    </row>
    <row r="238756" spans="8:8">
      <c r="H238756" s="12"/>
    </row>
    <row r="238757" spans="8:8">
      <c r="H238757" s="12"/>
    </row>
    <row r="238758" spans="8:8">
      <c r="H238758" s="12"/>
    </row>
    <row r="238759" spans="8:8">
      <c r="H238759" s="12"/>
    </row>
    <row r="238760" spans="8:8">
      <c r="H238760" s="12"/>
    </row>
    <row r="238761" spans="8:8">
      <c r="H238761" s="12"/>
    </row>
    <row r="238762" spans="8:8">
      <c r="H238762" s="12"/>
    </row>
    <row r="238763" spans="8:8">
      <c r="H238763" s="12"/>
    </row>
    <row r="238764" spans="8:8">
      <c r="H238764" s="12"/>
    </row>
    <row r="238765" spans="8:8">
      <c r="H238765" s="12"/>
    </row>
    <row r="238766" spans="8:8">
      <c r="H238766" s="12"/>
    </row>
    <row r="238767" spans="8:8">
      <c r="H238767" s="12"/>
    </row>
    <row r="238768" spans="8:8">
      <c r="H238768" s="12"/>
    </row>
    <row r="238769" spans="8:8">
      <c r="H238769" s="12"/>
    </row>
    <row r="238770" spans="8:8">
      <c r="H238770" s="12"/>
    </row>
    <row r="238771" spans="8:8">
      <c r="H238771" s="12"/>
    </row>
    <row r="238772" spans="8:8">
      <c r="H238772" s="12"/>
    </row>
    <row r="238773" spans="8:8">
      <c r="H238773" s="12"/>
    </row>
    <row r="238774" spans="8:8">
      <c r="H238774" s="12"/>
    </row>
    <row r="238775" spans="8:8">
      <c r="H238775" s="12"/>
    </row>
    <row r="238776" spans="8:8">
      <c r="H238776" s="12"/>
    </row>
    <row r="238777" spans="8:8">
      <c r="H238777" s="12"/>
    </row>
    <row r="238778" spans="8:8">
      <c r="H238778" s="12"/>
    </row>
    <row r="238779" spans="8:8">
      <c r="H238779" s="12"/>
    </row>
    <row r="238780" spans="8:8">
      <c r="H238780" s="12"/>
    </row>
    <row r="238781" spans="8:8">
      <c r="H238781" s="12"/>
    </row>
    <row r="238782" spans="8:8">
      <c r="H238782" s="12"/>
    </row>
    <row r="238783" spans="8:8">
      <c r="H238783" s="12"/>
    </row>
    <row r="238784" spans="8:8">
      <c r="H238784" s="12"/>
    </row>
    <row r="238785" spans="8:8">
      <c r="H238785" s="12"/>
    </row>
    <row r="238786" spans="8:8">
      <c r="H238786" s="12"/>
    </row>
    <row r="238787" spans="8:8">
      <c r="H238787" s="12"/>
    </row>
    <row r="238788" spans="8:8">
      <c r="H238788" s="12"/>
    </row>
    <row r="238789" spans="8:8">
      <c r="H238789" s="12"/>
    </row>
    <row r="238790" spans="8:8">
      <c r="H238790" s="12"/>
    </row>
    <row r="238791" spans="8:8">
      <c r="H238791" s="12"/>
    </row>
    <row r="238792" spans="8:8">
      <c r="H238792" s="12"/>
    </row>
    <row r="238793" spans="8:8">
      <c r="H238793" s="12"/>
    </row>
    <row r="238794" spans="8:8">
      <c r="H238794" s="12"/>
    </row>
    <row r="238795" spans="8:8">
      <c r="H238795" s="12"/>
    </row>
    <row r="238796" spans="8:8">
      <c r="H238796" s="12"/>
    </row>
    <row r="238797" spans="8:8">
      <c r="H238797" s="12"/>
    </row>
    <row r="238798" spans="8:8">
      <c r="H238798" s="12"/>
    </row>
    <row r="238799" spans="8:8">
      <c r="H238799" s="12"/>
    </row>
    <row r="238800" spans="8:8">
      <c r="H238800" s="12"/>
    </row>
    <row r="238801" spans="8:8">
      <c r="H238801" s="12"/>
    </row>
    <row r="238802" spans="8:8">
      <c r="H238802" s="12"/>
    </row>
    <row r="238803" spans="8:8">
      <c r="H238803" s="12"/>
    </row>
    <row r="238804" spans="8:8">
      <c r="H238804" s="12"/>
    </row>
    <row r="238805" spans="8:8">
      <c r="H238805" s="12"/>
    </row>
    <row r="238806" spans="8:8">
      <c r="H238806" s="12"/>
    </row>
    <row r="238807" spans="8:8">
      <c r="H238807" s="12"/>
    </row>
    <row r="238808" spans="8:8">
      <c r="H238808" s="12"/>
    </row>
    <row r="238809" spans="8:8">
      <c r="H238809" s="12"/>
    </row>
    <row r="238810" spans="8:8">
      <c r="H238810" s="12"/>
    </row>
    <row r="238811" spans="8:8">
      <c r="H238811" s="12"/>
    </row>
    <row r="238812" spans="8:8">
      <c r="H238812" s="12"/>
    </row>
    <row r="238813" spans="8:8">
      <c r="H238813" s="12"/>
    </row>
    <row r="238814" spans="8:8">
      <c r="H238814" s="12"/>
    </row>
    <row r="238815" spans="8:8">
      <c r="H238815" s="12"/>
    </row>
    <row r="238816" spans="8:8">
      <c r="H238816" s="12"/>
    </row>
    <row r="238817" spans="8:8">
      <c r="H238817" s="12"/>
    </row>
    <row r="238818" spans="8:8">
      <c r="H238818" s="12"/>
    </row>
    <row r="238819" spans="8:8">
      <c r="H238819" s="12"/>
    </row>
    <row r="238820" spans="8:8">
      <c r="H238820" s="12"/>
    </row>
    <row r="238821" spans="8:8">
      <c r="H238821" s="12"/>
    </row>
    <row r="238822" spans="8:8">
      <c r="H238822" s="12"/>
    </row>
    <row r="238823" spans="8:8">
      <c r="H238823" s="12"/>
    </row>
    <row r="238824" spans="8:8">
      <c r="H238824" s="12"/>
    </row>
    <row r="238825" spans="8:8">
      <c r="H238825" s="12"/>
    </row>
    <row r="238826" spans="8:8">
      <c r="H238826" s="12"/>
    </row>
    <row r="238827" spans="8:8">
      <c r="H238827" s="12"/>
    </row>
    <row r="238828" spans="8:8">
      <c r="H238828" s="12"/>
    </row>
    <row r="238829" spans="8:8">
      <c r="H238829" s="12"/>
    </row>
    <row r="238830" spans="8:8">
      <c r="H238830" s="12"/>
    </row>
    <row r="238831" spans="8:8">
      <c r="H238831" s="12"/>
    </row>
    <row r="238832" spans="8:8">
      <c r="H238832" s="12"/>
    </row>
    <row r="238833" spans="8:8">
      <c r="H238833" s="12"/>
    </row>
    <row r="238834" spans="8:8">
      <c r="H238834" s="12"/>
    </row>
    <row r="238835" spans="8:8">
      <c r="H238835" s="12"/>
    </row>
    <row r="238836" spans="8:8">
      <c r="H238836" s="12"/>
    </row>
    <row r="238837" spans="8:8">
      <c r="H238837" s="12"/>
    </row>
    <row r="238838" spans="8:8">
      <c r="H238838" s="12"/>
    </row>
    <row r="238839" spans="8:8">
      <c r="H238839" s="12"/>
    </row>
    <row r="238840" spans="8:8">
      <c r="H238840" s="12"/>
    </row>
    <row r="238841" spans="8:8">
      <c r="H238841" s="12"/>
    </row>
    <row r="238842" spans="8:8">
      <c r="H238842" s="12"/>
    </row>
    <row r="238843" spans="8:8">
      <c r="H238843" s="12"/>
    </row>
    <row r="238844" spans="8:8">
      <c r="H238844" s="12"/>
    </row>
    <row r="238845" spans="8:8">
      <c r="H238845" s="12"/>
    </row>
    <row r="238846" spans="8:8">
      <c r="H238846" s="12"/>
    </row>
    <row r="238847" spans="8:8">
      <c r="H238847" s="12"/>
    </row>
    <row r="238848" spans="8:8">
      <c r="H238848" s="12"/>
    </row>
    <row r="238849" spans="8:8">
      <c r="H238849" s="12"/>
    </row>
    <row r="238850" spans="8:8">
      <c r="H238850" s="12"/>
    </row>
    <row r="238851" spans="8:8">
      <c r="H238851" s="12"/>
    </row>
    <row r="238852" spans="8:8">
      <c r="H238852" s="12"/>
    </row>
    <row r="238853" spans="8:8">
      <c r="H238853" s="12"/>
    </row>
    <row r="238854" spans="8:8">
      <c r="H238854" s="12"/>
    </row>
    <row r="238855" spans="8:8">
      <c r="H238855" s="12"/>
    </row>
    <row r="238856" spans="8:8">
      <c r="H238856" s="12"/>
    </row>
    <row r="238857" spans="8:8">
      <c r="H238857" s="12"/>
    </row>
    <row r="238858" spans="8:8">
      <c r="H238858" s="12"/>
    </row>
    <row r="238859" spans="8:8">
      <c r="H238859" s="12"/>
    </row>
    <row r="238860" spans="8:8">
      <c r="H238860" s="12"/>
    </row>
    <row r="238861" spans="8:8">
      <c r="H238861" s="12"/>
    </row>
    <row r="238862" spans="8:8">
      <c r="H238862" s="12"/>
    </row>
    <row r="238863" spans="8:8">
      <c r="H238863" s="12"/>
    </row>
    <row r="238864" spans="8:8">
      <c r="H238864" s="12"/>
    </row>
    <row r="238865" spans="8:8">
      <c r="H238865" s="12"/>
    </row>
    <row r="238866" spans="8:8">
      <c r="H238866" s="12"/>
    </row>
    <row r="238867" spans="8:8">
      <c r="H238867" s="12"/>
    </row>
    <row r="238868" spans="8:8">
      <c r="H238868" s="12"/>
    </row>
    <row r="238869" spans="8:8">
      <c r="H238869" s="12"/>
    </row>
    <row r="238870" spans="8:8">
      <c r="H238870" s="12"/>
    </row>
    <row r="238871" spans="8:8">
      <c r="H238871" s="12"/>
    </row>
    <row r="238872" spans="8:8">
      <c r="H238872" s="12"/>
    </row>
    <row r="238873" spans="8:8">
      <c r="H238873" s="12"/>
    </row>
    <row r="238874" spans="8:8">
      <c r="H238874" s="12"/>
    </row>
    <row r="238875" spans="8:8">
      <c r="H238875" s="12"/>
    </row>
    <row r="238876" spans="8:8">
      <c r="H238876" s="12"/>
    </row>
    <row r="238877" spans="8:8">
      <c r="H238877" s="12"/>
    </row>
    <row r="238878" spans="8:8">
      <c r="H238878" s="12"/>
    </row>
    <row r="238879" spans="8:8">
      <c r="H238879" s="12"/>
    </row>
    <row r="238880" spans="8:8">
      <c r="H238880" s="12"/>
    </row>
    <row r="238881" spans="8:8">
      <c r="H238881" s="12"/>
    </row>
    <row r="238882" spans="8:8">
      <c r="H238882" s="12"/>
    </row>
    <row r="238883" spans="8:8">
      <c r="H238883" s="12"/>
    </row>
    <row r="238884" spans="8:8">
      <c r="H238884" s="12"/>
    </row>
    <row r="238885" spans="8:8">
      <c r="H238885" s="12"/>
    </row>
    <row r="238886" spans="8:8">
      <c r="H238886" s="12"/>
    </row>
    <row r="238887" spans="8:8">
      <c r="H238887" s="12"/>
    </row>
    <row r="238888" spans="8:8">
      <c r="H238888" s="12"/>
    </row>
    <row r="238889" spans="8:8">
      <c r="H238889" s="12"/>
    </row>
    <row r="238890" spans="8:8">
      <c r="H238890" s="12"/>
    </row>
    <row r="238891" spans="8:8">
      <c r="H238891" s="12"/>
    </row>
    <row r="238892" spans="8:8">
      <c r="H238892" s="12"/>
    </row>
    <row r="238893" spans="8:8">
      <c r="H238893" s="12"/>
    </row>
    <row r="238894" spans="8:8">
      <c r="H238894" s="12"/>
    </row>
    <row r="238895" spans="8:8">
      <c r="H238895" s="12"/>
    </row>
    <row r="238896" spans="8:8">
      <c r="H238896" s="12"/>
    </row>
    <row r="238897" spans="8:8">
      <c r="H238897" s="12"/>
    </row>
    <row r="238898" spans="8:8">
      <c r="H238898" s="12"/>
    </row>
    <row r="238899" spans="8:8">
      <c r="H238899" s="12"/>
    </row>
    <row r="238900" spans="8:8">
      <c r="H238900" s="12"/>
    </row>
    <row r="238901" spans="8:8">
      <c r="H238901" s="12"/>
    </row>
    <row r="238902" spans="8:8">
      <c r="H238902" s="12"/>
    </row>
    <row r="238903" spans="8:8">
      <c r="H238903" s="12"/>
    </row>
    <row r="238904" spans="8:8">
      <c r="H238904" s="12"/>
    </row>
    <row r="238905" spans="8:8">
      <c r="H238905" s="12"/>
    </row>
    <row r="238906" spans="8:8">
      <c r="H238906" s="12"/>
    </row>
    <row r="238907" spans="8:8">
      <c r="H238907" s="12"/>
    </row>
    <row r="238908" spans="8:8">
      <c r="H238908" s="12"/>
    </row>
    <row r="238909" spans="8:8">
      <c r="H238909" s="12"/>
    </row>
    <row r="238910" spans="8:8">
      <c r="H238910" s="12"/>
    </row>
    <row r="238911" spans="8:8">
      <c r="H238911" s="12"/>
    </row>
    <row r="238912" spans="8:8">
      <c r="H238912" s="12"/>
    </row>
    <row r="238913" spans="8:8">
      <c r="H238913" s="12"/>
    </row>
    <row r="238914" spans="8:8">
      <c r="H238914" s="12"/>
    </row>
    <row r="238915" spans="8:8">
      <c r="H238915" s="12"/>
    </row>
    <row r="238916" spans="8:8">
      <c r="H238916" s="12"/>
    </row>
    <row r="238917" spans="8:8">
      <c r="H238917" s="12"/>
    </row>
    <row r="238918" spans="8:8">
      <c r="H238918" s="12"/>
    </row>
    <row r="238919" spans="8:8">
      <c r="H238919" s="12"/>
    </row>
    <row r="238920" spans="8:8">
      <c r="H238920" s="12"/>
    </row>
    <row r="238921" spans="8:8">
      <c r="H238921" s="12"/>
    </row>
    <row r="238922" spans="8:8">
      <c r="H238922" s="12"/>
    </row>
    <row r="238923" spans="8:8">
      <c r="H238923" s="12"/>
    </row>
    <row r="238924" spans="8:8">
      <c r="H238924" s="12"/>
    </row>
    <row r="238925" spans="8:8">
      <c r="H238925" s="12"/>
    </row>
    <row r="238926" spans="8:8">
      <c r="H238926" s="12"/>
    </row>
    <row r="238927" spans="8:8">
      <c r="H238927" s="12"/>
    </row>
    <row r="238928" spans="8:8">
      <c r="H238928" s="12"/>
    </row>
    <row r="238929" spans="8:8">
      <c r="H238929" s="12"/>
    </row>
    <row r="238930" spans="8:8">
      <c r="H238930" s="12"/>
    </row>
    <row r="238931" spans="8:8">
      <c r="H238931" s="12"/>
    </row>
    <row r="238932" spans="8:8">
      <c r="H238932" s="12"/>
    </row>
    <row r="238933" spans="8:8">
      <c r="H238933" s="12"/>
    </row>
    <row r="238934" spans="8:8">
      <c r="H238934" s="12"/>
    </row>
    <row r="238935" spans="8:8">
      <c r="H238935" s="12"/>
    </row>
    <row r="238936" spans="8:8">
      <c r="H238936" s="12"/>
    </row>
    <row r="238937" spans="8:8">
      <c r="H238937" s="12"/>
    </row>
    <row r="238938" spans="8:8">
      <c r="H238938" s="12"/>
    </row>
    <row r="238939" spans="8:8">
      <c r="H238939" s="12"/>
    </row>
    <row r="238940" spans="8:8">
      <c r="H238940" s="12"/>
    </row>
    <row r="238941" spans="8:8">
      <c r="H238941" s="12"/>
    </row>
    <row r="238942" spans="8:8">
      <c r="H238942" s="12"/>
    </row>
    <row r="238943" spans="8:8">
      <c r="H238943" s="12"/>
    </row>
    <row r="238944" spans="8:8">
      <c r="H238944" s="12"/>
    </row>
    <row r="238945" spans="8:8">
      <c r="H238945" s="12"/>
    </row>
    <row r="238946" spans="8:8">
      <c r="H238946" s="12"/>
    </row>
    <row r="238947" spans="8:8">
      <c r="H238947" s="12"/>
    </row>
    <row r="238948" spans="8:8">
      <c r="H238948" s="12"/>
    </row>
    <row r="238949" spans="8:8">
      <c r="H238949" s="12"/>
    </row>
    <row r="238950" spans="8:8">
      <c r="H238950" s="12"/>
    </row>
    <row r="238951" spans="8:8">
      <c r="H238951" s="12"/>
    </row>
    <row r="238952" spans="8:8">
      <c r="H238952" s="12"/>
    </row>
    <row r="238953" spans="8:8">
      <c r="H238953" s="12"/>
    </row>
    <row r="238954" spans="8:8">
      <c r="H238954" s="12"/>
    </row>
    <row r="238955" spans="8:8">
      <c r="H238955" s="12"/>
    </row>
    <row r="238956" spans="8:8">
      <c r="H238956" s="12"/>
    </row>
    <row r="238957" spans="8:8">
      <c r="H238957" s="12"/>
    </row>
    <row r="238958" spans="8:8">
      <c r="H238958" s="12"/>
    </row>
    <row r="238959" spans="8:8">
      <c r="H238959" s="12"/>
    </row>
    <row r="238960" spans="8:8">
      <c r="H238960" s="12"/>
    </row>
    <row r="238961" spans="8:8">
      <c r="H238961" s="12"/>
    </row>
    <row r="238962" spans="8:8">
      <c r="H238962" s="12"/>
    </row>
    <row r="238963" spans="8:8">
      <c r="H238963" s="12"/>
    </row>
    <row r="238964" spans="8:8">
      <c r="H238964" s="12"/>
    </row>
    <row r="238965" spans="8:8">
      <c r="H238965" s="12"/>
    </row>
    <row r="238966" spans="8:8">
      <c r="H238966" s="12"/>
    </row>
    <row r="238967" spans="8:8">
      <c r="H238967" s="12"/>
    </row>
    <row r="238968" spans="8:8">
      <c r="H238968" s="12"/>
    </row>
    <row r="238969" spans="8:8">
      <c r="H238969" s="12"/>
    </row>
    <row r="238970" spans="8:8">
      <c r="H238970" s="12"/>
    </row>
    <row r="238971" spans="8:8">
      <c r="H238971" s="12"/>
    </row>
    <row r="238972" spans="8:8">
      <c r="H238972" s="12"/>
    </row>
    <row r="238973" spans="8:8">
      <c r="H238973" s="12"/>
    </row>
    <row r="238974" spans="8:8">
      <c r="H238974" s="12"/>
    </row>
    <row r="238975" spans="8:8">
      <c r="H238975" s="12"/>
    </row>
    <row r="238976" spans="8:8">
      <c r="H238976" s="12"/>
    </row>
    <row r="238977" spans="8:8">
      <c r="H238977" s="12"/>
    </row>
    <row r="238978" spans="8:8">
      <c r="H238978" s="12"/>
    </row>
    <row r="238979" spans="8:8">
      <c r="H238979" s="12"/>
    </row>
    <row r="238980" spans="8:8">
      <c r="H238980" s="12"/>
    </row>
    <row r="238981" spans="8:8">
      <c r="H238981" s="12"/>
    </row>
    <row r="238982" spans="8:8">
      <c r="H238982" s="12"/>
    </row>
    <row r="238983" spans="8:8">
      <c r="H238983" s="12"/>
    </row>
    <row r="238984" spans="8:8">
      <c r="H238984" s="12"/>
    </row>
    <row r="238985" spans="8:8">
      <c r="H238985" s="12"/>
    </row>
    <row r="238986" spans="8:8">
      <c r="H238986" s="12"/>
    </row>
    <row r="238987" spans="8:8">
      <c r="H238987" s="12"/>
    </row>
    <row r="238988" spans="8:8">
      <c r="H238988" s="12"/>
    </row>
    <row r="238989" spans="8:8">
      <c r="H238989" s="12"/>
    </row>
    <row r="238990" spans="8:8">
      <c r="H238990" s="12"/>
    </row>
    <row r="238991" spans="8:8">
      <c r="H238991" s="12"/>
    </row>
    <row r="238992" spans="8:8">
      <c r="H238992" s="12"/>
    </row>
    <row r="238993" spans="8:8">
      <c r="H238993" s="12"/>
    </row>
    <row r="238994" spans="8:8">
      <c r="H238994" s="12"/>
    </row>
    <row r="238995" spans="8:8">
      <c r="H238995" s="12"/>
    </row>
    <row r="238996" spans="8:8">
      <c r="H238996" s="12"/>
    </row>
    <row r="238997" spans="8:8">
      <c r="H238997" s="12"/>
    </row>
    <row r="238998" spans="8:8">
      <c r="H238998" s="12"/>
    </row>
    <row r="238999" spans="8:8">
      <c r="H238999" s="12"/>
    </row>
    <row r="239000" spans="8:8">
      <c r="H239000" s="12"/>
    </row>
    <row r="239001" spans="8:8">
      <c r="H239001" s="12"/>
    </row>
    <row r="239002" spans="8:8">
      <c r="H239002" s="12"/>
    </row>
    <row r="239003" spans="8:8">
      <c r="H239003" s="12"/>
    </row>
    <row r="239004" spans="8:8">
      <c r="H239004" s="12"/>
    </row>
    <row r="239005" spans="8:8">
      <c r="H239005" s="12"/>
    </row>
    <row r="239006" spans="8:8">
      <c r="H239006" s="12"/>
    </row>
    <row r="239007" spans="8:8">
      <c r="H239007" s="12"/>
    </row>
    <row r="239008" spans="8:8">
      <c r="H239008" s="12"/>
    </row>
    <row r="239009" spans="8:8">
      <c r="H239009" s="12"/>
    </row>
    <row r="239010" spans="8:8">
      <c r="H239010" s="12"/>
    </row>
    <row r="239011" spans="8:8">
      <c r="H239011" s="12"/>
    </row>
    <row r="239012" spans="8:8">
      <c r="H239012" s="12"/>
    </row>
    <row r="239013" spans="8:8">
      <c r="H239013" s="12"/>
    </row>
    <row r="239014" spans="8:8">
      <c r="H239014" s="12"/>
    </row>
    <row r="239015" spans="8:8">
      <c r="H239015" s="12"/>
    </row>
    <row r="239016" spans="8:8">
      <c r="H239016" s="12"/>
    </row>
    <row r="239017" spans="8:8">
      <c r="H239017" s="12"/>
    </row>
    <row r="239018" spans="8:8">
      <c r="H239018" s="12"/>
    </row>
    <row r="239019" spans="8:8">
      <c r="H239019" s="12"/>
    </row>
    <row r="239020" spans="8:8">
      <c r="H239020" s="12"/>
    </row>
    <row r="239021" spans="8:8">
      <c r="H239021" s="12"/>
    </row>
    <row r="239022" spans="8:8">
      <c r="H239022" s="12"/>
    </row>
    <row r="239023" spans="8:8">
      <c r="H239023" s="12"/>
    </row>
    <row r="239024" spans="8:8">
      <c r="H239024" s="12"/>
    </row>
    <row r="239025" spans="8:8">
      <c r="H239025" s="12"/>
    </row>
    <row r="239026" spans="8:8">
      <c r="H239026" s="12"/>
    </row>
    <row r="239027" spans="8:8">
      <c r="H239027" s="12"/>
    </row>
    <row r="239028" spans="8:8">
      <c r="H239028" s="12"/>
    </row>
    <row r="239029" spans="8:8">
      <c r="H239029" s="12"/>
    </row>
    <row r="239030" spans="8:8">
      <c r="H239030" s="12"/>
    </row>
    <row r="239031" spans="8:8">
      <c r="H239031" s="12"/>
    </row>
    <row r="239032" spans="8:8">
      <c r="H239032" s="12"/>
    </row>
    <row r="239033" spans="8:8">
      <c r="H239033" s="12"/>
    </row>
    <row r="239034" spans="8:8">
      <c r="H239034" s="12"/>
    </row>
    <row r="239035" spans="8:8">
      <c r="H239035" s="12"/>
    </row>
    <row r="239036" spans="8:8">
      <c r="H239036" s="12"/>
    </row>
    <row r="239037" spans="8:8">
      <c r="H239037" s="12"/>
    </row>
    <row r="239038" spans="8:8">
      <c r="H239038" s="12"/>
    </row>
    <row r="239039" spans="8:8">
      <c r="H239039" s="12"/>
    </row>
    <row r="239040" spans="8:8">
      <c r="H239040" s="12"/>
    </row>
    <row r="239041" spans="8:8">
      <c r="H239041" s="12"/>
    </row>
    <row r="239042" spans="8:8">
      <c r="H239042" s="12"/>
    </row>
    <row r="239043" spans="8:8">
      <c r="H239043" s="12"/>
    </row>
    <row r="239044" spans="8:8">
      <c r="H239044" s="12"/>
    </row>
    <row r="239045" spans="8:8">
      <c r="H239045" s="12"/>
    </row>
    <row r="239046" spans="8:8">
      <c r="H239046" s="12"/>
    </row>
    <row r="239047" spans="8:8">
      <c r="H239047" s="12"/>
    </row>
    <row r="239048" spans="8:8">
      <c r="H239048" s="12"/>
    </row>
    <row r="239049" spans="8:8">
      <c r="H239049" s="12"/>
    </row>
    <row r="239050" spans="8:8">
      <c r="H239050" s="12"/>
    </row>
    <row r="239051" spans="8:8">
      <c r="H239051" s="12"/>
    </row>
    <row r="239052" spans="8:8">
      <c r="H239052" s="12"/>
    </row>
    <row r="239053" spans="8:8">
      <c r="H239053" s="12"/>
    </row>
    <row r="239054" spans="8:8">
      <c r="H239054" s="12"/>
    </row>
    <row r="239055" spans="8:8">
      <c r="H239055" s="12"/>
    </row>
    <row r="239056" spans="8:8">
      <c r="H239056" s="12"/>
    </row>
    <row r="239057" spans="8:8">
      <c r="H239057" s="12"/>
    </row>
    <row r="239058" spans="8:8">
      <c r="H239058" s="12"/>
    </row>
    <row r="239059" spans="8:8">
      <c r="H239059" s="12"/>
    </row>
    <row r="239060" spans="8:8">
      <c r="H239060" s="12"/>
    </row>
    <row r="239061" spans="8:8">
      <c r="H239061" s="12"/>
    </row>
    <row r="239062" spans="8:8">
      <c r="H239062" s="12"/>
    </row>
    <row r="239063" spans="8:8">
      <c r="H239063" s="12"/>
    </row>
    <row r="239064" spans="8:8">
      <c r="H239064" s="12"/>
    </row>
    <row r="239065" spans="8:8">
      <c r="H239065" s="12"/>
    </row>
    <row r="239066" spans="8:8">
      <c r="H239066" s="12"/>
    </row>
    <row r="239067" spans="8:8">
      <c r="H239067" s="12"/>
    </row>
    <row r="239068" spans="8:8">
      <c r="H239068" s="12"/>
    </row>
    <row r="239069" spans="8:8">
      <c r="H239069" s="12"/>
    </row>
    <row r="239070" spans="8:8">
      <c r="H239070" s="12"/>
    </row>
    <row r="239071" spans="8:8">
      <c r="H239071" s="12"/>
    </row>
    <row r="239072" spans="8:8">
      <c r="H239072" s="12"/>
    </row>
    <row r="239073" spans="8:8">
      <c r="H239073" s="12"/>
    </row>
    <row r="239074" spans="8:8">
      <c r="H239074" s="12"/>
    </row>
    <row r="239075" spans="8:8">
      <c r="H239075" s="12"/>
    </row>
    <row r="239076" spans="8:8">
      <c r="H239076" s="12"/>
    </row>
    <row r="239077" spans="8:8">
      <c r="H239077" s="12"/>
    </row>
    <row r="239078" spans="8:8">
      <c r="H239078" s="12"/>
    </row>
    <row r="239079" spans="8:8">
      <c r="H239079" s="12"/>
    </row>
    <row r="239080" spans="8:8">
      <c r="H239080" s="12"/>
    </row>
    <row r="239081" spans="8:8">
      <c r="H239081" s="12"/>
    </row>
    <row r="239082" spans="8:8">
      <c r="H239082" s="12"/>
    </row>
    <row r="239083" spans="8:8">
      <c r="H239083" s="12"/>
    </row>
    <row r="239084" spans="8:8">
      <c r="H239084" s="12"/>
    </row>
    <row r="239085" spans="8:8">
      <c r="H239085" s="12"/>
    </row>
    <row r="239086" spans="8:8">
      <c r="H239086" s="12"/>
    </row>
    <row r="239087" spans="8:8">
      <c r="H239087" s="12"/>
    </row>
    <row r="239088" spans="8:8">
      <c r="H239088" s="12"/>
    </row>
    <row r="239089" spans="8:8">
      <c r="H239089" s="12"/>
    </row>
    <row r="239090" spans="8:8">
      <c r="H239090" s="12"/>
    </row>
    <row r="239091" spans="8:8">
      <c r="H239091" s="12"/>
    </row>
    <row r="239092" spans="8:8">
      <c r="H239092" s="12"/>
    </row>
    <row r="239093" spans="8:8">
      <c r="H239093" s="12"/>
    </row>
    <row r="239094" spans="8:8">
      <c r="H239094" s="12"/>
    </row>
    <row r="239095" spans="8:8">
      <c r="H239095" s="12"/>
    </row>
    <row r="239096" spans="8:8">
      <c r="H239096" s="12"/>
    </row>
    <row r="239097" spans="8:8">
      <c r="H239097" s="12"/>
    </row>
    <row r="239098" spans="8:8">
      <c r="H239098" s="12"/>
    </row>
    <row r="239099" spans="8:8">
      <c r="H239099" s="12"/>
    </row>
    <row r="239100" spans="8:8">
      <c r="H239100" s="12"/>
    </row>
    <row r="239101" spans="8:8">
      <c r="H239101" s="12"/>
    </row>
    <row r="239102" spans="8:8">
      <c r="H239102" s="12"/>
    </row>
    <row r="239103" spans="8:8">
      <c r="H239103" s="12"/>
    </row>
    <row r="239104" spans="8:8">
      <c r="H239104" s="12"/>
    </row>
    <row r="239105" spans="8:8">
      <c r="H239105" s="12"/>
    </row>
    <row r="239106" spans="8:8">
      <c r="H239106" s="12"/>
    </row>
    <row r="239107" spans="8:8">
      <c r="H239107" s="12"/>
    </row>
    <row r="239108" spans="8:8">
      <c r="H239108" s="12"/>
    </row>
    <row r="239109" spans="8:8">
      <c r="H239109" s="12"/>
    </row>
    <row r="239110" spans="8:8">
      <c r="H239110" s="12"/>
    </row>
    <row r="239111" spans="8:8">
      <c r="H239111" s="12"/>
    </row>
    <row r="239112" spans="8:8">
      <c r="H239112" s="12"/>
    </row>
    <row r="239113" spans="8:8">
      <c r="H239113" s="12"/>
    </row>
    <row r="239114" spans="8:8">
      <c r="H239114" s="12"/>
    </row>
    <row r="239115" spans="8:8">
      <c r="H239115" s="12"/>
    </row>
    <row r="239116" spans="8:8">
      <c r="H239116" s="12"/>
    </row>
    <row r="239117" spans="8:8">
      <c r="H239117" s="12"/>
    </row>
    <row r="239118" spans="8:8">
      <c r="H239118" s="12"/>
    </row>
    <row r="239119" spans="8:8">
      <c r="H239119" s="12"/>
    </row>
    <row r="239120" spans="8:8">
      <c r="H239120" s="12"/>
    </row>
    <row r="239121" spans="8:8">
      <c r="H239121" s="12"/>
    </row>
    <row r="239122" spans="8:8">
      <c r="H239122" s="12"/>
    </row>
    <row r="239123" spans="8:8">
      <c r="H239123" s="12"/>
    </row>
    <row r="239124" spans="8:8">
      <c r="H239124" s="12"/>
    </row>
    <row r="239125" spans="8:8">
      <c r="H239125" s="12"/>
    </row>
    <row r="239126" spans="8:8">
      <c r="H239126" s="12"/>
    </row>
    <row r="239127" spans="8:8">
      <c r="H239127" s="12"/>
    </row>
    <row r="239128" spans="8:8">
      <c r="H239128" s="12"/>
    </row>
    <row r="239129" spans="8:8">
      <c r="H239129" s="12"/>
    </row>
    <row r="239130" spans="8:8">
      <c r="H239130" s="12"/>
    </row>
    <row r="239131" spans="8:8">
      <c r="H239131" s="12"/>
    </row>
    <row r="239132" spans="8:8">
      <c r="H239132" s="12"/>
    </row>
    <row r="239133" spans="8:8">
      <c r="H239133" s="12"/>
    </row>
    <row r="239134" spans="8:8">
      <c r="H239134" s="12"/>
    </row>
    <row r="239135" spans="8:8">
      <c r="H239135" s="12"/>
    </row>
    <row r="239136" spans="8:8">
      <c r="H239136" s="12"/>
    </row>
    <row r="239137" spans="8:8">
      <c r="H239137" s="12"/>
    </row>
    <row r="239138" spans="8:8">
      <c r="H239138" s="12"/>
    </row>
    <row r="239139" spans="8:8">
      <c r="H239139" s="12"/>
    </row>
    <row r="239140" spans="8:8">
      <c r="H239140" s="12"/>
    </row>
    <row r="239141" spans="8:8">
      <c r="H239141" s="12"/>
    </row>
    <row r="239142" spans="8:8">
      <c r="H239142" s="12"/>
    </row>
    <row r="239143" spans="8:8">
      <c r="H239143" s="12"/>
    </row>
    <row r="239144" spans="8:8">
      <c r="H239144" s="12"/>
    </row>
    <row r="239145" spans="8:8">
      <c r="H239145" s="12"/>
    </row>
    <row r="239146" spans="8:8">
      <c r="H239146" s="12"/>
    </row>
    <row r="239147" spans="8:8">
      <c r="H239147" s="12"/>
    </row>
    <row r="239148" spans="8:8">
      <c r="H239148" s="12"/>
    </row>
    <row r="239149" spans="8:8">
      <c r="H239149" s="12"/>
    </row>
    <row r="239150" spans="8:8">
      <c r="H239150" s="12"/>
    </row>
    <row r="239151" spans="8:8">
      <c r="H239151" s="12"/>
    </row>
    <row r="239152" spans="8:8">
      <c r="H239152" s="12"/>
    </row>
    <row r="239153" spans="8:8">
      <c r="H239153" s="12"/>
    </row>
    <row r="239154" spans="8:8">
      <c r="H239154" s="12"/>
    </row>
    <row r="239155" spans="8:8">
      <c r="H239155" s="12"/>
    </row>
    <row r="239156" spans="8:8">
      <c r="H239156" s="12"/>
    </row>
    <row r="239157" spans="8:8">
      <c r="H239157" s="12"/>
    </row>
    <row r="239158" spans="8:8">
      <c r="H239158" s="12"/>
    </row>
    <row r="239159" spans="8:8">
      <c r="H239159" s="12"/>
    </row>
    <row r="239160" spans="8:8">
      <c r="H239160" s="12"/>
    </row>
    <row r="239161" spans="8:8">
      <c r="H239161" s="12"/>
    </row>
    <row r="239162" spans="8:8">
      <c r="H239162" s="12"/>
    </row>
    <row r="239163" spans="8:8">
      <c r="H239163" s="12"/>
    </row>
    <row r="239164" spans="8:8">
      <c r="H239164" s="12"/>
    </row>
    <row r="239165" spans="8:8">
      <c r="H239165" s="12"/>
    </row>
    <row r="239166" spans="8:8">
      <c r="H239166" s="12"/>
    </row>
    <row r="239167" spans="8:8">
      <c r="H239167" s="12"/>
    </row>
    <row r="239168" spans="8:8">
      <c r="H239168" s="12"/>
    </row>
    <row r="239169" spans="8:8">
      <c r="H239169" s="12"/>
    </row>
    <row r="239170" spans="8:8">
      <c r="H239170" s="12"/>
    </row>
    <row r="239171" spans="8:8">
      <c r="H239171" s="12"/>
    </row>
    <row r="239172" spans="8:8">
      <c r="H239172" s="12"/>
    </row>
    <row r="239173" spans="8:8">
      <c r="H239173" s="12"/>
    </row>
    <row r="239174" spans="8:8">
      <c r="H239174" s="12"/>
    </row>
    <row r="239175" spans="8:8">
      <c r="H239175" s="12"/>
    </row>
    <row r="239176" spans="8:8">
      <c r="H239176" s="12"/>
    </row>
    <row r="239177" spans="8:8">
      <c r="H239177" s="12"/>
    </row>
    <row r="239178" spans="8:8">
      <c r="H239178" s="12"/>
    </row>
    <row r="239179" spans="8:8">
      <c r="H239179" s="12"/>
    </row>
    <row r="239180" spans="8:8">
      <c r="H239180" s="12"/>
    </row>
    <row r="239181" spans="8:8">
      <c r="H239181" s="12"/>
    </row>
    <row r="239182" spans="8:8">
      <c r="H239182" s="12"/>
    </row>
    <row r="239183" spans="8:8">
      <c r="H239183" s="12"/>
    </row>
    <row r="239184" spans="8:8">
      <c r="H239184" s="12"/>
    </row>
    <row r="239185" spans="8:8">
      <c r="H239185" s="12"/>
    </row>
    <row r="239186" spans="8:8">
      <c r="H239186" s="12"/>
    </row>
    <row r="239187" spans="8:8">
      <c r="H239187" s="12"/>
    </row>
    <row r="239188" spans="8:8">
      <c r="H239188" s="12"/>
    </row>
    <row r="239189" spans="8:8">
      <c r="H239189" s="12"/>
    </row>
    <row r="239190" spans="8:8">
      <c r="H239190" s="12"/>
    </row>
    <row r="239191" spans="8:8">
      <c r="H239191" s="12"/>
    </row>
    <row r="239192" spans="8:8">
      <c r="H239192" s="12"/>
    </row>
    <row r="239193" spans="8:8">
      <c r="H239193" s="12"/>
    </row>
    <row r="239194" spans="8:8">
      <c r="H239194" s="12"/>
    </row>
    <row r="239195" spans="8:8">
      <c r="H239195" s="12"/>
    </row>
    <row r="239196" spans="8:8">
      <c r="H239196" s="12"/>
    </row>
    <row r="239197" spans="8:8">
      <c r="H239197" s="12"/>
    </row>
    <row r="239198" spans="8:8">
      <c r="H239198" s="12"/>
    </row>
    <row r="239199" spans="8:8">
      <c r="H239199" s="12"/>
    </row>
    <row r="239200" spans="8:8">
      <c r="H239200" s="12"/>
    </row>
    <row r="239201" spans="8:8">
      <c r="H239201" s="12"/>
    </row>
    <row r="239202" spans="8:8">
      <c r="H239202" s="12"/>
    </row>
    <row r="239203" spans="8:8">
      <c r="H239203" s="12"/>
    </row>
    <row r="239204" spans="8:8">
      <c r="H239204" s="12"/>
    </row>
    <row r="239205" spans="8:8">
      <c r="H239205" s="12"/>
    </row>
    <row r="239206" spans="8:8">
      <c r="H239206" s="12"/>
    </row>
    <row r="239207" spans="8:8">
      <c r="H239207" s="12"/>
    </row>
    <row r="239208" spans="8:8">
      <c r="H239208" s="12"/>
    </row>
    <row r="239209" spans="8:8">
      <c r="H239209" s="12"/>
    </row>
    <row r="239210" spans="8:8">
      <c r="H239210" s="12"/>
    </row>
    <row r="239211" spans="8:8">
      <c r="H239211" s="12"/>
    </row>
    <row r="239212" spans="8:8">
      <c r="H239212" s="12"/>
    </row>
    <row r="239213" spans="8:8">
      <c r="H239213" s="12"/>
    </row>
    <row r="239214" spans="8:8">
      <c r="H239214" s="12"/>
    </row>
    <row r="239215" spans="8:8">
      <c r="H239215" s="12"/>
    </row>
    <row r="239216" spans="8:8">
      <c r="H239216" s="12"/>
    </row>
    <row r="239217" spans="8:8">
      <c r="H239217" s="12"/>
    </row>
    <row r="239218" spans="8:8">
      <c r="H239218" s="12"/>
    </row>
    <row r="239219" spans="8:8">
      <c r="H239219" s="12"/>
    </row>
    <row r="239220" spans="8:8">
      <c r="H239220" s="12"/>
    </row>
    <row r="239221" spans="8:8">
      <c r="H239221" s="12"/>
    </row>
    <row r="239222" spans="8:8">
      <c r="H239222" s="12"/>
    </row>
    <row r="239223" spans="8:8">
      <c r="H239223" s="12"/>
    </row>
    <row r="239224" spans="8:8">
      <c r="H239224" s="12"/>
    </row>
    <row r="239225" spans="8:8">
      <c r="H239225" s="12"/>
    </row>
    <row r="239226" spans="8:8">
      <c r="H239226" s="12"/>
    </row>
    <row r="239227" spans="8:8">
      <c r="H239227" s="12"/>
    </row>
    <row r="239228" spans="8:8">
      <c r="H239228" s="12"/>
    </row>
    <row r="239229" spans="8:8">
      <c r="H239229" s="12"/>
    </row>
    <row r="239230" spans="8:8">
      <c r="H239230" s="12"/>
    </row>
    <row r="239231" spans="8:8">
      <c r="H239231" s="12"/>
    </row>
    <row r="239232" spans="8:8">
      <c r="H239232" s="12"/>
    </row>
    <row r="239233" spans="8:8">
      <c r="H239233" s="12"/>
    </row>
    <row r="239234" spans="8:8">
      <c r="H239234" s="12"/>
    </row>
    <row r="239235" spans="8:8">
      <c r="H239235" s="12"/>
    </row>
    <row r="239236" spans="8:8">
      <c r="H239236" s="12"/>
    </row>
    <row r="239237" spans="8:8">
      <c r="H239237" s="12"/>
    </row>
    <row r="239238" spans="8:8">
      <c r="H239238" s="12"/>
    </row>
    <row r="239239" spans="8:8">
      <c r="H239239" s="12"/>
    </row>
    <row r="239240" spans="8:8">
      <c r="H239240" s="12"/>
    </row>
    <row r="239241" spans="8:8">
      <c r="H239241" s="12"/>
    </row>
    <row r="239242" spans="8:8">
      <c r="H239242" s="12"/>
    </row>
    <row r="239243" spans="8:8">
      <c r="H239243" s="12"/>
    </row>
    <row r="239244" spans="8:8">
      <c r="H239244" s="12"/>
    </row>
    <row r="239245" spans="8:8">
      <c r="H239245" s="12"/>
    </row>
    <row r="239246" spans="8:8">
      <c r="H239246" s="12"/>
    </row>
    <row r="239247" spans="8:8">
      <c r="H239247" s="12"/>
    </row>
    <row r="239248" spans="8:8">
      <c r="H239248" s="12"/>
    </row>
    <row r="239249" spans="8:8">
      <c r="H239249" s="12"/>
    </row>
    <row r="239250" spans="8:8">
      <c r="H239250" s="12"/>
    </row>
    <row r="239251" spans="8:8">
      <c r="H239251" s="12"/>
    </row>
    <row r="239252" spans="8:8">
      <c r="H239252" s="12"/>
    </row>
    <row r="239253" spans="8:8">
      <c r="H239253" s="12"/>
    </row>
    <row r="239254" spans="8:8">
      <c r="H239254" s="12"/>
    </row>
    <row r="239255" spans="8:8">
      <c r="H239255" s="12"/>
    </row>
    <row r="239256" spans="8:8">
      <c r="H239256" s="12"/>
    </row>
    <row r="239257" spans="8:8">
      <c r="H239257" s="12"/>
    </row>
    <row r="239258" spans="8:8">
      <c r="H239258" s="12"/>
    </row>
    <row r="239259" spans="8:8">
      <c r="H239259" s="12"/>
    </row>
    <row r="239260" spans="8:8">
      <c r="H239260" s="12"/>
    </row>
    <row r="239261" spans="8:8">
      <c r="H239261" s="12"/>
    </row>
    <row r="239262" spans="8:8">
      <c r="H239262" s="12"/>
    </row>
    <row r="239263" spans="8:8">
      <c r="H239263" s="12"/>
    </row>
    <row r="239264" spans="8:8">
      <c r="H239264" s="12"/>
    </row>
    <row r="239265" spans="8:8">
      <c r="H239265" s="12"/>
    </row>
    <row r="239266" spans="8:8">
      <c r="H239266" s="12"/>
    </row>
    <row r="239267" spans="8:8">
      <c r="H239267" s="12"/>
    </row>
    <row r="239268" spans="8:8">
      <c r="H239268" s="12"/>
    </row>
    <row r="239269" spans="8:8">
      <c r="H239269" s="12"/>
    </row>
    <row r="239270" spans="8:8">
      <c r="H239270" s="12"/>
    </row>
    <row r="239271" spans="8:8">
      <c r="H239271" s="12"/>
    </row>
    <row r="239272" spans="8:8">
      <c r="H239272" s="12"/>
    </row>
    <row r="239273" spans="8:8">
      <c r="H239273" s="12"/>
    </row>
    <row r="239274" spans="8:8">
      <c r="H239274" s="12"/>
    </row>
    <row r="239275" spans="8:8">
      <c r="H239275" s="12"/>
    </row>
    <row r="239276" spans="8:8">
      <c r="H239276" s="12"/>
    </row>
    <row r="239277" spans="8:8">
      <c r="H239277" s="12"/>
    </row>
    <row r="239278" spans="8:8">
      <c r="H239278" s="12"/>
    </row>
    <row r="239279" spans="8:8">
      <c r="H239279" s="12"/>
    </row>
    <row r="239280" spans="8:8">
      <c r="H239280" s="12"/>
    </row>
    <row r="239281" spans="8:8">
      <c r="H239281" s="12"/>
    </row>
    <row r="239282" spans="8:8">
      <c r="H239282" s="12"/>
    </row>
    <row r="239283" spans="8:8">
      <c r="H239283" s="12"/>
    </row>
    <row r="239284" spans="8:8">
      <c r="H239284" s="12"/>
    </row>
    <row r="239285" spans="8:8">
      <c r="H239285" s="12"/>
    </row>
    <row r="239286" spans="8:8">
      <c r="H239286" s="12"/>
    </row>
    <row r="239287" spans="8:8">
      <c r="H239287" s="12"/>
    </row>
    <row r="239288" spans="8:8">
      <c r="H239288" s="12"/>
    </row>
    <row r="239289" spans="8:8">
      <c r="H239289" s="12"/>
    </row>
    <row r="239290" spans="8:8">
      <c r="H239290" s="12"/>
    </row>
    <row r="239291" spans="8:8">
      <c r="H239291" s="12"/>
    </row>
    <row r="239292" spans="8:8">
      <c r="H239292" s="12"/>
    </row>
    <row r="239293" spans="8:8">
      <c r="H239293" s="12"/>
    </row>
    <row r="239294" spans="8:8">
      <c r="H239294" s="12"/>
    </row>
    <row r="239295" spans="8:8">
      <c r="H239295" s="12"/>
    </row>
    <row r="239296" spans="8:8">
      <c r="H239296" s="12"/>
    </row>
    <row r="239297" spans="8:8">
      <c r="H239297" s="12"/>
    </row>
    <row r="239298" spans="8:8">
      <c r="H239298" s="12"/>
    </row>
    <row r="239299" spans="8:8">
      <c r="H239299" s="12"/>
    </row>
    <row r="239300" spans="8:8">
      <c r="H239300" s="12"/>
    </row>
    <row r="239301" spans="8:8">
      <c r="H239301" s="12"/>
    </row>
    <row r="239302" spans="8:8">
      <c r="H239302" s="12"/>
    </row>
    <row r="239303" spans="8:8">
      <c r="H239303" s="12"/>
    </row>
    <row r="239304" spans="8:8">
      <c r="H239304" s="12"/>
    </row>
    <row r="239305" spans="8:8">
      <c r="H239305" s="12"/>
    </row>
    <row r="239306" spans="8:8">
      <c r="H239306" s="12"/>
    </row>
    <row r="239307" spans="8:8">
      <c r="H239307" s="12"/>
    </row>
    <row r="239308" spans="8:8">
      <c r="H239308" s="12"/>
    </row>
    <row r="239309" spans="8:8">
      <c r="H239309" s="12"/>
    </row>
    <row r="239310" spans="8:8">
      <c r="H239310" s="12"/>
    </row>
    <row r="239311" spans="8:8">
      <c r="H239311" s="12"/>
    </row>
    <row r="239312" spans="8:8">
      <c r="H239312" s="12"/>
    </row>
    <row r="239313" spans="8:8">
      <c r="H239313" s="12"/>
    </row>
    <row r="239314" spans="8:8">
      <c r="H239314" s="12"/>
    </row>
    <row r="239315" spans="8:8">
      <c r="H239315" s="12"/>
    </row>
    <row r="239316" spans="8:8">
      <c r="H239316" s="12"/>
    </row>
    <row r="239317" spans="8:8">
      <c r="H239317" s="12"/>
    </row>
    <row r="239318" spans="8:8">
      <c r="H239318" s="12"/>
    </row>
    <row r="239319" spans="8:8">
      <c r="H239319" s="12"/>
    </row>
    <row r="239320" spans="8:8">
      <c r="H239320" s="12"/>
    </row>
    <row r="239321" spans="8:8">
      <c r="H239321" s="12"/>
    </row>
    <row r="239322" spans="8:8">
      <c r="H239322" s="12"/>
    </row>
    <row r="239323" spans="8:8">
      <c r="H239323" s="12"/>
    </row>
    <row r="239324" spans="8:8">
      <c r="H239324" s="12"/>
    </row>
    <row r="239325" spans="8:8">
      <c r="H239325" s="12"/>
    </row>
    <row r="239326" spans="8:8">
      <c r="H239326" s="12"/>
    </row>
    <row r="239327" spans="8:8">
      <c r="H239327" s="12"/>
    </row>
    <row r="239328" spans="8:8">
      <c r="H239328" s="12"/>
    </row>
    <row r="239329" spans="8:8">
      <c r="H239329" s="12"/>
    </row>
    <row r="239330" spans="8:8">
      <c r="H239330" s="12"/>
    </row>
    <row r="239331" spans="8:8">
      <c r="H239331" s="12"/>
    </row>
    <row r="239332" spans="8:8">
      <c r="H239332" s="12"/>
    </row>
    <row r="239333" spans="8:8">
      <c r="H239333" s="12"/>
    </row>
    <row r="239334" spans="8:8">
      <c r="H239334" s="12"/>
    </row>
    <row r="239335" spans="8:8">
      <c r="H239335" s="12"/>
    </row>
    <row r="239336" spans="8:8">
      <c r="H239336" s="12"/>
    </row>
    <row r="239337" spans="8:8">
      <c r="H239337" s="12"/>
    </row>
    <row r="239338" spans="8:8">
      <c r="H239338" s="12"/>
    </row>
    <row r="239339" spans="8:8">
      <c r="H239339" s="12"/>
    </row>
    <row r="239340" spans="8:8">
      <c r="H239340" s="12"/>
    </row>
    <row r="239341" spans="8:8">
      <c r="H239341" s="12"/>
    </row>
    <row r="239342" spans="8:8">
      <c r="H239342" s="12"/>
    </row>
    <row r="239343" spans="8:8">
      <c r="H239343" s="12"/>
    </row>
    <row r="239344" spans="8:8">
      <c r="H239344" s="12"/>
    </row>
    <row r="239345" spans="8:8">
      <c r="H239345" s="12"/>
    </row>
    <row r="239346" spans="8:8">
      <c r="H239346" s="12"/>
    </row>
    <row r="239347" spans="8:8">
      <c r="H239347" s="12"/>
    </row>
    <row r="239348" spans="8:8">
      <c r="H239348" s="12"/>
    </row>
    <row r="239349" spans="8:8">
      <c r="H239349" s="12"/>
    </row>
    <row r="239350" spans="8:8">
      <c r="H239350" s="12"/>
    </row>
    <row r="239351" spans="8:8">
      <c r="H239351" s="12"/>
    </row>
    <row r="239352" spans="8:8">
      <c r="H239352" s="12"/>
    </row>
    <row r="239353" spans="8:8">
      <c r="H239353" s="12"/>
    </row>
    <row r="239354" spans="8:8">
      <c r="H239354" s="12"/>
    </row>
    <row r="239355" spans="8:8">
      <c r="H239355" s="12"/>
    </row>
    <row r="239356" spans="8:8">
      <c r="H239356" s="12"/>
    </row>
    <row r="239357" spans="8:8">
      <c r="H239357" s="12"/>
    </row>
    <row r="239358" spans="8:8">
      <c r="H239358" s="12"/>
    </row>
    <row r="239359" spans="8:8">
      <c r="H239359" s="12"/>
    </row>
    <row r="239360" spans="8:8">
      <c r="H239360" s="12"/>
    </row>
    <row r="239361" spans="8:8">
      <c r="H239361" s="12"/>
    </row>
    <row r="239362" spans="8:8">
      <c r="H239362" s="12"/>
    </row>
    <row r="239363" spans="8:8">
      <c r="H239363" s="12"/>
    </row>
    <row r="239364" spans="8:8">
      <c r="H239364" s="12"/>
    </row>
    <row r="239365" spans="8:8">
      <c r="H239365" s="12"/>
    </row>
    <row r="239366" spans="8:8">
      <c r="H239366" s="12"/>
    </row>
    <row r="239367" spans="8:8">
      <c r="H239367" s="12"/>
    </row>
    <row r="239368" spans="8:8">
      <c r="H239368" s="12"/>
    </row>
    <row r="239369" spans="8:8">
      <c r="H239369" s="12"/>
    </row>
    <row r="239370" spans="8:8">
      <c r="H239370" s="12"/>
    </row>
    <row r="239371" spans="8:8">
      <c r="H239371" s="12"/>
    </row>
    <row r="239372" spans="8:8">
      <c r="H239372" s="12"/>
    </row>
    <row r="239373" spans="8:8">
      <c r="H239373" s="12"/>
    </row>
    <row r="239374" spans="8:8">
      <c r="H239374" s="12"/>
    </row>
    <row r="239375" spans="8:8">
      <c r="H239375" s="12"/>
    </row>
    <row r="239376" spans="8:8">
      <c r="H239376" s="12"/>
    </row>
    <row r="239377" spans="8:8">
      <c r="H239377" s="12"/>
    </row>
    <row r="239378" spans="8:8">
      <c r="H239378" s="12"/>
    </row>
    <row r="239379" spans="8:8">
      <c r="H239379" s="12"/>
    </row>
    <row r="239380" spans="8:8">
      <c r="H239380" s="12"/>
    </row>
    <row r="239381" spans="8:8">
      <c r="H239381" s="12"/>
    </row>
    <row r="239382" spans="8:8">
      <c r="H239382" s="12"/>
    </row>
    <row r="239383" spans="8:8">
      <c r="H239383" s="12"/>
    </row>
    <row r="239384" spans="8:8">
      <c r="H239384" s="12"/>
    </row>
    <row r="239385" spans="8:8">
      <c r="H239385" s="12"/>
    </row>
    <row r="239386" spans="8:8">
      <c r="H239386" s="12"/>
    </row>
    <row r="239387" spans="8:8">
      <c r="H239387" s="12"/>
    </row>
    <row r="239388" spans="8:8">
      <c r="H239388" s="12"/>
    </row>
    <row r="239389" spans="8:8">
      <c r="H239389" s="12"/>
    </row>
    <row r="239390" spans="8:8">
      <c r="H239390" s="12"/>
    </row>
    <row r="239391" spans="8:8">
      <c r="H239391" s="12"/>
    </row>
    <row r="239392" spans="8:8">
      <c r="H239392" s="12"/>
    </row>
    <row r="239393" spans="8:8">
      <c r="H239393" s="12"/>
    </row>
    <row r="239394" spans="8:8">
      <c r="H239394" s="12"/>
    </row>
    <row r="239395" spans="8:8">
      <c r="H239395" s="12"/>
    </row>
    <row r="239396" spans="8:8">
      <c r="H239396" s="12"/>
    </row>
    <row r="239397" spans="8:8">
      <c r="H239397" s="12"/>
    </row>
    <row r="239398" spans="8:8">
      <c r="H239398" s="12"/>
    </row>
    <row r="239399" spans="8:8">
      <c r="H239399" s="12"/>
    </row>
    <row r="239400" spans="8:8">
      <c r="H239400" s="12"/>
    </row>
    <row r="239401" spans="8:8">
      <c r="H239401" s="12"/>
    </row>
    <row r="239402" spans="8:8">
      <c r="H239402" s="12"/>
    </row>
    <row r="239403" spans="8:8">
      <c r="H239403" s="12"/>
    </row>
    <row r="239404" spans="8:8">
      <c r="H239404" s="12"/>
    </row>
    <row r="239405" spans="8:8">
      <c r="H239405" s="12"/>
    </row>
    <row r="239406" spans="8:8">
      <c r="H239406" s="12"/>
    </row>
    <row r="239407" spans="8:8">
      <c r="H239407" s="12"/>
    </row>
    <row r="239408" spans="8:8">
      <c r="H239408" s="12"/>
    </row>
    <row r="239409" spans="8:8">
      <c r="H239409" s="12"/>
    </row>
    <row r="239410" spans="8:8">
      <c r="H239410" s="12"/>
    </row>
    <row r="239411" spans="8:8">
      <c r="H239411" s="12"/>
    </row>
    <row r="239412" spans="8:8">
      <c r="H239412" s="12"/>
    </row>
    <row r="239413" spans="8:8">
      <c r="H239413" s="12"/>
    </row>
    <row r="239414" spans="8:8">
      <c r="H239414" s="12"/>
    </row>
    <row r="239415" spans="8:8">
      <c r="H239415" s="12"/>
    </row>
    <row r="239416" spans="8:8">
      <c r="H239416" s="12"/>
    </row>
    <row r="239417" spans="8:8">
      <c r="H239417" s="12"/>
    </row>
    <row r="239418" spans="8:8">
      <c r="H239418" s="12"/>
    </row>
    <row r="239419" spans="8:8">
      <c r="H239419" s="12"/>
    </row>
    <row r="239420" spans="8:8">
      <c r="H239420" s="12"/>
    </row>
    <row r="239421" spans="8:8">
      <c r="H239421" s="12"/>
    </row>
    <row r="239422" spans="8:8">
      <c r="H239422" s="12"/>
    </row>
    <row r="239423" spans="8:8">
      <c r="H239423" s="12"/>
    </row>
    <row r="239424" spans="8:8">
      <c r="H239424" s="12"/>
    </row>
    <row r="239425" spans="8:8">
      <c r="H239425" s="12"/>
    </row>
    <row r="239426" spans="8:8">
      <c r="H239426" s="12"/>
    </row>
    <row r="239427" spans="8:8">
      <c r="H239427" s="12"/>
    </row>
    <row r="239428" spans="8:8">
      <c r="H239428" s="12"/>
    </row>
    <row r="239429" spans="8:8">
      <c r="H239429" s="12"/>
    </row>
    <row r="239430" spans="8:8">
      <c r="H239430" s="12"/>
    </row>
    <row r="239431" spans="8:8">
      <c r="H239431" s="12"/>
    </row>
    <row r="239432" spans="8:8">
      <c r="H239432" s="12"/>
    </row>
    <row r="239433" spans="8:8">
      <c r="H239433" s="12"/>
    </row>
    <row r="239434" spans="8:8">
      <c r="H239434" s="12"/>
    </row>
    <row r="239435" spans="8:8">
      <c r="H239435" s="12"/>
    </row>
    <row r="239436" spans="8:8">
      <c r="H239436" s="12"/>
    </row>
    <row r="239437" spans="8:8">
      <c r="H239437" s="12"/>
    </row>
    <row r="239438" spans="8:8">
      <c r="H239438" s="12"/>
    </row>
    <row r="239439" spans="8:8">
      <c r="H239439" s="12"/>
    </row>
    <row r="239440" spans="8:8">
      <c r="H239440" s="12"/>
    </row>
    <row r="239441" spans="8:8">
      <c r="H239441" s="12"/>
    </row>
    <row r="239442" spans="8:8">
      <c r="H239442" s="12"/>
    </row>
    <row r="239443" spans="8:8">
      <c r="H239443" s="12"/>
    </row>
    <row r="239444" spans="8:8">
      <c r="H239444" s="12"/>
    </row>
    <row r="239445" spans="8:8">
      <c r="H239445" s="12"/>
    </row>
    <row r="239446" spans="8:8">
      <c r="H239446" s="12"/>
    </row>
    <row r="239447" spans="8:8">
      <c r="H239447" s="12"/>
    </row>
    <row r="239448" spans="8:8">
      <c r="H239448" s="12"/>
    </row>
    <row r="239449" spans="8:8">
      <c r="H239449" s="12"/>
    </row>
    <row r="239450" spans="8:8">
      <c r="H239450" s="12"/>
    </row>
    <row r="239451" spans="8:8">
      <c r="H239451" s="12"/>
    </row>
    <row r="239452" spans="8:8">
      <c r="H239452" s="12"/>
    </row>
    <row r="239453" spans="8:8">
      <c r="H239453" s="12"/>
    </row>
    <row r="239454" spans="8:8">
      <c r="H239454" s="12"/>
    </row>
    <row r="239455" spans="8:8">
      <c r="H239455" s="12"/>
    </row>
    <row r="239456" spans="8:8">
      <c r="H239456" s="12"/>
    </row>
    <row r="239457" spans="8:8">
      <c r="H239457" s="12"/>
    </row>
    <row r="239458" spans="8:8">
      <c r="H239458" s="12"/>
    </row>
    <row r="239459" spans="8:8">
      <c r="H239459" s="12"/>
    </row>
    <row r="239460" spans="8:8">
      <c r="H239460" s="12"/>
    </row>
    <row r="239461" spans="8:8">
      <c r="H239461" s="12"/>
    </row>
    <row r="239462" spans="8:8">
      <c r="H239462" s="12"/>
    </row>
    <row r="239463" spans="8:8">
      <c r="H239463" s="12"/>
    </row>
    <row r="239464" spans="8:8">
      <c r="H239464" s="12"/>
    </row>
    <row r="239465" spans="8:8">
      <c r="H239465" s="12"/>
    </row>
    <row r="239466" spans="8:8">
      <c r="H239466" s="12"/>
    </row>
    <row r="239467" spans="8:8">
      <c r="H239467" s="12"/>
    </row>
    <row r="239468" spans="8:8">
      <c r="H239468" s="12"/>
    </row>
    <row r="239469" spans="8:8">
      <c r="H239469" s="12"/>
    </row>
    <row r="239470" spans="8:8">
      <c r="H239470" s="12"/>
    </row>
    <row r="239471" spans="8:8">
      <c r="H239471" s="12"/>
    </row>
    <row r="239472" spans="8:8">
      <c r="H239472" s="12"/>
    </row>
    <row r="239473" spans="8:8">
      <c r="H239473" s="12"/>
    </row>
    <row r="239474" spans="8:8">
      <c r="H239474" s="12"/>
    </row>
    <row r="239475" spans="8:8">
      <c r="H239475" s="12"/>
    </row>
    <row r="239476" spans="8:8">
      <c r="H239476" s="12"/>
    </row>
    <row r="239477" spans="8:8">
      <c r="H239477" s="12"/>
    </row>
    <row r="239478" spans="8:8">
      <c r="H239478" s="12"/>
    </row>
    <row r="239479" spans="8:8">
      <c r="H239479" s="12"/>
    </row>
    <row r="239480" spans="8:8">
      <c r="H239480" s="12"/>
    </row>
    <row r="239481" spans="8:8">
      <c r="H239481" s="12"/>
    </row>
    <row r="239482" spans="8:8">
      <c r="H239482" s="12"/>
    </row>
    <row r="239483" spans="8:8">
      <c r="H239483" s="12"/>
    </row>
    <row r="239484" spans="8:8">
      <c r="H239484" s="12"/>
    </row>
    <row r="239485" spans="8:8">
      <c r="H239485" s="12"/>
    </row>
    <row r="239486" spans="8:8">
      <c r="H239486" s="12"/>
    </row>
    <row r="239487" spans="8:8">
      <c r="H239487" s="12"/>
    </row>
    <row r="239488" spans="8:8">
      <c r="H239488" s="12"/>
    </row>
    <row r="239489" spans="8:8">
      <c r="H239489" s="12"/>
    </row>
    <row r="239490" spans="8:8">
      <c r="H239490" s="12"/>
    </row>
    <row r="239491" spans="8:8">
      <c r="H239491" s="12"/>
    </row>
    <row r="239492" spans="8:8">
      <c r="H239492" s="12"/>
    </row>
    <row r="239493" spans="8:8">
      <c r="H239493" s="12"/>
    </row>
    <row r="239494" spans="8:8">
      <c r="H239494" s="12"/>
    </row>
    <row r="239495" spans="8:8">
      <c r="H239495" s="12"/>
    </row>
    <row r="239496" spans="8:8">
      <c r="H239496" s="12"/>
    </row>
    <row r="239497" spans="8:8">
      <c r="H239497" s="12"/>
    </row>
    <row r="239498" spans="8:8">
      <c r="H239498" s="12"/>
    </row>
    <row r="239499" spans="8:8">
      <c r="H239499" s="12"/>
    </row>
    <row r="239500" spans="8:8">
      <c r="H239500" s="12"/>
    </row>
    <row r="239501" spans="8:8">
      <c r="H239501" s="12"/>
    </row>
    <row r="239502" spans="8:8">
      <c r="H239502" s="12"/>
    </row>
    <row r="239503" spans="8:8">
      <c r="H239503" s="12"/>
    </row>
    <row r="239504" spans="8:8">
      <c r="H239504" s="12"/>
    </row>
    <row r="239505" spans="8:8">
      <c r="H239505" s="12"/>
    </row>
    <row r="239506" spans="8:8">
      <c r="H239506" s="12"/>
    </row>
    <row r="239507" spans="8:8">
      <c r="H239507" s="12"/>
    </row>
    <row r="239508" spans="8:8">
      <c r="H239508" s="12"/>
    </row>
    <row r="239509" spans="8:8">
      <c r="H239509" s="12"/>
    </row>
    <row r="239510" spans="8:8">
      <c r="H239510" s="12"/>
    </row>
    <row r="239511" spans="8:8">
      <c r="H239511" s="12"/>
    </row>
    <row r="239512" spans="8:8">
      <c r="H239512" s="12"/>
    </row>
    <row r="239513" spans="8:8">
      <c r="H239513" s="12"/>
    </row>
    <row r="239514" spans="8:8">
      <c r="H239514" s="12"/>
    </row>
    <row r="239515" spans="8:8">
      <c r="H239515" s="12"/>
    </row>
    <row r="239516" spans="8:8">
      <c r="H239516" s="12"/>
    </row>
    <row r="239517" spans="8:8">
      <c r="H239517" s="12"/>
    </row>
    <row r="239518" spans="8:8">
      <c r="H239518" s="12"/>
    </row>
    <row r="239519" spans="8:8">
      <c r="H239519" s="12"/>
    </row>
    <row r="239520" spans="8:8">
      <c r="H239520" s="12"/>
    </row>
    <row r="239521" spans="8:8">
      <c r="H239521" s="12"/>
    </row>
    <row r="239522" spans="8:8">
      <c r="H239522" s="12"/>
    </row>
    <row r="239523" spans="8:8">
      <c r="H239523" s="12"/>
    </row>
    <row r="239524" spans="8:8">
      <c r="H239524" s="12"/>
    </row>
    <row r="239525" spans="8:8">
      <c r="H239525" s="12"/>
    </row>
    <row r="239526" spans="8:8">
      <c r="H239526" s="12"/>
    </row>
    <row r="239527" spans="8:8">
      <c r="H239527" s="12"/>
    </row>
    <row r="239528" spans="8:8">
      <c r="H239528" s="12"/>
    </row>
    <row r="239529" spans="8:8">
      <c r="H239529" s="12"/>
    </row>
    <row r="239530" spans="8:8">
      <c r="H239530" s="12"/>
    </row>
    <row r="239531" spans="8:8">
      <c r="H239531" s="12"/>
    </row>
    <row r="239532" spans="8:8">
      <c r="H239532" s="12"/>
    </row>
    <row r="239533" spans="8:8">
      <c r="H239533" s="12"/>
    </row>
    <row r="239534" spans="8:8">
      <c r="H239534" s="12"/>
    </row>
    <row r="239535" spans="8:8">
      <c r="H239535" s="12"/>
    </row>
    <row r="239536" spans="8:8">
      <c r="H239536" s="12"/>
    </row>
    <row r="239537" spans="8:8">
      <c r="H239537" s="12"/>
    </row>
    <row r="239538" spans="8:8">
      <c r="H239538" s="12"/>
    </row>
    <row r="239539" spans="8:8">
      <c r="H239539" s="12"/>
    </row>
    <row r="239540" spans="8:8">
      <c r="H239540" s="12"/>
    </row>
    <row r="239541" spans="8:8">
      <c r="H239541" s="12"/>
    </row>
    <row r="239542" spans="8:8">
      <c r="H239542" s="12"/>
    </row>
    <row r="239543" spans="8:8">
      <c r="H239543" s="12"/>
    </row>
    <row r="239544" spans="8:8">
      <c r="H239544" s="12"/>
    </row>
    <row r="239545" spans="8:8">
      <c r="H239545" s="12"/>
    </row>
    <row r="239546" spans="8:8">
      <c r="H239546" s="12"/>
    </row>
    <row r="239547" spans="8:8">
      <c r="H239547" s="12"/>
    </row>
    <row r="239548" spans="8:8">
      <c r="H239548" s="12"/>
    </row>
    <row r="239549" spans="8:8">
      <c r="H239549" s="12"/>
    </row>
    <row r="239550" spans="8:8">
      <c r="H239550" s="12"/>
    </row>
    <row r="239551" spans="8:8">
      <c r="H239551" s="12"/>
    </row>
    <row r="239552" spans="8:8">
      <c r="H239552" s="12"/>
    </row>
    <row r="239553" spans="8:8">
      <c r="H239553" s="12"/>
    </row>
    <row r="239554" spans="8:8">
      <c r="H239554" s="12"/>
    </row>
    <row r="239555" spans="8:8">
      <c r="H239555" s="12"/>
    </row>
    <row r="239556" spans="8:8">
      <c r="H239556" s="12"/>
    </row>
    <row r="239557" spans="8:8">
      <c r="H239557" s="12"/>
    </row>
    <row r="239558" spans="8:8">
      <c r="H239558" s="12"/>
    </row>
    <row r="239559" spans="8:8">
      <c r="H239559" s="12"/>
    </row>
    <row r="239560" spans="8:8">
      <c r="H239560" s="12"/>
    </row>
    <row r="239561" spans="8:8">
      <c r="H239561" s="12"/>
    </row>
    <row r="239562" spans="8:8">
      <c r="H239562" s="12"/>
    </row>
    <row r="239563" spans="8:8">
      <c r="H239563" s="12"/>
    </row>
    <row r="239564" spans="8:8">
      <c r="H239564" s="12"/>
    </row>
    <row r="239565" spans="8:8">
      <c r="H239565" s="12"/>
    </row>
    <row r="239566" spans="8:8">
      <c r="H239566" s="12"/>
    </row>
    <row r="239567" spans="8:8">
      <c r="H239567" s="12"/>
    </row>
    <row r="239568" spans="8:8">
      <c r="H239568" s="12"/>
    </row>
    <row r="239569" spans="8:8">
      <c r="H239569" s="12"/>
    </row>
    <row r="239570" spans="8:8">
      <c r="H239570" s="12"/>
    </row>
    <row r="239571" spans="8:8">
      <c r="H239571" s="12"/>
    </row>
    <row r="239572" spans="8:8">
      <c r="H239572" s="12"/>
    </row>
    <row r="239573" spans="8:8">
      <c r="H239573" s="12"/>
    </row>
    <row r="239574" spans="8:8">
      <c r="H239574" s="12"/>
    </row>
    <row r="239575" spans="8:8">
      <c r="H239575" s="12"/>
    </row>
    <row r="239576" spans="8:8">
      <c r="H239576" s="12"/>
    </row>
    <row r="239577" spans="8:8">
      <c r="H239577" s="12"/>
    </row>
    <row r="239578" spans="8:8">
      <c r="H239578" s="12"/>
    </row>
    <row r="239579" spans="8:8">
      <c r="H239579" s="12"/>
    </row>
    <row r="239580" spans="8:8">
      <c r="H239580" s="12"/>
    </row>
    <row r="239581" spans="8:8">
      <c r="H239581" s="12"/>
    </row>
    <row r="239582" spans="8:8">
      <c r="H239582" s="12"/>
    </row>
    <row r="239583" spans="8:8">
      <c r="H239583" s="12"/>
    </row>
    <row r="239584" spans="8:8">
      <c r="H239584" s="12"/>
    </row>
    <row r="239585" spans="8:8">
      <c r="H239585" s="12"/>
    </row>
    <row r="239586" spans="8:8">
      <c r="H239586" s="12"/>
    </row>
    <row r="239587" spans="8:8">
      <c r="H239587" s="12"/>
    </row>
    <row r="239588" spans="8:8">
      <c r="H239588" s="12"/>
    </row>
    <row r="239589" spans="8:8">
      <c r="H239589" s="12"/>
    </row>
    <row r="239590" spans="8:8">
      <c r="H239590" s="12"/>
    </row>
    <row r="239591" spans="8:8">
      <c r="H239591" s="12"/>
    </row>
    <row r="239592" spans="8:8">
      <c r="H239592" s="12"/>
    </row>
    <row r="239593" spans="8:8">
      <c r="H239593" s="12"/>
    </row>
    <row r="239594" spans="8:8">
      <c r="H239594" s="12"/>
    </row>
    <row r="239595" spans="8:8">
      <c r="H239595" s="12"/>
    </row>
    <row r="239596" spans="8:8">
      <c r="H239596" s="12"/>
    </row>
    <row r="239597" spans="8:8">
      <c r="H239597" s="12"/>
    </row>
    <row r="239598" spans="8:8">
      <c r="H239598" s="12"/>
    </row>
    <row r="239599" spans="8:8">
      <c r="H239599" s="12"/>
    </row>
    <row r="239600" spans="8:8">
      <c r="H239600" s="12"/>
    </row>
    <row r="239601" spans="8:8">
      <c r="H239601" s="12"/>
    </row>
    <row r="239602" spans="8:8">
      <c r="H239602" s="12"/>
    </row>
    <row r="239603" spans="8:8">
      <c r="H239603" s="12"/>
    </row>
    <row r="239604" spans="8:8">
      <c r="H239604" s="12"/>
    </row>
    <row r="239605" spans="8:8">
      <c r="H239605" s="12"/>
    </row>
    <row r="239606" spans="8:8">
      <c r="H239606" s="12"/>
    </row>
    <row r="239607" spans="8:8">
      <c r="H239607" s="12"/>
    </row>
    <row r="239608" spans="8:8">
      <c r="H239608" s="12"/>
    </row>
    <row r="239609" spans="8:8">
      <c r="H239609" s="12"/>
    </row>
    <row r="239610" spans="8:8">
      <c r="H239610" s="12"/>
    </row>
    <row r="239611" spans="8:8">
      <c r="H239611" s="12"/>
    </row>
    <row r="239612" spans="8:8">
      <c r="H239612" s="12"/>
    </row>
    <row r="239613" spans="8:8">
      <c r="H239613" s="12"/>
    </row>
    <row r="239614" spans="8:8">
      <c r="H239614" s="12"/>
    </row>
    <row r="239615" spans="8:8">
      <c r="H239615" s="12"/>
    </row>
    <row r="239616" spans="8:8">
      <c r="H239616" s="12"/>
    </row>
    <row r="239617" spans="8:8">
      <c r="H239617" s="12"/>
    </row>
    <row r="239618" spans="8:8">
      <c r="H239618" s="12"/>
    </row>
    <row r="239619" spans="8:8">
      <c r="H239619" s="12"/>
    </row>
    <row r="239620" spans="8:8">
      <c r="H239620" s="12"/>
    </row>
    <row r="239621" spans="8:8">
      <c r="H239621" s="12"/>
    </row>
    <row r="239622" spans="8:8">
      <c r="H239622" s="12"/>
    </row>
    <row r="239623" spans="8:8">
      <c r="H239623" s="12"/>
    </row>
    <row r="239624" spans="8:8">
      <c r="H239624" s="12"/>
    </row>
    <row r="239625" spans="8:8">
      <c r="H239625" s="12"/>
    </row>
    <row r="239626" spans="8:8">
      <c r="H239626" s="12"/>
    </row>
    <row r="239627" spans="8:8">
      <c r="H239627" s="12"/>
    </row>
    <row r="239628" spans="8:8">
      <c r="H239628" s="12"/>
    </row>
    <row r="239629" spans="8:8">
      <c r="H239629" s="12"/>
    </row>
    <row r="239630" spans="8:8">
      <c r="H239630" s="12"/>
    </row>
    <row r="239631" spans="8:8">
      <c r="H239631" s="12"/>
    </row>
    <row r="239632" spans="8:8">
      <c r="H239632" s="12"/>
    </row>
    <row r="239633" spans="8:8">
      <c r="H239633" s="12"/>
    </row>
    <row r="239634" spans="8:8">
      <c r="H239634" s="12"/>
    </row>
    <row r="239635" spans="8:8">
      <c r="H239635" s="12"/>
    </row>
    <row r="239636" spans="8:8">
      <c r="H239636" s="12"/>
    </row>
    <row r="239637" spans="8:8">
      <c r="H239637" s="12"/>
    </row>
    <row r="239638" spans="8:8">
      <c r="H239638" s="12"/>
    </row>
    <row r="239639" spans="8:8">
      <c r="H239639" s="12"/>
    </row>
    <row r="239640" spans="8:8">
      <c r="H239640" s="12"/>
    </row>
    <row r="239641" spans="8:8">
      <c r="H239641" s="12"/>
    </row>
    <row r="239642" spans="8:8">
      <c r="H239642" s="12"/>
    </row>
    <row r="239643" spans="8:8">
      <c r="H239643" s="12"/>
    </row>
    <row r="239644" spans="8:8">
      <c r="H239644" s="12"/>
    </row>
    <row r="239645" spans="8:8">
      <c r="H239645" s="12"/>
    </row>
    <row r="239646" spans="8:8">
      <c r="H239646" s="12"/>
    </row>
    <row r="239647" spans="8:8">
      <c r="H239647" s="12"/>
    </row>
    <row r="239648" spans="8:8">
      <c r="H239648" s="12"/>
    </row>
    <row r="239649" spans="8:8">
      <c r="H239649" s="12"/>
    </row>
    <row r="239650" spans="8:8">
      <c r="H239650" s="12"/>
    </row>
    <row r="239651" spans="8:8">
      <c r="H239651" s="12"/>
    </row>
    <row r="239652" spans="8:8">
      <c r="H239652" s="12"/>
    </row>
    <row r="239653" spans="8:8">
      <c r="H239653" s="12"/>
    </row>
    <row r="239654" spans="8:8">
      <c r="H239654" s="12"/>
    </row>
    <row r="239655" spans="8:8">
      <c r="H239655" s="12"/>
    </row>
    <row r="239656" spans="8:8">
      <c r="H239656" s="12"/>
    </row>
    <row r="239657" spans="8:8">
      <c r="H239657" s="12"/>
    </row>
    <row r="239658" spans="8:8">
      <c r="H239658" s="12"/>
    </row>
    <row r="239659" spans="8:8">
      <c r="H239659" s="12"/>
    </row>
    <row r="239660" spans="8:8">
      <c r="H239660" s="12"/>
    </row>
    <row r="239661" spans="8:8">
      <c r="H239661" s="12"/>
    </row>
    <row r="239662" spans="8:8">
      <c r="H239662" s="12"/>
    </row>
    <row r="239663" spans="8:8">
      <c r="H239663" s="12"/>
    </row>
    <row r="239664" spans="8:8">
      <c r="H239664" s="12"/>
    </row>
    <row r="239665" spans="8:8">
      <c r="H239665" s="12"/>
    </row>
    <row r="239666" spans="8:8">
      <c r="H239666" s="12"/>
    </row>
    <row r="239667" spans="8:8">
      <c r="H239667" s="12"/>
    </row>
    <row r="239668" spans="8:8">
      <c r="H239668" s="12"/>
    </row>
    <row r="239669" spans="8:8">
      <c r="H239669" s="12"/>
    </row>
    <row r="239670" spans="8:8">
      <c r="H239670" s="12"/>
    </row>
    <row r="239671" spans="8:8">
      <c r="H239671" s="12"/>
    </row>
    <row r="239672" spans="8:8">
      <c r="H239672" s="12"/>
    </row>
    <row r="239673" spans="8:8">
      <c r="H239673" s="12"/>
    </row>
    <row r="239674" spans="8:8">
      <c r="H239674" s="12"/>
    </row>
    <row r="239675" spans="8:8">
      <c r="H239675" s="12"/>
    </row>
    <row r="239676" spans="8:8">
      <c r="H239676" s="12"/>
    </row>
    <row r="239677" spans="8:8">
      <c r="H239677" s="12"/>
    </row>
    <row r="239678" spans="8:8">
      <c r="H239678" s="12"/>
    </row>
    <row r="239679" spans="8:8">
      <c r="H239679" s="12"/>
    </row>
    <row r="239680" spans="8:8">
      <c r="H239680" s="12"/>
    </row>
    <row r="239681" spans="8:8">
      <c r="H239681" s="12"/>
    </row>
    <row r="239682" spans="8:8">
      <c r="H239682" s="12"/>
    </row>
    <row r="239683" spans="8:8">
      <c r="H239683" s="12"/>
    </row>
    <row r="239684" spans="8:8">
      <c r="H239684" s="12"/>
    </row>
    <row r="239685" spans="8:8">
      <c r="H239685" s="12"/>
    </row>
    <row r="239686" spans="8:8">
      <c r="H239686" s="12"/>
    </row>
    <row r="239687" spans="8:8">
      <c r="H239687" s="12"/>
    </row>
    <row r="239688" spans="8:8">
      <c r="H239688" s="12"/>
    </row>
    <row r="239689" spans="8:8">
      <c r="H239689" s="12"/>
    </row>
    <row r="239690" spans="8:8">
      <c r="H239690" s="12"/>
    </row>
    <row r="239691" spans="8:8">
      <c r="H239691" s="12"/>
    </row>
    <row r="239692" spans="8:8">
      <c r="H239692" s="12"/>
    </row>
    <row r="239693" spans="8:8">
      <c r="H239693" s="12"/>
    </row>
    <row r="239694" spans="8:8">
      <c r="H239694" s="12"/>
    </row>
    <row r="239695" spans="8:8">
      <c r="H239695" s="12"/>
    </row>
    <row r="239696" spans="8:8">
      <c r="H239696" s="12"/>
    </row>
    <row r="239697" spans="8:8">
      <c r="H239697" s="12"/>
    </row>
    <row r="239698" spans="8:8">
      <c r="H239698" s="12"/>
    </row>
    <row r="239699" spans="8:8">
      <c r="H239699" s="12"/>
    </row>
    <row r="239700" spans="8:8">
      <c r="H239700" s="12"/>
    </row>
    <row r="239701" spans="8:8">
      <c r="H239701" s="12"/>
    </row>
    <row r="239702" spans="8:8">
      <c r="H239702" s="12"/>
    </row>
    <row r="239703" spans="8:8">
      <c r="H239703" s="12"/>
    </row>
    <row r="239704" spans="8:8">
      <c r="H239704" s="12"/>
    </row>
    <row r="239705" spans="8:8">
      <c r="H239705" s="12"/>
    </row>
    <row r="239706" spans="8:8">
      <c r="H239706" s="12"/>
    </row>
    <row r="239707" spans="8:8">
      <c r="H239707" s="12"/>
    </row>
    <row r="239708" spans="8:8">
      <c r="H239708" s="12"/>
    </row>
    <row r="239709" spans="8:8">
      <c r="H239709" s="12"/>
    </row>
    <row r="239710" spans="8:8">
      <c r="H239710" s="12"/>
    </row>
    <row r="239711" spans="8:8">
      <c r="H239711" s="12"/>
    </row>
    <row r="239712" spans="8:8">
      <c r="H239712" s="12"/>
    </row>
    <row r="239713" spans="8:8">
      <c r="H239713" s="12"/>
    </row>
    <row r="239714" spans="8:8">
      <c r="H239714" s="12"/>
    </row>
    <row r="239715" spans="8:8">
      <c r="H239715" s="12"/>
    </row>
    <row r="239716" spans="8:8">
      <c r="H239716" s="12"/>
    </row>
    <row r="239717" spans="8:8">
      <c r="H239717" s="12"/>
    </row>
    <row r="239718" spans="8:8">
      <c r="H239718" s="12"/>
    </row>
    <row r="239719" spans="8:8">
      <c r="H239719" s="12"/>
    </row>
    <row r="239720" spans="8:8">
      <c r="H239720" s="12"/>
    </row>
    <row r="239721" spans="8:8">
      <c r="H239721" s="12"/>
    </row>
    <row r="239722" spans="8:8">
      <c r="H239722" s="12"/>
    </row>
    <row r="239723" spans="8:8">
      <c r="H239723" s="12"/>
    </row>
    <row r="239724" spans="8:8">
      <c r="H239724" s="12"/>
    </row>
    <row r="239725" spans="8:8">
      <c r="H239725" s="12"/>
    </row>
    <row r="239726" spans="8:8">
      <c r="H239726" s="12"/>
    </row>
    <row r="239727" spans="8:8">
      <c r="H239727" s="12"/>
    </row>
    <row r="239728" spans="8:8">
      <c r="H239728" s="12"/>
    </row>
    <row r="239729" spans="8:8">
      <c r="H239729" s="12"/>
    </row>
    <row r="239730" spans="8:8">
      <c r="H239730" s="12"/>
    </row>
    <row r="239731" spans="8:8">
      <c r="H239731" s="12"/>
    </row>
    <row r="239732" spans="8:8">
      <c r="H239732" s="12"/>
    </row>
    <row r="239733" spans="8:8">
      <c r="H239733" s="12"/>
    </row>
    <row r="239734" spans="8:8">
      <c r="H239734" s="12"/>
    </row>
    <row r="239735" spans="8:8">
      <c r="H239735" s="12"/>
    </row>
    <row r="239736" spans="8:8">
      <c r="H239736" s="12"/>
    </row>
    <row r="239737" spans="8:8">
      <c r="H239737" s="12"/>
    </row>
    <row r="239738" spans="8:8">
      <c r="H239738" s="12"/>
    </row>
    <row r="239739" spans="8:8">
      <c r="H239739" s="12"/>
    </row>
    <row r="239740" spans="8:8">
      <c r="H239740" s="12"/>
    </row>
    <row r="239741" spans="8:8">
      <c r="H239741" s="12"/>
    </row>
    <row r="239742" spans="8:8">
      <c r="H239742" s="12"/>
    </row>
    <row r="239743" spans="8:8">
      <c r="H239743" s="12"/>
    </row>
    <row r="239744" spans="8:8">
      <c r="H239744" s="12"/>
    </row>
    <row r="239745" spans="8:8">
      <c r="H239745" s="12"/>
    </row>
    <row r="239746" spans="8:8">
      <c r="H239746" s="12"/>
    </row>
    <row r="239747" spans="8:8">
      <c r="H239747" s="12"/>
    </row>
    <row r="239748" spans="8:8">
      <c r="H239748" s="12"/>
    </row>
    <row r="239749" spans="8:8">
      <c r="H239749" s="12"/>
    </row>
    <row r="239750" spans="8:8">
      <c r="H239750" s="12"/>
    </row>
    <row r="239751" spans="8:8">
      <c r="H239751" s="12"/>
    </row>
    <row r="239752" spans="8:8">
      <c r="H239752" s="12"/>
    </row>
    <row r="239753" spans="8:8">
      <c r="H239753" s="12"/>
    </row>
    <row r="239754" spans="8:8">
      <c r="H239754" s="12"/>
    </row>
    <row r="239755" spans="8:8">
      <c r="H239755" s="12"/>
    </row>
    <row r="239756" spans="8:8">
      <c r="H239756" s="12"/>
    </row>
    <row r="239757" spans="8:8">
      <c r="H239757" s="12"/>
    </row>
    <row r="239758" spans="8:8">
      <c r="H239758" s="12"/>
    </row>
    <row r="239759" spans="8:8">
      <c r="H239759" s="12"/>
    </row>
    <row r="239760" spans="8:8">
      <c r="H239760" s="12"/>
    </row>
    <row r="239761" spans="8:8">
      <c r="H239761" s="12"/>
    </row>
    <row r="239762" spans="8:8">
      <c r="H239762" s="12"/>
    </row>
    <row r="239763" spans="8:8">
      <c r="H239763" s="12"/>
    </row>
    <row r="239764" spans="8:8">
      <c r="H239764" s="12"/>
    </row>
    <row r="239765" spans="8:8">
      <c r="H239765" s="12"/>
    </row>
    <row r="239766" spans="8:8">
      <c r="H239766" s="12"/>
    </row>
    <row r="239767" spans="8:8">
      <c r="H239767" s="12"/>
    </row>
    <row r="239768" spans="8:8">
      <c r="H239768" s="12"/>
    </row>
    <row r="239769" spans="8:8">
      <c r="H239769" s="12"/>
    </row>
    <row r="239770" spans="8:8">
      <c r="H239770" s="12"/>
    </row>
    <row r="239771" spans="8:8">
      <c r="H239771" s="12"/>
    </row>
    <row r="239772" spans="8:8">
      <c r="H239772" s="12"/>
    </row>
    <row r="239773" spans="8:8">
      <c r="H239773" s="12"/>
    </row>
    <row r="239774" spans="8:8">
      <c r="H239774" s="12"/>
    </row>
    <row r="239775" spans="8:8">
      <c r="H239775" s="12"/>
    </row>
    <row r="239776" spans="8:8">
      <c r="H239776" s="12"/>
    </row>
    <row r="239777" spans="8:8">
      <c r="H239777" s="12"/>
    </row>
    <row r="239778" spans="8:8">
      <c r="H239778" s="12"/>
    </row>
    <row r="239779" spans="8:8">
      <c r="H239779" s="12"/>
    </row>
    <row r="239780" spans="8:8">
      <c r="H239780" s="12"/>
    </row>
    <row r="239781" spans="8:8">
      <c r="H239781" s="12"/>
    </row>
    <row r="239782" spans="8:8">
      <c r="H239782" s="12"/>
    </row>
    <row r="239783" spans="8:8">
      <c r="H239783" s="12"/>
    </row>
    <row r="239784" spans="8:8">
      <c r="H239784" s="12"/>
    </row>
    <row r="239785" spans="8:8">
      <c r="H239785" s="12"/>
    </row>
    <row r="239786" spans="8:8">
      <c r="H239786" s="12"/>
    </row>
    <row r="239787" spans="8:8">
      <c r="H239787" s="12"/>
    </row>
    <row r="239788" spans="8:8">
      <c r="H239788" s="12"/>
    </row>
    <row r="239789" spans="8:8">
      <c r="H239789" s="12"/>
    </row>
    <row r="239790" spans="8:8">
      <c r="H239790" s="12"/>
    </row>
    <row r="239791" spans="8:8">
      <c r="H239791" s="12"/>
    </row>
    <row r="239792" spans="8:8">
      <c r="H239792" s="12"/>
    </row>
    <row r="239793" spans="8:8">
      <c r="H239793" s="12"/>
    </row>
    <row r="239794" spans="8:8">
      <c r="H239794" s="12"/>
    </row>
    <row r="239795" spans="8:8">
      <c r="H239795" s="12"/>
    </row>
    <row r="239796" spans="8:8">
      <c r="H239796" s="12"/>
    </row>
    <row r="239797" spans="8:8">
      <c r="H239797" s="12"/>
    </row>
    <row r="239798" spans="8:8">
      <c r="H239798" s="12"/>
    </row>
    <row r="239799" spans="8:8">
      <c r="H239799" s="12"/>
    </row>
    <row r="239800" spans="8:8">
      <c r="H239800" s="12"/>
    </row>
    <row r="239801" spans="8:8">
      <c r="H239801" s="12"/>
    </row>
    <row r="239802" spans="8:8">
      <c r="H239802" s="12"/>
    </row>
    <row r="239803" spans="8:8">
      <c r="H239803" s="12"/>
    </row>
    <row r="239804" spans="8:8">
      <c r="H239804" s="12"/>
    </row>
    <row r="239805" spans="8:8">
      <c r="H239805" s="12"/>
    </row>
    <row r="239806" spans="8:8">
      <c r="H239806" s="12"/>
    </row>
    <row r="239807" spans="8:8">
      <c r="H239807" s="12"/>
    </row>
    <row r="239808" spans="8:8">
      <c r="H239808" s="12"/>
    </row>
    <row r="239809" spans="8:8">
      <c r="H239809" s="12"/>
    </row>
    <row r="239810" spans="8:8">
      <c r="H239810" s="12"/>
    </row>
    <row r="239811" spans="8:8">
      <c r="H239811" s="12"/>
    </row>
    <row r="239812" spans="8:8">
      <c r="H239812" s="12"/>
    </row>
    <row r="239813" spans="8:8">
      <c r="H239813" s="12"/>
    </row>
    <row r="239814" spans="8:8">
      <c r="H239814" s="12"/>
    </row>
    <row r="239815" spans="8:8">
      <c r="H239815" s="12"/>
    </row>
    <row r="239816" spans="8:8">
      <c r="H239816" s="12"/>
    </row>
    <row r="239817" spans="8:8">
      <c r="H239817" s="12"/>
    </row>
    <row r="239818" spans="8:8">
      <c r="H239818" s="12"/>
    </row>
    <row r="239819" spans="8:8">
      <c r="H239819" s="12"/>
    </row>
    <row r="239820" spans="8:8">
      <c r="H239820" s="12"/>
    </row>
    <row r="239821" spans="8:8">
      <c r="H239821" s="12"/>
    </row>
    <row r="239822" spans="8:8">
      <c r="H239822" s="12"/>
    </row>
    <row r="239823" spans="8:8">
      <c r="H239823" s="12"/>
    </row>
    <row r="239824" spans="8:8">
      <c r="H239824" s="12"/>
    </row>
    <row r="239825" spans="8:8">
      <c r="H239825" s="12"/>
    </row>
    <row r="239826" spans="8:8">
      <c r="H239826" s="12"/>
    </row>
    <row r="239827" spans="8:8">
      <c r="H239827" s="12"/>
    </row>
    <row r="239828" spans="8:8">
      <c r="H239828" s="12"/>
    </row>
    <row r="239829" spans="8:8">
      <c r="H239829" s="12"/>
    </row>
    <row r="239830" spans="8:8">
      <c r="H239830" s="12"/>
    </row>
    <row r="239831" spans="8:8">
      <c r="H239831" s="12"/>
    </row>
    <row r="239832" spans="8:8">
      <c r="H239832" s="12"/>
    </row>
    <row r="239833" spans="8:8">
      <c r="H239833" s="12"/>
    </row>
    <row r="239834" spans="8:8">
      <c r="H239834" s="12"/>
    </row>
    <row r="239835" spans="8:8">
      <c r="H239835" s="12"/>
    </row>
    <row r="239836" spans="8:8">
      <c r="H239836" s="12"/>
    </row>
    <row r="239837" spans="8:8">
      <c r="H239837" s="12"/>
    </row>
    <row r="239838" spans="8:8">
      <c r="H239838" s="12"/>
    </row>
    <row r="239839" spans="8:8">
      <c r="H239839" s="12"/>
    </row>
    <row r="239840" spans="8:8">
      <c r="H239840" s="12"/>
    </row>
    <row r="239841" spans="8:8">
      <c r="H239841" s="12"/>
    </row>
    <row r="239842" spans="8:8">
      <c r="H239842" s="12"/>
    </row>
    <row r="239843" spans="8:8">
      <c r="H239843" s="12"/>
    </row>
    <row r="239844" spans="8:8">
      <c r="H239844" s="12"/>
    </row>
    <row r="239845" spans="8:8">
      <c r="H239845" s="12"/>
    </row>
    <row r="239846" spans="8:8">
      <c r="H239846" s="12"/>
    </row>
    <row r="239847" spans="8:8">
      <c r="H239847" s="12"/>
    </row>
    <row r="239848" spans="8:8">
      <c r="H239848" s="12"/>
    </row>
    <row r="239849" spans="8:8">
      <c r="H239849" s="12"/>
    </row>
    <row r="239850" spans="8:8">
      <c r="H239850" s="12"/>
    </row>
    <row r="239851" spans="8:8">
      <c r="H239851" s="12"/>
    </row>
    <row r="239852" spans="8:8">
      <c r="H239852" s="12"/>
    </row>
    <row r="239853" spans="8:8">
      <c r="H239853" s="12"/>
    </row>
    <row r="239854" spans="8:8">
      <c r="H239854" s="12"/>
    </row>
    <row r="239855" spans="8:8">
      <c r="H239855" s="12"/>
    </row>
    <row r="239856" spans="8:8">
      <c r="H239856" s="12"/>
    </row>
    <row r="239857" spans="8:8">
      <c r="H239857" s="12"/>
    </row>
    <row r="239858" spans="8:8">
      <c r="H239858" s="12"/>
    </row>
    <row r="239859" spans="8:8">
      <c r="H239859" s="12"/>
    </row>
    <row r="239860" spans="8:8">
      <c r="H239860" s="12"/>
    </row>
    <row r="239861" spans="8:8">
      <c r="H239861" s="12"/>
    </row>
    <row r="239862" spans="8:8">
      <c r="H239862" s="12"/>
    </row>
    <row r="239863" spans="8:8">
      <c r="H239863" s="12"/>
    </row>
    <row r="239864" spans="8:8">
      <c r="H239864" s="12"/>
    </row>
    <row r="239865" spans="8:8">
      <c r="H239865" s="12"/>
    </row>
    <row r="239866" spans="8:8">
      <c r="H239866" s="12"/>
    </row>
    <row r="239867" spans="8:8">
      <c r="H239867" s="12"/>
    </row>
    <row r="239868" spans="8:8">
      <c r="H239868" s="12"/>
    </row>
    <row r="239869" spans="8:8">
      <c r="H239869" s="12"/>
    </row>
    <row r="239870" spans="8:8">
      <c r="H239870" s="12"/>
    </row>
    <row r="239871" spans="8:8">
      <c r="H239871" s="12"/>
    </row>
    <row r="239872" spans="8:8">
      <c r="H239872" s="12"/>
    </row>
    <row r="239873" spans="8:8">
      <c r="H239873" s="12"/>
    </row>
    <row r="239874" spans="8:8">
      <c r="H239874" s="12"/>
    </row>
    <row r="239875" spans="8:8">
      <c r="H239875" s="12"/>
    </row>
    <row r="239876" spans="8:8">
      <c r="H239876" s="12"/>
    </row>
    <row r="239877" spans="8:8">
      <c r="H239877" s="12"/>
    </row>
    <row r="239878" spans="8:8">
      <c r="H239878" s="12"/>
    </row>
    <row r="239879" spans="8:8">
      <c r="H239879" s="12"/>
    </row>
    <row r="239880" spans="8:8">
      <c r="H239880" s="12"/>
    </row>
    <row r="239881" spans="8:8">
      <c r="H239881" s="12"/>
    </row>
    <row r="239882" spans="8:8">
      <c r="H239882" s="12"/>
    </row>
    <row r="239883" spans="8:8">
      <c r="H239883" s="12"/>
    </row>
    <row r="239884" spans="8:8">
      <c r="H239884" s="12"/>
    </row>
    <row r="239885" spans="8:8">
      <c r="H239885" s="12"/>
    </row>
    <row r="239886" spans="8:8">
      <c r="H239886" s="12"/>
    </row>
    <row r="239887" spans="8:8">
      <c r="H239887" s="12"/>
    </row>
    <row r="239888" spans="8:8">
      <c r="H239888" s="12"/>
    </row>
    <row r="239889" spans="8:8">
      <c r="H239889" s="12"/>
    </row>
    <row r="239890" spans="8:8">
      <c r="H239890" s="12"/>
    </row>
    <row r="239891" spans="8:8">
      <c r="H239891" s="12"/>
    </row>
    <row r="239892" spans="8:8">
      <c r="H239892" s="12"/>
    </row>
    <row r="239893" spans="8:8">
      <c r="H239893" s="12"/>
    </row>
    <row r="239894" spans="8:8">
      <c r="H239894" s="12"/>
    </row>
    <row r="239895" spans="8:8">
      <c r="H239895" s="12"/>
    </row>
    <row r="239896" spans="8:8">
      <c r="H239896" s="12"/>
    </row>
    <row r="239897" spans="8:8">
      <c r="H239897" s="12"/>
    </row>
    <row r="239898" spans="8:8">
      <c r="H239898" s="12"/>
    </row>
    <row r="239899" spans="8:8">
      <c r="H239899" s="12"/>
    </row>
    <row r="239900" spans="8:8">
      <c r="H239900" s="12"/>
    </row>
    <row r="239901" spans="8:8">
      <c r="H239901" s="12"/>
    </row>
    <row r="239902" spans="8:8">
      <c r="H239902" s="12"/>
    </row>
    <row r="239903" spans="8:8">
      <c r="H239903" s="12"/>
    </row>
    <row r="239904" spans="8:8">
      <c r="H239904" s="12"/>
    </row>
    <row r="239905" spans="8:8">
      <c r="H239905" s="12"/>
    </row>
    <row r="239906" spans="8:8">
      <c r="H239906" s="12"/>
    </row>
    <row r="239907" spans="8:8">
      <c r="H239907" s="12"/>
    </row>
    <row r="239908" spans="8:8">
      <c r="H239908" s="12"/>
    </row>
    <row r="239909" spans="8:8">
      <c r="H239909" s="12"/>
    </row>
    <row r="239910" spans="8:8">
      <c r="H239910" s="12"/>
    </row>
    <row r="239911" spans="8:8">
      <c r="H239911" s="12"/>
    </row>
    <row r="239912" spans="8:8">
      <c r="H239912" s="12"/>
    </row>
    <row r="239913" spans="8:8">
      <c r="H239913" s="12"/>
    </row>
    <row r="239914" spans="8:8">
      <c r="H239914" s="12"/>
    </row>
    <row r="239915" spans="8:8">
      <c r="H239915" s="12"/>
    </row>
    <row r="239916" spans="8:8">
      <c r="H239916" s="12"/>
    </row>
    <row r="239917" spans="8:8">
      <c r="H239917" s="12"/>
    </row>
    <row r="239918" spans="8:8">
      <c r="H239918" s="12"/>
    </row>
    <row r="239919" spans="8:8">
      <c r="H239919" s="12"/>
    </row>
    <row r="239920" spans="8:8">
      <c r="H239920" s="12"/>
    </row>
    <row r="239921" spans="8:8">
      <c r="H239921" s="12"/>
    </row>
    <row r="239922" spans="8:8">
      <c r="H239922" s="12"/>
    </row>
    <row r="239923" spans="8:8">
      <c r="H239923" s="12"/>
    </row>
    <row r="239924" spans="8:8">
      <c r="H239924" s="12"/>
    </row>
    <row r="239925" spans="8:8">
      <c r="H239925" s="12"/>
    </row>
    <row r="239926" spans="8:8">
      <c r="H239926" s="12"/>
    </row>
    <row r="239927" spans="8:8">
      <c r="H239927" s="12"/>
    </row>
    <row r="239928" spans="8:8">
      <c r="H239928" s="12"/>
    </row>
    <row r="239929" spans="8:8">
      <c r="H239929" s="12"/>
    </row>
    <row r="239930" spans="8:8">
      <c r="H239930" s="12"/>
    </row>
    <row r="239931" spans="8:8">
      <c r="H239931" s="12"/>
    </row>
    <row r="239932" spans="8:8">
      <c r="H239932" s="12"/>
    </row>
    <row r="239933" spans="8:8">
      <c r="H239933" s="12"/>
    </row>
    <row r="239934" spans="8:8">
      <c r="H239934" s="12"/>
    </row>
    <row r="239935" spans="8:8">
      <c r="H239935" s="12"/>
    </row>
    <row r="239936" spans="8:8">
      <c r="H239936" s="12"/>
    </row>
    <row r="239937" spans="8:8">
      <c r="H239937" s="12"/>
    </row>
    <row r="239938" spans="8:8">
      <c r="H239938" s="12"/>
    </row>
    <row r="239939" spans="8:8">
      <c r="H239939" s="12"/>
    </row>
    <row r="239940" spans="8:8">
      <c r="H239940" s="12"/>
    </row>
    <row r="239941" spans="8:8">
      <c r="H239941" s="12"/>
    </row>
    <row r="239942" spans="8:8">
      <c r="H239942" s="12"/>
    </row>
    <row r="239943" spans="8:8">
      <c r="H239943" s="12"/>
    </row>
    <row r="239944" spans="8:8">
      <c r="H239944" s="12"/>
    </row>
    <row r="239945" spans="8:8">
      <c r="H239945" s="12"/>
    </row>
    <row r="239946" spans="8:8">
      <c r="H239946" s="12"/>
    </row>
    <row r="239947" spans="8:8">
      <c r="H239947" s="12"/>
    </row>
    <row r="239948" spans="8:8">
      <c r="H239948" s="12"/>
    </row>
    <row r="239949" spans="8:8">
      <c r="H239949" s="12"/>
    </row>
    <row r="239950" spans="8:8">
      <c r="H239950" s="12"/>
    </row>
    <row r="239951" spans="8:8">
      <c r="H239951" s="12"/>
    </row>
    <row r="239952" spans="8:8">
      <c r="H239952" s="12"/>
    </row>
    <row r="239953" spans="8:8">
      <c r="H239953" s="12"/>
    </row>
    <row r="239954" spans="8:8">
      <c r="H239954" s="12"/>
    </row>
    <row r="239955" spans="8:8">
      <c r="H239955" s="12"/>
    </row>
    <row r="239956" spans="8:8">
      <c r="H239956" s="12"/>
    </row>
    <row r="239957" spans="8:8">
      <c r="H239957" s="12"/>
    </row>
    <row r="239958" spans="8:8">
      <c r="H239958" s="12"/>
    </row>
    <row r="239959" spans="8:8">
      <c r="H239959" s="12"/>
    </row>
    <row r="239960" spans="8:8">
      <c r="H239960" s="12"/>
    </row>
    <row r="239961" spans="8:8">
      <c r="H239961" s="12"/>
    </row>
    <row r="239962" spans="8:8">
      <c r="H239962" s="12"/>
    </row>
    <row r="239963" spans="8:8">
      <c r="H239963" s="12"/>
    </row>
    <row r="239964" spans="8:8">
      <c r="H239964" s="12"/>
    </row>
    <row r="239965" spans="8:8">
      <c r="H239965" s="12"/>
    </row>
    <row r="239966" spans="8:8">
      <c r="H239966" s="12"/>
    </row>
    <row r="239967" spans="8:8">
      <c r="H239967" s="12"/>
    </row>
    <row r="239968" spans="8:8">
      <c r="H239968" s="12"/>
    </row>
    <row r="239969" spans="8:8">
      <c r="H239969" s="12"/>
    </row>
    <row r="239970" spans="8:8">
      <c r="H239970" s="12"/>
    </row>
    <row r="239971" spans="8:8">
      <c r="H239971" s="12"/>
    </row>
    <row r="239972" spans="8:8">
      <c r="H239972" s="12"/>
    </row>
    <row r="239973" spans="8:8">
      <c r="H239973" s="12"/>
    </row>
    <row r="239974" spans="8:8">
      <c r="H239974" s="12"/>
    </row>
    <row r="239975" spans="8:8">
      <c r="H239975" s="12"/>
    </row>
    <row r="239976" spans="8:8">
      <c r="H239976" s="12"/>
    </row>
    <row r="239977" spans="8:8">
      <c r="H239977" s="12"/>
    </row>
    <row r="239978" spans="8:8">
      <c r="H239978" s="12"/>
    </row>
    <row r="239979" spans="8:8">
      <c r="H239979" s="12"/>
    </row>
    <row r="239980" spans="8:8">
      <c r="H239980" s="12"/>
    </row>
    <row r="239981" spans="8:8">
      <c r="H239981" s="12"/>
    </row>
    <row r="239982" spans="8:8">
      <c r="H239982" s="12"/>
    </row>
    <row r="239983" spans="8:8">
      <c r="H239983" s="12"/>
    </row>
    <row r="239984" spans="8:8">
      <c r="H239984" s="12"/>
    </row>
    <row r="239985" spans="8:8">
      <c r="H239985" s="12"/>
    </row>
    <row r="239986" spans="8:8">
      <c r="H239986" s="12"/>
    </row>
    <row r="239987" spans="8:8">
      <c r="H239987" s="12"/>
    </row>
    <row r="239988" spans="8:8">
      <c r="H239988" s="12"/>
    </row>
    <row r="239989" spans="8:8">
      <c r="H239989" s="12"/>
    </row>
    <row r="239990" spans="8:8">
      <c r="H239990" s="12"/>
    </row>
    <row r="239991" spans="8:8">
      <c r="H239991" s="12"/>
    </row>
    <row r="239992" spans="8:8">
      <c r="H239992" s="12"/>
    </row>
    <row r="239993" spans="8:8">
      <c r="H239993" s="12"/>
    </row>
    <row r="239994" spans="8:8">
      <c r="H239994" s="12"/>
    </row>
    <row r="239995" spans="8:8">
      <c r="H239995" s="12"/>
    </row>
    <row r="239996" spans="8:8">
      <c r="H239996" s="12"/>
    </row>
    <row r="239997" spans="8:8">
      <c r="H239997" s="12"/>
    </row>
    <row r="239998" spans="8:8">
      <c r="H239998" s="12"/>
    </row>
    <row r="239999" spans="8:8">
      <c r="H239999" s="12"/>
    </row>
    <row r="240000" spans="8:8">
      <c r="H240000" s="12"/>
    </row>
    <row r="240001" spans="8:8">
      <c r="H240001" s="12"/>
    </row>
    <row r="240002" spans="8:8">
      <c r="H240002" s="12"/>
    </row>
    <row r="240003" spans="8:8">
      <c r="H240003" s="12"/>
    </row>
    <row r="240004" spans="8:8">
      <c r="H240004" s="12"/>
    </row>
    <row r="240005" spans="8:8">
      <c r="H240005" s="12"/>
    </row>
    <row r="240006" spans="8:8">
      <c r="H240006" s="12"/>
    </row>
    <row r="240007" spans="8:8">
      <c r="H240007" s="12"/>
    </row>
    <row r="240008" spans="8:8">
      <c r="H240008" s="12"/>
    </row>
    <row r="240009" spans="8:8">
      <c r="H240009" s="12"/>
    </row>
    <row r="240010" spans="8:8">
      <c r="H240010" s="12"/>
    </row>
    <row r="240011" spans="8:8">
      <c r="H240011" s="12"/>
    </row>
    <row r="240012" spans="8:8">
      <c r="H240012" s="12"/>
    </row>
    <row r="240013" spans="8:8">
      <c r="H240013" s="12"/>
    </row>
    <row r="240014" spans="8:8">
      <c r="H240014" s="12"/>
    </row>
    <row r="240015" spans="8:8">
      <c r="H240015" s="12"/>
    </row>
    <row r="240016" spans="8:8">
      <c r="H240016" s="12"/>
    </row>
    <row r="240017" spans="8:8">
      <c r="H240017" s="12"/>
    </row>
    <row r="240018" spans="8:8">
      <c r="H240018" s="12"/>
    </row>
    <row r="240019" spans="8:8">
      <c r="H240019" s="12"/>
    </row>
    <row r="240020" spans="8:8">
      <c r="H240020" s="12"/>
    </row>
    <row r="240021" spans="8:8">
      <c r="H240021" s="12"/>
    </row>
    <row r="240022" spans="8:8">
      <c r="H240022" s="12"/>
    </row>
    <row r="240023" spans="8:8">
      <c r="H240023" s="12"/>
    </row>
    <row r="240024" spans="8:8">
      <c r="H240024" s="12"/>
    </row>
    <row r="240025" spans="8:8">
      <c r="H240025" s="12"/>
    </row>
    <row r="240026" spans="8:8">
      <c r="H240026" s="12"/>
    </row>
    <row r="240027" spans="8:8">
      <c r="H240027" s="12"/>
    </row>
    <row r="240028" spans="8:8">
      <c r="H240028" s="12"/>
    </row>
    <row r="240029" spans="8:8">
      <c r="H240029" s="12"/>
    </row>
    <row r="240030" spans="8:8">
      <c r="H240030" s="12"/>
    </row>
    <row r="240031" spans="8:8">
      <c r="H240031" s="12"/>
    </row>
    <row r="240032" spans="8:8">
      <c r="H240032" s="12"/>
    </row>
    <row r="240033" spans="8:8">
      <c r="H240033" s="12"/>
    </row>
    <row r="240034" spans="8:8">
      <c r="H240034" s="12"/>
    </row>
    <row r="240035" spans="8:8">
      <c r="H240035" s="12"/>
    </row>
    <row r="240036" spans="8:8">
      <c r="H240036" s="12"/>
    </row>
    <row r="240037" spans="8:8">
      <c r="H240037" s="12"/>
    </row>
    <row r="240038" spans="8:8">
      <c r="H240038" s="12"/>
    </row>
    <row r="240039" spans="8:8">
      <c r="H240039" s="12"/>
    </row>
    <row r="240040" spans="8:8">
      <c r="H240040" s="12"/>
    </row>
    <row r="240041" spans="8:8">
      <c r="H240041" s="12"/>
    </row>
    <row r="240042" spans="8:8">
      <c r="H240042" s="12"/>
    </row>
    <row r="240043" spans="8:8">
      <c r="H240043" s="12"/>
    </row>
    <row r="240044" spans="8:8">
      <c r="H240044" s="12"/>
    </row>
    <row r="240045" spans="8:8">
      <c r="H240045" s="12"/>
    </row>
    <row r="240046" spans="8:8">
      <c r="H240046" s="12"/>
    </row>
    <row r="240047" spans="8:8">
      <c r="H240047" s="12"/>
    </row>
    <row r="240048" spans="8:8">
      <c r="H240048" s="12"/>
    </row>
    <row r="240049" spans="8:8">
      <c r="H240049" s="12"/>
    </row>
    <row r="240050" spans="8:8">
      <c r="H240050" s="12"/>
    </row>
    <row r="240051" spans="8:8">
      <c r="H240051" s="12"/>
    </row>
    <row r="240052" spans="8:8">
      <c r="H240052" s="12"/>
    </row>
    <row r="240053" spans="8:8">
      <c r="H240053" s="12"/>
    </row>
    <row r="240054" spans="8:8">
      <c r="H240054" s="12"/>
    </row>
    <row r="240055" spans="8:8">
      <c r="H240055" s="12"/>
    </row>
    <row r="240056" spans="8:8">
      <c r="H240056" s="12"/>
    </row>
    <row r="240057" spans="8:8">
      <c r="H240057" s="12"/>
    </row>
    <row r="240058" spans="8:8">
      <c r="H240058" s="12"/>
    </row>
    <row r="240059" spans="8:8">
      <c r="H240059" s="12"/>
    </row>
    <row r="240060" spans="8:8">
      <c r="H240060" s="12"/>
    </row>
    <row r="240061" spans="8:8">
      <c r="H240061" s="12"/>
    </row>
    <row r="240062" spans="8:8">
      <c r="H240062" s="12"/>
    </row>
    <row r="240063" spans="8:8">
      <c r="H240063" s="12"/>
    </row>
    <row r="240064" spans="8:8">
      <c r="H240064" s="12"/>
    </row>
    <row r="240065" spans="8:8">
      <c r="H240065" s="12"/>
    </row>
    <row r="240066" spans="8:8">
      <c r="H240066" s="12"/>
    </row>
    <row r="240067" spans="8:8">
      <c r="H240067" s="12"/>
    </row>
    <row r="240068" spans="8:8">
      <c r="H240068" s="12"/>
    </row>
    <row r="240069" spans="8:8">
      <c r="H240069" s="12"/>
    </row>
    <row r="240070" spans="8:8">
      <c r="H240070" s="12"/>
    </row>
    <row r="240071" spans="8:8">
      <c r="H240071" s="12"/>
    </row>
    <row r="240072" spans="8:8">
      <c r="H240072" s="12"/>
    </row>
    <row r="240073" spans="8:8">
      <c r="H240073" s="12"/>
    </row>
    <row r="240074" spans="8:8">
      <c r="H240074" s="12"/>
    </row>
    <row r="240075" spans="8:8">
      <c r="H240075" s="12"/>
    </row>
    <row r="240076" spans="8:8">
      <c r="H240076" s="12"/>
    </row>
    <row r="240077" spans="8:8">
      <c r="H240077" s="12"/>
    </row>
    <row r="240078" spans="8:8">
      <c r="H240078" s="12"/>
    </row>
    <row r="240079" spans="8:8">
      <c r="H240079" s="12"/>
    </row>
    <row r="240080" spans="8:8">
      <c r="H240080" s="12"/>
    </row>
    <row r="240081" spans="8:8">
      <c r="H240081" s="12"/>
    </row>
    <row r="240082" spans="8:8">
      <c r="H240082" s="12"/>
    </row>
    <row r="240083" spans="8:8">
      <c r="H240083" s="12"/>
    </row>
    <row r="240084" spans="8:8">
      <c r="H240084" s="12"/>
    </row>
    <row r="240085" spans="8:8">
      <c r="H240085" s="12"/>
    </row>
    <row r="240086" spans="8:8">
      <c r="H240086" s="12"/>
    </row>
    <row r="240087" spans="8:8">
      <c r="H240087" s="12"/>
    </row>
    <row r="240088" spans="8:8">
      <c r="H240088" s="12"/>
    </row>
    <row r="240089" spans="8:8">
      <c r="H240089" s="12"/>
    </row>
    <row r="240090" spans="8:8">
      <c r="H240090" s="12"/>
    </row>
    <row r="240091" spans="8:8">
      <c r="H240091" s="12"/>
    </row>
    <row r="240092" spans="8:8">
      <c r="H240092" s="12"/>
    </row>
    <row r="240093" spans="8:8">
      <c r="H240093" s="12"/>
    </row>
    <row r="240094" spans="8:8">
      <c r="H240094" s="12"/>
    </row>
    <row r="240095" spans="8:8">
      <c r="H240095" s="12"/>
    </row>
    <row r="240096" spans="8:8">
      <c r="H240096" s="12"/>
    </row>
    <row r="240097" spans="8:8">
      <c r="H240097" s="12"/>
    </row>
    <row r="240098" spans="8:8">
      <c r="H240098" s="12"/>
    </row>
    <row r="240099" spans="8:8">
      <c r="H240099" s="12"/>
    </row>
    <row r="240100" spans="8:8">
      <c r="H240100" s="12"/>
    </row>
    <row r="240101" spans="8:8">
      <c r="H240101" s="12"/>
    </row>
    <row r="240102" spans="8:8">
      <c r="H240102" s="12"/>
    </row>
    <row r="240103" spans="8:8">
      <c r="H240103" s="12"/>
    </row>
    <row r="240104" spans="8:8">
      <c r="H240104" s="12"/>
    </row>
    <row r="240105" spans="8:8">
      <c r="H240105" s="12"/>
    </row>
    <row r="240106" spans="8:8">
      <c r="H240106" s="12"/>
    </row>
    <row r="240107" spans="8:8">
      <c r="H240107" s="12"/>
    </row>
    <row r="240108" spans="8:8">
      <c r="H240108" s="12"/>
    </row>
    <row r="240109" spans="8:8">
      <c r="H240109" s="12"/>
    </row>
    <row r="240110" spans="8:8">
      <c r="H240110" s="12"/>
    </row>
    <row r="240111" spans="8:8">
      <c r="H240111" s="12"/>
    </row>
    <row r="240112" spans="8:8">
      <c r="H240112" s="12"/>
    </row>
    <row r="240113" spans="8:8">
      <c r="H240113" s="12"/>
    </row>
    <row r="240114" spans="8:8">
      <c r="H240114" s="12"/>
    </row>
    <row r="240115" spans="8:8">
      <c r="H240115" s="12"/>
    </row>
    <row r="240116" spans="8:8">
      <c r="H240116" s="12"/>
    </row>
    <row r="240117" spans="8:8">
      <c r="H240117" s="12"/>
    </row>
    <row r="240118" spans="8:8">
      <c r="H240118" s="12"/>
    </row>
    <row r="240119" spans="8:8">
      <c r="H240119" s="12"/>
    </row>
    <row r="240120" spans="8:8">
      <c r="H240120" s="12"/>
    </row>
    <row r="240121" spans="8:8">
      <c r="H240121" s="12"/>
    </row>
    <row r="240122" spans="8:8">
      <c r="H240122" s="12"/>
    </row>
    <row r="240123" spans="8:8">
      <c r="H240123" s="12"/>
    </row>
    <row r="240124" spans="8:8">
      <c r="H240124" s="12"/>
    </row>
    <row r="240125" spans="8:8">
      <c r="H240125" s="12"/>
    </row>
    <row r="240126" spans="8:8">
      <c r="H240126" s="12"/>
    </row>
    <row r="240127" spans="8:8">
      <c r="H240127" s="12"/>
    </row>
    <row r="240128" spans="8:8">
      <c r="H240128" s="12"/>
    </row>
    <row r="240129" spans="8:8">
      <c r="H240129" s="12"/>
    </row>
    <row r="240130" spans="8:8">
      <c r="H240130" s="12"/>
    </row>
    <row r="240131" spans="8:8">
      <c r="H240131" s="12"/>
    </row>
    <row r="240132" spans="8:8">
      <c r="H240132" s="12"/>
    </row>
    <row r="240133" spans="8:8">
      <c r="H240133" s="12"/>
    </row>
    <row r="240134" spans="8:8">
      <c r="H240134" s="12"/>
    </row>
    <row r="240135" spans="8:8">
      <c r="H240135" s="12"/>
    </row>
    <row r="240136" spans="8:8">
      <c r="H240136" s="12"/>
    </row>
    <row r="240137" spans="8:8">
      <c r="H240137" s="12"/>
    </row>
    <row r="240138" spans="8:8">
      <c r="H240138" s="12"/>
    </row>
    <row r="240139" spans="8:8">
      <c r="H240139" s="12"/>
    </row>
    <row r="240140" spans="8:8">
      <c r="H240140" s="12"/>
    </row>
    <row r="240141" spans="8:8">
      <c r="H240141" s="12"/>
    </row>
    <row r="240142" spans="8:8">
      <c r="H240142" s="12"/>
    </row>
    <row r="240143" spans="8:8">
      <c r="H240143" s="12"/>
    </row>
    <row r="240144" spans="8:8">
      <c r="H240144" s="12"/>
    </row>
    <row r="240145" spans="8:8">
      <c r="H240145" s="12"/>
    </row>
    <row r="240146" spans="8:8">
      <c r="H240146" s="12"/>
    </row>
    <row r="240147" spans="8:8">
      <c r="H240147" s="12"/>
    </row>
    <row r="240148" spans="8:8">
      <c r="H240148" s="12"/>
    </row>
    <row r="240149" spans="8:8">
      <c r="H240149" s="12"/>
    </row>
    <row r="240150" spans="8:8">
      <c r="H240150" s="12"/>
    </row>
    <row r="240151" spans="8:8">
      <c r="H240151" s="12"/>
    </row>
    <row r="240152" spans="8:8">
      <c r="H240152" s="12"/>
    </row>
    <row r="240153" spans="8:8">
      <c r="H240153" s="12"/>
    </row>
    <row r="240154" spans="8:8">
      <c r="H240154" s="12"/>
    </row>
    <row r="240155" spans="8:8">
      <c r="H240155" s="12"/>
    </row>
    <row r="240156" spans="8:8">
      <c r="H240156" s="12"/>
    </row>
    <row r="240157" spans="8:8">
      <c r="H240157" s="12"/>
    </row>
    <row r="240158" spans="8:8">
      <c r="H240158" s="12"/>
    </row>
    <row r="240159" spans="8:8">
      <c r="H240159" s="12"/>
    </row>
    <row r="240160" spans="8:8">
      <c r="H240160" s="12"/>
    </row>
    <row r="240161" spans="8:8">
      <c r="H240161" s="12"/>
    </row>
    <row r="240162" spans="8:8">
      <c r="H240162" s="12"/>
    </row>
    <row r="240163" spans="8:8">
      <c r="H240163" s="12"/>
    </row>
    <row r="240164" spans="8:8">
      <c r="H240164" s="12"/>
    </row>
    <row r="240165" spans="8:8">
      <c r="H240165" s="12"/>
    </row>
    <row r="240166" spans="8:8">
      <c r="H240166" s="12"/>
    </row>
    <row r="240167" spans="8:8">
      <c r="H240167" s="12"/>
    </row>
    <row r="240168" spans="8:8">
      <c r="H240168" s="12"/>
    </row>
    <row r="240169" spans="8:8">
      <c r="H240169" s="12"/>
    </row>
    <row r="240170" spans="8:8">
      <c r="H240170" s="12"/>
    </row>
    <row r="240171" spans="8:8">
      <c r="H240171" s="12"/>
    </row>
    <row r="240172" spans="8:8">
      <c r="H240172" s="12"/>
    </row>
    <row r="240173" spans="8:8">
      <c r="H240173" s="12"/>
    </row>
    <row r="240174" spans="8:8">
      <c r="H240174" s="12"/>
    </row>
    <row r="240175" spans="8:8">
      <c r="H240175" s="12"/>
    </row>
    <row r="240176" spans="8:8">
      <c r="H240176" s="12"/>
    </row>
    <row r="240177" spans="8:8">
      <c r="H240177" s="12"/>
    </row>
    <row r="240178" spans="8:8">
      <c r="H240178" s="12"/>
    </row>
    <row r="240179" spans="8:8">
      <c r="H240179" s="12"/>
    </row>
    <row r="240180" spans="8:8">
      <c r="H240180" s="12"/>
    </row>
    <row r="240181" spans="8:8">
      <c r="H240181" s="12"/>
    </row>
    <row r="240182" spans="8:8">
      <c r="H240182" s="12"/>
    </row>
    <row r="240183" spans="8:8">
      <c r="H240183" s="12"/>
    </row>
    <row r="240184" spans="8:8">
      <c r="H240184" s="12"/>
    </row>
    <row r="240185" spans="8:8">
      <c r="H240185" s="12"/>
    </row>
    <row r="240186" spans="8:8">
      <c r="H240186" s="12"/>
    </row>
    <row r="240187" spans="8:8">
      <c r="H240187" s="12"/>
    </row>
    <row r="240188" spans="8:8">
      <c r="H240188" s="12"/>
    </row>
    <row r="240189" spans="8:8">
      <c r="H240189" s="12"/>
    </row>
    <row r="240190" spans="8:8">
      <c r="H240190" s="12"/>
    </row>
    <row r="240191" spans="8:8">
      <c r="H240191" s="12"/>
    </row>
    <row r="240192" spans="8:8">
      <c r="H240192" s="12"/>
    </row>
    <row r="240193" spans="8:8">
      <c r="H240193" s="12"/>
    </row>
    <row r="240194" spans="8:8">
      <c r="H240194" s="12"/>
    </row>
    <row r="240195" spans="8:8">
      <c r="H240195" s="12"/>
    </row>
    <row r="240196" spans="8:8">
      <c r="H240196" s="12"/>
    </row>
    <row r="240197" spans="8:8">
      <c r="H240197" s="12"/>
    </row>
    <row r="240198" spans="8:8">
      <c r="H240198" s="12"/>
    </row>
    <row r="240199" spans="8:8">
      <c r="H240199" s="12"/>
    </row>
    <row r="240200" spans="8:8">
      <c r="H240200" s="12"/>
    </row>
    <row r="240201" spans="8:8">
      <c r="H240201" s="12"/>
    </row>
    <row r="240202" spans="8:8">
      <c r="H240202" s="12"/>
    </row>
    <row r="240203" spans="8:8">
      <c r="H240203" s="12"/>
    </row>
    <row r="240204" spans="8:8">
      <c r="H240204" s="12"/>
    </row>
    <row r="240205" spans="8:8">
      <c r="H240205" s="12"/>
    </row>
    <row r="240206" spans="8:8">
      <c r="H240206" s="12"/>
    </row>
    <row r="240207" spans="8:8">
      <c r="H240207" s="12"/>
    </row>
    <row r="240208" spans="8:8">
      <c r="H240208" s="12"/>
    </row>
    <row r="240209" spans="8:8">
      <c r="H240209" s="12"/>
    </row>
    <row r="240210" spans="8:8">
      <c r="H240210" s="12"/>
    </row>
    <row r="240211" spans="8:8">
      <c r="H240211" s="12"/>
    </row>
    <row r="240212" spans="8:8">
      <c r="H240212" s="12"/>
    </row>
    <row r="240213" spans="8:8">
      <c r="H240213" s="12"/>
    </row>
    <row r="240214" spans="8:8">
      <c r="H240214" s="12"/>
    </row>
    <row r="240215" spans="8:8">
      <c r="H240215" s="12"/>
    </row>
    <row r="240216" spans="8:8">
      <c r="H240216" s="12"/>
    </row>
    <row r="240217" spans="8:8">
      <c r="H240217" s="12"/>
    </row>
    <row r="240218" spans="8:8">
      <c r="H240218" s="12"/>
    </row>
    <row r="240219" spans="8:8">
      <c r="H240219" s="12"/>
    </row>
    <row r="240220" spans="8:8">
      <c r="H240220" s="12"/>
    </row>
    <row r="240221" spans="8:8">
      <c r="H240221" s="12"/>
    </row>
    <row r="240222" spans="8:8">
      <c r="H240222" s="12"/>
    </row>
    <row r="240223" spans="8:8">
      <c r="H240223" s="12"/>
    </row>
    <row r="240224" spans="8:8">
      <c r="H240224" s="12"/>
    </row>
    <row r="240225" spans="8:8">
      <c r="H240225" s="12"/>
    </row>
    <row r="240226" spans="8:8">
      <c r="H240226" s="12"/>
    </row>
    <row r="240227" spans="8:8">
      <c r="H240227" s="12"/>
    </row>
    <row r="240228" spans="8:8">
      <c r="H240228" s="12"/>
    </row>
    <row r="240229" spans="8:8">
      <c r="H240229" s="12"/>
    </row>
    <row r="240230" spans="8:8">
      <c r="H240230" s="12"/>
    </row>
    <row r="240231" spans="8:8">
      <c r="H240231" s="12"/>
    </row>
    <row r="240232" spans="8:8">
      <c r="H240232" s="12"/>
    </row>
    <row r="240233" spans="8:8">
      <c r="H240233" s="12"/>
    </row>
    <row r="240234" spans="8:8">
      <c r="H240234" s="12"/>
    </row>
    <row r="240235" spans="8:8">
      <c r="H240235" s="12"/>
    </row>
    <row r="240236" spans="8:8">
      <c r="H240236" s="12"/>
    </row>
    <row r="240237" spans="8:8">
      <c r="H240237" s="12"/>
    </row>
    <row r="240238" spans="8:8">
      <c r="H240238" s="12"/>
    </row>
    <row r="240239" spans="8:8">
      <c r="H240239" s="12"/>
    </row>
    <row r="240240" spans="8:8">
      <c r="H240240" s="12"/>
    </row>
    <row r="240241" spans="8:8">
      <c r="H240241" s="12"/>
    </row>
    <row r="240242" spans="8:8">
      <c r="H240242" s="12"/>
    </row>
    <row r="240243" spans="8:8">
      <c r="H240243" s="12"/>
    </row>
    <row r="240244" spans="8:8">
      <c r="H240244" s="12"/>
    </row>
    <row r="240245" spans="8:8">
      <c r="H240245" s="12"/>
    </row>
    <row r="240246" spans="8:8">
      <c r="H240246" s="12"/>
    </row>
    <row r="240247" spans="8:8">
      <c r="H240247" s="12"/>
    </row>
    <row r="240248" spans="8:8">
      <c r="H240248" s="12"/>
    </row>
    <row r="240249" spans="8:8">
      <c r="H240249" s="12"/>
    </row>
    <row r="240250" spans="8:8">
      <c r="H240250" s="12"/>
    </row>
    <row r="240251" spans="8:8">
      <c r="H240251" s="12"/>
    </row>
    <row r="240252" spans="8:8">
      <c r="H240252" s="12"/>
    </row>
    <row r="240253" spans="8:8">
      <c r="H240253" s="12"/>
    </row>
    <row r="240254" spans="8:8">
      <c r="H240254" s="12"/>
    </row>
    <row r="240255" spans="8:8">
      <c r="H240255" s="12"/>
    </row>
    <row r="240256" spans="8:8">
      <c r="H240256" s="12"/>
    </row>
    <row r="240257" spans="8:8">
      <c r="H240257" s="12"/>
    </row>
    <row r="240258" spans="8:8">
      <c r="H240258" s="12"/>
    </row>
    <row r="240259" spans="8:8">
      <c r="H240259" s="12"/>
    </row>
    <row r="240260" spans="8:8">
      <c r="H240260" s="12"/>
    </row>
    <row r="240261" spans="8:8">
      <c r="H240261" s="12"/>
    </row>
    <row r="240262" spans="8:8">
      <c r="H240262" s="12"/>
    </row>
    <row r="240263" spans="8:8">
      <c r="H240263" s="12"/>
    </row>
    <row r="240264" spans="8:8">
      <c r="H240264" s="12"/>
    </row>
    <row r="240265" spans="8:8">
      <c r="H240265" s="12"/>
    </row>
    <row r="240266" spans="8:8">
      <c r="H240266" s="12"/>
    </row>
    <row r="240267" spans="8:8">
      <c r="H240267" s="12"/>
    </row>
    <row r="240268" spans="8:8">
      <c r="H240268" s="12"/>
    </row>
    <row r="240269" spans="8:8">
      <c r="H240269" s="12"/>
    </row>
    <row r="240270" spans="8:8">
      <c r="H240270" s="12"/>
    </row>
    <row r="240271" spans="8:8">
      <c r="H240271" s="12"/>
    </row>
    <row r="240272" spans="8:8">
      <c r="H240272" s="12"/>
    </row>
    <row r="240273" spans="8:8">
      <c r="H240273" s="12"/>
    </row>
    <row r="240274" spans="8:8">
      <c r="H240274" s="12"/>
    </row>
    <row r="240275" spans="8:8">
      <c r="H240275" s="12"/>
    </row>
    <row r="240276" spans="8:8">
      <c r="H240276" s="12"/>
    </row>
    <row r="240277" spans="8:8">
      <c r="H240277" s="12"/>
    </row>
    <row r="240278" spans="8:8">
      <c r="H240278" s="12"/>
    </row>
    <row r="240279" spans="8:8">
      <c r="H240279" s="12"/>
    </row>
    <row r="240280" spans="8:8">
      <c r="H240280" s="12"/>
    </row>
    <row r="240281" spans="8:8">
      <c r="H240281" s="12"/>
    </row>
    <row r="240282" spans="8:8">
      <c r="H240282" s="12"/>
    </row>
    <row r="240283" spans="8:8">
      <c r="H240283" s="12"/>
    </row>
    <row r="240284" spans="8:8">
      <c r="H240284" s="12"/>
    </row>
    <row r="240285" spans="8:8">
      <c r="H240285" s="12"/>
    </row>
    <row r="240286" spans="8:8">
      <c r="H240286" s="12"/>
    </row>
    <row r="240287" spans="8:8">
      <c r="H240287" s="12"/>
    </row>
    <row r="240288" spans="8:8">
      <c r="H240288" s="12"/>
    </row>
    <row r="240289" spans="8:8">
      <c r="H240289" s="12"/>
    </row>
    <row r="240290" spans="8:8">
      <c r="H240290" s="12"/>
    </row>
    <row r="240291" spans="8:8">
      <c r="H240291" s="12"/>
    </row>
    <row r="240292" spans="8:8">
      <c r="H240292" s="12"/>
    </row>
    <row r="240293" spans="8:8">
      <c r="H240293" s="12"/>
    </row>
    <row r="240294" spans="8:8">
      <c r="H240294" s="12"/>
    </row>
    <row r="240295" spans="8:8">
      <c r="H240295" s="12"/>
    </row>
    <row r="240296" spans="8:8">
      <c r="H240296" s="12"/>
    </row>
    <row r="240297" spans="8:8">
      <c r="H240297" s="12"/>
    </row>
    <row r="240298" spans="8:8">
      <c r="H240298" s="12"/>
    </row>
    <row r="240299" spans="8:8">
      <c r="H240299" s="12"/>
    </row>
    <row r="240300" spans="8:8">
      <c r="H240300" s="12"/>
    </row>
    <row r="240301" spans="8:8">
      <c r="H240301" s="12"/>
    </row>
    <row r="240302" spans="8:8">
      <c r="H240302" s="12"/>
    </row>
    <row r="240303" spans="8:8">
      <c r="H240303" s="12"/>
    </row>
    <row r="240304" spans="8:8">
      <c r="H240304" s="12"/>
    </row>
    <row r="240305" spans="8:8">
      <c r="H240305" s="12"/>
    </row>
    <row r="240306" spans="8:8">
      <c r="H240306" s="12"/>
    </row>
    <row r="240307" spans="8:8">
      <c r="H240307" s="12"/>
    </row>
    <row r="240308" spans="8:8">
      <c r="H240308" s="12"/>
    </row>
    <row r="240309" spans="8:8">
      <c r="H240309" s="12"/>
    </row>
    <row r="240310" spans="8:8">
      <c r="H240310" s="12"/>
    </row>
    <row r="240311" spans="8:8">
      <c r="H240311" s="12"/>
    </row>
    <row r="240312" spans="8:8">
      <c r="H240312" s="12"/>
    </row>
    <row r="240313" spans="8:8">
      <c r="H240313" s="12"/>
    </row>
    <row r="240314" spans="8:8">
      <c r="H240314" s="12"/>
    </row>
    <row r="240315" spans="8:8">
      <c r="H240315" s="12"/>
    </row>
    <row r="240316" spans="8:8">
      <c r="H240316" s="12"/>
    </row>
    <row r="240317" spans="8:8">
      <c r="H240317" s="12"/>
    </row>
    <row r="240318" spans="8:8">
      <c r="H240318" s="12"/>
    </row>
    <row r="240319" spans="8:8">
      <c r="H240319" s="12"/>
    </row>
    <row r="240320" spans="8:8">
      <c r="H240320" s="12"/>
    </row>
    <row r="240321" spans="8:8">
      <c r="H240321" s="12"/>
    </row>
    <row r="240322" spans="8:8">
      <c r="H240322" s="12"/>
    </row>
    <row r="240323" spans="8:8">
      <c r="H240323" s="12"/>
    </row>
    <row r="240324" spans="8:8">
      <c r="H240324" s="12"/>
    </row>
    <row r="240325" spans="8:8">
      <c r="H240325" s="12"/>
    </row>
    <row r="240326" spans="8:8">
      <c r="H240326" s="12"/>
    </row>
    <row r="240327" spans="8:8">
      <c r="H240327" s="12"/>
    </row>
    <row r="240328" spans="8:8">
      <c r="H240328" s="12"/>
    </row>
    <row r="240329" spans="8:8">
      <c r="H240329" s="12"/>
    </row>
    <row r="240330" spans="8:8">
      <c r="H240330" s="12"/>
    </row>
    <row r="240331" spans="8:8">
      <c r="H240331" s="12"/>
    </row>
    <row r="240332" spans="8:8">
      <c r="H240332" s="12"/>
    </row>
    <row r="240333" spans="8:8">
      <c r="H240333" s="12"/>
    </row>
    <row r="240334" spans="8:8">
      <c r="H240334" s="12"/>
    </row>
    <row r="240335" spans="8:8">
      <c r="H240335" s="12"/>
    </row>
    <row r="240336" spans="8:8">
      <c r="H240336" s="12"/>
    </row>
    <row r="240337" spans="8:8">
      <c r="H240337" s="12"/>
    </row>
    <row r="240338" spans="8:8">
      <c r="H240338" s="12"/>
    </row>
    <row r="240339" spans="8:8">
      <c r="H240339" s="12"/>
    </row>
    <row r="240340" spans="8:8">
      <c r="H240340" s="12"/>
    </row>
    <row r="240341" spans="8:8">
      <c r="H240341" s="12"/>
    </row>
    <row r="240342" spans="8:8">
      <c r="H240342" s="12"/>
    </row>
    <row r="240343" spans="8:8">
      <c r="H240343" s="12"/>
    </row>
    <row r="240344" spans="8:8">
      <c r="H240344" s="12"/>
    </row>
    <row r="240345" spans="8:8">
      <c r="H240345" s="12"/>
    </row>
    <row r="240346" spans="8:8">
      <c r="H240346" s="12"/>
    </row>
    <row r="240347" spans="8:8">
      <c r="H240347" s="12"/>
    </row>
    <row r="240348" spans="8:8">
      <c r="H240348" s="12"/>
    </row>
    <row r="240349" spans="8:8">
      <c r="H240349" s="12"/>
    </row>
    <row r="240350" spans="8:8">
      <c r="H240350" s="12"/>
    </row>
    <row r="240351" spans="8:8">
      <c r="H240351" s="12"/>
    </row>
    <row r="240352" spans="8:8">
      <c r="H240352" s="12"/>
    </row>
    <row r="240353" spans="8:8">
      <c r="H240353" s="12"/>
    </row>
    <row r="240354" spans="8:8">
      <c r="H240354" s="12"/>
    </row>
    <row r="240355" spans="8:8">
      <c r="H240355" s="12"/>
    </row>
    <row r="240356" spans="8:8">
      <c r="H240356" s="12"/>
    </row>
    <row r="240357" spans="8:8">
      <c r="H240357" s="12"/>
    </row>
    <row r="240358" spans="8:8">
      <c r="H240358" s="12"/>
    </row>
    <row r="240359" spans="8:8">
      <c r="H240359" s="12"/>
    </row>
    <row r="240360" spans="8:8">
      <c r="H240360" s="12"/>
    </row>
    <row r="240361" spans="8:8">
      <c r="H240361" s="12"/>
    </row>
    <row r="240362" spans="8:8">
      <c r="H240362" s="12"/>
    </row>
    <row r="240363" spans="8:8">
      <c r="H240363" s="12"/>
    </row>
    <row r="240364" spans="8:8">
      <c r="H240364" s="12"/>
    </row>
    <row r="240365" spans="8:8">
      <c r="H240365" s="12"/>
    </row>
    <row r="240366" spans="8:8">
      <c r="H240366" s="12"/>
    </row>
    <row r="240367" spans="8:8">
      <c r="H240367" s="12"/>
    </row>
    <row r="240368" spans="8:8">
      <c r="H240368" s="12"/>
    </row>
    <row r="240369" spans="8:8">
      <c r="H240369" s="12"/>
    </row>
    <row r="240370" spans="8:8">
      <c r="H240370" s="12"/>
    </row>
    <row r="240371" spans="8:8">
      <c r="H240371" s="12"/>
    </row>
    <row r="240372" spans="8:8">
      <c r="H240372" s="12"/>
    </row>
    <row r="240373" spans="8:8">
      <c r="H240373" s="12"/>
    </row>
    <row r="240374" spans="8:8">
      <c r="H240374" s="12"/>
    </row>
    <row r="240375" spans="8:8">
      <c r="H240375" s="12"/>
    </row>
    <row r="240376" spans="8:8">
      <c r="H240376" s="12"/>
    </row>
    <row r="240377" spans="8:8">
      <c r="H240377" s="12"/>
    </row>
    <row r="240378" spans="8:8">
      <c r="H240378" s="12"/>
    </row>
    <row r="240379" spans="8:8">
      <c r="H240379" s="12"/>
    </row>
    <row r="240380" spans="8:8">
      <c r="H240380" s="12"/>
    </row>
    <row r="240381" spans="8:8">
      <c r="H240381" s="12"/>
    </row>
    <row r="240382" spans="8:8">
      <c r="H240382" s="12"/>
    </row>
    <row r="240383" spans="8:8">
      <c r="H240383" s="12"/>
    </row>
    <row r="240384" spans="8:8">
      <c r="H240384" s="12"/>
    </row>
    <row r="240385" spans="8:8">
      <c r="H240385" s="12"/>
    </row>
    <row r="240386" spans="8:8">
      <c r="H240386" s="12"/>
    </row>
    <row r="240387" spans="8:8">
      <c r="H240387" s="12"/>
    </row>
    <row r="240388" spans="8:8">
      <c r="H240388" s="12"/>
    </row>
    <row r="240389" spans="8:8">
      <c r="H240389" s="12"/>
    </row>
    <row r="240390" spans="8:8">
      <c r="H240390" s="12"/>
    </row>
    <row r="240391" spans="8:8">
      <c r="H240391" s="12"/>
    </row>
    <row r="240392" spans="8:8">
      <c r="H240392" s="12"/>
    </row>
    <row r="240393" spans="8:8">
      <c r="H240393" s="12"/>
    </row>
    <row r="240394" spans="8:8">
      <c r="H240394" s="12"/>
    </row>
    <row r="240395" spans="8:8">
      <c r="H240395" s="12"/>
    </row>
    <row r="240396" spans="8:8">
      <c r="H240396" s="12"/>
    </row>
    <row r="240397" spans="8:8">
      <c r="H240397" s="12"/>
    </row>
    <row r="240398" spans="8:8">
      <c r="H240398" s="12"/>
    </row>
    <row r="240399" spans="8:8">
      <c r="H240399" s="12"/>
    </row>
    <row r="240400" spans="8:8">
      <c r="H240400" s="12"/>
    </row>
    <row r="240401" spans="8:8">
      <c r="H240401" s="12"/>
    </row>
    <row r="240402" spans="8:8">
      <c r="H240402" s="12"/>
    </row>
    <row r="240403" spans="8:8">
      <c r="H240403" s="12"/>
    </row>
    <row r="240404" spans="8:8">
      <c r="H240404" s="12"/>
    </row>
    <row r="240405" spans="8:8">
      <c r="H240405" s="12"/>
    </row>
    <row r="240406" spans="8:8">
      <c r="H240406" s="12"/>
    </row>
    <row r="240407" spans="8:8">
      <c r="H240407" s="12"/>
    </row>
    <row r="240408" spans="8:8">
      <c r="H240408" s="12"/>
    </row>
    <row r="240409" spans="8:8">
      <c r="H240409" s="12"/>
    </row>
    <row r="240410" spans="8:8">
      <c r="H240410" s="12"/>
    </row>
    <row r="240411" spans="8:8">
      <c r="H240411" s="12"/>
    </row>
    <row r="240412" spans="8:8">
      <c r="H240412" s="12"/>
    </row>
    <row r="240413" spans="8:8">
      <c r="H240413" s="12"/>
    </row>
    <row r="240414" spans="8:8">
      <c r="H240414" s="12"/>
    </row>
    <row r="240415" spans="8:8">
      <c r="H240415" s="12"/>
    </row>
    <row r="240416" spans="8:8">
      <c r="H240416" s="12"/>
    </row>
    <row r="240417" spans="8:8">
      <c r="H240417" s="12"/>
    </row>
    <row r="240418" spans="8:8">
      <c r="H240418" s="12"/>
    </row>
    <row r="240419" spans="8:8">
      <c r="H240419" s="12"/>
    </row>
    <row r="240420" spans="8:8">
      <c r="H240420" s="12"/>
    </row>
    <row r="240421" spans="8:8">
      <c r="H240421" s="12"/>
    </row>
    <row r="240422" spans="8:8">
      <c r="H240422" s="12"/>
    </row>
    <row r="240423" spans="8:8">
      <c r="H240423" s="12"/>
    </row>
    <row r="240424" spans="8:8">
      <c r="H240424" s="12"/>
    </row>
    <row r="240425" spans="8:8">
      <c r="H240425" s="12"/>
    </row>
    <row r="240426" spans="8:8">
      <c r="H240426" s="12"/>
    </row>
    <row r="240427" spans="8:8">
      <c r="H240427" s="12"/>
    </row>
    <row r="240428" spans="8:8">
      <c r="H240428" s="12"/>
    </row>
    <row r="240429" spans="8:8">
      <c r="H240429" s="12"/>
    </row>
    <row r="240430" spans="8:8">
      <c r="H240430" s="12"/>
    </row>
    <row r="240431" spans="8:8">
      <c r="H240431" s="12"/>
    </row>
    <row r="240432" spans="8:8">
      <c r="H240432" s="12"/>
    </row>
    <row r="240433" spans="8:8">
      <c r="H240433" s="12"/>
    </row>
    <row r="240434" spans="8:8">
      <c r="H240434" s="12"/>
    </row>
    <row r="240435" spans="8:8">
      <c r="H240435" s="12"/>
    </row>
    <row r="240436" spans="8:8">
      <c r="H240436" s="12"/>
    </row>
    <row r="240437" spans="8:8">
      <c r="H240437" s="12"/>
    </row>
    <row r="240438" spans="8:8">
      <c r="H240438" s="12"/>
    </row>
    <row r="240439" spans="8:8">
      <c r="H240439" s="12"/>
    </row>
    <row r="240440" spans="8:8">
      <c r="H240440" s="12"/>
    </row>
    <row r="240441" spans="8:8">
      <c r="H240441" s="12"/>
    </row>
    <row r="240442" spans="8:8">
      <c r="H240442" s="12"/>
    </row>
    <row r="240443" spans="8:8">
      <c r="H240443" s="12"/>
    </row>
    <row r="240444" spans="8:8">
      <c r="H240444" s="12"/>
    </row>
    <row r="240445" spans="8:8">
      <c r="H240445" s="12"/>
    </row>
    <row r="240446" spans="8:8">
      <c r="H240446" s="12"/>
    </row>
    <row r="240447" spans="8:8">
      <c r="H240447" s="12"/>
    </row>
    <row r="240448" spans="8:8">
      <c r="H240448" s="12"/>
    </row>
    <row r="240449" spans="8:8">
      <c r="H240449" s="12"/>
    </row>
    <row r="240450" spans="8:8">
      <c r="H240450" s="12"/>
    </row>
    <row r="240451" spans="8:8">
      <c r="H240451" s="12"/>
    </row>
    <row r="240452" spans="8:8">
      <c r="H240452" s="12"/>
    </row>
    <row r="240453" spans="8:8">
      <c r="H240453" s="12"/>
    </row>
    <row r="240454" spans="8:8">
      <c r="H240454" s="12"/>
    </row>
    <row r="240455" spans="8:8">
      <c r="H240455" s="12"/>
    </row>
    <row r="240456" spans="8:8">
      <c r="H240456" s="12"/>
    </row>
    <row r="240457" spans="8:8">
      <c r="H240457" s="12"/>
    </row>
    <row r="240458" spans="8:8">
      <c r="H240458" s="12"/>
    </row>
    <row r="240459" spans="8:8">
      <c r="H240459" s="12"/>
    </row>
    <row r="240460" spans="8:8">
      <c r="H240460" s="12"/>
    </row>
    <row r="240461" spans="8:8">
      <c r="H240461" s="12"/>
    </row>
    <row r="240462" spans="8:8">
      <c r="H240462" s="12"/>
    </row>
    <row r="240463" spans="8:8">
      <c r="H240463" s="12"/>
    </row>
    <row r="240464" spans="8:8">
      <c r="H240464" s="12"/>
    </row>
    <row r="240465" spans="8:8">
      <c r="H240465" s="12"/>
    </row>
    <row r="240466" spans="8:8">
      <c r="H240466" s="12"/>
    </row>
    <row r="240467" spans="8:8">
      <c r="H240467" s="12"/>
    </row>
    <row r="240468" spans="8:8">
      <c r="H240468" s="12"/>
    </row>
    <row r="240469" spans="8:8">
      <c r="H240469" s="12"/>
    </row>
    <row r="240470" spans="8:8">
      <c r="H240470" s="12"/>
    </row>
    <row r="240471" spans="8:8">
      <c r="H240471" s="12"/>
    </row>
    <row r="240472" spans="8:8">
      <c r="H240472" s="12"/>
    </row>
    <row r="240473" spans="8:8">
      <c r="H240473" s="12"/>
    </row>
    <row r="240474" spans="8:8">
      <c r="H240474" s="12"/>
    </row>
    <row r="240475" spans="8:8">
      <c r="H240475" s="12"/>
    </row>
    <row r="240476" spans="8:8">
      <c r="H240476" s="12"/>
    </row>
    <row r="240477" spans="8:8">
      <c r="H240477" s="12"/>
    </row>
    <row r="240478" spans="8:8">
      <c r="H240478" s="12"/>
    </row>
    <row r="240479" spans="8:8">
      <c r="H240479" s="12"/>
    </row>
    <row r="240480" spans="8:8">
      <c r="H240480" s="12"/>
    </row>
    <row r="240481" spans="8:8">
      <c r="H240481" s="12"/>
    </row>
    <row r="240482" spans="8:8">
      <c r="H240482" s="12"/>
    </row>
    <row r="240483" spans="8:8">
      <c r="H240483" s="12"/>
    </row>
    <row r="240484" spans="8:8">
      <c r="H240484" s="12"/>
    </row>
    <row r="240485" spans="8:8">
      <c r="H240485" s="12"/>
    </row>
    <row r="240486" spans="8:8">
      <c r="H240486" s="12"/>
    </row>
    <row r="240487" spans="8:8">
      <c r="H240487" s="12"/>
    </row>
    <row r="240488" spans="8:8">
      <c r="H240488" s="12"/>
    </row>
    <row r="240489" spans="8:8">
      <c r="H240489" s="12"/>
    </row>
    <row r="240490" spans="8:8">
      <c r="H240490" s="12"/>
    </row>
    <row r="240491" spans="8:8">
      <c r="H240491" s="12"/>
    </row>
    <row r="240492" spans="8:8">
      <c r="H240492" s="12"/>
    </row>
    <row r="240493" spans="8:8">
      <c r="H240493" s="12"/>
    </row>
    <row r="240494" spans="8:8">
      <c r="H240494" s="12"/>
    </row>
    <row r="240495" spans="8:8">
      <c r="H240495" s="12"/>
    </row>
    <row r="240496" spans="8:8">
      <c r="H240496" s="12"/>
    </row>
    <row r="240497" spans="8:8">
      <c r="H240497" s="12"/>
    </row>
    <row r="240498" spans="8:8">
      <c r="H240498" s="12"/>
    </row>
    <row r="240499" spans="8:8">
      <c r="H240499" s="12"/>
    </row>
    <row r="240500" spans="8:8">
      <c r="H240500" s="12"/>
    </row>
    <row r="240501" spans="8:8">
      <c r="H240501" s="12"/>
    </row>
    <row r="240502" spans="8:8">
      <c r="H240502" s="12"/>
    </row>
    <row r="240503" spans="8:8">
      <c r="H240503" s="12"/>
    </row>
    <row r="240504" spans="8:8">
      <c r="H240504" s="12"/>
    </row>
    <row r="240505" spans="8:8">
      <c r="H240505" s="12"/>
    </row>
    <row r="240506" spans="8:8">
      <c r="H240506" s="12"/>
    </row>
    <row r="240507" spans="8:8">
      <c r="H240507" s="12"/>
    </row>
    <row r="240508" spans="8:8">
      <c r="H240508" s="12"/>
    </row>
    <row r="240509" spans="8:8">
      <c r="H240509" s="12"/>
    </row>
    <row r="240510" spans="8:8">
      <c r="H240510" s="12"/>
    </row>
    <row r="240511" spans="8:8">
      <c r="H240511" s="12"/>
    </row>
    <row r="240512" spans="8:8">
      <c r="H240512" s="12"/>
    </row>
    <row r="240513" spans="8:8">
      <c r="H240513" s="12"/>
    </row>
    <row r="240514" spans="8:8">
      <c r="H240514" s="12"/>
    </row>
    <row r="240515" spans="8:8">
      <c r="H240515" s="12"/>
    </row>
    <row r="240516" spans="8:8">
      <c r="H240516" s="12"/>
    </row>
    <row r="240517" spans="8:8">
      <c r="H240517" s="12"/>
    </row>
    <row r="240518" spans="8:8">
      <c r="H240518" s="12"/>
    </row>
    <row r="240519" spans="8:8">
      <c r="H240519" s="12"/>
    </row>
    <row r="240520" spans="8:8">
      <c r="H240520" s="12"/>
    </row>
    <row r="240521" spans="8:8">
      <c r="H240521" s="12"/>
    </row>
    <row r="240522" spans="8:8">
      <c r="H240522" s="12"/>
    </row>
    <row r="240523" spans="8:8">
      <c r="H240523" s="12"/>
    </row>
    <row r="240524" spans="8:8">
      <c r="H240524" s="12"/>
    </row>
    <row r="240525" spans="8:8">
      <c r="H240525" s="12"/>
    </row>
    <row r="240526" spans="8:8">
      <c r="H240526" s="12"/>
    </row>
    <row r="240527" spans="8:8">
      <c r="H240527" s="12"/>
    </row>
    <row r="240528" spans="8:8">
      <c r="H240528" s="12"/>
    </row>
    <row r="240529" spans="8:8">
      <c r="H240529" s="12"/>
    </row>
    <row r="240530" spans="8:8">
      <c r="H240530" s="12"/>
    </row>
    <row r="240531" spans="8:8">
      <c r="H240531" s="12"/>
    </row>
    <row r="240532" spans="8:8">
      <c r="H240532" s="12"/>
    </row>
    <row r="240533" spans="8:8">
      <c r="H240533" s="12"/>
    </row>
    <row r="240534" spans="8:8">
      <c r="H240534" s="12"/>
    </row>
    <row r="240535" spans="8:8">
      <c r="H240535" s="12"/>
    </row>
    <row r="240536" spans="8:8">
      <c r="H240536" s="12"/>
    </row>
    <row r="240537" spans="8:8">
      <c r="H240537" s="12"/>
    </row>
    <row r="240538" spans="8:8">
      <c r="H240538" s="12"/>
    </row>
    <row r="240539" spans="8:8">
      <c r="H240539" s="12"/>
    </row>
    <row r="240540" spans="8:8">
      <c r="H240540" s="12"/>
    </row>
    <row r="240541" spans="8:8">
      <c r="H240541" s="12"/>
    </row>
    <row r="240542" spans="8:8">
      <c r="H240542" s="12"/>
    </row>
    <row r="240543" spans="8:8">
      <c r="H240543" s="12"/>
    </row>
    <row r="240544" spans="8:8">
      <c r="H240544" s="12"/>
    </row>
    <row r="240545" spans="8:8">
      <c r="H240545" s="12"/>
    </row>
    <row r="240546" spans="8:8">
      <c r="H240546" s="12"/>
    </row>
    <row r="240547" spans="8:8">
      <c r="H240547" s="12"/>
    </row>
    <row r="240548" spans="8:8">
      <c r="H240548" s="12"/>
    </row>
    <row r="240549" spans="8:8">
      <c r="H240549" s="12"/>
    </row>
    <row r="240550" spans="8:8">
      <c r="H240550" s="12"/>
    </row>
    <row r="240551" spans="8:8">
      <c r="H240551" s="12"/>
    </row>
    <row r="240552" spans="8:8">
      <c r="H240552" s="12"/>
    </row>
    <row r="240553" spans="8:8">
      <c r="H240553" s="12"/>
    </row>
    <row r="240554" spans="8:8">
      <c r="H240554" s="12"/>
    </row>
    <row r="240555" spans="8:8">
      <c r="H240555" s="12"/>
    </row>
    <row r="240556" spans="8:8">
      <c r="H240556" s="12"/>
    </row>
    <row r="240557" spans="8:8">
      <c r="H240557" s="12"/>
    </row>
    <row r="240558" spans="8:8">
      <c r="H240558" s="12"/>
    </row>
    <row r="240559" spans="8:8">
      <c r="H240559" s="12"/>
    </row>
    <row r="240560" spans="8:8">
      <c r="H240560" s="12"/>
    </row>
    <row r="240561" spans="8:8">
      <c r="H240561" s="12"/>
    </row>
    <row r="240562" spans="8:8">
      <c r="H240562" s="12"/>
    </row>
    <row r="240563" spans="8:8">
      <c r="H240563" s="12"/>
    </row>
    <row r="240564" spans="8:8">
      <c r="H240564" s="12"/>
    </row>
    <row r="240565" spans="8:8">
      <c r="H240565" s="12"/>
    </row>
    <row r="240566" spans="8:8">
      <c r="H240566" s="12"/>
    </row>
    <row r="240567" spans="8:8">
      <c r="H240567" s="12"/>
    </row>
    <row r="240568" spans="8:8">
      <c r="H240568" s="12"/>
    </row>
    <row r="240569" spans="8:8">
      <c r="H240569" s="12"/>
    </row>
    <row r="240570" spans="8:8">
      <c r="H240570" s="12"/>
    </row>
    <row r="240571" spans="8:8">
      <c r="H240571" s="12"/>
    </row>
    <row r="240572" spans="8:8">
      <c r="H240572" s="12"/>
    </row>
    <row r="240573" spans="8:8">
      <c r="H240573" s="12"/>
    </row>
    <row r="240574" spans="8:8">
      <c r="H240574" s="12"/>
    </row>
    <row r="240575" spans="8:8">
      <c r="H240575" s="12"/>
    </row>
    <row r="240576" spans="8:8">
      <c r="H240576" s="12"/>
    </row>
    <row r="240577" spans="8:8">
      <c r="H240577" s="12"/>
    </row>
    <row r="240578" spans="8:8">
      <c r="H240578" s="12"/>
    </row>
    <row r="240579" spans="8:8">
      <c r="H240579" s="12"/>
    </row>
    <row r="240580" spans="8:8">
      <c r="H240580" s="12"/>
    </row>
    <row r="240581" spans="8:8">
      <c r="H240581" s="12"/>
    </row>
    <row r="240582" spans="8:8">
      <c r="H240582" s="12"/>
    </row>
    <row r="240583" spans="8:8">
      <c r="H240583" s="12"/>
    </row>
    <row r="240584" spans="8:8">
      <c r="H240584" s="12"/>
    </row>
    <row r="240585" spans="8:8">
      <c r="H240585" s="12"/>
    </row>
    <row r="240586" spans="8:8">
      <c r="H240586" s="12"/>
    </row>
    <row r="240587" spans="8:8">
      <c r="H240587" s="12"/>
    </row>
    <row r="240588" spans="8:8">
      <c r="H240588" s="12"/>
    </row>
    <row r="240589" spans="8:8">
      <c r="H240589" s="12"/>
    </row>
    <row r="240590" spans="8:8">
      <c r="H240590" s="12"/>
    </row>
    <row r="240591" spans="8:8">
      <c r="H240591" s="12"/>
    </row>
    <row r="240592" spans="8:8">
      <c r="H240592" s="12"/>
    </row>
    <row r="240593" spans="8:8">
      <c r="H240593" s="12"/>
    </row>
    <row r="240594" spans="8:8">
      <c r="H240594" s="12"/>
    </row>
    <row r="240595" spans="8:8">
      <c r="H240595" s="12"/>
    </row>
    <row r="240596" spans="8:8">
      <c r="H240596" s="12"/>
    </row>
    <row r="240597" spans="8:8">
      <c r="H240597" s="12"/>
    </row>
    <row r="240598" spans="8:8">
      <c r="H240598" s="12"/>
    </row>
    <row r="240599" spans="8:8">
      <c r="H240599" s="12"/>
    </row>
    <row r="240600" spans="8:8">
      <c r="H240600" s="12"/>
    </row>
    <row r="240601" spans="8:8">
      <c r="H240601" s="12"/>
    </row>
    <row r="240602" spans="8:8">
      <c r="H240602" s="12"/>
    </row>
    <row r="240603" spans="8:8">
      <c r="H240603" s="12"/>
    </row>
    <row r="240604" spans="8:8">
      <c r="H240604" s="12"/>
    </row>
    <row r="240605" spans="8:8">
      <c r="H240605" s="12"/>
    </row>
    <row r="240606" spans="8:8">
      <c r="H240606" s="12"/>
    </row>
    <row r="240607" spans="8:8">
      <c r="H240607" s="12"/>
    </row>
    <row r="240608" spans="8:8">
      <c r="H240608" s="12"/>
    </row>
    <row r="240609" spans="8:8">
      <c r="H240609" s="12"/>
    </row>
    <row r="240610" spans="8:8">
      <c r="H240610" s="12"/>
    </row>
    <row r="240611" spans="8:8">
      <c r="H240611" s="12"/>
    </row>
    <row r="240612" spans="8:8">
      <c r="H240612" s="12"/>
    </row>
    <row r="240613" spans="8:8">
      <c r="H240613" s="12"/>
    </row>
    <row r="240614" spans="8:8">
      <c r="H240614" s="12"/>
    </row>
    <row r="240615" spans="8:8">
      <c r="H240615" s="12"/>
    </row>
    <row r="240616" spans="8:8">
      <c r="H240616" s="12"/>
    </row>
    <row r="240617" spans="8:8">
      <c r="H240617" s="12"/>
    </row>
    <row r="240618" spans="8:8">
      <c r="H240618" s="12"/>
    </row>
    <row r="240619" spans="8:8">
      <c r="H240619" s="12"/>
    </row>
    <row r="240620" spans="8:8">
      <c r="H240620" s="12"/>
    </row>
    <row r="240621" spans="8:8">
      <c r="H240621" s="12"/>
    </row>
    <row r="240622" spans="8:8">
      <c r="H240622" s="12"/>
    </row>
    <row r="240623" spans="8:8">
      <c r="H240623" s="12"/>
    </row>
    <row r="240624" spans="8:8">
      <c r="H240624" s="12"/>
    </row>
    <row r="240625" spans="8:8">
      <c r="H240625" s="12"/>
    </row>
    <row r="240626" spans="8:8">
      <c r="H240626" s="12"/>
    </row>
    <row r="240627" spans="8:8">
      <c r="H240627" s="12"/>
    </row>
    <row r="240628" spans="8:8">
      <c r="H240628" s="12"/>
    </row>
    <row r="240629" spans="8:8">
      <c r="H240629" s="12"/>
    </row>
    <row r="240630" spans="8:8">
      <c r="H240630" s="12"/>
    </row>
    <row r="240631" spans="8:8">
      <c r="H240631" s="12"/>
    </row>
    <row r="240632" spans="8:8">
      <c r="H240632" s="12"/>
    </row>
    <row r="240633" spans="8:8">
      <c r="H240633" s="12"/>
    </row>
    <row r="240634" spans="8:8">
      <c r="H240634" s="12"/>
    </row>
    <row r="240635" spans="8:8">
      <c r="H240635" s="12"/>
    </row>
    <row r="240636" spans="8:8">
      <c r="H240636" s="12"/>
    </row>
    <row r="240637" spans="8:8">
      <c r="H240637" s="12"/>
    </row>
    <row r="240638" spans="8:8">
      <c r="H240638" s="12"/>
    </row>
    <row r="240639" spans="8:8">
      <c r="H240639" s="12"/>
    </row>
    <row r="240640" spans="8:8">
      <c r="H240640" s="12"/>
    </row>
    <row r="240641" spans="8:8">
      <c r="H240641" s="12"/>
    </row>
    <row r="240642" spans="8:8">
      <c r="H240642" s="12"/>
    </row>
    <row r="240643" spans="8:8">
      <c r="H240643" s="12"/>
    </row>
    <row r="240644" spans="8:8">
      <c r="H240644" s="12"/>
    </row>
    <row r="240645" spans="8:8">
      <c r="H240645" s="12"/>
    </row>
    <row r="240646" spans="8:8">
      <c r="H240646" s="12"/>
    </row>
    <row r="240647" spans="8:8">
      <c r="H240647" s="12"/>
    </row>
    <row r="240648" spans="8:8">
      <c r="H240648" s="12"/>
    </row>
    <row r="240649" spans="8:8">
      <c r="H240649" s="12"/>
    </row>
    <row r="240650" spans="8:8">
      <c r="H240650" s="12"/>
    </row>
    <row r="240651" spans="8:8">
      <c r="H240651" s="12"/>
    </row>
    <row r="240652" spans="8:8">
      <c r="H240652" s="12"/>
    </row>
    <row r="240653" spans="8:8">
      <c r="H240653" s="12"/>
    </row>
    <row r="240654" spans="8:8">
      <c r="H240654" s="12"/>
    </row>
    <row r="240655" spans="8:8">
      <c r="H240655" s="12"/>
    </row>
    <row r="240656" spans="8:8">
      <c r="H240656" s="12"/>
    </row>
    <row r="240657" spans="8:8">
      <c r="H240657" s="12"/>
    </row>
    <row r="240658" spans="8:8">
      <c r="H240658" s="12"/>
    </row>
    <row r="240659" spans="8:8">
      <c r="H240659" s="12"/>
    </row>
    <row r="240660" spans="8:8">
      <c r="H240660" s="12"/>
    </row>
    <row r="240661" spans="8:8">
      <c r="H240661" s="12"/>
    </row>
    <row r="240662" spans="8:8">
      <c r="H240662" s="12"/>
    </row>
    <row r="240663" spans="8:8">
      <c r="H240663" s="12"/>
    </row>
    <row r="240664" spans="8:8">
      <c r="H240664" s="12"/>
    </row>
    <row r="240665" spans="8:8">
      <c r="H240665" s="12"/>
    </row>
    <row r="240666" spans="8:8">
      <c r="H240666" s="12"/>
    </row>
    <row r="240667" spans="8:8">
      <c r="H240667" s="12"/>
    </row>
    <row r="240668" spans="8:8">
      <c r="H240668" s="12"/>
    </row>
    <row r="240669" spans="8:8">
      <c r="H240669" s="12"/>
    </row>
    <row r="240670" spans="8:8">
      <c r="H240670" s="12"/>
    </row>
    <row r="240671" spans="8:8">
      <c r="H240671" s="12"/>
    </row>
    <row r="240672" spans="8:8">
      <c r="H240672" s="12"/>
    </row>
    <row r="240673" spans="8:8">
      <c r="H240673" s="12"/>
    </row>
    <row r="240674" spans="8:8">
      <c r="H240674" s="12"/>
    </row>
    <row r="240675" spans="8:8">
      <c r="H240675" s="12"/>
    </row>
    <row r="240676" spans="8:8">
      <c r="H240676" s="12"/>
    </row>
    <row r="240677" spans="8:8">
      <c r="H240677" s="12"/>
    </row>
    <row r="240678" spans="8:8">
      <c r="H240678" s="12"/>
    </row>
    <row r="240679" spans="8:8">
      <c r="H240679" s="12"/>
    </row>
    <row r="240680" spans="8:8">
      <c r="H240680" s="12"/>
    </row>
    <row r="240681" spans="8:8">
      <c r="H240681" s="12"/>
    </row>
    <row r="240682" spans="8:8">
      <c r="H240682" s="12"/>
    </row>
    <row r="240683" spans="8:8">
      <c r="H240683" s="12"/>
    </row>
    <row r="240684" spans="8:8">
      <c r="H240684" s="12"/>
    </row>
    <row r="240685" spans="8:8">
      <c r="H240685" s="12"/>
    </row>
    <row r="240686" spans="8:8">
      <c r="H240686" s="12"/>
    </row>
    <row r="240687" spans="8:8">
      <c r="H240687" s="12"/>
    </row>
    <row r="240688" spans="8:8">
      <c r="H240688" s="12"/>
    </row>
    <row r="240689" spans="8:8">
      <c r="H240689" s="12"/>
    </row>
    <row r="240690" spans="8:8">
      <c r="H240690" s="12"/>
    </row>
    <row r="240691" spans="8:8">
      <c r="H240691" s="12"/>
    </row>
    <row r="240692" spans="8:8">
      <c r="H240692" s="12"/>
    </row>
    <row r="240693" spans="8:8">
      <c r="H240693" s="12"/>
    </row>
    <row r="240694" spans="8:8">
      <c r="H240694" s="12"/>
    </row>
    <row r="240695" spans="8:8">
      <c r="H240695" s="12"/>
    </row>
    <row r="240696" spans="8:8">
      <c r="H240696" s="12"/>
    </row>
    <row r="240697" spans="8:8">
      <c r="H240697" s="12"/>
    </row>
    <row r="240698" spans="8:8">
      <c r="H240698" s="12"/>
    </row>
    <row r="240699" spans="8:8">
      <c r="H240699" s="12"/>
    </row>
    <row r="240700" spans="8:8">
      <c r="H240700" s="12"/>
    </row>
    <row r="240701" spans="8:8">
      <c r="H240701" s="12"/>
    </row>
    <row r="240702" spans="8:8">
      <c r="H240702" s="12"/>
    </row>
    <row r="240703" spans="8:8">
      <c r="H240703" s="12"/>
    </row>
    <row r="240704" spans="8:8">
      <c r="H240704" s="12"/>
    </row>
    <row r="240705" spans="8:8">
      <c r="H240705" s="12"/>
    </row>
    <row r="240706" spans="8:8">
      <c r="H240706" s="12"/>
    </row>
    <row r="240707" spans="8:8">
      <c r="H240707" s="12"/>
    </row>
    <row r="240708" spans="8:8">
      <c r="H240708" s="12"/>
    </row>
    <row r="240709" spans="8:8">
      <c r="H240709" s="12"/>
    </row>
    <row r="240710" spans="8:8">
      <c r="H240710" s="12"/>
    </row>
    <row r="240711" spans="8:8">
      <c r="H240711" s="12"/>
    </row>
    <row r="240712" spans="8:8">
      <c r="H240712" s="12"/>
    </row>
    <row r="240713" spans="8:8">
      <c r="H240713" s="12"/>
    </row>
    <row r="240714" spans="8:8">
      <c r="H240714" s="12"/>
    </row>
    <row r="240715" spans="8:8">
      <c r="H240715" s="12"/>
    </row>
    <row r="240716" spans="8:8">
      <c r="H240716" s="12"/>
    </row>
    <row r="240717" spans="8:8">
      <c r="H240717" s="12"/>
    </row>
    <row r="240718" spans="8:8">
      <c r="H240718" s="12"/>
    </row>
    <row r="240719" spans="8:8">
      <c r="H240719" s="12"/>
    </row>
    <row r="240720" spans="8:8">
      <c r="H240720" s="12"/>
    </row>
    <row r="240721" spans="8:8">
      <c r="H240721" s="12"/>
    </row>
    <row r="240722" spans="8:8">
      <c r="H240722" s="12"/>
    </row>
    <row r="240723" spans="8:8">
      <c r="H240723" s="12"/>
    </row>
    <row r="240724" spans="8:8">
      <c r="H240724" s="12"/>
    </row>
    <row r="240725" spans="8:8">
      <c r="H240725" s="12"/>
    </row>
    <row r="240726" spans="8:8">
      <c r="H240726" s="12"/>
    </row>
    <row r="240727" spans="8:8">
      <c r="H240727" s="12"/>
    </row>
    <row r="240728" spans="8:8">
      <c r="H240728" s="12"/>
    </row>
    <row r="240729" spans="8:8">
      <c r="H240729" s="12"/>
    </row>
    <row r="240730" spans="8:8">
      <c r="H240730" s="12"/>
    </row>
    <row r="240731" spans="8:8">
      <c r="H240731" s="12"/>
    </row>
    <row r="240732" spans="8:8">
      <c r="H240732" s="12"/>
    </row>
    <row r="240733" spans="8:8">
      <c r="H240733" s="12"/>
    </row>
    <row r="240734" spans="8:8">
      <c r="H240734" s="12"/>
    </row>
    <row r="240735" spans="8:8">
      <c r="H240735" s="12"/>
    </row>
    <row r="240736" spans="8:8">
      <c r="H240736" s="12"/>
    </row>
    <row r="240737" spans="8:8">
      <c r="H240737" s="12"/>
    </row>
    <row r="240738" spans="8:8">
      <c r="H240738" s="12"/>
    </row>
    <row r="240739" spans="8:8">
      <c r="H240739" s="12"/>
    </row>
    <row r="240740" spans="8:8">
      <c r="H240740" s="12"/>
    </row>
    <row r="240741" spans="8:8">
      <c r="H240741" s="12"/>
    </row>
    <row r="240742" spans="8:8">
      <c r="H240742" s="12"/>
    </row>
    <row r="240743" spans="8:8">
      <c r="H240743" s="12"/>
    </row>
    <row r="240744" spans="8:8">
      <c r="H240744" s="12"/>
    </row>
    <row r="240745" spans="8:8">
      <c r="H240745" s="12"/>
    </row>
    <row r="240746" spans="8:8">
      <c r="H240746" s="12"/>
    </row>
    <row r="240747" spans="8:8">
      <c r="H240747" s="12"/>
    </row>
    <row r="240748" spans="8:8">
      <c r="H240748" s="12"/>
    </row>
    <row r="240749" spans="8:8">
      <c r="H240749" s="12"/>
    </row>
    <row r="240750" spans="8:8">
      <c r="H240750" s="12"/>
    </row>
    <row r="240751" spans="8:8">
      <c r="H240751" s="12"/>
    </row>
    <row r="240752" spans="8:8">
      <c r="H240752" s="12"/>
    </row>
    <row r="240753" spans="8:8">
      <c r="H240753" s="12"/>
    </row>
    <row r="240754" spans="8:8">
      <c r="H240754" s="12"/>
    </row>
    <row r="240755" spans="8:8">
      <c r="H240755" s="12"/>
    </row>
    <row r="240756" spans="8:8">
      <c r="H240756" s="12"/>
    </row>
    <row r="240757" spans="8:8">
      <c r="H240757" s="12"/>
    </row>
    <row r="240758" spans="8:8">
      <c r="H240758" s="12"/>
    </row>
    <row r="240759" spans="8:8">
      <c r="H240759" s="12"/>
    </row>
    <row r="240760" spans="8:8">
      <c r="H240760" s="12"/>
    </row>
    <row r="240761" spans="8:8">
      <c r="H240761" s="12"/>
    </row>
    <row r="240762" spans="8:8">
      <c r="H240762" s="12"/>
    </row>
    <row r="240763" spans="8:8">
      <c r="H240763" s="12"/>
    </row>
    <row r="240764" spans="8:8">
      <c r="H240764" s="12"/>
    </row>
    <row r="240765" spans="8:8">
      <c r="H240765" s="12"/>
    </row>
    <row r="240766" spans="8:8">
      <c r="H240766" s="12"/>
    </row>
    <row r="240767" spans="8:8">
      <c r="H240767" s="12"/>
    </row>
    <row r="240768" spans="8:8">
      <c r="H240768" s="12"/>
    </row>
    <row r="240769" spans="8:8">
      <c r="H240769" s="12"/>
    </row>
    <row r="240770" spans="8:8">
      <c r="H240770" s="12"/>
    </row>
    <row r="240771" spans="8:8">
      <c r="H240771" s="12"/>
    </row>
    <row r="240772" spans="8:8">
      <c r="H240772" s="12"/>
    </row>
    <row r="240773" spans="8:8">
      <c r="H240773" s="12"/>
    </row>
    <row r="240774" spans="8:8">
      <c r="H240774" s="12"/>
    </row>
    <row r="240775" spans="8:8">
      <c r="H240775" s="12"/>
    </row>
    <row r="240776" spans="8:8">
      <c r="H240776" s="12"/>
    </row>
    <row r="240777" spans="8:8">
      <c r="H240777" s="12"/>
    </row>
    <row r="240778" spans="8:8">
      <c r="H240778" s="12"/>
    </row>
    <row r="240779" spans="8:8">
      <c r="H240779" s="12"/>
    </row>
    <row r="240780" spans="8:8">
      <c r="H240780" s="12"/>
    </row>
    <row r="240781" spans="8:8">
      <c r="H240781" s="12"/>
    </row>
    <row r="240782" spans="8:8">
      <c r="H240782" s="12"/>
    </row>
    <row r="240783" spans="8:8">
      <c r="H240783" s="12"/>
    </row>
    <row r="240784" spans="8:8">
      <c r="H240784" s="12"/>
    </row>
    <row r="240785" spans="8:8">
      <c r="H240785" s="12"/>
    </row>
    <row r="240786" spans="8:8">
      <c r="H240786" s="12"/>
    </row>
    <row r="240787" spans="8:8">
      <c r="H240787" s="12"/>
    </row>
    <row r="240788" spans="8:8">
      <c r="H240788" s="12"/>
    </row>
    <row r="240789" spans="8:8">
      <c r="H240789" s="12"/>
    </row>
    <row r="240790" spans="8:8">
      <c r="H240790" s="12"/>
    </row>
    <row r="240791" spans="8:8">
      <c r="H240791" s="12"/>
    </row>
    <row r="240792" spans="8:8">
      <c r="H240792" s="12"/>
    </row>
    <row r="240793" spans="8:8">
      <c r="H240793" s="12"/>
    </row>
    <row r="240794" spans="8:8">
      <c r="H240794" s="12"/>
    </row>
    <row r="240795" spans="8:8">
      <c r="H240795" s="12"/>
    </row>
    <row r="240796" spans="8:8">
      <c r="H240796" s="12"/>
    </row>
    <row r="240797" spans="8:8">
      <c r="H240797" s="12"/>
    </row>
    <row r="240798" spans="8:8">
      <c r="H240798" s="12"/>
    </row>
    <row r="240799" spans="8:8">
      <c r="H240799" s="12"/>
    </row>
    <row r="240800" spans="8:8">
      <c r="H240800" s="12"/>
    </row>
    <row r="240801" spans="8:8">
      <c r="H240801" s="12"/>
    </row>
    <row r="240802" spans="8:8">
      <c r="H240802" s="12"/>
    </row>
    <row r="240803" spans="8:8">
      <c r="H240803" s="12"/>
    </row>
    <row r="240804" spans="8:8">
      <c r="H240804" s="12"/>
    </row>
    <row r="240805" spans="8:8">
      <c r="H240805" s="12"/>
    </row>
    <row r="240806" spans="8:8">
      <c r="H240806" s="12"/>
    </row>
    <row r="240807" spans="8:8">
      <c r="H240807" s="12"/>
    </row>
    <row r="240808" spans="8:8">
      <c r="H240808" s="12"/>
    </row>
    <row r="240809" spans="8:8">
      <c r="H240809" s="12"/>
    </row>
    <row r="240810" spans="8:8">
      <c r="H240810" s="12"/>
    </row>
    <row r="240811" spans="8:8">
      <c r="H240811" s="12"/>
    </row>
    <row r="240812" spans="8:8">
      <c r="H240812" s="12"/>
    </row>
    <row r="240813" spans="8:8">
      <c r="H240813" s="12"/>
    </row>
    <row r="240814" spans="8:8">
      <c r="H240814" s="12"/>
    </row>
    <row r="240815" spans="8:8">
      <c r="H240815" s="12"/>
    </row>
    <row r="240816" spans="8:8">
      <c r="H240816" s="12"/>
    </row>
    <row r="240817" spans="8:8">
      <c r="H240817" s="12"/>
    </row>
    <row r="240818" spans="8:8">
      <c r="H240818" s="12"/>
    </row>
    <row r="240819" spans="8:8">
      <c r="H240819" s="12"/>
    </row>
    <row r="240820" spans="8:8">
      <c r="H240820" s="12"/>
    </row>
    <row r="240821" spans="8:8">
      <c r="H240821" s="12"/>
    </row>
    <row r="240822" spans="8:8">
      <c r="H240822" s="12"/>
    </row>
    <row r="240823" spans="8:8">
      <c r="H240823" s="12"/>
    </row>
    <row r="240824" spans="8:8">
      <c r="H240824" s="12"/>
    </row>
    <row r="240825" spans="8:8">
      <c r="H240825" s="12"/>
    </row>
    <row r="240826" spans="8:8">
      <c r="H240826" s="12"/>
    </row>
    <row r="240827" spans="8:8">
      <c r="H240827" s="12"/>
    </row>
    <row r="240828" spans="8:8">
      <c r="H240828" s="12"/>
    </row>
    <row r="240829" spans="8:8">
      <c r="H240829" s="12"/>
    </row>
    <row r="240830" spans="8:8">
      <c r="H240830" s="12"/>
    </row>
    <row r="240831" spans="8:8">
      <c r="H240831" s="12"/>
    </row>
    <row r="240832" spans="8:8">
      <c r="H240832" s="12"/>
    </row>
    <row r="240833" spans="8:8">
      <c r="H240833" s="12"/>
    </row>
    <row r="240834" spans="8:8">
      <c r="H240834" s="12"/>
    </row>
    <row r="240835" spans="8:8">
      <c r="H240835" s="12"/>
    </row>
    <row r="240836" spans="8:8">
      <c r="H240836" s="12"/>
    </row>
    <row r="240837" spans="8:8">
      <c r="H240837" s="12"/>
    </row>
    <row r="240838" spans="8:8">
      <c r="H240838" s="12"/>
    </row>
    <row r="240839" spans="8:8">
      <c r="H240839" s="12"/>
    </row>
    <row r="240840" spans="8:8">
      <c r="H240840" s="12"/>
    </row>
    <row r="240841" spans="8:8">
      <c r="H240841" s="12"/>
    </row>
    <row r="240842" spans="8:8">
      <c r="H240842" s="12"/>
    </row>
    <row r="240843" spans="8:8">
      <c r="H240843" s="12"/>
    </row>
    <row r="240844" spans="8:8">
      <c r="H240844" s="12"/>
    </row>
    <row r="240845" spans="8:8">
      <c r="H240845" s="12"/>
    </row>
    <row r="240846" spans="8:8">
      <c r="H240846" s="12"/>
    </row>
    <row r="240847" spans="8:8">
      <c r="H240847" s="12"/>
    </row>
    <row r="240848" spans="8:8">
      <c r="H240848" s="12"/>
    </row>
    <row r="240849" spans="8:8">
      <c r="H240849" s="12"/>
    </row>
    <row r="240850" spans="8:8">
      <c r="H240850" s="12"/>
    </row>
    <row r="240851" spans="8:8">
      <c r="H240851" s="12"/>
    </row>
    <row r="240852" spans="8:8">
      <c r="H240852" s="12"/>
    </row>
    <row r="240853" spans="8:8">
      <c r="H240853" s="12"/>
    </row>
    <row r="240854" spans="8:8">
      <c r="H240854" s="12"/>
    </row>
    <row r="240855" spans="8:8">
      <c r="H240855" s="12"/>
    </row>
    <row r="240856" spans="8:8">
      <c r="H240856" s="12"/>
    </row>
    <row r="240857" spans="8:8">
      <c r="H240857" s="12"/>
    </row>
    <row r="240858" spans="8:8">
      <c r="H240858" s="12"/>
    </row>
    <row r="240859" spans="8:8">
      <c r="H240859" s="12"/>
    </row>
    <row r="240860" spans="8:8">
      <c r="H240860" s="12"/>
    </row>
    <row r="240861" spans="8:8">
      <c r="H240861" s="12"/>
    </row>
    <row r="240862" spans="8:8">
      <c r="H240862" s="12"/>
    </row>
    <row r="240863" spans="8:8">
      <c r="H240863" s="12"/>
    </row>
    <row r="240864" spans="8:8">
      <c r="H240864" s="12"/>
    </row>
    <row r="240865" spans="8:8">
      <c r="H240865" s="12"/>
    </row>
    <row r="240866" spans="8:8">
      <c r="H240866" s="12"/>
    </row>
    <row r="240867" spans="8:8">
      <c r="H240867" s="12"/>
    </row>
    <row r="240868" spans="8:8">
      <c r="H240868" s="12"/>
    </row>
    <row r="240869" spans="8:8">
      <c r="H240869" s="12"/>
    </row>
    <row r="240870" spans="8:8">
      <c r="H240870" s="12"/>
    </row>
    <row r="240871" spans="8:8">
      <c r="H240871" s="12"/>
    </row>
    <row r="240872" spans="8:8">
      <c r="H240872" s="12"/>
    </row>
    <row r="240873" spans="8:8">
      <c r="H240873" s="12"/>
    </row>
    <row r="240874" spans="8:8">
      <c r="H240874" s="12"/>
    </row>
    <row r="240875" spans="8:8">
      <c r="H240875" s="12"/>
    </row>
    <row r="240876" spans="8:8">
      <c r="H240876" s="12"/>
    </row>
    <row r="240877" spans="8:8">
      <c r="H240877" s="12"/>
    </row>
    <row r="240878" spans="8:8">
      <c r="H240878" s="12"/>
    </row>
    <row r="240879" spans="8:8">
      <c r="H240879" s="12"/>
    </row>
    <row r="240880" spans="8:8">
      <c r="H240880" s="12"/>
    </row>
    <row r="240881" spans="8:8">
      <c r="H240881" s="12"/>
    </row>
    <row r="240882" spans="8:8">
      <c r="H240882" s="12"/>
    </row>
    <row r="240883" spans="8:8">
      <c r="H240883" s="12"/>
    </row>
    <row r="240884" spans="8:8">
      <c r="H240884" s="12"/>
    </row>
    <row r="240885" spans="8:8">
      <c r="H240885" s="12"/>
    </row>
    <row r="240886" spans="8:8">
      <c r="H240886" s="12"/>
    </row>
    <row r="240887" spans="8:8">
      <c r="H240887" s="12"/>
    </row>
    <row r="240888" spans="8:8">
      <c r="H240888" s="12"/>
    </row>
    <row r="240889" spans="8:8">
      <c r="H240889" s="12"/>
    </row>
    <row r="240890" spans="8:8">
      <c r="H240890" s="12"/>
    </row>
    <row r="240891" spans="8:8">
      <c r="H240891" s="12"/>
    </row>
    <row r="240892" spans="8:8">
      <c r="H240892" s="12"/>
    </row>
    <row r="240893" spans="8:8">
      <c r="H240893" s="12"/>
    </row>
    <row r="240894" spans="8:8">
      <c r="H240894" s="12"/>
    </row>
    <row r="240895" spans="8:8">
      <c r="H240895" s="12"/>
    </row>
    <row r="240896" spans="8:8">
      <c r="H240896" s="12"/>
    </row>
    <row r="240897" spans="8:8">
      <c r="H240897" s="12"/>
    </row>
    <row r="240898" spans="8:8">
      <c r="H240898" s="12"/>
    </row>
    <row r="240899" spans="8:8">
      <c r="H240899" s="12"/>
    </row>
    <row r="240900" spans="8:8">
      <c r="H240900" s="12"/>
    </row>
    <row r="240901" spans="8:8">
      <c r="H240901" s="12"/>
    </row>
    <row r="240902" spans="8:8">
      <c r="H240902" s="12"/>
    </row>
    <row r="240903" spans="8:8">
      <c r="H240903" s="12"/>
    </row>
    <row r="240904" spans="8:8">
      <c r="H240904" s="12"/>
    </row>
    <row r="240905" spans="8:8">
      <c r="H240905" s="12"/>
    </row>
    <row r="240906" spans="8:8">
      <c r="H240906" s="12"/>
    </row>
    <row r="240907" spans="8:8">
      <c r="H240907" s="12"/>
    </row>
    <row r="240908" spans="8:8">
      <c r="H240908" s="12"/>
    </row>
    <row r="240909" spans="8:8">
      <c r="H240909" s="12"/>
    </row>
    <row r="240910" spans="8:8">
      <c r="H240910" s="12"/>
    </row>
    <row r="240911" spans="8:8">
      <c r="H240911" s="12"/>
    </row>
    <row r="240912" spans="8:8">
      <c r="H240912" s="12"/>
    </row>
    <row r="240913" spans="8:8">
      <c r="H240913" s="12"/>
    </row>
    <row r="240914" spans="8:8">
      <c r="H240914" s="12"/>
    </row>
    <row r="240915" spans="8:8">
      <c r="H240915" s="12"/>
    </row>
    <row r="240916" spans="8:8">
      <c r="H240916" s="12"/>
    </row>
    <row r="240917" spans="8:8">
      <c r="H240917" s="12"/>
    </row>
    <row r="240918" spans="8:8">
      <c r="H240918" s="12"/>
    </row>
    <row r="240919" spans="8:8">
      <c r="H240919" s="12"/>
    </row>
    <row r="240920" spans="8:8">
      <c r="H240920" s="12"/>
    </row>
    <row r="240921" spans="8:8">
      <c r="H240921" s="12"/>
    </row>
    <row r="240922" spans="8:8">
      <c r="H240922" s="12"/>
    </row>
    <row r="240923" spans="8:8">
      <c r="H240923" s="12"/>
    </row>
    <row r="240924" spans="8:8">
      <c r="H240924" s="12"/>
    </row>
    <row r="240925" spans="8:8">
      <c r="H240925" s="12"/>
    </row>
    <row r="240926" spans="8:8">
      <c r="H240926" s="12"/>
    </row>
    <row r="240927" spans="8:8">
      <c r="H240927" s="12"/>
    </row>
    <row r="240928" spans="8:8">
      <c r="H240928" s="12"/>
    </row>
    <row r="240929" spans="8:8">
      <c r="H240929" s="12"/>
    </row>
    <row r="240930" spans="8:8">
      <c r="H240930" s="12"/>
    </row>
    <row r="240931" spans="8:8">
      <c r="H240931" s="12"/>
    </row>
    <row r="240932" spans="8:8">
      <c r="H240932" s="12"/>
    </row>
    <row r="240933" spans="8:8">
      <c r="H240933" s="12"/>
    </row>
    <row r="240934" spans="8:8">
      <c r="H240934" s="12"/>
    </row>
    <row r="240935" spans="8:8">
      <c r="H240935" s="12"/>
    </row>
    <row r="240936" spans="8:8">
      <c r="H240936" s="12"/>
    </row>
    <row r="240937" spans="8:8">
      <c r="H240937" s="12"/>
    </row>
    <row r="240938" spans="8:8">
      <c r="H240938" s="12"/>
    </row>
    <row r="240939" spans="8:8">
      <c r="H240939" s="12"/>
    </row>
    <row r="240940" spans="8:8">
      <c r="H240940" s="12"/>
    </row>
    <row r="240941" spans="8:8">
      <c r="H240941" s="12"/>
    </row>
    <row r="240942" spans="8:8">
      <c r="H240942" s="12"/>
    </row>
    <row r="240943" spans="8:8">
      <c r="H240943" s="12"/>
    </row>
    <row r="240944" spans="8:8">
      <c r="H240944" s="12"/>
    </row>
    <row r="240945" spans="8:8">
      <c r="H240945" s="12"/>
    </row>
    <row r="240946" spans="8:8">
      <c r="H240946" s="12"/>
    </row>
    <row r="240947" spans="8:8">
      <c r="H240947" s="12"/>
    </row>
    <row r="240948" spans="8:8">
      <c r="H240948" s="12"/>
    </row>
    <row r="240949" spans="8:8">
      <c r="H240949" s="12"/>
    </row>
    <row r="240950" spans="8:8">
      <c r="H240950" s="12"/>
    </row>
    <row r="240951" spans="8:8">
      <c r="H240951" s="12"/>
    </row>
    <row r="240952" spans="8:8">
      <c r="H240952" s="12"/>
    </row>
    <row r="240953" spans="8:8">
      <c r="H240953" s="12"/>
    </row>
    <row r="240954" spans="8:8">
      <c r="H240954" s="12"/>
    </row>
    <row r="240955" spans="8:8">
      <c r="H240955" s="12"/>
    </row>
    <row r="240956" spans="8:8">
      <c r="H240956" s="12"/>
    </row>
    <row r="240957" spans="8:8">
      <c r="H240957" s="12"/>
    </row>
    <row r="240958" spans="8:8">
      <c r="H240958" s="12"/>
    </row>
    <row r="240959" spans="8:8">
      <c r="H240959" s="12"/>
    </row>
    <row r="240960" spans="8:8">
      <c r="H240960" s="12"/>
    </row>
    <row r="240961" spans="8:8">
      <c r="H240961" s="12"/>
    </row>
    <row r="240962" spans="8:8">
      <c r="H240962" s="12"/>
    </row>
    <row r="240963" spans="8:8">
      <c r="H240963" s="12"/>
    </row>
    <row r="240964" spans="8:8">
      <c r="H240964" s="12"/>
    </row>
    <row r="240965" spans="8:8">
      <c r="H240965" s="12"/>
    </row>
    <row r="240966" spans="8:8">
      <c r="H240966" s="12"/>
    </row>
    <row r="240967" spans="8:8">
      <c r="H240967" s="12"/>
    </row>
    <row r="240968" spans="8:8">
      <c r="H240968" s="12"/>
    </row>
    <row r="240969" spans="8:8">
      <c r="H240969" s="12"/>
    </row>
    <row r="240970" spans="8:8">
      <c r="H240970" s="12"/>
    </row>
    <row r="240971" spans="8:8">
      <c r="H240971" s="12"/>
    </row>
    <row r="240972" spans="8:8">
      <c r="H240972" s="12"/>
    </row>
    <row r="240973" spans="8:8">
      <c r="H240973" s="12"/>
    </row>
    <row r="240974" spans="8:8">
      <c r="H240974" s="12"/>
    </row>
    <row r="240975" spans="8:8">
      <c r="H240975" s="12"/>
    </row>
    <row r="240976" spans="8:8">
      <c r="H240976" s="12"/>
    </row>
    <row r="240977" spans="8:8">
      <c r="H240977" s="12"/>
    </row>
    <row r="240978" spans="8:8">
      <c r="H240978" s="12"/>
    </row>
    <row r="240979" spans="8:8">
      <c r="H240979" s="12"/>
    </row>
    <row r="240980" spans="8:8">
      <c r="H240980" s="12"/>
    </row>
    <row r="240981" spans="8:8">
      <c r="H240981" s="12"/>
    </row>
    <row r="240982" spans="8:8">
      <c r="H240982" s="12"/>
    </row>
    <row r="240983" spans="8:8">
      <c r="H240983" s="12"/>
    </row>
    <row r="240984" spans="8:8">
      <c r="H240984" s="12"/>
    </row>
    <row r="240985" spans="8:8">
      <c r="H240985" s="12"/>
    </row>
    <row r="240986" spans="8:8">
      <c r="H240986" s="12"/>
    </row>
    <row r="240987" spans="8:8">
      <c r="H240987" s="12"/>
    </row>
    <row r="240988" spans="8:8">
      <c r="H240988" s="12"/>
    </row>
    <row r="240989" spans="8:8">
      <c r="H240989" s="12"/>
    </row>
    <row r="240990" spans="8:8">
      <c r="H240990" s="12"/>
    </row>
    <row r="240991" spans="8:8">
      <c r="H240991" s="12"/>
    </row>
    <row r="240992" spans="8:8">
      <c r="H240992" s="12"/>
    </row>
    <row r="240993" spans="8:8">
      <c r="H240993" s="12"/>
    </row>
    <row r="240994" spans="8:8">
      <c r="H240994" s="12"/>
    </row>
    <row r="240995" spans="8:8">
      <c r="H240995" s="12"/>
    </row>
    <row r="240996" spans="8:8">
      <c r="H240996" s="12"/>
    </row>
    <row r="240997" spans="8:8">
      <c r="H240997" s="12"/>
    </row>
    <row r="240998" spans="8:8">
      <c r="H240998" s="12"/>
    </row>
    <row r="240999" spans="8:8">
      <c r="H240999" s="12"/>
    </row>
    <row r="241000" spans="8:8">
      <c r="H241000" s="12"/>
    </row>
    <row r="241001" spans="8:8">
      <c r="H241001" s="12"/>
    </row>
    <row r="241002" spans="8:8">
      <c r="H241002" s="12"/>
    </row>
    <row r="241003" spans="8:8">
      <c r="H241003" s="12"/>
    </row>
    <row r="241004" spans="8:8">
      <c r="H241004" s="12"/>
    </row>
    <row r="241005" spans="8:8">
      <c r="H241005" s="12"/>
    </row>
    <row r="241006" spans="8:8">
      <c r="H241006" s="12"/>
    </row>
    <row r="241007" spans="8:8">
      <c r="H241007" s="12"/>
    </row>
    <row r="241008" spans="8:8">
      <c r="H241008" s="12"/>
    </row>
    <row r="241009" spans="8:8">
      <c r="H241009" s="12"/>
    </row>
    <row r="241010" spans="8:8">
      <c r="H241010" s="12"/>
    </row>
    <row r="241011" spans="8:8">
      <c r="H241011" s="12"/>
    </row>
    <row r="241012" spans="8:8">
      <c r="H241012" s="12"/>
    </row>
    <row r="241013" spans="8:8">
      <c r="H241013" s="12"/>
    </row>
    <row r="241014" spans="8:8">
      <c r="H241014" s="12"/>
    </row>
    <row r="241015" spans="8:8">
      <c r="H241015" s="12"/>
    </row>
    <row r="241016" spans="8:8">
      <c r="H241016" s="12"/>
    </row>
    <row r="241017" spans="8:8">
      <c r="H241017" s="12"/>
    </row>
    <row r="241018" spans="8:8">
      <c r="H241018" s="12"/>
    </row>
    <row r="241019" spans="8:8">
      <c r="H241019" s="12"/>
    </row>
    <row r="241020" spans="8:8">
      <c r="H241020" s="12"/>
    </row>
    <row r="241021" spans="8:8">
      <c r="H241021" s="12"/>
    </row>
    <row r="241022" spans="8:8">
      <c r="H241022" s="12"/>
    </row>
    <row r="241023" spans="8:8">
      <c r="H241023" s="12"/>
    </row>
    <row r="241024" spans="8:8">
      <c r="H241024" s="12"/>
    </row>
    <row r="241025" spans="8:8">
      <c r="H241025" s="12"/>
    </row>
    <row r="241026" spans="8:8">
      <c r="H241026" s="12"/>
    </row>
    <row r="241027" spans="8:8">
      <c r="H241027" s="12"/>
    </row>
    <row r="241028" spans="8:8">
      <c r="H241028" s="12"/>
    </row>
    <row r="241029" spans="8:8">
      <c r="H241029" s="12"/>
    </row>
    <row r="241030" spans="8:8">
      <c r="H241030" s="12"/>
    </row>
    <row r="241031" spans="8:8">
      <c r="H241031" s="12"/>
    </row>
    <row r="241032" spans="8:8">
      <c r="H241032" s="12"/>
    </row>
    <row r="241033" spans="8:8">
      <c r="H241033" s="12"/>
    </row>
    <row r="241034" spans="8:8">
      <c r="H241034" s="12"/>
    </row>
    <row r="241035" spans="8:8">
      <c r="H241035" s="12"/>
    </row>
    <row r="241036" spans="8:8">
      <c r="H241036" s="12"/>
    </row>
    <row r="241037" spans="8:8">
      <c r="H241037" s="12"/>
    </row>
    <row r="241038" spans="8:8">
      <c r="H241038" s="12"/>
    </row>
    <row r="241039" spans="8:8">
      <c r="H241039" s="12"/>
    </row>
    <row r="241040" spans="8:8">
      <c r="H241040" s="12"/>
    </row>
    <row r="241041" spans="8:8">
      <c r="H241041" s="12"/>
    </row>
    <row r="241042" spans="8:8">
      <c r="H241042" s="12"/>
    </row>
    <row r="241043" spans="8:8">
      <c r="H241043" s="12"/>
    </row>
    <row r="241044" spans="8:8">
      <c r="H241044" s="12"/>
    </row>
    <row r="241045" spans="8:8">
      <c r="H241045" s="12"/>
    </row>
    <row r="241046" spans="8:8">
      <c r="H241046" s="12"/>
    </row>
    <row r="241047" spans="8:8">
      <c r="H241047" s="12"/>
    </row>
    <row r="241048" spans="8:8">
      <c r="H241048" s="12"/>
    </row>
    <row r="241049" spans="8:8">
      <c r="H241049" s="12"/>
    </row>
    <row r="241050" spans="8:8">
      <c r="H241050" s="12"/>
    </row>
    <row r="241051" spans="8:8">
      <c r="H241051" s="12"/>
    </row>
    <row r="241052" spans="8:8">
      <c r="H241052" s="12"/>
    </row>
    <row r="241053" spans="8:8">
      <c r="H241053" s="12"/>
    </row>
    <row r="241054" spans="8:8">
      <c r="H241054" s="12"/>
    </row>
    <row r="241055" spans="8:8">
      <c r="H241055" s="12"/>
    </row>
    <row r="241056" spans="8:8">
      <c r="H241056" s="12"/>
    </row>
    <row r="241057" spans="8:8">
      <c r="H241057" s="12"/>
    </row>
    <row r="241058" spans="8:8">
      <c r="H241058" s="12"/>
    </row>
    <row r="241059" spans="8:8">
      <c r="H241059" s="12"/>
    </row>
    <row r="241060" spans="8:8">
      <c r="H241060" s="12"/>
    </row>
    <row r="241061" spans="8:8">
      <c r="H241061" s="12"/>
    </row>
    <row r="241062" spans="8:8">
      <c r="H241062" s="12"/>
    </row>
    <row r="241063" spans="8:8">
      <c r="H241063" s="12"/>
    </row>
    <row r="241064" spans="8:8">
      <c r="H241064" s="12"/>
    </row>
    <row r="241065" spans="8:8">
      <c r="H241065" s="12"/>
    </row>
    <row r="241066" spans="8:8">
      <c r="H241066" s="12"/>
    </row>
    <row r="241067" spans="8:8">
      <c r="H241067" s="12"/>
    </row>
    <row r="241068" spans="8:8">
      <c r="H241068" s="12"/>
    </row>
    <row r="241069" spans="8:8">
      <c r="H241069" s="12"/>
    </row>
    <row r="241070" spans="8:8">
      <c r="H241070" s="12"/>
    </row>
    <row r="241071" spans="8:8">
      <c r="H241071" s="12"/>
    </row>
    <row r="241072" spans="8:8">
      <c r="H241072" s="12"/>
    </row>
    <row r="241073" spans="8:8">
      <c r="H241073" s="12"/>
    </row>
    <row r="241074" spans="8:8">
      <c r="H241074" s="12"/>
    </row>
    <row r="241075" spans="8:8">
      <c r="H241075" s="12"/>
    </row>
    <row r="241076" spans="8:8">
      <c r="H241076" s="12"/>
    </row>
    <row r="241077" spans="8:8">
      <c r="H241077" s="12"/>
    </row>
    <row r="241078" spans="8:8">
      <c r="H241078" s="12"/>
    </row>
    <row r="241079" spans="8:8">
      <c r="H241079" s="12"/>
    </row>
    <row r="241080" spans="8:8">
      <c r="H241080" s="12"/>
    </row>
    <row r="241081" spans="8:8">
      <c r="H241081" s="12"/>
    </row>
    <row r="241082" spans="8:8">
      <c r="H241082" s="12"/>
    </row>
    <row r="241083" spans="8:8">
      <c r="H241083" s="12"/>
    </row>
    <row r="241084" spans="8:8">
      <c r="H241084" s="12"/>
    </row>
    <row r="241085" spans="8:8">
      <c r="H241085" s="12"/>
    </row>
    <row r="241086" spans="8:8">
      <c r="H241086" s="12"/>
    </row>
    <row r="241087" spans="8:8">
      <c r="H241087" s="12"/>
    </row>
    <row r="241088" spans="8:8">
      <c r="H241088" s="12"/>
    </row>
    <row r="241089" spans="8:8">
      <c r="H241089" s="12"/>
    </row>
    <row r="241090" spans="8:8">
      <c r="H241090" s="12"/>
    </row>
    <row r="241091" spans="8:8">
      <c r="H241091" s="12"/>
    </row>
    <row r="241092" spans="8:8">
      <c r="H241092" s="12"/>
    </row>
    <row r="241093" spans="8:8">
      <c r="H241093" s="12"/>
    </row>
    <row r="241094" spans="8:8">
      <c r="H241094" s="12"/>
    </row>
    <row r="241095" spans="8:8">
      <c r="H241095" s="12"/>
    </row>
    <row r="241096" spans="8:8">
      <c r="H241096" s="12"/>
    </row>
    <row r="241097" spans="8:8">
      <c r="H241097" s="12"/>
    </row>
    <row r="241098" spans="8:8">
      <c r="H241098" s="12"/>
    </row>
    <row r="241099" spans="8:8">
      <c r="H241099" s="12"/>
    </row>
    <row r="241100" spans="8:8">
      <c r="H241100" s="12"/>
    </row>
    <row r="241101" spans="8:8">
      <c r="H241101" s="12"/>
    </row>
    <row r="241102" spans="8:8">
      <c r="H241102" s="12"/>
    </row>
    <row r="241103" spans="8:8">
      <c r="H241103" s="12"/>
    </row>
    <row r="241104" spans="8:8">
      <c r="H241104" s="12"/>
    </row>
    <row r="241105" spans="8:8">
      <c r="H241105" s="12"/>
    </row>
    <row r="241106" spans="8:8">
      <c r="H241106" s="12"/>
    </row>
    <row r="241107" spans="8:8">
      <c r="H241107" s="12"/>
    </row>
    <row r="241108" spans="8:8">
      <c r="H241108" s="12"/>
    </row>
    <row r="241109" spans="8:8">
      <c r="H241109" s="12"/>
    </row>
    <row r="241110" spans="8:8">
      <c r="H241110" s="12"/>
    </row>
    <row r="241111" spans="8:8">
      <c r="H241111" s="12"/>
    </row>
    <row r="241112" spans="8:8">
      <c r="H241112" s="12"/>
    </row>
    <row r="241113" spans="8:8">
      <c r="H241113" s="12"/>
    </row>
    <row r="241114" spans="8:8">
      <c r="H241114" s="12"/>
    </row>
    <row r="241115" spans="8:8">
      <c r="H241115" s="12"/>
    </row>
    <row r="241116" spans="8:8">
      <c r="H241116" s="12"/>
    </row>
    <row r="241117" spans="8:8">
      <c r="H241117" s="12"/>
    </row>
    <row r="241118" spans="8:8">
      <c r="H241118" s="12"/>
    </row>
    <row r="241119" spans="8:8">
      <c r="H241119" s="12"/>
    </row>
    <row r="241120" spans="8:8">
      <c r="H241120" s="12"/>
    </row>
    <row r="241121" spans="8:8">
      <c r="H241121" s="12"/>
    </row>
    <row r="241122" spans="8:8">
      <c r="H241122" s="12"/>
    </row>
    <row r="241123" spans="8:8">
      <c r="H241123" s="12"/>
    </row>
    <row r="241124" spans="8:8">
      <c r="H241124" s="12"/>
    </row>
    <row r="241125" spans="8:8">
      <c r="H241125" s="12"/>
    </row>
    <row r="241126" spans="8:8">
      <c r="H241126" s="12"/>
    </row>
    <row r="241127" spans="8:8">
      <c r="H241127" s="12"/>
    </row>
    <row r="241128" spans="8:8">
      <c r="H241128" s="12"/>
    </row>
    <row r="241129" spans="8:8">
      <c r="H241129" s="12"/>
    </row>
    <row r="241130" spans="8:8">
      <c r="H241130" s="12"/>
    </row>
    <row r="241131" spans="8:8">
      <c r="H241131" s="12"/>
    </row>
    <row r="241132" spans="8:8">
      <c r="H241132" s="12"/>
    </row>
    <row r="241133" spans="8:8">
      <c r="H241133" s="12"/>
    </row>
    <row r="241134" spans="8:8">
      <c r="H241134" s="12"/>
    </row>
    <row r="241135" spans="8:8">
      <c r="H241135" s="12"/>
    </row>
    <row r="241136" spans="8:8">
      <c r="H241136" s="12"/>
    </row>
    <row r="241137" spans="8:8">
      <c r="H241137" s="12"/>
    </row>
    <row r="241138" spans="8:8">
      <c r="H241138" s="12"/>
    </row>
    <row r="241139" spans="8:8">
      <c r="H241139" s="12"/>
    </row>
    <row r="241140" spans="8:8">
      <c r="H241140" s="12"/>
    </row>
    <row r="241141" spans="8:8">
      <c r="H241141" s="12"/>
    </row>
    <row r="241142" spans="8:8">
      <c r="H241142" s="12"/>
    </row>
    <row r="241143" spans="8:8">
      <c r="H241143" s="12"/>
    </row>
    <row r="241144" spans="8:8">
      <c r="H241144" s="12"/>
    </row>
    <row r="241145" spans="8:8">
      <c r="H241145" s="12"/>
    </row>
    <row r="241146" spans="8:8">
      <c r="H241146" s="12"/>
    </row>
    <row r="241147" spans="8:8">
      <c r="H241147" s="12"/>
    </row>
    <row r="241148" spans="8:8">
      <c r="H241148" s="12"/>
    </row>
    <row r="241149" spans="8:8">
      <c r="H241149" s="12"/>
    </row>
    <row r="241150" spans="8:8">
      <c r="H241150" s="12"/>
    </row>
    <row r="241151" spans="8:8">
      <c r="H241151" s="12"/>
    </row>
    <row r="241152" spans="8:8">
      <c r="H241152" s="12"/>
    </row>
    <row r="241153" spans="8:8">
      <c r="H241153" s="12"/>
    </row>
    <row r="241154" spans="8:8">
      <c r="H241154" s="12"/>
    </row>
    <row r="241155" spans="8:8">
      <c r="H241155" s="12"/>
    </row>
    <row r="241156" spans="8:8">
      <c r="H241156" s="12"/>
    </row>
    <row r="241157" spans="8:8">
      <c r="H241157" s="12"/>
    </row>
    <row r="241158" spans="8:8">
      <c r="H241158" s="12"/>
    </row>
    <row r="241159" spans="8:8">
      <c r="H241159" s="12"/>
    </row>
    <row r="241160" spans="8:8">
      <c r="H241160" s="12"/>
    </row>
    <row r="241161" spans="8:8">
      <c r="H241161" s="12"/>
    </row>
    <row r="241162" spans="8:8">
      <c r="H241162" s="12"/>
    </row>
    <row r="241163" spans="8:8">
      <c r="H241163" s="12"/>
    </row>
    <row r="241164" spans="8:8">
      <c r="H241164" s="12"/>
    </row>
    <row r="241165" spans="8:8">
      <c r="H241165" s="12"/>
    </row>
    <row r="241166" spans="8:8">
      <c r="H241166" s="12"/>
    </row>
    <row r="241167" spans="8:8">
      <c r="H241167" s="12"/>
    </row>
    <row r="241168" spans="8:8">
      <c r="H241168" s="12"/>
    </row>
    <row r="241169" spans="8:8">
      <c r="H241169" s="12"/>
    </row>
    <row r="241170" spans="8:8">
      <c r="H241170" s="12"/>
    </row>
    <row r="241171" spans="8:8">
      <c r="H241171" s="12"/>
    </row>
    <row r="241172" spans="8:8">
      <c r="H241172" s="12"/>
    </row>
    <row r="241173" spans="8:8">
      <c r="H241173" s="12"/>
    </row>
    <row r="241174" spans="8:8">
      <c r="H241174" s="12"/>
    </row>
    <row r="241175" spans="8:8">
      <c r="H241175" s="12"/>
    </row>
    <row r="241176" spans="8:8">
      <c r="H241176" s="12"/>
    </row>
    <row r="241177" spans="8:8">
      <c r="H241177" s="12"/>
    </row>
    <row r="241178" spans="8:8">
      <c r="H241178" s="12"/>
    </row>
    <row r="241179" spans="8:8">
      <c r="H241179" s="12"/>
    </row>
    <row r="241180" spans="8:8">
      <c r="H241180" s="12"/>
    </row>
    <row r="241181" spans="8:8">
      <c r="H241181" s="12"/>
    </row>
    <row r="241182" spans="8:8">
      <c r="H241182" s="12"/>
    </row>
    <row r="241183" spans="8:8">
      <c r="H241183" s="12"/>
    </row>
    <row r="241184" spans="8:8">
      <c r="H241184" s="12"/>
    </row>
    <row r="241185" spans="8:8">
      <c r="H241185" s="12"/>
    </row>
    <row r="241186" spans="8:8">
      <c r="H241186" s="12"/>
    </row>
    <row r="241187" spans="8:8">
      <c r="H241187" s="12"/>
    </row>
    <row r="241188" spans="8:8">
      <c r="H241188" s="12"/>
    </row>
    <row r="241189" spans="8:8">
      <c r="H241189" s="12"/>
    </row>
    <row r="241190" spans="8:8">
      <c r="H241190" s="12"/>
    </row>
    <row r="241191" spans="8:8">
      <c r="H241191" s="12"/>
    </row>
    <row r="241192" spans="8:8">
      <c r="H241192" s="12"/>
    </row>
    <row r="241193" spans="8:8">
      <c r="H241193" s="12"/>
    </row>
    <row r="241194" spans="8:8">
      <c r="H241194" s="12"/>
    </row>
    <row r="241195" spans="8:8">
      <c r="H241195" s="12"/>
    </row>
    <row r="241196" spans="8:8">
      <c r="H241196" s="12"/>
    </row>
    <row r="241197" spans="8:8">
      <c r="H241197" s="12"/>
    </row>
    <row r="241198" spans="8:8">
      <c r="H241198" s="12"/>
    </row>
    <row r="241199" spans="8:8">
      <c r="H241199" s="12"/>
    </row>
    <row r="241200" spans="8:8">
      <c r="H241200" s="12"/>
    </row>
    <row r="241201" spans="8:8">
      <c r="H241201" s="12"/>
    </row>
    <row r="241202" spans="8:8">
      <c r="H241202" s="12"/>
    </row>
    <row r="241203" spans="8:8">
      <c r="H241203" s="12"/>
    </row>
    <row r="241204" spans="8:8">
      <c r="H241204" s="12"/>
    </row>
    <row r="241205" spans="8:8">
      <c r="H241205" s="12"/>
    </row>
    <row r="241206" spans="8:8">
      <c r="H241206" s="12"/>
    </row>
    <row r="241207" spans="8:8">
      <c r="H241207" s="12"/>
    </row>
    <row r="241208" spans="8:8">
      <c r="H241208" s="12"/>
    </row>
    <row r="241209" spans="8:8">
      <c r="H241209" s="12"/>
    </row>
    <row r="241210" spans="8:8">
      <c r="H241210" s="12"/>
    </row>
    <row r="241211" spans="8:8">
      <c r="H241211" s="12"/>
    </row>
    <row r="241212" spans="8:8">
      <c r="H241212" s="12"/>
    </row>
    <row r="241213" spans="8:8">
      <c r="H241213" s="12"/>
    </row>
    <row r="241214" spans="8:8">
      <c r="H241214" s="12"/>
    </row>
    <row r="241215" spans="8:8">
      <c r="H241215" s="12"/>
    </row>
    <row r="241216" spans="8:8">
      <c r="H241216" s="12"/>
    </row>
    <row r="241217" spans="8:8">
      <c r="H241217" s="12"/>
    </row>
    <row r="241218" spans="8:8">
      <c r="H241218" s="12"/>
    </row>
    <row r="241219" spans="8:8">
      <c r="H241219" s="12"/>
    </row>
    <row r="241220" spans="8:8">
      <c r="H241220" s="12"/>
    </row>
    <row r="241221" spans="8:8">
      <c r="H241221" s="12"/>
    </row>
    <row r="241222" spans="8:8">
      <c r="H241222" s="12"/>
    </row>
    <row r="241223" spans="8:8">
      <c r="H241223" s="12"/>
    </row>
    <row r="241224" spans="8:8">
      <c r="H241224" s="12"/>
    </row>
    <row r="241225" spans="8:8">
      <c r="H241225" s="12"/>
    </row>
    <row r="241226" spans="8:8">
      <c r="H241226" s="12"/>
    </row>
    <row r="241227" spans="8:8">
      <c r="H241227" s="12"/>
    </row>
    <row r="241228" spans="8:8">
      <c r="H241228" s="12"/>
    </row>
    <row r="241229" spans="8:8">
      <c r="H241229" s="12"/>
    </row>
    <row r="241230" spans="8:8">
      <c r="H241230" s="12"/>
    </row>
    <row r="241231" spans="8:8">
      <c r="H241231" s="12"/>
    </row>
    <row r="241232" spans="8:8">
      <c r="H241232" s="12"/>
    </row>
    <row r="241233" spans="8:8">
      <c r="H241233" s="12"/>
    </row>
    <row r="241234" spans="8:8">
      <c r="H241234" s="12"/>
    </row>
    <row r="241235" spans="8:8">
      <c r="H241235" s="12"/>
    </row>
    <row r="241236" spans="8:8">
      <c r="H241236" s="12"/>
    </row>
    <row r="241237" spans="8:8">
      <c r="H241237" s="12"/>
    </row>
    <row r="241238" spans="8:8">
      <c r="H241238" s="12"/>
    </row>
    <row r="241239" spans="8:8">
      <c r="H241239" s="12"/>
    </row>
    <row r="241240" spans="8:8">
      <c r="H241240" s="12"/>
    </row>
    <row r="241241" spans="8:8">
      <c r="H241241" s="12"/>
    </row>
    <row r="241242" spans="8:8">
      <c r="H241242" s="12"/>
    </row>
    <row r="241243" spans="8:8">
      <c r="H241243" s="12"/>
    </row>
    <row r="241244" spans="8:8">
      <c r="H241244" s="12"/>
    </row>
    <row r="241245" spans="8:8">
      <c r="H241245" s="12"/>
    </row>
    <row r="241246" spans="8:8">
      <c r="H241246" s="12"/>
    </row>
    <row r="241247" spans="8:8">
      <c r="H241247" s="12"/>
    </row>
    <row r="241248" spans="8:8">
      <c r="H241248" s="12"/>
    </row>
    <row r="241249" spans="8:8">
      <c r="H241249" s="12"/>
    </row>
    <row r="241250" spans="8:8">
      <c r="H241250" s="12"/>
    </row>
    <row r="241251" spans="8:8">
      <c r="H241251" s="12"/>
    </row>
    <row r="241252" spans="8:8">
      <c r="H241252" s="12"/>
    </row>
    <row r="241253" spans="8:8">
      <c r="H241253" s="12"/>
    </row>
    <row r="241254" spans="8:8">
      <c r="H241254" s="12"/>
    </row>
    <row r="241255" spans="8:8">
      <c r="H241255" s="12"/>
    </row>
    <row r="241256" spans="8:8">
      <c r="H241256" s="12"/>
    </row>
    <row r="241257" spans="8:8">
      <c r="H241257" s="12"/>
    </row>
    <row r="241258" spans="8:8">
      <c r="H241258" s="12"/>
    </row>
    <row r="241259" spans="8:8">
      <c r="H241259" s="12"/>
    </row>
    <row r="241260" spans="8:8">
      <c r="H241260" s="12"/>
    </row>
    <row r="241261" spans="8:8">
      <c r="H241261" s="12"/>
    </row>
    <row r="241262" spans="8:8">
      <c r="H241262" s="12"/>
    </row>
    <row r="241263" spans="8:8">
      <c r="H241263" s="12"/>
    </row>
    <row r="241264" spans="8:8">
      <c r="H241264" s="12"/>
    </row>
    <row r="241265" spans="8:8">
      <c r="H241265" s="12"/>
    </row>
    <row r="241266" spans="8:8">
      <c r="H241266" s="12"/>
    </row>
    <row r="241267" spans="8:8">
      <c r="H241267" s="12"/>
    </row>
    <row r="241268" spans="8:8">
      <c r="H241268" s="12"/>
    </row>
    <row r="241269" spans="8:8">
      <c r="H241269" s="12"/>
    </row>
    <row r="241270" spans="8:8">
      <c r="H241270" s="12"/>
    </row>
    <row r="241271" spans="8:8">
      <c r="H241271" s="12"/>
    </row>
    <row r="241272" spans="8:8">
      <c r="H241272" s="12"/>
    </row>
    <row r="241273" spans="8:8">
      <c r="H241273" s="12"/>
    </row>
    <row r="241274" spans="8:8">
      <c r="H241274" s="12"/>
    </row>
    <row r="241275" spans="8:8">
      <c r="H241275" s="12"/>
    </row>
    <row r="241276" spans="8:8">
      <c r="H241276" s="12"/>
    </row>
    <row r="241277" spans="8:8">
      <c r="H241277" s="12"/>
    </row>
    <row r="241278" spans="8:8">
      <c r="H241278" s="12"/>
    </row>
    <row r="241279" spans="8:8">
      <c r="H241279" s="12"/>
    </row>
    <row r="241280" spans="8:8">
      <c r="H241280" s="12"/>
    </row>
    <row r="241281" spans="8:8">
      <c r="H241281" s="12"/>
    </row>
    <row r="241282" spans="8:8">
      <c r="H241282" s="12"/>
    </row>
    <row r="241283" spans="8:8">
      <c r="H241283" s="12"/>
    </row>
    <row r="241284" spans="8:8">
      <c r="H241284" s="12"/>
    </row>
    <row r="241285" spans="8:8">
      <c r="H241285" s="12"/>
    </row>
    <row r="241286" spans="8:8">
      <c r="H241286" s="12"/>
    </row>
    <row r="241287" spans="8:8">
      <c r="H241287" s="12"/>
    </row>
    <row r="241288" spans="8:8">
      <c r="H241288" s="12"/>
    </row>
    <row r="241289" spans="8:8">
      <c r="H241289" s="12"/>
    </row>
    <row r="241290" spans="8:8">
      <c r="H241290" s="12"/>
    </row>
    <row r="241291" spans="8:8">
      <c r="H241291" s="12"/>
    </row>
    <row r="241292" spans="8:8">
      <c r="H241292" s="12"/>
    </row>
    <row r="241293" spans="8:8">
      <c r="H241293" s="12"/>
    </row>
    <row r="241294" spans="8:8">
      <c r="H241294" s="12"/>
    </row>
    <row r="241295" spans="8:8">
      <c r="H241295" s="12"/>
    </row>
    <row r="241296" spans="8:8">
      <c r="H241296" s="12"/>
    </row>
    <row r="241297" spans="8:8">
      <c r="H241297" s="12"/>
    </row>
    <row r="241298" spans="8:8">
      <c r="H241298" s="12"/>
    </row>
    <row r="241299" spans="8:8">
      <c r="H241299" s="12"/>
    </row>
    <row r="241300" spans="8:8">
      <c r="H241300" s="12"/>
    </row>
    <row r="241301" spans="8:8">
      <c r="H241301" s="12"/>
    </row>
    <row r="241302" spans="8:8">
      <c r="H241302" s="12"/>
    </row>
    <row r="241303" spans="8:8">
      <c r="H241303" s="12"/>
    </row>
    <row r="241304" spans="8:8">
      <c r="H241304" s="12"/>
    </row>
    <row r="241305" spans="8:8">
      <c r="H241305" s="12"/>
    </row>
    <row r="241306" spans="8:8">
      <c r="H241306" s="12"/>
    </row>
    <row r="241307" spans="8:8">
      <c r="H241307" s="12"/>
    </row>
    <row r="241308" spans="8:8">
      <c r="H241308" s="12"/>
    </row>
    <row r="241309" spans="8:8">
      <c r="H241309" s="12"/>
    </row>
    <row r="241310" spans="8:8">
      <c r="H241310" s="12"/>
    </row>
    <row r="241311" spans="8:8">
      <c r="H241311" s="12"/>
    </row>
    <row r="241312" spans="8:8">
      <c r="H241312" s="12"/>
    </row>
    <row r="241313" spans="8:8">
      <c r="H241313" s="12"/>
    </row>
    <row r="241314" spans="8:8">
      <c r="H241314" s="12"/>
    </row>
    <row r="241315" spans="8:8">
      <c r="H241315" s="12"/>
    </row>
    <row r="241316" spans="8:8">
      <c r="H241316" s="12"/>
    </row>
    <row r="241317" spans="8:8">
      <c r="H241317" s="12"/>
    </row>
    <row r="241318" spans="8:8">
      <c r="H241318" s="12"/>
    </row>
    <row r="241319" spans="8:8">
      <c r="H241319" s="12"/>
    </row>
    <row r="241320" spans="8:8">
      <c r="H241320" s="12"/>
    </row>
    <row r="241321" spans="8:8">
      <c r="H241321" s="12"/>
    </row>
    <row r="241322" spans="8:8">
      <c r="H241322" s="12"/>
    </row>
    <row r="241323" spans="8:8">
      <c r="H241323" s="12"/>
    </row>
    <row r="241324" spans="8:8">
      <c r="H241324" s="12"/>
    </row>
    <row r="241325" spans="8:8">
      <c r="H241325" s="12"/>
    </row>
    <row r="241326" spans="8:8">
      <c r="H241326" s="12"/>
    </row>
    <row r="241327" spans="8:8">
      <c r="H241327" s="12"/>
    </row>
    <row r="241328" spans="8:8">
      <c r="H241328" s="12"/>
    </row>
    <row r="241329" spans="8:8">
      <c r="H241329" s="12"/>
    </row>
    <row r="241330" spans="8:8">
      <c r="H241330" s="12"/>
    </row>
    <row r="241331" spans="8:8">
      <c r="H241331" s="12"/>
    </row>
    <row r="241332" spans="8:8">
      <c r="H241332" s="12"/>
    </row>
    <row r="241333" spans="8:8">
      <c r="H241333" s="12"/>
    </row>
    <row r="241334" spans="8:8">
      <c r="H241334" s="12"/>
    </row>
    <row r="241335" spans="8:8">
      <c r="H241335" s="12"/>
    </row>
    <row r="241336" spans="8:8">
      <c r="H241336" s="12"/>
    </row>
    <row r="241337" spans="8:8">
      <c r="H241337" s="12"/>
    </row>
    <row r="241338" spans="8:8">
      <c r="H241338" s="12"/>
    </row>
    <row r="241339" spans="8:8">
      <c r="H241339" s="12"/>
    </row>
    <row r="241340" spans="8:8">
      <c r="H241340" s="12"/>
    </row>
    <row r="241341" spans="8:8">
      <c r="H241341" s="12"/>
    </row>
    <row r="241342" spans="8:8">
      <c r="H241342" s="12"/>
    </row>
    <row r="241343" spans="8:8">
      <c r="H241343" s="12"/>
    </row>
    <row r="241344" spans="8:8">
      <c r="H241344" s="12"/>
    </row>
    <row r="241345" spans="8:8">
      <c r="H241345" s="12"/>
    </row>
    <row r="241346" spans="8:8">
      <c r="H241346" s="12"/>
    </row>
    <row r="241347" spans="8:8">
      <c r="H241347" s="12"/>
    </row>
    <row r="241348" spans="8:8">
      <c r="H241348" s="12"/>
    </row>
    <row r="241349" spans="8:8">
      <c r="H241349" s="12"/>
    </row>
    <row r="241350" spans="8:8">
      <c r="H241350" s="12"/>
    </row>
    <row r="241351" spans="8:8">
      <c r="H241351" s="12"/>
    </row>
    <row r="241352" spans="8:8">
      <c r="H241352" s="12"/>
    </row>
    <row r="241353" spans="8:8">
      <c r="H241353" s="12"/>
    </row>
    <row r="241354" spans="8:8">
      <c r="H241354" s="12"/>
    </row>
    <row r="241355" spans="8:8">
      <c r="H241355" s="12"/>
    </row>
    <row r="241356" spans="8:8">
      <c r="H241356" s="12"/>
    </row>
    <row r="241357" spans="8:8">
      <c r="H241357" s="12"/>
    </row>
    <row r="241358" spans="8:8">
      <c r="H241358" s="12"/>
    </row>
    <row r="241359" spans="8:8">
      <c r="H241359" s="12"/>
    </row>
    <row r="241360" spans="8:8">
      <c r="H241360" s="12"/>
    </row>
    <row r="241361" spans="8:8">
      <c r="H241361" s="12"/>
    </row>
    <row r="241362" spans="8:8">
      <c r="H241362" s="12"/>
    </row>
    <row r="241363" spans="8:8">
      <c r="H241363" s="12"/>
    </row>
    <row r="241364" spans="8:8">
      <c r="H241364" s="12"/>
    </row>
    <row r="241365" spans="8:8">
      <c r="H241365" s="12"/>
    </row>
    <row r="241366" spans="8:8">
      <c r="H241366" s="12"/>
    </row>
    <row r="241367" spans="8:8">
      <c r="H241367" s="12"/>
    </row>
    <row r="241368" spans="8:8">
      <c r="H241368" s="12"/>
    </row>
    <row r="241369" spans="8:8">
      <c r="H241369" s="12"/>
    </row>
    <row r="241370" spans="8:8">
      <c r="H241370" s="12"/>
    </row>
    <row r="241371" spans="8:8">
      <c r="H241371" s="12"/>
    </row>
    <row r="241372" spans="8:8">
      <c r="H241372" s="12"/>
    </row>
    <row r="241373" spans="8:8">
      <c r="H241373" s="12"/>
    </row>
    <row r="241374" spans="8:8">
      <c r="H241374" s="12"/>
    </row>
    <row r="241375" spans="8:8">
      <c r="H241375" s="12"/>
    </row>
    <row r="241376" spans="8:8">
      <c r="H241376" s="12"/>
    </row>
    <row r="241377" spans="8:8">
      <c r="H241377" s="12"/>
    </row>
    <row r="241378" spans="8:8">
      <c r="H241378" s="12"/>
    </row>
    <row r="241379" spans="8:8">
      <c r="H241379" s="12"/>
    </row>
    <row r="241380" spans="8:8">
      <c r="H241380" s="12"/>
    </row>
    <row r="241381" spans="8:8">
      <c r="H241381" s="12"/>
    </row>
    <row r="241382" spans="8:8">
      <c r="H241382" s="12"/>
    </row>
    <row r="241383" spans="8:8">
      <c r="H241383" s="12"/>
    </row>
    <row r="241384" spans="8:8">
      <c r="H241384" s="12"/>
    </row>
    <row r="241385" spans="8:8">
      <c r="H241385" s="12"/>
    </row>
    <row r="241386" spans="8:8">
      <c r="H241386" s="12"/>
    </row>
    <row r="241387" spans="8:8">
      <c r="H241387" s="12"/>
    </row>
    <row r="241388" spans="8:8">
      <c r="H241388" s="12"/>
    </row>
    <row r="241389" spans="8:8">
      <c r="H241389" s="12"/>
    </row>
    <row r="241390" spans="8:8">
      <c r="H241390" s="12"/>
    </row>
    <row r="241391" spans="8:8">
      <c r="H241391" s="12"/>
    </row>
    <row r="241392" spans="8:8">
      <c r="H241392" s="12"/>
    </row>
    <row r="241393" spans="8:8">
      <c r="H241393" s="12"/>
    </row>
    <row r="241394" spans="8:8">
      <c r="H241394" s="12"/>
    </row>
    <row r="241395" spans="8:8">
      <c r="H241395" s="12"/>
    </row>
    <row r="241396" spans="8:8">
      <c r="H241396" s="12"/>
    </row>
    <row r="241397" spans="8:8">
      <c r="H241397" s="12"/>
    </row>
    <row r="241398" spans="8:8">
      <c r="H241398" s="12"/>
    </row>
    <row r="241399" spans="8:8">
      <c r="H241399" s="12"/>
    </row>
    <row r="241400" spans="8:8">
      <c r="H241400" s="12"/>
    </row>
    <row r="241401" spans="8:8">
      <c r="H241401" s="12"/>
    </row>
    <row r="241402" spans="8:8">
      <c r="H241402" s="12"/>
    </row>
    <row r="241403" spans="8:8">
      <c r="H241403" s="12"/>
    </row>
    <row r="241404" spans="8:8">
      <c r="H241404" s="12"/>
    </row>
    <row r="241405" spans="8:8">
      <c r="H241405" s="12"/>
    </row>
    <row r="241406" spans="8:8">
      <c r="H241406" s="12"/>
    </row>
    <row r="241407" spans="8:8">
      <c r="H241407" s="12"/>
    </row>
    <row r="241408" spans="8:8">
      <c r="H241408" s="12"/>
    </row>
    <row r="241409" spans="8:8">
      <c r="H241409" s="12"/>
    </row>
    <row r="241410" spans="8:8">
      <c r="H241410" s="12"/>
    </row>
    <row r="241411" spans="8:8">
      <c r="H241411" s="12"/>
    </row>
    <row r="241412" spans="8:8">
      <c r="H241412" s="12"/>
    </row>
    <row r="241413" spans="8:8">
      <c r="H241413" s="12"/>
    </row>
    <row r="241414" spans="8:8">
      <c r="H241414" s="12"/>
    </row>
    <row r="241415" spans="8:8">
      <c r="H241415" s="12"/>
    </row>
    <row r="241416" spans="8:8">
      <c r="H241416" s="12"/>
    </row>
    <row r="241417" spans="8:8">
      <c r="H241417" s="12"/>
    </row>
    <row r="241418" spans="8:8">
      <c r="H241418" s="12"/>
    </row>
    <row r="241419" spans="8:8">
      <c r="H241419" s="12"/>
    </row>
    <row r="241420" spans="8:8">
      <c r="H241420" s="12"/>
    </row>
    <row r="241421" spans="8:8">
      <c r="H241421" s="12"/>
    </row>
    <row r="241422" spans="8:8">
      <c r="H241422" s="12"/>
    </row>
    <row r="241423" spans="8:8">
      <c r="H241423" s="12"/>
    </row>
    <row r="241424" spans="8:8">
      <c r="H241424" s="12"/>
    </row>
    <row r="241425" spans="8:8">
      <c r="H241425" s="12"/>
    </row>
    <row r="241426" spans="8:8">
      <c r="H241426" s="12"/>
    </row>
    <row r="241427" spans="8:8">
      <c r="H241427" s="12"/>
    </row>
    <row r="241428" spans="8:8">
      <c r="H241428" s="12"/>
    </row>
    <row r="241429" spans="8:8">
      <c r="H241429" s="12"/>
    </row>
    <row r="241430" spans="8:8">
      <c r="H241430" s="12"/>
    </row>
    <row r="241431" spans="8:8">
      <c r="H241431" s="12"/>
    </row>
    <row r="241432" spans="8:8">
      <c r="H241432" s="12"/>
    </row>
    <row r="241433" spans="8:8">
      <c r="H241433" s="12"/>
    </row>
    <row r="241434" spans="8:8">
      <c r="H241434" s="12"/>
    </row>
    <row r="241435" spans="8:8">
      <c r="H241435" s="12"/>
    </row>
    <row r="241436" spans="8:8">
      <c r="H241436" s="12"/>
    </row>
    <row r="241437" spans="8:8">
      <c r="H241437" s="12"/>
    </row>
    <row r="241438" spans="8:8">
      <c r="H241438" s="12"/>
    </row>
    <row r="241439" spans="8:8">
      <c r="H241439" s="12"/>
    </row>
    <row r="241440" spans="8:8">
      <c r="H241440" s="12"/>
    </row>
    <row r="241441" spans="8:8">
      <c r="H241441" s="12"/>
    </row>
    <row r="241442" spans="8:8">
      <c r="H241442" s="12"/>
    </row>
    <row r="241443" spans="8:8">
      <c r="H241443" s="12"/>
    </row>
    <row r="241444" spans="8:8">
      <c r="H241444" s="12"/>
    </row>
    <row r="241445" spans="8:8">
      <c r="H241445" s="12"/>
    </row>
    <row r="241446" spans="8:8">
      <c r="H241446" s="12"/>
    </row>
    <row r="241447" spans="8:8">
      <c r="H241447" s="12"/>
    </row>
    <row r="241448" spans="8:8">
      <c r="H241448" s="12"/>
    </row>
    <row r="241449" spans="8:8">
      <c r="H241449" s="12"/>
    </row>
    <row r="241450" spans="8:8">
      <c r="H241450" s="12"/>
    </row>
    <row r="241451" spans="8:8">
      <c r="H241451" s="12"/>
    </row>
    <row r="241452" spans="8:8">
      <c r="H241452" s="12"/>
    </row>
    <row r="241453" spans="8:8">
      <c r="H241453" s="12"/>
    </row>
    <row r="241454" spans="8:8">
      <c r="H241454" s="12"/>
    </row>
    <row r="241455" spans="8:8">
      <c r="H241455" s="12"/>
    </row>
    <row r="241456" spans="8:8">
      <c r="H241456" s="12"/>
    </row>
    <row r="241457" spans="8:8">
      <c r="H241457" s="12"/>
    </row>
    <row r="241458" spans="8:8">
      <c r="H241458" s="12"/>
    </row>
    <row r="241459" spans="8:8">
      <c r="H241459" s="12"/>
    </row>
    <row r="241460" spans="8:8">
      <c r="H241460" s="12"/>
    </row>
    <row r="241461" spans="8:8">
      <c r="H241461" s="12"/>
    </row>
    <row r="241462" spans="8:8">
      <c r="H241462" s="12"/>
    </row>
    <row r="241463" spans="8:8">
      <c r="H241463" s="12"/>
    </row>
    <row r="241464" spans="8:8">
      <c r="H241464" s="12"/>
    </row>
    <row r="241465" spans="8:8">
      <c r="H241465" s="12"/>
    </row>
    <row r="241466" spans="8:8">
      <c r="H241466" s="12"/>
    </row>
    <row r="241467" spans="8:8">
      <c r="H241467" s="12"/>
    </row>
    <row r="241468" spans="8:8">
      <c r="H241468" s="12"/>
    </row>
    <row r="241469" spans="8:8">
      <c r="H241469" s="12"/>
    </row>
    <row r="241470" spans="8:8">
      <c r="H241470" s="12"/>
    </row>
    <row r="241471" spans="8:8">
      <c r="H241471" s="12"/>
    </row>
    <row r="241472" spans="8:8">
      <c r="H241472" s="12"/>
    </row>
    <row r="241473" spans="8:8">
      <c r="H241473" s="12"/>
    </row>
    <row r="241474" spans="8:8">
      <c r="H241474" s="12"/>
    </row>
    <row r="241475" spans="8:8">
      <c r="H241475" s="12"/>
    </row>
    <row r="241476" spans="8:8">
      <c r="H241476" s="12"/>
    </row>
    <row r="241477" spans="8:8">
      <c r="H241477" s="12"/>
    </row>
    <row r="241478" spans="8:8">
      <c r="H241478" s="12"/>
    </row>
    <row r="241479" spans="8:8">
      <c r="H241479" s="12"/>
    </row>
    <row r="241480" spans="8:8">
      <c r="H241480" s="12"/>
    </row>
    <row r="241481" spans="8:8">
      <c r="H241481" s="12"/>
    </row>
    <row r="241482" spans="8:8">
      <c r="H241482" s="12"/>
    </row>
    <row r="241483" spans="8:8">
      <c r="H241483" s="12"/>
    </row>
    <row r="241484" spans="8:8">
      <c r="H241484" s="12"/>
    </row>
    <row r="241485" spans="8:8">
      <c r="H241485" s="12"/>
    </row>
    <row r="241486" spans="8:8">
      <c r="H241486" s="12"/>
    </row>
    <row r="241487" spans="8:8">
      <c r="H241487" s="12"/>
    </row>
    <row r="241488" spans="8:8">
      <c r="H241488" s="12"/>
    </row>
    <row r="241489" spans="8:8">
      <c r="H241489" s="12"/>
    </row>
    <row r="241490" spans="8:8">
      <c r="H241490" s="12"/>
    </row>
    <row r="241491" spans="8:8">
      <c r="H241491" s="12"/>
    </row>
    <row r="241492" spans="8:8">
      <c r="H241492" s="12"/>
    </row>
    <row r="241493" spans="8:8">
      <c r="H241493" s="12"/>
    </row>
    <row r="241494" spans="8:8">
      <c r="H241494" s="12"/>
    </row>
    <row r="241495" spans="8:8">
      <c r="H241495" s="12"/>
    </row>
    <row r="241496" spans="8:8">
      <c r="H241496" s="12"/>
    </row>
    <row r="241497" spans="8:8">
      <c r="H241497" s="12"/>
    </row>
    <row r="241498" spans="8:8">
      <c r="H241498" s="12"/>
    </row>
    <row r="241499" spans="8:8">
      <c r="H241499" s="12"/>
    </row>
    <row r="241500" spans="8:8">
      <c r="H241500" s="12"/>
    </row>
    <row r="241501" spans="8:8">
      <c r="H241501" s="12"/>
    </row>
    <row r="241502" spans="8:8">
      <c r="H241502" s="12"/>
    </row>
    <row r="241503" spans="8:8">
      <c r="H241503" s="12"/>
    </row>
    <row r="241504" spans="8:8">
      <c r="H241504" s="12"/>
    </row>
    <row r="241505" spans="8:8">
      <c r="H241505" s="12"/>
    </row>
    <row r="241506" spans="8:8">
      <c r="H241506" s="12"/>
    </row>
    <row r="241507" spans="8:8">
      <c r="H241507" s="12"/>
    </row>
    <row r="241508" spans="8:8">
      <c r="H241508" s="12"/>
    </row>
    <row r="241509" spans="8:8">
      <c r="H241509" s="12"/>
    </row>
    <row r="241510" spans="8:8">
      <c r="H241510" s="12"/>
    </row>
    <row r="241511" spans="8:8">
      <c r="H241511" s="12"/>
    </row>
    <row r="241512" spans="8:8">
      <c r="H241512" s="12"/>
    </row>
    <row r="241513" spans="8:8">
      <c r="H241513" s="12"/>
    </row>
    <row r="241514" spans="8:8">
      <c r="H241514" s="12"/>
    </row>
    <row r="241515" spans="8:8">
      <c r="H241515" s="12"/>
    </row>
    <row r="241516" spans="8:8">
      <c r="H241516" s="12"/>
    </row>
    <row r="241517" spans="8:8">
      <c r="H241517" s="12"/>
    </row>
    <row r="241518" spans="8:8">
      <c r="H241518" s="12"/>
    </row>
    <row r="241519" spans="8:8">
      <c r="H241519" s="12"/>
    </row>
    <row r="241520" spans="8:8">
      <c r="H241520" s="12"/>
    </row>
    <row r="241521" spans="8:8">
      <c r="H241521" s="12"/>
    </row>
    <row r="241522" spans="8:8">
      <c r="H241522" s="12"/>
    </row>
    <row r="241523" spans="8:8">
      <c r="H241523" s="12"/>
    </row>
    <row r="241524" spans="8:8">
      <c r="H241524" s="12"/>
    </row>
    <row r="241525" spans="8:8">
      <c r="H241525" s="12"/>
    </row>
    <row r="241526" spans="8:8">
      <c r="H241526" s="12"/>
    </row>
    <row r="241527" spans="8:8">
      <c r="H241527" s="12"/>
    </row>
    <row r="241528" spans="8:8">
      <c r="H241528" s="12"/>
    </row>
    <row r="241529" spans="8:8">
      <c r="H241529" s="12"/>
    </row>
    <row r="241530" spans="8:8">
      <c r="H241530" s="12"/>
    </row>
    <row r="241531" spans="8:8">
      <c r="H241531" s="12"/>
    </row>
    <row r="241532" spans="8:8">
      <c r="H241532" s="12"/>
    </row>
    <row r="241533" spans="8:8">
      <c r="H241533" s="12"/>
    </row>
    <row r="241534" spans="8:8">
      <c r="H241534" s="12"/>
    </row>
    <row r="241535" spans="8:8">
      <c r="H241535" s="12"/>
    </row>
    <row r="241536" spans="8:8">
      <c r="H241536" s="12"/>
    </row>
    <row r="241537" spans="8:8">
      <c r="H241537" s="12"/>
    </row>
    <row r="241538" spans="8:8">
      <c r="H241538" s="12"/>
    </row>
    <row r="241539" spans="8:8">
      <c r="H241539" s="12"/>
    </row>
    <row r="241540" spans="8:8">
      <c r="H241540" s="12"/>
    </row>
    <row r="241541" spans="8:8">
      <c r="H241541" s="12"/>
    </row>
    <row r="241542" spans="8:8">
      <c r="H241542" s="12"/>
    </row>
    <row r="241543" spans="8:8">
      <c r="H241543" s="12"/>
    </row>
    <row r="241544" spans="8:8">
      <c r="H241544" s="12"/>
    </row>
    <row r="241545" spans="8:8">
      <c r="H241545" s="12"/>
    </row>
    <row r="241546" spans="8:8">
      <c r="H241546" s="12"/>
    </row>
    <row r="241547" spans="8:8">
      <c r="H241547" s="12"/>
    </row>
    <row r="241548" spans="8:8">
      <c r="H241548" s="12"/>
    </row>
    <row r="241549" spans="8:8">
      <c r="H241549" s="12"/>
    </row>
    <row r="241550" spans="8:8">
      <c r="H241550" s="12"/>
    </row>
    <row r="241551" spans="8:8">
      <c r="H241551" s="12"/>
    </row>
    <row r="241552" spans="8:8">
      <c r="H241552" s="12"/>
    </row>
    <row r="241553" spans="8:8">
      <c r="H241553" s="12"/>
    </row>
    <row r="241554" spans="8:8">
      <c r="H241554" s="12"/>
    </row>
    <row r="241555" spans="8:8">
      <c r="H241555" s="12"/>
    </row>
    <row r="241556" spans="8:8">
      <c r="H241556" s="12"/>
    </row>
    <row r="241557" spans="8:8">
      <c r="H241557" s="12"/>
    </row>
    <row r="241558" spans="8:8">
      <c r="H241558" s="12"/>
    </row>
    <row r="241559" spans="8:8">
      <c r="H241559" s="12"/>
    </row>
    <row r="241560" spans="8:8">
      <c r="H241560" s="12"/>
    </row>
    <row r="241561" spans="8:8">
      <c r="H241561" s="12"/>
    </row>
    <row r="241562" spans="8:8">
      <c r="H241562" s="12"/>
    </row>
    <row r="241563" spans="8:8">
      <c r="H241563" s="12"/>
    </row>
    <row r="241564" spans="8:8">
      <c r="H241564" s="12"/>
    </row>
    <row r="241565" spans="8:8">
      <c r="H241565" s="12"/>
    </row>
    <row r="241566" spans="8:8">
      <c r="H241566" s="12"/>
    </row>
    <row r="241567" spans="8:8">
      <c r="H241567" s="12"/>
    </row>
    <row r="241568" spans="8:8">
      <c r="H241568" s="12"/>
    </row>
    <row r="241569" spans="8:8">
      <c r="H241569" s="12"/>
    </row>
    <row r="241570" spans="8:8">
      <c r="H241570" s="12"/>
    </row>
    <row r="241571" spans="8:8">
      <c r="H241571" s="12"/>
    </row>
    <row r="241572" spans="8:8">
      <c r="H241572" s="12"/>
    </row>
    <row r="241573" spans="8:8">
      <c r="H241573" s="12"/>
    </row>
    <row r="241574" spans="8:8">
      <c r="H241574" s="12"/>
    </row>
    <row r="241575" spans="8:8">
      <c r="H241575" s="12"/>
    </row>
    <row r="241576" spans="8:8">
      <c r="H241576" s="12"/>
    </row>
    <row r="241577" spans="8:8">
      <c r="H241577" s="12"/>
    </row>
    <row r="241578" spans="8:8">
      <c r="H241578" s="12"/>
    </row>
    <row r="241579" spans="8:8">
      <c r="H241579" s="12"/>
    </row>
    <row r="241580" spans="8:8">
      <c r="H241580" s="12"/>
    </row>
    <row r="241581" spans="8:8">
      <c r="H241581" s="12"/>
    </row>
    <row r="241582" spans="8:8">
      <c r="H241582" s="12"/>
    </row>
    <row r="241583" spans="8:8">
      <c r="H241583" s="12"/>
    </row>
    <row r="241584" spans="8:8">
      <c r="H241584" s="12"/>
    </row>
    <row r="241585" spans="8:8">
      <c r="H241585" s="12"/>
    </row>
    <row r="241586" spans="8:8">
      <c r="H241586" s="12"/>
    </row>
    <row r="241587" spans="8:8">
      <c r="H241587" s="12"/>
    </row>
    <row r="241588" spans="8:8">
      <c r="H241588" s="12"/>
    </row>
    <row r="241589" spans="8:8">
      <c r="H241589" s="12"/>
    </row>
    <row r="241590" spans="8:8">
      <c r="H241590" s="12"/>
    </row>
    <row r="241591" spans="8:8">
      <c r="H241591" s="12"/>
    </row>
    <row r="241592" spans="8:8">
      <c r="H241592" s="12"/>
    </row>
    <row r="241593" spans="8:8">
      <c r="H241593" s="12"/>
    </row>
    <row r="241594" spans="8:8">
      <c r="H241594" s="12"/>
    </row>
    <row r="241595" spans="8:8">
      <c r="H241595" s="12"/>
    </row>
    <row r="241596" spans="8:8">
      <c r="H241596" s="12"/>
    </row>
    <row r="241597" spans="8:8">
      <c r="H241597" s="12"/>
    </row>
    <row r="241598" spans="8:8">
      <c r="H241598" s="12"/>
    </row>
    <row r="241599" spans="8:8">
      <c r="H241599" s="12"/>
    </row>
    <row r="241600" spans="8:8">
      <c r="H241600" s="12"/>
    </row>
    <row r="241601" spans="8:8">
      <c r="H241601" s="12"/>
    </row>
    <row r="241602" spans="8:8">
      <c r="H241602" s="12"/>
    </row>
    <row r="241603" spans="8:8">
      <c r="H241603" s="12"/>
    </row>
    <row r="241604" spans="8:8">
      <c r="H241604" s="12"/>
    </row>
    <row r="241605" spans="8:8">
      <c r="H241605" s="12"/>
    </row>
    <row r="241606" spans="8:8">
      <c r="H241606" s="12"/>
    </row>
    <row r="241607" spans="8:8">
      <c r="H241607" s="12"/>
    </row>
    <row r="241608" spans="8:8">
      <c r="H241608" s="12"/>
    </row>
    <row r="241609" spans="8:8">
      <c r="H241609" s="12"/>
    </row>
    <row r="241610" spans="8:8">
      <c r="H241610" s="12"/>
    </row>
    <row r="241611" spans="8:8">
      <c r="H241611" s="12"/>
    </row>
    <row r="241612" spans="8:8">
      <c r="H241612" s="12"/>
    </row>
    <row r="241613" spans="8:8">
      <c r="H241613" s="12"/>
    </row>
    <row r="241614" spans="8:8">
      <c r="H241614" s="12"/>
    </row>
    <row r="241615" spans="8:8">
      <c r="H241615" s="12"/>
    </row>
    <row r="241616" spans="8:8">
      <c r="H241616" s="12"/>
    </row>
    <row r="241617" spans="8:8">
      <c r="H241617" s="12"/>
    </row>
    <row r="241618" spans="8:8">
      <c r="H241618" s="12"/>
    </row>
    <row r="241619" spans="8:8">
      <c r="H241619" s="12"/>
    </row>
    <row r="241620" spans="8:8">
      <c r="H241620" s="12"/>
    </row>
    <row r="241621" spans="8:8">
      <c r="H241621" s="12"/>
    </row>
    <row r="241622" spans="8:8">
      <c r="H241622" s="12"/>
    </row>
    <row r="241623" spans="8:8">
      <c r="H241623" s="12"/>
    </row>
    <row r="241624" spans="8:8">
      <c r="H241624" s="12"/>
    </row>
    <row r="241625" spans="8:8">
      <c r="H241625" s="12"/>
    </row>
    <row r="241626" spans="8:8">
      <c r="H241626" s="12"/>
    </row>
    <row r="241627" spans="8:8">
      <c r="H241627" s="12"/>
    </row>
    <row r="241628" spans="8:8">
      <c r="H241628" s="12"/>
    </row>
    <row r="241629" spans="8:8">
      <c r="H241629" s="12"/>
    </row>
    <row r="241630" spans="8:8">
      <c r="H241630" s="12"/>
    </row>
    <row r="241631" spans="8:8">
      <c r="H241631" s="12"/>
    </row>
    <row r="241632" spans="8:8">
      <c r="H241632" s="12"/>
    </row>
    <row r="241633" spans="8:8">
      <c r="H241633" s="12"/>
    </row>
    <row r="241634" spans="8:8">
      <c r="H241634" s="12"/>
    </row>
    <row r="241635" spans="8:8">
      <c r="H241635" s="12"/>
    </row>
    <row r="241636" spans="8:8">
      <c r="H241636" s="12"/>
    </row>
    <row r="241637" spans="8:8">
      <c r="H241637" s="12"/>
    </row>
    <row r="241638" spans="8:8">
      <c r="H241638" s="12"/>
    </row>
    <row r="241639" spans="8:8">
      <c r="H241639" s="12"/>
    </row>
    <row r="241640" spans="8:8">
      <c r="H241640" s="12"/>
    </row>
    <row r="241641" spans="8:8">
      <c r="H241641" s="12"/>
    </row>
    <row r="241642" spans="8:8">
      <c r="H241642" s="12"/>
    </row>
    <row r="241643" spans="8:8">
      <c r="H241643" s="12"/>
    </row>
    <row r="241644" spans="8:8">
      <c r="H241644" s="12"/>
    </row>
    <row r="241645" spans="8:8">
      <c r="H241645" s="12"/>
    </row>
    <row r="241646" spans="8:8">
      <c r="H241646" s="12"/>
    </row>
    <row r="241647" spans="8:8">
      <c r="H241647" s="12"/>
    </row>
    <row r="241648" spans="8:8">
      <c r="H241648" s="12"/>
    </row>
    <row r="241649" spans="8:8">
      <c r="H241649" s="12"/>
    </row>
    <row r="241650" spans="8:8">
      <c r="H241650" s="12"/>
    </row>
    <row r="241651" spans="8:8">
      <c r="H241651" s="12"/>
    </row>
    <row r="241652" spans="8:8">
      <c r="H241652" s="12"/>
    </row>
    <row r="241653" spans="8:8">
      <c r="H241653" s="12"/>
    </row>
    <row r="241654" spans="8:8">
      <c r="H241654" s="12"/>
    </row>
    <row r="241655" spans="8:8">
      <c r="H241655" s="12"/>
    </row>
    <row r="241656" spans="8:8">
      <c r="H241656" s="12"/>
    </row>
    <row r="241657" spans="8:8">
      <c r="H241657" s="12"/>
    </row>
    <row r="241658" spans="8:8">
      <c r="H241658" s="12"/>
    </row>
    <row r="241659" spans="8:8">
      <c r="H241659" s="12"/>
    </row>
    <row r="241660" spans="8:8">
      <c r="H241660" s="12"/>
    </row>
    <row r="241661" spans="8:8">
      <c r="H241661" s="12"/>
    </row>
    <row r="241662" spans="8:8">
      <c r="H241662" s="12"/>
    </row>
    <row r="241663" spans="8:8">
      <c r="H241663" s="12"/>
    </row>
    <row r="241664" spans="8:8">
      <c r="H241664" s="12"/>
    </row>
    <row r="241665" spans="8:8">
      <c r="H241665" s="12"/>
    </row>
    <row r="241666" spans="8:8">
      <c r="H241666" s="12"/>
    </row>
    <row r="241667" spans="8:8">
      <c r="H241667" s="12"/>
    </row>
    <row r="241668" spans="8:8">
      <c r="H241668" s="12"/>
    </row>
    <row r="241669" spans="8:8">
      <c r="H241669" s="12"/>
    </row>
    <row r="241670" spans="8:8">
      <c r="H241670" s="12"/>
    </row>
    <row r="241671" spans="8:8">
      <c r="H241671" s="12"/>
    </row>
    <row r="241672" spans="8:8">
      <c r="H241672" s="12"/>
    </row>
    <row r="241673" spans="8:8">
      <c r="H241673" s="12"/>
    </row>
    <row r="241674" spans="8:8">
      <c r="H241674" s="12"/>
    </row>
    <row r="241675" spans="8:8">
      <c r="H241675" s="12"/>
    </row>
    <row r="241676" spans="8:8">
      <c r="H241676" s="12"/>
    </row>
    <row r="241677" spans="8:8">
      <c r="H241677" s="12"/>
    </row>
    <row r="241678" spans="8:8">
      <c r="H241678" s="12"/>
    </row>
    <row r="241679" spans="8:8">
      <c r="H241679" s="12"/>
    </row>
    <row r="241680" spans="8:8">
      <c r="H241680" s="12"/>
    </row>
    <row r="241681" spans="8:8">
      <c r="H241681" s="12"/>
    </row>
    <row r="241682" spans="8:8">
      <c r="H241682" s="12"/>
    </row>
    <row r="241683" spans="8:8">
      <c r="H241683" s="12"/>
    </row>
    <row r="241684" spans="8:8">
      <c r="H241684" s="12"/>
    </row>
    <row r="241685" spans="8:8">
      <c r="H241685" s="12"/>
    </row>
    <row r="241686" spans="8:8">
      <c r="H241686" s="12"/>
    </row>
    <row r="241687" spans="8:8">
      <c r="H241687" s="12"/>
    </row>
    <row r="241688" spans="8:8">
      <c r="H241688" s="12"/>
    </row>
    <row r="241689" spans="8:8">
      <c r="H241689" s="12"/>
    </row>
    <row r="241690" spans="8:8">
      <c r="H241690" s="12"/>
    </row>
    <row r="241691" spans="8:8">
      <c r="H241691" s="12"/>
    </row>
    <row r="241692" spans="8:8">
      <c r="H241692" s="12"/>
    </row>
    <row r="241693" spans="8:8">
      <c r="H241693" s="12"/>
    </row>
    <row r="241694" spans="8:8">
      <c r="H241694" s="12"/>
    </row>
    <row r="241695" spans="8:8">
      <c r="H241695" s="12"/>
    </row>
    <row r="241696" spans="8:8">
      <c r="H241696" s="12"/>
    </row>
    <row r="241697" spans="8:8">
      <c r="H241697" s="12"/>
    </row>
    <row r="241698" spans="8:8">
      <c r="H241698" s="12"/>
    </row>
    <row r="241699" spans="8:8">
      <c r="H241699" s="12"/>
    </row>
    <row r="241700" spans="8:8">
      <c r="H241700" s="12"/>
    </row>
    <row r="241701" spans="8:8">
      <c r="H241701" s="12"/>
    </row>
    <row r="241702" spans="8:8">
      <c r="H241702" s="12"/>
    </row>
    <row r="241703" spans="8:8">
      <c r="H241703" s="12"/>
    </row>
    <row r="241704" spans="8:8">
      <c r="H241704" s="12"/>
    </row>
    <row r="241705" spans="8:8">
      <c r="H241705" s="12"/>
    </row>
    <row r="241706" spans="8:8">
      <c r="H241706" s="12"/>
    </row>
    <row r="241707" spans="8:8">
      <c r="H241707" s="12"/>
    </row>
    <row r="241708" spans="8:8">
      <c r="H241708" s="12"/>
    </row>
    <row r="241709" spans="8:8">
      <c r="H241709" s="12"/>
    </row>
    <row r="241710" spans="8:8">
      <c r="H241710" s="12"/>
    </row>
    <row r="241711" spans="8:8">
      <c r="H241711" s="12"/>
    </row>
    <row r="241712" spans="8:8">
      <c r="H241712" s="12"/>
    </row>
    <row r="241713" spans="8:8">
      <c r="H241713" s="12"/>
    </row>
    <row r="241714" spans="8:8">
      <c r="H241714" s="12"/>
    </row>
    <row r="241715" spans="8:8">
      <c r="H241715" s="12"/>
    </row>
    <row r="241716" spans="8:8">
      <c r="H241716" s="12"/>
    </row>
    <row r="241717" spans="8:8">
      <c r="H241717" s="12"/>
    </row>
    <row r="241718" spans="8:8">
      <c r="H241718" s="12"/>
    </row>
    <row r="241719" spans="8:8">
      <c r="H241719" s="12"/>
    </row>
    <row r="241720" spans="8:8">
      <c r="H241720" s="12"/>
    </row>
    <row r="241721" spans="8:8">
      <c r="H241721" s="12"/>
    </row>
    <row r="241722" spans="8:8">
      <c r="H241722" s="12"/>
    </row>
    <row r="241723" spans="8:8">
      <c r="H241723" s="12"/>
    </row>
    <row r="241724" spans="8:8">
      <c r="H241724" s="12"/>
    </row>
    <row r="241725" spans="8:8">
      <c r="H241725" s="12"/>
    </row>
    <row r="241726" spans="8:8">
      <c r="H241726" s="12"/>
    </row>
    <row r="241727" spans="8:8">
      <c r="H241727" s="12"/>
    </row>
    <row r="241728" spans="8:8">
      <c r="H241728" s="12"/>
    </row>
    <row r="241729" spans="8:8">
      <c r="H241729" s="12"/>
    </row>
    <row r="241730" spans="8:8">
      <c r="H241730" s="12"/>
    </row>
    <row r="241731" spans="8:8">
      <c r="H241731" s="12"/>
    </row>
    <row r="241732" spans="8:8">
      <c r="H241732" s="12"/>
    </row>
    <row r="241733" spans="8:8">
      <c r="H241733" s="12"/>
    </row>
    <row r="241734" spans="8:8">
      <c r="H241734" s="12"/>
    </row>
    <row r="241735" spans="8:8">
      <c r="H241735" s="12"/>
    </row>
    <row r="241736" spans="8:8">
      <c r="H241736" s="12"/>
    </row>
    <row r="241737" spans="8:8">
      <c r="H241737" s="12"/>
    </row>
    <row r="241738" spans="8:8">
      <c r="H241738" s="12"/>
    </row>
    <row r="241739" spans="8:8">
      <c r="H241739" s="12"/>
    </row>
    <row r="241740" spans="8:8">
      <c r="H241740" s="12"/>
    </row>
    <row r="241741" spans="8:8">
      <c r="H241741" s="12"/>
    </row>
    <row r="241742" spans="8:8">
      <c r="H241742" s="12"/>
    </row>
    <row r="241743" spans="8:8">
      <c r="H241743" s="12"/>
    </row>
    <row r="241744" spans="8:8">
      <c r="H241744" s="12"/>
    </row>
    <row r="241745" spans="8:8">
      <c r="H241745" s="12"/>
    </row>
    <row r="241746" spans="8:8">
      <c r="H241746" s="12"/>
    </row>
    <row r="241747" spans="8:8">
      <c r="H241747" s="12"/>
    </row>
    <row r="241748" spans="8:8">
      <c r="H241748" s="12"/>
    </row>
    <row r="241749" spans="8:8">
      <c r="H241749" s="12"/>
    </row>
    <row r="241750" spans="8:8">
      <c r="H241750" s="12"/>
    </row>
    <row r="241751" spans="8:8">
      <c r="H241751" s="12"/>
    </row>
    <row r="241752" spans="8:8">
      <c r="H241752" s="12"/>
    </row>
    <row r="241753" spans="8:8">
      <c r="H241753" s="12"/>
    </row>
    <row r="241754" spans="8:8">
      <c r="H241754" s="12"/>
    </row>
    <row r="241755" spans="8:8">
      <c r="H241755" s="12"/>
    </row>
    <row r="241756" spans="8:8">
      <c r="H241756" s="12"/>
    </row>
    <row r="241757" spans="8:8">
      <c r="H241757" s="12"/>
    </row>
    <row r="241758" spans="8:8">
      <c r="H241758" s="12"/>
    </row>
    <row r="241759" spans="8:8">
      <c r="H241759" s="12"/>
    </row>
    <row r="241760" spans="8:8">
      <c r="H241760" s="12"/>
    </row>
    <row r="241761" spans="8:8">
      <c r="H241761" s="12"/>
    </row>
    <row r="241762" spans="8:8">
      <c r="H241762" s="12"/>
    </row>
    <row r="241763" spans="8:8">
      <c r="H241763" s="12"/>
    </row>
    <row r="241764" spans="8:8">
      <c r="H241764" s="12"/>
    </row>
    <row r="241765" spans="8:8">
      <c r="H241765" s="12"/>
    </row>
    <row r="241766" spans="8:8">
      <c r="H241766" s="12"/>
    </row>
    <row r="241767" spans="8:8">
      <c r="H241767" s="12"/>
    </row>
    <row r="241768" spans="8:8">
      <c r="H241768" s="12"/>
    </row>
    <row r="241769" spans="8:8">
      <c r="H241769" s="12"/>
    </row>
    <row r="241770" spans="8:8">
      <c r="H241770" s="12"/>
    </row>
    <row r="241771" spans="8:8">
      <c r="H241771" s="12"/>
    </row>
    <row r="241772" spans="8:8">
      <c r="H241772" s="12"/>
    </row>
    <row r="241773" spans="8:8">
      <c r="H241773" s="12"/>
    </row>
    <row r="241774" spans="8:8">
      <c r="H241774" s="12"/>
    </row>
    <row r="241775" spans="8:8">
      <c r="H241775" s="12"/>
    </row>
    <row r="241776" spans="8:8">
      <c r="H241776" s="12"/>
    </row>
    <row r="241777" spans="8:8">
      <c r="H241777" s="12"/>
    </row>
    <row r="241778" spans="8:8">
      <c r="H241778" s="12"/>
    </row>
    <row r="241779" spans="8:8">
      <c r="H241779" s="12"/>
    </row>
    <row r="241780" spans="8:8">
      <c r="H241780" s="12"/>
    </row>
    <row r="241781" spans="8:8">
      <c r="H241781" s="12"/>
    </row>
    <row r="241782" spans="8:8">
      <c r="H241782" s="12"/>
    </row>
    <row r="241783" spans="8:8">
      <c r="H241783" s="12"/>
    </row>
    <row r="241784" spans="8:8">
      <c r="H241784" s="12"/>
    </row>
    <row r="241785" spans="8:8">
      <c r="H241785" s="12"/>
    </row>
    <row r="241786" spans="8:8">
      <c r="H241786" s="12"/>
    </row>
    <row r="241787" spans="8:8">
      <c r="H241787" s="12"/>
    </row>
    <row r="241788" spans="8:8">
      <c r="H241788" s="12"/>
    </row>
    <row r="241789" spans="8:8">
      <c r="H241789" s="12"/>
    </row>
    <row r="241790" spans="8:8">
      <c r="H241790" s="12"/>
    </row>
    <row r="241791" spans="8:8">
      <c r="H241791" s="12"/>
    </row>
    <row r="241792" spans="8:8">
      <c r="H241792" s="12"/>
    </row>
    <row r="241793" spans="8:8">
      <c r="H241793" s="12"/>
    </row>
    <row r="241794" spans="8:8">
      <c r="H241794" s="12"/>
    </row>
    <row r="241795" spans="8:8">
      <c r="H241795" s="12"/>
    </row>
    <row r="241796" spans="8:8">
      <c r="H241796" s="12"/>
    </row>
    <row r="241797" spans="8:8">
      <c r="H241797" s="12"/>
    </row>
    <row r="241798" spans="8:8">
      <c r="H241798" s="12"/>
    </row>
    <row r="241799" spans="8:8">
      <c r="H241799" s="12"/>
    </row>
    <row r="241800" spans="8:8">
      <c r="H241800" s="12"/>
    </row>
    <row r="241801" spans="8:8">
      <c r="H241801" s="12"/>
    </row>
    <row r="241802" spans="8:8">
      <c r="H241802" s="12"/>
    </row>
    <row r="241803" spans="8:8">
      <c r="H241803" s="12"/>
    </row>
    <row r="241804" spans="8:8">
      <c r="H241804" s="12"/>
    </row>
    <row r="241805" spans="8:8">
      <c r="H241805" s="12"/>
    </row>
    <row r="241806" spans="8:8">
      <c r="H241806" s="12"/>
    </row>
    <row r="241807" spans="8:8">
      <c r="H241807" s="12"/>
    </row>
    <row r="241808" spans="8:8">
      <c r="H241808" s="12"/>
    </row>
    <row r="241809" spans="8:8">
      <c r="H241809" s="12"/>
    </row>
    <row r="241810" spans="8:8">
      <c r="H241810" s="12"/>
    </row>
    <row r="241811" spans="8:8">
      <c r="H241811" s="12"/>
    </row>
    <row r="241812" spans="8:8">
      <c r="H241812" s="12"/>
    </row>
    <row r="241813" spans="8:8">
      <c r="H241813" s="12"/>
    </row>
    <row r="241814" spans="8:8">
      <c r="H241814" s="12"/>
    </row>
    <row r="241815" spans="8:8">
      <c r="H241815" s="12"/>
    </row>
    <row r="241816" spans="8:8">
      <c r="H241816" s="12"/>
    </row>
    <row r="241817" spans="8:8">
      <c r="H241817" s="12"/>
    </row>
    <row r="241818" spans="8:8">
      <c r="H241818" s="12"/>
    </row>
    <row r="241819" spans="8:8">
      <c r="H241819" s="12"/>
    </row>
    <row r="241820" spans="8:8">
      <c r="H241820" s="12"/>
    </row>
    <row r="241821" spans="8:8">
      <c r="H241821" s="12"/>
    </row>
    <row r="241822" spans="8:8">
      <c r="H241822" s="12"/>
    </row>
    <row r="241823" spans="8:8">
      <c r="H241823" s="12"/>
    </row>
    <row r="241824" spans="8:8">
      <c r="H241824" s="12"/>
    </row>
    <row r="241825" spans="8:8">
      <c r="H241825" s="12"/>
    </row>
    <row r="241826" spans="8:8">
      <c r="H241826" s="12"/>
    </row>
    <row r="241827" spans="8:8">
      <c r="H241827" s="12"/>
    </row>
    <row r="241828" spans="8:8">
      <c r="H241828" s="12"/>
    </row>
    <row r="241829" spans="8:8">
      <c r="H241829" s="12"/>
    </row>
    <row r="241830" spans="8:8">
      <c r="H241830" s="12"/>
    </row>
    <row r="241831" spans="8:8">
      <c r="H241831" s="12"/>
    </row>
    <row r="241832" spans="8:8">
      <c r="H241832" s="12"/>
    </row>
    <row r="241833" spans="8:8">
      <c r="H241833" s="12"/>
    </row>
    <row r="241834" spans="8:8">
      <c r="H241834" s="12"/>
    </row>
    <row r="241835" spans="8:8">
      <c r="H241835" s="12"/>
    </row>
    <row r="241836" spans="8:8">
      <c r="H241836" s="12"/>
    </row>
    <row r="241837" spans="8:8">
      <c r="H241837" s="12"/>
    </row>
    <row r="241838" spans="8:8">
      <c r="H241838" s="12"/>
    </row>
    <row r="241839" spans="8:8">
      <c r="H241839" s="12"/>
    </row>
    <row r="241840" spans="8:8">
      <c r="H241840" s="12"/>
    </row>
    <row r="241841" spans="8:8">
      <c r="H241841" s="12"/>
    </row>
    <row r="241842" spans="8:8">
      <c r="H241842" s="12"/>
    </row>
    <row r="241843" spans="8:8">
      <c r="H241843" s="12"/>
    </row>
    <row r="241844" spans="8:8">
      <c r="H241844" s="12"/>
    </row>
    <row r="241845" spans="8:8">
      <c r="H241845" s="12"/>
    </row>
    <row r="241846" spans="8:8">
      <c r="H241846" s="12"/>
    </row>
    <row r="241847" spans="8:8">
      <c r="H241847" s="12"/>
    </row>
    <row r="241848" spans="8:8">
      <c r="H241848" s="12"/>
    </row>
    <row r="241849" spans="8:8">
      <c r="H241849" s="12"/>
    </row>
    <row r="241850" spans="8:8">
      <c r="H241850" s="12"/>
    </row>
    <row r="241851" spans="8:8">
      <c r="H241851" s="12"/>
    </row>
    <row r="241852" spans="8:8">
      <c r="H241852" s="12"/>
    </row>
    <row r="241853" spans="8:8">
      <c r="H241853" s="12"/>
    </row>
    <row r="241854" spans="8:8">
      <c r="H241854" s="12"/>
    </row>
    <row r="241855" spans="8:8">
      <c r="H241855" s="12"/>
    </row>
    <row r="241856" spans="8:8">
      <c r="H241856" s="12"/>
    </row>
    <row r="241857" spans="8:8">
      <c r="H241857" s="12"/>
    </row>
    <row r="241858" spans="8:8">
      <c r="H241858" s="12"/>
    </row>
    <row r="241859" spans="8:8">
      <c r="H241859" s="12"/>
    </row>
    <row r="241860" spans="8:8">
      <c r="H241860" s="12"/>
    </row>
    <row r="241861" spans="8:8">
      <c r="H241861" s="12"/>
    </row>
    <row r="241862" spans="8:8">
      <c r="H241862" s="12"/>
    </row>
    <row r="241863" spans="8:8">
      <c r="H241863" s="12"/>
    </row>
    <row r="241864" spans="8:8">
      <c r="H241864" s="12"/>
    </row>
    <row r="241865" spans="8:8">
      <c r="H241865" s="12"/>
    </row>
    <row r="241866" spans="8:8">
      <c r="H241866" s="12"/>
    </row>
    <row r="241867" spans="8:8">
      <c r="H241867" s="12"/>
    </row>
    <row r="241868" spans="8:8">
      <c r="H241868" s="12"/>
    </row>
    <row r="241869" spans="8:8">
      <c r="H241869" s="12"/>
    </row>
    <row r="241870" spans="8:8">
      <c r="H241870" s="12"/>
    </row>
    <row r="241871" spans="8:8">
      <c r="H241871" s="12"/>
    </row>
    <row r="241872" spans="8:8">
      <c r="H241872" s="12"/>
    </row>
    <row r="241873" spans="8:8">
      <c r="H241873" s="12"/>
    </row>
    <row r="241874" spans="8:8">
      <c r="H241874" s="12"/>
    </row>
    <row r="241875" spans="8:8">
      <c r="H241875" s="12"/>
    </row>
    <row r="241876" spans="8:8">
      <c r="H241876" s="12"/>
    </row>
    <row r="241877" spans="8:8">
      <c r="H241877" s="12"/>
    </row>
    <row r="241878" spans="8:8">
      <c r="H241878" s="12"/>
    </row>
    <row r="241879" spans="8:8">
      <c r="H241879" s="12"/>
    </row>
    <row r="241880" spans="8:8">
      <c r="H241880" s="12"/>
    </row>
    <row r="241881" spans="8:8">
      <c r="H241881" s="12"/>
    </row>
    <row r="241882" spans="8:8">
      <c r="H241882" s="12"/>
    </row>
    <row r="241883" spans="8:8">
      <c r="H241883" s="12"/>
    </row>
    <row r="241884" spans="8:8">
      <c r="H241884" s="12"/>
    </row>
    <row r="241885" spans="8:8">
      <c r="H241885" s="12"/>
    </row>
    <row r="241886" spans="8:8">
      <c r="H241886" s="12"/>
    </row>
    <row r="241887" spans="8:8">
      <c r="H241887" s="12"/>
    </row>
    <row r="241888" spans="8:8">
      <c r="H241888" s="12"/>
    </row>
    <row r="241889" spans="8:8">
      <c r="H241889" s="12"/>
    </row>
    <row r="241890" spans="8:8">
      <c r="H241890" s="12"/>
    </row>
    <row r="241891" spans="8:8">
      <c r="H241891" s="12"/>
    </row>
    <row r="241892" spans="8:8">
      <c r="H241892" s="12"/>
    </row>
    <row r="241893" spans="8:8">
      <c r="H241893" s="12"/>
    </row>
    <row r="241894" spans="8:8">
      <c r="H241894" s="12"/>
    </row>
    <row r="241895" spans="8:8">
      <c r="H241895" s="12"/>
    </row>
    <row r="241896" spans="8:8">
      <c r="H241896" s="12"/>
    </row>
    <row r="241897" spans="8:8">
      <c r="H241897" s="12"/>
    </row>
    <row r="241898" spans="8:8">
      <c r="H241898" s="12"/>
    </row>
    <row r="241899" spans="8:8">
      <c r="H241899" s="12"/>
    </row>
    <row r="241900" spans="8:8">
      <c r="H241900" s="12"/>
    </row>
    <row r="241901" spans="8:8">
      <c r="H241901" s="12"/>
    </row>
    <row r="241902" spans="8:8">
      <c r="H241902" s="12"/>
    </row>
    <row r="241903" spans="8:8">
      <c r="H241903" s="12"/>
    </row>
    <row r="241904" spans="8:8">
      <c r="H241904" s="12"/>
    </row>
    <row r="241905" spans="8:8">
      <c r="H241905" s="12"/>
    </row>
    <row r="241906" spans="8:8">
      <c r="H241906" s="12"/>
    </row>
    <row r="241907" spans="8:8">
      <c r="H241907" s="12"/>
    </row>
    <row r="241908" spans="8:8">
      <c r="H241908" s="12"/>
    </row>
    <row r="241909" spans="8:8">
      <c r="H241909" s="12"/>
    </row>
    <row r="241910" spans="8:8">
      <c r="H241910" s="12"/>
    </row>
    <row r="241911" spans="8:8">
      <c r="H241911" s="12"/>
    </row>
    <row r="241912" spans="8:8">
      <c r="H241912" s="12"/>
    </row>
    <row r="241913" spans="8:8">
      <c r="H241913" s="12"/>
    </row>
    <row r="241914" spans="8:8">
      <c r="H241914" s="12"/>
    </row>
    <row r="241915" spans="8:8">
      <c r="H241915" s="12"/>
    </row>
    <row r="241916" spans="8:8">
      <c r="H241916" s="12"/>
    </row>
    <row r="241917" spans="8:8">
      <c r="H241917" s="12"/>
    </row>
    <row r="241918" spans="8:8">
      <c r="H241918" s="12"/>
    </row>
    <row r="241919" spans="8:8">
      <c r="H241919" s="12"/>
    </row>
    <row r="241920" spans="8:8">
      <c r="H241920" s="12"/>
    </row>
    <row r="241921" spans="8:8">
      <c r="H241921" s="12"/>
    </row>
    <row r="241922" spans="8:8">
      <c r="H241922" s="12"/>
    </row>
    <row r="241923" spans="8:8">
      <c r="H241923" s="12"/>
    </row>
    <row r="241924" spans="8:8">
      <c r="H241924" s="12"/>
    </row>
    <row r="241925" spans="8:8">
      <c r="H241925" s="12"/>
    </row>
    <row r="241926" spans="8:8">
      <c r="H241926" s="12"/>
    </row>
    <row r="241927" spans="8:8">
      <c r="H241927" s="12"/>
    </row>
    <row r="241928" spans="8:8">
      <c r="H241928" s="12"/>
    </row>
    <row r="241929" spans="8:8">
      <c r="H241929" s="12"/>
    </row>
    <row r="241930" spans="8:8">
      <c r="H241930" s="12"/>
    </row>
    <row r="241931" spans="8:8">
      <c r="H241931" s="12"/>
    </row>
    <row r="241932" spans="8:8">
      <c r="H241932" s="12"/>
    </row>
    <row r="241933" spans="8:8">
      <c r="H241933" s="12"/>
    </row>
    <row r="241934" spans="8:8">
      <c r="H241934" s="12"/>
    </row>
    <row r="241935" spans="8:8">
      <c r="H241935" s="12"/>
    </row>
    <row r="241936" spans="8:8">
      <c r="H241936" s="12"/>
    </row>
    <row r="241937" spans="8:8">
      <c r="H241937" s="12"/>
    </row>
    <row r="241938" spans="8:8">
      <c r="H241938" s="12"/>
    </row>
    <row r="241939" spans="8:8">
      <c r="H241939" s="12"/>
    </row>
    <row r="241940" spans="8:8">
      <c r="H241940" s="12"/>
    </row>
    <row r="241941" spans="8:8">
      <c r="H241941" s="12"/>
    </row>
    <row r="241942" spans="8:8">
      <c r="H241942" s="12"/>
    </row>
    <row r="241943" spans="8:8">
      <c r="H241943" s="12"/>
    </row>
    <row r="241944" spans="8:8">
      <c r="H241944" s="12"/>
    </row>
    <row r="241945" spans="8:8">
      <c r="H241945" s="12"/>
    </row>
    <row r="241946" spans="8:8">
      <c r="H241946" s="12"/>
    </row>
    <row r="241947" spans="8:8">
      <c r="H241947" s="12"/>
    </row>
    <row r="241948" spans="8:8">
      <c r="H241948" s="12"/>
    </row>
    <row r="241949" spans="8:8">
      <c r="H241949" s="12"/>
    </row>
    <row r="241950" spans="8:8">
      <c r="H241950" s="12"/>
    </row>
    <row r="241951" spans="8:8">
      <c r="H241951" s="12"/>
    </row>
    <row r="241952" spans="8:8">
      <c r="H241952" s="12"/>
    </row>
    <row r="241953" spans="8:8">
      <c r="H241953" s="12"/>
    </row>
    <row r="241954" spans="8:8">
      <c r="H241954" s="12"/>
    </row>
    <row r="241955" spans="8:8">
      <c r="H241955" s="12"/>
    </row>
    <row r="241956" spans="8:8">
      <c r="H241956" s="12"/>
    </row>
    <row r="241957" spans="8:8">
      <c r="H241957" s="12"/>
    </row>
    <row r="241958" spans="8:8">
      <c r="H241958" s="12"/>
    </row>
    <row r="241959" spans="8:8">
      <c r="H241959" s="12"/>
    </row>
    <row r="241960" spans="8:8">
      <c r="H241960" s="12"/>
    </row>
    <row r="241961" spans="8:8">
      <c r="H241961" s="12"/>
    </row>
    <row r="241962" spans="8:8">
      <c r="H241962" s="12"/>
    </row>
    <row r="241963" spans="8:8">
      <c r="H241963" s="12"/>
    </row>
    <row r="241964" spans="8:8">
      <c r="H241964" s="12"/>
    </row>
    <row r="241965" spans="8:8">
      <c r="H241965" s="12"/>
    </row>
    <row r="241966" spans="8:8">
      <c r="H241966" s="12"/>
    </row>
    <row r="241967" spans="8:8">
      <c r="H241967" s="12"/>
    </row>
    <row r="241968" spans="8:8">
      <c r="H241968" s="12"/>
    </row>
    <row r="241969" spans="8:8">
      <c r="H241969" s="12"/>
    </row>
    <row r="241970" spans="8:8">
      <c r="H241970" s="12"/>
    </row>
    <row r="241971" spans="8:8">
      <c r="H241971" s="12"/>
    </row>
    <row r="241972" spans="8:8">
      <c r="H241972" s="12"/>
    </row>
    <row r="241973" spans="8:8">
      <c r="H241973" s="12"/>
    </row>
    <row r="241974" spans="8:8">
      <c r="H241974" s="12"/>
    </row>
    <row r="241975" spans="8:8">
      <c r="H241975" s="12"/>
    </row>
    <row r="241976" spans="8:8">
      <c r="H241976" s="12"/>
    </row>
    <row r="241977" spans="8:8">
      <c r="H241977" s="12"/>
    </row>
    <row r="241978" spans="8:8">
      <c r="H241978" s="12"/>
    </row>
    <row r="241979" spans="8:8">
      <c r="H241979" s="12"/>
    </row>
    <row r="241980" spans="8:8">
      <c r="H241980" s="12"/>
    </row>
    <row r="241981" spans="8:8">
      <c r="H241981" s="12"/>
    </row>
    <row r="241982" spans="8:8">
      <c r="H241982" s="12"/>
    </row>
    <row r="241983" spans="8:8">
      <c r="H241983" s="12"/>
    </row>
    <row r="241984" spans="8:8">
      <c r="H241984" s="12"/>
    </row>
    <row r="241985" spans="8:8">
      <c r="H241985" s="12"/>
    </row>
    <row r="241986" spans="8:8">
      <c r="H241986" s="12"/>
    </row>
    <row r="241987" spans="8:8">
      <c r="H241987" s="12"/>
    </row>
    <row r="241988" spans="8:8">
      <c r="H241988" s="12"/>
    </row>
    <row r="241989" spans="8:8">
      <c r="H241989" s="12"/>
    </row>
    <row r="241990" spans="8:8">
      <c r="H241990" s="12"/>
    </row>
    <row r="241991" spans="8:8">
      <c r="H241991" s="12"/>
    </row>
    <row r="241992" spans="8:8">
      <c r="H241992" s="12"/>
    </row>
    <row r="241993" spans="8:8">
      <c r="H241993" s="12"/>
    </row>
    <row r="241994" spans="8:8">
      <c r="H241994" s="12"/>
    </row>
    <row r="241995" spans="8:8">
      <c r="H241995" s="12"/>
    </row>
    <row r="241996" spans="8:8">
      <c r="H241996" s="12"/>
    </row>
    <row r="241997" spans="8:8">
      <c r="H241997" s="12"/>
    </row>
    <row r="241998" spans="8:8">
      <c r="H241998" s="12"/>
    </row>
    <row r="241999" spans="8:8">
      <c r="H241999" s="12"/>
    </row>
    <row r="242000" spans="8:8">
      <c r="H242000" s="12"/>
    </row>
    <row r="242001" spans="8:8">
      <c r="H242001" s="12"/>
    </row>
    <row r="242002" spans="8:8">
      <c r="H242002" s="12"/>
    </row>
    <row r="242003" spans="8:8">
      <c r="H242003" s="12"/>
    </row>
    <row r="242004" spans="8:8">
      <c r="H242004" s="12"/>
    </row>
    <row r="242005" spans="8:8">
      <c r="H242005" s="12"/>
    </row>
    <row r="242006" spans="8:8">
      <c r="H242006" s="12"/>
    </row>
    <row r="242007" spans="8:8">
      <c r="H242007" s="12"/>
    </row>
    <row r="242008" spans="8:8">
      <c r="H242008" s="12"/>
    </row>
    <row r="242009" spans="8:8">
      <c r="H242009" s="12"/>
    </row>
    <row r="242010" spans="8:8">
      <c r="H242010" s="12"/>
    </row>
    <row r="242011" spans="8:8">
      <c r="H242011" s="12"/>
    </row>
    <row r="242012" spans="8:8">
      <c r="H242012" s="12"/>
    </row>
    <row r="242013" spans="8:8">
      <c r="H242013" s="12"/>
    </row>
    <row r="242014" spans="8:8">
      <c r="H242014" s="12"/>
    </row>
    <row r="242015" spans="8:8">
      <c r="H242015" s="12"/>
    </row>
    <row r="242016" spans="8:8">
      <c r="H242016" s="12"/>
    </row>
    <row r="242017" spans="8:8">
      <c r="H242017" s="12"/>
    </row>
    <row r="242018" spans="8:8">
      <c r="H242018" s="12"/>
    </row>
    <row r="242019" spans="8:8">
      <c r="H242019" s="12"/>
    </row>
    <row r="242020" spans="8:8">
      <c r="H242020" s="12"/>
    </row>
    <row r="242021" spans="8:8">
      <c r="H242021" s="12"/>
    </row>
    <row r="242022" spans="8:8">
      <c r="H242022" s="12"/>
    </row>
    <row r="242023" spans="8:8">
      <c r="H242023" s="12"/>
    </row>
    <row r="242024" spans="8:8">
      <c r="H242024" s="12"/>
    </row>
    <row r="242025" spans="8:8">
      <c r="H242025" s="12"/>
    </row>
    <row r="242026" spans="8:8">
      <c r="H242026" s="12"/>
    </row>
    <row r="242027" spans="8:8">
      <c r="H242027" s="12"/>
    </row>
    <row r="242028" spans="8:8">
      <c r="H242028" s="12"/>
    </row>
    <row r="242029" spans="8:8">
      <c r="H242029" s="12"/>
    </row>
    <row r="242030" spans="8:8">
      <c r="H242030" s="12"/>
    </row>
    <row r="242031" spans="8:8">
      <c r="H242031" s="12"/>
    </row>
    <row r="242032" spans="8:8">
      <c r="H242032" s="12"/>
    </row>
    <row r="242033" spans="8:8">
      <c r="H242033" s="12"/>
    </row>
    <row r="242034" spans="8:8">
      <c r="H242034" s="12"/>
    </row>
    <row r="242035" spans="8:8">
      <c r="H242035" s="12"/>
    </row>
    <row r="242036" spans="8:8">
      <c r="H242036" s="12"/>
    </row>
    <row r="242037" spans="8:8">
      <c r="H242037" s="12"/>
    </row>
    <row r="242038" spans="8:8">
      <c r="H242038" s="12"/>
    </row>
    <row r="242039" spans="8:8">
      <c r="H242039" s="12"/>
    </row>
    <row r="242040" spans="8:8">
      <c r="H242040" s="12"/>
    </row>
    <row r="242041" spans="8:8">
      <c r="H242041" s="12"/>
    </row>
    <row r="242042" spans="8:8">
      <c r="H242042" s="12"/>
    </row>
    <row r="242043" spans="8:8">
      <c r="H242043" s="12"/>
    </row>
    <row r="242044" spans="8:8">
      <c r="H242044" s="12"/>
    </row>
    <row r="242045" spans="8:8">
      <c r="H242045" s="12"/>
    </row>
    <row r="242046" spans="8:8">
      <c r="H242046" s="12"/>
    </row>
    <row r="242047" spans="8:8">
      <c r="H242047" s="12"/>
    </row>
    <row r="242048" spans="8:8">
      <c r="H242048" s="12"/>
    </row>
    <row r="242049" spans="8:8">
      <c r="H242049" s="12"/>
    </row>
    <row r="242050" spans="8:8">
      <c r="H242050" s="12"/>
    </row>
    <row r="242051" spans="8:8">
      <c r="H242051" s="12"/>
    </row>
    <row r="242052" spans="8:8">
      <c r="H242052" s="12"/>
    </row>
    <row r="242053" spans="8:8">
      <c r="H242053" s="12"/>
    </row>
    <row r="242054" spans="8:8">
      <c r="H242054" s="12"/>
    </row>
    <row r="242055" spans="8:8">
      <c r="H242055" s="12"/>
    </row>
    <row r="242056" spans="8:8">
      <c r="H242056" s="12"/>
    </row>
    <row r="242057" spans="8:8">
      <c r="H242057" s="12"/>
    </row>
    <row r="242058" spans="8:8">
      <c r="H242058" s="12"/>
    </row>
    <row r="242059" spans="8:8">
      <c r="H242059" s="12"/>
    </row>
    <row r="242060" spans="8:8">
      <c r="H242060" s="12"/>
    </row>
    <row r="242061" spans="8:8">
      <c r="H242061" s="12"/>
    </row>
    <row r="242062" spans="8:8">
      <c r="H242062" s="12"/>
    </row>
    <row r="242063" spans="8:8">
      <c r="H242063" s="12"/>
    </row>
    <row r="242064" spans="8:8">
      <c r="H242064" s="12"/>
    </row>
    <row r="242065" spans="8:8">
      <c r="H242065" s="12"/>
    </row>
    <row r="242066" spans="8:8">
      <c r="H242066" s="12"/>
    </row>
    <row r="242067" spans="8:8">
      <c r="H242067" s="12"/>
    </row>
    <row r="242068" spans="8:8">
      <c r="H242068" s="12"/>
    </row>
    <row r="242069" spans="8:8">
      <c r="H242069" s="12"/>
    </row>
    <row r="242070" spans="8:8">
      <c r="H242070" s="12"/>
    </row>
    <row r="242071" spans="8:8">
      <c r="H242071" s="12"/>
    </row>
    <row r="242072" spans="8:8">
      <c r="H242072" s="12"/>
    </row>
    <row r="242073" spans="8:8">
      <c r="H242073" s="12"/>
    </row>
    <row r="242074" spans="8:8">
      <c r="H242074" s="12"/>
    </row>
    <row r="242075" spans="8:8">
      <c r="H242075" s="12"/>
    </row>
    <row r="242076" spans="8:8">
      <c r="H242076" s="12"/>
    </row>
    <row r="242077" spans="8:8">
      <c r="H242077" s="12"/>
    </row>
    <row r="242078" spans="8:8">
      <c r="H242078" s="12"/>
    </row>
    <row r="242079" spans="8:8">
      <c r="H242079" s="12"/>
    </row>
    <row r="242080" spans="8:8">
      <c r="H242080" s="12"/>
    </row>
    <row r="242081" spans="8:8">
      <c r="H242081" s="12"/>
    </row>
    <row r="242082" spans="8:8">
      <c r="H242082" s="12"/>
    </row>
    <row r="242083" spans="8:8">
      <c r="H242083" s="12"/>
    </row>
    <row r="242084" spans="8:8">
      <c r="H242084" s="12"/>
    </row>
    <row r="242085" spans="8:8">
      <c r="H242085" s="12"/>
    </row>
    <row r="242086" spans="8:8">
      <c r="H242086" s="12"/>
    </row>
    <row r="242087" spans="8:8">
      <c r="H242087" s="12"/>
    </row>
    <row r="242088" spans="8:8">
      <c r="H242088" s="12"/>
    </row>
    <row r="242089" spans="8:8">
      <c r="H242089" s="12"/>
    </row>
    <row r="242090" spans="8:8">
      <c r="H242090" s="12"/>
    </row>
    <row r="242091" spans="8:8">
      <c r="H242091" s="12"/>
    </row>
    <row r="242092" spans="8:8">
      <c r="H242092" s="12"/>
    </row>
    <row r="242093" spans="8:8">
      <c r="H242093" s="12"/>
    </row>
    <row r="242094" spans="8:8">
      <c r="H242094" s="12"/>
    </row>
    <row r="242095" spans="8:8">
      <c r="H242095" s="12"/>
    </row>
    <row r="242096" spans="8:8">
      <c r="H242096" s="12"/>
    </row>
    <row r="242097" spans="8:8">
      <c r="H242097" s="12"/>
    </row>
    <row r="242098" spans="8:8">
      <c r="H242098" s="12"/>
    </row>
    <row r="242099" spans="8:8">
      <c r="H242099" s="12"/>
    </row>
    <row r="242100" spans="8:8">
      <c r="H242100" s="12"/>
    </row>
    <row r="242101" spans="8:8">
      <c r="H242101" s="12"/>
    </row>
    <row r="242102" spans="8:8">
      <c r="H242102" s="12"/>
    </row>
    <row r="242103" spans="8:8">
      <c r="H242103" s="12"/>
    </row>
    <row r="242104" spans="8:8">
      <c r="H242104" s="12"/>
    </row>
    <row r="242105" spans="8:8">
      <c r="H242105" s="12"/>
    </row>
    <row r="242106" spans="8:8">
      <c r="H242106" s="12"/>
    </row>
    <row r="242107" spans="8:8">
      <c r="H242107" s="12"/>
    </row>
    <row r="242108" spans="8:8">
      <c r="H242108" s="12"/>
    </row>
    <row r="242109" spans="8:8">
      <c r="H242109" s="12"/>
    </row>
    <row r="242110" spans="8:8">
      <c r="H242110" s="12"/>
    </row>
    <row r="242111" spans="8:8">
      <c r="H242111" s="12"/>
    </row>
    <row r="242112" spans="8:8">
      <c r="H242112" s="12"/>
    </row>
    <row r="242113" spans="8:8">
      <c r="H242113" s="12"/>
    </row>
    <row r="242114" spans="8:8">
      <c r="H242114" s="12"/>
    </row>
    <row r="242115" spans="8:8">
      <c r="H242115" s="12"/>
    </row>
    <row r="242116" spans="8:8">
      <c r="H242116" s="12"/>
    </row>
    <row r="242117" spans="8:8">
      <c r="H242117" s="12"/>
    </row>
    <row r="242118" spans="8:8">
      <c r="H242118" s="12"/>
    </row>
    <row r="242119" spans="8:8">
      <c r="H242119" s="12"/>
    </row>
    <row r="242120" spans="8:8">
      <c r="H242120" s="12"/>
    </row>
    <row r="242121" spans="8:8">
      <c r="H242121" s="12"/>
    </row>
    <row r="242122" spans="8:8">
      <c r="H242122" s="12"/>
    </row>
    <row r="242123" spans="8:8">
      <c r="H242123" s="12"/>
    </row>
    <row r="242124" spans="8:8">
      <c r="H242124" s="12"/>
    </row>
    <row r="242125" spans="8:8">
      <c r="H242125" s="12"/>
    </row>
    <row r="242126" spans="8:8">
      <c r="H242126" s="12"/>
    </row>
    <row r="242127" spans="8:8">
      <c r="H242127" s="12"/>
    </row>
    <row r="242128" spans="8:8">
      <c r="H242128" s="12"/>
    </row>
    <row r="242129" spans="8:8">
      <c r="H242129" s="12"/>
    </row>
    <row r="242130" spans="8:8">
      <c r="H242130" s="12"/>
    </row>
    <row r="242131" spans="8:8">
      <c r="H242131" s="12"/>
    </row>
    <row r="242132" spans="8:8">
      <c r="H242132" s="12"/>
    </row>
    <row r="242133" spans="8:8">
      <c r="H242133" s="12"/>
    </row>
    <row r="242134" spans="8:8">
      <c r="H242134" s="12"/>
    </row>
    <row r="242135" spans="8:8">
      <c r="H242135" s="12"/>
    </row>
    <row r="242136" spans="8:8">
      <c r="H242136" s="12"/>
    </row>
    <row r="242137" spans="8:8">
      <c r="H242137" s="12"/>
    </row>
    <row r="242138" spans="8:8">
      <c r="H242138" s="12"/>
    </row>
    <row r="242139" spans="8:8">
      <c r="H242139" s="12"/>
    </row>
    <row r="242140" spans="8:8">
      <c r="H242140" s="12"/>
    </row>
    <row r="242141" spans="8:8">
      <c r="H242141" s="12"/>
    </row>
    <row r="242142" spans="8:8">
      <c r="H242142" s="12"/>
    </row>
    <row r="242143" spans="8:8">
      <c r="H242143" s="12"/>
    </row>
    <row r="242144" spans="8:8">
      <c r="H242144" s="12"/>
    </row>
    <row r="242145" spans="8:8">
      <c r="H242145" s="12"/>
    </row>
    <row r="242146" spans="8:8">
      <c r="H242146" s="12"/>
    </row>
    <row r="242147" spans="8:8">
      <c r="H242147" s="12"/>
    </row>
    <row r="242148" spans="8:8">
      <c r="H242148" s="12"/>
    </row>
    <row r="242149" spans="8:8">
      <c r="H242149" s="12"/>
    </row>
    <row r="242150" spans="8:8">
      <c r="H242150" s="12"/>
    </row>
    <row r="242151" spans="8:8">
      <c r="H242151" s="12"/>
    </row>
    <row r="242152" spans="8:8">
      <c r="H242152" s="12"/>
    </row>
    <row r="242153" spans="8:8">
      <c r="H242153" s="12"/>
    </row>
    <row r="242154" spans="8:8">
      <c r="H242154" s="12"/>
    </row>
    <row r="242155" spans="8:8">
      <c r="H242155" s="12"/>
    </row>
    <row r="242156" spans="8:8">
      <c r="H242156" s="12"/>
    </row>
    <row r="242157" spans="8:8">
      <c r="H242157" s="12"/>
    </row>
    <row r="242158" spans="8:8">
      <c r="H242158" s="12"/>
    </row>
    <row r="242159" spans="8:8">
      <c r="H242159" s="12"/>
    </row>
    <row r="242160" spans="8:8">
      <c r="H242160" s="12"/>
    </row>
    <row r="242161" spans="8:8">
      <c r="H242161" s="12"/>
    </row>
    <row r="242162" spans="8:8">
      <c r="H242162" s="12"/>
    </row>
    <row r="242163" spans="8:8">
      <c r="H242163" s="12"/>
    </row>
    <row r="242164" spans="8:8">
      <c r="H242164" s="12"/>
    </row>
    <row r="242165" spans="8:8">
      <c r="H242165" s="12"/>
    </row>
    <row r="242166" spans="8:8">
      <c r="H242166" s="12"/>
    </row>
    <row r="242167" spans="8:8">
      <c r="H242167" s="12"/>
    </row>
    <row r="242168" spans="8:8">
      <c r="H242168" s="12"/>
    </row>
    <row r="242169" spans="8:8">
      <c r="H242169" s="12"/>
    </row>
    <row r="242170" spans="8:8">
      <c r="H242170" s="12"/>
    </row>
    <row r="242171" spans="8:8">
      <c r="H242171" s="12"/>
    </row>
    <row r="242172" spans="8:8">
      <c r="H242172" s="12"/>
    </row>
    <row r="242173" spans="8:8">
      <c r="H242173" s="12"/>
    </row>
    <row r="242174" spans="8:8">
      <c r="H242174" s="12"/>
    </row>
    <row r="242175" spans="8:8">
      <c r="H242175" s="12"/>
    </row>
    <row r="242176" spans="8:8">
      <c r="H242176" s="12"/>
    </row>
    <row r="242177" spans="8:8">
      <c r="H242177" s="12"/>
    </row>
    <row r="242178" spans="8:8">
      <c r="H242178" s="12"/>
    </row>
    <row r="242179" spans="8:8">
      <c r="H242179" s="12"/>
    </row>
    <row r="242180" spans="8:8">
      <c r="H242180" s="12"/>
    </row>
    <row r="242181" spans="8:8">
      <c r="H242181" s="12"/>
    </row>
    <row r="242182" spans="8:8">
      <c r="H242182" s="12"/>
    </row>
    <row r="242183" spans="8:8">
      <c r="H242183" s="12"/>
    </row>
    <row r="242184" spans="8:8">
      <c r="H242184" s="12"/>
    </row>
    <row r="242185" spans="8:8">
      <c r="H242185" s="12"/>
    </row>
    <row r="242186" spans="8:8">
      <c r="H242186" s="12"/>
    </row>
    <row r="242187" spans="8:8">
      <c r="H242187" s="12"/>
    </row>
    <row r="242188" spans="8:8">
      <c r="H242188" s="12"/>
    </row>
    <row r="242189" spans="8:8">
      <c r="H242189" s="12"/>
    </row>
    <row r="242190" spans="8:8">
      <c r="H242190" s="12"/>
    </row>
    <row r="242191" spans="8:8">
      <c r="H242191" s="12"/>
    </row>
    <row r="242192" spans="8:8">
      <c r="H242192" s="12"/>
    </row>
    <row r="242193" spans="8:8">
      <c r="H242193" s="12"/>
    </row>
    <row r="242194" spans="8:8">
      <c r="H242194" s="12"/>
    </row>
    <row r="242195" spans="8:8">
      <c r="H242195" s="12"/>
    </row>
    <row r="242196" spans="8:8">
      <c r="H242196" s="12"/>
    </row>
    <row r="242197" spans="8:8">
      <c r="H242197" s="12"/>
    </row>
    <row r="242198" spans="8:8">
      <c r="H242198" s="12"/>
    </row>
    <row r="242199" spans="8:8">
      <c r="H242199" s="12"/>
    </row>
    <row r="242200" spans="8:8">
      <c r="H242200" s="12"/>
    </row>
    <row r="242201" spans="8:8">
      <c r="H242201" s="12"/>
    </row>
    <row r="242202" spans="8:8">
      <c r="H242202" s="12"/>
    </row>
    <row r="242203" spans="8:8">
      <c r="H242203" s="12"/>
    </row>
    <row r="242204" spans="8:8">
      <c r="H242204" s="12"/>
    </row>
    <row r="242205" spans="8:8">
      <c r="H242205" s="12"/>
    </row>
    <row r="242206" spans="8:8">
      <c r="H242206" s="12"/>
    </row>
    <row r="242207" spans="8:8">
      <c r="H242207" s="12"/>
    </row>
    <row r="242208" spans="8:8">
      <c r="H242208" s="12"/>
    </row>
    <row r="242209" spans="8:8">
      <c r="H242209" s="12"/>
    </row>
    <row r="242210" spans="8:8">
      <c r="H242210" s="12"/>
    </row>
    <row r="242211" spans="8:8">
      <c r="H242211" s="12"/>
    </row>
    <row r="242212" spans="8:8">
      <c r="H242212" s="12"/>
    </row>
    <row r="242213" spans="8:8">
      <c r="H242213" s="12"/>
    </row>
    <row r="242214" spans="8:8">
      <c r="H242214" s="12"/>
    </row>
    <row r="242215" spans="8:8">
      <c r="H242215" s="12"/>
    </row>
    <row r="242216" spans="8:8">
      <c r="H242216" s="12"/>
    </row>
    <row r="242217" spans="8:8">
      <c r="H242217" s="12"/>
    </row>
    <row r="242218" spans="8:8">
      <c r="H242218" s="12"/>
    </row>
    <row r="242219" spans="8:8">
      <c r="H242219" s="12"/>
    </row>
    <row r="242220" spans="8:8">
      <c r="H242220" s="12"/>
    </row>
    <row r="242221" spans="8:8">
      <c r="H242221" s="12"/>
    </row>
    <row r="242222" spans="8:8">
      <c r="H242222" s="12"/>
    </row>
    <row r="242223" spans="8:8">
      <c r="H242223" s="12"/>
    </row>
    <row r="242224" spans="8:8">
      <c r="H242224" s="12"/>
    </row>
    <row r="242225" spans="8:8">
      <c r="H242225" s="12"/>
    </row>
    <row r="242226" spans="8:8">
      <c r="H242226" s="12"/>
    </row>
    <row r="242227" spans="8:8">
      <c r="H242227" s="12"/>
    </row>
    <row r="242228" spans="8:8">
      <c r="H242228" s="12"/>
    </row>
    <row r="242229" spans="8:8">
      <c r="H242229" s="12"/>
    </row>
    <row r="242230" spans="8:8">
      <c r="H242230" s="12"/>
    </row>
    <row r="242231" spans="8:8">
      <c r="H242231" s="12"/>
    </row>
    <row r="242232" spans="8:8">
      <c r="H242232" s="12"/>
    </row>
    <row r="242233" spans="8:8">
      <c r="H242233" s="12"/>
    </row>
    <row r="242234" spans="8:8">
      <c r="H242234" s="12"/>
    </row>
    <row r="242235" spans="8:8">
      <c r="H242235" s="12"/>
    </row>
    <row r="242236" spans="8:8">
      <c r="H242236" s="12"/>
    </row>
    <row r="242237" spans="8:8">
      <c r="H242237" s="12"/>
    </row>
    <row r="242238" spans="8:8">
      <c r="H242238" s="12"/>
    </row>
    <row r="242239" spans="8:8">
      <c r="H242239" s="12"/>
    </row>
    <row r="242240" spans="8:8">
      <c r="H242240" s="12"/>
    </row>
    <row r="242241" spans="8:8">
      <c r="H242241" s="12"/>
    </row>
    <row r="242242" spans="8:8">
      <c r="H242242" s="12"/>
    </row>
    <row r="242243" spans="8:8">
      <c r="H242243" s="12"/>
    </row>
    <row r="242244" spans="8:8">
      <c r="H242244" s="12"/>
    </row>
    <row r="242245" spans="8:8">
      <c r="H242245" s="12"/>
    </row>
    <row r="242246" spans="8:8">
      <c r="H242246" s="12"/>
    </row>
    <row r="242247" spans="8:8">
      <c r="H242247" s="12"/>
    </row>
    <row r="242248" spans="8:8">
      <c r="H242248" s="12"/>
    </row>
    <row r="242249" spans="8:8">
      <c r="H242249" s="12"/>
    </row>
    <row r="242250" spans="8:8">
      <c r="H242250" s="12"/>
    </row>
    <row r="242251" spans="8:8">
      <c r="H242251" s="12"/>
    </row>
    <row r="242252" spans="8:8">
      <c r="H242252" s="12"/>
    </row>
    <row r="242253" spans="8:8">
      <c r="H242253" s="12"/>
    </row>
    <row r="242254" spans="8:8">
      <c r="H242254" s="12"/>
    </row>
    <row r="242255" spans="8:8">
      <c r="H242255" s="12"/>
    </row>
    <row r="242256" spans="8:8">
      <c r="H242256" s="12"/>
    </row>
    <row r="242257" spans="8:8">
      <c r="H242257" s="12"/>
    </row>
    <row r="242258" spans="8:8">
      <c r="H242258" s="12"/>
    </row>
    <row r="242259" spans="8:8">
      <c r="H242259" s="12"/>
    </row>
    <row r="242260" spans="8:8">
      <c r="H242260" s="12"/>
    </row>
    <row r="242261" spans="8:8">
      <c r="H242261" s="12"/>
    </row>
    <row r="242262" spans="8:8">
      <c r="H242262" s="12"/>
    </row>
    <row r="242263" spans="8:8">
      <c r="H242263" s="12"/>
    </row>
    <row r="242264" spans="8:8">
      <c r="H242264" s="12"/>
    </row>
    <row r="242265" spans="8:8">
      <c r="H242265" s="12"/>
    </row>
    <row r="242266" spans="8:8">
      <c r="H242266" s="12"/>
    </row>
    <row r="242267" spans="8:8">
      <c r="H242267" s="12"/>
    </row>
    <row r="242268" spans="8:8">
      <c r="H242268" s="12"/>
    </row>
    <row r="242269" spans="8:8">
      <c r="H242269" s="12"/>
    </row>
    <row r="242270" spans="8:8">
      <c r="H242270" s="12"/>
    </row>
    <row r="242271" spans="8:8">
      <c r="H242271" s="12"/>
    </row>
    <row r="242272" spans="8:8">
      <c r="H242272" s="12"/>
    </row>
    <row r="242273" spans="8:8">
      <c r="H242273" s="12"/>
    </row>
    <row r="242274" spans="8:8">
      <c r="H242274" s="12"/>
    </row>
    <row r="242275" spans="8:8">
      <c r="H242275" s="12"/>
    </row>
    <row r="242276" spans="8:8">
      <c r="H242276" s="12"/>
    </row>
    <row r="242277" spans="8:8">
      <c r="H242277" s="12"/>
    </row>
    <row r="242278" spans="8:8">
      <c r="H242278" s="12"/>
    </row>
    <row r="242279" spans="8:8">
      <c r="H242279" s="12"/>
    </row>
    <row r="242280" spans="8:8">
      <c r="H242280" s="12"/>
    </row>
    <row r="242281" spans="8:8">
      <c r="H242281" s="12"/>
    </row>
    <row r="242282" spans="8:8">
      <c r="H242282" s="12"/>
    </row>
    <row r="242283" spans="8:8">
      <c r="H242283" s="12"/>
    </row>
    <row r="242284" spans="8:8">
      <c r="H242284" s="12"/>
    </row>
    <row r="242285" spans="8:8">
      <c r="H242285" s="12"/>
    </row>
    <row r="242286" spans="8:8">
      <c r="H242286" s="12"/>
    </row>
    <row r="242287" spans="8:8">
      <c r="H242287" s="12"/>
    </row>
    <row r="242288" spans="8:8">
      <c r="H242288" s="12"/>
    </row>
    <row r="242289" spans="8:8">
      <c r="H242289" s="12"/>
    </row>
    <row r="242290" spans="8:8">
      <c r="H242290" s="12"/>
    </row>
    <row r="242291" spans="8:8">
      <c r="H242291" s="12"/>
    </row>
    <row r="242292" spans="8:8">
      <c r="H242292" s="12"/>
    </row>
    <row r="242293" spans="8:8">
      <c r="H242293" s="12"/>
    </row>
    <row r="242294" spans="8:8">
      <c r="H242294" s="12"/>
    </row>
    <row r="242295" spans="8:8">
      <c r="H242295" s="12"/>
    </row>
    <row r="242296" spans="8:8">
      <c r="H242296" s="12"/>
    </row>
    <row r="242297" spans="8:8">
      <c r="H242297" s="12"/>
    </row>
    <row r="242298" spans="8:8">
      <c r="H242298" s="12"/>
    </row>
    <row r="242299" spans="8:8">
      <c r="H242299" s="12"/>
    </row>
    <row r="242300" spans="8:8">
      <c r="H242300" s="12"/>
    </row>
    <row r="242301" spans="8:8">
      <c r="H242301" s="12"/>
    </row>
    <row r="242302" spans="8:8">
      <c r="H242302" s="12"/>
    </row>
    <row r="242303" spans="8:8">
      <c r="H242303" s="12"/>
    </row>
    <row r="242304" spans="8:8">
      <c r="H242304" s="12"/>
    </row>
    <row r="242305" spans="8:8">
      <c r="H242305" s="12"/>
    </row>
    <row r="242306" spans="8:8">
      <c r="H242306" s="12"/>
    </row>
    <row r="242307" spans="8:8">
      <c r="H242307" s="12"/>
    </row>
    <row r="242308" spans="8:8">
      <c r="H242308" s="12"/>
    </row>
    <row r="242309" spans="8:8">
      <c r="H242309" s="12"/>
    </row>
    <row r="242310" spans="8:8">
      <c r="H242310" s="12"/>
    </row>
    <row r="242311" spans="8:8">
      <c r="H242311" s="12"/>
    </row>
    <row r="242312" spans="8:8">
      <c r="H242312" s="12"/>
    </row>
    <row r="242313" spans="8:8">
      <c r="H242313" s="12"/>
    </row>
    <row r="242314" spans="8:8">
      <c r="H242314" s="12"/>
    </row>
    <row r="242315" spans="8:8">
      <c r="H242315" s="12"/>
    </row>
    <row r="242316" spans="8:8">
      <c r="H242316" s="12"/>
    </row>
    <row r="242317" spans="8:8">
      <c r="H242317" s="12"/>
    </row>
    <row r="242318" spans="8:8">
      <c r="H242318" s="12"/>
    </row>
    <row r="242319" spans="8:8">
      <c r="H242319" s="12"/>
    </row>
    <row r="242320" spans="8:8">
      <c r="H242320" s="12"/>
    </row>
    <row r="242321" spans="8:8">
      <c r="H242321" s="12"/>
    </row>
    <row r="242322" spans="8:8">
      <c r="H242322" s="12"/>
    </row>
    <row r="242323" spans="8:8">
      <c r="H242323" s="12"/>
    </row>
    <row r="242324" spans="8:8">
      <c r="H242324" s="12"/>
    </row>
    <row r="242325" spans="8:8">
      <c r="H242325" s="12"/>
    </row>
    <row r="242326" spans="8:8">
      <c r="H242326" s="12"/>
    </row>
    <row r="242327" spans="8:8">
      <c r="H242327" s="12"/>
    </row>
    <row r="242328" spans="8:8">
      <c r="H242328" s="12"/>
    </row>
    <row r="242329" spans="8:8">
      <c r="H242329" s="12"/>
    </row>
    <row r="242330" spans="8:8">
      <c r="H242330" s="12"/>
    </row>
    <row r="242331" spans="8:8">
      <c r="H242331" s="12"/>
    </row>
    <row r="242332" spans="8:8">
      <c r="H242332" s="12"/>
    </row>
    <row r="242333" spans="8:8">
      <c r="H242333" s="12"/>
    </row>
    <row r="242334" spans="8:8">
      <c r="H242334" s="12"/>
    </row>
    <row r="242335" spans="8:8">
      <c r="H242335" s="12"/>
    </row>
    <row r="242336" spans="8:8">
      <c r="H242336" s="12"/>
    </row>
    <row r="242337" spans="8:8">
      <c r="H242337" s="12"/>
    </row>
    <row r="242338" spans="8:8">
      <c r="H242338" s="12"/>
    </row>
    <row r="242339" spans="8:8">
      <c r="H242339" s="12"/>
    </row>
    <row r="242340" spans="8:8">
      <c r="H242340" s="12"/>
    </row>
    <row r="242341" spans="8:8">
      <c r="H242341" s="12"/>
    </row>
    <row r="242342" spans="8:8">
      <c r="H242342" s="12"/>
    </row>
    <row r="242343" spans="8:8">
      <c r="H242343" s="12"/>
    </row>
    <row r="242344" spans="8:8">
      <c r="H242344" s="12"/>
    </row>
    <row r="242345" spans="8:8">
      <c r="H242345" s="12"/>
    </row>
    <row r="242346" spans="8:8">
      <c r="H242346" s="12"/>
    </row>
    <row r="242347" spans="8:8">
      <c r="H242347" s="12"/>
    </row>
    <row r="242348" spans="8:8">
      <c r="H242348" s="12"/>
    </row>
    <row r="242349" spans="8:8">
      <c r="H242349" s="12"/>
    </row>
    <row r="242350" spans="8:8">
      <c r="H242350" s="12"/>
    </row>
    <row r="242351" spans="8:8">
      <c r="H242351" s="12"/>
    </row>
    <row r="242352" spans="8:8">
      <c r="H242352" s="12"/>
    </row>
    <row r="242353" spans="8:8">
      <c r="H242353" s="12"/>
    </row>
    <row r="242354" spans="8:8">
      <c r="H242354" s="12"/>
    </row>
    <row r="242355" spans="8:8">
      <c r="H242355" s="12"/>
    </row>
    <row r="242356" spans="8:8">
      <c r="H242356" s="12"/>
    </row>
    <row r="242357" spans="8:8">
      <c r="H242357" s="12"/>
    </row>
    <row r="242358" spans="8:8">
      <c r="H242358" s="12"/>
    </row>
    <row r="242359" spans="8:8">
      <c r="H242359" s="12"/>
    </row>
    <row r="242360" spans="8:8">
      <c r="H242360" s="12"/>
    </row>
    <row r="242361" spans="8:8">
      <c r="H242361" s="12"/>
    </row>
    <row r="242362" spans="8:8">
      <c r="H242362" s="12"/>
    </row>
    <row r="242363" spans="8:8">
      <c r="H242363" s="12"/>
    </row>
    <row r="242364" spans="8:8">
      <c r="H242364" s="12"/>
    </row>
    <row r="242365" spans="8:8">
      <c r="H242365" s="12"/>
    </row>
    <row r="242366" spans="8:8">
      <c r="H242366" s="12"/>
    </row>
    <row r="242367" spans="8:8">
      <c r="H242367" s="12"/>
    </row>
    <row r="242368" spans="8:8">
      <c r="H242368" s="12"/>
    </row>
    <row r="242369" spans="8:8">
      <c r="H242369" s="12"/>
    </row>
    <row r="242370" spans="8:8">
      <c r="H242370" s="12"/>
    </row>
    <row r="242371" spans="8:8">
      <c r="H242371" s="12"/>
    </row>
    <row r="242372" spans="8:8">
      <c r="H242372" s="12"/>
    </row>
    <row r="242373" spans="8:8">
      <c r="H242373" s="12"/>
    </row>
    <row r="242374" spans="8:8">
      <c r="H242374" s="12"/>
    </row>
    <row r="242375" spans="8:8">
      <c r="H242375" s="12"/>
    </row>
    <row r="242376" spans="8:8">
      <c r="H242376" s="12"/>
    </row>
    <row r="242377" spans="8:8">
      <c r="H242377" s="12"/>
    </row>
    <row r="242378" spans="8:8">
      <c r="H242378" s="12"/>
    </row>
    <row r="242379" spans="8:8">
      <c r="H242379" s="12"/>
    </row>
    <row r="242380" spans="8:8">
      <c r="H242380" s="12"/>
    </row>
    <row r="242381" spans="8:8">
      <c r="H242381" s="12"/>
    </row>
    <row r="242382" spans="8:8">
      <c r="H242382" s="12"/>
    </row>
    <row r="242383" spans="8:8">
      <c r="H242383" s="12"/>
    </row>
    <row r="242384" spans="8:8">
      <c r="H242384" s="12"/>
    </row>
    <row r="242385" spans="8:8">
      <c r="H242385" s="12"/>
    </row>
    <row r="242386" spans="8:8">
      <c r="H242386" s="12"/>
    </row>
    <row r="242387" spans="8:8">
      <c r="H242387" s="12"/>
    </row>
    <row r="242388" spans="8:8">
      <c r="H242388" s="12"/>
    </row>
    <row r="242389" spans="8:8">
      <c r="H242389" s="12"/>
    </row>
    <row r="242390" spans="8:8">
      <c r="H242390" s="12"/>
    </row>
    <row r="242391" spans="8:8">
      <c r="H242391" s="12"/>
    </row>
    <row r="242392" spans="8:8">
      <c r="H242392" s="12"/>
    </row>
    <row r="242393" spans="8:8">
      <c r="H242393" s="12"/>
    </row>
    <row r="242394" spans="8:8">
      <c r="H242394" s="12"/>
    </row>
    <row r="242395" spans="8:8">
      <c r="H242395" s="12"/>
    </row>
    <row r="242396" spans="8:8">
      <c r="H242396" s="12"/>
    </row>
    <row r="242397" spans="8:8">
      <c r="H242397" s="12"/>
    </row>
    <row r="242398" spans="8:8">
      <c r="H242398" s="12"/>
    </row>
    <row r="242399" spans="8:8">
      <c r="H242399" s="12"/>
    </row>
    <row r="242400" spans="8:8">
      <c r="H242400" s="12"/>
    </row>
    <row r="242401" spans="8:8">
      <c r="H242401" s="12"/>
    </row>
    <row r="242402" spans="8:8">
      <c r="H242402" s="12"/>
    </row>
    <row r="242403" spans="8:8">
      <c r="H242403" s="12"/>
    </row>
    <row r="242404" spans="8:8">
      <c r="H242404" s="12"/>
    </row>
    <row r="242405" spans="8:8">
      <c r="H242405" s="12"/>
    </row>
    <row r="242406" spans="8:8">
      <c r="H242406" s="12"/>
    </row>
    <row r="242407" spans="8:8">
      <c r="H242407" s="12"/>
    </row>
    <row r="242408" spans="8:8">
      <c r="H242408" s="12"/>
    </row>
    <row r="242409" spans="8:8">
      <c r="H242409" s="12"/>
    </row>
    <row r="242410" spans="8:8">
      <c r="H242410" s="12"/>
    </row>
    <row r="242411" spans="8:8">
      <c r="H242411" s="12"/>
    </row>
    <row r="242412" spans="8:8">
      <c r="H242412" s="12"/>
    </row>
    <row r="242413" spans="8:8">
      <c r="H242413" s="12"/>
    </row>
    <row r="242414" spans="8:8">
      <c r="H242414" s="12"/>
    </row>
    <row r="242415" spans="8:8">
      <c r="H242415" s="12"/>
    </row>
    <row r="242416" spans="8:8">
      <c r="H242416" s="12"/>
    </row>
    <row r="242417" spans="8:8">
      <c r="H242417" s="12"/>
    </row>
    <row r="242418" spans="8:8">
      <c r="H242418" s="12"/>
    </row>
    <row r="242419" spans="8:8">
      <c r="H242419" s="12"/>
    </row>
    <row r="242420" spans="8:8">
      <c r="H242420" s="12"/>
    </row>
    <row r="242421" spans="8:8">
      <c r="H242421" s="12"/>
    </row>
    <row r="242422" spans="8:8">
      <c r="H242422" s="12"/>
    </row>
    <row r="242423" spans="8:8">
      <c r="H242423" s="12"/>
    </row>
    <row r="242424" spans="8:8">
      <c r="H242424" s="12"/>
    </row>
    <row r="242425" spans="8:8">
      <c r="H242425" s="12"/>
    </row>
    <row r="242426" spans="8:8">
      <c r="H242426" s="12"/>
    </row>
    <row r="242427" spans="8:8">
      <c r="H242427" s="12"/>
    </row>
    <row r="242428" spans="8:8">
      <c r="H242428" s="12"/>
    </row>
    <row r="242429" spans="8:8">
      <c r="H242429" s="12"/>
    </row>
    <row r="242430" spans="8:8">
      <c r="H242430" s="12"/>
    </row>
    <row r="242431" spans="8:8">
      <c r="H242431" s="12"/>
    </row>
    <row r="242432" spans="8:8">
      <c r="H242432" s="12"/>
    </row>
    <row r="242433" spans="8:8">
      <c r="H242433" s="12"/>
    </row>
    <row r="242434" spans="8:8">
      <c r="H242434" s="12"/>
    </row>
    <row r="242435" spans="8:8">
      <c r="H242435" s="12"/>
    </row>
    <row r="242436" spans="8:8">
      <c r="H242436" s="12"/>
    </row>
    <row r="242437" spans="8:8">
      <c r="H242437" s="12"/>
    </row>
    <row r="242438" spans="8:8">
      <c r="H242438" s="12"/>
    </row>
    <row r="242439" spans="8:8">
      <c r="H242439" s="12"/>
    </row>
    <row r="242440" spans="8:8">
      <c r="H242440" s="12"/>
    </row>
    <row r="242441" spans="8:8">
      <c r="H242441" s="12"/>
    </row>
    <row r="242442" spans="8:8">
      <c r="H242442" s="12"/>
    </row>
    <row r="242443" spans="8:8">
      <c r="H242443" s="12"/>
    </row>
    <row r="242444" spans="8:8">
      <c r="H242444" s="12"/>
    </row>
    <row r="242445" spans="8:8">
      <c r="H242445" s="12"/>
    </row>
    <row r="242446" spans="8:8">
      <c r="H242446" s="12"/>
    </row>
    <row r="242447" spans="8:8">
      <c r="H242447" s="12"/>
    </row>
    <row r="242448" spans="8:8">
      <c r="H242448" s="12"/>
    </row>
    <row r="242449" spans="8:8">
      <c r="H242449" s="12"/>
    </row>
    <row r="242450" spans="8:8">
      <c r="H242450" s="12"/>
    </row>
    <row r="242451" spans="8:8">
      <c r="H242451" s="12"/>
    </row>
    <row r="242452" spans="8:8">
      <c r="H242452" s="12"/>
    </row>
    <row r="242453" spans="8:8">
      <c r="H242453" s="12"/>
    </row>
    <row r="242454" spans="8:8">
      <c r="H242454" s="12"/>
    </row>
    <row r="242455" spans="8:8">
      <c r="H242455" s="12"/>
    </row>
    <row r="242456" spans="8:8">
      <c r="H242456" s="12"/>
    </row>
    <row r="242457" spans="8:8">
      <c r="H242457" s="12"/>
    </row>
    <row r="242458" spans="8:8">
      <c r="H242458" s="12"/>
    </row>
    <row r="242459" spans="8:8">
      <c r="H242459" s="12"/>
    </row>
    <row r="242460" spans="8:8">
      <c r="H242460" s="12"/>
    </row>
    <row r="242461" spans="8:8">
      <c r="H242461" s="12"/>
    </row>
    <row r="242462" spans="8:8">
      <c r="H242462" s="12"/>
    </row>
    <row r="242463" spans="8:8">
      <c r="H242463" s="12"/>
    </row>
    <row r="242464" spans="8:8">
      <c r="H242464" s="12"/>
    </row>
    <row r="242465" spans="8:8">
      <c r="H242465" s="12"/>
    </row>
    <row r="242466" spans="8:8">
      <c r="H242466" s="12"/>
    </row>
    <row r="242467" spans="8:8">
      <c r="H242467" s="12"/>
    </row>
    <row r="242468" spans="8:8">
      <c r="H242468" s="12"/>
    </row>
    <row r="242469" spans="8:8">
      <c r="H242469" s="12"/>
    </row>
    <row r="242470" spans="8:8">
      <c r="H242470" s="12"/>
    </row>
    <row r="242471" spans="8:8">
      <c r="H242471" s="12"/>
    </row>
    <row r="242472" spans="8:8">
      <c r="H242472" s="12"/>
    </row>
    <row r="242473" spans="8:8">
      <c r="H242473" s="12"/>
    </row>
    <row r="242474" spans="8:8">
      <c r="H242474" s="12"/>
    </row>
    <row r="242475" spans="8:8">
      <c r="H242475" s="12"/>
    </row>
    <row r="242476" spans="8:8">
      <c r="H242476" s="12"/>
    </row>
    <row r="242477" spans="8:8">
      <c r="H242477" s="12"/>
    </row>
    <row r="242478" spans="8:8">
      <c r="H242478" s="12"/>
    </row>
    <row r="242479" spans="8:8">
      <c r="H242479" s="12"/>
    </row>
    <row r="242480" spans="8:8">
      <c r="H242480" s="12"/>
    </row>
    <row r="242481" spans="8:8">
      <c r="H242481" s="12"/>
    </row>
    <row r="242482" spans="8:8">
      <c r="H242482" s="12"/>
    </row>
    <row r="242483" spans="8:8">
      <c r="H242483" s="12"/>
    </row>
    <row r="242484" spans="8:8">
      <c r="H242484" s="12"/>
    </row>
    <row r="242485" spans="8:8">
      <c r="H242485" s="12"/>
    </row>
    <row r="242486" spans="8:8">
      <c r="H242486" s="12"/>
    </row>
    <row r="242487" spans="8:8">
      <c r="H242487" s="12"/>
    </row>
    <row r="242488" spans="8:8">
      <c r="H242488" s="12"/>
    </row>
    <row r="242489" spans="8:8">
      <c r="H242489" s="12"/>
    </row>
    <row r="242490" spans="8:8">
      <c r="H242490" s="12"/>
    </row>
    <row r="242491" spans="8:8">
      <c r="H242491" s="12"/>
    </row>
    <row r="242492" spans="8:8">
      <c r="H242492" s="12"/>
    </row>
    <row r="242493" spans="8:8">
      <c r="H242493" s="12"/>
    </row>
    <row r="242494" spans="8:8">
      <c r="H242494" s="12"/>
    </row>
    <row r="242495" spans="8:8">
      <c r="H242495" s="12"/>
    </row>
    <row r="242496" spans="8:8">
      <c r="H242496" s="12"/>
    </row>
    <row r="242497" spans="8:8">
      <c r="H242497" s="12"/>
    </row>
    <row r="242498" spans="8:8">
      <c r="H242498" s="12"/>
    </row>
    <row r="242499" spans="8:8">
      <c r="H242499" s="12"/>
    </row>
    <row r="242500" spans="8:8">
      <c r="H242500" s="12"/>
    </row>
    <row r="242501" spans="8:8">
      <c r="H242501" s="12"/>
    </row>
    <row r="242502" spans="8:8">
      <c r="H242502" s="12"/>
    </row>
    <row r="242503" spans="8:8">
      <c r="H242503" s="12"/>
    </row>
    <row r="242504" spans="8:8">
      <c r="H242504" s="12"/>
    </row>
    <row r="242505" spans="8:8">
      <c r="H242505" s="12"/>
    </row>
    <row r="242506" spans="8:8">
      <c r="H242506" s="12"/>
    </row>
    <row r="242507" spans="8:8">
      <c r="H242507" s="12"/>
    </row>
    <row r="242508" spans="8:8">
      <c r="H242508" s="12"/>
    </row>
    <row r="242509" spans="8:8">
      <c r="H242509" s="12"/>
    </row>
    <row r="242510" spans="8:8">
      <c r="H242510" s="12"/>
    </row>
    <row r="242511" spans="8:8">
      <c r="H242511" s="12"/>
    </row>
    <row r="242512" spans="8:8">
      <c r="H242512" s="12"/>
    </row>
    <row r="242513" spans="8:8">
      <c r="H242513" s="12"/>
    </row>
    <row r="242514" spans="8:8">
      <c r="H242514" s="12"/>
    </row>
    <row r="242515" spans="8:8">
      <c r="H242515" s="12"/>
    </row>
    <row r="242516" spans="8:8">
      <c r="H242516" s="12"/>
    </row>
    <row r="242517" spans="8:8">
      <c r="H242517" s="12"/>
    </row>
    <row r="242518" spans="8:8">
      <c r="H242518" s="12"/>
    </row>
    <row r="242519" spans="8:8">
      <c r="H242519" s="12"/>
    </row>
    <row r="242520" spans="8:8">
      <c r="H242520" s="12"/>
    </row>
    <row r="242521" spans="8:8">
      <c r="H242521" s="12"/>
    </row>
    <row r="242522" spans="8:8">
      <c r="H242522" s="12"/>
    </row>
    <row r="242523" spans="8:8">
      <c r="H242523" s="12"/>
    </row>
    <row r="242524" spans="8:8">
      <c r="H242524" s="12"/>
    </row>
    <row r="242525" spans="8:8">
      <c r="H242525" s="12"/>
    </row>
    <row r="242526" spans="8:8">
      <c r="H242526" s="12"/>
    </row>
    <row r="242527" spans="8:8">
      <c r="H242527" s="12"/>
    </row>
    <row r="242528" spans="8:8">
      <c r="H242528" s="12"/>
    </row>
    <row r="242529" spans="8:8">
      <c r="H242529" s="12"/>
    </row>
    <row r="242530" spans="8:8">
      <c r="H242530" s="12"/>
    </row>
    <row r="242531" spans="8:8">
      <c r="H242531" s="12"/>
    </row>
    <row r="242532" spans="8:8">
      <c r="H242532" s="12"/>
    </row>
    <row r="242533" spans="8:8">
      <c r="H242533" s="12"/>
    </row>
    <row r="242534" spans="8:8">
      <c r="H242534" s="12"/>
    </row>
    <row r="242535" spans="8:8">
      <c r="H242535" s="12"/>
    </row>
    <row r="242536" spans="8:8">
      <c r="H242536" s="12"/>
    </row>
    <row r="242537" spans="8:8">
      <c r="H242537" s="12"/>
    </row>
    <row r="242538" spans="8:8">
      <c r="H242538" s="12"/>
    </row>
    <row r="242539" spans="8:8">
      <c r="H242539" s="12"/>
    </row>
    <row r="242540" spans="8:8">
      <c r="H242540" s="12"/>
    </row>
    <row r="242541" spans="8:8">
      <c r="H242541" s="12"/>
    </row>
    <row r="242542" spans="8:8">
      <c r="H242542" s="12"/>
    </row>
    <row r="242543" spans="8:8">
      <c r="H242543" s="12"/>
    </row>
    <row r="242544" spans="8:8">
      <c r="H242544" s="12"/>
    </row>
    <row r="242545" spans="8:8">
      <c r="H242545" s="12"/>
    </row>
    <row r="242546" spans="8:8">
      <c r="H242546" s="12"/>
    </row>
    <row r="242547" spans="8:8">
      <c r="H242547" s="12"/>
    </row>
    <row r="242548" spans="8:8">
      <c r="H242548" s="12"/>
    </row>
    <row r="242549" spans="8:8">
      <c r="H242549" s="12"/>
    </row>
    <row r="242550" spans="8:8">
      <c r="H242550" s="12"/>
    </row>
    <row r="242551" spans="8:8">
      <c r="H242551" s="12"/>
    </row>
    <row r="242552" spans="8:8">
      <c r="H242552" s="12"/>
    </row>
    <row r="242553" spans="8:8">
      <c r="H242553" s="12"/>
    </row>
    <row r="242554" spans="8:8">
      <c r="H242554" s="12"/>
    </row>
    <row r="242555" spans="8:8">
      <c r="H242555" s="12"/>
    </row>
    <row r="242556" spans="8:8">
      <c r="H242556" s="12"/>
    </row>
    <row r="242557" spans="8:8">
      <c r="H242557" s="12"/>
    </row>
    <row r="242558" spans="8:8">
      <c r="H242558" s="12"/>
    </row>
    <row r="242559" spans="8:8">
      <c r="H242559" s="12"/>
    </row>
    <row r="242560" spans="8:8">
      <c r="H242560" s="12"/>
    </row>
    <row r="242561" spans="8:8">
      <c r="H242561" s="12"/>
    </row>
    <row r="242562" spans="8:8">
      <c r="H242562" s="12"/>
    </row>
    <row r="242563" spans="8:8">
      <c r="H242563" s="12"/>
    </row>
    <row r="242564" spans="8:8">
      <c r="H242564" s="12"/>
    </row>
    <row r="242565" spans="8:8">
      <c r="H242565" s="12"/>
    </row>
    <row r="242566" spans="8:8">
      <c r="H242566" s="12"/>
    </row>
    <row r="242567" spans="8:8">
      <c r="H242567" s="12"/>
    </row>
    <row r="242568" spans="8:8">
      <c r="H242568" s="12"/>
    </row>
    <row r="242569" spans="8:8">
      <c r="H242569" s="12"/>
    </row>
    <row r="242570" spans="8:8">
      <c r="H242570" s="12"/>
    </row>
    <row r="242571" spans="8:8">
      <c r="H242571" s="12"/>
    </row>
    <row r="242572" spans="8:8">
      <c r="H242572" s="12"/>
    </row>
    <row r="242573" spans="8:8">
      <c r="H242573" s="12"/>
    </row>
    <row r="242574" spans="8:8">
      <c r="H242574" s="12"/>
    </row>
    <row r="242575" spans="8:8">
      <c r="H242575" s="12"/>
    </row>
    <row r="242576" spans="8:8">
      <c r="H242576" s="12"/>
    </row>
    <row r="242577" spans="8:8">
      <c r="H242577" s="12"/>
    </row>
    <row r="242578" spans="8:8">
      <c r="H242578" s="12"/>
    </row>
    <row r="242579" spans="8:8">
      <c r="H242579" s="12"/>
    </row>
    <row r="242580" spans="8:8">
      <c r="H242580" s="12"/>
    </row>
    <row r="242581" spans="8:8">
      <c r="H242581" s="12"/>
    </row>
    <row r="242582" spans="8:8">
      <c r="H242582" s="12"/>
    </row>
    <row r="242583" spans="8:8">
      <c r="H242583" s="12"/>
    </row>
    <row r="242584" spans="8:8">
      <c r="H242584" s="12"/>
    </row>
    <row r="242585" spans="8:8">
      <c r="H242585" s="12"/>
    </row>
    <row r="242586" spans="8:8">
      <c r="H242586" s="12"/>
    </row>
    <row r="242587" spans="8:8">
      <c r="H242587" s="12"/>
    </row>
    <row r="242588" spans="8:8">
      <c r="H242588" s="12"/>
    </row>
    <row r="242589" spans="8:8">
      <c r="H242589" s="12"/>
    </row>
    <row r="242590" spans="8:8">
      <c r="H242590" s="12"/>
    </row>
    <row r="242591" spans="8:8">
      <c r="H242591" s="12"/>
    </row>
    <row r="242592" spans="8:8">
      <c r="H242592" s="12"/>
    </row>
    <row r="242593" spans="8:8">
      <c r="H242593" s="12"/>
    </row>
    <row r="242594" spans="8:8">
      <c r="H242594" s="12"/>
    </row>
    <row r="242595" spans="8:8">
      <c r="H242595" s="12"/>
    </row>
    <row r="242596" spans="8:8">
      <c r="H242596" s="12"/>
    </row>
    <row r="242597" spans="8:8">
      <c r="H242597" s="12"/>
    </row>
    <row r="242598" spans="8:8">
      <c r="H242598" s="12"/>
    </row>
    <row r="242599" spans="8:8">
      <c r="H242599" s="12"/>
    </row>
    <row r="242600" spans="8:8">
      <c r="H242600" s="12"/>
    </row>
    <row r="242601" spans="8:8">
      <c r="H242601" s="12"/>
    </row>
    <row r="242602" spans="8:8">
      <c r="H242602" s="12"/>
    </row>
    <row r="242603" spans="8:8">
      <c r="H242603" s="12"/>
    </row>
    <row r="242604" spans="8:8">
      <c r="H242604" s="12"/>
    </row>
    <row r="242605" spans="8:8">
      <c r="H242605" s="12"/>
    </row>
    <row r="242606" spans="8:8">
      <c r="H242606" s="12"/>
    </row>
    <row r="242607" spans="8:8">
      <c r="H242607" s="12"/>
    </row>
    <row r="242608" spans="8:8">
      <c r="H242608" s="12"/>
    </row>
    <row r="242609" spans="8:8">
      <c r="H242609" s="12"/>
    </row>
    <row r="242610" spans="8:8">
      <c r="H242610" s="12"/>
    </row>
    <row r="242611" spans="8:8">
      <c r="H242611" s="12"/>
    </row>
    <row r="242612" spans="8:8">
      <c r="H242612" s="12"/>
    </row>
    <row r="242613" spans="8:8">
      <c r="H242613" s="12"/>
    </row>
    <row r="242614" spans="8:8">
      <c r="H242614" s="12"/>
    </row>
    <row r="242615" spans="8:8">
      <c r="H242615" s="12"/>
    </row>
    <row r="242616" spans="8:8">
      <c r="H242616" s="12"/>
    </row>
    <row r="242617" spans="8:8">
      <c r="H242617" s="12"/>
    </row>
    <row r="242618" spans="8:8">
      <c r="H242618" s="12"/>
    </row>
    <row r="242619" spans="8:8">
      <c r="H242619" s="12"/>
    </row>
    <row r="242620" spans="8:8">
      <c r="H242620" s="12"/>
    </row>
    <row r="242621" spans="8:8">
      <c r="H242621" s="12"/>
    </row>
    <row r="242622" spans="8:8">
      <c r="H242622" s="12"/>
    </row>
    <row r="242623" spans="8:8">
      <c r="H242623" s="12"/>
    </row>
    <row r="242624" spans="8:8">
      <c r="H242624" s="12"/>
    </row>
    <row r="242625" spans="8:8">
      <c r="H242625" s="12"/>
    </row>
    <row r="242626" spans="8:8">
      <c r="H242626" s="12"/>
    </row>
    <row r="242627" spans="8:8">
      <c r="H242627" s="12"/>
    </row>
    <row r="242628" spans="8:8">
      <c r="H242628" s="12"/>
    </row>
    <row r="242629" spans="8:8">
      <c r="H242629" s="12"/>
    </row>
    <row r="242630" spans="8:8">
      <c r="H242630" s="12"/>
    </row>
    <row r="242631" spans="8:8">
      <c r="H242631" s="12"/>
    </row>
    <row r="242632" spans="8:8">
      <c r="H242632" s="12"/>
    </row>
    <row r="242633" spans="8:8">
      <c r="H242633" s="12"/>
    </row>
    <row r="242634" spans="8:8">
      <c r="H242634" s="12"/>
    </row>
    <row r="242635" spans="8:8">
      <c r="H242635" s="12"/>
    </row>
    <row r="242636" spans="8:8">
      <c r="H242636" s="12"/>
    </row>
    <row r="242637" spans="8:8">
      <c r="H242637" s="12"/>
    </row>
    <row r="242638" spans="8:8">
      <c r="H242638" s="12"/>
    </row>
    <row r="242639" spans="8:8">
      <c r="H242639" s="12"/>
    </row>
    <row r="242640" spans="8:8">
      <c r="H242640" s="12"/>
    </row>
    <row r="242641" spans="8:8">
      <c r="H242641" s="12"/>
    </row>
    <row r="242642" spans="8:8">
      <c r="H242642" s="12"/>
    </row>
    <row r="242643" spans="8:8">
      <c r="H242643" s="12"/>
    </row>
    <row r="242644" spans="8:8">
      <c r="H242644" s="12"/>
    </row>
    <row r="242645" spans="8:8">
      <c r="H242645" s="12"/>
    </row>
    <row r="242646" spans="8:8">
      <c r="H242646" s="12"/>
    </row>
    <row r="242647" spans="8:8">
      <c r="H242647" s="12"/>
    </row>
    <row r="242648" spans="8:8">
      <c r="H242648" s="12"/>
    </row>
    <row r="242649" spans="8:8">
      <c r="H242649" s="12"/>
    </row>
    <row r="242650" spans="8:8">
      <c r="H242650" s="12"/>
    </row>
    <row r="242651" spans="8:8">
      <c r="H242651" s="12"/>
    </row>
    <row r="242652" spans="8:8">
      <c r="H242652" s="12"/>
    </row>
    <row r="242653" spans="8:8">
      <c r="H242653" s="12"/>
    </row>
    <row r="242654" spans="8:8">
      <c r="H242654" s="12"/>
    </row>
    <row r="242655" spans="8:8">
      <c r="H242655" s="12"/>
    </row>
    <row r="242656" spans="8:8">
      <c r="H242656" s="12"/>
    </row>
    <row r="242657" spans="8:8">
      <c r="H242657" s="12"/>
    </row>
    <row r="242658" spans="8:8">
      <c r="H242658" s="12"/>
    </row>
    <row r="242659" spans="8:8">
      <c r="H242659" s="12"/>
    </row>
    <row r="242660" spans="8:8">
      <c r="H242660" s="12"/>
    </row>
    <row r="242661" spans="8:8">
      <c r="H242661" s="12"/>
    </row>
    <row r="242662" spans="8:8">
      <c r="H242662" s="12"/>
    </row>
    <row r="242663" spans="8:8">
      <c r="H242663" s="12"/>
    </row>
    <row r="242664" spans="8:8">
      <c r="H242664" s="12"/>
    </row>
    <row r="242665" spans="8:8">
      <c r="H242665" s="12"/>
    </row>
    <row r="242666" spans="8:8">
      <c r="H242666" s="12"/>
    </row>
    <row r="242667" spans="8:8">
      <c r="H242667" s="12"/>
    </row>
    <row r="242668" spans="8:8">
      <c r="H242668" s="12"/>
    </row>
    <row r="242669" spans="8:8">
      <c r="H242669" s="12"/>
    </row>
    <row r="242670" spans="8:8">
      <c r="H242670" s="12"/>
    </row>
    <row r="242671" spans="8:8">
      <c r="H242671" s="12"/>
    </row>
    <row r="242672" spans="8:8">
      <c r="H242672" s="12"/>
    </row>
    <row r="242673" spans="8:8">
      <c r="H242673" s="12"/>
    </row>
    <row r="242674" spans="8:8">
      <c r="H242674" s="12"/>
    </row>
    <row r="242675" spans="8:8">
      <c r="H242675" s="12"/>
    </row>
    <row r="242676" spans="8:8">
      <c r="H242676" s="12"/>
    </row>
    <row r="242677" spans="8:8">
      <c r="H242677" s="12"/>
    </row>
    <row r="242678" spans="8:8">
      <c r="H242678" s="12"/>
    </row>
    <row r="242679" spans="8:8">
      <c r="H242679" s="12"/>
    </row>
    <row r="242680" spans="8:8">
      <c r="H242680" s="12"/>
    </row>
    <row r="242681" spans="8:8">
      <c r="H242681" s="12"/>
    </row>
    <row r="242682" spans="8:8">
      <c r="H242682" s="12"/>
    </row>
    <row r="242683" spans="8:8">
      <c r="H242683" s="12"/>
    </row>
    <row r="242684" spans="8:8">
      <c r="H242684" s="12"/>
    </row>
    <row r="242685" spans="8:8">
      <c r="H242685" s="12"/>
    </row>
    <row r="242686" spans="8:8">
      <c r="H242686" s="12"/>
    </row>
    <row r="242687" spans="8:8">
      <c r="H242687" s="12"/>
    </row>
    <row r="242688" spans="8:8">
      <c r="H242688" s="12"/>
    </row>
    <row r="242689" spans="8:8">
      <c r="H242689" s="12"/>
    </row>
    <row r="242690" spans="8:8">
      <c r="H242690" s="12"/>
    </row>
    <row r="242691" spans="8:8">
      <c r="H242691" s="12"/>
    </row>
    <row r="242692" spans="8:8">
      <c r="H242692" s="12"/>
    </row>
    <row r="242693" spans="8:8">
      <c r="H242693" s="12"/>
    </row>
    <row r="242694" spans="8:8">
      <c r="H242694" s="12"/>
    </row>
    <row r="242695" spans="8:8">
      <c r="H242695" s="12"/>
    </row>
    <row r="242696" spans="8:8">
      <c r="H242696" s="12"/>
    </row>
    <row r="242697" spans="8:8">
      <c r="H242697" s="12"/>
    </row>
    <row r="242698" spans="8:8">
      <c r="H242698" s="12"/>
    </row>
    <row r="242699" spans="8:8">
      <c r="H242699" s="12"/>
    </row>
    <row r="242700" spans="8:8">
      <c r="H242700" s="12"/>
    </row>
    <row r="242701" spans="8:8">
      <c r="H242701" s="12"/>
    </row>
    <row r="242702" spans="8:8">
      <c r="H242702" s="12"/>
    </row>
    <row r="242703" spans="8:8">
      <c r="H242703" s="12"/>
    </row>
    <row r="242704" spans="8:8">
      <c r="H242704" s="12"/>
    </row>
    <row r="242705" spans="8:8">
      <c r="H242705" s="12"/>
    </row>
    <row r="242706" spans="8:8">
      <c r="H242706" s="12"/>
    </row>
    <row r="242707" spans="8:8">
      <c r="H242707" s="12"/>
    </row>
    <row r="242708" spans="8:8">
      <c r="H242708" s="12"/>
    </row>
    <row r="242709" spans="8:8">
      <c r="H242709" s="12"/>
    </row>
    <row r="242710" spans="8:8">
      <c r="H242710" s="12"/>
    </row>
    <row r="242711" spans="8:8">
      <c r="H242711" s="12"/>
    </row>
    <row r="242712" spans="8:8">
      <c r="H242712" s="12"/>
    </row>
    <row r="242713" spans="8:8">
      <c r="H242713" s="12"/>
    </row>
    <row r="242714" spans="8:8">
      <c r="H242714" s="12"/>
    </row>
    <row r="242715" spans="8:8">
      <c r="H242715" s="12"/>
    </row>
    <row r="242716" spans="8:8">
      <c r="H242716" s="12"/>
    </row>
    <row r="242717" spans="8:8">
      <c r="H242717" s="12"/>
    </row>
    <row r="242718" spans="8:8">
      <c r="H242718" s="12"/>
    </row>
    <row r="242719" spans="8:8">
      <c r="H242719" s="12"/>
    </row>
    <row r="242720" spans="8:8">
      <c r="H242720" s="12"/>
    </row>
    <row r="242721" spans="8:8">
      <c r="H242721" s="12"/>
    </row>
    <row r="242722" spans="8:8">
      <c r="H242722" s="12"/>
    </row>
    <row r="242723" spans="8:8">
      <c r="H242723" s="12"/>
    </row>
    <row r="242724" spans="8:8">
      <c r="H242724" s="12"/>
    </row>
    <row r="242725" spans="8:8">
      <c r="H242725" s="12"/>
    </row>
    <row r="242726" spans="8:8">
      <c r="H242726" s="12"/>
    </row>
    <row r="242727" spans="8:8">
      <c r="H242727" s="12"/>
    </row>
    <row r="242728" spans="8:8">
      <c r="H242728" s="12"/>
    </row>
    <row r="242729" spans="8:8">
      <c r="H242729" s="12"/>
    </row>
    <row r="242730" spans="8:8">
      <c r="H242730" s="12"/>
    </row>
    <row r="242731" spans="8:8">
      <c r="H242731" s="12"/>
    </row>
    <row r="242732" spans="8:8">
      <c r="H242732" s="12"/>
    </row>
    <row r="242733" spans="8:8">
      <c r="H242733" s="12"/>
    </row>
    <row r="242734" spans="8:8">
      <c r="H242734" s="12"/>
    </row>
    <row r="242735" spans="8:8">
      <c r="H242735" s="12"/>
    </row>
    <row r="242736" spans="8:8">
      <c r="H242736" s="12"/>
    </row>
    <row r="242737" spans="8:8">
      <c r="H242737" s="12"/>
    </row>
    <row r="242738" spans="8:8">
      <c r="H242738" s="12"/>
    </row>
    <row r="242739" spans="8:8">
      <c r="H242739" s="12"/>
    </row>
    <row r="242740" spans="8:8">
      <c r="H242740" s="12"/>
    </row>
    <row r="242741" spans="8:8">
      <c r="H242741" s="12"/>
    </row>
    <row r="242742" spans="8:8">
      <c r="H242742" s="12"/>
    </row>
    <row r="242743" spans="8:8">
      <c r="H242743" s="12"/>
    </row>
    <row r="242744" spans="8:8">
      <c r="H242744" s="12"/>
    </row>
    <row r="242745" spans="8:8">
      <c r="H242745" s="12"/>
    </row>
    <row r="242746" spans="8:8">
      <c r="H242746" s="12"/>
    </row>
    <row r="242747" spans="8:8">
      <c r="H242747" s="12"/>
    </row>
    <row r="242748" spans="8:8">
      <c r="H242748" s="12"/>
    </row>
    <row r="242749" spans="8:8">
      <c r="H242749" s="12"/>
    </row>
    <row r="242750" spans="8:8">
      <c r="H242750" s="12"/>
    </row>
    <row r="242751" spans="8:8">
      <c r="H242751" s="12"/>
    </row>
    <row r="242752" spans="8:8">
      <c r="H242752" s="12"/>
    </row>
    <row r="242753" spans="8:8">
      <c r="H242753" s="12"/>
    </row>
    <row r="242754" spans="8:8">
      <c r="H242754" s="12"/>
    </row>
    <row r="242755" spans="8:8">
      <c r="H242755" s="12"/>
    </row>
    <row r="242756" spans="8:8">
      <c r="H242756" s="12"/>
    </row>
    <row r="242757" spans="8:8">
      <c r="H242757" s="12"/>
    </row>
    <row r="242758" spans="8:8">
      <c r="H242758" s="12"/>
    </row>
    <row r="242759" spans="8:8">
      <c r="H242759" s="12"/>
    </row>
    <row r="242760" spans="8:8">
      <c r="H242760" s="12"/>
    </row>
    <row r="242761" spans="8:8">
      <c r="H242761" s="12"/>
    </row>
    <row r="242762" spans="8:8">
      <c r="H242762" s="12"/>
    </row>
    <row r="242763" spans="8:8">
      <c r="H242763" s="12"/>
    </row>
    <row r="242764" spans="8:8">
      <c r="H242764" s="12"/>
    </row>
    <row r="242765" spans="8:8">
      <c r="H242765" s="12"/>
    </row>
    <row r="242766" spans="8:8">
      <c r="H242766" s="12"/>
    </row>
    <row r="242767" spans="8:8">
      <c r="H242767" s="12"/>
    </row>
    <row r="242768" spans="8:8">
      <c r="H242768" s="12"/>
    </row>
    <row r="242769" spans="8:8">
      <c r="H242769" s="12"/>
    </row>
    <row r="242770" spans="8:8">
      <c r="H242770" s="12"/>
    </row>
    <row r="242771" spans="8:8">
      <c r="H242771" s="12"/>
    </row>
    <row r="242772" spans="8:8">
      <c r="H242772" s="12"/>
    </row>
    <row r="242773" spans="8:8">
      <c r="H242773" s="12"/>
    </row>
    <row r="242774" spans="8:8">
      <c r="H242774" s="12"/>
    </row>
    <row r="242775" spans="8:8">
      <c r="H242775" s="12"/>
    </row>
    <row r="242776" spans="8:8">
      <c r="H242776" s="12"/>
    </row>
    <row r="242777" spans="8:8">
      <c r="H242777" s="12"/>
    </row>
    <row r="242778" spans="8:8">
      <c r="H242778" s="12"/>
    </row>
    <row r="242779" spans="8:8">
      <c r="H242779" s="12"/>
    </row>
    <row r="242780" spans="8:8">
      <c r="H242780" s="12"/>
    </row>
    <row r="242781" spans="8:8">
      <c r="H242781" s="12"/>
    </row>
    <row r="242782" spans="8:8">
      <c r="H242782" s="12"/>
    </row>
    <row r="242783" spans="8:8">
      <c r="H242783" s="12"/>
    </row>
    <row r="242784" spans="8:8">
      <c r="H242784" s="12"/>
    </row>
    <row r="242785" spans="8:8">
      <c r="H242785" s="12"/>
    </row>
    <row r="242786" spans="8:8">
      <c r="H242786" s="12"/>
    </row>
    <row r="242787" spans="8:8">
      <c r="H242787" s="12"/>
    </row>
    <row r="242788" spans="8:8">
      <c r="H242788" s="12"/>
    </row>
    <row r="242789" spans="8:8">
      <c r="H242789" s="12"/>
    </row>
    <row r="242790" spans="8:8">
      <c r="H242790" s="12"/>
    </row>
    <row r="242791" spans="8:8">
      <c r="H242791" s="12"/>
    </row>
    <row r="242792" spans="8:8">
      <c r="H242792" s="12"/>
    </row>
    <row r="242793" spans="8:8">
      <c r="H242793" s="12"/>
    </row>
    <row r="242794" spans="8:8">
      <c r="H242794" s="12"/>
    </row>
    <row r="242795" spans="8:8">
      <c r="H242795" s="12"/>
    </row>
    <row r="242796" spans="8:8">
      <c r="H242796" s="12"/>
    </row>
    <row r="242797" spans="8:8">
      <c r="H242797" s="12"/>
    </row>
    <row r="242798" spans="8:8">
      <c r="H242798" s="12"/>
    </row>
    <row r="242799" spans="8:8">
      <c r="H242799" s="12"/>
    </row>
    <row r="242800" spans="8:8">
      <c r="H242800" s="12"/>
    </row>
    <row r="242801" spans="8:8">
      <c r="H242801" s="12"/>
    </row>
    <row r="242802" spans="8:8">
      <c r="H242802" s="12"/>
    </row>
    <row r="242803" spans="8:8">
      <c r="H242803" s="12"/>
    </row>
    <row r="242804" spans="8:8">
      <c r="H242804" s="12"/>
    </row>
    <row r="242805" spans="8:8">
      <c r="H242805" s="12"/>
    </row>
    <row r="242806" spans="8:8">
      <c r="H242806" s="12"/>
    </row>
    <row r="242807" spans="8:8">
      <c r="H242807" s="12"/>
    </row>
    <row r="242808" spans="8:8">
      <c r="H242808" s="12"/>
    </row>
    <row r="242809" spans="8:8">
      <c r="H242809" s="12"/>
    </row>
    <row r="242810" spans="8:8">
      <c r="H242810" s="12"/>
    </row>
    <row r="242811" spans="8:8">
      <c r="H242811" s="12"/>
    </row>
    <row r="242812" spans="8:8">
      <c r="H242812" s="12"/>
    </row>
    <row r="242813" spans="8:8">
      <c r="H242813" s="12"/>
    </row>
    <row r="242814" spans="8:8">
      <c r="H242814" s="12"/>
    </row>
    <row r="242815" spans="8:8">
      <c r="H242815" s="12"/>
    </row>
    <row r="242816" spans="8:8">
      <c r="H242816" s="12"/>
    </row>
    <row r="242817" spans="8:8">
      <c r="H242817" s="12"/>
    </row>
    <row r="242818" spans="8:8">
      <c r="H242818" s="12"/>
    </row>
    <row r="242819" spans="8:8">
      <c r="H242819" s="12"/>
    </row>
    <row r="242820" spans="8:8">
      <c r="H242820" s="12"/>
    </row>
    <row r="242821" spans="8:8">
      <c r="H242821" s="12"/>
    </row>
    <row r="242822" spans="8:8">
      <c r="H242822" s="12"/>
    </row>
    <row r="242823" spans="8:8">
      <c r="H242823" s="12"/>
    </row>
    <row r="242824" spans="8:8">
      <c r="H242824" s="12"/>
    </row>
    <row r="242825" spans="8:8">
      <c r="H242825" s="12"/>
    </row>
    <row r="242826" spans="8:8">
      <c r="H242826" s="12"/>
    </row>
    <row r="242827" spans="8:8">
      <c r="H242827" s="12"/>
    </row>
    <row r="242828" spans="8:8">
      <c r="H242828" s="12"/>
    </row>
    <row r="242829" spans="8:8">
      <c r="H242829" s="12"/>
    </row>
    <row r="242830" spans="8:8">
      <c r="H242830" s="12"/>
    </row>
    <row r="242831" spans="8:8">
      <c r="H242831" s="12"/>
    </row>
    <row r="242832" spans="8:8">
      <c r="H242832" s="12"/>
    </row>
    <row r="242833" spans="8:8">
      <c r="H242833" s="12"/>
    </row>
    <row r="242834" spans="8:8">
      <c r="H242834" s="12"/>
    </row>
    <row r="242835" spans="8:8">
      <c r="H242835" s="12"/>
    </row>
    <row r="242836" spans="8:8">
      <c r="H242836" s="12"/>
    </row>
    <row r="242837" spans="8:8">
      <c r="H242837" s="12"/>
    </row>
    <row r="242838" spans="8:8">
      <c r="H242838" s="12"/>
    </row>
    <row r="242839" spans="8:8">
      <c r="H242839" s="12"/>
    </row>
    <row r="242840" spans="8:8">
      <c r="H242840" s="12"/>
    </row>
    <row r="242841" spans="8:8">
      <c r="H242841" s="12"/>
    </row>
    <row r="242842" spans="8:8">
      <c r="H242842" s="12"/>
    </row>
    <row r="242843" spans="8:8">
      <c r="H242843" s="12"/>
    </row>
    <row r="242844" spans="8:8">
      <c r="H242844" s="12"/>
    </row>
    <row r="242845" spans="8:8">
      <c r="H242845" s="12"/>
    </row>
    <row r="242846" spans="8:8">
      <c r="H242846" s="12"/>
    </row>
    <row r="242847" spans="8:8">
      <c r="H242847" s="12"/>
    </row>
    <row r="242848" spans="8:8">
      <c r="H242848" s="12"/>
    </row>
    <row r="242849" spans="8:8">
      <c r="H242849" s="12"/>
    </row>
    <row r="242850" spans="8:8">
      <c r="H242850" s="12"/>
    </row>
    <row r="242851" spans="8:8">
      <c r="H242851" s="12"/>
    </row>
    <row r="242852" spans="8:8">
      <c r="H242852" s="12"/>
    </row>
    <row r="242853" spans="8:8">
      <c r="H242853" s="12"/>
    </row>
    <row r="242854" spans="8:8">
      <c r="H242854" s="12"/>
    </row>
    <row r="242855" spans="8:8">
      <c r="H242855" s="12"/>
    </row>
    <row r="242856" spans="8:8">
      <c r="H242856" s="12"/>
    </row>
    <row r="242857" spans="8:8">
      <c r="H242857" s="12"/>
    </row>
    <row r="242858" spans="8:8">
      <c r="H242858" s="12"/>
    </row>
    <row r="242859" spans="8:8">
      <c r="H242859" s="12"/>
    </row>
    <row r="242860" spans="8:8">
      <c r="H242860" s="12"/>
    </row>
    <row r="242861" spans="8:8">
      <c r="H242861" s="12"/>
    </row>
    <row r="242862" spans="8:8">
      <c r="H242862" s="12"/>
    </row>
    <row r="242863" spans="8:8">
      <c r="H242863" s="12"/>
    </row>
    <row r="242864" spans="8:8">
      <c r="H242864" s="12"/>
    </row>
    <row r="242865" spans="8:8">
      <c r="H242865" s="12"/>
    </row>
    <row r="242866" spans="8:8">
      <c r="H242866" s="12"/>
    </row>
    <row r="242867" spans="8:8">
      <c r="H242867" s="12"/>
    </row>
    <row r="242868" spans="8:8">
      <c r="H242868" s="12"/>
    </row>
    <row r="242869" spans="8:8">
      <c r="H242869" s="12"/>
    </row>
    <row r="242870" spans="8:8">
      <c r="H242870" s="12"/>
    </row>
    <row r="242871" spans="8:8">
      <c r="H242871" s="12"/>
    </row>
    <row r="242872" spans="8:8">
      <c r="H242872" s="12"/>
    </row>
    <row r="242873" spans="8:8">
      <c r="H242873" s="12"/>
    </row>
    <row r="242874" spans="8:8">
      <c r="H242874" s="12"/>
    </row>
    <row r="242875" spans="8:8">
      <c r="H242875" s="12"/>
    </row>
    <row r="242876" spans="8:8">
      <c r="H242876" s="12"/>
    </row>
    <row r="242877" spans="8:8">
      <c r="H242877" s="12"/>
    </row>
    <row r="242878" spans="8:8">
      <c r="H242878" s="12"/>
    </row>
    <row r="242879" spans="8:8">
      <c r="H242879" s="12"/>
    </row>
    <row r="242880" spans="8:8">
      <c r="H242880" s="12"/>
    </row>
    <row r="242881" spans="8:8">
      <c r="H242881" s="12"/>
    </row>
    <row r="242882" spans="8:8">
      <c r="H242882" s="12"/>
    </row>
    <row r="242883" spans="8:8">
      <c r="H242883" s="12"/>
    </row>
    <row r="242884" spans="8:8">
      <c r="H242884" s="12"/>
    </row>
    <row r="242885" spans="8:8">
      <c r="H242885" s="12"/>
    </row>
    <row r="242886" spans="8:8">
      <c r="H242886" s="12"/>
    </row>
    <row r="242887" spans="8:8">
      <c r="H242887" s="12"/>
    </row>
    <row r="242888" spans="8:8">
      <c r="H242888" s="12"/>
    </row>
    <row r="242889" spans="8:8">
      <c r="H242889" s="12"/>
    </row>
    <row r="242890" spans="8:8">
      <c r="H242890" s="12"/>
    </row>
    <row r="242891" spans="8:8">
      <c r="H242891" s="12"/>
    </row>
    <row r="242892" spans="8:8">
      <c r="H242892" s="12"/>
    </row>
    <row r="242893" spans="8:8">
      <c r="H242893" s="12"/>
    </row>
    <row r="242894" spans="8:8">
      <c r="H242894" s="12"/>
    </row>
    <row r="242895" spans="8:8">
      <c r="H242895" s="12"/>
    </row>
    <row r="242896" spans="8:8">
      <c r="H242896" s="12"/>
    </row>
    <row r="242897" spans="8:8">
      <c r="H242897" s="12"/>
    </row>
    <row r="242898" spans="8:8">
      <c r="H242898" s="12"/>
    </row>
    <row r="242899" spans="8:8">
      <c r="H242899" s="12"/>
    </row>
    <row r="242900" spans="8:8">
      <c r="H242900" s="12"/>
    </row>
    <row r="242901" spans="8:8">
      <c r="H242901" s="12"/>
    </row>
    <row r="242902" spans="8:8">
      <c r="H242902" s="12"/>
    </row>
    <row r="242903" spans="8:8">
      <c r="H242903" s="12"/>
    </row>
    <row r="242904" spans="8:8">
      <c r="H242904" s="12"/>
    </row>
    <row r="242905" spans="8:8">
      <c r="H242905" s="12"/>
    </row>
    <row r="242906" spans="8:8">
      <c r="H242906" s="12"/>
    </row>
    <row r="242907" spans="8:8">
      <c r="H242907" s="12"/>
    </row>
    <row r="242908" spans="8:8">
      <c r="H242908" s="12"/>
    </row>
    <row r="242909" spans="8:8">
      <c r="H242909" s="12"/>
    </row>
    <row r="242910" spans="8:8">
      <c r="H242910" s="12"/>
    </row>
    <row r="242911" spans="8:8">
      <c r="H242911" s="12"/>
    </row>
    <row r="242912" spans="8:8">
      <c r="H242912" s="12"/>
    </row>
    <row r="242913" spans="8:8">
      <c r="H242913" s="12"/>
    </row>
    <row r="242914" spans="8:8">
      <c r="H242914" s="12"/>
    </row>
    <row r="242915" spans="8:8">
      <c r="H242915" s="12"/>
    </row>
    <row r="242916" spans="8:8">
      <c r="H242916" s="12"/>
    </row>
    <row r="242917" spans="8:8">
      <c r="H242917" s="12"/>
    </row>
    <row r="242918" spans="8:8">
      <c r="H242918" s="12"/>
    </row>
    <row r="242919" spans="8:8">
      <c r="H242919" s="12"/>
    </row>
    <row r="242920" spans="8:8">
      <c r="H242920" s="12"/>
    </row>
    <row r="242921" spans="8:8">
      <c r="H242921" s="12"/>
    </row>
    <row r="242922" spans="8:8">
      <c r="H242922" s="12"/>
    </row>
    <row r="242923" spans="8:8">
      <c r="H242923" s="12"/>
    </row>
    <row r="242924" spans="8:8">
      <c r="H242924" s="12"/>
    </row>
    <row r="242925" spans="8:8">
      <c r="H242925" s="12"/>
    </row>
    <row r="242926" spans="8:8">
      <c r="H242926" s="12"/>
    </row>
    <row r="242927" spans="8:8">
      <c r="H242927" s="12"/>
    </row>
    <row r="242928" spans="8:8">
      <c r="H242928" s="12"/>
    </row>
    <row r="242929" spans="8:8">
      <c r="H242929" s="12"/>
    </row>
    <row r="242930" spans="8:8">
      <c r="H242930" s="12"/>
    </row>
    <row r="242931" spans="8:8">
      <c r="H242931" s="12"/>
    </row>
    <row r="242932" spans="8:8">
      <c r="H242932" s="12"/>
    </row>
    <row r="242933" spans="8:8">
      <c r="H242933" s="12"/>
    </row>
    <row r="242934" spans="8:8">
      <c r="H242934" s="12"/>
    </row>
    <row r="242935" spans="8:8">
      <c r="H242935" s="12"/>
    </row>
    <row r="242936" spans="8:8">
      <c r="H242936" s="12"/>
    </row>
    <row r="242937" spans="8:8">
      <c r="H242937" s="12"/>
    </row>
    <row r="242938" spans="8:8">
      <c r="H242938" s="12"/>
    </row>
    <row r="242939" spans="8:8">
      <c r="H242939" s="12"/>
    </row>
    <row r="242940" spans="8:8">
      <c r="H242940" s="12"/>
    </row>
    <row r="242941" spans="8:8">
      <c r="H242941" s="12"/>
    </row>
    <row r="242942" spans="8:8">
      <c r="H242942" s="12"/>
    </row>
    <row r="242943" spans="8:8">
      <c r="H242943" s="12"/>
    </row>
    <row r="242944" spans="8:8">
      <c r="H242944" s="12"/>
    </row>
    <row r="242945" spans="8:8">
      <c r="H242945" s="12"/>
    </row>
    <row r="242946" spans="8:8">
      <c r="H242946" s="12"/>
    </row>
    <row r="242947" spans="8:8">
      <c r="H242947" s="12"/>
    </row>
    <row r="242948" spans="8:8">
      <c r="H242948" s="12"/>
    </row>
    <row r="242949" spans="8:8">
      <c r="H242949" s="12"/>
    </row>
    <row r="242950" spans="8:8">
      <c r="H242950" s="12"/>
    </row>
    <row r="242951" spans="8:8">
      <c r="H242951" s="12"/>
    </row>
    <row r="242952" spans="8:8">
      <c r="H242952" s="12"/>
    </row>
    <row r="242953" spans="8:8">
      <c r="H242953" s="12"/>
    </row>
    <row r="242954" spans="8:8">
      <c r="H242954" s="12"/>
    </row>
    <row r="242955" spans="8:8">
      <c r="H242955" s="12"/>
    </row>
    <row r="242956" spans="8:8">
      <c r="H242956" s="12"/>
    </row>
    <row r="242957" spans="8:8">
      <c r="H242957" s="12"/>
    </row>
    <row r="242958" spans="8:8">
      <c r="H242958" s="12"/>
    </row>
    <row r="242959" spans="8:8">
      <c r="H242959" s="12"/>
    </row>
    <row r="242960" spans="8:8">
      <c r="H242960" s="12"/>
    </row>
    <row r="242961" spans="8:8">
      <c r="H242961" s="12"/>
    </row>
    <row r="242962" spans="8:8">
      <c r="H242962" s="12"/>
    </row>
    <row r="242963" spans="8:8">
      <c r="H242963" s="12"/>
    </row>
    <row r="242964" spans="8:8">
      <c r="H242964" s="12"/>
    </row>
    <row r="242965" spans="8:8">
      <c r="H242965" s="12"/>
    </row>
    <row r="242966" spans="8:8">
      <c r="H242966" s="12"/>
    </row>
    <row r="242967" spans="8:8">
      <c r="H242967" s="12"/>
    </row>
    <row r="242968" spans="8:8">
      <c r="H242968" s="12"/>
    </row>
    <row r="242969" spans="8:8">
      <c r="H242969" s="12"/>
    </row>
    <row r="242970" spans="8:8">
      <c r="H242970" s="12"/>
    </row>
    <row r="242971" spans="8:8">
      <c r="H242971" s="12"/>
    </row>
    <row r="242972" spans="8:8">
      <c r="H242972" s="12"/>
    </row>
    <row r="242973" spans="8:8">
      <c r="H242973" s="12"/>
    </row>
    <row r="242974" spans="8:8">
      <c r="H242974" s="12"/>
    </row>
    <row r="242975" spans="8:8">
      <c r="H242975" s="12"/>
    </row>
    <row r="242976" spans="8:8">
      <c r="H242976" s="12"/>
    </row>
    <row r="242977" spans="8:8">
      <c r="H242977" s="12"/>
    </row>
    <row r="242978" spans="8:8">
      <c r="H242978" s="12"/>
    </row>
    <row r="242979" spans="8:8">
      <c r="H242979" s="12"/>
    </row>
    <row r="242980" spans="8:8">
      <c r="H242980" s="12"/>
    </row>
    <row r="242981" spans="8:8">
      <c r="H242981" s="12"/>
    </row>
    <row r="242982" spans="8:8">
      <c r="H242982" s="12"/>
    </row>
    <row r="242983" spans="8:8">
      <c r="H242983" s="12"/>
    </row>
    <row r="242984" spans="8:8">
      <c r="H242984" s="12"/>
    </row>
    <row r="242985" spans="8:8">
      <c r="H242985" s="12"/>
    </row>
    <row r="242986" spans="8:8">
      <c r="H242986" s="12"/>
    </row>
    <row r="242987" spans="8:8">
      <c r="H242987" s="12"/>
    </row>
    <row r="242988" spans="8:8">
      <c r="H242988" s="12"/>
    </row>
    <row r="242989" spans="8:8">
      <c r="H242989" s="12"/>
    </row>
    <row r="242990" spans="8:8">
      <c r="H242990" s="12"/>
    </row>
    <row r="242991" spans="8:8">
      <c r="H242991" s="12"/>
    </row>
    <row r="242992" spans="8:8">
      <c r="H242992" s="12"/>
    </row>
    <row r="242993" spans="8:8">
      <c r="H242993" s="12"/>
    </row>
    <row r="242994" spans="8:8">
      <c r="H242994" s="12"/>
    </row>
    <row r="242995" spans="8:8">
      <c r="H242995" s="12"/>
    </row>
    <row r="242996" spans="8:8">
      <c r="H242996" s="12"/>
    </row>
    <row r="242997" spans="8:8">
      <c r="H242997" s="12"/>
    </row>
    <row r="242998" spans="8:8">
      <c r="H242998" s="12"/>
    </row>
    <row r="242999" spans="8:8">
      <c r="H242999" s="12"/>
    </row>
    <row r="243000" spans="8:8">
      <c r="H243000" s="12"/>
    </row>
    <row r="243001" spans="8:8">
      <c r="H243001" s="12"/>
    </row>
    <row r="243002" spans="8:8">
      <c r="H243002" s="12"/>
    </row>
    <row r="243003" spans="8:8">
      <c r="H243003" s="12"/>
    </row>
    <row r="243004" spans="8:8">
      <c r="H243004" s="12"/>
    </row>
    <row r="243005" spans="8:8">
      <c r="H243005" s="12"/>
    </row>
    <row r="243006" spans="8:8">
      <c r="H243006" s="12"/>
    </row>
    <row r="243007" spans="8:8">
      <c r="H243007" s="12"/>
    </row>
    <row r="243008" spans="8:8">
      <c r="H243008" s="12"/>
    </row>
    <row r="243009" spans="8:8">
      <c r="H243009" s="12"/>
    </row>
    <row r="243010" spans="8:8">
      <c r="H243010" s="12"/>
    </row>
    <row r="243011" spans="8:8">
      <c r="H243011" s="12"/>
    </row>
    <row r="243012" spans="8:8">
      <c r="H243012" s="12"/>
    </row>
    <row r="243013" spans="8:8">
      <c r="H243013" s="12"/>
    </row>
    <row r="243014" spans="8:8">
      <c r="H243014" s="12"/>
    </row>
    <row r="243015" spans="8:8">
      <c r="H243015" s="12"/>
    </row>
    <row r="243016" spans="8:8">
      <c r="H243016" s="12"/>
    </row>
    <row r="243017" spans="8:8">
      <c r="H243017" s="12"/>
    </row>
    <row r="243018" spans="8:8">
      <c r="H243018" s="12"/>
    </row>
    <row r="243019" spans="8:8">
      <c r="H243019" s="12"/>
    </row>
    <row r="243020" spans="8:8">
      <c r="H243020" s="12"/>
    </row>
    <row r="243021" spans="8:8">
      <c r="H243021" s="12"/>
    </row>
    <row r="243022" spans="8:8">
      <c r="H243022" s="12"/>
    </row>
    <row r="243023" spans="8:8">
      <c r="H243023" s="12"/>
    </row>
    <row r="243024" spans="8:8">
      <c r="H243024" s="12"/>
    </row>
    <row r="243025" spans="8:8">
      <c r="H243025" s="12"/>
    </row>
    <row r="243026" spans="8:8">
      <c r="H243026" s="12"/>
    </row>
    <row r="243027" spans="8:8">
      <c r="H243027" s="12"/>
    </row>
    <row r="243028" spans="8:8">
      <c r="H243028" s="12"/>
    </row>
    <row r="243029" spans="8:8">
      <c r="H243029" s="12"/>
    </row>
    <row r="243030" spans="8:8">
      <c r="H243030" s="12"/>
    </row>
    <row r="243031" spans="8:8">
      <c r="H243031" s="12"/>
    </row>
    <row r="243032" spans="8:8">
      <c r="H243032" s="12"/>
    </row>
    <row r="243033" spans="8:8">
      <c r="H243033" s="12"/>
    </row>
    <row r="243034" spans="8:8">
      <c r="H243034" s="12"/>
    </row>
    <row r="243035" spans="8:8">
      <c r="H243035" s="12"/>
    </row>
    <row r="243036" spans="8:8">
      <c r="H243036" s="12"/>
    </row>
    <row r="243037" spans="8:8">
      <c r="H243037" s="12"/>
    </row>
    <row r="243038" spans="8:8">
      <c r="H243038" s="12"/>
    </row>
    <row r="243039" spans="8:8">
      <c r="H243039" s="12"/>
    </row>
    <row r="243040" spans="8:8">
      <c r="H243040" s="12"/>
    </row>
    <row r="243041" spans="8:8">
      <c r="H243041" s="12"/>
    </row>
    <row r="243042" spans="8:8">
      <c r="H243042" s="12"/>
    </row>
    <row r="243043" spans="8:8">
      <c r="H243043" s="12"/>
    </row>
    <row r="243044" spans="8:8">
      <c r="H243044" s="12"/>
    </row>
    <row r="243045" spans="8:8">
      <c r="H243045" s="12"/>
    </row>
    <row r="243046" spans="8:8">
      <c r="H243046" s="12"/>
    </row>
    <row r="243047" spans="8:8">
      <c r="H243047" s="12"/>
    </row>
    <row r="243048" spans="8:8">
      <c r="H243048" s="12"/>
    </row>
    <row r="243049" spans="8:8">
      <c r="H243049" s="12"/>
    </row>
    <row r="243050" spans="8:8">
      <c r="H243050" s="12"/>
    </row>
    <row r="243051" spans="8:8">
      <c r="H243051" s="12"/>
    </row>
    <row r="243052" spans="8:8">
      <c r="H243052" s="12"/>
    </row>
    <row r="243053" spans="8:8">
      <c r="H243053" s="12"/>
    </row>
    <row r="243054" spans="8:8">
      <c r="H243054" s="12"/>
    </row>
    <row r="243055" spans="8:8">
      <c r="H243055" s="12"/>
    </row>
    <row r="243056" spans="8:8">
      <c r="H243056" s="12"/>
    </row>
    <row r="243057" spans="8:8">
      <c r="H243057" s="12"/>
    </row>
    <row r="243058" spans="8:8">
      <c r="H243058" s="12"/>
    </row>
    <row r="243059" spans="8:8">
      <c r="H243059" s="12"/>
    </row>
    <row r="243060" spans="8:8">
      <c r="H243060" s="12"/>
    </row>
    <row r="243061" spans="8:8">
      <c r="H243061" s="12"/>
    </row>
    <row r="243062" spans="8:8">
      <c r="H243062" s="12"/>
    </row>
    <row r="243063" spans="8:8">
      <c r="H243063" s="12"/>
    </row>
    <row r="243064" spans="8:8">
      <c r="H243064" s="12"/>
    </row>
    <row r="243065" spans="8:8">
      <c r="H243065" s="12"/>
    </row>
    <row r="243066" spans="8:8">
      <c r="H243066" s="12"/>
    </row>
    <row r="243067" spans="8:8">
      <c r="H243067" s="12"/>
    </row>
    <row r="243068" spans="8:8">
      <c r="H243068" s="12"/>
    </row>
    <row r="243069" spans="8:8">
      <c r="H243069" s="12"/>
    </row>
    <row r="243070" spans="8:8">
      <c r="H243070" s="12"/>
    </row>
    <row r="243071" spans="8:8">
      <c r="H243071" s="12"/>
    </row>
    <row r="243072" spans="8:8">
      <c r="H243072" s="12"/>
    </row>
    <row r="243073" spans="8:8">
      <c r="H243073" s="12"/>
    </row>
    <row r="243074" spans="8:8">
      <c r="H243074" s="12"/>
    </row>
    <row r="243075" spans="8:8">
      <c r="H243075" s="12"/>
    </row>
    <row r="243076" spans="8:8">
      <c r="H243076" s="12"/>
    </row>
    <row r="243077" spans="8:8">
      <c r="H243077" s="12"/>
    </row>
    <row r="243078" spans="8:8">
      <c r="H243078" s="12"/>
    </row>
    <row r="243079" spans="8:8">
      <c r="H243079" s="12"/>
    </row>
    <row r="243080" spans="8:8">
      <c r="H243080" s="12"/>
    </row>
    <row r="243081" spans="8:8">
      <c r="H243081" s="12"/>
    </row>
    <row r="243082" spans="8:8">
      <c r="H243082" s="12"/>
    </row>
    <row r="243083" spans="8:8">
      <c r="H243083" s="12"/>
    </row>
    <row r="243084" spans="8:8">
      <c r="H243084" s="12"/>
    </row>
    <row r="243085" spans="8:8">
      <c r="H243085" s="12"/>
    </row>
    <row r="243086" spans="8:8">
      <c r="H243086" s="12"/>
    </row>
    <row r="243087" spans="8:8">
      <c r="H243087" s="12"/>
    </row>
    <row r="243088" spans="8:8">
      <c r="H243088" s="12"/>
    </row>
    <row r="243089" spans="8:8">
      <c r="H243089" s="12"/>
    </row>
    <row r="243090" spans="8:8">
      <c r="H243090" s="12"/>
    </row>
    <row r="243091" spans="8:8">
      <c r="H243091" s="12"/>
    </row>
    <row r="243092" spans="8:8">
      <c r="H243092" s="12"/>
    </row>
    <row r="243093" spans="8:8">
      <c r="H243093" s="12"/>
    </row>
    <row r="243094" spans="8:8">
      <c r="H243094" s="12"/>
    </row>
    <row r="243095" spans="8:8">
      <c r="H243095" s="12"/>
    </row>
    <row r="243096" spans="8:8">
      <c r="H243096" s="12"/>
    </row>
    <row r="243097" spans="8:8">
      <c r="H243097" s="12"/>
    </row>
    <row r="243098" spans="8:8">
      <c r="H243098" s="12"/>
    </row>
    <row r="243099" spans="8:8">
      <c r="H243099" s="12"/>
    </row>
    <row r="243100" spans="8:8">
      <c r="H243100" s="12"/>
    </row>
    <row r="243101" spans="8:8">
      <c r="H243101" s="12"/>
    </row>
    <row r="243102" spans="8:8">
      <c r="H243102" s="12"/>
    </row>
    <row r="243103" spans="8:8">
      <c r="H243103" s="12"/>
    </row>
    <row r="243104" spans="8:8">
      <c r="H243104" s="12"/>
    </row>
    <row r="243105" spans="8:8">
      <c r="H243105" s="12"/>
    </row>
    <row r="243106" spans="8:8">
      <c r="H243106" s="12"/>
    </row>
    <row r="243107" spans="8:8">
      <c r="H243107" s="12"/>
    </row>
    <row r="243108" spans="8:8">
      <c r="H243108" s="12"/>
    </row>
    <row r="243109" spans="8:8">
      <c r="H243109" s="12"/>
    </row>
    <row r="243110" spans="8:8">
      <c r="H243110" s="12"/>
    </row>
    <row r="243111" spans="8:8">
      <c r="H243111" s="12"/>
    </row>
    <row r="243112" spans="8:8">
      <c r="H243112" s="12"/>
    </row>
    <row r="243113" spans="8:8">
      <c r="H243113" s="12"/>
    </row>
    <row r="243114" spans="8:8">
      <c r="H243114" s="12"/>
    </row>
    <row r="243115" spans="8:8">
      <c r="H243115" s="12"/>
    </row>
    <row r="243116" spans="8:8">
      <c r="H243116" s="12"/>
    </row>
    <row r="243117" spans="8:8">
      <c r="H243117" s="12"/>
    </row>
    <row r="243118" spans="8:8">
      <c r="H243118" s="12"/>
    </row>
    <row r="243119" spans="8:8">
      <c r="H243119" s="12"/>
    </row>
    <row r="243120" spans="8:8">
      <c r="H243120" s="12"/>
    </row>
    <row r="243121" spans="8:8">
      <c r="H243121" s="12"/>
    </row>
    <row r="243122" spans="8:8">
      <c r="H243122" s="12"/>
    </row>
    <row r="243123" spans="8:8">
      <c r="H243123" s="12"/>
    </row>
    <row r="243124" spans="8:8">
      <c r="H243124" s="12"/>
    </row>
    <row r="243125" spans="8:8">
      <c r="H243125" s="12"/>
    </row>
    <row r="243126" spans="8:8">
      <c r="H243126" s="12"/>
    </row>
    <row r="243127" spans="8:8">
      <c r="H243127" s="12"/>
    </row>
    <row r="243128" spans="8:8">
      <c r="H243128" s="12"/>
    </row>
    <row r="243129" spans="8:8">
      <c r="H243129" s="12"/>
    </row>
    <row r="243130" spans="8:8">
      <c r="H243130" s="12"/>
    </row>
    <row r="243131" spans="8:8">
      <c r="H243131" s="12"/>
    </row>
    <row r="243132" spans="8:8">
      <c r="H243132" s="12"/>
    </row>
    <row r="243133" spans="8:8">
      <c r="H243133" s="12"/>
    </row>
    <row r="243134" spans="8:8">
      <c r="H243134" s="12"/>
    </row>
    <row r="243135" spans="8:8">
      <c r="H243135" s="12"/>
    </row>
    <row r="243136" spans="8:8">
      <c r="H243136" s="12"/>
    </row>
    <row r="243137" spans="8:8">
      <c r="H243137" s="12"/>
    </row>
    <row r="243138" spans="8:8">
      <c r="H243138" s="12"/>
    </row>
    <row r="243139" spans="8:8">
      <c r="H243139" s="12"/>
    </row>
    <row r="243140" spans="8:8">
      <c r="H243140" s="12"/>
    </row>
    <row r="243141" spans="8:8">
      <c r="H243141" s="12"/>
    </row>
    <row r="243142" spans="8:8">
      <c r="H243142" s="12"/>
    </row>
    <row r="243143" spans="8:8">
      <c r="H243143" s="12"/>
    </row>
    <row r="243144" spans="8:8">
      <c r="H243144" s="12"/>
    </row>
    <row r="243145" spans="8:8">
      <c r="H243145" s="12"/>
    </row>
    <row r="243146" spans="8:8">
      <c r="H243146" s="12"/>
    </row>
    <row r="243147" spans="8:8">
      <c r="H243147" s="12"/>
    </row>
    <row r="243148" spans="8:8">
      <c r="H243148" s="12"/>
    </row>
    <row r="243149" spans="8:8">
      <c r="H243149" s="12"/>
    </row>
    <row r="243150" spans="8:8">
      <c r="H243150" s="12"/>
    </row>
    <row r="243151" spans="8:8">
      <c r="H243151" s="12"/>
    </row>
    <row r="243152" spans="8:8">
      <c r="H243152" s="12"/>
    </row>
    <row r="243153" spans="8:8">
      <c r="H243153" s="12"/>
    </row>
    <row r="243154" spans="8:8">
      <c r="H243154" s="12"/>
    </row>
    <row r="243155" spans="8:8">
      <c r="H243155" s="12"/>
    </row>
    <row r="243156" spans="8:8">
      <c r="H243156" s="12"/>
    </row>
    <row r="243157" spans="8:8">
      <c r="H243157" s="12"/>
    </row>
    <row r="243158" spans="8:8">
      <c r="H243158" s="12"/>
    </row>
    <row r="243159" spans="8:8">
      <c r="H243159" s="12"/>
    </row>
    <row r="243160" spans="8:8">
      <c r="H243160" s="12"/>
    </row>
    <row r="243161" spans="8:8">
      <c r="H243161" s="12"/>
    </row>
    <row r="243162" spans="8:8">
      <c r="H243162" s="12"/>
    </row>
    <row r="243163" spans="8:8">
      <c r="H243163" s="12"/>
    </row>
    <row r="243164" spans="8:8">
      <c r="H243164" s="12"/>
    </row>
    <row r="243165" spans="8:8">
      <c r="H243165" s="12"/>
    </row>
    <row r="243166" spans="8:8">
      <c r="H243166" s="12"/>
    </row>
    <row r="243167" spans="8:8">
      <c r="H243167" s="12"/>
    </row>
    <row r="243168" spans="8:8">
      <c r="H243168" s="12"/>
    </row>
    <row r="243169" spans="8:8">
      <c r="H243169" s="12"/>
    </row>
    <row r="243170" spans="8:8">
      <c r="H243170" s="12"/>
    </row>
    <row r="243171" spans="8:8">
      <c r="H243171" s="12"/>
    </row>
    <row r="243172" spans="8:8">
      <c r="H243172" s="12"/>
    </row>
    <row r="243173" spans="8:8">
      <c r="H243173" s="12"/>
    </row>
    <row r="243174" spans="8:8">
      <c r="H243174" s="12"/>
    </row>
    <row r="243175" spans="8:8">
      <c r="H243175" s="12"/>
    </row>
    <row r="243176" spans="8:8">
      <c r="H243176" s="12"/>
    </row>
    <row r="243177" spans="8:8">
      <c r="H243177" s="12"/>
    </row>
    <row r="243178" spans="8:8">
      <c r="H243178" s="12"/>
    </row>
    <row r="243179" spans="8:8">
      <c r="H243179" s="12"/>
    </row>
    <row r="243180" spans="8:8">
      <c r="H243180" s="12"/>
    </row>
    <row r="243181" spans="8:8">
      <c r="H243181" s="12"/>
    </row>
    <row r="243182" spans="8:8">
      <c r="H243182" s="12"/>
    </row>
    <row r="243183" spans="8:8">
      <c r="H243183" s="12"/>
    </row>
    <row r="243184" spans="8:8">
      <c r="H243184" s="12"/>
    </row>
    <row r="243185" spans="8:8">
      <c r="H243185" s="12"/>
    </row>
    <row r="243186" spans="8:8">
      <c r="H243186" s="12"/>
    </row>
    <row r="243187" spans="8:8">
      <c r="H243187" s="12"/>
    </row>
    <row r="243188" spans="8:8">
      <c r="H243188" s="12"/>
    </row>
    <row r="243189" spans="8:8">
      <c r="H243189" s="12"/>
    </row>
    <row r="243190" spans="8:8">
      <c r="H243190" s="12"/>
    </row>
    <row r="243191" spans="8:8">
      <c r="H243191" s="12"/>
    </row>
    <row r="243192" spans="8:8">
      <c r="H243192" s="12"/>
    </row>
    <row r="243193" spans="8:8">
      <c r="H243193" s="12"/>
    </row>
    <row r="243194" spans="8:8">
      <c r="H243194" s="12"/>
    </row>
    <row r="243195" spans="8:8">
      <c r="H243195" s="12"/>
    </row>
    <row r="243196" spans="8:8">
      <c r="H243196" s="12"/>
    </row>
    <row r="243197" spans="8:8">
      <c r="H243197" s="12"/>
    </row>
    <row r="243198" spans="8:8">
      <c r="H243198" s="12"/>
    </row>
    <row r="243199" spans="8:8">
      <c r="H243199" s="12"/>
    </row>
    <row r="243200" spans="8:8">
      <c r="H243200" s="12"/>
    </row>
    <row r="243201" spans="8:8">
      <c r="H243201" s="12"/>
    </row>
    <row r="243202" spans="8:8">
      <c r="H243202" s="12"/>
    </row>
    <row r="243203" spans="8:8">
      <c r="H243203" s="12"/>
    </row>
    <row r="243204" spans="8:8">
      <c r="H243204" s="12"/>
    </row>
    <row r="243205" spans="8:8">
      <c r="H243205" s="12"/>
    </row>
    <row r="243206" spans="8:8">
      <c r="H243206" s="12"/>
    </row>
    <row r="243207" spans="8:8">
      <c r="H243207" s="12"/>
    </row>
    <row r="243208" spans="8:8">
      <c r="H243208" s="12"/>
    </row>
    <row r="243209" spans="8:8">
      <c r="H243209" s="12"/>
    </row>
    <row r="243210" spans="8:8">
      <c r="H243210" s="12"/>
    </row>
    <row r="243211" spans="8:8">
      <c r="H243211" s="12"/>
    </row>
    <row r="243212" spans="8:8">
      <c r="H243212" s="12"/>
    </row>
    <row r="243213" spans="8:8">
      <c r="H243213" s="12"/>
    </row>
    <row r="243214" spans="8:8">
      <c r="H243214" s="12"/>
    </row>
    <row r="243215" spans="8:8">
      <c r="H243215" s="12"/>
    </row>
    <row r="243216" spans="8:8">
      <c r="H243216" s="12"/>
    </row>
    <row r="243217" spans="8:8">
      <c r="H243217" s="12"/>
    </row>
    <row r="243218" spans="8:8">
      <c r="H243218" s="12"/>
    </row>
    <row r="243219" spans="8:8">
      <c r="H243219" s="12"/>
    </row>
    <row r="243220" spans="8:8">
      <c r="H243220" s="12"/>
    </row>
    <row r="243221" spans="8:8">
      <c r="H243221" s="12"/>
    </row>
    <row r="243222" spans="8:8">
      <c r="H243222" s="12"/>
    </row>
    <row r="243223" spans="8:8">
      <c r="H243223" s="12"/>
    </row>
    <row r="243224" spans="8:8">
      <c r="H243224" s="12"/>
    </row>
    <row r="243225" spans="8:8">
      <c r="H243225" s="12"/>
    </row>
    <row r="243226" spans="8:8">
      <c r="H243226" s="12"/>
    </row>
    <row r="243227" spans="8:8">
      <c r="H243227" s="12"/>
    </row>
    <row r="243228" spans="8:8">
      <c r="H243228" s="12"/>
    </row>
    <row r="243229" spans="8:8">
      <c r="H243229" s="12"/>
    </row>
    <row r="243230" spans="8:8">
      <c r="H243230" s="12"/>
    </row>
    <row r="243231" spans="8:8">
      <c r="H243231" s="12"/>
    </row>
    <row r="243232" spans="8:8">
      <c r="H243232" s="12"/>
    </row>
    <row r="243233" spans="8:8">
      <c r="H243233" s="12"/>
    </row>
    <row r="243234" spans="8:8">
      <c r="H243234" s="12"/>
    </row>
    <row r="243235" spans="8:8">
      <c r="H243235" s="12"/>
    </row>
    <row r="243236" spans="8:8">
      <c r="H243236" s="12"/>
    </row>
    <row r="243237" spans="8:8">
      <c r="H243237" s="12"/>
    </row>
    <row r="243238" spans="8:8">
      <c r="H243238" s="12"/>
    </row>
    <row r="243239" spans="8:8">
      <c r="H243239" s="12"/>
    </row>
    <row r="243240" spans="8:8">
      <c r="H243240" s="12"/>
    </row>
    <row r="243241" spans="8:8">
      <c r="H243241" s="12"/>
    </row>
    <row r="243242" spans="8:8">
      <c r="H243242" s="12"/>
    </row>
    <row r="243243" spans="8:8">
      <c r="H243243" s="12"/>
    </row>
    <row r="243244" spans="8:8">
      <c r="H243244" s="12"/>
    </row>
    <row r="243245" spans="8:8">
      <c r="H243245" s="12"/>
    </row>
    <row r="243246" spans="8:8">
      <c r="H243246" s="12"/>
    </row>
    <row r="243247" spans="8:8">
      <c r="H243247" s="12"/>
    </row>
    <row r="243248" spans="8:8">
      <c r="H243248" s="12"/>
    </row>
    <row r="243249" spans="8:8">
      <c r="H243249" s="12"/>
    </row>
    <row r="243250" spans="8:8">
      <c r="H243250" s="12"/>
    </row>
    <row r="243251" spans="8:8">
      <c r="H243251" s="12"/>
    </row>
    <row r="243252" spans="8:8">
      <c r="H243252" s="12"/>
    </row>
    <row r="243253" spans="8:8">
      <c r="H243253" s="12"/>
    </row>
    <row r="243254" spans="8:8">
      <c r="H243254" s="12"/>
    </row>
    <row r="243255" spans="8:8">
      <c r="H243255" s="12"/>
    </row>
    <row r="243256" spans="8:8">
      <c r="H243256" s="12"/>
    </row>
    <row r="243257" spans="8:8">
      <c r="H243257" s="12"/>
    </row>
    <row r="243258" spans="8:8">
      <c r="H243258" s="12"/>
    </row>
    <row r="243259" spans="8:8">
      <c r="H243259" s="12"/>
    </row>
    <row r="243260" spans="8:8">
      <c r="H243260" s="12"/>
    </row>
    <row r="243261" spans="8:8">
      <c r="H243261" s="12"/>
    </row>
    <row r="243262" spans="8:8">
      <c r="H243262" s="12"/>
    </row>
    <row r="243263" spans="8:8">
      <c r="H243263" s="12"/>
    </row>
    <row r="243264" spans="8:8">
      <c r="H243264" s="12"/>
    </row>
    <row r="243265" spans="8:8">
      <c r="H243265" s="12"/>
    </row>
    <row r="243266" spans="8:8">
      <c r="H243266" s="12"/>
    </row>
    <row r="243267" spans="8:8">
      <c r="H243267" s="12"/>
    </row>
    <row r="243268" spans="8:8">
      <c r="H243268" s="12"/>
    </row>
    <row r="243269" spans="8:8">
      <c r="H243269" s="12"/>
    </row>
    <row r="243270" spans="8:8">
      <c r="H243270" s="12"/>
    </row>
    <row r="243271" spans="8:8">
      <c r="H243271" s="12"/>
    </row>
    <row r="243272" spans="8:8">
      <c r="H243272" s="12"/>
    </row>
    <row r="243273" spans="8:8">
      <c r="H243273" s="12"/>
    </row>
    <row r="243274" spans="8:8">
      <c r="H243274" s="12"/>
    </row>
    <row r="243275" spans="8:8">
      <c r="H243275" s="12"/>
    </row>
    <row r="243276" spans="8:8">
      <c r="H243276" s="12"/>
    </row>
    <row r="243277" spans="8:8">
      <c r="H243277" s="12"/>
    </row>
    <row r="243278" spans="8:8">
      <c r="H243278" s="12"/>
    </row>
    <row r="243279" spans="8:8">
      <c r="H243279" s="12"/>
    </row>
    <row r="243280" spans="8:8">
      <c r="H243280" s="12"/>
    </row>
    <row r="243281" spans="8:8">
      <c r="H243281" s="12"/>
    </row>
    <row r="243282" spans="8:8">
      <c r="H243282" s="12"/>
    </row>
    <row r="243283" spans="8:8">
      <c r="H243283" s="12"/>
    </row>
    <row r="243284" spans="8:8">
      <c r="H243284" s="12"/>
    </row>
    <row r="243285" spans="8:8">
      <c r="H243285" s="12"/>
    </row>
    <row r="243286" spans="8:8">
      <c r="H243286" s="12"/>
    </row>
    <row r="243287" spans="8:8">
      <c r="H243287" s="12"/>
    </row>
    <row r="243288" spans="8:8">
      <c r="H243288" s="12"/>
    </row>
    <row r="243289" spans="8:8">
      <c r="H243289" s="12"/>
    </row>
    <row r="243290" spans="8:8">
      <c r="H243290" s="12"/>
    </row>
    <row r="243291" spans="8:8">
      <c r="H243291" s="12"/>
    </row>
    <row r="243292" spans="8:8">
      <c r="H243292" s="12"/>
    </row>
    <row r="243293" spans="8:8">
      <c r="H243293" s="12"/>
    </row>
    <row r="243294" spans="8:8">
      <c r="H243294" s="12"/>
    </row>
    <row r="243295" spans="8:8">
      <c r="H243295" s="12"/>
    </row>
    <row r="243296" spans="8:8">
      <c r="H243296" s="12"/>
    </row>
    <row r="243297" spans="8:8">
      <c r="H243297" s="12"/>
    </row>
    <row r="243298" spans="8:8">
      <c r="H243298" s="12"/>
    </row>
    <row r="243299" spans="8:8">
      <c r="H243299" s="12"/>
    </row>
    <row r="243300" spans="8:8">
      <c r="H243300" s="12"/>
    </row>
    <row r="243301" spans="8:8">
      <c r="H243301" s="12"/>
    </row>
    <row r="243302" spans="8:8">
      <c r="H243302" s="12"/>
    </row>
    <row r="243303" spans="8:8">
      <c r="H243303" s="12"/>
    </row>
    <row r="243304" spans="8:8">
      <c r="H243304" s="12"/>
    </row>
    <row r="243305" spans="8:8">
      <c r="H243305" s="12"/>
    </row>
    <row r="243306" spans="8:8">
      <c r="H243306" s="12"/>
    </row>
    <row r="243307" spans="8:8">
      <c r="H243307" s="12"/>
    </row>
    <row r="243308" spans="8:8">
      <c r="H243308" s="12"/>
    </row>
    <row r="243309" spans="8:8">
      <c r="H243309" s="12"/>
    </row>
    <row r="243310" spans="8:8">
      <c r="H243310" s="12"/>
    </row>
    <row r="243311" spans="8:8">
      <c r="H243311" s="12"/>
    </row>
    <row r="243312" spans="8:8">
      <c r="H243312" s="12"/>
    </row>
    <row r="243313" spans="8:8">
      <c r="H243313" s="12"/>
    </row>
    <row r="243314" spans="8:8">
      <c r="H243314" s="12"/>
    </row>
    <row r="243315" spans="8:8">
      <c r="H243315" s="12"/>
    </row>
    <row r="243316" spans="8:8">
      <c r="H243316" s="12"/>
    </row>
    <row r="243317" spans="8:8">
      <c r="H243317" s="12"/>
    </row>
    <row r="243318" spans="8:8">
      <c r="H243318" s="12"/>
    </row>
    <row r="243319" spans="8:8">
      <c r="H243319" s="12"/>
    </row>
    <row r="243320" spans="8:8">
      <c r="H243320" s="12"/>
    </row>
    <row r="243321" spans="8:8">
      <c r="H243321" s="12"/>
    </row>
    <row r="243322" spans="8:8">
      <c r="H243322" s="12"/>
    </row>
    <row r="243323" spans="8:8">
      <c r="H243323" s="12"/>
    </row>
    <row r="243324" spans="8:8">
      <c r="H243324" s="12"/>
    </row>
    <row r="243325" spans="8:8">
      <c r="H243325" s="12"/>
    </row>
    <row r="243326" spans="8:8">
      <c r="H243326" s="12"/>
    </row>
    <row r="243327" spans="8:8">
      <c r="H243327" s="12"/>
    </row>
    <row r="243328" spans="8:8">
      <c r="H243328" s="12"/>
    </row>
    <row r="243329" spans="8:8">
      <c r="H243329" s="12"/>
    </row>
    <row r="243330" spans="8:8">
      <c r="H243330" s="12"/>
    </row>
    <row r="243331" spans="8:8">
      <c r="H243331" s="12"/>
    </row>
    <row r="243332" spans="8:8">
      <c r="H243332" s="12"/>
    </row>
    <row r="243333" spans="8:8">
      <c r="H243333" s="12"/>
    </row>
    <row r="243334" spans="8:8">
      <c r="H243334" s="12"/>
    </row>
    <row r="243335" spans="8:8">
      <c r="H243335" s="12"/>
    </row>
    <row r="243336" spans="8:8">
      <c r="H243336" s="12"/>
    </row>
    <row r="243337" spans="8:8">
      <c r="H243337" s="12"/>
    </row>
    <row r="243338" spans="8:8">
      <c r="H243338" s="12"/>
    </row>
    <row r="243339" spans="8:8">
      <c r="H243339" s="12"/>
    </row>
    <row r="243340" spans="8:8">
      <c r="H243340" s="12"/>
    </row>
    <row r="243341" spans="8:8">
      <c r="H243341" s="12"/>
    </row>
    <row r="243342" spans="8:8">
      <c r="H243342" s="12"/>
    </row>
    <row r="243343" spans="8:8">
      <c r="H243343" s="12"/>
    </row>
    <row r="243344" spans="8:8">
      <c r="H243344" s="12"/>
    </row>
    <row r="243345" spans="8:8">
      <c r="H243345" s="12"/>
    </row>
    <row r="243346" spans="8:8">
      <c r="H243346" s="12"/>
    </row>
    <row r="243347" spans="8:8">
      <c r="H243347" s="12"/>
    </row>
    <row r="243348" spans="8:8">
      <c r="H243348" s="12"/>
    </row>
    <row r="243349" spans="8:8">
      <c r="H243349" s="12"/>
    </row>
    <row r="243350" spans="8:8">
      <c r="H243350" s="12"/>
    </row>
    <row r="243351" spans="8:8">
      <c r="H243351" s="12"/>
    </row>
    <row r="243352" spans="8:8">
      <c r="H243352" s="12"/>
    </row>
    <row r="243353" spans="8:8">
      <c r="H243353" s="12"/>
    </row>
    <row r="243354" spans="8:8">
      <c r="H243354" s="12"/>
    </row>
    <row r="243355" spans="8:8">
      <c r="H243355" s="12"/>
    </row>
    <row r="243356" spans="8:8">
      <c r="H243356" s="12"/>
    </row>
    <row r="243357" spans="8:8">
      <c r="H243357" s="12"/>
    </row>
    <row r="243358" spans="8:8">
      <c r="H243358" s="12"/>
    </row>
    <row r="243359" spans="8:8">
      <c r="H243359" s="12"/>
    </row>
    <row r="243360" spans="8:8">
      <c r="H243360" s="12"/>
    </row>
    <row r="243361" spans="8:8">
      <c r="H243361" s="12"/>
    </row>
    <row r="243362" spans="8:8">
      <c r="H243362" s="12"/>
    </row>
    <row r="243363" spans="8:8">
      <c r="H243363" s="12"/>
    </row>
    <row r="243364" spans="8:8">
      <c r="H243364" s="12"/>
    </row>
    <row r="243365" spans="8:8">
      <c r="H243365" s="12"/>
    </row>
    <row r="243366" spans="8:8">
      <c r="H243366" s="12"/>
    </row>
    <row r="243367" spans="8:8">
      <c r="H243367" s="12"/>
    </row>
    <row r="243368" spans="8:8">
      <c r="H243368" s="12"/>
    </row>
    <row r="243369" spans="8:8">
      <c r="H243369" s="12"/>
    </row>
    <row r="243370" spans="8:8">
      <c r="H243370" s="12"/>
    </row>
    <row r="243371" spans="8:8">
      <c r="H243371" s="12"/>
    </row>
    <row r="243372" spans="8:8">
      <c r="H243372" s="12"/>
    </row>
    <row r="243373" spans="8:8">
      <c r="H243373" s="12"/>
    </row>
    <row r="243374" spans="8:8">
      <c r="H243374" s="12"/>
    </row>
    <row r="243375" spans="8:8">
      <c r="H243375" s="12"/>
    </row>
    <row r="243376" spans="8:8">
      <c r="H243376" s="12"/>
    </row>
    <row r="243377" spans="8:8">
      <c r="H243377" s="12"/>
    </row>
    <row r="243378" spans="8:8">
      <c r="H243378" s="12"/>
    </row>
    <row r="243379" spans="8:8">
      <c r="H243379" s="12"/>
    </row>
    <row r="243380" spans="8:8">
      <c r="H243380" s="12"/>
    </row>
    <row r="243381" spans="8:8">
      <c r="H243381" s="12"/>
    </row>
    <row r="243382" spans="8:8">
      <c r="H243382" s="12"/>
    </row>
    <row r="243383" spans="8:8">
      <c r="H243383" s="12"/>
    </row>
    <row r="243384" spans="8:8">
      <c r="H243384" s="12"/>
    </row>
    <row r="243385" spans="8:8">
      <c r="H243385" s="12"/>
    </row>
    <row r="243386" spans="8:8">
      <c r="H243386" s="12"/>
    </row>
    <row r="243387" spans="8:8">
      <c r="H243387" s="12"/>
    </row>
    <row r="243388" spans="8:8">
      <c r="H243388" s="12"/>
    </row>
    <row r="243389" spans="8:8">
      <c r="H243389" s="12"/>
    </row>
    <row r="243390" spans="8:8">
      <c r="H243390" s="12"/>
    </row>
    <row r="243391" spans="8:8">
      <c r="H243391" s="12"/>
    </row>
    <row r="243392" spans="8:8">
      <c r="H243392" s="12"/>
    </row>
    <row r="243393" spans="8:8">
      <c r="H243393" s="12"/>
    </row>
    <row r="243394" spans="8:8">
      <c r="H243394" s="12"/>
    </row>
    <row r="243395" spans="8:8">
      <c r="H243395" s="12"/>
    </row>
    <row r="243396" spans="8:8">
      <c r="H243396" s="12"/>
    </row>
    <row r="243397" spans="8:8">
      <c r="H243397" s="12"/>
    </row>
    <row r="243398" spans="8:8">
      <c r="H243398" s="12"/>
    </row>
    <row r="243399" spans="8:8">
      <c r="H243399" s="12"/>
    </row>
    <row r="243400" spans="8:8">
      <c r="H243400" s="12"/>
    </row>
    <row r="243401" spans="8:8">
      <c r="H243401" s="12"/>
    </row>
    <row r="243402" spans="8:8">
      <c r="H243402" s="12"/>
    </row>
    <row r="243403" spans="8:8">
      <c r="H243403" s="12"/>
    </row>
    <row r="243404" spans="8:8">
      <c r="H243404" s="12"/>
    </row>
    <row r="243405" spans="8:8">
      <c r="H243405" s="12"/>
    </row>
    <row r="243406" spans="8:8">
      <c r="H243406" s="12"/>
    </row>
    <row r="243407" spans="8:8">
      <c r="H243407" s="12"/>
    </row>
    <row r="243408" spans="8:8">
      <c r="H243408" s="12"/>
    </row>
    <row r="243409" spans="8:8">
      <c r="H243409" s="12"/>
    </row>
    <row r="243410" spans="8:8">
      <c r="H243410" s="12"/>
    </row>
    <row r="243411" spans="8:8">
      <c r="H243411" s="12"/>
    </row>
    <row r="243412" spans="8:8">
      <c r="H243412" s="12"/>
    </row>
    <row r="243413" spans="8:8">
      <c r="H243413" s="12"/>
    </row>
    <row r="243414" spans="8:8">
      <c r="H243414" s="12"/>
    </row>
    <row r="243415" spans="8:8">
      <c r="H243415" s="12"/>
    </row>
    <row r="243416" spans="8:8">
      <c r="H243416" s="12"/>
    </row>
    <row r="243417" spans="8:8">
      <c r="H243417" s="12"/>
    </row>
    <row r="243418" spans="8:8">
      <c r="H243418" s="12"/>
    </row>
    <row r="243419" spans="8:8">
      <c r="H243419" s="12"/>
    </row>
    <row r="243420" spans="8:8">
      <c r="H243420" s="12"/>
    </row>
    <row r="243421" spans="8:8">
      <c r="H243421" s="12"/>
    </row>
    <row r="243422" spans="8:8">
      <c r="H243422" s="12"/>
    </row>
    <row r="243423" spans="8:8">
      <c r="H243423" s="12"/>
    </row>
    <row r="243424" spans="8:8">
      <c r="H243424" s="12"/>
    </row>
    <row r="243425" spans="8:8">
      <c r="H243425" s="12"/>
    </row>
    <row r="243426" spans="8:8">
      <c r="H243426" s="12"/>
    </row>
    <row r="243427" spans="8:8">
      <c r="H243427" s="12"/>
    </row>
    <row r="243428" spans="8:8">
      <c r="H243428" s="12"/>
    </row>
    <row r="243429" spans="8:8">
      <c r="H243429" s="12"/>
    </row>
    <row r="243430" spans="8:8">
      <c r="H243430" s="12"/>
    </row>
    <row r="243431" spans="8:8">
      <c r="H243431" s="12"/>
    </row>
    <row r="243432" spans="8:8">
      <c r="H243432" s="12"/>
    </row>
    <row r="243433" spans="8:8">
      <c r="H243433" s="12"/>
    </row>
    <row r="243434" spans="8:8">
      <c r="H243434" s="12"/>
    </row>
    <row r="243435" spans="8:8">
      <c r="H243435" s="12"/>
    </row>
    <row r="243436" spans="8:8">
      <c r="H243436" s="12"/>
    </row>
    <row r="243437" spans="8:8">
      <c r="H243437" s="12"/>
    </row>
    <row r="243438" spans="8:8">
      <c r="H243438" s="12"/>
    </row>
    <row r="243439" spans="8:8">
      <c r="H243439" s="12"/>
    </row>
    <row r="243440" spans="8:8">
      <c r="H243440" s="12"/>
    </row>
    <row r="243441" spans="8:8">
      <c r="H243441" s="12"/>
    </row>
    <row r="243442" spans="8:8">
      <c r="H243442" s="12"/>
    </row>
    <row r="243443" spans="8:8">
      <c r="H243443" s="12"/>
    </row>
    <row r="243444" spans="8:8">
      <c r="H243444" s="12"/>
    </row>
    <row r="243445" spans="8:8">
      <c r="H243445" s="12"/>
    </row>
    <row r="243446" spans="8:8">
      <c r="H243446" s="12"/>
    </row>
    <row r="243447" spans="8:8">
      <c r="H243447" s="12"/>
    </row>
    <row r="243448" spans="8:8">
      <c r="H243448" s="12"/>
    </row>
    <row r="243449" spans="8:8">
      <c r="H243449" s="12"/>
    </row>
    <row r="243450" spans="8:8">
      <c r="H243450" s="12"/>
    </row>
    <row r="243451" spans="8:8">
      <c r="H243451" s="12"/>
    </row>
    <row r="243452" spans="8:8">
      <c r="H243452" s="12"/>
    </row>
    <row r="243453" spans="8:8">
      <c r="H243453" s="12"/>
    </row>
    <row r="243454" spans="8:8">
      <c r="H243454" s="12"/>
    </row>
    <row r="243455" spans="8:8">
      <c r="H243455" s="12"/>
    </row>
    <row r="243456" spans="8:8">
      <c r="H243456" s="12"/>
    </row>
    <row r="243457" spans="8:8">
      <c r="H243457" s="12"/>
    </row>
    <row r="243458" spans="8:8">
      <c r="H243458" s="12"/>
    </row>
    <row r="243459" spans="8:8">
      <c r="H243459" s="12"/>
    </row>
    <row r="243460" spans="8:8">
      <c r="H243460" s="12"/>
    </row>
    <row r="243461" spans="8:8">
      <c r="H243461" s="12"/>
    </row>
    <row r="243462" spans="8:8">
      <c r="H243462" s="12"/>
    </row>
    <row r="243463" spans="8:8">
      <c r="H243463" s="12"/>
    </row>
    <row r="243464" spans="8:8">
      <c r="H243464" s="12"/>
    </row>
    <row r="243465" spans="8:8">
      <c r="H243465" s="12"/>
    </row>
    <row r="243466" spans="8:8">
      <c r="H243466" s="12"/>
    </row>
    <row r="243467" spans="8:8">
      <c r="H243467" s="12"/>
    </row>
    <row r="243468" spans="8:8">
      <c r="H243468" s="12"/>
    </row>
    <row r="243469" spans="8:8">
      <c r="H243469" s="12"/>
    </row>
    <row r="243470" spans="8:8">
      <c r="H243470" s="12"/>
    </row>
    <row r="243471" spans="8:8">
      <c r="H243471" s="12"/>
    </row>
    <row r="243472" spans="8:8">
      <c r="H243472" s="12"/>
    </row>
    <row r="243473" spans="8:8">
      <c r="H243473" s="12"/>
    </row>
    <row r="243474" spans="8:8">
      <c r="H243474" s="12"/>
    </row>
    <row r="243475" spans="8:8">
      <c r="H243475" s="12"/>
    </row>
    <row r="243476" spans="8:8">
      <c r="H243476" s="12"/>
    </row>
    <row r="243477" spans="8:8">
      <c r="H243477" s="12"/>
    </row>
    <row r="243478" spans="8:8">
      <c r="H243478" s="12"/>
    </row>
    <row r="243479" spans="8:8">
      <c r="H243479" s="12"/>
    </row>
    <row r="243480" spans="8:8">
      <c r="H243480" s="12"/>
    </row>
    <row r="243481" spans="8:8">
      <c r="H243481" s="12"/>
    </row>
    <row r="243482" spans="8:8">
      <c r="H243482" s="12"/>
    </row>
    <row r="243483" spans="8:8">
      <c r="H243483" s="12"/>
    </row>
    <row r="243484" spans="8:8">
      <c r="H243484" s="12"/>
    </row>
    <row r="243485" spans="8:8">
      <c r="H243485" s="12"/>
    </row>
    <row r="243486" spans="8:8">
      <c r="H243486" s="12"/>
    </row>
    <row r="243487" spans="8:8">
      <c r="H243487" s="12"/>
    </row>
    <row r="243488" spans="8:8">
      <c r="H243488" s="12"/>
    </row>
    <row r="243489" spans="8:8">
      <c r="H243489" s="12"/>
    </row>
    <row r="243490" spans="8:8">
      <c r="H243490" s="12"/>
    </row>
    <row r="243491" spans="8:8">
      <c r="H243491" s="12"/>
    </row>
    <row r="243492" spans="8:8">
      <c r="H243492" s="12"/>
    </row>
    <row r="243493" spans="8:8">
      <c r="H243493" s="12"/>
    </row>
    <row r="243494" spans="8:8">
      <c r="H243494" s="12"/>
    </row>
    <row r="243495" spans="8:8">
      <c r="H243495" s="12"/>
    </row>
    <row r="243496" spans="8:8">
      <c r="H243496" s="12"/>
    </row>
    <row r="243497" spans="8:8">
      <c r="H243497" s="12"/>
    </row>
    <row r="243498" spans="8:8">
      <c r="H243498" s="12"/>
    </row>
    <row r="243499" spans="8:8">
      <c r="H243499" s="12"/>
    </row>
    <row r="243500" spans="8:8">
      <c r="H243500" s="12"/>
    </row>
    <row r="243501" spans="8:8">
      <c r="H243501" s="12"/>
    </row>
    <row r="243502" spans="8:8">
      <c r="H243502" s="12"/>
    </row>
    <row r="243503" spans="8:8">
      <c r="H243503" s="12"/>
    </row>
    <row r="243504" spans="8:8">
      <c r="H243504" s="12"/>
    </row>
    <row r="243505" spans="8:8">
      <c r="H243505" s="12"/>
    </row>
    <row r="243506" spans="8:8">
      <c r="H243506" s="12"/>
    </row>
    <row r="243507" spans="8:8">
      <c r="H243507" s="12"/>
    </row>
    <row r="243508" spans="8:8">
      <c r="H243508" s="12"/>
    </row>
    <row r="243509" spans="8:8">
      <c r="H243509" s="12"/>
    </row>
    <row r="243510" spans="8:8">
      <c r="H243510" s="12"/>
    </row>
    <row r="243511" spans="8:8">
      <c r="H243511" s="12"/>
    </row>
    <row r="243512" spans="8:8">
      <c r="H243512" s="12"/>
    </row>
    <row r="243513" spans="8:8">
      <c r="H243513" s="12"/>
    </row>
    <row r="243514" spans="8:8">
      <c r="H243514" s="12"/>
    </row>
    <row r="243515" spans="8:8">
      <c r="H243515" s="12"/>
    </row>
    <row r="243516" spans="8:8">
      <c r="H243516" s="12"/>
    </row>
    <row r="243517" spans="8:8">
      <c r="H243517" s="12"/>
    </row>
    <row r="243518" spans="8:8">
      <c r="H243518" s="12"/>
    </row>
    <row r="243519" spans="8:8">
      <c r="H243519" s="12"/>
    </row>
    <row r="243520" spans="8:8">
      <c r="H243520" s="12"/>
    </row>
    <row r="243521" spans="8:8">
      <c r="H243521" s="12"/>
    </row>
    <row r="243522" spans="8:8">
      <c r="H243522" s="12"/>
    </row>
    <row r="243523" spans="8:8">
      <c r="H243523" s="12"/>
    </row>
    <row r="243524" spans="8:8">
      <c r="H243524" s="12"/>
    </row>
    <row r="243525" spans="8:8">
      <c r="H243525" s="12"/>
    </row>
    <row r="243526" spans="8:8">
      <c r="H243526" s="12"/>
    </row>
    <row r="243527" spans="8:8">
      <c r="H243527" s="12"/>
    </row>
    <row r="243528" spans="8:8">
      <c r="H243528" s="12"/>
    </row>
    <row r="243529" spans="8:8">
      <c r="H243529" s="12"/>
    </row>
    <row r="243530" spans="8:8">
      <c r="H243530" s="12"/>
    </row>
    <row r="243531" spans="8:8">
      <c r="H243531" s="12"/>
    </row>
    <row r="243532" spans="8:8">
      <c r="H243532" s="12"/>
    </row>
    <row r="243533" spans="8:8">
      <c r="H243533" s="12"/>
    </row>
    <row r="243534" spans="8:8">
      <c r="H243534" s="12"/>
    </row>
    <row r="243535" spans="8:8">
      <c r="H243535" s="12"/>
    </row>
    <row r="243536" spans="8:8">
      <c r="H243536" s="12"/>
    </row>
    <row r="243537" spans="8:8">
      <c r="H243537" s="12"/>
    </row>
    <row r="243538" spans="8:8">
      <c r="H243538" s="12"/>
    </row>
    <row r="243539" spans="8:8">
      <c r="H243539" s="12"/>
    </row>
    <row r="243540" spans="8:8">
      <c r="H243540" s="12"/>
    </row>
    <row r="243541" spans="8:8">
      <c r="H243541" s="12"/>
    </row>
    <row r="243542" spans="8:8">
      <c r="H243542" s="12"/>
    </row>
    <row r="243543" spans="8:8">
      <c r="H243543" s="12"/>
    </row>
    <row r="243544" spans="8:8">
      <c r="H243544" s="12"/>
    </row>
    <row r="243545" spans="8:8">
      <c r="H243545" s="12"/>
    </row>
    <row r="243546" spans="8:8">
      <c r="H243546" s="12"/>
    </row>
    <row r="243547" spans="8:8">
      <c r="H243547" s="12"/>
    </row>
    <row r="243548" spans="8:8">
      <c r="H243548" s="12"/>
    </row>
    <row r="243549" spans="8:8">
      <c r="H243549" s="12"/>
    </row>
    <row r="243550" spans="8:8">
      <c r="H243550" s="12"/>
    </row>
    <row r="243551" spans="8:8">
      <c r="H243551" s="12"/>
    </row>
    <row r="243552" spans="8:8">
      <c r="H243552" s="12"/>
    </row>
    <row r="243553" spans="8:8">
      <c r="H243553" s="12"/>
    </row>
    <row r="243554" spans="8:8">
      <c r="H243554" s="12"/>
    </row>
    <row r="243555" spans="8:8">
      <c r="H243555" s="12"/>
    </row>
    <row r="243556" spans="8:8">
      <c r="H243556" s="12"/>
    </row>
    <row r="243557" spans="8:8">
      <c r="H243557" s="12"/>
    </row>
    <row r="243558" spans="8:8">
      <c r="H243558" s="12"/>
    </row>
    <row r="243559" spans="8:8">
      <c r="H243559" s="12"/>
    </row>
    <row r="243560" spans="8:8">
      <c r="H243560" s="12"/>
    </row>
    <row r="243561" spans="8:8">
      <c r="H243561" s="12"/>
    </row>
    <row r="243562" spans="8:8">
      <c r="H243562" s="12"/>
    </row>
    <row r="243563" spans="8:8">
      <c r="H243563" s="12"/>
    </row>
    <row r="243564" spans="8:8">
      <c r="H243564" s="12"/>
    </row>
    <row r="243565" spans="8:8">
      <c r="H243565" s="12"/>
    </row>
    <row r="243566" spans="8:8">
      <c r="H243566" s="12"/>
    </row>
    <row r="243567" spans="8:8">
      <c r="H243567" s="12"/>
    </row>
    <row r="243568" spans="8:8">
      <c r="H243568" s="12"/>
    </row>
    <row r="243569" spans="8:8">
      <c r="H243569" s="12"/>
    </row>
    <row r="243570" spans="8:8">
      <c r="H243570" s="12"/>
    </row>
    <row r="243571" spans="8:8">
      <c r="H243571" s="12"/>
    </row>
    <row r="243572" spans="8:8">
      <c r="H243572" s="12"/>
    </row>
    <row r="243573" spans="8:8">
      <c r="H243573" s="12"/>
    </row>
    <row r="243574" spans="8:8">
      <c r="H243574" s="12"/>
    </row>
    <row r="243575" spans="8:8">
      <c r="H243575" s="12"/>
    </row>
    <row r="243576" spans="8:8">
      <c r="H243576" s="12"/>
    </row>
    <row r="243577" spans="8:8">
      <c r="H243577" s="12"/>
    </row>
    <row r="243578" spans="8:8">
      <c r="H243578" s="12"/>
    </row>
    <row r="243579" spans="8:8">
      <c r="H243579" s="12"/>
    </row>
    <row r="243580" spans="8:8">
      <c r="H243580" s="12"/>
    </row>
    <row r="243581" spans="8:8">
      <c r="H243581" s="12"/>
    </row>
    <row r="243582" spans="8:8">
      <c r="H243582" s="12"/>
    </row>
    <row r="243583" spans="8:8">
      <c r="H243583" s="12"/>
    </row>
    <row r="243584" spans="8:8">
      <c r="H243584" s="12"/>
    </row>
    <row r="243585" spans="8:8">
      <c r="H243585" s="12"/>
    </row>
    <row r="243586" spans="8:8">
      <c r="H243586" s="12"/>
    </row>
    <row r="243587" spans="8:8">
      <c r="H243587" s="12"/>
    </row>
    <row r="243588" spans="8:8">
      <c r="H243588" s="12"/>
    </row>
    <row r="243589" spans="8:8">
      <c r="H243589" s="12"/>
    </row>
    <row r="243590" spans="8:8">
      <c r="H243590" s="12"/>
    </row>
    <row r="243591" spans="8:8">
      <c r="H243591" s="12"/>
    </row>
    <row r="243592" spans="8:8">
      <c r="H243592" s="12"/>
    </row>
    <row r="243593" spans="8:8">
      <c r="H243593" s="12"/>
    </row>
    <row r="243594" spans="8:8">
      <c r="H243594" s="12"/>
    </row>
    <row r="243595" spans="8:8">
      <c r="H243595" s="12"/>
    </row>
    <row r="243596" spans="8:8">
      <c r="H243596" s="12"/>
    </row>
    <row r="243597" spans="8:8">
      <c r="H243597" s="12"/>
    </row>
    <row r="243598" spans="8:8">
      <c r="H243598" s="12"/>
    </row>
    <row r="243599" spans="8:8">
      <c r="H243599" s="12"/>
    </row>
    <row r="243600" spans="8:8">
      <c r="H243600" s="12"/>
    </row>
    <row r="243601" spans="8:8">
      <c r="H243601" s="12"/>
    </row>
    <row r="243602" spans="8:8">
      <c r="H243602" s="12"/>
    </row>
    <row r="243603" spans="8:8">
      <c r="H243603" s="12"/>
    </row>
    <row r="243604" spans="8:8">
      <c r="H243604" s="12"/>
    </row>
    <row r="243605" spans="8:8">
      <c r="H243605" s="12"/>
    </row>
    <row r="243606" spans="8:8">
      <c r="H243606" s="12"/>
    </row>
    <row r="243607" spans="8:8">
      <c r="H243607" s="12"/>
    </row>
    <row r="243608" spans="8:8">
      <c r="H243608" s="12"/>
    </row>
    <row r="243609" spans="8:8">
      <c r="H243609" s="12"/>
    </row>
    <row r="243610" spans="8:8">
      <c r="H243610" s="12"/>
    </row>
    <row r="243611" spans="8:8">
      <c r="H243611" s="12"/>
    </row>
    <row r="243612" spans="8:8">
      <c r="H243612" s="12"/>
    </row>
    <row r="243613" spans="8:8">
      <c r="H243613" s="12"/>
    </row>
    <row r="243614" spans="8:8">
      <c r="H243614" s="12"/>
    </row>
    <row r="243615" spans="8:8">
      <c r="H243615" s="12"/>
    </row>
    <row r="243616" spans="8:8">
      <c r="H243616" s="12"/>
    </row>
    <row r="243617" spans="8:8">
      <c r="H243617" s="12"/>
    </row>
    <row r="243618" spans="8:8">
      <c r="H243618" s="12"/>
    </row>
    <row r="243619" spans="8:8">
      <c r="H243619" s="12"/>
    </row>
    <row r="243620" spans="8:8">
      <c r="H243620" s="12"/>
    </row>
    <row r="243621" spans="8:8">
      <c r="H243621" s="12"/>
    </row>
    <row r="243622" spans="8:8">
      <c r="H243622" s="12"/>
    </row>
    <row r="243623" spans="8:8">
      <c r="H243623" s="12"/>
    </row>
    <row r="243624" spans="8:8">
      <c r="H243624" s="12"/>
    </row>
    <row r="243625" spans="8:8">
      <c r="H243625" s="12"/>
    </row>
    <row r="243626" spans="8:8">
      <c r="H243626" s="12"/>
    </row>
    <row r="243627" spans="8:8">
      <c r="H243627" s="12"/>
    </row>
    <row r="243628" spans="8:8">
      <c r="H243628" s="12"/>
    </row>
    <row r="243629" spans="8:8">
      <c r="H243629" s="12"/>
    </row>
    <row r="243630" spans="8:8">
      <c r="H243630" s="12"/>
    </row>
    <row r="243631" spans="8:8">
      <c r="H243631" s="12"/>
    </row>
    <row r="243632" spans="8:8">
      <c r="H243632" s="12"/>
    </row>
    <row r="243633" spans="8:8">
      <c r="H243633" s="12"/>
    </row>
    <row r="243634" spans="8:8">
      <c r="H243634" s="12"/>
    </row>
    <row r="243635" spans="8:8">
      <c r="H243635" s="12"/>
    </row>
    <row r="243636" spans="8:8">
      <c r="H243636" s="12"/>
    </row>
    <row r="243637" spans="8:8">
      <c r="H243637" s="12"/>
    </row>
    <row r="243638" spans="8:8">
      <c r="H243638" s="12"/>
    </row>
    <row r="243639" spans="8:8">
      <c r="H243639" s="12"/>
    </row>
    <row r="243640" spans="8:8">
      <c r="H243640" s="12"/>
    </row>
    <row r="243641" spans="8:8">
      <c r="H243641" s="12"/>
    </row>
    <row r="243642" spans="8:8">
      <c r="H243642" s="12"/>
    </row>
    <row r="243643" spans="8:8">
      <c r="H243643" s="12"/>
    </row>
    <row r="243644" spans="8:8">
      <c r="H243644" s="12"/>
    </row>
    <row r="243645" spans="8:8">
      <c r="H243645" s="12"/>
    </row>
    <row r="243646" spans="8:8">
      <c r="H243646" s="12"/>
    </row>
    <row r="243647" spans="8:8">
      <c r="H243647" s="12"/>
    </row>
    <row r="243648" spans="8:8">
      <c r="H243648" s="12"/>
    </row>
    <row r="243649" spans="8:8">
      <c r="H243649" s="12"/>
    </row>
    <row r="243650" spans="8:8">
      <c r="H243650" s="12"/>
    </row>
    <row r="243651" spans="8:8">
      <c r="H243651" s="12"/>
    </row>
    <row r="243652" spans="8:8">
      <c r="H243652" s="12"/>
    </row>
    <row r="243653" spans="8:8">
      <c r="H243653" s="12"/>
    </row>
    <row r="243654" spans="8:8">
      <c r="H243654" s="12"/>
    </row>
    <row r="243655" spans="8:8">
      <c r="H243655" s="12"/>
    </row>
    <row r="243656" spans="8:8">
      <c r="H243656" s="12"/>
    </row>
    <row r="243657" spans="8:8">
      <c r="H243657" s="12"/>
    </row>
    <row r="243658" spans="8:8">
      <c r="H243658" s="12"/>
    </row>
    <row r="243659" spans="8:8">
      <c r="H243659" s="12"/>
    </row>
    <row r="243660" spans="8:8">
      <c r="H243660" s="12"/>
    </row>
    <row r="243661" spans="8:8">
      <c r="H243661" s="12"/>
    </row>
    <row r="243662" spans="8:8">
      <c r="H243662" s="12"/>
    </row>
    <row r="243663" spans="8:8">
      <c r="H243663" s="12"/>
    </row>
    <row r="243664" spans="8:8">
      <c r="H243664" s="12"/>
    </row>
    <row r="243665" spans="8:8">
      <c r="H243665" s="12"/>
    </row>
    <row r="243666" spans="8:8">
      <c r="H243666" s="12"/>
    </row>
    <row r="243667" spans="8:8">
      <c r="H243667" s="12"/>
    </row>
    <row r="243668" spans="8:8">
      <c r="H243668" s="12"/>
    </row>
    <row r="243669" spans="8:8">
      <c r="H243669" s="12"/>
    </row>
    <row r="243670" spans="8:8">
      <c r="H243670" s="12"/>
    </row>
    <row r="243671" spans="8:8">
      <c r="H243671" s="12"/>
    </row>
    <row r="243672" spans="8:8">
      <c r="H243672" s="12"/>
    </row>
    <row r="243673" spans="8:8">
      <c r="H243673" s="12"/>
    </row>
    <row r="243674" spans="8:8">
      <c r="H243674" s="12"/>
    </row>
    <row r="243675" spans="8:8">
      <c r="H243675" s="12"/>
    </row>
    <row r="243676" spans="8:8">
      <c r="H243676" s="12"/>
    </row>
    <row r="243677" spans="8:8">
      <c r="H243677" s="12"/>
    </row>
    <row r="243678" spans="8:8">
      <c r="H243678" s="12"/>
    </row>
    <row r="243679" spans="8:8">
      <c r="H243679" s="12"/>
    </row>
    <row r="243680" spans="8:8">
      <c r="H243680" s="12"/>
    </row>
    <row r="243681" spans="8:8">
      <c r="H243681" s="12"/>
    </row>
    <row r="243682" spans="8:8">
      <c r="H243682" s="12"/>
    </row>
    <row r="243683" spans="8:8">
      <c r="H243683" s="12"/>
    </row>
    <row r="243684" spans="8:8">
      <c r="H243684" s="12"/>
    </row>
    <row r="243685" spans="8:8">
      <c r="H243685" s="12"/>
    </row>
    <row r="243686" spans="8:8">
      <c r="H243686" s="12"/>
    </row>
    <row r="243687" spans="8:8">
      <c r="H243687" s="12"/>
    </row>
    <row r="243688" spans="8:8">
      <c r="H243688" s="12"/>
    </row>
    <row r="243689" spans="8:8">
      <c r="H243689" s="12"/>
    </row>
    <row r="243690" spans="8:8">
      <c r="H243690" s="12"/>
    </row>
    <row r="243691" spans="8:8">
      <c r="H243691" s="12"/>
    </row>
    <row r="243692" spans="8:8">
      <c r="H243692" s="12"/>
    </row>
    <row r="243693" spans="8:8">
      <c r="H243693" s="12"/>
    </row>
    <row r="243694" spans="8:8">
      <c r="H243694" s="12"/>
    </row>
    <row r="243695" spans="8:8">
      <c r="H243695" s="12"/>
    </row>
    <row r="243696" spans="8:8">
      <c r="H243696" s="12"/>
    </row>
    <row r="243697" spans="8:8">
      <c r="H243697" s="12"/>
    </row>
    <row r="243698" spans="8:8">
      <c r="H243698" s="12"/>
    </row>
    <row r="243699" spans="8:8">
      <c r="H243699" s="12"/>
    </row>
    <row r="243700" spans="8:8">
      <c r="H243700" s="12"/>
    </row>
    <row r="243701" spans="8:8">
      <c r="H243701" s="12"/>
    </row>
    <row r="243702" spans="8:8">
      <c r="H243702" s="12"/>
    </row>
    <row r="243703" spans="8:8">
      <c r="H243703" s="12"/>
    </row>
    <row r="243704" spans="8:8">
      <c r="H243704" s="12"/>
    </row>
    <row r="243705" spans="8:8">
      <c r="H243705" s="12"/>
    </row>
    <row r="243706" spans="8:8">
      <c r="H243706" s="12"/>
    </row>
    <row r="243707" spans="8:8">
      <c r="H243707" s="12"/>
    </row>
    <row r="243708" spans="8:8">
      <c r="H243708" s="12"/>
    </row>
    <row r="243709" spans="8:8">
      <c r="H243709" s="12"/>
    </row>
    <row r="243710" spans="8:8">
      <c r="H243710" s="12"/>
    </row>
    <row r="243711" spans="8:8">
      <c r="H243711" s="12"/>
    </row>
    <row r="243712" spans="8:8">
      <c r="H243712" s="12"/>
    </row>
    <row r="243713" spans="8:8">
      <c r="H243713" s="12"/>
    </row>
    <row r="243714" spans="8:8">
      <c r="H243714" s="12"/>
    </row>
    <row r="243715" spans="8:8">
      <c r="H243715" s="12"/>
    </row>
    <row r="243716" spans="8:8">
      <c r="H243716" s="12"/>
    </row>
    <row r="243717" spans="8:8">
      <c r="H243717" s="12"/>
    </row>
    <row r="243718" spans="8:8">
      <c r="H243718" s="12"/>
    </row>
    <row r="243719" spans="8:8">
      <c r="H243719" s="12"/>
    </row>
    <row r="243720" spans="8:8">
      <c r="H243720" s="12"/>
    </row>
    <row r="243721" spans="8:8">
      <c r="H243721" s="12"/>
    </row>
    <row r="243722" spans="8:8">
      <c r="H243722" s="12"/>
    </row>
    <row r="243723" spans="8:8">
      <c r="H243723" s="12"/>
    </row>
    <row r="243724" spans="8:8">
      <c r="H243724" s="12"/>
    </row>
    <row r="243725" spans="8:8">
      <c r="H243725" s="12"/>
    </row>
    <row r="243726" spans="8:8">
      <c r="H243726" s="12"/>
    </row>
    <row r="243727" spans="8:8">
      <c r="H243727" s="12"/>
    </row>
    <row r="243728" spans="8:8">
      <c r="H243728" s="12"/>
    </row>
    <row r="243729" spans="8:8">
      <c r="H243729" s="12"/>
    </row>
    <row r="243730" spans="8:8">
      <c r="H243730" s="12"/>
    </row>
    <row r="243731" spans="8:8">
      <c r="H243731" s="12"/>
    </row>
    <row r="243732" spans="8:8">
      <c r="H243732" s="12"/>
    </row>
    <row r="243733" spans="8:8">
      <c r="H243733" s="12"/>
    </row>
    <row r="243734" spans="8:8">
      <c r="H243734" s="12"/>
    </row>
    <row r="243735" spans="8:8">
      <c r="H243735" s="12"/>
    </row>
    <row r="243736" spans="8:8">
      <c r="H243736" s="12"/>
    </row>
    <row r="243737" spans="8:8">
      <c r="H243737" s="12"/>
    </row>
    <row r="243738" spans="8:8">
      <c r="H243738" s="12"/>
    </row>
    <row r="243739" spans="8:8">
      <c r="H243739" s="12"/>
    </row>
    <row r="243740" spans="8:8">
      <c r="H243740" s="12"/>
    </row>
    <row r="243741" spans="8:8">
      <c r="H243741" s="12"/>
    </row>
    <row r="243742" spans="8:8">
      <c r="H243742" s="12"/>
    </row>
    <row r="243743" spans="8:8">
      <c r="H243743" s="12"/>
    </row>
    <row r="243744" spans="8:8">
      <c r="H243744" s="12"/>
    </row>
    <row r="243745" spans="8:8">
      <c r="H243745" s="12"/>
    </row>
    <row r="243746" spans="8:8">
      <c r="H243746" s="12"/>
    </row>
    <row r="243747" spans="8:8">
      <c r="H243747" s="12"/>
    </row>
    <row r="243748" spans="8:8">
      <c r="H243748" s="12"/>
    </row>
    <row r="243749" spans="8:8">
      <c r="H243749" s="12"/>
    </row>
    <row r="243750" spans="8:8">
      <c r="H243750" s="12"/>
    </row>
    <row r="243751" spans="8:8">
      <c r="H243751" s="12"/>
    </row>
    <row r="243752" spans="8:8">
      <c r="H243752" s="12"/>
    </row>
    <row r="243753" spans="8:8">
      <c r="H243753" s="12"/>
    </row>
    <row r="243754" spans="8:8">
      <c r="H243754" s="12"/>
    </row>
    <row r="243755" spans="8:8">
      <c r="H243755" s="12"/>
    </row>
    <row r="243756" spans="8:8">
      <c r="H243756" s="12"/>
    </row>
    <row r="243757" spans="8:8">
      <c r="H243757" s="12"/>
    </row>
    <row r="243758" spans="8:8">
      <c r="H243758" s="12"/>
    </row>
    <row r="243759" spans="8:8">
      <c r="H243759" s="12"/>
    </row>
    <row r="243760" spans="8:8">
      <c r="H243760" s="12"/>
    </row>
    <row r="243761" spans="8:8">
      <c r="H243761" s="12"/>
    </row>
    <row r="243762" spans="8:8">
      <c r="H243762" s="12"/>
    </row>
    <row r="243763" spans="8:8">
      <c r="H243763" s="12"/>
    </row>
    <row r="243764" spans="8:8">
      <c r="H243764" s="12"/>
    </row>
    <row r="243765" spans="8:8">
      <c r="H243765" s="12"/>
    </row>
    <row r="243766" spans="8:8">
      <c r="H243766" s="12"/>
    </row>
    <row r="243767" spans="8:8">
      <c r="H243767" s="12"/>
    </row>
    <row r="243768" spans="8:8">
      <c r="H243768" s="12"/>
    </row>
    <row r="243769" spans="8:8">
      <c r="H243769" s="12"/>
    </row>
    <row r="243770" spans="8:8">
      <c r="H243770" s="12"/>
    </row>
    <row r="243771" spans="8:8">
      <c r="H243771" s="12"/>
    </row>
    <row r="243772" spans="8:8">
      <c r="H243772" s="12"/>
    </row>
    <row r="243773" spans="8:8">
      <c r="H243773" s="12"/>
    </row>
    <row r="243774" spans="8:8">
      <c r="H243774" s="12"/>
    </row>
    <row r="243775" spans="8:8">
      <c r="H243775" s="12"/>
    </row>
    <row r="243776" spans="8:8">
      <c r="H243776" s="12"/>
    </row>
    <row r="243777" spans="8:8">
      <c r="H243777" s="12"/>
    </row>
    <row r="243778" spans="8:8">
      <c r="H243778" s="12"/>
    </row>
    <row r="243779" spans="8:8">
      <c r="H243779" s="12"/>
    </row>
    <row r="243780" spans="8:8">
      <c r="H243780" s="12"/>
    </row>
    <row r="243781" spans="8:8">
      <c r="H243781" s="12"/>
    </row>
    <row r="243782" spans="8:8">
      <c r="H243782" s="12"/>
    </row>
    <row r="243783" spans="8:8">
      <c r="H243783" s="12"/>
    </row>
    <row r="243784" spans="8:8">
      <c r="H243784" s="12"/>
    </row>
    <row r="243785" spans="8:8">
      <c r="H243785" s="12"/>
    </row>
    <row r="243786" spans="8:8">
      <c r="H243786" s="12"/>
    </row>
    <row r="243787" spans="8:8">
      <c r="H243787" s="12"/>
    </row>
    <row r="243788" spans="8:8">
      <c r="H243788" s="12"/>
    </row>
    <row r="243789" spans="8:8">
      <c r="H243789" s="12"/>
    </row>
    <row r="243790" spans="8:8">
      <c r="H243790" s="12"/>
    </row>
    <row r="243791" spans="8:8">
      <c r="H243791" s="12"/>
    </row>
    <row r="243792" spans="8:8">
      <c r="H243792" s="12"/>
    </row>
    <row r="243793" spans="8:8">
      <c r="H243793" s="12"/>
    </row>
    <row r="243794" spans="8:8">
      <c r="H243794" s="12"/>
    </row>
    <row r="243795" spans="8:8">
      <c r="H243795" s="12"/>
    </row>
    <row r="243796" spans="8:8">
      <c r="H243796" s="12"/>
    </row>
    <row r="243797" spans="8:8">
      <c r="H243797" s="12"/>
    </row>
    <row r="243798" spans="8:8">
      <c r="H243798" s="12"/>
    </row>
    <row r="243799" spans="8:8">
      <c r="H243799" s="12"/>
    </row>
    <row r="243800" spans="8:8">
      <c r="H243800" s="12"/>
    </row>
    <row r="243801" spans="8:8">
      <c r="H243801" s="12"/>
    </row>
    <row r="243802" spans="8:8">
      <c r="H243802" s="12"/>
    </row>
    <row r="243803" spans="8:8">
      <c r="H243803" s="12"/>
    </row>
    <row r="243804" spans="8:8">
      <c r="H243804" s="12"/>
    </row>
    <row r="243805" spans="8:8">
      <c r="H243805" s="12"/>
    </row>
    <row r="243806" spans="8:8">
      <c r="H243806" s="12"/>
    </row>
    <row r="243807" spans="8:8">
      <c r="H243807" s="12"/>
    </row>
    <row r="243808" spans="8:8">
      <c r="H243808" s="12"/>
    </row>
    <row r="243809" spans="8:8">
      <c r="H243809" s="12"/>
    </row>
    <row r="243810" spans="8:8">
      <c r="H243810" s="12"/>
    </row>
    <row r="243811" spans="8:8">
      <c r="H243811" s="12"/>
    </row>
    <row r="243812" spans="8:8">
      <c r="H243812" s="12"/>
    </row>
    <row r="243813" spans="8:8">
      <c r="H243813" s="12"/>
    </row>
    <row r="243814" spans="8:8">
      <c r="H243814" s="12"/>
    </row>
    <row r="243815" spans="8:8">
      <c r="H243815" s="12"/>
    </row>
    <row r="243816" spans="8:8">
      <c r="H243816" s="12"/>
    </row>
    <row r="243817" spans="8:8">
      <c r="H243817" s="12"/>
    </row>
    <row r="243818" spans="8:8">
      <c r="H243818" s="12"/>
    </row>
    <row r="243819" spans="8:8">
      <c r="H243819" s="12"/>
    </row>
    <row r="243820" spans="8:8">
      <c r="H243820" s="12"/>
    </row>
    <row r="243821" spans="8:8">
      <c r="H243821" s="12"/>
    </row>
    <row r="243822" spans="8:8">
      <c r="H243822" s="12"/>
    </row>
    <row r="243823" spans="8:8">
      <c r="H243823" s="12"/>
    </row>
    <row r="243824" spans="8:8">
      <c r="H243824" s="12"/>
    </row>
    <row r="243825" spans="8:8">
      <c r="H243825" s="12"/>
    </row>
    <row r="243826" spans="8:8">
      <c r="H243826" s="12"/>
    </row>
    <row r="243827" spans="8:8">
      <c r="H243827" s="12"/>
    </row>
    <row r="243828" spans="8:8">
      <c r="H243828" s="12"/>
    </row>
    <row r="243829" spans="8:8">
      <c r="H243829" s="12"/>
    </row>
    <row r="243830" spans="8:8">
      <c r="H243830" s="12"/>
    </row>
    <row r="243831" spans="8:8">
      <c r="H243831" s="12"/>
    </row>
    <row r="243832" spans="8:8">
      <c r="H243832" s="12"/>
    </row>
    <row r="243833" spans="8:8">
      <c r="H243833" s="12"/>
    </row>
    <row r="243834" spans="8:8">
      <c r="H243834" s="12"/>
    </row>
    <row r="243835" spans="8:8">
      <c r="H243835" s="12"/>
    </row>
    <row r="243836" spans="8:8">
      <c r="H243836" s="12"/>
    </row>
    <row r="243837" spans="8:8">
      <c r="H243837" s="12"/>
    </row>
    <row r="243838" spans="8:8">
      <c r="H243838" s="12"/>
    </row>
    <row r="243839" spans="8:8">
      <c r="H243839" s="12"/>
    </row>
    <row r="243840" spans="8:8">
      <c r="H243840" s="12"/>
    </row>
    <row r="243841" spans="8:8">
      <c r="H243841" s="12"/>
    </row>
    <row r="243842" spans="8:8">
      <c r="H243842" s="12"/>
    </row>
    <row r="243843" spans="8:8">
      <c r="H243843" s="12"/>
    </row>
    <row r="243844" spans="8:8">
      <c r="H243844" s="12"/>
    </row>
    <row r="243845" spans="8:8">
      <c r="H243845" s="12"/>
    </row>
    <row r="243846" spans="8:8">
      <c r="H243846" s="12"/>
    </row>
    <row r="243847" spans="8:8">
      <c r="H243847" s="12"/>
    </row>
    <row r="243848" spans="8:8">
      <c r="H243848" s="12"/>
    </row>
    <row r="243849" spans="8:8">
      <c r="H243849" s="12"/>
    </row>
    <row r="243850" spans="8:8">
      <c r="H243850" s="12"/>
    </row>
    <row r="243851" spans="8:8">
      <c r="H243851" s="12"/>
    </row>
    <row r="243852" spans="8:8">
      <c r="H243852" s="12"/>
    </row>
    <row r="243853" spans="8:8">
      <c r="H243853" s="12"/>
    </row>
    <row r="243854" spans="8:8">
      <c r="H243854" s="12"/>
    </row>
    <row r="243855" spans="8:8">
      <c r="H243855" s="12"/>
    </row>
    <row r="243856" spans="8:8">
      <c r="H243856" s="12"/>
    </row>
    <row r="243857" spans="8:8">
      <c r="H243857" s="12"/>
    </row>
    <row r="243858" spans="8:8">
      <c r="H243858" s="12"/>
    </row>
    <row r="243859" spans="8:8">
      <c r="H243859" s="12"/>
    </row>
    <row r="243860" spans="8:8">
      <c r="H243860" s="12"/>
    </row>
    <row r="243861" spans="8:8">
      <c r="H243861" s="12"/>
    </row>
    <row r="243862" spans="8:8">
      <c r="H243862" s="12"/>
    </row>
    <row r="243863" spans="8:8">
      <c r="H243863" s="12"/>
    </row>
    <row r="243864" spans="8:8">
      <c r="H243864" s="12"/>
    </row>
    <row r="243865" spans="8:8">
      <c r="H243865" s="12"/>
    </row>
    <row r="243866" spans="8:8">
      <c r="H243866" s="12"/>
    </row>
    <row r="243867" spans="8:8">
      <c r="H243867" s="12"/>
    </row>
    <row r="243868" spans="8:8">
      <c r="H243868" s="12"/>
    </row>
    <row r="243869" spans="8:8">
      <c r="H243869" s="12"/>
    </row>
    <row r="243870" spans="8:8">
      <c r="H243870" s="12"/>
    </row>
    <row r="243871" spans="8:8">
      <c r="H243871" s="12"/>
    </row>
    <row r="243872" spans="8:8">
      <c r="H243872" s="12"/>
    </row>
    <row r="243873" spans="8:8">
      <c r="H243873" s="12"/>
    </row>
    <row r="243874" spans="8:8">
      <c r="H243874" s="12"/>
    </row>
    <row r="243875" spans="8:8">
      <c r="H243875" s="12"/>
    </row>
    <row r="243876" spans="8:8">
      <c r="H243876" s="12"/>
    </row>
    <row r="243877" spans="8:8">
      <c r="H243877" s="12"/>
    </row>
    <row r="243878" spans="8:8">
      <c r="H243878" s="12"/>
    </row>
    <row r="243879" spans="8:8">
      <c r="H243879" s="12"/>
    </row>
    <row r="243880" spans="8:8">
      <c r="H243880" s="12"/>
    </row>
    <row r="243881" spans="8:8">
      <c r="H243881" s="12"/>
    </row>
    <row r="243882" spans="8:8">
      <c r="H243882" s="12"/>
    </row>
    <row r="243883" spans="8:8">
      <c r="H243883" s="12"/>
    </row>
    <row r="243884" spans="8:8">
      <c r="H243884" s="12"/>
    </row>
    <row r="243885" spans="8:8">
      <c r="H243885" s="12"/>
    </row>
    <row r="243886" spans="8:8">
      <c r="H243886" s="12"/>
    </row>
    <row r="243887" spans="8:8">
      <c r="H243887" s="12"/>
    </row>
    <row r="243888" spans="8:8">
      <c r="H243888" s="12"/>
    </row>
    <row r="243889" spans="8:8">
      <c r="H243889" s="12"/>
    </row>
    <row r="243890" spans="8:8">
      <c r="H243890" s="12"/>
    </row>
    <row r="243891" spans="8:8">
      <c r="H243891" s="12"/>
    </row>
    <row r="243892" spans="8:8">
      <c r="H243892" s="12"/>
    </row>
    <row r="243893" spans="8:8">
      <c r="H243893" s="12"/>
    </row>
    <row r="243894" spans="8:8">
      <c r="H243894" s="12"/>
    </row>
    <row r="243895" spans="8:8">
      <c r="H243895" s="12"/>
    </row>
    <row r="243896" spans="8:8">
      <c r="H243896" s="12"/>
    </row>
    <row r="243897" spans="8:8">
      <c r="H243897" s="12"/>
    </row>
    <row r="243898" spans="8:8">
      <c r="H243898" s="12"/>
    </row>
    <row r="243899" spans="8:8">
      <c r="H243899" s="12"/>
    </row>
    <row r="243900" spans="8:8">
      <c r="H243900" s="12"/>
    </row>
    <row r="243901" spans="8:8">
      <c r="H243901" s="12"/>
    </row>
    <row r="243902" spans="8:8">
      <c r="H243902" s="12"/>
    </row>
    <row r="243903" spans="8:8">
      <c r="H243903" s="12"/>
    </row>
    <row r="243904" spans="8:8">
      <c r="H243904" s="12"/>
    </row>
    <row r="243905" spans="8:8">
      <c r="H243905" s="12"/>
    </row>
    <row r="243906" spans="8:8">
      <c r="H243906" s="12"/>
    </row>
    <row r="243907" spans="8:8">
      <c r="H243907" s="12"/>
    </row>
    <row r="243908" spans="8:8">
      <c r="H243908" s="12"/>
    </row>
    <row r="243909" spans="8:8">
      <c r="H243909" s="12"/>
    </row>
    <row r="243910" spans="8:8">
      <c r="H243910" s="12"/>
    </row>
    <row r="243911" spans="8:8">
      <c r="H243911" s="12"/>
    </row>
    <row r="243912" spans="8:8">
      <c r="H243912" s="12"/>
    </row>
    <row r="243913" spans="8:8">
      <c r="H243913" s="12"/>
    </row>
    <row r="243914" spans="8:8">
      <c r="H243914" s="12"/>
    </row>
    <row r="243915" spans="8:8">
      <c r="H243915" s="12"/>
    </row>
    <row r="243916" spans="8:8">
      <c r="H243916" s="12"/>
    </row>
    <row r="243917" spans="8:8">
      <c r="H243917" s="12"/>
    </row>
    <row r="243918" spans="8:8">
      <c r="H243918" s="12"/>
    </row>
    <row r="243919" spans="8:8">
      <c r="H243919" s="12"/>
    </row>
    <row r="243920" spans="8:8">
      <c r="H243920" s="12"/>
    </row>
    <row r="243921" spans="8:8">
      <c r="H243921" s="12"/>
    </row>
    <row r="243922" spans="8:8">
      <c r="H243922" s="12"/>
    </row>
    <row r="243923" spans="8:8">
      <c r="H243923" s="12"/>
    </row>
    <row r="243924" spans="8:8">
      <c r="H243924" s="12"/>
    </row>
    <row r="243925" spans="8:8">
      <c r="H243925" s="12"/>
    </row>
    <row r="243926" spans="8:8">
      <c r="H243926" s="12"/>
    </row>
    <row r="243927" spans="8:8">
      <c r="H243927" s="12"/>
    </row>
    <row r="243928" spans="8:8">
      <c r="H243928" s="12"/>
    </row>
    <row r="243929" spans="8:8">
      <c r="H243929" s="12"/>
    </row>
    <row r="243930" spans="8:8">
      <c r="H243930" s="12"/>
    </row>
    <row r="243931" spans="8:8">
      <c r="H243931" s="12"/>
    </row>
    <row r="243932" spans="8:8">
      <c r="H243932" s="12"/>
    </row>
    <row r="243933" spans="8:8">
      <c r="H243933" s="12"/>
    </row>
    <row r="243934" spans="8:8">
      <c r="H243934" s="12"/>
    </row>
    <row r="243935" spans="8:8">
      <c r="H243935" s="12"/>
    </row>
    <row r="243936" spans="8:8">
      <c r="H243936" s="12"/>
    </row>
    <row r="243937" spans="8:8">
      <c r="H243937" s="12"/>
    </row>
    <row r="243938" spans="8:8">
      <c r="H243938" s="12"/>
    </row>
    <row r="243939" spans="8:8">
      <c r="H243939" s="12"/>
    </row>
    <row r="243940" spans="8:8">
      <c r="H243940" s="12"/>
    </row>
    <row r="243941" spans="8:8">
      <c r="H243941" s="12"/>
    </row>
    <row r="243942" spans="8:8">
      <c r="H243942" s="12"/>
    </row>
    <row r="243943" spans="8:8">
      <c r="H243943" s="12"/>
    </row>
    <row r="243944" spans="8:8">
      <c r="H243944" s="12"/>
    </row>
    <row r="243945" spans="8:8">
      <c r="H243945" s="12"/>
    </row>
    <row r="243946" spans="8:8">
      <c r="H243946" s="12"/>
    </row>
    <row r="243947" spans="8:8">
      <c r="H243947" s="12"/>
    </row>
    <row r="243948" spans="8:8">
      <c r="H243948" s="12"/>
    </row>
    <row r="243949" spans="8:8">
      <c r="H243949" s="12"/>
    </row>
    <row r="243950" spans="8:8">
      <c r="H243950" s="12"/>
    </row>
    <row r="243951" spans="8:8">
      <c r="H243951" s="12"/>
    </row>
    <row r="243952" spans="8:8">
      <c r="H243952" s="12"/>
    </row>
    <row r="243953" spans="8:8">
      <c r="H243953" s="12"/>
    </row>
    <row r="243954" spans="8:8">
      <c r="H243954" s="12"/>
    </row>
    <row r="243955" spans="8:8">
      <c r="H243955" s="12"/>
    </row>
    <row r="243956" spans="8:8">
      <c r="H243956" s="12"/>
    </row>
    <row r="243957" spans="8:8">
      <c r="H243957" s="12"/>
    </row>
    <row r="243958" spans="8:8">
      <c r="H243958" s="12"/>
    </row>
    <row r="243959" spans="8:8">
      <c r="H243959" s="12"/>
    </row>
    <row r="243960" spans="8:8">
      <c r="H243960" s="12"/>
    </row>
    <row r="243961" spans="8:8">
      <c r="H243961" s="12"/>
    </row>
    <row r="243962" spans="8:8">
      <c r="H243962" s="12"/>
    </row>
    <row r="243963" spans="8:8">
      <c r="H243963" s="12"/>
    </row>
    <row r="243964" spans="8:8">
      <c r="H243964" s="12"/>
    </row>
    <row r="243965" spans="8:8">
      <c r="H243965" s="12"/>
    </row>
    <row r="243966" spans="8:8">
      <c r="H243966" s="12"/>
    </row>
    <row r="243967" spans="8:8">
      <c r="H243967" s="12"/>
    </row>
    <row r="243968" spans="8:8">
      <c r="H243968" s="12"/>
    </row>
    <row r="243969" spans="8:8">
      <c r="H243969" s="12"/>
    </row>
    <row r="243970" spans="8:8">
      <c r="H243970" s="12"/>
    </row>
    <row r="243971" spans="8:8">
      <c r="H243971" s="12"/>
    </row>
    <row r="243972" spans="8:8">
      <c r="H243972" s="12"/>
    </row>
    <row r="243973" spans="8:8">
      <c r="H243973" s="12"/>
    </row>
    <row r="243974" spans="8:8">
      <c r="H243974" s="12"/>
    </row>
    <row r="243975" spans="8:8">
      <c r="H243975" s="12"/>
    </row>
    <row r="243976" spans="8:8">
      <c r="H243976" s="12"/>
    </row>
    <row r="243977" spans="8:8">
      <c r="H243977" s="12"/>
    </row>
    <row r="243978" spans="8:8">
      <c r="H243978" s="12"/>
    </row>
    <row r="243979" spans="8:8">
      <c r="H243979" s="12"/>
    </row>
    <row r="243980" spans="8:8">
      <c r="H243980" s="12"/>
    </row>
    <row r="243981" spans="8:8">
      <c r="H243981" s="12"/>
    </row>
    <row r="243982" spans="8:8">
      <c r="H243982" s="12"/>
    </row>
    <row r="243983" spans="8:8">
      <c r="H243983" s="12"/>
    </row>
    <row r="243984" spans="8:8">
      <c r="H243984" s="12"/>
    </row>
    <row r="243985" spans="8:8">
      <c r="H243985" s="12"/>
    </row>
    <row r="243986" spans="8:8">
      <c r="H243986" s="12"/>
    </row>
    <row r="243987" spans="8:8">
      <c r="H243987" s="12"/>
    </row>
    <row r="243988" spans="8:8">
      <c r="H243988" s="12"/>
    </row>
    <row r="243989" spans="8:8">
      <c r="H243989" s="12"/>
    </row>
    <row r="243990" spans="8:8">
      <c r="H243990" s="12"/>
    </row>
    <row r="243991" spans="8:8">
      <c r="H243991" s="12"/>
    </row>
    <row r="243992" spans="8:8">
      <c r="H243992" s="12"/>
    </row>
    <row r="243993" spans="8:8">
      <c r="H243993" s="12"/>
    </row>
    <row r="243994" spans="8:8">
      <c r="H243994" s="12"/>
    </row>
    <row r="243995" spans="8:8">
      <c r="H243995" s="12"/>
    </row>
    <row r="243996" spans="8:8">
      <c r="H243996" s="12"/>
    </row>
    <row r="243997" spans="8:8">
      <c r="H243997" s="12"/>
    </row>
    <row r="243998" spans="8:8">
      <c r="H243998" s="12"/>
    </row>
    <row r="243999" spans="8:8">
      <c r="H243999" s="12"/>
    </row>
    <row r="244000" spans="8:8">
      <c r="H244000" s="12"/>
    </row>
    <row r="244001" spans="8:8">
      <c r="H244001" s="12"/>
    </row>
    <row r="244002" spans="8:8">
      <c r="H244002" s="12"/>
    </row>
    <row r="244003" spans="8:8">
      <c r="H244003" s="12"/>
    </row>
    <row r="244004" spans="8:8">
      <c r="H244004" s="12"/>
    </row>
    <row r="244005" spans="8:8">
      <c r="H244005" s="12"/>
    </row>
    <row r="244006" spans="8:8">
      <c r="H244006" s="12"/>
    </row>
    <row r="244007" spans="8:8">
      <c r="H244007" s="12"/>
    </row>
    <row r="244008" spans="8:8">
      <c r="H244008" s="12"/>
    </row>
    <row r="244009" spans="8:8">
      <c r="H244009" s="12"/>
    </row>
    <row r="244010" spans="8:8">
      <c r="H244010" s="12"/>
    </row>
    <row r="244011" spans="8:8">
      <c r="H244011" s="12"/>
    </row>
    <row r="244012" spans="8:8">
      <c r="H244012" s="12"/>
    </row>
    <row r="244013" spans="8:8">
      <c r="H244013" s="12"/>
    </row>
    <row r="244014" spans="8:8">
      <c r="H244014" s="12"/>
    </row>
    <row r="244015" spans="8:8">
      <c r="H244015" s="12"/>
    </row>
    <row r="244016" spans="8:8">
      <c r="H244016" s="12"/>
    </row>
    <row r="244017" spans="8:8">
      <c r="H244017" s="12"/>
    </row>
    <row r="244018" spans="8:8">
      <c r="H244018" s="12"/>
    </row>
    <row r="244019" spans="8:8">
      <c r="H244019" s="12"/>
    </row>
    <row r="244020" spans="8:8">
      <c r="H244020" s="12"/>
    </row>
    <row r="244021" spans="8:8">
      <c r="H244021" s="12"/>
    </row>
    <row r="244022" spans="8:8">
      <c r="H244022" s="12"/>
    </row>
    <row r="244023" spans="8:8">
      <c r="H244023" s="12"/>
    </row>
    <row r="244024" spans="8:8">
      <c r="H244024" s="12"/>
    </row>
    <row r="244025" spans="8:8">
      <c r="H244025" s="12"/>
    </row>
    <row r="244026" spans="8:8">
      <c r="H244026" s="12"/>
    </row>
    <row r="244027" spans="8:8">
      <c r="H244027" s="12"/>
    </row>
    <row r="244028" spans="8:8">
      <c r="H244028" s="12"/>
    </row>
    <row r="244029" spans="8:8">
      <c r="H244029" s="12"/>
    </row>
    <row r="244030" spans="8:8">
      <c r="H244030" s="12"/>
    </row>
    <row r="244031" spans="8:8">
      <c r="H244031" s="12"/>
    </row>
    <row r="244032" spans="8:8">
      <c r="H244032" s="12"/>
    </row>
    <row r="244033" spans="8:8">
      <c r="H244033" s="12"/>
    </row>
    <row r="244034" spans="8:8">
      <c r="H244034" s="12"/>
    </row>
    <row r="244035" spans="8:8">
      <c r="H244035" s="12"/>
    </row>
    <row r="244036" spans="8:8">
      <c r="H244036" s="12"/>
    </row>
    <row r="244037" spans="8:8">
      <c r="H244037" s="12"/>
    </row>
    <row r="244038" spans="8:8">
      <c r="H244038" s="12"/>
    </row>
    <row r="244039" spans="8:8">
      <c r="H244039" s="12"/>
    </row>
    <row r="244040" spans="8:8">
      <c r="H244040" s="12"/>
    </row>
    <row r="244041" spans="8:8">
      <c r="H244041" s="12"/>
    </row>
    <row r="244042" spans="8:8">
      <c r="H244042" s="12"/>
    </row>
    <row r="244043" spans="8:8">
      <c r="H244043" s="12"/>
    </row>
    <row r="244044" spans="8:8">
      <c r="H244044" s="12"/>
    </row>
    <row r="244045" spans="8:8">
      <c r="H244045" s="12"/>
    </row>
    <row r="244046" spans="8:8">
      <c r="H244046" s="12"/>
    </row>
    <row r="244047" spans="8:8">
      <c r="H244047" s="12"/>
    </row>
    <row r="244048" spans="8:8">
      <c r="H244048" s="12"/>
    </row>
    <row r="244049" spans="8:8">
      <c r="H244049" s="12"/>
    </row>
    <row r="244050" spans="8:8">
      <c r="H244050" s="12"/>
    </row>
    <row r="244051" spans="8:8">
      <c r="H244051" s="12"/>
    </row>
    <row r="244052" spans="8:8">
      <c r="H244052" s="12"/>
    </row>
    <row r="244053" spans="8:8">
      <c r="H244053" s="12"/>
    </row>
    <row r="244054" spans="8:8">
      <c r="H244054" s="12"/>
    </row>
    <row r="244055" spans="8:8">
      <c r="H244055" s="12"/>
    </row>
    <row r="244056" spans="8:8">
      <c r="H244056" s="12"/>
    </row>
    <row r="244057" spans="8:8">
      <c r="H244057" s="12"/>
    </row>
    <row r="244058" spans="8:8">
      <c r="H244058" s="12"/>
    </row>
    <row r="244059" spans="8:8">
      <c r="H244059" s="12"/>
    </row>
    <row r="244060" spans="8:8">
      <c r="H244060" s="12"/>
    </row>
    <row r="244061" spans="8:8">
      <c r="H244061" s="12"/>
    </row>
    <row r="244062" spans="8:8">
      <c r="H244062" s="12"/>
    </row>
    <row r="244063" spans="8:8">
      <c r="H244063" s="12"/>
    </row>
    <row r="244064" spans="8:8">
      <c r="H244064" s="12"/>
    </row>
    <row r="244065" spans="8:8">
      <c r="H244065" s="12"/>
    </row>
    <row r="244066" spans="8:8">
      <c r="H244066" s="12"/>
    </row>
    <row r="244067" spans="8:8">
      <c r="H244067" s="12"/>
    </row>
    <row r="244068" spans="8:8">
      <c r="H244068" s="12"/>
    </row>
    <row r="244069" spans="8:8">
      <c r="H244069" s="12"/>
    </row>
    <row r="244070" spans="8:8">
      <c r="H244070" s="12"/>
    </row>
    <row r="244071" spans="8:8">
      <c r="H244071" s="12"/>
    </row>
    <row r="244072" spans="8:8">
      <c r="H244072" s="12"/>
    </row>
    <row r="244073" spans="8:8">
      <c r="H244073" s="12"/>
    </row>
    <row r="244074" spans="8:8">
      <c r="H244074" s="12"/>
    </row>
    <row r="244075" spans="8:8">
      <c r="H244075" s="12"/>
    </row>
    <row r="244076" spans="8:8">
      <c r="H244076" s="12"/>
    </row>
    <row r="244077" spans="8:8">
      <c r="H244077" s="12"/>
    </row>
    <row r="244078" spans="8:8">
      <c r="H244078" s="12"/>
    </row>
    <row r="244079" spans="8:8">
      <c r="H244079" s="12"/>
    </row>
    <row r="244080" spans="8:8">
      <c r="H244080" s="12"/>
    </row>
    <row r="244081" spans="8:8">
      <c r="H244081" s="12"/>
    </row>
    <row r="244082" spans="8:8">
      <c r="H244082" s="12"/>
    </row>
    <row r="244083" spans="8:8">
      <c r="H244083" s="12"/>
    </row>
    <row r="244084" spans="8:8">
      <c r="H244084" s="12"/>
    </row>
    <row r="244085" spans="8:8">
      <c r="H244085" s="12"/>
    </row>
    <row r="244086" spans="8:8">
      <c r="H244086" s="12"/>
    </row>
    <row r="244087" spans="8:8">
      <c r="H244087" s="12"/>
    </row>
    <row r="244088" spans="8:8">
      <c r="H244088" s="12"/>
    </row>
    <row r="244089" spans="8:8">
      <c r="H244089" s="12"/>
    </row>
    <row r="244090" spans="8:8">
      <c r="H244090" s="12"/>
    </row>
    <row r="244091" spans="8:8">
      <c r="H244091" s="12"/>
    </row>
    <row r="244092" spans="8:8">
      <c r="H244092" s="12"/>
    </row>
    <row r="244093" spans="8:8">
      <c r="H244093" s="12"/>
    </row>
    <row r="244094" spans="8:8">
      <c r="H244094" s="12"/>
    </row>
    <row r="244095" spans="8:8">
      <c r="H244095" s="12"/>
    </row>
    <row r="244096" spans="8:8">
      <c r="H244096" s="12"/>
    </row>
    <row r="244097" spans="8:8">
      <c r="H244097" s="12"/>
    </row>
    <row r="244098" spans="8:8">
      <c r="H244098" s="12"/>
    </row>
    <row r="244099" spans="8:8">
      <c r="H244099" s="12"/>
    </row>
    <row r="244100" spans="8:8">
      <c r="H244100" s="12"/>
    </row>
    <row r="244101" spans="8:8">
      <c r="H244101" s="12"/>
    </row>
    <row r="244102" spans="8:8">
      <c r="H244102" s="12"/>
    </row>
    <row r="244103" spans="8:8">
      <c r="H244103" s="12"/>
    </row>
    <row r="244104" spans="8:8">
      <c r="H244104" s="12"/>
    </row>
    <row r="244105" spans="8:8">
      <c r="H244105" s="12"/>
    </row>
    <row r="244106" spans="8:8">
      <c r="H244106" s="12"/>
    </row>
    <row r="244107" spans="8:8">
      <c r="H244107" s="12"/>
    </row>
    <row r="244108" spans="8:8">
      <c r="H244108" s="12"/>
    </row>
    <row r="244109" spans="8:8">
      <c r="H244109" s="12"/>
    </row>
    <row r="244110" spans="8:8">
      <c r="H244110" s="12"/>
    </row>
    <row r="244111" spans="8:8">
      <c r="H244111" s="12"/>
    </row>
    <row r="244112" spans="8:8">
      <c r="H244112" s="12"/>
    </row>
    <row r="244113" spans="8:8">
      <c r="H244113" s="12"/>
    </row>
    <row r="244114" spans="8:8">
      <c r="H244114" s="12"/>
    </row>
    <row r="244115" spans="8:8">
      <c r="H244115" s="12"/>
    </row>
    <row r="244116" spans="8:8">
      <c r="H244116" s="12"/>
    </row>
    <row r="244117" spans="8:8">
      <c r="H244117" s="12"/>
    </row>
    <row r="244118" spans="8:8">
      <c r="H244118" s="12"/>
    </row>
    <row r="244119" spans="8:8">
      <c r="H244119" s="12"/>
    </row>
    <row r="244120" spans="8:8">
      <c r="H244120" s="12"/>
    </row>
    <row r="244121" spans="8:8">
      <c r="H244121" s="12"/>
    </row>
    <row r="244122" spans="8:8">
      <c r="H244122" s="12"/>
    </row>
    <row r="244123" spans="8:8">
      <c r="H244123" s="12"/>
    </row>
    <row r="244124" spans="8:8">
      <c r="H244124" s="12"/>
    </row>
    <row r="244125" spans="8:8">
      <c r="H244125" s="12"/>
    </row>
    <row r="244126" spans="8:8">
      <c r="H244126" s="12"/>
    </row>
    <row r="244127" spans="8:8">
      <c r="H244127" s="12"/>
    </row>
    <row r="244128" spans="8:8">
      <c r="H244128" s="12"/>
    </row>
    <row r="244129" spans="8:8">
      <c r="H244129" s="12"/>
    </row>
    <row r="244130" spans="8:8">
      <c r="H244130" s="12"/>
    </row>
    <row r="244131" spans="8:8">
      <c r="H244131" s="12"/>
    </row>
    <row r="244132" spans="8:8">
      <c r="H244132" s="12"/>
    </row>
    <row r="244133" spans="8:8">
      <c r="H244133" s="12"/>
    </row>
    <row r="244134" spans="8:8">
      <c r="H244134" s="12"/>
    </row>
    <row r="244135" spans="8:8">
      <c r="H244135" s="12"/>
    </row>
    <row r="244136" spans="8:8">
      <c r="H244136" s="12"/>
    </row>
    <row r="244137" spans="8:8">
      <c r="H244137" s="12"/>
    </row>
    <row r="244138" spans="8:8">
      <c r="H244138" s="12"/>
    </row>
    <row r="244139" spans="8:8">
      <c r="H244139" s="12"/>
    </row>
    <row r="244140" spans="8:8">
      <c r="H244140" s="12"/>
    </row>
    <row r="244141" spans="8:8">
      <c r="H244141" s="12"/>
    </row>
    <row r="244142" spans="8:8">
      <c r="H244142" s="12"/>
    </row>
    <row r="244143" spans="8:8">
      <c r="H244143" s="12"/>
    </row>
    <row r="244144" spans="8:8">
      <c r="H244144" s="12"/>
    </row>
    <row r="244145" spans="8:8">
      <c r="H244145" s="12"/>
    </row>
    <row r="244146" spans="8:8">
      <c r="H244146" s="12"/>
    </row>
    <row r="244147" spans="8:8">
      <c r="H244147" s="12"/>
    </row>
    <row r="244148" spans="8:8">
      <c r="H244148" s="12"/>
    </row>
    <row r="244149" spans="8:8">
      <c r="H244149" s="12"/>
    </row>
    <row r="244150" spans="8:8">
      <c r="H244150" s="12"/>
    </row>
    <row r="244151" spans="8:8">
      <c r="H244151" s="12"/>
    </row>
    <row r="244152" spans="8:8">
      <c r="H244152" s="12"/>
    </row>
    <row r="244153" spans="8:8">
      <c r="H244153" s="12"/>
    </row>
    <row r="244154" spans="8:8">
      <c r="H244154" s="12"/>
    </row>
    <row r="244155" spans="8:8">
      <c r="H244155" s="12"/>
    </row>
    <row r="244156" spans="8:8">
      <c r="H244156" s="12"/>
    </row>
    <row r="244157" spans="8:8">
      <c r="H244157" s="12"/>
    </row>
    <row r="244158" spans="8:8">
      <c r="H244158" s="12"/>
    </row>
    <row r="244159" spans="8:8">
      <c r="H244159" s="12"/>
    </row>
    <row r="244160" spans="8:8">
      <c r="H244160" s="12"/>
    </row>
    <row r="244161" spans="8:8">
      <c r="H244161" s="12"/>
    </row>
    <row r="244162" spans="8:8">
      <c r="H244162" s="12"/>
    </row>
    <row r="244163" spans="8:8">
      <c r="H244163" s="12"/>
    </row>
    <row r="244164" spans="8:8">
      <c r="H244164" s="12"/>
    </row>
    <row r="244165" spans="8:8">
      <c r="H244165" s="12"/>
    </row>
    <row r="244166" spans="8:8">
      <c r="H244166" s="12"/>
    </row>
    <row r="244167" spans="8:8">
      <c r="H244167" s="12"/>
    </row>
    <row r="244168" spans="8:8">
      <c r="H244168" s="12"/>
    </row>
    <row r="244169" spans="8:8">
      <c r="H244169" s="12"/>
    </row>
    <row r="244170" spans="8:8">
      <c r="H244170" s="12"/>
    </row>
    <row r="244171" spans="8:8">
      <c r="H244171" s="12"/>
    </row>
    <row r="244172" spans="8:8">
      <c r="H244172" s="12"/>
    </row>
    <row r="244173" spans="8:8">
      <c r="H244173" s="12"/>
    </row>
    <row r="244174" spans="8:8">
      <c r="H244174" s="12"/>
    </row>
    <row r="244175" spans="8:8">
      <c r="H244175" s="12"/>
    </row>
    <row r="244176" spans="8:8">
      <c r="H244176" s="12"/>
    </row>
    <row r="244177" spans="8:8">
      <c r="H244177" s="12"/>
    </row>
    <row r="244178" spans="8:8">
      <c r="H244178" s="12"/>
    </row>
    <row r="244179" spans="8:8">
      <c r="H244179" s="12"/>
    </row>
    <row r="244180" spans="8:8">
      <c r="H244180" s="12"/>
    </row>
    <row r="244181" spans="8:8">
      <c r="H244181" s="12"/>
    </row>
    <row r="244182" spans="8:8">
      <c r="H244182" s="12"/>
    </row>
    <row r="244183" spans="8:8">
      <c r="H244183" s="12"/>
    </row>
    <row r="244184" spans="8:8">
      <c r="H244184" s="12"/>
    </row>
    <row r="244185" spans="8:8">
      <c r="H244185" s="12"/>
    </row>
    <row r="244186" spans="8:8">
      <c r="H244186" s="12"/>
    </row>
    <row r="244187" spans="8:8">
      <c r="H244187" s="12"/>
    </row>
    <row r="244188" spans="8:8">
      <c r="H244188" s="12"/>
    </row>
    <row r="244189" spans="8:8">
      <c r="H244189" s="12"/>
    </row>
    <row r="244190" spans="8:8">
      <c r="H244190" s="12"/>
    </row>
    <row r="244191" spans="8:8">
      <c r="H244191" s="12"/>
    </row>
    <row r="244192" spans="8:8">
      <c r="H244192" s="12"/>
    </row>
    <row r="244193" spans="8:8">
      <c r="H244193" s="12"/>
    </row>
    <row r="244194" spans="8:8">
      <c r="H244194" s="12"/>
    </row>
    <row r="244195" spans="8:8">
      <c r="H244195" s="12"/>
    </row>
    <row r="244196" spans="8:8">
      <c r="H244196" s="12"/>
    </row>
    <row r="244197" spans="8:8">
      <c r="H244197" s="12"/>
    </row>
    <row r="244198" spans="8:8">
      <c r="H244198" s="12"/>
    </row>
    <row r="244199" spans="8:8">
      <c r="H244199" s="12"/>
    </row>
    <row r="244200" spans="8:8">
      <c r="H244200" s="12"/>
    </row>
    <row r="244201" spans="8:8">
      <c r="H244201" s="12"/>
    </row>
    <row r="244202" spans="8:8">
      <c r="H244202" s="12"/>
    </row>
    <row r="244203" spans="8:8">
      <c r="H244203" s="12"/>
    </row>
    <row r="244204" spans="8:8">
      <c r="H244204" s="12"/>
    </row>
    <row r="244205" spans="8:8">
      <c r="H244205" s="12"/>
    </row>
    <row r="244206" spans="8:8">
      <c r="H244206" s="12"/>
    </row>
    <row r="244207" spans="8:8">
      <c r="H244207" s="12"/>
    </row>
    <row r="244208" spans="8:8">
      <c r="H244208" s="12"/>
    </row>
    <row r="244209" spans="8:8">
      <c r="H244209" s="12"/>
    </row>
    <row r="244210" spans="8:8">
      <c r="H244210" s="12"/>
    </row>
    <row r="244211" spans="8:8">
      <c r="H244211" s="12"/>
    </row>
    <row r="244212" spans="8:8">
      <c r="H244212" s="12"/>
    </row>
    <row r="244213" spans="8:8">
      <c r="H244213" s="12"/>
    </row>
    <row r="244214" spans="8:8">
      <c r="H244214" s="12"/>
    </row>
    <row r="244215" spans="8:8">
      <c r="H244215" s="12"/>
    </row>
    <row r="244216" spans="8:8">
      <c r="H244216" s="12"/>
    </row>
    <row r="244217" spans="8:8">
      <c r="H244217" s="12"/>
    </row>
    <row r="244218" spans="8:8">
      <c r="H244218" s="12"/>
    </row>
    <row r="244219" spans="8:8">
      <c r="H244219" s="12"/>
    </row>
    <row r="244220" spans="8:8">
      <c r="H244220" s="12"/>
    </row>
    <row r="244221" spans="8:8">
      <c r="H244221" s="12"/>
    </row>
    <row r="244222" spans="8:8">
      <c r="H244222" s="12"/>
    </row>
    <row r="244223" spans="8:8">
      <c r="H244223" s="12"/>
    </row>
    <row r="244224" spans="8:8">
      <c r="H244224" s="12"/>
    </row>
    <row r="244225" spans="8:8">
      <c r="H244225" s="12"/>
    </row>
    <row r="244226" spans="8:8">
      <c r="H244226" s="12"/>
    </row>
    <row r="244227" spans="8:8">
      <c r="H244227" s="12"/>
    </row>
    <row r="244228" spans="8:8">
      <c r="H244228" s="12"/>
    </row>
    <row r="244229" spans="8:8">
      <c r="H244229" s="12"/>
    </row>
    <row r="244230" spans="8:8">
      <c r="H244230" s="12"/>
    </row>
    <row r="244231" spans="8:8">
      <c r="H244231" s="12"/>
    </row>
    <row r="244232" spans="8:8">
      <c r="H244232" s="12"/>
    </row>
    <row r="244233" spans="8:8">
      <c r="H244233" s="12"/>
    </row>
    <row r="244234" spans="8:8">
      <c r="H244234" s="12"/>
    </row>
    <row r="244235" spans="8:8">
      <c r="H244235" s="12"/>
    </row>
    <row r="244236" spans="8:8">
      <c r="H244236" s="12"/>
    </row>
    <row r="244237" spans="8:8">
      <c r="H244237" s="12"/>
    </row>
    <row r="244238" spans="8:8">
      <c r="H244238" s="12"/>
    </row>
    <row r="244239" spans="8:8">
      <c r="H244239" s="12"/>
    </row>
    <row r="244240" spans="8:8">
      <c r="H244240" s="12"/>
    </row>
    <row r="244241" spans="8:8">
      <c r="H244241" s="12"/>
    </row>
    <row r="244242" spans="8:8">
      <c r="H244242" s="12"/>
    </row>
    <row r="244243" spans="8:8">
      <c r="H244243" s="12"/>
    </row>
    <row r="244244" spans="8:8">
      <c r="H244244" s="12"/>
    </row>
    <row r="244245" spans="8:8">
      <c r="H244245" s="12"/>
    </row>
    <row r="244246" spans="8:8">
      <c r="H244246" s="12"/>
    </row>
    <row r="244247" spans="8:8">
      <c r="H244247" s="12"/>
    </row>
    <row r="244248" spans="8:8">
      <c r="H244248" s="12"/>
    </row>
    <row r="244249" spans="8:8">
      <c r="H244249" s="12"/>
    </row>
    <row r="244250" spans="8:8">
      <c r="H244250" s="12"/>
    </row>
    <row r="244251" spans="8:8">
      <c r="H244251" s="12"/>
    </row>
    <row r="244252" spans="8:8">
      <c r="H244252" s="12"/>
    </row>
    <row r="244253" spans="8:8">
      <c r="H244253" s="12"/>
    </row>
    <row r="244254" spans="8:8">
      <c r="H244254" s="12"/>
    </row>
    <row r="244255" spans="8:8">
      <c r="H244255" s="12"/>
    </row>
    <row r="244256" spans="8:8">
      <c r="H244256" s="12"/>
    </row>
    <row r="244257" spans="8:8">
      <c r="H244257" s="12"/>
    </row>
    <row r="244258" spans="8:8">
      <c r="H244258" s="12"/>
    </row>
    <row r="244259" spans="8:8">
      <c r="H244259" s="12"/>
    </row>
    <row r="244260" spans="8:8">
      <c r="H244260" s="12"/>
    </row>
    <row r="244261" spans="8:8">
      <c r="H244261" s="12"/>
    </row>
    <row r="244262" spans="8:8">
      <c r="H244262" s="12"/>
    </row>
    <row r="244263" spans="8:8">
      <c r="H244263" s="12"/>
    </row>
    <row r="244264" spans="8:8">
      <c r="H244264" s="12"/>
    </row>
    <row r="244265" spans="8:8">
      <c r="H244265" s="12"/>
    </row>
    <row r="244266" spans="8:8">
      <c r="H244266" s="12"/>
    </row>
    <row r="244267" spans="8:8">
      <c r="H244267" s="12"/>
    </row>
    <row r="244268" spans="8:8">
      <c r="H244268" s="12"/>
    </row>
    <row r="244269" spans="8:8">
      <c r="H244269" s="12"/>
    </row>
    <row r="244270" spans="8:8">
      <c r="H244270" s="12"/>
    </row>
    <row r="244271" spans="8:8">
      <c r="H244271" s="12"/>
    </row>
    <row r="244272" spans="8:8">
      <c r="H244272" s="12"/>
    </row>
    <row r="244273" spans="8:8">
      <c r="H244273" s="12"/>
    </row>
    <row r="244274" spans="8:8">
      <c r="H244274" s="12"/>
    </row>
    <row r="244275" spans="8:8">
      <c r="H244275" s="12"/>
    </row>
    <row r="244276" spans="8:8">
      <c r="H244276" s="12"/>
    </row>
    <row r="244277" spans="8:8">
      <c r="H244277" s="12"/>
    </row>
    <row r="244278" spans="8:8">
      <c r="H244278" s="12"/>
    </row>
    <row r="244279" spans="8:8">
      <c r="H244279" s="12"/>
    </row>
    <row r="244280" spans="8:8">
      <c r="H244280" s="12"/>
    </row>
    <row r="244281" spans="8:8">
      <c r="H244281" s="12"/>
    </row>
    <row r="244282" spans="8:8">
      <c r="H244282" s="12"/>
    </row>
    <row r="244283" spans="8:8">
      <c r="H244283" s="12"/>
    </row>
    <row r="244284" spans="8:8">
      <c r="H244284" s="12"/>
    </row>
    <row r="244285" spans="8:8">
      <c r="H244285" s="12"/>
    </row>
    <row r="244286" spans="8:8">
      <c r="H244286" s="12"/>
    </row>
    <row r="244287" spans="8:8">
      <c r="H244287" s="12"/>
    </row>
    <row r="244288" spans="8:8">
      <c r="H244288" s="12"/>
    </row>
    <row r="244289" spans="8:8">
      <c r="H244289" s="12"/>
    </row>
    <row r="244290" spans="8:8">
      <c r="H244290" s="12"/>
    </row>
    <row r="244291" spans="8:8">
      <c r="H244291" s="12"/>
    </row>
    <row r="244292" spans="8:8">
      <c r="H244292" s="12"/>
    </row>
    <row r="244293" spans="8:8">
      <c r="H244293" s="12"/>
    </row>
    <row r="244294" spans="8:8">
      <c r="H244294" s="12"/>
    </row>
    <row r="244295" spans="8:8">
      <c r="H244295" s="12"/>
    </row>
    <row r="244296" spans="8:8">
      <c r="H244296" s="12"/>
    </row>
    <row r="244297" spans="8:8">
      <c r="H244297" s="12"/>
    </row>
    <row r="244298" spans="8:8">
      <c r="H244298" s="12"/>
    </row>
    <row r="244299" spans="8:8">
      <c r="H244299" s="12"/>
    </row>
    <row r="244300" spans="8:8">
      <c r="H244300" s="12"/>
    </row>
    <row r="244301" spans="8:8">
      <c r="H244301" s="12"/>
    </row>
    <row r="244302" spans="8:8">
      <c r="H244302" s="12"/>
    </row>
    <row r="244303" spans="8:8">
      <c r="H244303" s="12"/>
    </row>
    <row r="244304" spans="8:8">
      <c r="H244304" s="12"/>
    </row>
    <row r="244305" spans="8:8">
      <c r="H244305" s="12"/>
    </row>
    <row r="244306" spans="8:8">
      <c r="H244306" s="12"/>
    </row>
    <row r="244307" spans="8:8">
      <c r="H244307" s="12"/>
    </row>
    <row r="244308" spans="8:8">
      <c r="H244308" s="12"/>
    </row>
    <row r="244309" spans="8:8">
      <c r="H244309" s="12"/>
    </row>
    <row r="244310" spans="8:8">
      <c r="H244310" s="12"/>
    </row>
    <row r="244311" spans="8:8">
      <c r="H244311" s="12"/>
    </row>
    <row r="244312" spans="8:8">
      <c r="H244312" s="12"/>
    </row>
    <row r="244313" spans="8:8">
      <c r="H244313" s="12"/>
    </row>
    <row r="244314" spans="8:8">
      <c r="H244314" s="12"/>
    </row>
    <row r="244315" spans="8:8">
      <c r="H244315" s="12"/>
    </row>
    <row r="244316" spans="8:8">
      <c r="H244316" s="12"/>
    </row>
    <row r="244317" spans="8:8">
      <c r="H244317" s="12"/>
    </row>
    <row r="244318" spans="8:8">
      <c r="H244318" s="12"/>
    </row>
    <row r="244319" spans="8:8">
      <c r="H244319" s="12"/>
    </row>
    <row r="244320" spans="8:8">
      <c r="H244320" s="12"/>
    </row>
    <row r="244321" spans="8:8">
      <c r="H244321" s="12"/>
    </row>
    <row r="244322" spans="8:8">
      <c r="H244322" s="12"/>
    </row>
    <row r="244323" spans="8:8">
      <c r="H244323" s="12"/>
    </row>
    <row r="244324" spans="8:8">
      <c r="H244324" s="12"/>
    </row>
    <row r="244325" spans="8:8">
      <c r="H244325" s="12"/>
    </row>
    <row r="244326" spans="8:8">
      <c r="H244326" s="12"/>
    </row>
    <row r="244327" spans="8:8">
      <c r="H244327" s="12"/>
    </row>
    <row r="244328" spans="8:8">
      <c r="H244328" s="12"/>
    </row>
    <row r="244329" spans="8:8">
      <c r="H244329" s="12"/>
    </row>
    <row r="244330" spans="8:8">
      <c r="H244330" s="12"/>
    </row>
    <row r="244331" spans="8:8">
      <c r="H244331" s="12"/>
    </row>
    <row r="244332" spans="8:8">
      <c r="H244332" s="12"/>
    </row>
    <row r="244333" spans="8:8">
      <c r="H244333" s="12"/>
    </row>
    <row r="244334" spans="8:8">
      <c r="H244334" s="12"/>
    </row>
    <row r="244335" spans="8:8">
      <c r="H244335" s="12"/>
    </row>
    <row r="244336" spans="8:8">
      <c r="H244336" s="12"/>
    </row>
    <row r="244337" spans="8:8">
      <c r="H244337" s="12"/>
    </row>
    <row r="244338" spans="8:8">
      <c r="H244338" s="12"/>
    </row>
    <row r="244339" spans="8:8">
      <c r="H244339" s="12"/>
    </row>
    <row r="244340" spans="8:8">
      <c r="H244340" s="12"/>
    </row>
    <row r="244341" spans="8:8">
      <c r="H244341" s="12"/>
    </row>
    <row r="244342" spans="8:8">
      <c r="H244342" s="12"/>
    </row>
    <row r="244343" spans="8:8">
      <c r="H244343" s="12"/>
    </row>
    <row r="244344" spans="8:8">
      <c r="H244344" s="12"/>
    </row>
    <row r="244345" spans="8:8">
      <c r="H244345" s="12"/>
    </row>
    <row r="244346" spans="8:8">
      <c r="H244346" s="12"/>
    </row>
    <row r="244347" spans="8:8">
      <c r="H244347" s="12"/>
    </row>
    <row r="244348" spans="8:8">
      <c r="H244348" s="12"/>
    </row>
    <row r="244349" spans="8:8">
      <c r="H244349" s="12"/>
    </row>
    <row r="244350" spans="8:8">
      <c r="H244350" s="12"/>
    </row>
    <row r="244351" spans="8:8">
      <c r="H244351" s="12"/>
    </row>
    <row r="244352" spans="8:8">
      <c r="H244352" s="12"/>
    </row>
    <row r="244353" spans="8:8">
      <c r="H244353" s="12"/>
    </row>
    <row r="244354" spans="8:8">
      <c r="H244354" s="12"/>
    </row>
    <row r="244355" spans="8:8">
      <c r="H244355" s="12"/>
    </row>
    <row r="244356" spans="8:8">
      <c r="H244356" s="12"/>
    </row>
    <row r="244357" spans="8:8">
      <c r="H244357" s="12"/>
    </row>
    <row r="244358" spans="8:8">
      <c r="H244358" s="12"/>
    </row>
    <row r="244359" spans="8:8">
      <c r="H244359" s="12"/>
    </row>
    <row r="244360" spans="8:8">
      <c r="H244360" s="12"/>
    </row>
    <row r="244361" spans="8:8">
      <c r="H244361" s="12"/>
    </row>
    <row r="244362" spans="8:8">
      <c r="H244362" s="12"/>
    </row>
    <row r="244363" spans="8:8">
      <c r="H244363" s="12"/>
    </row>
    <row r="244364" spans="8:8">
      <c r="H244364" s="12"/>
    </row>
    <row r="244365" spans="8:8">
      <c r="H244365" s="12"/>
    </row>
    <row r="244366" spans="8:8">
      <c r="H244366" s="12"/>
    </row>
    <row r="244367" spans="8:8">
      <c r="H244367" s="12"/>
    </row>
    <row r="244368" spans="8:8">
      <c r="H244368" s="12"/>
    </row>
    <row r="244369" spans="8:8">
      <c r="H244369" s="12"/>
    </row>
    <row r="244370" spans="8:8">
      <c r="H244370" s="12"/>
    </row>
    <row r="244371" spans="8:8">
      <c r="H244371" s="12"/>
    </row>
    <row r="244372" spans="8:8">
      <c r="H244372" s="12"/>
    </row>
    <row r="244373" spans="8:8">
      <c r="H244373" s="12"/>
    </row>
    <row r="244374" spans="8:8">
      <c r="H244374" s="12"/>
    </row>
    <row r="244375" spans="8:8">
      <c r="H244375" s="12"/>
    </row>
    <row r="244376" spans="8:8">
      <c r="H244376" s="12"/>
    </row>
    <row r="244377" spans="8:8">
      <c r="H244377" s="12"/>
    </row>
    <row r="244378" spans="8:8">
      <c r="H244378" s="12"/>
    </row>
    <row r="244379" spans="8:8">
      <c r="H244379" s="12"/>
    </row>
    <row r="244380" spans="8:8">
      <c r="H244380" s="12"/>
    </row>
    <row r="244381" spans="8:8">
      <c r="H244381" s="12"/>
    </row>
    <row r="244382" spans="8:8">
      <c r="H244382" s="12"/>
    </row>
    <row r="244383" spans="8:8">
      <c r="H244383" s="12"/>
    </row>
    <row r="244384" spans="8:8">
      <c r="H244384" s="12"/>
    </row>
    <row r="244385" spans="8:8">
      <c r="H244385" s="12"/>
    </row>
    <row r="244386" spans="8:8">
      <c r="H244386" s="12"/>
    </row>
    <row r="244387" spans="8:8">
      <c r="H244387" s="12"/>
    </row>
    <row r="244388" spans="8:8">
      <c r="H244388" s="12"/>
    </row>
    <row r="244389" spans="8:8">
      <c r="H244389" s="12"/>
    </row>
    <row r="244390" spans="8:8">
      <c r="H244390" s="12"/>
    </row>
    <row r="244391" spans="8:8">
      <c r="H244391" s="12"/>
    </row>
    <row r="244392" spans="8:8">
      <c r="H244392" s="12"/>
    </row>
    <row r="244393" spans="8:8">
      <c r="H244393" s="12"/>
    </row>
    <row r="244394" spans="8:8">
      <c r="H244394" s="12"/>
    </row>
    <row r="244395" spans="8:8">
      <c r="H244395" s="12"/>
    </row>
    <row r="244396" spans="8:8">
      <c r="H244396" s="12"/>
    </row>
    <row r="244397" spans="8:8">
      <c r="H244397" s="12"/>
    </row>
    <row r="244398" spans="8:8">
      <c r="H244398" s="12"/>
    </row>
    <row r="244399" spans="8:8">
      <c r="H244399" s="12"/>
    </row>
    <row r="244400" spans="8:8">
      <c r="H244400" s="12"/>
    </row>
    <row r="244401" spans="8:8">
      <c r="H244401" s="12"/>
    </row>
    <row r="244402" spans="8:8">
      <c r="H244402" s="12"/>
    </row>
    <row r="244403" spans="8:8">
      <c r="H244403" s="12"/>
    </row>
    <row r="244404" spans="8:8">
      <c r="H244404" s="12"/>
    </row>
    <row r="244405" spans="8:8">
      <c r="H244405" s="12"/>
    </row>
    <row r="244406" spans="8:8">
      <c r="H244406" s="12"/>
    </row>
    <row r="244407" spans="8:8">
      <c r="H244407" s="12"/>
    </row>
    <row r="244408" spans="8:8">
      <c r="H244408" s="12"/>
    </row>
    <row r="244409" spans="8:8">
      <c r="H244409" s="12"/>
    </row>
    <row r="244410" spans="8:8">
      <c r="H244410" s="12"/>
    </row>
    <row r="244411" spans="8:8">
      <c r="H244411" s="12"/>
    </row>
    <row r="244412" spans="8:8">
      <c r="H244412" s="12"/>
    </row>
    <row r="244413" spans="8:8">
      <c r="H244413" s="12"/>
    </row>
    <row r="244414" spans="8:8">
      <c r="H244414" s="12"/>
    </row>
    <row r="244415" spans="8:8">
      <c r="H244415" s="12"/>
    </row>
    <row r="244416" spans="8:8">
      <c r="H244416" s="12"/>
    </row>
    <row r="244417" spans="8:8">
      <c r="H244417" s="12"/>
    </row>
    <row r="244418" spans="8:8">
      <c r="H244418" s="12"/>
    </row>
    <row r="244419" spans="8:8">
      <c r="H244419" s="12"/>
    </row>
    <row r="244420" spans="8:8">
      <c r="H244420" s="12"/>
    </row>
    <row r="244421" spans="8:8">
      <c r="H244421" s="12"/>
    </row>
    <row r="244422" spans="8:8">
      <c r="H244422" s="12"/>
    </row>
    <row r="244423" spans="8:8">
      <c r="H244423" s="12"/>
    </row>
    <row r="244424" spans="8:8">
      <c r="H244424" s="12"/>
    </row>
    <row r="244425" spans="8:8">
      <c r="H244425" s="12"/>
    </row>
    <row r="244426" spans="8:8">
      <c r="H244426" s="12"/>
    </row>
    <row r="244427" spans="8:8">
      <c r="H244427" s="12"/>
    </row>
    <row r="244428" spans="8:8">
      <c r="H244428" s="12"/>
    </row>
    <row r="244429" spans="8:8">
      <c r="H244429" s="12"/>
    </row>
    <row r="244430" spans="8:8">
      <c r="H244430" s="12"/>
    </row>
    <row r="244431" spans="8:8">
      <c r="H244431" s="12"/>
    </row>
    <row r="244432" spans="8:8">
      <c r="H244432" s="12"/>
    </row>
    <row r="244433" spans="8:8">
      <c r="H244433" s="12"/>
    </row>
    <row r="244434" spans="8:8">
      <c r="H244434" s="12"/>
    </row>
    <row r="244435" spans="8:8">
      <c r="H244435" s="12"/>
    </row>
    <row r="244436" spans="8:8">
      <c r="H244436" s="12"/>
    </row>
    <row r="244437" spans="8:8">
      <c r="H244437" s="12"/>
    </row>
    <row r="244438" spans="8:8">
      <c r="H244438" s="12"/>
    </row>
    <row r="244439" spans="8:8">
      <c r="H244439" s="12"/>
    </row>
    <row r="244440" spans="8:8">
      <c r="H244440" s="12"/>
    </row>
    <row r="244441" spans="8:8">
      <c r="H244441" s="12"/>
    </row>
    <row r="244442" spans="8:8">
      <c r="H244442" s="12"/>
    </row>
    <row r="244443" spans="8:8">
      <c r="H244443" s="12"/>
    </row>
    <row r="244444" spans="8:8">
      <c r="H244444" s="12"/>
    </row>
    <row r="244445" spans="8:8">
      <c r="H244445" s="12"/>
    </row>
    <row r="244446" spans="8:8">
      <c r="H244446" s="12"/>
    </row>
    <row r="244447" spans="8:8">
      <c r="H244447" s="12"/>
    </row>
    <row r="244448" spans="8:8">
      <c r="H244448" s="12"/>
    </row>
    <row r="244449" spans="8:8">
      <c r="H244449" s="12"/>
    </row>
    <row r="244450" spans="8:8">
      <c r="H244450" s="12"/>
    </row>
    <row r="244451" spans="8:8">
      <c r="H244451" s="12"/>
    </row>
    <row r="244452" spans="8:8">
      <c r="H244452" s="12"/>
    </row>
    <row r="244453" spans="8:8">
      <c r="H244453" s="12"/>
    </row>
    <row r="244454" spans="8:8">
      <c r="H244454" s="12"/>
    </row>
    <row r="244455" spans="8:8">
      <c r="H244455" s="12"/>
    </row>
    <row r="244456" spans="8:8">
      <c r="H244456" s="12"/>
    </row>
    <row r="244457" spans="8:8">
      <c r="H244457" s="12"/>
    </row>
    <row r="244458" spans="8:8">
      <c r="H244458" s="12"/>
    </row>
    <row r="244459" spans="8:8">
      <c r="H244459" s="12"/>
    </row>
    <row r="244460" spans="8:8">
      <c r="H244460" s="12"/>
    </row>
    <row r="244461" spans="8:8">
      <c r="H244461" s="12"/>
    </row>
    <row r="244462" spans="8:8">
      <c r="H244462" s="12"/>
    </row>
    <row r="244463" spans="8:8">
      <c r="H244463" s="12"/>
    </row>
    <row r="244464" spans="8:8">
      <c r="H244464" s="12"/>
    </row>
    <row r="244465" spans="8:8">
      <c r="H244465" s="12"/>
    </row>
    <row r="244466" spans="8:8">
      <c r="H244466" s="12"/>
    </row>
    <row r="244467" spans="8:8">
      <c r="H244467" s="12"/>
    </row>
    <row r="244468" spans="8:8">
      <c r="H244468" s="12"/>
    </row>
    <row r="244469" spans="8:8">
      <c r="H244469" s="12"/>
    </row>
    <row r="244470" spans="8:8">
      <c r="H244470" s="12"/>
    </row>
    <row r="244471" spans="8:8">
      <c r="H244471" s="12"/>
    </row>
    <row r="244472" spans="8:8">
      <c r="H244472" s="12"/>
    </row>
    <row r="244473" spans="8:8">
      <c r="H244473" s="12"/>
    </row>
    <row r="244474" spans="8:8">
      <c r="H244474" s="12"/>
    </row>
    <row r="244475" spans="8:8">
      <c r="H244475" s="12"/>
    </row>
    <row r="244476" spans="8:8">
      <c r="H244476" s="12"/>
    </row>
    <row r="244477" spans="8:8">
      <c r="H244477" s="12"/>
    </row>
    <row r="244478" spans="8:8">
      <c r="H244478" s="12"/>
    </row>
    <row r="244479" spans="8:8">
      <c r="H244479" s="12"/>
    </row>
    <row r="244480" spans="8:8">
      <c r="H244480" s="12"/>
    </row>
    <row r="244481" spans="8:8">
      <c r="H244481" s="12"/>
    </row>
    <row r="244482" spans="8:8">
      <c r="H244482" s="12"/>
    </row>
    <row r="244483" spans="8:8">
      <c r="H244483" s="12"/>
    </row>
    <row r="244484" spans="8:8">
      <c r="H244484" s="12"/>
    </row>
    <row r="244485" spans="8:8">
      <c r="H244485" s="12"/>
    </row>
    <row r="244486" spans="8:8">
      <c r="H244486" s="12"/>
    </row>
    <row r="244487" spans="8:8">
      <c r="H244487" s="12"/>
    </row>
    <row r="244488" spans="8:8">
      <c r="H244488" s="12"/>
    </row>
    <row r="244489" spans="8:8">
      <c r="H244489" s="12"/>
    </row>
    <row r="244490" spans="8:8">
      <c r="H244490" s="12"/>
    </row>
    <row r="244491" spans="8:8">
      <c r="H244491" s="12"/>
    </row>
    <row r="244492" spans="8:8">
      <c r="H244492" s="12"/>
    </row>
    <row r="244493" spans="8:8">
      <c r="H244493" s="12"/>
    </row>
    <row r="244494" spans="8:8">
      <c r="H244494" s="12"/>
    </row>
    <row r="244495" spans="8:8">
      <c r="H244495" s="12"/>
    </row>
    <row r="244496" spans="8:8">
      <c r="H244496" s="12"/>
    </row>
    <row r="244497" spans="8:8">
      <c r="H244497" s="12"/>
    </row>
    <row r="244498" spans="8:8">
      <c r="H244498" s="12"/>
    </row>
    <row r="244499" spans="8:8">
      <c r="H244499" s="12"/>
    </row>
    <row r="244500" spans="8:8">
      <c r="H244500" s="12"/>
    </row>
    <row r="244501" spans="8:8">
      <c r="H244501" s="12"/>
    </row>
    <row r="244502" spans="8:8">
      <c r="H244502" s="12"/>
    </row>
    <row r="244503" spans="8:8">
      <c r="H244503" s="12"/>
    </row>
    <row r="244504" spans="8:8">
      <c r="H244504" s="12"/>
    </row>
    <row r="244505" spans="8:8">
      <c r="H244505" s="12"/>
    </row>
    <row r="244506" spans="8:8">
      <c r="H244506" s="12"/>
    </row>
    <row r="244507" spans="8:8">
      <c r="H244507" s="12"/>
    </row>
    <row r="244508" spans="8:8">
      <c r="H244508" s="12"/>
    </row>
    <row r="244509" spans="8:8">
      <c r="H244509" s="12"/>
    </row>
    <row r="244510" spans="8:8">
      <c r="H244510" s="12"/>
    </row>
    <row r="244511" spans="8:8">
      <c r="H244511" s="12"/>
    </row>
    <row r="244512" spans="8:8">
      <c r="H244512" s="12"/>
    </row>
    <row r="244513" spans="8:8">
      <c r="H244513" s="12"/>
    </row>
    <row r="244514" spans="8:8">
      <c r="H244514" s="12"/>
    </row>
    <row r="244515" spans="8:8">
      <c r="H244515" s="12"/>
    </row>
    <row r="244516" spans="8:8">
      <c r="H244516" s="12"/>
    </row>
    <row r="244517" spans="8:8">
      <c r="H244517" s="12"/>
    </row>
    <row r="244518" spans="8:8">
      <c r="H244518" s="12"/>
    </row>
    <row r="244519" spans="8:8">
      <c r="H244519" s="12"/>
    </row>
    <row r="244520" spans="8:8">
      <c r="H244520" s="12"/>
    </row>
    <row r="244521" spans="8:8">
      <c r="H244521" s="12"/>
    </row>
    <row r="244522" spans="8:8">
      <c r="H244522" s="12"/>
    </row>
    <row r="244523" spans="8:8">
      <c r="H244523" s="12"/>
    </row>
    <row r="244524" spans="8:8">
      <c r="H244524" s="12"/>
    </row>
    <row r="244525" spans="8:8">
      <c r="H244525" s="12"/>
    </row>
    <row r="244526" spans="8:8">
      <c r="H244526" s="12"/>
    </row>
    <row r="244527" spans="8:8">
      <c r="H244527" s="12"/>
    </row>
    <row r="244528" spans="8:8">
      <c r="H244528" s="12"/>
    </row>
    <row r="244529" spans="8:8">
      <c r="H244529" s="12"/>
    </row>
    <row r="244530" spans="8:8">
      <c r="H244530" s="12"/>
    </row>
    <row r="244531" spans="8:8">
      <c r="H244531" s="12"/>
    </row>
    <row r="244532" spans="8:8">
      <c r="H244532" s="12"/>
    </row>
    <row r="244533" spans="8:8">
      <c r="H244533" s="12"/>
    </row>
    <row r="244534" spans="8:8">
      <c r="H244534" s="12"/>
    </row>
    <row r="244535" spans="8:8">
      <c r="H244535" s="12"/>
    </row>
    <row r="244536" spans="8:8">
      <c r="H244536" s="12"/>
    </row>
    <row r="244537" spans="8:8">
      <c r="H244537" s="12"/>
    </row>
    <row r="244538" spans="8:8">
      <c r="H244538" s="12"/>
    </row>
    <row r="244539" spans="8:8">
      <c r="H244539" s="12"/>
    </row>
    <row r="244540" spans="8:8">
      <c r="H244540" s="12"/>
    </row>
    <row r="244541" spans="8:8">
      <c r="H244541" s="12"/>
    </row>
    <row r="244542" spans="8:8">
      <c r="H244542" s="12"/>
    </row>
    <row r="244543" spans="8:8">
      <c r="H244543" s="12"/>
    </row>
    <row r="244544" spans="8:8">
      <c r="H244544" s="12"/>
    </row>
    <row r="244545" spans="8:8">
      <c r="H244545" s="12"/>
    </row>
    <row r="244546" spans="8:8">
      <c r="H244546" s="12"/>
    </row>
    <row r="244547" spans="8:8">
      <c r="H244547" s="12"/>
    </row>
    <row r="244548" spans="8:8">
      <c r="H244548" s="12"/>
    </row>
    <row r="244549" spans="8:8">
      <c r="H244549" s="12"/>
    </row>
    <row r="244550" spans="8:8">
      <c r="H244550" s="12"/>
    </row>
    <row r="244551" spans="8:8">
      <c r="H244551" s="12"/>
    </row>
    <row r="244552" spans="8:8">
      <c r="H244552" s="12"/>
    </row>
    <row r="244553" spans="8:8">
      <c r="H244553" s="12"/>
    </row>
    <row r="244554" spans="8:8">
      <c r="H244554" s="12"/>
    </row>
    <row r="244555" spans="8:8">
      <c r="H244555" s="12"/>
    </row>
    <row r="244556" spans="8:8">
      <c r="H244556" s="12"/>
    </row>
    <row r="244557" spans="8:8">
      <c r="H244557" s="12"/>
    </row>
    <row r="244558" spans="8:8">
      <c r="H244558" s="12"/>
    </row>
    <row r="244559" spans="8:8">
      <c r="H244559" s="12"/>
    </row>
    <row r="244560" spans="8:8">
      <c r="H244560" s="12"/>
    </row>
    <row r="244561" spans="8:8">
      <c r="H244561" s="12"/>
    </row>
    <row r="244562" spans="8:8">
      <c r="H244562" s="12"/>
    </row>
    <row r="244563" spans="8:8">
      <c r="H244563" s="12"/>
    </row>
    <row r="244564" spans="8:8">
      <c r="H244564" s="12"/>
    </row>
    <row r="244565" spans="8:8">
      <c r="H244565" s="12"/>
    </row>
    <row r="244566" spans="8:8">
      <c r="H244566" s="12"/>
    </row>
    <row r="244567" spans="8:8">
      <c r="H244567" s="12"/>
    </row>
    <row r="244568" spans="8:8">
      <c r="H244568" s="12"/>
    </row>
    <row r="244569" spans="8:8">
      <c r="H244569" s="12"/>
    </row>
    <row r="244570" spans="8:8">
      <c r="H244570" s="12"/>
    </row>
    <row r="244571" spans="8:8">
      <c r="H244571" s="12"/>
    </row>
    <row r="244572" spans="8:8">
      <c r="H244572" s="12"/>
    </row>
    <row r="244573" spans="8:8">
      <c r="H244573" s="12"/>
    </row>
    <row r="244574" spans="8:8">
      <c r="H244574" s="12"/>
    </row>
    <row r="244575" spans="8:8">
      <c r="H244575" s="12"/>
    </row>
    <row r="244576" spans="8:8">
      <c r="H244576" s="12"/>
    </row>
    <row r="244577" spans="8:8">
      <c r="H244577" s="12"/>
    </row>
    <row r="244578" spans="8:8">
      <c r="H244578" s="12"/>
    </row>
    <row r="244579" spans="8:8">
      <c r="H244579" s="12"/>
    </row>
    <row r="244580" spans="8:8">
      <c r="H244580" s="12"/>
    </row>
    <row r="244581" spans="8:8">
      <c r="H244581" s="12"/>
    </row>
    <row r="244582" spans="8:8">
      <c r="H244582" s="12"/>
    </row>
    <row r="244583" spans="8:8">
      <c r="H244583" s="12"/>
    </row>
    <row r="244584" spans="8:8">
      <c r="H244584" s="12"/>
    </row>
    <row r="244585" spans="8:8">
      <c r="H244585" s="12"/>
    </row>
    <row r="244586" spans="8:8">
      <c r="H244586" s="12"/>
    </row>
    <row r="244587" spans="8:8">
      <c r="H244587" s="12"/>
    </row>
    <row r="244588" spans="8:8">
      <c r="H244588" s="12"/>
    </row>
    <row r="244589" spans="8:8">
      <c r="H244589" s="12"/>
    </row>
    <row r="244590" spans="8:8">
      <c r="H244590" s="12"/>
    </row>
    <row r="244591" spans="8:8">
      <c r="H244591" s="12"/>
    </row>
    <row r="244592" spans="8:8">
      <c r="H244592" s="12"/>
    </row>
    <row r="244593" spans="8:8">
      <c r="H244593" s="12"/>
    </row>
    <row r="244594" spans="8:8">
      <c r="H244594" s="12"/>
    </row>
    <row r="244595" spans="8:8">
      <c r="H244595" s="12"/>
    </row>
    <row r="244596" spans="8:8">
      <c r="H244596" s="12"/>
    </row>
    <row r="244597" spans="8:8">
      <c r="H244597" s="12"/>
    </row>
    <row r="244598" spans="8:8">
      <c r="H244598" s="12"/>
    </row>
    <row r="244599" spans="8:8">
      <c r="H244599" s="12"/>
    </row>
    <row r="244600" spans="8:8">
      <c r="H244600" s="12"/>
    </row>
    <row r="244601" spans="8:8">
      <c r="H244601" s="12"/>
    </row>
    <row r="244602" spans="8:8">
      <c r="H244602" s="12"/>
    </row>
    <row r="244603" spans="8:8">
      <c r="H244603" s="12"/>
    </row>
    <row r="244604" spans="8:8">
      <c r="H244604" s="12"/>
    </row>
    <row r="244605" spans="8:8">
      <c r="H244605" s="12"/>
    </row>
    <row r="244606" spans="8:8">
      <c r="H244606" s="12"/>
    </row>
    <row r="244607" spans="8:8">
      <c r="H244607" s="12"/>
    </row>
    <row r="244608" spans="8:8">
      <c r="H244608" s="12"/>
    </row>
    <row r="244609" spans="8:8">
      <c r="H244609" s="12"/>
    </row>
    <row r="244610" spans="8:8">
      <c r="H244610" s="12"/>
    </row>
    <row r="244611" spans="8:8">
      <c r="H244611" s="12"/>
    </row>
    <row r="244612" spans="8:8">
      <c r="H244612" s="12"/>
    </row>
    <row r="244613" spans="8:8">
      <c r="H244613" s="12"/>
    </row>
    <row r="244614" spans="8:8">
      <c r="H244614" s="12"/>
    </row>
    <row r="244615" spans="8:8">
      <c r="H244615" s="12"/>
    </row>
    <row r="244616" spans="8:8">
      <c r="H244616" s="12"/>
    </row>
    <row r="244617" spans="8:8">
      <c r="H244617" s="12"/>
    </row>
    <row r="244618" spans="8:8">
      <c r="H244618" s="12"/>
    </row>
    <row r="244619" spans="8:8">
      <c r="H244619" s="12"/>
    </row>
    <row r="244620" spans="8:8">
      <c r="H244620" s="12"/>
    </row>
    <row r="244621" spans="8:8">
      <c r="H244621" s="12"/>
    </row>
    <row r="244622" spans="8:8">
      <c r="H244622" s="12"/>
    </row>
    <row r="244623" spans="8:8">
      <c r="H244623" s="12"/>
    </row>
    <row r="244624" spans="8:8">
      <c r="H244624" s="12"/>
    </row>
    <row r="244625" spans="8:8">
      <c r="H244625" s="12"/>
    </row>
    <row r="244626" spans="8:8">
      <c r="H244626" s="12"/>
    </row>
    <row r="244627" spans="8:8">
      <c r="H244627" s="12"/>
    </row>
    <row r="244628" spans="8:8">
      <c r="H244628" s="12"/>
    </row>
    <row r="244629" spans="8:8">
      <c r="H244629" s="12"/>
    </row>
    <row r="244630" spans="8:8">
      <c r="H244630" s="12"/>
    </row>
    <row r="244631" spans="8:8">
      <c r="H244631" s="12"/>
    </row>
    <row r="244632" spans="8:8">
      <c r="H244632" s="12"/>
    </row>
    <row r="244633" spans="8:8">
      <c r="H244633" s="12"/>
    </row>
    <row r="244634" spans="8:8">
      <c r="H244634" s="12"/>
    </row>
    <row r="244635" spans="8:8">
      <c r="H244635" s="12"/>
    </row>
    <row r="244636" spans="8:8">
      <c r="H244636" s="12"/>
    </row>
    <row r="244637" spans="8:8">
      <c r="H244637" s="12"/>
    </row>
    <row r="244638" spans="8:8">
      <c r="H244638" s="12"/>
    </row>
    <row r="244639" spans="8:8">
      <c r="H244639" s="12"/>
    </row>
    <row r="244640" spans="8:8">
      <c r="H244640" s="12"/>
    </row>
    <row r="244641" spans="8:8">
      <c r="H244641" s="12"/>
    </row>
    <row r="244642" spans="8:8">
      <c r="H244642" s="12"/>
    </row>
    <row r="244643" spans="8:8">
      <c r="H244643" s="12"/>
    </row>
    <row r="244644" spans="8:8">
      <c r="H244644" s="12"/>
    </row>
    <row r="244645" spans="8:8">
      <c r="H244645" s="12"/>
    </row>
    <row r="244646" spans="8:8">
      <c r="H244646" s="12"/>
    </row>
    <row r="244647" spans="8:8">
      <c r="H244647" s="12"/>
    </row>
    <row r="244648" spans="8:8">
      <c r="H244648" s="12"/>
    </row>
    <row r="244649" spans="8:8">
      <c r="H244649" s="12"/>
    </row>
    <row r="244650" spans="8:8">
      <c r="H244650" s="12"/>
    </row>
    <row r="244651" spans="8:8">
      <c r="H244651" s="12"/>
    </row>
    <row r="244652" spans="8:8">
      <c r="H244652" s="12"/>
    </row>
    <row r="244653" spans="8:8">
      <c r="H244653" s="12"/>
    </row>
    <row r="244654" spans="8:8">
      <c r="H244654" s="12"/>
    </row>
    <row r="244655" spans="8:8">
      <c r="H244655" s="12"/>
    </row>
    <row r="244656" spans="8:8">
      <c r="H244656" s="12"/>
    </row>
    <row r="244657" spans="8:8">
      <c r="H244657" s="12"/>
    </row>
    <row r="244658" spans="8:8">
      <c r="H244658" s="12"/>
    </row>
    <row r="244659" spans="8:8">
      <c r="H244659" s="12"/>
    </row>
    <row r="244660" spans="8:8">
      <c r="H244660" s="12"/>
    </row>
    <row r="244661" spans="8:8">
      <c r="H244661" s="12"/>
    </row>
    <row r="244662" spans="8:8">
      <c r="H244662" s="12"/>
    </row>
    <row r="244663" spans="8:8">
      <c r="H244663" s="12"/>
    </row>
    <row r="244664" spans="8:8">
      <c r="H244664" s="12"/>
    </row>
    <row r="244665" spans="8:8">
      <c r="H244665" s="12"/>
    </row>
    <row r="244666" spans="8:8">
      <c r="H244666" s="12"/>
    </row>
    <row r="244667" spans="8:8">
      <c r="H244667" s="12"/>
    </row>
    <row r="244668" spans="8:8">
      <c r="H244668" s="12"/>
    </row>
    <row r="244669" spans="8:8">
      <c r="H244669" s="12"/>
    </row>
    <row r="244670" spans="8:8">
      <c r="H244670" s="12"/>
    </row>
    <row r="244671" spans="8:8">
      <c r="H244671" s="12"/>
    </row>
    <row r="244672" spans="8:8">
      <c r="H244672" s="12"/>
    </row>
    <row r="244673" spans="8:8">
      <c r="H244673" s="12"/>
    </row>
    <row r="244674" spans="8:8">
      <c r="H244674" s="12"/>
    </row>
    <row r="244675" spans="8:8">
      <c r="H244675" s="12"/>
    </row>
    <row r="244676" spans="8:8">
      <c r="H244676" s="12"/>
    </row>
    <row r="244677" spans="8:8">
      <c r="H244677" s="12"/>
    </row>
    <row r="244678" spans="8:8">
      <c r="H244678" s="12"/>
    </row>
    <row r="244679" spans="8:8">
      <c r="H244679" s="12"/>
    </row>
    <row r="244680" spans="8:8">
      <c r="H244680" s="12"/>
    </row>
    <row r="244681" spans="8:8">
      <c r="H244681" s="12"/>
    </row>
    <row r="244682" spans="8:8">
      <c r="H244682" s="12"/>
    </row>
    <row r="244683" spans="8:8">
      <c r="H244683" s="12"/>
    </row>
    <row r="244684" spans="8:8">
      <c r="H244684" s="12"/>
    </row>
    <row r="244685" spans="8:8">
      <c r="H244685" s="12"/>
    </row>
    <row r="244686" spans="8:8">
      <c r="H244686" s="12"/>
    </row>
    <row r="244687" spans="8:8">
      <c r="H244687" s="12"/>
    </row>
    <row r="244688" spans="8:8">
      <c r="H244688" s="12"/>
    </row>
    <row r="244689" spans="8:8">
      <c r="H244689" s="12"/>
    </row>
    <row r="244690" spans="8:8">
      <c r="H244690" s="12"/>
    </row>
    <row r="244691" spans="8:8">
      <c r="H244691" s="12"/>
    </row>
    <row r="244692" spans="8:8">
      <c r="H244692" s="12"/>
    </row>
    <row r="244693" spans="8:8">
      <c r="H244693" s="12"/>
    </row>
    <row r="244694" spans="8:8">
      <c r="H244694" s="12"/>
    </row>
    <row r="244695" spans="8:8">
      <c r="H244695" s="12"/>
    </row>
    <row r="244696" spans="8:8">
      <c r="H244696" s="12"/>
    </row>
    <row r="244697" spans="8:8">
      <c r="H244697" s="12"/>
    </row>
    <row r="244698" spans="8:8">
      <c r="H244698" s="12"/>
    </row>
    <row r="244699" spans="8:8">
      <c r="H244699" s="12"/>
    </row>
    <row r="244700" spans="8:8">
      <c r="H244700" s="12"/>
    </row>
    <row r="244701" spans="8:8">
      <c r="H244701" s="12"/>
    </row>
    <row r="244702" spans="8:8">
      <c r="H244702" s="12"/>
    </row>
    <row r="244703" spans="8:8">
      <c r="H244703" s="12"/>
    </row>
    <row r="244704" spans="8:8">
      <c r="H244704" s="12"/>
    </row>
    <row r="244705" spans="8:8">
      <c r="H244705" s="12"/>
    </row>
    <row r="244706" spans="8:8">
      <c r="H244706" s="12"/>
    </row>
    <row r="244707" spans="8:8">
      <c r="H244707" s="12"/>
    </row>
    <row r="244708" spans="8:8">
      <c r="H244708" s="12"/>
    </row>
    <row r="244709" spans="8:8">
      <c r="H244709" s="12"/>
    </row>
    <row r="244710" spans="8:8">
      <c r="H244710" s="12"/>
    </row>
    <row r="244711" spans="8:8">
      <c r="H244711" s="12"/>
    </row>
    <row r="244712" spans="8:8">
      <c r="H244712" s="12"/>
    </row>
    <row r="244713" spans="8:8">
      <c r="H244713" s="12"/>
    </row>
    <row r="244714" spans="8:8">
      <c r="H244714" s="12"/>
    </row>
    <row r="244715" spans="8:8">
      <c r="H244715" s="12"/>
    </row>
    <row r="244716" spans="8:8">
      <c r="H244716" s="12"/>
    </row>
    <row r="244717" spans="8:8">
      <c r="H244717" s="12"/>
    </row>
    <row r="244718" spans="8:8">
      <c r="H244718" s="12"/>
    </row>
    <row r="244719" spans="8:8">
      <c r="H244719" s="12"/>
    </row>
    <row r="244720" spans="8:8">
      <c r="H244720" s="12"/>
    </row>
    <row r="244721" spans="8:8">
      <c r="H244721" s="12"/>
    </row>
    <row r="244722" spans="8:8">
      <c r="H244722" s="12"/>
    </row>
    <row r="244723" spans="8:8">
      <c r="H244723" s="12"/>
    </row>
    <row r="244724" spans="8:8">
      <c r="H244724" s="12"/>
    </row>
    <row r="244725" spans="8:8">
      <c r="H244725" s="12"/>
    </row>
    <row r="244726" spans="8:8">
      <c r="H244726" s="12"/>
    </row>
    <row r="244727" spans="8:8">
      <c r="H244727" s="12"/>
    </row>
    <row r="244728" spans="8:8">
      <c r="H244728" s="12"/>
    </row>
    <row r="244729" spans="8:8">
      <c r="H244729" s="12"/>
    </row>
    <row r="244730" spans="8:8">
      <c r="H244730" s="12"/>
    </row>
    <row r="244731" spans="8:8">
      <c r="H244731" s="12"/>
    </row>
    <row r="244732" spans="8:8">
      <c r="H244732" s="12"/>
    </row>
    <row r="244733" spans="8:8">
      <c r="H244733" s="12"/>
    </row>
    <row r="244734" spans="8:8">
      <c r="H244734" s="12"/>
    </row>
    <row r="244735" spans="8:8">
      <c r="H244735" s="12"/>
    </row>
    <row r="244736" spans="8:8">
      <c r="H244736" s="12"/>
    </row>
    <row r="244737" spans="8:8">
      <c r="H244737" s="12"/>
    </row>
    <row r="244738" spans="8:8">
      <c r="H244738" s="12"/>
    </row>
    <row r="244739" spans="8:8">
      <c r="H244739" s="12"/>
    </row>
    <row r="244740" spans="8:8">
      <c r="H244740" s="12"/>
    </row>
    <row r="244741" spans="8:8">
      <c r="H244741" s="12"/>
    </row>
    <row r="244742" spans="8:8">
      <c r="H244742" s="12"/>
    </row>
    <row r="244743" spans="8:8">
      <c r="H244743" s="12"/>
    </row>
    <row r="244744" spans="8:8">
      <c r="H244744" s="12"/>
    </row>
    <row r="244745" spans="8:8">
      <c r="H244745" s="12"/>
    </row>
    <row r="244746" spans="8:8">
      <c r="H244746" s="12"/>
    </row>
    <row r="244747" spans="8:8">
      <c r="H244747" s="12"/>
    </row>
    <row r="244748" spans="8:8">
      <c r="H244748" s="12"/>
    </row>
    <row r="244749" spans="8:8">
      <c r="H244749" s="12"/>
    </row>
    <row r="244750" spans="8:8">
      <c r="H244750" s="12"/>
    </row>
    <row r="244751" spans="8:8">
      <c r="H244751" s="12"/>
    </row>
    <row r="244752" spans="8:8">
      <c r="H244752" s="12"/>
    </row>
    <row r="244753" spans="8:8">
      <c r="H244753" s="12"/>
    </row>
    <row r="244754" spans="8:8">
      <c r="H244754" s="12"/>
    </row>
    <row r="244755" spans="8:8">
      <c r="H244755" s="12"/>
    </row>
    <row r="244756" spans="8:8">
      <c r="H244756" s="12"/>
    </row>
    <row r="244757" spans="8:8">
      <c r="H244757" s="12"/>
    </row>
    <row r="244758" spans="8:8">
      <c r="H244758" s="12"/>
    </row>
    <row r="244759" spans="8:8">
      <c r="H244759" s="12"/>
    </row>
    <row r="244760" spans="8:8">
      <c r="H244760" s="12"/>
    </row>
    <row r="244761" spans="8:8">
      <c r="H244761" s="12"/>
    </row>
    <row r="244762" spans="8:8">
      <c r="H244762" s="12"/>
    </row>
    <row r="244763" spans="8:8">
      <c r="H244763" s="12"/>
    </row>
    <row r="244764" spans="8:8">
      <c r="H244764" s="12"/>
    </row>
    <row r="244765" spans="8:8">
      <c r="H244765" s="12"/>
    </row>
    <row r="244766" spans="8:8">
      <c r="H244766" s="12"/>
    </row>
    <row r="244767" spans="8:8">
      <c r="H244767" s="12"/>
    </row>
    <row r="244768" spans="8:8">
      <c r="H244768" s="12"/>
    </row>
    <row r="244769" spans="8:8">
      <c r="H244769" s="12"/>
    </row>
    <row r="244770" spans="8:8">
      <c r="H244770" s="12"/>
    </row>
    <row r="244771" spans="8:8">
      <c r="H244771" s="12"/>
    </row>
    <row r="244772" spans="8:8">
      <c r="H244772" s="12"/>
    </row>
    <row r="244773" spans="8:8">
      <c r="H244773" s="12"/>
    </row>
    <row r="244774" spans="8:8">
      <c r="H244774" s="12"/>
    </row>
    <row r="244775" spans="8:8">
      <c r="H244775" s="12"/>
    </row>
    <row r="244776" spans="8:8">
      <c r="H244776" s="12"/>
    </row>
    <row r="244777" spans="8:8">
      <c r="H244777" s="12"/>
    </row>
    <row r="244778" spans="8:8">
      <c r="H244778" s="12"/>
    </row>
    <row r="244779" spans="8:8">
      <c r="H244779" s="12"/>
    </row>
    <row r="244780" spans="8:8">
      <c r="H244780" s="12"/>
    </row>
    <row r="244781" spans="8:8">
      <c r="H244781" s="12"/>
    </row>
    <row r="244782" spans="8:8">
      <c r="H244782" s="12"/>
    </row>
    <row r="244783" spans="8:8">
      <c r="H244783" s="12"/>
    </row>
    <row r="244784" spans="8:8">
      <c r="H244784" s="12"/>
    </row>
    <row r="244785" spans="8:8">
      <c r="H244785" s="12"/>
    </row>
    <row r="244786" spans="8:8">
      <c r="H244786" s="12"/>
    </row>
    <row r="244787" spans="8:8">
      <c r="H244787" s="12"/>
    </row>
    <row r="244788" spans="8:8">
      <c r="H244788" s="12"/>
    </row>
    <row r="244789" spans="8:8">
      <c r="H244789" s="12"/>
    </row>
    <row r="244790" spans="8:8">
      <c r="H244790" s="12"/>
    </row>
    <row r="244791" spans="8:8">
      <c r="H244791" s="12"/>
    </row>
    <row r="244792" spans="8:8">
      <c r="H244792" s="12"/>
    </row>
    <row r="244793" spans="8:8">
      <c r="H244793" s="12"/>
    </row>
    <row r="244794" spans="8:8">
      <c r="H244794" s="12"/>
    </row>
    <row r="244795" spans="8:8">
      <c r="H244795" s="12"/>
    </row>
    <row r="244796" spans="8:8">
      <c r="H244796" s="12"/>
    </row>
    <row r="244797" spans="8:8">
      <c r="H244797" s="12"/>
    </row>
    <row r="244798" spans="8:8">
      <c r="H244798" s="12"/>
    </row>
    <row r="244799" spans="8:8">
      <c r="H244799" s="12"/>
    </row>
    <row r="244800" spans="8:8">
      <c r="H244800" s="12"/>
    </row>
    <row r="244801" spans="8:8">
      <c r="H244801" s="12"/>
    </row>
    <row r="244802" spans="8:8">
      <c r="H244802" s="12"/>
    </row>
    <row r="244803" spans="8:8">
      <c r="H244803" s="12"/>
    </row>
    <row r="244804" spans="8:8">
      <c r="H244804" s="12"/>
    </row>
    <row r="244805" spans="8:8">
      <c r="H244805" s="12"/>
    </row>
    <row r="244806" spans="8:8">
      <c r="H244806" s="12"/>
    </row>
    <row r="244807" spans="8:8">
      <c r="H244807" s="12"/>
    </row>
    <row r="244808" spans="8:8">
      <c r="H244808" s="12"/>
    </row>
    <row r="244809" spans="8:8">
      <c r="H244809" s="12"/>
    </row>
    <row r="244810" spans="8:8">
      <c r="H244810" s="12"/>
    </row>
    <row r="244811" spans="8:8">
      <c r="H244811" s="12"/>
    </row>
    <row r="244812" spans="8:8">
      <c r="H244812" s="12"/>
    </row>
    <row r="244813" spans="8:8">
      <c r="H244813" s="12"/>
    </row>
    <row r="244814" spans="8:8">
      <c r="H244814" s="12"/>
    </row>
    <row r="244815" spans="8:8">
      <c r="H244815" s="12"/>
    </row>
    <row r="244816" spans="8:8">
      <c r="H244816" s="12"/>
    </row>
    <row r="244817" spans="8:8">
      <c r="H244817" s="12"/>
    </row>
    <row r="244818" spans="8:8">
      <c r="H244818" s="12"/>
    </row>
    <row r="244819" spans="8:8">
      <c r="H244819" s="12"/>
    </row>
    <row r="244820" spans="8:8">
      <c r="H244820" s="12"/>
    </row>
    <row r="244821" spans="8:8">
      <c r="H244821" s="12"/>
    </row>
    <row r="244822" spans="8:8">
      <c r="H244822" s="12"/>
    </row>
    <row r="244823" spans="8:8">
      <c r="H244823" s="12"/>
    </row>
    <row r="244824" spans="8:8">
      <c r="H244824" s="12"/>
    </row>
    <row r="244825" spans="8:8">
      <c r="H244825" s="12"/>
    </row>
    <row r="244826" spans="8:8">
      <c r="H244826" s="12"/>
    </row>
    <row r="244827" spans="8:8">
      <c r="H244827" s="12"/>
    </row>
    <row r="244828" spans="8:8">
      <c r="H244828" s="12"/>
    </row>
    <row r="244829" spans="8:8">
      <c r="H244829" s="12"/>
    </row>
    <row r="244830" spans="8:8">
      <c r="H244830" s="12"/>
    </row>
    <row r="244831" spans="8:8">
      <c r="H244831" s="12"/>
    </row>
    <row r="244832" spans="8:8">
      <c r="H244832" s="12"/>
    </row>
    <row r="244833" spans="8:8">
      <c r="H244833" s="12"/>
    </row>
    <row r="244834" spans="8:8">
      <c r="H244834" s="12"/>
    </row>
    <row r="244835" spans="8:8">
      <c r="H244835" s="12"/>
    </row>
    <row r="244836" spans="8:8">
      <c r="H244836" s="12"/>
    </row>
    <row r="244837" spans="8:8">
      <c r="H244837" s="12"/>
    </row>
    <row r="244838" spans="8:8">
      <c r="H244838" s="12"/>
    </row>
    <row r="244839" spans="8:8">
      <c r="H244839" s="12"/>
    </row>
    <row r="244840" spans="8:8">
      <c r="H244840" s="12"/>
    </row>
    <row r="244841" spans="8:8">
      <c r="H244841" s="12"/>
    </row>
    <row r="244842" spans="8:8">
      <c r="H244842" s="12"/>
    </row>
    <row r="244843" spans="8:8">
      <c r="H244843" s="12"/>
    </row>
    <row r="244844" spans="8:8">
      <c r="H244844" s="12"/>
    </row>
    <row r="244845" spans="8:8">
      <c r="H244845" s="12"/>
    </row>
    <row r="244846" spans="8:8">
      <c r="H244846" s="12"/>
    </row>
    <row r="244847" spans="8:8">
      <c r="H244847" s="12"/>
    </row>
    <row r="244848" spans="8:8">
      <c r="H244848" s="12"/>
    </row>
    <row r="244849" spans="8:8">
      <c r="H244849" s="12"/>
    </row>
    <row r="244850" spans="8:8">
      <c r="H244850" s="12"/>
    </row>
    <row r="244851" spans="8:8">
      <c r="H244851" s="12"/>
    </row>
    <row r="244852" spans="8:8">
      <c r="H244852" s="12"/>
    </row>
    <row r="244853" spans="8:8">
      <c r="H244853" s="12"/>
    </row>
    <row r="244854" spans="8:8">
      <c r="H244854" s="12"/>
    </row>
    <row r="244855" spans="8:8">
      <c r="H244855" s="12"/>
    </row>
    <row r="244856" spans="8:8">
      <c r="H244856" s="12"/>
    </row>
    <row r="244857" spans="8:8">
      <c r="H244857" s="12"/>
    </row>
    <row r="244858" spans="8:8">
      <c r="H244858" s="12"/>
    </row>
    <row r="244859" spans="8:8">
      <c r="H244859" s="12"/>
    </row>
    <row r="244860" spans="8:8">
      <c r="H244860" s="12"/>
    </row>
    <row r="244861" spans="8:8">
      <c r="H244861" s="12"/>
    </row>
    <row r="244862" spans="8:8">
      <c r="H244862" s="12"/>
    </row>
    <row r="244863" spans="8:8">
      <c r="H244863" s="12"/>
    </row>
    <row r="244864" spans="8:8">
      <c r="H244864" s="12"/>
    </row>
    <row r="244865" spans="8:8">
      <c r="H244865" s="12"/>
    </row>
    <row r="244866" spans="8:8">
      <c r="H244866" s="12"/>
    </row>
    <row r="244867" spans="8:8">
      <c r="H244867" s="12"/>
    </row>
    <row r="244868" spans="8:8">
      <c r="H244868" s="12"/>
    </row>
    <row r="244869" spans="8:8">
      <c r="H244869" s="12"/>
    </row>
    <row r="244870" spans="8:8">
      <c r="H244870" s="12"/>
    </row>
    <row r="244871" spans="8:8">
      <c r="H244871" s="12"/>
    </row>
    <row r="244872" spans="8:8">
      <c r="H244872" s="12"/>
    </row>
    <row r="244873" spans="8:8">
      <c r="H244873" s="12"/>
    </row>
    <row r="244874" spans="8:8">
      <c r="H244874" s="12"/>
    </row>
    <row r="244875" spans="8:8">
      <c r="H244875" s="12"/>
    </row>
    <row r="244876" spans="8:8">
      <c r="H244876" s="12"/>
    </row>
    <row r="244877" spans="8:8">
      <c r="H244877" s="12"/>
    </row>
    <row r="244878" spans="8:8">
      <c r="H244878" s="12"/>
    </row>
    <row r="244879" spans="8:8">
      <c r="H244879" s="12"/>
    </row>
    <row r="244880" spans="8:8">
      <c r="H244880" s="12"/>
    </row>
    <row r="244881" spans="8:8">
      <c r="H244881" s="12"/>
    </row>
    <row r="244882" spans="8:8">
      <c r="H244882" s="12"/>
    </row>
    <row r="244883" spans="8:8">
      <c r="H244883" s="12"/>
    </row>
    <row r="244884" spans="8:8">
      <c r="H244884" s="12"/>
    </row>
    <row r="244885" spans="8:8">
      <c r="H244885" s="12"/>
    </row>
    <row r="244886" spans="8:8">
      <c r="H244886" s="12"/>
    </row>
    <row r="244887" spans="8:8">
      <c r="H244887" s="12"/>
    </row>
    <row r="244888" spans="8:8">
      <c r="H244888" s="12"/>
    </row>
    <row r="244889" spans="8:8">
      <c r="H244889" s="12"/>
    </row>
    <row r="244890" spans="8:8">
      <c r="H244890" s="12"/>
    </row>
    <row r="244891" spans="8:8">
      <c r="H244891" s="12"/>
    </row>
    <row r="244892" spans="8:8">
      <c r="H244892" s="12"/>
    </row>
    <row r="244893" spans="8:8">
      <c r="H244893" s="12"/>
    </row>
    <row r="244894" spans="8:8">
      <c r="H244894" s="12"/>
    </row>
    <row r="244895" spans="8:8">
      <c r="H244895" s="12"/>
    </row>
    <row r="244896" spans="8:8">
      <c r="H244896" s="12"/>
    </row>
    <row r="244897" spans="8:8">
      <c r="H244897" s="12"/>
    </row>
    <row r="244898" spans="8:8">
      <c r="H244898" s="12"/>
    </row>
    <row r="244899" spans="8:8">
      <c r="H244899" s="12"/>
    </row>
    <row r="244900" spans="8:8">
      <c r="H244900" s="12"/>
    </row>
    <row r="244901" spans="8:8">
      <c r="H244901" s="12"/>
    </row>
    <row r="244902" spans="8:8">
      <c r="H244902" s="12"/>
    </row>
    <row r="244903" spans="8:8">
      <c r="H244903" s="12"/>
    </row>
    <row r="244904" spans="8:8">
      <c r="H244904" s="12"/>
    </row>
    <row r="244905" spans="8:8">
      <c r="H244905" s="12"/>
    </row>
    <row r="244906" spans="8:8">
      <c r="H244906" s="12"/>
    </row>
    <row r="244907" spans="8:8">
      <c r="H244907" s="12"/>
    </row>
    <row r="244908" spans="8:8">
      <c r="H244908" s="12"/>
    </row>
    <row r="244909" spans="8:8">
      <c r="H244909" s="12"/>
    </row>
    <row r="244910" spans="8:8">
      <c r="H244910" s="12"/>
    </row>
    <row r="244911" spans="8:8">
      <c r="H244911" s="12"/>
    </row>
    <row r="244912" spans="8:8">
      <c r="H244912" s="12"/>
    </row>
    <row r="244913" spans="8:8">
      <c r="H244913" s="12"/>
    </row>
    <row r="244914" spans="8:8">
      <c r="H244914" s="12"/>
    </row>
    <row r="244915" spans="8:8">
      <c r="H244915" s="12"/>
    </row>
    <row r="244916" spans="8:8">
      <c r="H244916" s="12"/>
    </row>
    <row r="244917" spans="8:8">
      <c r="H244917" s="12"/>
    </row>
    <row r="244918" spans="8:8">
      <c r="H244918" s="12"/>
    </row>
    <row r="244919" spans="8:8">
      <c r="H244919" s="12"/>
    </row>
    <row r="244920" spans="8:8">
      <c r="H244920" s="12"/>
    </row>
    <row r="244921" spans="8:8">
      <c r="H244921" s="12"/>
    </row>
    <row r="244922" spans="8:8">
      <c r="H244922" s="12"/>
    </row>
    <row r="244923" spans="8:8">
      <c r="H244923" s="12"/>
    </row>
    <row r="244924" spans="8:8">
      <c r="H244924" s="12"/>
    </row>
    <row r="244925" spans="8:8">
      <c r="H244925" s="12"/>
    </row>
    <row r="244926" spans="8:8">
      <c r="H244926" s="12"/>
    </row>
    <row r="244927" spans="8:8">
      <c r="H244927" s="12"/>
    </row>
    <row r="244928" spans="8:8">
      <c r="H244928" s="12"/>
    </row>
    <row r="244929" spans="8:8">
      <c r="H244929" s="12"/>
    </row>
    <row r="244930" spans="8:8">
      <c r="H244930" s="12"/>
    </row>
    <row r="244931" spans="8:8">
      <c r="H244931" s="12"/>
    </row>
    <row r="244932" spans="8:8">
      <c r="H244932" s="12"/>
    </row>
    <row r="244933" spans="8:8">
      <c r="H244933" s="12"/>
    </row>
    <row r="244934" spans="8:8">
      <c r="H244934" s="12"/>
    </row>
    <row r="244935" spans="8:8">
      <c r="H244935" s="12"/>
    </row>
    <row r="244936" spans="8:8">
      <c r="H244936" s="12"/>
    </row>
    <row r="244937" spans="8:8">
      <c r="H244937" s="12"/>
    </row>
    <row r="244938" spans="8:8">
      <c r="H244938" s="12"/>
    </row>
    <row r="244939" spans="8:8">
      <c r="H244939" s="12"/>
    </row>
    <row r="244940" spans="8:8">
      <c r="H244940" s="12"/>
    </row>
    <row r="244941" spans="8:8">
      <c r="H244941" s="12"/>
    </row>
    <row r="244942" spans="8:8">
      <c r="H244942" s="12"/>
    </row>
    <row r="244943" spans="8:8">
      <c r="H244943" s="12"/>
    </row>
    <row r="244944" spans="8:8">
      <c r="H244944" s="12"/>
    </row>
    <row r="244945" spans="8:8">
      <c r="H244945" s="12"/>
    </row>
    <row r="244946" spans="8:8">
      <c r="H244946" s="12"/>
    </row>
    <row r="244947" spans="8:8">
      <c r="H244947" s="12"/>
    </row>
    <row r="244948" spans="8:8">
      <c r="H244948" s="12"/>
    </row>
    <row r="244949" spans="8:8">
      <c r="H244949" s="12"/>
    </row>
    <row r="244950" spans="8:8">
      <c r="H244950" s="12"/>
    </row>
    <row r="244951" spans="8:8">
      <c r="H244951" s="12"/>
    </row>
    <row r="244952" spans="8:8">
      <c r="H244952" s="12"/>
    </row>
    <row r="244953" spans="8:8">
      <c r="H244953" s="12"/>
    </row>
    <row r="244954" spans="8:8">
      <c r="H244954" s="12"/>
    </row>
    <row r="244955" spans="8:8">
      <c r="H244955" s="12"/>
    </row>
    <row r="244956" spans="8:8">
      <c r="H244956" s="12"/>
    </row>
    <row r="244957" spans="8:8">
      <c r="H244957" s="12"/>
    </row>
    <row r="244958" spans="8:8">
      <c r="H244958" s="12"/>
    </row>
    <row r="244959" spans="8:8">
      <c r="H244959" s="12"/>
    </row>
    <row r="244960" spans="8:8">
      <c r="H244960" s="12"/>
    </row>
    <row r="244961" spans="8:8">
      <c r="H244961" s="12"/>
    </row>
    <row r="244962" spans="8:8">
      <c r="H244962" s="12"/>
    </row>
    <row r="244963" spans="8:8">
      <c r="H244963" s="12"/>
    </row>
    <row r="244964" spans="8:8">
      <c r="H244964" s="12"/>
    </row>
    <row r="244965" spans="8:8">
      <c r="H244965" s="12"/>
    </row>
    <row r="244966" spans="8:8">
      <c r="H244966" s="12"/>
    </row>
    <row r="244967" spans="8:8">
      <c r="H244967" s="12"/>
    </row>
    <row r="244968" spans="8:8">
      <c r="H244968" s="12"/>
    </row>
    <row r="244969" spans="8:8">
      <c r="H244969" s="12"/>
    </row>
    <row r="244970" spans="8:8">
      <c r="H244970" s="12"/>
    </row>
    <row r="244971" spans="8:8">
      <c r="H244971" s="12"/>
    </row>
    <row r="244972" spans="8:8">
      <c r="H244972" s="12"/>
    </row>
    <row r="244973" spans="8:8">
      <c r="H244973" s="12"/>
    </row>
    <row r="244974" spans="8:8">
      <c r="H244974" s="12"/>
    </row>
    <row r="244975" spans="8:8">
      <c r="H244975" s="12"/>
    </row>
    <row r="244976" spans="8:8">
      <c r="H244976" s="12"/>
    </row>
    <row r="244977" spans="8:8">
      <c r="H244977" s="12"/>
    </row>
    <row r="244978" spans="8:8">
      <c r="H244978" s="12"/>
    </row>
    <row r="244979" spans="8:8">
      <c r="H244979" s="12"/>
    </row>
    <row r="244980" spans="8:8">
      <c r="H244980" s="12"/>
    </row>
    <row r="244981" spans="8:8">
      <c r="H244981" s="12"/>
    </row>
    <row r="244982" spans="8:8">
      <c r="H244982" s="12"/>
    </row>
    <row r="244983" spans="8:8">
      <c r="H244983" s="12"/>
    </row>
    <row r="244984" spans="8:8">
      <c r="H244984" s="12"/>
    </row>
    <row r="244985" spans="8:8">
      <c r="H244985" s="12"/>
    </row>
    <row r="244986" spans="8:8">
      <c r="H244986" s="12"/>
    </row>
    <row r="244987" spans="8:8">
      <c r="H244987" s="12"/>
    </row>
    <row r="244988" spans="8:8">
      <c r="H244988" s="12"/>
    </row>
    <row r="244989" spans="8:8">
      <c r="H244989" s="12"/>
    </row>
    <row r="244990" spans="8:8">
      <c r="H244990" s="12"/>
    </row>
    <row r="244991" spans="8:8">
      <c r="H244991" s="12"/>
    </row>
    <row r="244992" spans="8:8">
      <c r="H244992" s="12"/>
    </row>
    <row r="244993" spans="8:8">
      <c r="H244993" s="12"/>
    </row>
    <row r="244994" spans="8:8">
      <c r="H244994" s="12"/>
    </row>
    <row r="244995" spans="8:8">
      <c r="H244995" s="12"/>
    </row>
    <row r="244996" spans="8:8">
      <c r="H244996" s="12"/>
    </row>
    <row r="244997" spans="8:8">
      <c r="H244997" s="12"/>
    </row>
    <row r="244998" spans="8:8">
      <c r="H244998" s="12"/>
    </row>
    <row r="244999" spans="8:8">
      <c r="H244999" s="12"/>
    </row>
    <row r="245000" spans="8:8">
      <c r="H245000" s="12"/>
    </row>
    <row r="245001" spans="8:8">
      <c r="H245001" s="12"/>
    </row>
    <row r="245002" spans="8:8">
      <c r="H245002" s="12"/>
    </row>
    <row r="245003" spans="8:8">
      <c r="H245003" s="12"/>
    </row>
    <row r="245004" spans="8:8">
      <c r="H245004" s="12"/>
    </row>
    <row r="245005" spans="8:8">
      <c r="H245005" s="12"/>
    </row>
    <row r="245006" spans="8:8">
      <c r="H245006" s="12"/>
    </row>
    <row r="245007" spans="8:8">
      <c r="H245007" s="12"/>
    </row>
    <row r="245008" spans="8:8">
      <c r="H245008" s="12"/>
    </row>
    <row r="245009" spans="8:8">
      <c r="H245009" s="12"/>
    </row>
    <row r="245010" spans="8:8">
      <c r="H245010" s="12"/>
    </row>
    <row r="245011" spans="8:8">
      <c r="H245011" s="12"/>
    </row>
    <row r="245012" spans="8:8">
      <c r="H245012" s="12"/>
    </row>
    <row r="245013" spans="8:8">
      <c r="H245013" s="12"/>
    </row>
    <row r="245014" spans="8:8">
      <c r="H245014" s="12"/>
    </row>
    <row r="245015" spans="8:8">
      <c r="H245015" s="12"/>
    </row>
    <row r="245016" spans="8:8">
      <c r="H245016" s="12"/>
    </row>
    <row r="245017" spans="8:8">
      <c r="H245017" s="12"/>
    </row>
    <row r="245018" spans="8:8">
      <c r="H245018" s="12"/>
    </row>
    <row r="245019" spans="8:8">
      <c r="H245019" s="12"/>
    </row>
    <row r="245020" spans="8:8">
      <c r="H245020" s="12"/>
    </row>
    <row r="245021" spans="8:8">
      <c r="H245021" s="12"/>
    </row>
    <row r="245022" spans="8:8">
      <c r="H245022" s="12"/>
    </row>
    <row r="245023" spans="8:8">
      <c r="H245023" s="12"/>
    </row>
    <row r="245024" spans="8:8">
      <c r="H245024" s="12"/>
    </row>
    <row r="245025" spans="8:8">
      <c r="H245025" s="12"/>
    </row>
    <row r="245026" spans="8:8">
      <c r="H245026" s="12"/>
    </row>
    <row r="245027" spans="8:8">
      <c r="H245027" s="12"/>
    </row>
    <row r="245028" spans="8:8">
      <c r="H245028" s="12"/>
    </row>
    <row r="245029" spans="8:8">
      <c r="H245029" s="12"/>
    </row>
    <row r="245030" spans="8:8">
      <c r="H245030" s="12"/>
    </row>
    <row r="245031" spans="8:8">
      <c r="H245031" s="12"/>
    </row>
    <row r="245032" spans="8:8">
      <c r="H245032" s="12"/>
    </row>
    <row r="245033" spans="8:8">
      <c r="H245033" s="12"/>
    </row>
    <row r="245034" spans="8:8">
      <c r="H245034" s="12"/>
    </row>
    <row r="245035" spans="8:8">
      <c r="H245035" s="12"/>
    </row>
    <row r="245036" spans="8:8">
      <c r="H245036" s="12"/>
    </row>
    <row r="245037" spans="8:8">
      <c r="H245037" s="12"/>
    </row>
    <row r="245038" spans="8:8">
      <c r="H245038" s="12"/>
    </row>
    <row r="245039" spans="8:8">
      <c r="H245039" s="12"/>
    </row>
    <row r="245040" spans="8:8">
      <c r="H245040" s="12"/>
    </row>
    <row r="245041" spans="8:8">
      <c r="H245041" s="12"/>
    </row>
    <row r="245042" spans="8:8">
      <c r="H245042" s="12"/>
    </row>
    <row r="245043" spans="8:8">
      <c r="H245043" s="12"/>
    </row>
    <row r="245044" spans="8:8">
      <c r="H245044" s="12"/>
    </row>
    <row r="245045" spans="8:8">
      <c r="H245045" s="12"/>
    </row>
    <row r="245046" spans="8:8">
      <c r="H245046" s="12"/>
    </row>
    <row r="245047" spans="8:8">
      <c r="H245047" s="12"/>
    </row>
    <row r="245048" spans="8:8">
      <c r="H245048" s="12"/>
    </row>
    <row r="245049" spans="8:8">
      <c r="H245049" s="12"/>
    </row>
    <row r="245050" spans="8:8">
      <c r="H245050" s="12"/>
    </row>
    <row r="245051" spans="8:8">
      <c r="H245051" s="12"/>
    </row>
    <row r="245052" spans="8:8">
      <c r="H245052" s="12"/>
    </row>
    <row r="245053" spans="8:8">
      <c r="H245053" s="12"/>
    </row>
    <row r="245054" spans="8:8">
      <c r="H245054" s="12"/>
    </row>
    <row r="245055" spans="8:8">
      <c r="H245055" s="12"/>
    </row>
    <row r="245056" spans="8:8">
      <c r="H245056" s="12"/>
    </row>
    <row r="245057" spans="8:8">
      <c r="H245057" s="12"/>
    </row>
    <row r="245058" spans="8:8">
      <c r="H245058" s="12"/>
    </row>
    <row r="245059" spans="8:8">
      <c r="H245059" s="12"/>
    </row>
    <row r="245060" spans="8:8">
      <c r="H245060" s="12"/>
    </row>
    <row r="245061" spans="8:8">
      <c r="H245061" s="12"/>
    </row>
    <row r="245062" spans="8:8">
      <c r="H245062" s="12"/>
    </row>
    <row r="245063" spans="8:8">
      <c r="H245063" s="12"/>
    </row>
    <row r="245064" spans="8:8">
      <c r="H245064" s="12"/>
    </row>
    <row r="245065" spans="8:8">
      <c r="H245065" s="12"/>
    </row>
    <row r="245066" spans="8:8">
      <c r="H245066" s="12"/>
    </row>
    <row r="245067" spans="8:8">
      <c r="H245067" s="12"/>
    </row>
    <row r="245068" spans="8:8">
      <c r="H245068" s="12"/>
    </row>
    <row r="245069" spans="8:8">
      <c r="H245069" s="12"/>
    </row>
    <row r="245070" spans="8:8">
      <c r="H245070" s="12"/>
    </row>
    <row r="245071" spans="8:8">
      <c r="H245071" s="12"/>
    </row>
    <row r="245072" spans="8:8">
      <c r="H245072" s="12"/>
    </row>
    <row r="245073" spans="8:8">
      <c r="H245073" s="12"/>
    </row>
    <row r="245074" spans="8:8">
      <c r="H245074" s="12"/>
    </row>
    <row r="245075" spans="8:8">
      <c r="H245075" s="12"/>
    </row>
    <row r="245076" spans="8:8">
      <c r="H245076" s="12"/>
    </row>
    <row r="245077" spans="8:8">
      <c r="H245077" s="12"/>
    </row>
    <row r="245078" spans="8:8">
      <c r="H245078" s="12"/>
    </row>
    <row r="245079" spans="8:8">
      <c r="H245079" s="12"/>
    </row>
    <row r="245080" spans="8:8">
      <c r="H245080" s="12"/>
    </row>
    <row r="245081" spans="8:8">
      <c r="H245081" s="12"/>
    </row>
    <row r="245082" spans="8:8">
      <c r="H245082" s="12"/>
    </row>
    <row r="245083" spans="8:8">
      <c r="H245083" s="12"/>
    </row>
    <row r="245084" spans="8:8">
      <c r="H245084" s="12"/>
    </row>
    <row r="245085" spans="8:8">
      <c r="H245085" s="12"/>
    </row>
    <row r="245086" spans="8:8">
      <c r="H245086" s="12"/>
    </row>
    <row r="245087" spans="8:8">
      <c r="H245087" s="12"/>
    </row>
    <row r="245088" spans="8:8">
      <c r="H245088" s="12"/>
    </row>
    <row r="245089" spans="8:8">
      <c r="H245089" s="12"/>
    </row>
    <row r="245090" spans="8:8">
      <c r="H245090" s="12"/>
    </row>
    <row r="245091" spans="8:8">
      <c r="H245091" s="12"/>
    </row>
    <row r="245092" spans="8:8">
      <c r="H245092" s="12"/>
    </row>
    <row r="245093" spans="8:8">
      <c r="H245093" s="12"/>
    </row>
    <row r="245094" spans="8:8">
      <c r="H245094" s="12"/>
    </row>
    <row r="245095" spans="8:8">
      <c r="H245095" s="12"/>
    </row>
    <row r="245096" spans="8:8">
      <c r="H245096" s="12"/>
    </row>
    <row r="245097" spans="8:8">
      <c r="H245097" s="12"/>
    </row>
    <row r="245098" spans="8:8">
      <c r="H245098" s="12"/>
    </row>
    <row r="245099" spans="8:8">
      <c r="H245099" s="12"/>
    </row>
    <row r="245100" spans="8:8">
      <c r="H245100" s="12"/>
    </row>
    <row r="245101" spans="8:8">
      <c r="H245101" s="12"/>
    </row>
    <row r="245102" spans="8:8">
      <c r="H245102" s="12"/>
    </row>
    <row r="245103" spans="8:8">
      <c r="H245103" s="12"/>
    </row>
    <row r="245104" spans="8:8">
      <c r="H245104" s="12"/>
    </row>
    <row r="245105" spans="8:8">
      <c r="H245105" s="12"/>
    </row>
    <row r="245106" spans="8:8">
      <c r="H245106" s="12"/>
    </row>
    <row r="245107" spans="8:8">
      <c r="H245107" s="12"/>
    </row>
    <row r="245108" spans="8:8">
      <c r="H245108" s="12"/>
    </row>
    <row r="245109" spans="8:8">
      <c r="H245109" s="12"/>
    </row>
    <row r="245110" spans="8:8">
      <c r="H245110" s="12"/>
    </row>
    <row r="245111" spans="8:8">
      <c r="H245111" s="12"/>
    </row>
    <row r="245112" spans="8:8">
      <c r="H245112" s="12"/>
    </row>
    <row r="245113" spans="8:8">
      <c r="H245113" s="12"/>
    </row>
    <row r="245114" spans="8:8">
      <c r="H245114" s="12"/>
    </row>
    <row r="245115" spans="8:8">
      <c r="H245115" s="12"/>
    </row>
    <row r="245116" spans="8:8">
      <c r="H245116" s="12"/>
    </row>
    <row r="245117" spans="8:8">
      <c r="H245117" s="12"/>
    </row>
    <row r="245118" spans="8:8">
      <c r="H245118" s="12"/>
    </row>
    <row r="245119" spans="8:8">
      <c r="H245119" s="12"/>
    </row>
    <row r="245120" spans="8:8">
      <c r="H245120" s="12"/>
    </row>
    <row r="245121" spans="8:8">
      <c r="H245121" s="12"/>
    </row>
    <row r="245122" spans="8:8">
      <c r="H245122" s="12"/>
    </row>
    <row r="245123" spans="8:8">
      <c r="H245123" s="12"/>
    </row>
    <row r="245124" spans="8:8">
      <c r="H245124" s="12"/>
    </row>
    <row r="245125" spans="8:8">
      <c r="H245125" s="12"/>
    </row>
    <row r="245126" spans="8:8">
      <c r="H245126" s="12"/>
    </row>
    <row r="245127" spans="8:8">
      <c r="H245127" s="12"/>
    </row>
    <row r="245128" spans="8:8">
      <c r="H245128" s="12"/>
    </row>
    <row r="245129" spans="8:8">
      <c r="H245129" s="12"/>
    </row>
    <row r="245130" spans="8:8">
      <c r="H245130" s="12"/>
    </row>
    <row r="245131" spans="8:8">
      <c r="H245131" s="12"/>
    </row>
    <row r="245132" spans="8:8">
      <c r="H245132" s="12"/>
    </row>
    <row r="245133" spans="8:8">
      <c r="H245133" s="12"/>
    </row>
    <row r="245134" spans="8:8">
      <c r="H245134" s="12"/>
    </row>
    <row r="245135" spans="8:8">
      <c r="H245135" s="12"/>
    </row>
    <row r="245136" spans="8:8">
      <c r="H245136" s="12"/>
    </row>
    <row r="245137" spans="8:8">
      <c r="H245137" s="12"/>
    </row>
    <row r="245138" spans="8:8">
      <c r="H245138" s="12"/>
    </row>
    <row r="245139" spans="8:8">
      <c r="H245139" s="12"/>
    </row>
    <row r="245140" spans="8:8">
      <c r="H245140" s="12"/>
    </row>
    <row r="245141" spans="8:8">
      <c r="H245141" s="12"/>
    </row>
    <row r="245142" spans="8:8">
      <c r="H245142" s="12"/>
    </row>
    <row r="245143" spans="8:8">
      <c r="H245143" s="12"/>
    </row>
    <row r="245144" spans="8:8">
      <c r="H245144" s="12"/>
    </row>
    <row r="245145" spans="8:8">
      <c r="H245145" s="12"/>
    </row>
    <row r="245146" spans="8:8">
      <c r="H245146" s="12"/>
    </row>
    <row r="245147" spans="8:8">
      <c r="H245147" s="12"/>
    </row>
    <row r="245148" spans="8:8">
      <c r="H245148" s="12"/>
    </row>
    <row r="245149" spans="8:8">
      <c r="H245149" s="12"/>
    </row>
    <row r="245150" spans="8:8">
      <c r="H245150" s="12"/>
    </row>
    <row r="245151" spans="8:8">
      <c r="H245151" s="12"/>
    </row>
    <row r="245152" spans="8:8">
      <c r="H245152" s="12"/>
    </row>
    <row r="245153" spans="8:8">
      <c r="H245153" s="12"/>
    </row>
    <row r="245154" spans="8:8">
      <c r="H245154" s="12"/>
    </row>
    <row r="245155" spans="8:8">
      <c r="H245155" s="12"/>
    </row>
    <row r="245156" spans="8:8">
      <c r="H245156" s="12"/>
    </row>
    <row r="245157" spans="8:8">
      <c r="H245157" s="12"/>
    </row>
    <row r="245158" spans="8:8">
      <c r="H245158" s="12"/>
    </row>
    <row r="245159" spans="8:8">
      <c r="H245159" s="12"/>
    </row>
    <row r="245160" spans="8:8">
      <c r="H245160" s="12"/>
    </row>
    <row r="245161" spans="8:8">
      <c r="H245161" s="12"/>
    </row>
    <row r="245162" spans="8:8">
      <c r="H245162" s="12"/>
    </row>
    <row r="245163" spans="8:8">
      <c r="H245163" s="12"/>
    </row>
    <row r="245164" spans="8:8">
      <c r="H245164" s="12"/>
    </row>
    <row r="245165" spans="8:8">
      <c r="H245165" s="12"/>
    </row>
    <row r="245166" spans="8:8">
      <c r="H245166" s="12"/>
    </row>
    <row r="245167" spans="8:8">
      <c r="H245167" s="12"/>
    </row>
    <row r="245168" spans="8:8">
      <c r="H245168" s="12"/>
    </row>
    <row r="245169" spans="8:8">
      <c r="H245169" s="12"/>
    </row>
    <row r="245170" spans="8:8">
      <c r="H245170" s="12"/>
    </row>
    <row r="245171" spans="8:8">
      <c r="H245171" s="12"/>
    </row>
    <row r="245172" spans="8:8">
      <c r="H245172" s="12"/>
    </row>
    <row r="245173" spans="8:8">
      <c r="H245173" s="12"/>
    </row>
    <row r="245174" spans="8:8">
      <c r="H245174" s="12"/>
    </row>
    <row r="245175" spans="8:8">
      <c r="H245175" s="12"/>
    </row>
    <row r="245176" spans="8:8">
      <c r="H245176" s="12"/>
    </row>
    <row r="245177" spans="8:8">
      <c r="H245177" s="12"/>
    </row>
    <row r="245178" spans="8:8">
      <c r="H245178" s="12"/>
    </row>
    <row r="245179" spans="8:8">
      <c r="H245179" s="12"/>
    </row>
    <row r="245180" spans="8:8">
      <c r="H245180" s="12"/>
    </row>
    <row r="245181" spans="8:8">
      <c r="H245181" s="12"/>
    </row>
    <row r="245182" spans="8:8">
      <c r="H245182" s="12"/>
    </row>
    <row r="245183" spans="8:8">
      <c r="H245183" s="12"/>
    </row>
    <row r="245184" spans="8:8">
      <c r="H245184" s="12"/>
    </row>
    <row r="245185" spans="8:8">
      <c r="H245185" s="12"/>
    </row>
    <row r="245186" spans="8:8">
      <c r="H245186" s="12"/>
    </row>
    <row r="245187" spans="8:8">
      <c r="H245187" s="12"/>
    </row>
    <row r="245188" spans="8:8">
      <c r="H245188" s="12"/>
    </row>
    <row r="245189" spans="8:8">
      <c r="H245189" s="12"/>
    </row>
    <row r="245190" spans="8:8">
      <c r="H245190" s="12"/>
    </row>
    <row r="245191" spans="8:8">
      <c r="H245191" s="12"/>
    </row>
    <row r="245192" spans="8:8">
      <c r="H245192" s="12"/>
    </row>
    <row r="245193" spans="8:8">
      <c r="H245193" s="12"/>
    </row>
    <row r="245194" spans="8:8">
      <c r="H245194" s="12"/>
    </row>
    <row r="245195" spans="8:8">
      <c r="H245195" s="12"/>
    </row>
    <row r="245196" spans="8:8">
      <c r="H245196" s="12"/>
    </row>
    <row r="245197" spans="8:8">
      <c r="H245197" s="12"/>
    </row>
    <row r="245198" spans="8:8">
      <c r="H245198" s="12"/>
    </row>
    <row r="245199" spans="8:8">
      <c r="H245199" s="12"/>
    </row>
    <row r="245200" spans="8:8">
      <c r="H245200" s="12"/>
    </row>
    <row r="245201" spans="8:8">
      <c r="H245201" s="12"/>
    </row>
    <row r="245202" spans="8:8">
      <c r="H245202" s="12"/>
    </row>
    <row r="245203" spans="8:8">
      <c r="H245203" s="12"/>
    </row>
    <row r="245204" spans="8:8">
      <c r="H245204" s="12"/>
    </row>
    <row r="245205" spans="8:8">
      <c r="H245205" s="12"/>
    </row>
    <row r="245206" spans="8:8">
      <c r="H245206" s="12"/>
    </row>
    <row r="245207" spans="8:8">
      <c r="H245207" s="12"/>
    </row>
    <row r="245208" spans="8:8">
      <c r="H245208" s="12"/>
    </row>
    <row r="245209" spans="8:8">
      <c r="H245209" s="12"/>
    </row>
    <row r="245210" spans="8:8">
      <c r="H245210" s="12"/>
    </row>
    <row r="245211" spans="8:8">
      <c r="H245211" s="12"/>
    </row>
    <row r="245212" spans="8:8">
      <c r="H245212" s="12"/>
    </row>
    <row r="245213" spans="8:8">
      <c r="H245213" s="12"/>
    </row>
    <row r="245214" spans="8:8">
      <c r="H245214" s="12"/>
    </row>
    <row r="245215" spans="8:8">
      <c r="H245215" s="12"/>
    </row>
    <row r="245216" spans="8:8">
      <c r="H245216" s="12"/>
    </row>
    <row r="245217" spans="8:8">
      <c r="H245217" s="12"/>
    </row>
    <row r="245218" spans="8:8">
      <c r="H245218" s="12"/>
    </row>
    <row r="245219" spans="8:8">
      <c r="H245219" s="12"/>
    </row>
    <row r="245220" spans="8:8">
      <c r="H245220" s="12"/>
    </row>
    <row r="245221" spans="8:8">
      <c r="H245221" s="12"/>
    </row>
    <row r="245222" spans="8:8">
      <c r="H245222" s="12"/>
    </row>
    <row r="245223" spans="8:8">
      <c r="H245223" s="12"/>
    </row>
    <row r="245224" spans="8:8">
      <c r="H245224" s="12"/>
    </row>
    <row r="245225" spans="8:8">
      <c r="H245225" s="12"/>
    </row>
    <row r="245226" spans="8:8">
      <c r="H245226" s="12"/>
    </row>
    <row r="245227" spans="8:8">
      <c r="H245227" s="12"/>
    </row>
    <row r="245228" spans="8:8">
      <c r="H245228" s="12"/>
    </row>
    <row r="245229" spans="8:8">
      <c r="H245229" s="12"/>
    </row>
    <row r="245230" spans="8:8">
      <c r="H245230" s="12"/>
    </row>
    <row r="245231" spans="8:8">
      <c r="H245231" s="12"/>
    </row>
    <row r="245232" spans="8:8">
      <c r="H245232" s="12"/>
    </row>
    <row r="245233" spans="8:8">
      <c r="H245233" s="12"/>
    </row>
    <row r="245234" spans="8:8">
      <c r="H245234" s="12"/>
    </row>
    <row r="245235" spans="8:8">
      <c r="H245235" s="12"/>
    </row>
    <row r="245236" spans="8:8">
      <c r="H245236" s="12"/>
    </row>
    <row r="245237" spans="8:8">
      <c r="H245237" s="12"/>
    </row>
    <row r="245238" spans="8:8">
      <c r="H245238" s="12"/>
    </row>
    <row r="245239" spans="8:8">
      <c r="H245239" s="12"/>
    </row>
    <row r="245240" spans="8:8">
      <c r="H245240" s="12"/>
    </row>
    <row r="245241" spans="8:8">
      <c r="H245241" s="12"/>
    </row>
    <row r="245242" spans="8:8">
      <c r="H245242" s="12"/>
    </row>
    <row r="245243" spans="8:8">
      <c r="H245243" s="12"/>
    </row>
    <row r="245244" spans="8:8">
      <c r="H245244" s="12"/>
    </row>
    <row r="245245" spans="8:8">
      <c r="H245245" s="12"/>
    </row>
    <row r="245246" spans="8:8">
      <c r="H245246" s="12"/>
    </row>
    <row r="245247" spans="8:8">
      <c r="H245247" s="12"/>
    </row>
    <row r="245248" spans="8:8">
      <c r="H245248" s="12"/>
    </row>
    <row r="245249" spans="8:8">
      <c r="H245249" s="12"/>
    </row>
    <row r="245250" spans="8:8">
      <c r="H245250" s="12"/>
    </row>
    <row r="245251" spans="8:8">
      <c r="H245251" s="12"/>
    </row>
    <row r="245252" spans="8:8">
      <c r="H245252" s="12"/>
    </row>
    <row r="245253" spans="8:8">
      <c r="H245253" s="12"/>
    </row>
    <row r="245254" spans="8:8">
      <c r="H245254" s="12"/>
    </row>
    <row r="245255" spans="8:8">
      <c r="H245255" s="12"/>
    </row>
    <row r="245256" spans="8:8">
      <c r="H245256" s="12"/>
    </row>
    <row r="245257" spans="8:8">
      <c r="H245257" s="12"/>
    </row>
    <row r="245258" spans="8:8">
      <c r="H245258" s="12"/>
    </row>
    <row r="245259" spans="8:8">
      <c r="H245259" s="12"/>
    </row>
    <row r="245260" spans="8:8">
      <c r="H245260" s="12"/>
    </row>
    <row r="245261" spans="8:8">
      <c r="H245261" s="12"/>
    </row>
    <row r="245262" spans="8:8">
      <c r="H245262" s="12"/>
    </row>
    <row r="245263" spans="8:8">
      <c r="H245263" s="12"/>
    </row>
    <row r="245264" spans="8:8">
      <c r="H245264" s="12"/>
    </row>
    <row r="245265" spans="8:8">
      <c r="H245265" s="12"/>
    </row>
    <row r="245266" spans="8:8">
      <c r="H245266" s="12"/>
    </row>
    <row r="245267" spans="8:8">
      <c r="H245267" s="12"/>
    </row>
    <row r="245268" spans="8:8">
      <c r="H245268" s="12"/>
    </row>
    <row r="245269" spans="8:8">
      <c r="H245269" s="12"/>
    </row>
    <row r="245270" spans="8:8">
      <c r="H245270" s="12"/>
    </row>
    <row r="245271" spans="8:8">
      <c r="H245271" s="12"/>
    </row>
    <row r="245272" spans="8:8">
      <c r="H245272" s="12"/>
    </row>
    <row r="245273" spans="8:8">
      <c r="H245273" s="12"/>
    </row>
    <row r="245274" spans="8:8">
      <c r="H245274" s="12"/>
    </row>
    <row r="245275" spans="8:8">
      <c r="H245275" s="12"/>
    </row>
    <row r="245276" spans="8:8">
      <c r="H245276" s="12"/>
    </row>
    <row r="245277" spans="8:8">
      <c r="H245277" s="12"/>
    </row>
    <row r="245278" spans="8:8">
      <c r="H245278" s="12"/>
    </row>
    <row r="245279" spans="8:8">
      <c r="H245279" s="12"/>
    </row>
    <row r="245280" spans="8:8">
      <c r="H245280" s="12"/>
    </row>
    <row r="245281" spans="8:8">
      <c r="H245281" s="12"/>
    </row>
    <row r="245282" spans="8:8">
      <c r="H245282" s="12"/>
    </row>
    <row r="245283" spans="8:8">
      <c r="H245283" s="12"/>
    </row>
    <row r="245284" spans="8:8">
      <c r="H245284" s="12"/>
    </row>
    <row r="245285" spans="8:8">
      <c r="H245285" s="12"/>
    </row>
    <row r="245286" spans="8:8">
      <c r="H245286" s="12"/>
    </row>
    <row r="245287" spans="8:8">
      <c r="H245287" s="12"/>
    </row>
    <row r="245288" spans="8:8">
      <c r="H245288" s="12"/>
    </row>
    <row r="245289" spans="8:8">
      <c r="H245289" s="12"/>
    </row>
    <row r="245290" spans="8:8">
      <c r="H245290" s="12"/>
    </row>
    <row r="245291" spans="8:8">
      <c r="H245291" s="12"/>
    </row>
    <row r="245292" spans="8:8">
      <c r="H245292" s="12"/>
    </row>
    <row r="245293" spans="8:8">
      <c r="H245293" s="12"/>
    </row>
    <row r="245294" spans="8:8">
      <c r="H245294" s="12"/>
    </row>
    <row r="245295" spans="8:8">
      <c r="H245295" s="12"/>
    </row>
    <row r="245296" spans="8:8">
      <c r="H245296" s="12"/>
    </row>
    <row r="245297" spans="8:8">
      <c r="H245297" s="12"/>
    </row>
    <row r="245298" spans="8:8">
      <c r="H245298" s="12"/>
    </row>
    <row r="245299" spans="8:8">
      <c r="H245299" s="12"/>
    </row>
    <row r="245300" spans="8:8">
      <c r="H245300" s="12"/>
    </row>
    <row r="245301" spans="8:8">
      <c r="H245301" s="12"/>
    </row>
    <row r="245302" spans="8:8">
      <c r="H245302" s="12"/>
    </row>
    <row r="245303" spans="8:8">
      <c r="H245303" s="12"/>
    </row>
    <row r="245304" spans="8:8">
      <c r="H245304" s="12"/>
    </row>
    <row r="245305" spans="8:8">
      <c r="H245305" s="12"/>
    </row>
    <row r="245306" spans="8:8">
      <c r="H245306" s="12"/>
    </row>
    <row r="245307" spans="8:8">
      <c r="H245307" s="12"/>
    </row>
    <row r="245308" spans="8:8">
      <c r="H245308" s="12"/>
    </row>
    <row r="245309" spans="8:8">
      <c r="H245309" s="12"/>
    </row>
    <row r="245310" spans="8:8">
      <c r="H245310" s="12"/>
    </row>
    <row r="245311" spans="8:8">
      <c r="H245311" s="12"/>
    </row>
    <row r="245312" spans="8:8">
      <c r="H245312" s="12"/>
    </row>
    <row r="245313" spans="8:8">
      <c r="H245313" s="12"/>
    </row>
    <row r="245314" spans="8:8">
      <c r="H245314" s="12"/>
    </row>
    <row r="245315" spans="8:8">
      <c r="H245315" s="12"/>
    </row>
    <row r="245316" spans="8:8">
      <c r="H245316" s="12"/>
    </row>
    <row r="245317" spans="8:8">
      <c r="H245317" s="12"/>
    </row>
    <row r="245318" spans="8:8">
      <c r="H245318" s="12"/>
    </row>
    <row r="245319" spans="8:8">
      <c r="H245319" s="12"/>
    </row>
    <row r="245320" spans="8:8">
      <c r="H245320" s="12"/>
    </row>
    <row r="245321" spans="8:8">
      <c r="H245321" s="12"/>
    </row>
    <row r="245322" spans="8:8">
      <c r="H245322" s="12"/>
    </row>
    <row r="245323" spans="8:8">
      <c r="H245323" s="12"/>
    </row>
    <row r="245324" spans="8:8">
      <c r="H245324" s="12"/>
    </row>
    <row r="245325" spans="8:8">
      <c r="H245325" s="12"/>
    </row>
    <row r="245326" spans="8:8">
      <c r="H245326" s="12"/>
    </row>
    <row r="245327" spans="8:8">
      <c r="H245327" s="12"/>
    </row>
    <row r="245328" spans="8:8">
      <c r="H245328" s="12"/>
    </row>
    <row r="245329" spans="8:8">
      <c r="H245329" s="12"/>
    </row>
    <row r="245330" spans="8:8">
      <c r="H245330" s="12"/>
    </row>
    <row r="245331" spans="8:8">
      <c r="H245331" s="12"/>
    </row>
    <row r="245332" spans="8:8">
      <c r="H245332" s="12"/>
    </row>
    <row r="245333" spans="8:8">
      <c r="H245333" s="12"/>
    </row>
    <row r="245334" spans="8:8">
      <c r="H245334" s="12"/>
    </row>
    <row r="245335" spans="8:8">
      <c r="H245335" s="12"/>
    </row>
    <row r="245336" spans="8:8">
      <c r="H245336" s="12"/>
    </row>
    <row r="245337" spans="8:8">
      <c r="H245337" s="12"/>
    </row>
    <row r="245338" spans="8:8">
      <c r="H245338" s="12"/>
    </row>
    <row r="245339" spans="8:8">
      <c r="H245339" s="12"/>
    </row>
    <row r="245340" spans="8:8">
      <c r="H245340" s="12"/>
    </row>
    <row r="245341" spans="8:8">
      <c r="H245341" s="12"/>
    </row>
    <row r="245342" spans="8:8">
      <c r="H245342" s="12"/>
    </row>
    <row r="245343" spans="8:8">
      <c r="H245343" s="12"/>
    </row>
    <row r="245344" spans="8:8">
      <c r="H245344" s="12"/>
    </row>
    <row r="245345" spans="8:8">
      <c r="H245345" s="12"/>
    </row>
    <row r="245346" spans="8:8">
      <c r="H245346" s="12"/>
    </row>
    <row r="245347" spans="8:8">
      <c r="H245347" s="12"/>
    </row>
    <row r="245348" spans="8:8">
      <c r="H245348" s="12"/>
    </row>
    <row r="245349" spans="8:8">
      <c r="H245349" s="12"/>
    </row>
    <row r="245350" spans="8:8">
      <c r="H245350" s="12"/>
    </row>
    <row r="245351" spans="8:8">
      <c r="H245351" s="12"/>
    </row>
    <row r="245352" spans="8:8">
      <c r="H245352" s="12"/>
    </row>
    <row r="245353" spans="8:8">
      <c r="H245353" s="12"/>
    </row>
    <row r="245354" spans="8:8">
      <c r="H245354" s="12"/>
    </row>
    <row r="245355" spans="8:8">
      <c r="H245355" s="12"/>
    </row>
    <row r="245356" spans="8:8">
      <c r="H245356" s="12"/>
    </row>
    <row r="245357" spans="8:8">
      <c r="H245357" s="12"/>
    </row>
    <row r="245358" spans="8:8">
      <c r="H245358" s="12"/>
    </row>
    <row r="245359" spans="8:8">
      <c r="H245359" s="12"/>
    </row>
    <row r="245360" spans="8:8">
      <c r="H245360" s="12"/>
    </row>
    <row r="245361" spans="8:8">
      <c r="H245361" s="12"/>
    </row>
    <row r="245362" spans="8:8">
      <c r="H245362" s="12"/>
    </row>
    <row r="245363" spans="8:8">
      <c r="H245363" s="12"/>
    </row>
    <row r="245364" spans="8:8">
      <c r="H245364" s="12"/>
    </row>
    <row r="245365" spans="8:8">
      <c r="H245365" s="12"/>
    </row>
    <row r="245366" spans="8:8">
      <c r="H245366" s="12"/>
    </row>
    <row r="245367" spans="8:8">
      <c r="H245367" s="12"/>
    </row>
    <row r="245368" spans="8:8">
      <c r="H245368" s="12"/>
    </row>
    <row r="245369" spans="8:8">
      <c r="H245369" s="12"/>
    </row>
    <row r="245370" spans="8:8">
      <c r="H245370" s="12"/>
    </row>
    <row r="245371" spans="8:8">
      <c r="H245371" s="12"/>
    </row>
    <row r="245372" spans="8:8">
      <c r="H245372" s="12"/>
    </row>
    <row r="245373" spans="8:8">
      <c r="H245373" s="12"/>
    </row>
    <row r="245374" spans="8:8">
      <c r="H245374" s="12"/>
    </row>
    <row r="245375" spans="8:8">
      <c r="H245375" s="12"/>
    </row>
    <row r="245376" spans="8:8">
      <c r="H245376" s="12"/>
    </row>
    <row r="245377" spans="8:8">
      <c r="H245377" s="12"/>
    </row>
    <row r="245378" spans="8:8">
      <c r="H245378" s="12"/>
    </row>
    <row r="245379" spans="8:8">
      <c r="H245379" s="12"/>
    </row>
    <row r="245380" spans="8:8">
      <c r="H245380" s="12"/>
    </row>
    <row r="245381" spans="8:8">
      <c r="H245381" s="12"/>
    </row>
    <row r="245382" spans="8:8">
      <c r="H245382" s="12"/>
    </row>
    <row r="245383" spans="8:8">
      <c r="H245383" s="12"/>
    </row>
    <row r="245384" spans="8:8">
      <c r="H245384" s="12"/>
    </row>
    <row r="245385" spans="8:8">
      <c r="H245385" s="12"/>
    </row>
    <row r="245386" spans="8:8">
      <c r="H245386" s="12"/>
    </row>
    <row r="245387" spans="8:8">
      <c r="H245387" s="12"/>
    </row>
    <row r="245388" spans="8:8">
      <c r="H245388" s="12"/>
    </row>
    <row r="245389" spans="8:8">
      <c r="H245389" s="12"/>
    </row>
    <row r="245390" spans="8:8">
      <c r="H245390" s="12"/>
    </row>
    <row r="245391" spans="8:8">
      <c r="H245391" s="12"/>
    </row>
    <row r="245392" spans="8:8">
      <c r="H245392" s="12"/>
    </row>
    <row r="245393" spans="8:8">
      <c r="H245393" s="12"/>
    </row>
    <row r="245394" spans="8:8">
      <c r="H245394" s="12"/>
    </row>
    <row r="245395" spans="8:8">
      <c r="H245395" s="12"/>
    </row>
    <row r="245396" spans="8:8">
      <c r="H245396" s="12"/>
    </row>
    <row r="245397" spans="8:8">
      <c r="H245397" s="12"/>
    </row>
    <row r="245398" spans="8:8">
      <c r="H245398" s="12"/>
    </row>
    <row r="245399" spans="8:8">
      <c r="H245399" s="12"/>
    </row>
    <row r="245400" spans="8:8">
      <c r="H245400" s="12"/>
    </row>
    <row r="245401" spans="8:8">
      <c r="H245401" s="12"/>
    </row>
    <row r="245402" spans="8:8">
      <c r="H245402" s="12"/>
    </row>
    <row r="245403" spans="8:8">
      <c r="H245403" s="12"/>
    </row>
    <row r="245404" spans="8:8">
      <c r="H245404" s="12"/>
    </row>
    <row r="245405" spans="8:8">
      <c r="H245405" s="12"/>
    </row>
    <row r="245406" spans="8:8">
      <c r="H245406" s="12"/>
    </row>
    <row r="245407" spans="8:8">
      <c r="H245407" s="12"/>
    </row>
    <row r="245408" spans="8:8">
      <c r="H245408" s="12"/>
    </row>
    <row r="245409" spans="8:8">
      <c r="H245409" s="12"/>
    </row>
    <row r="245410" spans="8:8">
      <c r="H245410" s="12"/>
    </row>
    <row r="245411" spans="8:8">
      <c r="H245411" s="12"/>
    </row>
    <row r="245412" spans="8:8">
      <c r="H245412" s="12"/>
    </row>
    <row r="245413" spans="8:8">
      <c r="H245413" s="12"/>
    </row>
    <row r="245414" spans="8:8">
      <c r="H245414" s="12"/>
    </row>
    <row r="245415" spans="8:8">
      <c r="H245415" s="12"/>
    </row>
    <row r="245416" spans="8:8">
      <c r="H245416" s="12"/>
    </row>
    <row r="245417" spans="8:8">
      <c r="H245417" s="12"/>
    </row>
    <row r="245418" spans="8:8">
      <c r="H245418" s="12"/>
    </row>
    <row r="245419" spans="8:8">
      <c r="H245419" s="12"/>
    </row>
    <row r="245420" spans="8:8">
      <c r="H245420" s="12"/>
    </row>
    <row r="245421" spans="8:8">
      <c r="H245421" s="12"/>
    </row>
    <row r="245422" spans="8:8">
      <c r="H245422" s="12"/>
    </row>
    <row r="245423" spans="8:8">
      <c r="H245423" s="12"/>
    </row>
    <row r="245424" spans="8:8">
      <c r="H245424" s="12"/>
    </row>
    <row r="245425" spans="8:8">
      <c r="H245425" s="12"/>
    </row>
    <row r="245426" spans="8:8">
      <c r="H245426" s="12"/>
    </row>
    <row r="245427" spans="8:8">
      <c r="H245427" s="12"/>
    </row>
    <row r="245428" spans="8:8">
      <c r="H245428" s="12"/>
    </row>
    <row r="245429" spans="8:8">
      <c r="H245429" s="12"/>
    </row>
    <row r="245430" spans="8:8">
      <c r="H245430" s="12"/>
    </row>
    <row r="245431" spans="8:8">
      <c r="H245431" s="12"/>
    </row>
    <row r="245432" spans="8:8">
      <c r="H245432" s="12"/>
    </row>
    <row r="245433" spans="8:8">
      <c r="H245433" s="12"/>
    </row>
    <row r="245434" spans="8:8">
      <c r="H245434" s="12"/>
    </row>
    <row r="245435" spans="8:8">
      <c r="H245435" s="12"/>
    </row>
    <row r="245436" spans="8:8">
      <c r="H245436" s="12"/>
    </row>
    <row r="245437" spans="8:8">
      <c r="H245437" s="12"/>
    </row>
    <row r="245438" spans="8:8">
      <c r="H245438" s="12"/>
    </row>
    <row r="245439" spans="8:8">
      <c r="H245439" s="12"/>
    </row>
    <row r="245440" spans="8:8">
      <c r="H245440" s="12"/>
    </row>
    <row r="245441" spans="8:8">
      <c r="H245441" s="12"/>
    </row>
    <row r="245442" spans="8:8">
      <c r="H245442" s="12"/>
    </row>
    <row r="245443" spans="8:8">
      <c r="H245443" s="12"/>
    </row>
    <row r="245444" spans="8:8">
      <c r="H245444" s="12"/>
    </row>
    <row r="245445" spans="8:8">
      <c r="H245445" s="12"/>
    </row>
    <row r="245446" spans="8:8">
      <c r="H245446" s="12"/>
    </row>
    <row r="245447" spans="8:8">
      <c r="H245447" s="12"/>
    </row>
    <row r="245448" spans="8:8">
      <c r="H245448" s="12"/>
    </row>
    <row r="245449" spans="8:8">
      <c r="H245449" s="12"/>
    </row>
    <row r="245450" spans="8:8">
      <c r="H245450" s="12"/>
    </row>
    <row r="245451" spans="8:8">
      <c r="H245451" s="12"/>
    </row>
    <row r="245452" spans="8:8">
      <c r="H245452" s="12"/>
    </row>
    <row r="245453" spans="8:8">
      <c r="H245453" s="12"/>
    </row>
    <row r="245454" spans="8:8">
      <c r="H245454" s="12"/>
    </row>
    <row r="245455" spans="8:8">
      <c r="H245455" s="12"/>
    </row>
    <row r="245456" spans="8:8">
      <c r="H245456" s="12"/>
    </row>
    <row r="245457" spans="8:8">
      <c r="H245457" s="12"/>
    </row>
    <row r="245458" spans="8:8">
      <c r="H245458" s="12"/>
    </row>
    <row r="245459" spans="8:8">
      <c r="H245459" s="12"/>
    </row>
    <row r="245460" spans="8:8">
      <c r="H245460" s="12"/>
    </row>
    <row r="245461" spans="8:8">
      <c r="H245461" s="12"/>
    </row>
    <row r="245462" spans="8:8">
      <c r="H245462" s="12"/>
    </row>
    <row r="245463" spans="8:8">
      <c r="H245463" s="12"/>
    </row>
    <row r="245464" spans="8:8">
      <c r="H245464" s="12"/>
    </row>
    <row r="245465" spans="8:8">
      <c r="H245465" s="12"/>
    </row>
    <row r="245466" spans="8:8">
      <c r="H245466" s="12"/>
    </row>
    <row r="245467" spans="8:8">
      <c r="H245467" s="12"/>
    </row>
    <row r="245468" spans="8:8">
      <c r="H245468" s="12"/>
    </row>
    <row r="245469" spans="8:8">
      <c r="H245469" s="12"/>
    </row>
    <row r="245470" spans="8:8">
      <c r="H245470" s="12"/>
    </row>
    <row r="245471" spans="8:8">
      <c r="H245471" s="12"/>
    </row>
    <row r="245472" spans="8:8">
      <c r="H245472" s="12"/>
    </row>
    <row r="245473" spans="8:8">
      <c r="H245473" s="12"/>
    </row>
    <row r="245474" spans="8:8">
      <c r="H245474" s="12"/>
    </row>
    <row r="245475" spans="8:8">
      <c r="H245475" s="12"/>
    </row>
    <row r="245476" spans="8:8">
      <c r="H245476" s="12"/>
    </row>
    <row r="245477" spans="8:8">
      <c r="H245477" s="12"/>
    </row>
    <row r="245478" spans="8:8">
      <c r="H245478" s="12"/>
    </row>
    <row r="245479" spans="8:8">
      <c r="H245479" s="12"/>
    </row>
    <row r="245480" spans="8:8">
      <c r="H245480" s="12"/>
    </row>
    <row r="245481" spans="8:8">
      <c r="H245481" s="12"/>
    </row>
    <row r="245482" spans="8:8">
      <c r="H245482" s="12"/>
    </row>
    <row r="245483" spans="8:8">
      <c r="H245483" s="12"/>
    </row>
    <row r="245484" spans="8:8">
      <c r="H245484" s="12"/>
    </row>
    <row r="245485" spans="8:8">
      <c r="H245485" s="12"/>
    </row>
    <row r="245486" spans="8:8">
      <c r="H245486" s="12"/>
    </row>
    <row r="245487" spans="8:8">
      <c r="H245487" s="12"/>
    </row>
    <row r="245488" spans="8:8">
      <c r="H245488" s="12"/>
    </row>
    <row r="245489" spans="8:8">
      <c r="H245489" s="12"/>
    </row>
    <row r="245490" spans="8:8">
      <c r="H245490" s="12"/>
    </row>
    <row r="245491" spans="8:8">
      <c r="H245491" s="12"/>
    </row>
    <row r="245492" spans="8:8">
      <c r="H245492" s="12"/>
    </row>
    <row r="245493" spans="8:8">
      <c r="H245493" s="12"/>
    </row>
    <row r="245494" spans="8:8">
      <c r="H245494" s="12"/>
    </row>
    <row r="245495" spans="8:8">
      <c r="H245495" s="12"/>
    </row>
    <row r="245496" spans="8:8">
      <c r="H245496" s="12"/>
    </row>
    <row r="245497" spans="8:8">
      <c r="H245497" s="12"/>
    </row>
    <row r="245498" spans="8:8">
      <c r="H245498" s="12"/>
    </row>
    <row r="245499" spans="8:8">
      <c r="H245499" s="12"/>
    </row>
    <row r="245500" spans="8:8">
      <c r="H245500" s="12"/>
    </row>
    <row r="245501" spans="8:8">
      <c r="H245501" s="12"/>
    </row>
    <row r="245502" spans="8:8">
      <c r="H245502" s="12"/>
    </row>
    <row r="245503" spans="8:8">
      <c r="H245503" s="12"/>
    </row>
    <row r="245504" spans="8:8">
      <c r="H245504" s="12"/>
    </row>
    <row r="245505" spans="8:8">
      <c r="H245505" s="12"/>
    </row>
    <row r="245506" spans="8:8">
      <c r="H245506" s="12"/>
    </row>
    <row r="245507" spans="8:8">
      <c r="H245507" s="12"/>
    </row>
    <row r="245508" spans="8:8">
      <c r="H245508" s="12"/>
    </row>
    <row r="245509" spans="8:8">
      <c r="H245509" s="12"/>
    </row>
    <row r="245510" spans="8:8">
      <c r="H245510" s="12"/>
    </row>
    <row r="245511" spans="8:8">
      <c r="H245511" s="12"/>
    </row>
    <row r="245512" spans="8:8">
      <c r="H245512" s="12"/>
    </row>
    <row r="245513" spans="8:8">
      <c r="H245513" s="12"/>
    </row>
    <row r="245514" spans="8:8">
      <c r="H245514" s="12"/>
    </row>
    <row r="245515" spans="8:8">
      <c r="H245515" s="12"/>
    </row>
    <row r="245516" spans="8:8">
      <c r="H245516" s="12"/>
    </row>
    <row r="245517" spans="8:8">
      <c r="H245517" s="12"/>
    </row>
    <row r="245518" spans="8:8">
      <c r="H245518" s="12"/>
    </row>
    <row r="245519" spans="8:8">
      <c r="H245519" s="12"/>
    </row>
    <row r="245520" spans="8:8">
      <c r="H245520" s="12"/>
    </row>
    <row r="245521" spans="8:8">
      <c r="H245521" s="12"/>
    </row>
    <row r="245522" spans="8:8">
      <c r="H245522" s="12"/>
    </row>
    <row r="245523" spans="8:8">
      <c r="H245523" s="12"/>
    </row>
    <row r="245524" spans="8:8">
      <c r="H245524" s="12"/>
    </row>
    <row r="245525" spans="8:8">
      <c r="H245525" s="12"/>
    </row>
    <row r="245526" spans="8:8">
      <c r="H245526" s="12"/>
    </row>
    <row r="245527" spans="8:8">
      <c r="H245527" s="12"/>
    </row>
    <row r="245528" spans="8:8">
      <c r="H245528" s="12"/>
    </row>
    <row r="245529" spans="8:8">
      <c r="H245529" s="12"/>
    </row>
    <row r="245530" spans="8:8">
      <c r="H245530" s="12"/>
    </row>
    <row r="245531" spans="8:8">
      <c r="H245531" s="12"/>
    </row>
    <row r="245532" spans="8:8">
      <c r="H245532" s="12"/>
    </row>
    <row r="245533" spans="8:8">
      <c r="H245533" s="12"/>
    </row>
    <row r="245534" spans="8:8">
      <c r="H245534" s="12"/>
    </row>
    <row r="245535" spans="8:8">
      <c r="H245535" s="12"/>
    </row>
    <row r="245536" spans="8:8">
      <c r="H245536" s="12"/>
    </row>
    <row r="245537" spans="8:8">
      <c r="H245537" s="12"/>
    </row>
    <row r="245538" spans="8:8">
      <c r="H245538" s="12"/>
    </row>
    <row r="245539" spans="8:8">
      <c r="H245539" s="12"/>
    </row>
    <row r="245540" spans="8:8">
      <c r="H245540" s="12"/>
    </row>
    <row r="245541" spans="8:8">
      <c r="H245541" s="12"/>
    </row>
    <row r="245542" spans="8:8">
      <c r="H245542" s="12"/>
    </row>
    <row r="245543" spans="8:8">
      <c r="H245543" s="12"/>
    </row>
    <row r="245544" spans="8:8">
      <c r="H245544" s="12"/>
    </row>
    <row r="245545" spans="8:8">
      <c r="H245545" s="12"/>
    </row>
    <row r="245546" spans="8:8">
      <c r="H245546" s="12"/>
    </row>
    <row r="245547" spans="8:8">
      <c r="H245547" s="12"/>
    </row>
    <row r="245548" spans="8:8">
      <c r="H245548" s="12"/>
    </row>
    <row r="245549" spans="8:8">
      <c r="H245549" s="12"/>
    </row>
    <row r="245550" spans="8:8">
      <c r="H245550" s="12"/>
    </row>
    <row r="245551" spans="8:8">
      <c r="H245551" s="12"/>
    </row>
    <row r="245552" spans="8:8">
      <c r="H245552" s="12"/>
    </row>
    <row r="245553" spans="8:8">
      <c r="H245553" s="12"/>
    </row>
    <row r="245554" spans="8:8">
      <c r="H245554" s="12"/>
    </row>
    <row r="245555" spans="8:8">
      <c r="H245555" s="12"/>
    </row>
    <row r="245556" spans="8:8">
      <c r="H245556" s="12"/>
    </row>
    <row r="245557" spans="8:8">
      <c r="H245557" s="12"/>
    </row>
    <row r="245558" spans="8:8">
      <c r="H245558" s="12"/>
    </row>
    <row r="245559" spans="8:8">
      <c r="H245559" s="12"/>
    </row>
    <row r="245560" spans="8:8">
      <c r="H245560" s="12"/>
    </row>
    <row r="245561" spans="8:8">
      <c r="H245561" s="12"/>
    </row>
    <row r="245562" spans="8:8">
      <c r="H245562" s="12"/>
    </row>
    <row r="245563" spans="8:8">
      <c r="H245563" s="12"/>
    </row>
    <row r="245564" spans="8:8">
      <c r="H245564" s="12"/>
    </row>
    <row r="245565" spans="8:8">
      <c r="H245565" s="12"/>
    </row>
    <row r="245566" spans="8:8">
      <c r="H245566" s="12"/>
    </row>
    <row r="245567" spans="8:8">
      <c r="H245567" s="12"/>
    </row>
    <row r="245568" spans="8:8">
      <c r="H245568" s="12"/>
    </row>
    <row r="245569" spans="8:8">
      <c r="H245569" s="12"/>
    </row>
    <row r="245570" spans="8:8">
      <c r="H245570" s="12"/>
    </row>
    <row r="245571" spans="8:8">
      <c r="H245571" s="12"/>
    </row>
    <row r="245572" spans="8:8">
      <c r="H245572" s="12"/>
    </row>
    <row r="245573" spans="8:8">
      <c r="H245573" s="12"/>
    </row>
    <row r="245574" spans="8:8">
      <c r="H245574" s="12"/>
    </row>
    <row r="245575" spans="8:8">
      <c r="H245575" s="12"/>
    </row>
    <row r="245576" spans="8:8">
      <c r="H245576" s="12"/>
    </row>
    <row r="245577" spans="8:8">
      <c r="H245577" s="12"/>
    </row>
    <row r="245578" spans="8:8">
      <c r="H245578" s="12"/>
    </row>
    <row r="245579" spans="8:8">
      <c r="H245579" s="12"/>
    </row>
    <row r="245580" spans="8:8">
      <c r="H245580" s="12"/>
    </row>
    <row r="245581" spans="8:8">
      <c r="H245581" s="12"/>
    </row>
    <row r="245582" spans="8:8">
      <c r="H245582" s="12"/>
    </row>
    <row r="245583" spans="8:8">
      <c r="H245583" s="12"/>
    </row>
    <row r="245584" spans="8:8">
      <c r="H245584" s="12"/>
    </row>
    <row r="245585" spans="8:8">
      <c r="H245585" s="12"/>
    </row>
    <row r="245586" spans="8:8">
      <c r="H245586" s="12"/>
    </row>
    <row r="245587" spans="8:8">
      <c r="H245587" s="12"/>
    </row>
    <row r="245588" spans="8:8">
      <c r="H245588" s="12"/>
    </row>
    <row r="245589" spans="8:8">
      <c r="H245589" s="12"/>
    </row>
    <row r="245590" spans="8:8">
      <c r="H245590" s="12"/>
    </row>
    <row r="245591" spans="8:8">
      <c r="H245591" s="12"/>
    </row>
    <row r="245592" spans="8:8">
      <c r="H245592" s="12"/>
    </row>
    <row r="245593" spans="8:8">
      <c r="H245593" s="12"/>
    </row>
    <row r="245594" spans="8:8">
      <c r="H245594" s="12"/>
    </row>
    <row r="245595" spans="8:8">
      <c r="H245595" s="12"/>
    </row>
    <row r="245596" spans="8:8">
      <c r="H245596" s="12"/>
    </row>
    <row r="245597" spans="8:8">
      <c r="H245597" s="12"/>
    </row>
    <row r="245598" spans="8:8">
      <c r="H245598" s="12"/>
    </row>
    <row r="245599" spans="8:8">
      <c r="H245599" s="12"/>
    </row>
    <row r="245600" spans="8:8">
      <c r="H245600" s="12"/>
    </row>
    <row r="245601" spans="8:8">
      <c r="H245601" s="12"/>
    </row>
    <row r="245602" spans="8:8">
      <c r="H245602" s="12"/>
    </row>
    <row r="245603" spans="8:8">
      <c r="H245603" s="12"/>
    </row>
    <row r="245604" spans="8:8">
      <c r="H245604" s="12"/>
    </row>
    <row r="245605" spans="8:8">
      <c r="H245605" s="12"/>
    </row>
    <row r="245606" spans="8:8">
      <c r="H245606" s="12"/>
    </row>
    <row r="245607" spans="8:8">
      <c r="H245607" s="12"/>
    </row>
    <row r="245608" spans="8:8">
      <c r="H245608" s="12"/>
    </row>
    <row r="245609" spans="8:8">
      <c r="H245609" s="12"/>
    </row>
    <row r="245610" spans="8:8">
      <c r="H245610" s="12"/>
    </row>
    <row r="245611" spans="8:8">
      <c r="H245611" s="12"/>
    </row>
    <row r="245612" spans="8:8">
      <c r="H245612" s="12"/>
    </row>
    <row r="245613" spans="8:8">
      <c r="H245613" s="12"/>
    </row>
    <row r="245614" spans="8:8">
      <c r="H245614" s="12"/>
    </row>
    <row r="245615" spans="8:8">
      <c r="H245615" s="12"/>
    </row>
    <row r="245616" spans="8:8">
      <c r="H245616" s="12"/>
    </row>
    <row r="245617" spans="8:8">
      <c r="H245617" s="12"/>
    </row>
    <row r="245618" spans="8:8">
      <c r="H245618" s="12"/>
    </row>
    <row r="245619" spans="8:8">
      <c r="H245619" s="12"/>
    </row>
    <row r="245620" spans="8:8">
      <c r="H245620" s="12"/>
    </row>
    <row r="245621" spans="8:8">
      <c r="H245621" s="12"/>
    </row>
    <row r="245622" spans="8:8">
      <c r="H245622" s="12"/>
    </row>
    <row r="245623" spans="8:8">
      <c r="H245623" s="12"/>
    </row>
    <row r="245624" spans="8:8">
      <c r="H245624" s="12"/>
    </row>
    <row r="245625" spans="8:8">
      <c r="H245625" s="12"/>
    </row>
    <row r="245626" spans="8:8">
      <c r="H245626" s="12"/>
    </row>
    <row r="245627" spans="8:8">
      <c r="H245627" s="12"/>
    </row>
    <row r="245628" spans="8:8">
      <c r="H245628" s="12"/>
    </row>
    <row r="245629" spans="8:8">
      <c r="H245629" s="12"/>
    </row>
    <row r="245630" spans="8:8">
      <c r="H245630" s="12"/>
    </row>
    <row r="245631" spans="8:8">
      <c r="H245631" s="12"/>
    </row>
    <row r="245632" spans="8:8">
      <c r="H245632" s="12"/>
    </row>
    <row r="245633" spans="8:8">
      <c r="H245633" s="12"/>
    </row>
    <row r="245634" spans="8:8">
      <c r="H245634" s="12"/>
    </row>
    <row r="245635" spans="8:8">
      <c r="H245635" s="12"/>
    </row>
    <row r="245636" spans="8:8">
      <c r="H245636" s="12"/>
    </row>
    <row r="245637" spans="8:8">
      <c r="H245637" s="12"/>
    </row>
    <row r="245638" spans="8:8">
      <c r="H245638" s="12"/>
    </row>
    <row r="245639" spans="8:8">
      <c r="H245639" s="12"/>
    </row>
    <row r="245640" spans="8:8">
      <c r="H245640" s="12"/>
    </row>
    <row r="245641" spans="8:8">
      <c r="H245641" s="12"/>
    </row>
    <row r="245642" spans="8:8">
      <c r="H245642" s="12"/>
    </row>
    <row r="245643" spans="8:8">
      <c r="H245643" s="12"/>
    </row>
    <row r="245644" spans="8:8">
      <c r="H245644" s="12"/>
    </row>
    <row r="245645" spans="8:8">
      <c r="H245645" s="12"/>
    </row>
    <row r="245646" spans="8:8">
      <c r="H245646" s="12"/>
    </row>
    <row r="245647" spans="8:8">
      <c r="H245647" s="12"/>
    </row>
    <row r="245648" spans="8:8">
      <c r="H245648" s="12"/>
    </row>
    <row r="245649" spans="8:8">
      <c r="H245649" s="12"/>
    </row>
    <row r="245650" spans="8:8">
      <c r="H245650" s="12"/>
    </row>
    <row r="245651" spans="8:8">
      <c r="H245651" s="12"/>
    </row>
    <row r="245652" spans="8:8">
      <c r="H245652" s="12"/>
    </row>
    <row r="245653" spans="8:8">
      <c r="H245653" s="12"/>
    </row>
    <row r="245654" spans="8:8">
      <c r="H245654" s="12"/>
    </row>
    <row r="245655" spans="8:8">
      <c r="H245655" s="12"/>
    </row>
    <row r="245656" spans="8:8">
      <c r="H245656" s="12"/>
    </row>
    <row r="245657" spans="8:8">
      <c r="H245657" s="12"/>
    </row>
    <row r="245658" spans="8:8">
      <c r="H245658" s="12"/>
    </row>
    <row r="245659" spans="8:8">
      <c r="H245659" s="12"/>
    </row>
    <row r="245660" spans="8:8">
      <c r="H245660" s="12"/>
    </row>
    <row r="245661" spans="8:8">
      <c r="H245661" s="12"/>
    </row>
    <row r="245662" spans="8:8">
      <c r="H245662" s="12"/>
    </row>
    <row r="245663" spans="8:8">
      <c r="H245663" s="12"/>
    </row>
    <row r="245664" spans="8:8">
      <c r="H245664" s="12"/>
    </row>
    <row r="245665" spans="8:8">
      <c r="H245665" s="12"/>
    </row>
    <row r="245666" spans="8:8">
      <c r="H245666" s="12"/>
    </row>
    <row r="245667" spans="8:8">
      <c r="H245667" s="12"/>
    </row>
    <row r="245668" spans="8:8">
      <c r="H245668" s="12"/>
    </row>
    <row r="245669" spans="8:8">
      <c r="H245669" s="12"/>
    </row>
    <row r="245670" spans="8:8">
      <c r="H245670" s="12"/>
    </row>
    <row r="245671" spans="8:8">
      <c r="H245671" s="12"/>
    </row>
    <row r="245672" spans="8:8">
      <c r="H245672" s="12"/>
    </row>
    <row r="245673" spans="8:8">
      <c r="H245673" s="12"/>
    </row>
    <row r="245674" spans="8:8">
      <c r="H245674" s="12"/>
    </row>
    <row r="245675" spans="8:8">
      <c r="H245675" s="12"/>
    </row>
    <row r="245676" spans="8:8">
      <c r="H245676" s="12"/>
    </row>
    <row r="245677" spans="8:8">
      <c r="H245677" s="12"/>
    </row>
    <row r="245678" spans="8:8">
      <c r="H245678" s="12"/>
    </row>
    <row r="245679" spans="8:8">
      <c r="H245679" s="12"/>
    </row>
    <row r="245680" spans="8:8">
      <c r="H245680" s="12"/>
    </row>
    <row r="245681" spans="8:8">
      <c r="H245681" s="12"/>
    </row>
    <row r="245682" spans="8:8">
      <c r="H245682" s="12"/>
    </row>
    <row r="245683" spans="8:8">
      <c r="H245683" s="12"/>
    </row>
    <row r="245684" spans="8:8">
      <c r="H245684" s="12"/>
    </row>
    <row r="245685" spans="8:8">
      <c r="H245685" s="12"/>
    </row>
    <row r="245686" spans="8:8">
      <c r="H245686" s="12"/>
    </row>
    <row r="245687" spans="8:8">
      <c r="H245687" s="12"/>
    </row>
    <row r="245688" spans="8:8">
      <c r="H245688" s="12"/>
    </row>
    <row r="245689" spans="8:8">
      <c r="H245689" s="12"/>
    </row>
    <row r="245690" spans="8:8">
      <c r="H245690" s="12"/>
    </row>
    <row r="245691" spans="8:8">
      <c r="H245691" s="12"/>
    </row>
    <row r="245692" spans="8:8">
      <c r="H245692" s="12"/>
    </row>
    <row r="245693" spans="8:8">
      <c r="H245693" s="12"/>
    </row>
    <row r="245694" spans="8:8">
      <c r="H245694" s="12"/>
    </row>
    <row r="245695" spans="8:8">
      <c r="H245695" s="12"/>
    </row>
    <row r="245696" spans="8:8">
      <c r="H245696" s="12"/>
    </row>
    <row r="245697" spans="8:8">
      <c r="H245697" s="12"/>
    </row>
    <row r="245698" spans="8:8">
      <c r="H245698" s="12"/>
    </row>
    <row r="245699" spans="8:8">
      <c r="H245699" s="12"/>
    </row>
    <row r="245700" spans="8:8">
      <c r="H245700" s="12"/>
    </row>
    <row r="245701" spans="8:8">
      <c r="H245701" s="12"/>
    </row>
    <row r="245702" spans="8:8">
      <c r="H245702" s="12"/>
    </row>
    <row r="245703" spans="8:8">
      <c r="H245703" s="12"/>
    </row>
    <row r="245704" spans="8:8">
      <c r="H245704" s="12"/>
    </row>
    <row r="245705" spans="8:8">
      <c r="H245705" s="12"/>
    </row>
    <row r="245706" spans="8:8">
      <c r="H245706" s="12"/>
    </row>
    <row r="245707" spans="8:8">
      <c r="H245707" s="12"/>
    </row>
    <row r="245708" spans="8:8">
      <c r="H245708" s="12"/>
    </row>
    <row r="245709" spans="8:8">
      <c r="H245709" s="12"/>
    </row>
    <row r="245710" spans="8:8">
      <c r="H245710" s="12"/>
    </row>
    <row r="245711" spans="8:8">
      <c r="H245711" s="12"/>
    </row>
    <row r="245712" spans="8:8">
      <c r="H245712" s="12"/>
    </row>
    <row r="245713" spans="8:8">
      <c r="H245713" s="12"/>
    </row>
    <row r="245714" spans="8:8">
      <c r="H245714" s="12"/>
    </row>
    <row r="245715" spans="8:8">
      <c r="H245715" s="12"/>
    </row>
    <row r="245716" spans="8:8">
      <c r="H245716" s="12"/>
    </row>
    <row r="245717" spans="8:8">
      <c r="H245717" s="12"/>
    </row>
    <row r="245718" spans="8:8">
      <c r="H245718" s="12"/>
    </row>
    <row r="245719" spans="8:8">
      <c r="H245719" s="12"/>
    </row>
    <row r="245720" spans="8:8">
      <c r="H245720" s="12"/>
    </row>
    <row r="245721" spans="8:8">
      <c r="H245721" s="12"/>
    </row>
    <row r="245722" spans="8:8">
      <c r="H245722" s="12"/>
    </row>
    <row r="245723" spans="8:8">
      <c r="H245723" s="12"/>
    </row>
    <row r="245724" spans="8:8">
      <c r="H245724" s="12"/>
    </row>
    <row r="245725" spans="8:8">
      <c r="H245725" s="12"/>
    </row>
    <row r="245726" spans="8:8">
      <c r="H245726" s="12"/>
    </row>
    <row r="245727" spans="8:8">
      <c r="H245727" s="12"/>
    </row>
    <row r="245728" spans="8:8">
      <c r="H245728" s="12"/>
    </row>
    <row r="245729" spans="8:8">
      <c r="H245729" s="12"/>
    </row>
    <row r="245730" spans="8:8">
      <c r="H245730" s="12"/>
    </row>
    <row r="245731" spans="8:8">
      <c r="H245731" s="12"/>
    </row>
    <row r="245732" spans="8:8">
      <c r="H245732" s="12"/>
    </row>
    <row r="245733" spans="8:8">
      <c r="H245733" s="12"/>
    </row>
    <row r="245734" spans="8:8">
      <c r="H245734" s="12"/>
    </row>
    <row r="245735" spans="8:8">
      <c r="H245735" s="12"/>
    </row>
    <row r="245736" spans="8:8">
      <c r="H245736" s="12"/>
    </row>
    <row r="245737" spans="8:8">
      <c r="H245737" s="12"/>
    </row>
    <row r="245738" spans="8:8">
      <c r="H245738" s="12"/>
    </row>
    <row r="245739" spans="8:8">
      <c r="H245739" s="12"/>
    </row>
    <row r="245740" spans="8:8">
      <c r="H245740" s="12"/>
    </row>
    <row r="245741" spans="8:8">
      <c r="H245741" s="12"/>
    </row>
    <row r="245742" spans="8:8">
      <c r="H245742" s="12"/>
    </row>
    <row r="245743" spans="8:8">
      <c r="H245743" s="12"/>
    </row>
    <row r="245744" spans="8:8">
      <c r="H245744" s="12"/>
    </row>
    <row r="245745" spans="8:8">
      <c r="H245745" s="12"/>
    </row>
    <row r="245746" spans="8:8">
      <c r="H245746" s="12"/>
    </row>
    <row r="245747" spans="8:8">
      <c r="H245747" s="12"/>
    </row>
    <row r="245748" spans="8:8">
      <c r="H245748" s="12"/>
    </row>
    <row r="245749" spans="8:8">
      <c r="H245749" s="12"/>
    </row>
    <row r="245750" spans="8:8">
      <c r="H245750" s="12"/>
    </row>
    <row r="245751" spans="8:8">
      <c r="H245751" s="12"/>
    </row>
    <row r="245752" spans="8:8">
      <c r="H245752" s="12"/>
    </row>
    <row r="245753" spans="8:8">
      <c r="H245753" s="12"/>
    </row>
    <row r="245754" spans="8:8">
      <c r="H245754" s="12"/>
    </row>
    <row r="245755" spans="8:8">
      <c r="H245755" s="12"/>
    </row>
    <row r="245756" spans="8:8">
      <c r="H245756" s="12"/>
    </row>
    <row r="245757" spans="8:8">
      <c r="H245757" s="12"/>
    </row>
    <row r="245758" spans="8:8">
      <c r="H245758" s="12"/>
    </row>
    <row r="245759" spans="8:8">
      <c r="H245759" s="12"/>
    </row>
    <row r="245760" spans="8:8">
      <c r="H245760" s="12"/>
    </row>
    <row r="245761" spans="8:8">
      <c r="H245761" s="12"/>
    </row>
    <row r="245762" spans="8:8">
      <c r="H245762" s="12"/>
    </row>
    <row r="245763" spans="8:8">
      <c r="H245763" s="12"/>
    </row>
    <row r="245764" spans="8:8">
      <c r="H245764" s="12"/>
    </row>
    <row r="245765" spans="8:8">
      <c r="H245765" s="12"/>
    </row>
    <row r="245766" spans="8:8">
      <c r="H245766" s="12"/>
    </row>
    <row r="245767" spans="8:8">
      <c r="H245767" s="12"/>
    </row>
    <row r="245768" spans="8:8">
      <c r="H245768" s="12"/>
    </row>
    <row r="245769" spans="8:8">
      <c r="H245769" s="12"/>
    </row>
    <row r="245770" spans="8:8">
      <c r="H245770" s="12"/>
    </row>
    <row r="245771" spans="8:8">
      <c r="H245771" s="12"/>
    </row>
    <row r="245772" spans="8:8">
      <c r="H245772" s="12"/>
    </row>
    <row r="245773" spans="8:8">
      <c r="H245773" s="12"/>
    </row>
    <row r="245774" spans="8:8">
      <c r="H245774" s="12"/>
    </row>
    <row r="245775" spans="8:8">
      <c r="H245775" s="12"/>
    </row>
    <row r="245776" spans="8:8">
      <c r="H245776" s="12"/>
    </row>
    <row r="245777" spans="8:8">
      <c r="H245777" s="12"/>
    </row>
    <row r="245778" spans="8:8">
      <c r="H245778" s="12"/>
    </row>
    <row r="245779" spans="8:8">
      <c r="H245779" s="12"/>
    </row>
    <row r="245780" spans="8:8">
      <c r="H245780" s="12"/>
    </row>
    <row r="245781" spans="8:8">
      <c r="H245781" s="12"/>
    </row>
    <row r="245782" spans="8:8">
      <c r="H245782" s="12"/>
    </row>
    <row r="245783" spans="8:8">
      <c r="H245783" s="12"/>
    </row>
    <row r="245784" spans="8:8">
      <c r="H245784" s="12"/>
    </row>
    <row r="245785" spans="8:8">
      <c r="H245785" s="12"/>
    </row>
    <row r="245786" spans="8:8">
      <c r="H245786" s="12"/>
    </row>
    <row r="245787" spans="8:8">
      <c r="H245787" s="12"/>
    </row>
    <row r="245788" spans="8:8">
      <c r="H245788" s="12"/>
    </row>
    <row r="245789" spans="8:8">
      <c r="H245789" s="12"/>
    </row>
    <row r="245790" spans="8:8">
      <c r="H245790" s="12"/>
    </row>
    <row r="245791" spans="8:8">
      <c r="H245791" s="12"/>
    </row>
    <row r="245792" spans="8:8">
      <c r="H245792" s="12"/>
    </row>
    <row r="245793" spans="8:8">
      <c r="H245793" s="12"/>
    </row>
    <row r="245794" spans="8:8">
      <c r="H245794" s="12"/>
    </row>
    <row r="245795" spans="8:8">
      <c r="H245795" s="12"/>
    </row>
    <row r="245796" spans="8:8">
      <c r="H245796" s="12"/>
    </row>
    <row r="245797" spans="8:8">
      <c r="H245797" s="12"/>
    </row>
    <row r="245798" spans="8:8">
      <c r="H245798" s="12"/>
    </row>
    <row r="245799" spans="8:8">
      <c r="H245799" s="12"/>
    </row>
    <row r="245800" spans="8:8">
      <c r="H245800" s="12"/>
    </row>
    <row r="245801" spans="8:8">
      <c r="H245801" s="12"/>
    </row>
    <row r="245802" spans="8:8">
      <c r="H245802" s="12"/>
    </row>
    <row r="245803" spans="8:8">
      <c r="H245803" s="12"/>
    </row>
    <row r="245804" spans="8:8">
      <c r="H245804" s="12"/>
    </row>
    <row r="245805" spans="8:8">
      <c r="H245805" s="12"/>
    </row>
    <row r="245806" spans="8:8">
      <c r="H245806" s="12"/>
    </row>
    <row r="245807" spans="8:8">
      <c r="H245807" s="12"/>
    </row>
    <row r="245808" spans="8:8">
      <c r="H245808" s="12"/>
    </row>
    <row r="245809" spans="8:8">
      <c r="H245809" s="12"/>
    </row>
    <row r="245810" spans="8:8">
      <c r="H245810" s="12"/>
    </row>
    <row r="245811" spans="8:8">
      <c r="H245811" s="12"/>
    </row>
    <row r="245812" spans="8:8">
      <c r="H245812" s="12"/>
    </row>
    <row r="245813" spans="8:8">
      <c r="H245813" s="12"/>
    </row>
    <row r="245814" spans="8:8">
      <c r="H245814" s="12"/>
    </row>
    <row r="245815" spans="8:8">
      <c r="H245815" s="12"/>
    </row>
    <row r="245816" spans="8:8">
      <c r="H245816" s="12"/>
    </row>
    <row r="245817" spans="8:8">
      <c r="H245817" s="12"/>
    </row>
    <row r="245818" spans="8:8">
      <c r="H245818" s="12"/>
    </row>
    <row r="245819" spans="8:8">
      <c r="H245819" s="12"/>
    </row>
    <row r="245820" spans="8:8">
      <c r="H245820" s="12"/>
    </row>
    <row r="245821" spans="8:8">
      <c r="H245821" s="12"/>
    </row>
    <row r="245822" spans="8:8">
      <c r="H245822" s="12"/>
    </row>
    <row r="245823" spans="8:8">
      <c r="H245823" s="12"/>
    </row>
    <row r="245824" spans="8:8">
      <c r="H245824" s="12"/>
    </row>
    <row r="245825" spans="8:8">
      <c r="H245825" s="12"/>
    </row>
    <row r="245826" spans="8:8">
      <c r="H245826" s="12"/>
    </row>
    <row r="245827" spans="8:8">
      <c r="H245827" s="12"/>
    </row>
    <row r="245828" spans="8:8">
      <c r="H245828" s="12"/>
    </row>
    <row r="245829" spans="8:8">
      <c r="H245829" s="12"/>
    </row>
    <row r="245830" spans="8:8">
      <c r="H245830" s="12"/>
    </row>
    <row r="245831" spans="8:8">
      <c r="H245831" s="12"/>
    </row>
    <row r="245832" spans="8:8">
      <c r="H245832" s="12"/>
    </row>
    <row r="245833" spans="8:8">
      <c r="H245833" s="12"/>
    </row>
    <row r="245834" spans="8:8">
      <c r="H245834" s="12"/>
    </row>
    <row r="245835" spans="8:8">
      <c r="H245835" s="12"/>
    </row>
    <row r="245836" spans="8:8">
      <c r="H245836" s="12"/>
    </row>
    <row r="245837" spans="8:8">
      <c r="H245837" s="12"/>
    </row>
    <row r="245838" spans="8:8">
      <c r="H245838" s="12"/>
    </row>
    <row r="245839" spans="8:8">
      <c r="H245839" s="12"/>
    </row>
    <row r="245840" spans="8:8">
      <c r="H245840" s="12"/>
    </row>
    <row r="245841" spans="8:8">
      <c r="H245841" s="12"/>
    </row>
    <row r="245842" spans="8:8">
      <c r="H245842" s="12"/>
    </row>
    <row r="245843" spans="8:8">
      <c r="H245843" s="12"/>
    </row>
    <row r="245844" spans="8:8">
      <c r="H245844" s="12"/>
    </row>
    <row r="245845" spans="8:8">
      <c r="H245845" s="12"/>
    </row>
    <row r="245846" spans="8:8">
      <c r="H245846" s="12"/>
    </row>
    <row r="245847" spans="8:8">
      <c r="H245847" s="12"/>
    </row>
    <row r="245848" spans="8:8">
      <c r="H245848" s="12"/>
    </row>
    <row r="245849" spans="8:8">
      <c r="H245849" s="12"/>
    </row>
    <row r="245850" spans="8:8">
      <c r="H245850" s="12"/>
    </row>
    <row r="245851" spans="8:8">
      <c r="H245851" s="12"/>
    </row>
    <row r="245852" spans="8:8">
      <c r="H245852" s="12"/>
    </row>
    <row r="245853" spans="8:8">
      <c r="H245853" s="12"/>
    </row>
    <row r="245854" spans="8:8">
      <c r="H245854" s="12"/>
    </row>
    <row r="245855" spans="8:8">
      <c r="H245855" s="12"/>
    </row>
    <row r="245856" spans="8:8">
      <c r="H245856" s="12"/>
    </row>
    <row r="245857" spans="8:8">
      <c r="H245857" s="12"/>
    </row>
    <row r="245858" spans="8:8">
      <c r="H245858" s="12"/>
    </row>
    <row r="245859" spans="8:8">
      <c r="H245859" s="12"/>
    </row>
    <row r="245860" spans="8:8">
      <c r="H245860" s="12"/>
    </row>
    <row r="245861" spans="8:8">
      <c r="H245861" s="12"/>
    </row>
    <row r="245862" spans="8:8">
      <c r="H245862" s="12"/>
    </row>
    <row r="245863" spans="8:8">
      <c r="H245863" s="12"/>
    </row>
    <row r="245864" spans="8:8">
      <c r="H245864" s="12"/>
    </row>
    <row r="245865" spans="8:8">
      <c r="H245865" s="12"/>
    </row>
    <row r="245866" spans="8:8">
      <c r="H245866" s="12"/>
    </row>
    <row r="245867" spans="8:8">
      <c r="H245867" s="12"/>
    </row>
    <row r="245868" spans="8:8">
      <c r="H245868" s="12"/>
    </row>
    <row r="245869" spans="8:8">
      <c r="H245869" s="12"/>
    </row>
    <row r="245870" spans="8:8">
      <c r="H245870" s="12"/>
    </row>
    <row r="245871" spans="8:8">
      <c r="H245871" s="12"/>
    </row>
    <row r="245872" spans="8:8">
      <c r="H245872" s="12"/>
    </row>
    <row r="245873" spans="8:8">
      <c r="H245873" s="12"/>
    </row>
    <row r="245874" spans="8:8">
      <c r="H245874" s="12"/>
    </row>
    <row r="245875" spans="8:8">
      <c r="H245875" s="12"/>
    </row>
    <row r="245876" spans="8:8">
      <c r="H245876" s="12"/>
    </row>
    <row r="245877" spans="8:8">
      <c r="H245877" s="12"/>
    </row>
    <row r="245878" spans="8:8">
      <c r="H245878" s="12"/>
    </row>
    <row r="245879" spans="8:8">
      <c r="H245879" s="12"/>
    </row>
    <row r="245880" spans="8:8">
      <c r="H245880" s="12"/>
    </row>
    <row r="245881" spans="8:8">
      <c r="H245881" s="12"/>
    </row>
    <row r="245882" spans="8:8">
      <c r="H245882" s="12"/>
    </row>
    <row r="245883" spans="8:8">
      <c r="H245883" s="12"/>
    </row>
    <row r="245884" spans="8:8">
      <c r="H245884" s="12"/>
    </row>
    <row r="245885" spans="8:8">
      <c r="H245885" s="12"/>
    </row>
    <row r="245886" spans="8:8">
      <c r="H245886" s="12"/>
    </row>
    <row r="245887" spans="8:8">
      <c r="H245887" s="12"/>
    </row>
    <row r="245888" spans="8:8">
      <c r="H245888" s="12"/>
    </row>
    <row r="245889" spans="8:8">
      <c r="H245889" s="12"/>
    </row>
    <row r="245890" spans="8:8">
      <c r="H245890" s="12"/>
    </row>
    <row r="245891" spans="8:8">
      <c r="H245891" s="12"/>
    </row>
    <row r="245892" spans="8:8">
      <c r="H245892" s="12"/>
    </row>
    <row r="245893" spans="8:8">
      <c r="H245893" s="12"/>
    </row>
    <row r="245894" spans="8:8">
      <c r="H245894" s="12"/>
    </row>
    <row r="245895" spans="8:8">
      <c r="H245895" s="12"/>
    </row>
    <row r="245896" spans="8:8">
      <c r="H245896" s="12"/>
    </row>
    <row r="245897" spans="8:8">
      <c r="H245897" s="12"/>
    </row>
    <row r="245898" spans="8:8">
      <c r="H245898" s="12"/>
    </row>
    <row r="245899" spans="8:8">
      <c r="H245899" s="12"/>
    </row>
    <row r="245900" spans="8:8">
      <c r="H245900" s="12"/>
    </row>
    <row r="245901" spans="8:8">
      <c r="H245901" s="12"/>
    </row>
    <row r="245902" spans="8:8">
      <c r="H245902" s="12"/>
    </row>
    <row r="245903" spans="8:8">
      <c r="H245903" s="12"/>
    </row>
    <row r="245904" spans="8:8">
      <c r="H245904" s="12"/>
    </row>
    <row r="245905" spans="8:8">
      <c r="H245905" s="12"/>
    </row>
    <row r="245906" spans="8:8">
      <c r="H245906" s="12"/>
    </row>
    <row r="245907" spans="8:8">
      <c r="H245907" s="12"/>
    </row>
    <row r="245908" spans="8:8">
      <c r="H245908" s="12"/>
    </row>
    <row r="245909" spans="8:8">
      <c r="H245909" s="12"/>
    </row>
    <row r="245910" spans="8:8">
      <c r="H245910" s="12"/>
    </row>
    <row r="245911" spans="8:8">
      <c r="H245911" s="12"/>
    </row>
    <row r="245912" spans="8:8">
      <c r="H245912" s="12"/>
    </row>
    <row r="245913" spans="8:8">
      <c r="H245913" s="12"/>
    </row>
    <row r="245914" spans="8:8">
      <c r="H245914" s="12"/>
    </row>
    <row r="245915" spans="8:8">
      <c r="H245915" s="12"/>
    </row>
    <row r="245916" spans="8:8">
      <c r="H245916" s="12"/>
    </row>
    <row r="245917" spans="8:8">
      <c r="H245917" s="12"/>
    </row>
    <row r="245918" spans="8:8">
      <c r="H245918" s="12"/>
    </row>
    <row r="245919" spans="8:8">
      <c r="H245919" s="12"/>
    </row>
    <row r="245920" spans="8:8">
      <c r="H245920" s="12"/>
    </row>
    <row r="245921" spans="8:8">
      <c r="H245921" s="12"/>
    </row>
    <row r="245922" spans="8:8">
      <c r="H245922" s="12"/>
    </row>
    <row r="245923" spans="8:8">
      <c r="H245923" s="12"/>
    </row>
    <row r="245924" spans="8:8">
      <c r="H245924" s="12"/>
    </row>
    <row r="245925" spans="8:8">
      <c r="H245925" s="12"/>
    </row>
    <row r="245926" spans="8:8">
      <c r="H245926" s="12"/>
    </row>
    <row r="245927" spans="8:8">
      <c r="H245927" s="12"/>
    </row>
    <row r="245928" spans="8:8">
      <c r="H245928" s="12"/>
    </row>
    <row r="245929" spans="8:8">
      <c r="H245929" s="12"/>
    </row>
    <row r="245930" spans="8:8">
      <c r="H245930" s="12"/>
    </row>
    <row r="245931" spans="8:8">
      <c r="H245931" s="12"/>
    </row>
    <row r="245932" spans="8:8">
      <c r="H245932" s="12"/>
    </row>
    <row r="245933" spans="8:8">
      <c r="H245933" s="12"/>
    </row>
    <row r="245934" spans="8:8">
      <c r="H245934" s="12"/>
    </row>
    <row r="245935" spans="8:8">
      <c r="H245935" s="12"/>
    </row>
    <row r="245936" spans="8:8">
      <c r="H245936" s="12"/>
    </row>
    <row r="245937" spans="8:8">
      <c r="H245937" s="12"/>
    </row>
    <row r="245938" spans="8:8">
      <c r="H245938" s="12"/>
    </row>
    <row r="245939" spans="8:8">
      <c r="H245939" s="12"/>
    </row>
    <row r="245940" spans="8:8">
      <c r="H245940" s="12"/>
    </row>
    <row r="245941" spans="8:8">
      <c r="H245941" s="12"/>
    </row>
    <row r="245942" spans="8:8">
      <c r="H245942" s="12"/>
    </row>
    <row r="245943" spans="8:8">
      <c r="H245943" s="12"/>
    </row>
    <row r="245944" spans="8:8">
      <c r="H245944" s="12"/>
    </row>
    <row r="245945" spans="8:8">
      <c r="H245945" s="12"/>
    </row>
    <row r="245946" spans="8:8">
      <c r="H245946" s="12"/>
    </row>
    <row r="245947" spans="8:8">
      <c r="H245947" s="12"/>
    </row>
    <row r="245948" spans="8:8">
      <c r="H245948" s="12"/>
    </row>
    <row r="245949" spans="8:8">
      <c r="H245949" s="12"/>
    </row>
    <row r="245950" spans="8:8">
      <c r="H245950" s="12"/>
    </row>
    <row r="245951" spans="8:8">
      <c r="H245951" s="12"/>
    </row>
    <row r="245952" spans="8:8">
      <c r="H245952" s="12"/>
    </row>
    <row r="245953" spans="8:8">
      <c r="H245953" s="12"/>
    </row>
    <row r="245954" spans="8:8">
      <c r="H245954" s="12"/>
    </row>
    <row r="245955" spans="8:8">
      <c r="H245955" s="12"/>
    </row>
    <row r="245956" spans="8:8">
      <c r="H245956" s="12"/>
    </row>
    <row r="245957" spans="8:8">
      <c r="H245957" s="12"/>
    </row>
    <row r="245958" spans="8:8">
      <c r="H245958" s="12"/>
    </row>
    <row r="245959" spans="8:8">
      <c r="H245959" s="12"/>
    </row>
    <row r="245960" spans="8:8">
      <c r="H245960" s="12"/>
    </row>
    <row r="245961" spans="8:8">
      <c r="H245961" s="12"/>
    </row>
    <row r="245962" spans="8:8">
      <c r="H245962" s="12"/>
    </row>
    <row r="245963" spans="8:8">
      <c r="H245963" s="12"/>
    </row>
    <row r="245964" spans="8:8">
      <c r="H245964" s="12"/>
    </row>
    <row r="245965" spans="8:8">
      <c r="H245965" s="12"/>
    </row>
    <row r="245966" spans="8:8">
      <c r="H245966" s="12"/>
    </row>
    <row r="245967" spans="8:8">
      <c r="H245967" s="12"/>
    </row>
    <row r="245968" spans="8:8">
      <c r="H245968" s="12"/>
    </row>
    <row r="245969" spans="8:8">
      <c r="H245969" s="12"/>
    </row>
    <row r="245970" spans="8:8">
      <c r="H245970" s="12"/>
    </row>
    <row r="245971" spans="8:8">
      <c r="H245971" s="12"/>
    </row>
    <row r="245972" spans="8:8">
      <c r="H245972" s="12"/>
    </row>
    <row r="245973" spans="8:8">
      <c r="H245973" s="12"/>
    </row>
    <row r="245974" spans="8:8">
      <c r="H245974" s="12"/>
    </row>
    <row r="245975" spans="8:8">
      <c r="H245975" s="12"/>
    </row>
    <row r="245976" spans="8:8">
      <c r="H245976" s="12"/>
    </row>
    <row r="245977" spans="8:8">
      <c r="H245977" s="12"/>
    </row>
    <row r="245978" spans="8:8">
      <c r="H245978" s="12"/>
    </row>
    <row r="245979" spans="8:8">
      <c r="H245979" s="12"/>
    </row>
    <row r="245980" spans="8:8">
      <c r="H245980" s="12"/>
    </row>
    <row r="245981" spans="8:8">
      <c r="H245981" s="12"/>
    </row>
    <row r="245982" spans="8:8">
      <c r="H245982" s="12"/>
    </row>
    <row r="245983" spans="8:8">
      <c r="H245983" s="12"/>
    </row>
    <row r="245984" spans="8:8">
      <c r="H245984" s="12"/>
    </row>
    <row r="245985" spans="8:8">
      <c r="H245985" s="12"/>
    </row>
    <row r="245986" spans="8:8">
      <c r="H245986" s="12"/>
    </row>
    <row r="245987" spans="8:8">
      <c r="H245987" s="12"/>
    </row>
    <row r="245988" spans="8:8">
      <c r="H245988" s="12"/>
    </row>
    <row r="245989" spans="8:8">
      <c r="H245989" s="12"/>
    </row>
    <row r="245990" spans="8:8">
      <c r="H245990" s="12"/>
    </row>
    <row r="245991" spans="8:8">
      <c r="H245991" s="12"/>
    </row>
    <row r="245992" spans="8:8">
      <c r="H245992" s="12"/>
    </row>
    <row r="245993" spans="8:8">
      <c r="H245993" s="12"/>
    </row>
    <row r="245994" spans="8:8">
      <c r="H245994" s="12"/>
    </row>
    <row r="245995" spans="8:8">
      <c r="H245995" s="12"/>
    </row>
    <row r="245996" spans="8:8">
      <c r="H245996" s="12"/>
    </row>
    <row r="245997" spans="8:8">
      <c r="H245997" s="12"/>
    </row>
    <row r="245998" spans="8:8">
      <c r="H245998" s="12"/>
    </row>
    <row r="245999" spans="8:8">
      <c r="H245999" s="12"/>
    </row>
    <row r="246000" spans="8:8">
      <c r="H246000" s="12"/>
    </row>
    <row r="246001" spans="8:8">
      <c r="H246001" s="12"/>
    </row>
    <row r="246002" spans="8:8">
      <c r="H246002" s="12"/>
    </row>
    <row r="246003" spans="8:8">
      <c r="H246003" s="12"/>
    </row>
    <row r="246004" spans="8:8">
      <c r="H246004" s="12"/>
    </row>
    <row r="246005" spans="8:8">
      <c r="H246005" s="12"/>
    </row>
    <row r="246006" spans="8:8">
      <c r="H246006" s="12"/>
    </row>
    <row r="246007" spans="8:8">
      <c r="H246007" s="12"/>
    </row>
    <row r="246008" spans="8:8">
      <c r="H246008" s="12"/>
    </row>
    <row r="246009" spans="8:8">
      <c r="H246009" s="12"/>
    </row>
    <row r="246010" spans="8:8">
      <c r="H246010" s="12"/>
    </row>
    <row r="246011" spans="8:8">
      <c r="H246011" s="12"/>
    </row>
    <row r="246012" spans="8:8">
      <c r="H246012" s="12"/>
    </row>
    <row r="246013" spans="8:8">
      <c r="H246013" s="12"/>
    </row>
    <row r="246014" spans="8:8">
      <c r="H246014" s="12"/>
    </row>
    <row r="246015" spans="8:8">
      <c r="H246015" s="12"/>
    </row>
    <row r="246016" spans="8:8">
      <c r="H246016" s="12"/>
    </row>
    <row r="246017" spans="8:8">
      <c r="H246017" s="12"/>
    </row>
    <row r="246018" spans="8:8">
      <c r="H246018" s="12"/>
    </row>
    <row r="246019" spans="8:8">
      <c r="H246019" s="12"/>
    </row>
    <row r="246020" spans="8:8">
      <c r="H246020" s="12"/>
    </row>
    <row r="246021" spans="8:8">
      <c r="H246021" s="12"/>
    </row>
    <row r="246022" spans="8:8">
      <c r="H246022" s="12"/>
    </row>
    <row r="246023" spans="8:8">
      <c r="H246023" s="12"/>
    </row>
    <row r="246024" spans="8:8">
      <c r="H246024" s="12"/>
    </row>
    <row r="246025" spans="8:8">
      <c r="H246025" s="12"/>
    </row>
    <row r="246026" spans="8:8">
      <c r="H246026" s="12"/>
    </row>
    <row r="246027" spans="8:8">
      <c r="H246027" s="12"/>
    </row>
    <row r="246028" spans="8:8">
      <c r="H246028" s="12"/>
    </row>
    <row r="246029" spans="8:8">
      <c r="H246029" s="12"/>
    </row>
    <row r="246030" spans="8:8">
      <c r="H246030" s="12"/>
    </row>
    <row r="246031" spans="8:8">
      <c r="H246031" s="12"/>
    </row>
    <row r="246032" spans="8:8">
      <c r="H246032" s="12"/>
    </row>
    <row r="246033" spans="8:8">
      <c r="H246033" s="12"/>
    </row>
    <row r="246034" spans="8:8">
      <c r="H246034" s="12"/>
    </row>
    <row r="246035" spans="8:8">
      <c r="H246035" s="12"/>
    </row>
    <row r="246036" spans="8:8">
      <c r="H246036" s="12"/>
    </row>
    <row r="246037" spans="8:8">
      <c r="H246037" s="12"/>
    </row>
    <row r="246038" spans="8:8">
      <c r="H246038" s="12"/>
    </row>
    <row r="246039" spans="8:8">
      <c r="H246039" s="12"/>
    </row>
    <row r="246040" spans="8:8">
      <c r="H246040" s="12"/>
    </row>
    <row r="246041" spans="8:8">
      <c r="H246041" s="12"/>
    </row>
    <row r="246042" spans="8:8">
      <c r="H246042" s="12"/>
    </row>
    <row r="246043" spans="8:8">
      <c r="H246043" s="12"/>
    </row>
    <row r="246044" spans="8:8">
      <c r="H246044" s="12"/>
    </row>
    <row r="246045" spans="8:8">
      <c r="H246045" s="12"/>
    </row>
    <row r="246046" spans="8:8">
      <c r="H246046" s="12"/>
    </row>
    <row r="246047" spans="8:8">
      <c r="H246047" s="12"/>
    </row>
    <row r="246048" spans="8:8">
      <c r="H246048" s="12"/>
    </row>
    <row r="246049" spans="8:8">
      <c r="H246049" s="12"/>
    </row>
    <row r="246050" spans="8:8">
      <c r="H246050" s="12"/>
    </row>
    <row r="246051" spans="8:8">
      <c r="H246051" s="12"/>
    </row>
    <row r="246052" spans="8:8">
      <c r="H246052" s="12"/>
    </row>
    <row r="246053" spans="8:8">
      <c r="H246053" s="12"/>
    </row>
    <row r="246054" spans="8:8">
      <c r="H246054" s="12"/>
    </row>
    <row r="246055" spans="8:8">
      <c r="H246055" s="12"/>
    </row>
    <row r="246056" spans="8:8">
      <c r="H246056" s="12"/>
    </row>
    <row r="246057" spans="8:8">
      <c r="H246057" s="12"/>
    </row>
    <row r="246058" spans="8:8">
      <c r="H246058" s="12"/>
    </row>
    <row r="246059" spans="8:8">
      <c r="H246059" s="12"/>
    </row>
    <row r="246060" spans="8:8">
      <c r="H246060" s="12"/>
    </row>
    <row r="246061" spans="8:8">
      <c r="H246061" s="12"/>
    </row>
    <row r="246062" spans="8:8">
      <c r="H246062" s="12"/>
    </row>
    <row r="246063" spans="8:8">
      <c r="H246063" s="12"/>
    </row>
    <row r="246064" spans="8:8">
      <c r="H246064" s="12"/>
    </row>
    <row r="246065" spans="8:8">
      <c r="H246065" s="12"/>
    </row>
    <row r="246066" spans="8:8">
      <c r="H246066" s="12"/>
    </row>
    <row r="246067" spans="8:8">
      <c r="H246067" s="12"/>
    </row>
    <row r="246068" spans="8:8">
      <c r="H246068" s="12"/>
    </row>
    <row r="246069" spans="8:8">
      <c r="H246069" s="12"/>
    </row>
    <row r="246070" spans="8:8">
      <c r="H246070" s="12"/>
    </row>
    <row r="246071" spans="8:8">
      <c r="H246071" s="12"/>
    </row>
    <row r="246072" spans="8:8">
      <c r="H246072" s="12"/>
    </row>
    <row r="246073" spans="8:8">
      <c r="H246073" s="12"/>
    </row>
    <row r="246074" spans="8:8">
      <c r="H246074" s="12"/>
    </row>
    <row r="246075" spans="8:8">
      <c r="H246075" s="12"/>
    </row>
    <row r="246076" spans="8:8">
      <c r="H246076" s="12"/>
    </row>
    <row r="246077" spans="8:8">
      <c r="H246077" s="12"/>
    </row>
    <row r="246078" spans="8:8">
      <c r="H246078" s="12"/>
    </row>
    <row r="246079" spans="8:8">
      <c r="H246079" s="12"/>
    </row>
    <row r="246080" spans="8:8">
      <c r="H246080" s="12"/>
    </row>
    <row r="246081" spans="8:8">
      <c r="H246081" s="12"/>
    </row>
    <row r="246082" spans="8:8">
      <c r="H246082" s="12"/>
    </row>
    <row r="246083" spans="8:8">
      <c r="H246083" s="12"/>
    </row>
    <row r="246084" spans="8:8">
      <c r="H246084" s="12"/>
    </row>
    <row r="246085" spans="8:8">
      <c r="H246085" s="12"/>
    </row>
    <row r="246086" spans="8:8">
      <c r="H246086" s="12"/>
    </row>
    <row r="246087" spans="8:8">
      <c r="H246087" s="12"/>
    </row>
    <row r="246088" spans="8:8">
      <c r="H246088" s="12"/>
    </row>
    <row r="246089" spans="8:8">
      <c r="H246089" s="12"/>
    </row>
    <row r="246090" spans="8:8">
      <c r="H246090" s="12"/>
    </row>
    <row r="246091" spans="8:8">
      <c r="H246091" s="12"/>
    </row>
    <row r="246092" spans="8:8">
      <c r="H246092" s="12"/>
    </row>
    <row r="246093" spans="8:8">
      <c r="H246093" s="12"/>
    </row>
    <row r="246094" spans="8:8">
      <c r="H246094" s="12"/>
    </row>
    <row r="246095" spans="8:8">
      <c r="H246095" s="12"/>
    </row>
    <row r="246096" spans="8:8">
      <c r="H246096" s="12"/>
    </row>
    <row r="246097" spans="8:8">
      <c r="H246097" s="12"/>
    </row>
    <row r="246098" spans="8:8">
      <c r="H246098" s="12"/>
    </row>
    <row r="246099" spans="8:8">
      <c r="H246099" s="12"/>
    </row>
    <row r="246100" spans="8:8">
      <c r="H246100" s="12"/>
    </row>
    <row r="246101" spans="8:8">
      <c r="H246101" s="12"/>
    </row>
    <row r="246102" spans="8:8">
      <c r="H246102" s="12"/>
    </row>
    <row r="246103" spans="8:8">
      <c r="H246103" s="12"/>
    </row>
    <row r="246104" spans="8:8">
      <c r="H246104" s="12"/>
    </row>
    <row r="246105" spans="8:8">
      <c r="H246105" s="12"/>
    </row>
    <row r="246106" spans="8:8">
      <c r="H246106" s="12"/>
    </row>
    <row r="246107" spans="8:8">
      <c r="H246107" s="12"/>
    </row>
    <row r="246108" spans="8:8">
      <c r="H246108" s="12"/>
    </row>
    <row r="246109" spans="8:8">
      <c r="H246109" s="12"/>
    </row>
    <row r="246110" spans="8:8">
      <c r="H246110" s="12"/>
    </row>
    <row r="246111" spans="8:8">
      <c r="H246111" s="12"/>
    </row>
    <row r="246112" spans="8:8">
      <c r="H246112" s="12"/>
    </row>
    <row r="246113" spans="8:8">
      <c r="H246113" s="12"/>
    </row>
    <row r="246114" spans="8:8">
      <c r="H246114" s="12"/>
    </row>
    <row r="246115" spans="8:8">
      <c r="H246115" s="12"/>
    </row>
    <row r="246116" spans="8:8">
      <c r="H246116" s="12"/>
    </row>
    <row r="246117" spans="8:8">
      <c r="H246117" s="12"/>
    </row>
    <row r="246118" spans="8:8">
      <c r="H246118" s="12"/>
    </row>
    <row r="246119" spans="8:8">
      <c r="H246119" s="12"/>
    </row>
    <row r="246120" spans="8:8">
      <c r="H246120" s="12"/>
    </row>
    <row r="246121" spans="8:8">
      <c r="H246121" s="12"/>
    </row>
    <row r="246122" spans="8:8">
      <c r="H246122" s="12"/>
    </row>
    <row r="246123" spans="8:8">
      <c r="H246123" s="12"/>
    </row>
    <row r="246124" spans="8:8">
      <c r="H246124" s="12"/>
    </row>
    <row r="246125" spans="8:8">
      <c r="H246125" s="12"/>
    </row>
    <row r="246126" spans="8:8">
      <c r="H246126" s="12"/>
    </row>
    <row r="246127" spans="8:8">
      <c r="H246127" s="12"/>
    </row>
    <row r="246128" spans="8:8">
      <c r="H246128" s="12"/>
    </row>
    <row r="246129" spans="8:8">
      <c r="H246129" s="12"/>
    </row>
    <row r="246130" spans="8:8">
      <c r="H246130" s="12"/>
    </row>
    <row r="246131" spans="8:8">
      <c r="H246131" s="12"/>
    </row>
    <row r="246132" spans="8:8">
      <c r="H246132" s="12"/>
    </row>
    <row r="246133" spans="8:8">
      <c r="H246133" s="12"/>
    </row>
    <row r="246134" spans="8:8">
      <c r="H246134" s="12"/>
    </row>
    <row r="246135" spans="8:8">
      <c r="H246135" s="12"/>
    </row>
    <row r="246136" spans="8:8">
      <c r="H246136" s="12"/>
    </row>
    <row r="246137" spans="8:8">
      <c r="H246137" s="12"/>
    </row>
    <row r="246138" spans="8:8">
      <c r="H246138" s="12"/>
    </row>
    <row r="246139" spans="8:8">
      <c r="H246139" s="12"/>
    </row>
    <row r="246140" spans="8:8">
      <c r="H246140" s="12"/>
    </row>
    <row r="246141" spans="8:8">
      <c r="H246141" s="12"/>
    </row>
    <row r="246142" spans="8:8">
      <c r="H246142" s="12"/>
    </row>
    <row r="246143" spans="8:8">
      <c r="H246143" s="12"/>
    </row>
    <row r="246144" spans="8:8">
      <c r="H246144" s="12"/>
    </row>
    <row r="246145" spans="8:8">
      <c r="H246145" s="12"/>
    </row>
    <row r="246146" spans="8:8">
      <c r="H246146" s="12"/>
    </row>
    <row r="246147" spans="8:8">
      <c r="H246147" s="12"/>
    </row>
    <row r="246148" spans="8:8">
      <c r="H246148" s="12"/>
    </row>
    <row r="246149" spans="8:8">
      <c r="H246149" s="12"/>
    </row>
    <row r="246150" spans="8:8">
      <c r="H246150" s="12"/>
    </row>
    <row r="246151" spans="8:8">
      <c r="H246151" s="12"/>
    </row>
    <row r="246152" spans="8:8">
      <c r="H246152" s="12"/>
    </row>
    <row r="246153" spans="8:8">
      <c r="H246153" s="12"/>
    </row>
    <row r="246154" spans="8:8">
      <c r="H246154" s="12"/>
    </row>
    <row r="246155" spans="8:8">
      <c r="H246155" s="12"/>
    </row>
    <row r="246156" spans="8:8">
      <c r="H246156" s="12"/>
    </row>
    <row r="246157" spans="8:8">
      <c r="H246157" s="12"/>
    </row>
    <row r="246158" spans="8:8">
      <c r="H246158" s="12"/>
    </row>
    <row r="246159" spans="8:8">
      <c r="H246159" s="12"/>
    </row>
    <row r="246160" spans="8:8">
      <c r="H246160" s="12"/>
    </row>
    <row r="246161" spans="8:8">
      <c r="H246161" s="12"/>
    </row>
    <row r="246162" spans="8:8">
      <c r="H246162" s="12"/>
    </row>
    <row r="246163" spans="8:8">
      <c r="H246163" s="12"/>
    </row>
    <row r="246164" spans="8:8">
      <c r="H246164" s="12"/>
    </row>
    <row r="246165" spans="8:8">
      <c r="H246165" s="12"/>
    </row>
    <row r="246166" spans="8:8">
      <c r="H246166" s="12"/>
    </row>
    <row r="246167" spans="8:8">
      <c r="H246167" s="12"/>
    </row>
    <row r="246168" spans="8:8">
      <c r="H246168" s="12"/>
    </row>
    <row r="246169" spans="8:8">
      <c r="H246169" s="12"/>
    </row>
    <row r="246170" spans="8:8">
      <c r="H246170" s="12"/>
    </row>
    <row r="246171" spans="8:8">
      <c r="H246171" s="12"/>
    </row>
    <row r="246172" spans="8:8">
      <c r="H246172" s="12"/>
    </row>
    <row r="246173" spans="8:8">
      <c r="H246173" s="12"/>
    </row>
    <row r="246174" spans="8:8">
      <c r="H246174" s="12"/>
    </row>
    <row r="246175" spans="8:8">
      <c r="H246175" s="12"/>
    </row>
    <row r="246176" spans="8:8">
      <c r="H246176" s="12"/>
    </row>
    <row r="246177" spans="8:8">
      <c r="H246177" s="12"/>
    </row>
    <row r="246178" spans="8:8">
      <c r="H246178" s="12"/>
    </row>
    <row r="246179" spans="8:8">
      <c r="H246179" s="12"/>
    </row>
    <row r="246180" spans="8:8">
      <c r="H246180" s="12"/>
    </row>
    <row r="246181" spans="8:8">
      <c r="H246181" s="12"/>
    </row>
    <row r="246182" spans="8:8">
      <c r="H246182" s="12"/>
    </row>
    <row r="246183" spans="8:8">
      <c r="H246183" s="12"/>
    </row>
    <row r="246184" spans="8:8">
      <c r="H246184" s="12"/>
    </row>
    <row r="246185" spans="8:8">
      <c r="H246185" s="12"/>
    </row>
    <row r="246186" spans="8:8">
      <c r="H246186" s="12"/>
    </row>
    <row r="246187" spans="8:8">
      <c r="H246187" s="12"/>
    </row>
    <row r="246188" spans="8:8">
      <c r="H246188" s="12"/>
    </row>
    <row r="246189" spans="8:8">
      <c r="H246189" s="12"/>
    </row>
    <row r="246190" spans="8:8">
      <c r="H246190" s="12"/>
    </row>
    <row r="246191" spans="8:8">
      <c r="H246191" s="12"/>
    </row>
    <row r="246192" spans="8:8">
      <c r="H246192" s="12"/>
    </row>
    <row r="246193" spans="8:8">
      <c r="H246193" s="12"/>
    </row>
    <row r="246194" spans="8:8">
      <c r="H246194" s="12"/>
    </row>
    <row r="246195" spans="8:8">
      <c r="H246195" s="12"/>
    </row>
    <row r="246196" spans="8:8">
      <c r="H246196" s="12"/>
    </row>
    <row r="246197" spans="8:8">
      <c r="H246197" s="12"/>
    </row>
    <row r="246198" spans="8:8">
      <c r="H246198" s="12"/>
    </row>
    <row r="246199" spans="8:8">
      <c r="H246199" s="12"/>
    </row>
    <row r="246200" spans="8:8">
      <c r="H246200" s="12"/>
    </row>
    <row r="246201" spans="8:8">
      <c r="H246201" s="12"/>
    </row>
    <row r="246202" spans="8:8">
      <c r="H246202" s="12"/>
    </row>
    <row r="246203" spans="8:8">
      <c r="H246203" s="12"/>
    </row>
    <row r="246204" spans="8:8">
      <c r="H246204" s="12"/>
    </row>
    <row r="246205" spans="8:8">
      <c r="H246205" s="12"/>
    </row>
    <row r="246206" spans="8:8">
      <c r="H246206" s="12"/>
    </row>
    <row r="246207" spans="8:8">
      <c r="H246207" s="12"/>
    </row>
    <row r="246208" spans="8:8">
      <c r="H246208" s="12"/>
    </row>
    <row r="246209" spans="8:8">
      <c r="H246209" s="12"/>
    </row>
    <row r="246210" spans="8:8">
      <c r="H246210" s="12"/>
    </row>
    <row r="246211" spans="8:8">
      <c r="H246211" s="12"/>
    </row>
    <row r="246212" spans="8:8">
      <c r="H246212" s="12"/>
    </row>
    <row r="246213" spans="8:8">
      <c r="H246213" s="12"/>
    </row>
    <row r="246214" spans="8:8">
      <c r="H246214" s="12"/>
    </row>
    <row r="246215" spans="8:8">
      <c r="H246215" s="12"/>
    </row>
    <row r="246216" spans="8:8">
      <c r="H246216" s="12"/>
    </row>
    <row r="246217" spans="8:8">
      <c r="H246217" s="12"/>
    </row>
    <row r="246218" spans="8:8">
      <c r="H246218" s="12"/>
    </row>
    <row r="246219" spans="8:8">
      <c r="H246219" s="12"/>
    </row>
    <row r="246220" spans="8:8">
      <c r="H246220" s="12"/>
    </row>
    <row r="246221" spans="8:8">
      <c r="H246221" s="12"/>
    </row>
    <row r="246222" spans="8:8">
      <c r="H246222" s="12"/>
    </row>
    <row r="246223" spans="8:8">
      <c r="H246223" s="12"/>
    </row>
    <row r="246224" spans="8:8">
      <c r="H246224" s="12"/>
    </row>
    <row r="246225" spans="8:8">
      <c r="H246225" s="12"/>
    </row>
    <row r="246226" spans="8:8">
      <c r="H246226" s="12"/>
    </row>
    <row r="246227" spans="8:8">
      <c r="H246227" s="12"/>
    </row>
    <row r="246228" spans="8:8">
      <c r="H246228" s="12"/>
    </row>
    <row r="246229" spans="8:8">
      <c r="H246229" s="12"/>
    </row>
    <row r="246230" spans="8:8">
      <c r="H246230" s="12"/>
    </row>
    <row r="246231" spans="8:8">
      <c r="H246231" s="12"/>
    </row>
    <row r="246232" spans="8:8">
      <c r="H246232" s="12"/>
    </row>
    <row r="246233" spans="8:8">
      <c r="H246233" s="12"/>
    </row>
    <row r="246234" spans="8:8">
      <c r="H246234" s="12"/>
    </row>
    <row r="246235" spans="8:8">
      <c r="H246235" s="12"/>
    </row>
    <row r="246236" spans="8:8">
      <c r="H246236" s="12"/>
    </row>
    <row r="246237" spans="8:8">
      <c r="H246237" s="12"/>
    </row>
    <row r="246238" spans="8:8">
      <c r="H246238" s="12"/>
    </row>
    <row r="246239" spans="8:8">
      <c r="H246239" s="12"/>
    </row>
    <row r="246240" spans="8:8">
      <c r="H246240" s="12"/>
    </row>
    <row r="246241" spans="8:8">
      <c r="H246241" s="12"/>
    </row>
    <row r="246242" spans="8:8">
      <c r="H246242" s="12"/>
    </row>
    <row r="246243" spans="8:8">
      <c r="H246243" s="12"/>
    </row>
    <row r="246244" spans="8:8">
      <c r="H246244" s="12"/>
    </row>
    <row r="246245" spans="8:8">
      <c r="H246245" s="12"/>
    </row>
    <row r="246246" spans="8:8">
      <c r="H246246" s="12"/>
    </row>
    <row r="246247" spans="8:8">
      <c r="H246247" s="12"/>
    </row>
    <row r="246248" spans="8:8">
      <c r="H246248" s="12"/>
    </row>
    <row r="246249" spans="8:8">
      <c r="H246249" s="12"/>
    </row>
    <row r="246250" spans="8:8">
      <c r="H246250" s="12"/>
    </row>
    <row r="246251" spans="8:8">
      <c r="H246251" s="12"/>
    </row>
    <row r="246252" spans="8:8">
      <c r="H246252" s="12"/>
    </row>
    <row r="246253" spans="8:8">
      <c r="H246253" s="12"/>
    </row>
    <row r="246254" spans="8:8">
      <c r="H246254" s="12"/>
    </row>
    <row r="246255" spans="8:8">
      <c r="H246255" s="12"/>
    </row>
    <row r="246256" spans="8:8">
      <c r="H246256" s="12"/>
    </row>
    <row r="246257" spans="8:8">
      <c r="H246257" s="12"/>
    </row>
    <row r="246258" spans="8:8">
      <c r="H246258" s="12"/>
    </row>
    <row r="246259" spans="8:8">
      <c r="H246259" s="12"/>
    </row>
    <row r="246260" spans="8:8">
      <c r="H246260" s="12"/>
    </row>
    <row r="246261" spans="8:8">
      <c r="H246261" s="12"/>
    </row>
    <row r="246262" spans="8:8">
      <c r="H246262" s="12"/>
    </row>
    <row r="246263" spans="8:8">
      <c r="H246263" s="12"/>
    </row>
    <row r="246264" spans="8:8">
      <c r="H246264" s="12"/>
    </row>
    <row r="246265" spans="8:8">
      <c r="H246265" s="12"/>
    </row>
    <row r="246266" spans="8:8">
      <c r="H246266" s="12"/>
    </row>
    <row r="246267" spans="8:8">
      <c r="H246267" s="12"/>
    </row>
    <row r="246268" spans="8:8">
      <c r="H246268" s="12"/>
    </row>
    <row r="246269" spans="8:8">
      <c r="H246269" s="12"/>
    </row>
    <row r="246270" spans="8:8">
      <c r="H246270" s="12"/>
    </row>
    <row r="246271" spans="8:8">
      <c r="H246271" s="12"/>
    </row>
    <row r="246272" spans="8:8">
      <c r="H246272" s="12"/>
    </row>
    <row r="246273" spans="8:8">
      <c r="H246273" s="12"/>
    </row>
    <row r="246274" spans="8:8">
      <c r="H246274" s="12"/>
    </row>
    <row r="246275" spans="8:8">
      <c r="H246275" s="12"/>
    </row>
    <row r="246276" spans="8:8">
      <c r="H246276" s="12"/>
    </row>
    <row r="246277" spans="8:8">
      <c r="H246277" s="12"/>
    </row>
    <row r="246278" spans="8:8">
      <c r="H246278" s="12"/>
    </row>
    <row r="246279" spans="8:8">
      <c r="H246279" s="12"/>
    </row>
    <row r="246280" spans="8:8">
      <c r="H246280" s="12"/>
    </row>
    <row r="246281" spans="8:8">
      <c r="H246281" s="12"/>
    </row>
    <row r="246282" spans="8:8">
      <c r="H246282" s="12"/>
    </row>
    <row r="246283" spans="8:8">
      <c r="H246283" s="12"/>
    </row>
    <row r="246284" spans="8:8">
      <c r="H246284" s="12"/>
    </row>
    <row r="246285" spans="8:8">
      <c r="H246285" s="12"/>
    </row>
    <row r="246286" spans="8:8">
      <c r="H246286" s="12"/>
    </row>
    <row r="246287" spans="8:8">
      <c r="H246287" s="12"/>
    </row>
    <row r="246288" spans="8:8">
      <c r="H246288" s="12"/>
    </row>
    <row r="246289" spans="8:8">
      <c r="H246289" s="12"/>
    </row>
    <row r="246290" spans="8:8">
      <c r="H246290" s="12"/>
    </row>
    <row r="246291" spans="8:8">
      <c r="H246291" s="12"/>
    </row>
    <row r="246292" spans="8:8">
      <c r="H246292" s="12"/>
    </row>
    <row r="246293" spans="8:8">
      <c r="H246293" s="12"/>
    </row>
    <row r="246294" spans="8:8">
      <c r="H246294" s="12"/>
    </row>
    <row r="246295" spans="8:8">
      <c r="H246295" s="12"/>
    </row>
    <row r="246296" spans="8:8">
      <c r="H246296" s="12"/>
    </row>
    <row r="246297" spans="8:8">
      <c r="H246297" s="12"/>
    </row>
    <row r="246298" spans="8:8">
      <c r="H246298" s="12"/>
    </row>
    <row r="246299" spans="8:8">
      <c r="H246299" s="12"/>
    </row>
    <row r="246300" spans="8:8">
      <c r="H246300" s="12"/>
    </row>
    <row r="246301" spans="8:8">
      <c r="H246301" s="12"/>
    </row>
    <row r="246302" spans="8:8">
      <c r="H246302" s="12"/>
    </row>
    <row r="246303" spans="8:8">
      <c r="H246303" s="12"/>
    </row>
    <row r="246304" spans="8:8">
      <c r="H246304" s="12"/>
    </row>
    <row r="246305" spans="8:8">
      <c r="H246305" s="12"/>
    </row>
    <row r="246306" spans="8:8">
      <c r="H246306" s="12"/>
    </row>
    <row r="246307" spans="8:8">
      <c r="H246307" s="12"/>
    </row>
    <row r="246308" spans="8:8">
      <c r="H246308" s="12"/>
    </row>
    <row r="246309" spans="8:8">
      <c r="H246309" s="12"/>
    </row>
    <row r="246310" spans="8:8">
      <c r="H246310" s="12"/>
    </row>
    <row r="246311" spans="8:8">
      <c r="H246311" s="12"/>
    </row>
    <row r="246312" spans="8:8">
      <c r="H246312" s="12"/>
    </row>
    <row r="246313" spans="8:8">
      <c r="H246313" s="12"/>
    </row>
    <row r="246314" spans="8:8">
      <c r="H246314" s="12"/>
    </row>
    <row r="246315" spans="8:8">
      <c r="H246315" s="12"/>
    </row>
    <row r="246316" spans="8:8">
      <c r="H246316" s="12"/>
    </row>
    <row r="246317" spans="8:8">
      <c r="H246317" s="12"/>
    </row>
    <row r="246318" spans="8:8">
      <c r="H246318" s="12"/>
    </row>
    <row r="246319" spans="8:8">
      <c r="H246319" s="12"/>
    </row>
    <row r="246320" spans="8:8">
      <c r="H246320" s="12"/>
    </row>
    <row r="246321" spans="8:8">
      <c r="H246321" s="12"/>
    </row>
    <row r="246322" spans="8:8">
      <c r="H246322" s="12"/>
    </row>
    <row r="246323" spans="8:8">
      <c r="H246323" s="12"/>
    </row>
    <row r="246324" spans="8:8">
      <c r="H246324" s="12"/>
    </row>
    <row r="246325" spans="8:8">
      <c r="H246325" s="12"/>
    </row>
    <row r="246326" spans="8:8">
      <c r="H246326" s="12"/>
    </row>
    <row r="246327" spans="8:8">
      <c r="H246327" s="12"/>
    </row>
    <row r="246328" spans="8:8">
      <c r="H246328" s="12"/>
    </row>
    <row r="246329" spans="8:8">
      <c r="H246329" s="12"/>
    </row>
    <row r="246330" spans="8:8">
      <c r="H246330" s="12"/>
    </row>
    <row r="246331" spans="8:8">
      <c r="H246331" s="12"/>
    </row>
    <row r="246332" spans="8:8">
      <c r="H246332" s="12"/>
    </row>
    <row r="246333" spans="8:8">
      <c r="H246333" s="12"/>
    </row>
    <row r="246334" spans="8:8">
      <c r="H246334" s="12"/>
    </row>
    <row r="246335" spans="8:8">
      <c r="H246335" s="12"/>
    </row>
    <row r="246336" spans="8:8">
      <c r="H246336" s="12"/>
    </row>
    <row r="246337" spans="8:8">
      <c r="H246337" s="12"/>
    </row>
    <row r="246338" spans="8:8">
      <c r="H246338" s="12"/>
    </row>
    <row r="246339" spans="8:8">
      <c r="H246339" s="12"/>
    </row>
    <row r="246340" spans="8:8">
      <c r="H246340" s="12"/>
    </row>
    <row r="246341" spans="8:8">
      <c r="H246341" s="12"/>
    </row>
    <row r="246342" spans="8:8">
      <c r="H246342" s="12"/>
    </row>
    <row r="246343" spans="8:8">
      <c r="H246343" s="12"/>
    </row>
    <row r="246344" spans="8:8">
      <c r="H246344" s="12"/>
    </row>
    <row r="246345" spans="8:8">
      <c r="H246345" s="12"/>
    </row>
    <row r="246346" spans="8:8">
      <c r="H246346" s="12"/>
    </row>
    <row r="246347" spans="8:8">
      <c r="H246347" s="12"/>
    </row>
    <row r="246348" spans="8:8">
      <c r="H246348" s="12"/>
    </row>
    <row r="246349" spans="8:8">
      <c r="H246349" s="12"/>
    </row>
    <row r="246350" spans="8:8">
      <c r="H246350" s="12"/>
    </row>
    <row r="246351" spans="8:8">
      <c r="H246351" s="12"/>
    </row>
    <row r="246352" spans="8:8">
      <c r="H246352" s="12"/>
    </row>
    <row r="246353" spans="8:8">
      <c r="H246353" s="12"/>
    </row>
    <row r="246354" spans="8:8">
      <c r="H246354" s="12"/>
    </row>
    <row r="246355" spans="8:8">
      <c r="H246355" s="12"/>
    </row>
    <row r="246356" spans="8:8">
      <c r="H246356" s="12"/>
    </row>
    <row r="246357" spans="8:8">
      <c r="H246357" s="12"/>
    </row>
    <row r="246358" spans="8:8">
      <c r="H246358" s="12"/>
    </row>
    <row r="246359" spans="8:8">
      <c r="H246359" s="12"/>
    </row>
    <row r="246360" spans="8:8">
      <c r="H246360" s="12"/>
    </row>
    <row r="246361" spans="8:8">
      <c r="H246361" s="12"/>
    </row>
    <row r="246362" spans="8:8">
      <c r="H246362" s="12"/>
    </row>
    <row r="246363" spans="8:8">
      <c r="H246363" s="12"/>
    </row>
    <row r="246364" spans="8:8">
      <c r="H246364" s="12"/>
    </row>
    <row r="246365" spans="8:8">
      <c r="H246365" s="12"/>
    </row>
    <row r="246366" spans="8:8">
      <c r="H246366" s="12"/>
    </row>
    <row r="246367" spans="8:8">
      <c r="H246367" s="12"/>
    </row>
    <row r="246368" spans="8:8">
      <c r="H246368" s="12"/>
    </row>
    <row r="246369" spans="8:8">
      <c r="H246369" s="12"/>
    </row>
    <row r="246370" spans="8:8">
      <c r="H246370" s="12"/>
    </row>
    <row r="246371" spans="8:8">
      <c r="H246371" s="12"/>
    </row>
    <row r="246372" spans="8:8">
      <c r="H246372" s="12"/>
    </row>
    <row r="246373" spans="8:8">
      <c r="H246373" s="12"/>
    </row>
    <row r="246374" spans="8:8">
      <c r="H246374" s="12"/>
    </row>
    <row r="246375" spans="8:8">
      <c r="H246375" s="12"/>
    </row>
    <row r="246376" spans="8:8">
      <c r="H246376" s="12"/>
    </row>
    <row r="246377" spans="8:8">
      <c r="H246377" s="12"/>
    </row>
    <row r="246378" spans="8:8">
      <c r="H246378" s="12"/>
    </row>
    <row r="246379" spans="8:8">
      <c r="H246379" s="12"/>
    </row>
    <row r="246380" spans="8:8">
      <c r="H246380" s="12"/>
    </row>
    <row r="246381" spans="8:8">
      <c r="H246381" s="12"/>
    </row>
    <row r="246382" spans="8:8">
      <c r="H246382" s="12"/>
    </row>
    <row r="246383" spans="8:8">
      <c r="H246383" s="12"/>
    </row>
    <row r="246384" spans="8:8">
      <c r="H246384" s="12"/>
    </row>
    <row r="246385" spans="8:8">
      <c r="H246385" s="12"/>
    </row>
    <row r="246386" spans="8:8">
      <c r="H246386" s="12"/>
    </row>
    <row r="246387" spans="8:8">
      <c r="H246387" s="12"/>
    </row>
    <row r="246388" spans="8:8">
      <c r="H246388" s="12"/>
    </row>
    <row r="246389" spans="8:8">
      <c r="H246389" s="12"/>
    </row>
    <row r="246390" spans="8:8">
      <c r="H246390" s="12"/>
    </row>
    <row r="246391" spans="8:8">
      <c r="H246391" s="12"/>
    </row>
    <row r="246392" spans="8:8">
      <c r="H246392" s="12"/>
    </row>
    <row r="246393" spans="8:8">
      <c r="H246393" s="12"/>
    </row>
    <row r="246394" spans="8:8">
      <c r="H246394" s="12"/>
    </row>
    <row r="246395" spans="8:8">
      <c r="H246395" s="12"/>
    </row>
    <row r="246396" spans="8:8">
      <c r="H246396" s="12"/>
    </row>
    <row r="246397" spans="8:8">
      <c r="H246397" s="12"/>
    </row>
    <row r="246398" spans="8:8">
      <c r="H246398" s="12"/>
    </row>
    <row r="246399" spans="8:8">
      <c r="H246399" s="12"/>
    </row>
    <row r="246400" spans="8:8">
      <c r="H246400" s="12"/>
    </row>
    <row r="246401" spans="8:8">
      <c r="H246401" s="12"/>
    </row>
    <row r="246402" spans="8:8">
      <c r="H246402" s="12"/>
    </row>
    <row r="246403" spans="8:8">
      <c r="H246403" s="12"/>
    </row>
    <row r="246404" spans="8:8">
      <c r="H246404" s="12"/>
    </row>
    <row r="246405" spans="8:8">
      <c r="H246405" s="12"/>
    </row>
    <row r="246406" spans="8:8">
      <c r="H246406" s="12"/>
    </row>
    <row r="246407" spans="8:8">
      <c r="H246407" s="12"/>
    </row>
    <row r="246408" spans="8:8">
      <c r="H246408" s="12"/>
    </row>
    <row r="246409" spans="8:8">
      <c r="H246409" s="12"/>
    </row>
    <row r="246410" spans="8:8">
      <c r="H246410" s="12"/>
    </row>
    <row r="246411" spans="8:8">
      <c r="H246411" s="12"/>
    </row>
    <row r="246412" spans="8:8">
      <c r="H246412" s="12"/>
    </row>
    <row r="246413" spans="8:8">
      <c r="H246413" s="12"/>
    </row>
    <row r="246414" spans="8:8">
      <c r="H246414" s="12"/>
    </row>
    <row r="246415" spans="8:8">
      <c r="H246415" s="12"/>
    </row>
    <row r="246416" spans="8:8">
      <c r="H246416" s="12"/>
    </row>
    <row r="246417" spans="8:8">
      <c r="H246417" s="12"/>
    </row>
    <row r="246418" spans="8:8">
      <c r="H246418" s="12"/>
    </row>
    <row r="246419" spans="8:8">
      <c r="H246419" s="12"/>
    </row>
    <row r="246420" spans="8:8">
      <c r="H246420" s="12"/>
    </row>
    <row r="246421" spans="8:8">
      <c r="H246421" s="12"/>
    </row>
    <row r="246422" spans="8:8">
      <c r="H246422" s="12"/>
    </row>
    <row r="246423" spans="8:8">
      <c r="H246423" s="12"/>
    </row>
    <row r="246424" spans="8:8">
      <c r="H246424" s="12"/>
    </row>
    <row r="246425" spans="8:8">
      <c r="H246425" s="12"/>
    </row>
    <row r="246426" spans="8:8">
      <c r="H246426" s="12"/>
    </row>
    <row r="246427" spans="8:8">
      <c r="H246427" s="12"/>
    </row>
    <row r="246428" spans="8:8">
      <c r="H246428" s="12"/>
    </row>
    <row r="246429" spans="8:8">
      <c r="H246429" s="12"/>
    </row>
    <row r="246430" spans="8:8">
      <c r="H246430" s="12"/>
    </row>
    <row r="246431" spans="8:8">
      <c r="H246431" s="12"/>
    </row>
    <row r="246432" spans="8:8">
      <c r="H246432" s="12"/>
    </row>
    <row r="246433" spans="8:8">
      <c r="H246433" s="12"/>
    </row>
    <row r="246434" spans="8:8">
      <c r="H246434" s="12"/>
    </row>
    <row r="246435" spans="8:8">
      <c r="H246435" s="12"/>
    </row>
    <row r="246436" spans="8:8">
      <c r="H246436" s="12"/>
    </row>
    <row r="246437" spans="8:8">
      <c r="H246437" s="12"/>
    </row>
    <row r="246438" spans="8:8">
      <c r="H246438" s="12"/>
    </row>
    <row r="246439" spans="8:8">
      <c r="H246439" s="12"/>
    </row>
    <row r="246440" spans="8:8">
      <c r="H246440" s="12"/>
    </row>
    <row r="246441" spans="8:8">
      <c r="H246441" s="12"/>
    </row>
    <row r="246442" spans="8:8">
      <c r="H246442" s="12"/>
    </row>
    <row r="246443" spans="8:8">
      <c r="H246443" s="12"/>
    </row>
    <row r="246444" spans="8:8">
      <c r="H246444" s="12"/>
    </row>
    <row r="246445" spans="8:8">
      <c r="H246445" s="12"/>
    </row>
    <row r="246446" spans="8:8">
      <c r="H246446" s="12"/>
    </row>
    <row r="246447" spans="8:8">
      <c r="H246447" s="12"/>
    </row>
    <row r="246448" spans="8:8">
      <c r="H246448" s="12"/>
    </row>
    <row r="246449" spans="8:8">
      <c r="H246449" s="12"/>
    </row>
    <row r="246450" spans="8:8">
      <c r="H246450" s="12"/>
    </row>
    <row r="246451" spans="8:8">
      <c r="H246451" s="12"/>
    </row>
    <row r="246452" spans="8:8">
      <c r="H246452" s="12"/>
    </row>
    <row r="246453" spans="8:8">
      <c r="H246453" s="12"/>
    </row>
    <row r="246454" spans="8:8">
      <c r="H246454" s="12"/>
    </row>
    <row r="246455" spans="8:8">
      <c r="H246455" s="12"/>
    </row>
    <row r="246456" spans="8:8">
      <c r="H246456" s="12"/>
    </row>
    <row r="246457" spans="8:8">
      <c r="H246457" s="12"/>
    </row>
    <row r="246458" spans="8:8">
      <c r="H246458" s="12"/>
    </row>
    <row r="246459" spans="8:8">
      <c r="H246459" s="12"/>
    </row>
    <row r="246460" spans="8:8">
      <c r="H246460" s="12"/>
    </row>
    <row r="246461" spans="8:8">
      <c r="H246461" s="12"/>
    </row>
    <row r="246462" spans="8:8">
      <c r="H246462" s="12"/>
    </row>
    <row r="246463" spans="8:8">
      <c r="H246463" s="12"/>
    </row>
    <row r="246464" spans="8:8">
      <c r="H246464" s="12"/>
    </row>
    <row r="246465" spans="8:8">
      <c r="H246465" s="12"/>
    </row>
    <row r="246466" spans="8:8">
      <c r="H246466" s="12"/>
    </row>
    <row r="246467" spans="8:8">
      <c r="H246467" s="12"/>
    </row>
    <row r="246468" spans="8:8">
      <c r="H246468" s="12"/>
    </row>
    <row r="246469" spans="8:8">
      <c r="H246469" s="12"/>
    </row>
    <row r="246470" spans="8:8">
      <c r="H246470" s="12"/>
    </row>
    <row r="246471" spans="8:8">
      <c r="H246471" s="12"/>
    </row>
    <row r="246472" spans="8:8">
      <c r="H246472" s="12"/>
    </row>
    <row r="246473" spans="8:8">
      <c r="H246473" s="12"/>
    </row>
    <row r="246474" spans="8:8">
      <c r="H246474" s="12"/>
    </row>
    <row r="246475" spans="8:8">
      <c r="H246475" s="12"/>
    </row>
    <row r="246476" spans="8:8">
      <c r="H246476" s="12"/>
    </row>
    <row r="246477" spans="8:8">
      <c r="H246477" s="12"/>
    </row>
    <row r="246478" spans="8:8">
      <c r="H246478" s="12"/>
    </row>
    <row r="246479" spans="8:8">
      <c r="H246479" s="12"/>
    </row>
    <row r="246480" spans="8:8">
      <c r="H246480" s="12"/>
    </row>
    <row r="246481" spans="8:8">
      <c r="H246481" s="12"/>
    </row>
    <row r="246482" spans="8:8">
      <c r="H246482" s="12"/>
    </row>
    <row r="246483" spans="8:8">
      <c r="H246483" s="12"/>
    </row>
    <row r="246484" spans="8:8">
      <c r="H246484" s="12"/>
    </row>
    <row r="246485" spans="8:8">
      <c r="H246485" s="12"/>
    </row>
    <row r="246486" spans="8:8">
      <c r="H246486" s="12"/>
    </row>
    <row r="246487" spans="8:8">
      <c r="H246487" s="12"/>
    </row>
    <row r="246488" spans="8:8">
      <c r="H246488" s="12"/>
    </row>
    <row r="246489" spans="8:8">
      <c r="H246489" s="12"/>
    </row>
    <row r="246490" spans="8:8">
      <c r="H246490" s="12"/>
    </row>
    <row r="246491" spans="8:8">
      <c r="H246491" s="12"/>
    </row>
    <row r="246492" spans="8:8">
      <c r="H246492" s="12"/>
    </row>
    <row r="246493" spans="8:8">
      <c r="H246493" s="12"/>
    </row>
    <row r="246494" spans="8:8">
      <c r="H246494" s="12"/>
    </row>
    <row r="246495" spans="8:8">
      <c r="H246495" s="12"/>
    </row>
    <row r="246496" spans="8:8">
      <c r="H246496" s="12"/>
    </row>
    <row r="246497" spans="8:8">
      <c r="H246497" s="12"/>
    </row>
    <row r="246498" spans="8:8">
      <c r="H246498" s="12"/>
    </row>
    <row r="246499" spans="8:8">
      <c r="H246499" s="12"/>
    </row>
    <row r="246500" spans="8:8">
      <c r="H246500" s="12"/>
    </row>
    <row r="246501" spans="8:8">
      <c r="H246501" s="12"/>
    </row>
    <row r="246502" spans="8:8">
      <c r="H246502" s="12"/>
    </row>
    <row r="246503" spans="8:8">
      <c r="H246503" s="12"/>
    </row>
    <row r="246504" spans="8:8">
      <c r="H246504" s="12"/>
    </row>
    <row r="246505" spans="8:8">
      <c r="H246505" s="12"/>
    </row>
    <row r="246506" spans="8:8">
      <c r="H246506" s="12"/>
    </row>
    <row r="246507" spans="8:8">
      <c r="H246507" s="12"/>
    </row>
    <row r="246508" spans="8:8">
      <c r="H246508" s="12"/>
    </row>
    <row r="246509" spans="8:8">
      <c r="H246509" s="12"/>
    </row>
    <row r="246510" spans="8:8">
      <c r="H246510" s="12"/>
    </row>
    <row r="246511" spans="8:8">
      <c r="H246511" s="12"/>
    </row>
    <row r="246512" spans="8:8">
      <c r="H246512" s="12"/>
    </row>
    <row r="246513" spans="8:8">
      <c r="H246513" s="12"/>
    </row>
    <row r="246514" spans="8:8">
      <c r="H246514" s="12"/>
    </row>
    <row r="246515" spans="8:8">
      <c r="H246515" s="12"/>
    </row>
    <row r="246516" spans="8:8">
      <c r="H246516" s="12"/>
    </row>
    <row r="246517" spans="8:8">
      <c r="H246517" s="12"/>
    </row>
    <row r="246518" spans="8:8">
      <c r="H246518" s="12"/>
    </row>
    <row r="246519" spans="8:8">
      <c r="H246519" s="12"/>
    </row>
    <row r="246520" spans="8:8">
      <c r="H246520" s="12"/>
    </row>
    <row r="246521" spans="8:8">
      <c r="H246521" s="12"/>
    </row>
    <row r="246522" spans="8:8">
      <c r="H246522" s="12"/>
    </row>
    <row r="246523" spans="8:8">
      <c r="H246523" s="12"/>
    </row>
    <row r="246524" spans="8:8">
      <c r="H246524" s="12"/>
    </row>
    <row r="246525" spans="8:8">
      <c r="H246525" s="12"/>
    </row>
    <row r="246526" spans="8:8">
      <c r="H246526" s="12"/>
    </row>
    <row r="246527" spans="8:8">
      <c r="H246527" s="12"/>
    </row>
    <row r="246528" spans="8:8">
      <c r="H246528" s="12"/>
    </row>
    <row r="246529" spans="8:8">
      <c r="H246529" s="12"/>
    </row>
    <row r="246530" spans="8:8">
      <c r="H246530" s="12"/>
    </row>
    <row r="246531" spans="8:8">
      <c r="H246531" s="12"/>
    </row>
    <row r="246532" spans="8:8">
      <c r="H246532" s="12"/>
    </row>
    <row r="246533" spans="8:8">
      <c r="H246533" s="12"/>
    </row>
    <row r="246534" spans="8:8">
      <c r="H246534" s="12"/>
    </row>
    <row r="246535" spans="8:8">
      <c r="H246535" s="12"/>
    </row>
    <row r="246536" spans="8:8">
      <c r="H246536" s="12"/>
    </row>
    <row r="246537" spans="8:8">
      <c r="H246537" s="12"/>
    </row>
    <row r="246538" spans="8:8">
      <c r="H246538" s="12"/>
    </row>
    <row r="246539" spans="8:8">
      <c r="H246539" s="12"/>
    </row>
    <row r="246540" spans="8:8">
      <c r="H246540" s="12"/>
    </row>
    <row r="246541" spans="8:8">
      <c r="H246541" s="12"/>
    </row>
    <row r="246542" spans="8:8">
      <c r="H246542" s="12"/>
    </row>
    <row r="246543" spans="8:8">
      <c r="H246543" s="12"/>
    </row>
    <row r="246544" spans="8:8">
      <c r="H246544" s="12"/>
    </row>
    <row r="246545" spans="8:8">
      <c r="H246545" s="12"/>
    </row>
    <row r="246546" spans="8:8">
      <c r="H246546" s="12"/>
    </row>
    <row r="246547" spans="8:8">
      <c r="H246547" s="12"/>
    </row>
    <row r="246548" spans="8:8">
      <c r="H246548" s="12"/>
    </row>
    <row r="246549" spans="8:8">
      <c r="H246549" s="12"/>
    </row>
    <row r="246550" spans="8:8">
      <c r="H246550" s="12"/>
    </row>
    <row r="246551" spans="8:8">
      <c r="H246551" s="12"/>
    </row>
    <row r="246552" spans="8:8">
      <c r="H246552" s="12"/>
    </row>
    <row r="246553" spans="8:8">
      <c r="H246553" s="12"/>
    </row>
    <row r="246554" spans="8:8">
      <c r="H246554" s="12"/>
    </row>
    <row r="246555" spans="8:8">
      <c r="H246555" s="12"/>
    </row>
    <row r="246556" spans="8:8">
      <c r="H246556" s="12"/>
    </row>
    <row r="246557" spans="8:8">
      <c r="H246557" s="12"/>
    </row>
    <row r="246558" spans="8:8">
      <c r="H246558" s="12"/>
    </row>
    <row r="246559" spans="8:8">
      <c r="H246559" s="12"/>
    </row>
    <row r="246560" spans="8:8">
      <c r="H246560" s="12"/>
    </row>
    <row r="246561" spans="8:8">
      <c r="H246561" s="12"/>
    </row>
    <row r="246562" spans="8:8">
      <c r="H246562" s="12"/>
    </row>
    <row r="246563" spans="8:8">
      <c r="H246563" s="12"/>
    </row>
    <row r="246564" spans="8:8">
      <c r="H246564" s="12"/>
    </row>
    <row r="246565" spans="8:8">
      <c r="H246565" s="12"/>
    </row>
    <row r="246566" spans="8:8">
      <c r="H246566" s="12"/>
    </row>
    <row r="246567" spans="8:8">
      <c r="H246567" s="12"/>
    </row>
    <row r="246568" spans="8:8">
      <c r="H246568" s="12"/>
    </row>
    <row r="246569" spans="8:8">
      <c r="H246569" s="12"/>
    </row>
    <row r="246570" spans="8:8">
      <c r="H246570" s="12"/>
    </row>
    <row r="246571" spans="8:8">
      <c r="H246571" s="12"/>
    </row>
    <row r="246572" spans="8:8">
      <c r="H246572" s="12"/>
    </row>
    <row r="246573" spans="8:8">
      <c r="H246573" s="12"/>
    </row>
    <row r="246574" spans="8:8">
      <c r="H246574" s="12"/>
    </row>
    <row r="246575" spans="8:8">
      <c r="H246575" s="12"/>
    </row>
    <row r="246576" spans="8:8">
      <c r="H246576" s="12"/>
    </row>
    <row r="246577" spans="8:8">
      <c r="H246577" s="12"/>
    </row>
    <row r="246578" spans="8:8">
      <c r="H246578" s="12"/>
    </row>
    <row r="246579" spans="8:8">
      <c r="H246579" s="12"/>
    </row>
    <row r="246580" spans="8:8">
      <c r="H246580" s="12"/>
    </row>
    <row r="246581" spans="8:8">
      <c r="H246581" s="12"/>
    </row>
    <row r="246582" spans="8:8">
      <c r="H246582" s="12"/>
    </row>
    <row r="246583" spans="8:8">
      <c r="H246583" s="12"/>
    </row>
    <row r="246584" spans="8:8">
      <c r="H246584" s="12"/>
    </row>
    <row r="246585" spans="8:8">
      <c r="H246585" s="12"/>
    </row>
    <row r="246586" spans="8:8">
      <c r="H246586" s="12"/>
    </row>
    <row r="246587" spans="8:8">
      <c r="H246587" s="12"/>
    </row>
    <row r="246588" spans="8:8">
      <c r="H246588" s="12"/>
    </row>
    <row r="246589" spans="8:8">
      <c r="H246589" s="12"/>
    </row>
    <row r="246590" spans="8:8">
      <c r="H246590" s="12"/>
    </row>
    <row r="246591" spans="8:8">
      <c r="H246591" s="12"/>
    </row>
    <row r="246592" spans="8:8">
      <c r="H246592" s="12"/>
    </row>
    <row r="246593" spans="8:8">
      <c r="H246593" s="12"/>
    </row>
    <row r="246594" spans="8:8">
      <c r="H246594" s="12"/>
    </row>
    <row r="246595" spans="8:8">
      <c r="H246595" s="12"/>
    </row>
    <row r="246596" spans="8:8">
      <c r="H246596" s="12"/>
    </row>
    <row r="246597" spans="8:8">
      <c r="H246597" s="12"/>
    </row>
    <row r="246598" spans="8:8">
      <c r="H246598" s="12"/>
    </row>
    <row r="246599" spans="8:8">
      <c r="H246599" s="12"/>
    </row>
    <row r="246600" spans="8:8">
      <c r="H246600" s="12"/>
    </row>
    <row r="246601" spans="8:8">
      <c r="H246601" s="12"/>
    </row>
    <row r="246602" spans="8:8">
      <c r="H246602" s="12"/>
    </row>
    <row r="246603" spans="8:8">
      <c r="H246603" s="12"/>
    </row>
    <row r="246604" spans="8:8">
      <c r="H246604" s="12"/>
    </row>
    <row r="246605" spans="8:8">
      <c r="H246605" s="12"/>
    </row>
    <row r="246606" spans="8:8">
      <c r="H246606" s="12"/>
    </row>
    <row r="246607" spans="8:8">
      <c r="H246607" s="12"/>
    </row>
    <row r="246608" spans="8:8">
      <c r="H246608" s="12"/>
    </row>
    <row r="246609" spans="8:8">
      <c r="H246609" s="12"/>
    </row>
    <row r="246610" spans="8:8">
      <c r="H246610" s="12"/>
    </row>
    <row r="246611" spans="8:8">
      <c r="H246611" s="12"/>
    </row>
    <row r="246612" spans="8:8">
      <c r="H246612" s="12"/>
    </row>
    <row r="246613" spans="8:8">
      <c r="H246613" s="12"/>
    </row>
    <row r="246614" spans="8:8">
      <c r="H246614" s="12"/>
    </row>
    <row r="246615" spans="8:8">
      <c r="H246615" s="12"/>
    </row>
    <row r="246616" spans="8:8">
      <c r="H246616" s="12"/>
    </row>
    <row r="246617" spans="8:8">
      <c r="H246617" s="12"/>
    </row>
    <row r="246618" spans="8:8">
      <c r="H246618" s="12"/>
    </row>
    <row r="246619" spans="8:8">
      <c r="H246619" s="12"/>
    </row>
    <row r="246620" spans="8:8">
      <c r="H246620" s="12"/>
    </row>
    <row r="246621" spans="8:8">
      <c r="H246621" s="12"/>
    </row>
    <row r="246622" spans="8:8">
      <c r="H246622" s="12"/>
    </row>
    <row r="246623" spans="8:8">
      <c r="H246623" s="12"/>
    </row>
    <row r="246624" spans="8:8">
      <c r="H246624" s="12"/>
    </row>
    <row r="246625" spans="8:8">
      <c r="H246625" s="12"/>
    </row>
    <row r="246626" spans="8:8">
      <c r="H246626" s="12"/>
    </row>
    <row r="246627" spans="8:8">
      <c r="H246627" s="12"/>
    </row>
    <row r="246628" spans="8:8">
      <c r="H246628" s="12"/>
    </row>
    <row r="246629" spans="8:8">
      <c r="H246629" s="12"/>
    </row>
    <row r="246630" spans="8:8">
      <c r="H246630" s="12"/>
    </row>
    <row r="246631" spans="8:8">
      <c r="H246631" s="12"/>
    </row>
    <row r="246632" spans="8:8">
      <c r="H246632" s="12"/>
    </row>
    <row r="246633" spans="8:8">
      <c r="H246633" s="12"/>
    </row>
    <row r="246634" spans="8:8">
      <c r="H246634" s="12"/>
    </row>
    <row r="246635" spans="8:8">
      <c r="H246635" s="12"/>
    </row>
    <row r="246636" spans="8:8">
      <c r="H246636" s="12"/>
    </row>
    <row r="246637" spans="8:8">
      <c r="H246637" s="12"/>
    </row>
    <row r="246638" spans="8:8">
      <c r="H246638" s="12"/>
    </row>
    <row r="246639" spans="8:8">
      <c r="H246639" s="12"/>
    </row>
    <row r="246640" spans="8:8">
      <c r="H246640" s="12"/>
    </row>
    <row r="246641" spans="8:8">
      <c r="H246641" s="12"/>
    </row>
    <row r="246642" spans="8:8">
      <c r="H246642" s="12"/>
    </row>
    <row r="246643" spans="8:8">
      <c r="H246643" s="12"/>
    </row>
    <row r="246644" spans="8:8">
      <c r="H246644" s="12"/>
    </row>
    <row r="246645" spans="8:8">
      <c r="H246645" s="12"/>
    </row>
    <row r="246646" spans="8:8">
      <c r="H246646" s="12"/>
    </row>
    <row r="246647" spans="8:8">
      <c r="H246647" s="12"/>
    </row>
    <row r="246648" spans="8:8">
      <c r="H246648" s="12"/>
    </row>
    <row r="246649" spans="8:8">
      <c r="H246649" s="12"/>
    </row>
    <row r="246650" spans="8:8">
      <c r="H246650" s="12"/>
    </row>
    <row r="246651" spans="8:8">
      <c r="H246651" s="12"/>
    </row>
    <row r="246652" spans="8:8">
      <c r="H246652" s="12"/>
    </row>
    <row r="246653" spans="8:8">
      <c r="H246653" s="12"/>
    </row>
    <row r="246654" spans="8:8">
      <c r="H246654" s="12"/>
    </row>
    <row r="246655" spans="8:8">
      <c r="H246655" s="12"/>
    </row>
    <row r="246656" spans="8:8">
      <c r="H246656" s="12"/>
    </row>
    <row r="246657" spans="8:8">
      <c r="H246657" s="12"/>
    </row>
    <row r="246658" spans="8:8">
      <c r="H246658" s="12"/>
    </row>
    <row r="246659" spans="8:8">
      <c r="H246659" s="12"/>
    </row>
    <row r="246660" spans="8:8">
      <c r="H246660" s="12"/>
    </row>
    <row r="246661" spans="8:8">
      <c r="H246661" s="12"/>
    </row>
    <row r="246662" spans="8:8">
      <c r="H246662" s="12"/>
    </row>
    <row r="246663" spans="8:8">
      <c r="H246663" s="12"/>
    </row>
    <row r="246664" spans="8:8">
      <c r="H246664" s="12"/>
    </row>
    <row r="246665" spans="8:8">
      <c r="H246665" s="12"/>
    </row>
    <row r="246666" spans="8:8">
      <c r="H246666" s="12"/>
    </row>
    <row r="246667" spans="8:8">
      <c r="H246667" s="12"/>
    </row>
    <row r="246668" spans="8:8">
      <c r="H246668" s="12"/>
    </row>
    <row r="246669" spans="8:8">
      <c r="H246669" s="12"/>
    </row>
    <row r="246670" spans="8:8">
      <c r="H246670" s="12"/>
    </row>
    <row r="246671" spans="8:8">
      <c r="H246671" s="12"/>
    </row>
    <row r="246672" spans="8:8">
      <c r="H246672" s="12"/>
    </row>
    <row r="246673" spans="8:8">
      <c r="H246673" s="12"/>
    </row>
    <row r="246674" spans="8:8">
      <c r="H246674" s="12"/>
    </row>
    <row r="246675" spans="8:8">
      <c r="H246675" s="12"/>
    </row>
    <row r="246676" spans="8:8">
      <c r="H246676" s="12"/>
    </row>
    <row r="246677" spans="8:8">
      <c r="H246677" s="12"/>
    </row>
    <row r="246678" spans="8:8">
      <c r="H246678" s="12"/>
    </row>
    <row r="246679" spans="8:8">
      <c r="H246679" s="12"/>
    </row>
    <row r="246680" spans="8:8">
      <c r="H246680" s="12"/>
    </row>
    <row r="246681" spans="8:8">
      <c r="H246681" s="12"/>
    </row>
    <row r="246682" spans="8:8">
      <c r="H246682" s="12"/>
    </row>
    <row r="246683" spans="8:8">
      <c r="H246683" s="12"/>
    </row>
    <row r="246684" spans="8:8">
      <c r="H246684" s="12"/>
    </row>
    <row r="246685" spans="8:8">
      <c r="H246685" s="12"/>
    </row>
    <row r="246686" spans="8:8">
      <c r="H246686" s="12"/>
    </row>
    <row r="246687" spans="8:8">
      <c r="H246687" s="12"/>
    </row>
    <row r="246688" spans="8:8">
      <c r="H246688" s="12"/>
    </row>
    <row r="246689" spans="8:8">
      <c r="H246689" s="12"/>
    </row>
    <row r="246690" spans="8:8">
      <c r="H246690" s="12"/>
    </row>
    <row r="246691" spans="8:8">
      <c r="H246691" s="12"/>
    </row>
    <row r="246692" spans="8:8">
      <c r="H246692" s="12"/>
    </row>
    <row r="246693" spans="8:8">
      <c r="H246693" s="12"/>
    </row>
    <row r="246694" spans="8:8">
      <c r="H246694" s="12"/>
    </row>
    <row r="246695" spans="8:8">
      <c r="H246695" s="12"/>
    </row>
    <row r="246696" spans="8:8">
      <c r="H246696" s="12"/>
    </row>
    <row r="246697" spans="8:8">
      <c r="H246697" s="12"/>
    </row>
    <row r="246698" spans="8:8">
      <c r="H246698" s="12"/>
    </row>
    <row r="246699" spans="8:8">
      <c r="H246699" s="12"/>
    </row>
    <row r="246700" spans="8:8">
      <c r="H246700" s="12"/>
    </row>
    <row r="246701" spans="8:8">
      <c r="H246701" s="12"/>
    </row>
    <row r="246702" spans="8:8">
      <c r="H246702" s="12"/>
    </row>
    <row r="246703" spans="8:8">
      <c r="H246703" s="12"/>
    </row>
    <row r="246704" spans="8:8">
      <c r="H246704" s="12"/>
    </row>
    <row r="246705" spans="8:8">
      <c r="H246705" s="12"/>
    </row>
    <row r="246706" spans="8:8">
      <c r="H246706" s="12"/>
    </row>
    <row r="246707" spans="8:8">
      <c r="H246707" s="12"/>
    </row>
    <row r="246708" spans="8:8">
      <c r="H246708" s="12"/>
    </row>
    <row r="246709" spans="8:8">
      <c r="H246709" s="12"/>
    </row>
    <row r="246710" spans="8:8">
      <c r="H246710" s="12"/>
    </row>
    <row r="246711" spans="8:8">
      <c r="H246711" s="12"/>
    </row>
    <row r="246712" spans="8:8">
      <c r="H246712" s="12"/>
    </row>
    <row r="246713" spans="8:8">
      <c r="H246713" s="12"/>
    </row>
    <row r="246714" spans="8:8">
      <c r="H246714" s="12"/>
    </row>
    <row r="246715" spans="8:8">
      <c r="H246715" s="12"/>
    </row>
    <row r="246716" spans="8:8">
      <c r="H246716" s="12"/>
    </row>
    <row r="246717" spans="8:8">
      <c r="H246717" s="12"/>
    </row>
    <row r="246718" spans="8:8">
      <c r="H246718" s="12"/>
    </row>
    <row r="246719" spans="8:8">
      <c r="H246719" s="12"/>
    </row>
    <row r="246720" spans="8:8">
      <c r="H246720" s="12"/>
    </row>
    <row r="246721" spans="8:8">
      <c r="H246721" s="12"/>
    </row>
    <row r="246722" spans="8:8">
      <c r="H246722" s="12"/>
    </row>
    <row r="246723" spans="8:8">
      <c r="H246723" s="12"/>
    </row>
    <row r="246724" spans="8:8">
      <c r="H246724" s="12"/>
    </row>
    <row r="246725" spans="8:8">
      <c r="H246725" s="12"/>
    </row>
    <row r="246726" spans="8:8">
      <c r="H246726" s="12"/>
    </row>
    <row r="246727" spans="8:8">
      <c r="H246727" s="12"/>
    </row>
    <row r="246728" spans="8:8">
      <c r="H246728" s="12"/>
    </row>
    <row r="246729" spans="8:8">
      <c r="H246729" s="12"/>
    </row>
    <row r="246730" spans="8:8">
      <c r="H246730" s="12"/>
    </row>
    <row r="246731" spans="8:8">
      <c r="H246731" s="12"/>
    </row>
    <row r="246732" spans="8:8">
      <c r="H246732" s="12"/>
    </row>
    <row r="246733" spans="8:8">
      <c r="H246733" s="12"/>
    </row>
    <row r="246734" spans="8:8">
      <c r="H246734" s="12"/>
    </row>
    <row r="246735" spans="8:8">
      <c r="H246735" s="12"/>
    </row>
    <row r="246736" spans="8:8">
      <c r="H246736" s="12"/>
    </row>
    <row r="246737" spans="8:8">
      <c r="H246737" s="12"/>
    </row>
    <row r="246738" spans="8:8">
      <c r="H246738" s="12"/>
    </row>
    <row r="246739" spans="8:8">
      <c r="H246739" s="12"/>
    </row>
    <row r="246740" spans="8:8">
      <c r="H246740" s="12"/>
    </row>
    <row r="246741" spans="8:8">
      <c r="H246741" s="12"/>
    </row>
    <row r="246742" spans="8:8">
      <c r="H246742" s="12"/>
    </row>
    <row r="246743" spans="8:8">
      <c r="H246743" s="12"/>
    </row>
    <row r="246744" spans="8:8">
      <c r="H246744" s="12"/>
    </row>
    <row r="246745" spans="8:8">
      <c r="H246745" s="12"/>
    </row>
    <row r="246746" spans="8:8">
      <c r="H246746" s="12"/>
    </row>
    <row r="246747" spans="8:8">
      <c r="H246747" s="12"/>
    </row>
    <row r="246748" spans="8:8">
      <c r="H246748" s="12"/>
    </row>
    <row r="246749" spans="8:8">
      <c r="H246749" s="12"/>
    </row>
    <row r="246750" spans="8:8">
      <c r="H246750" s="12"/>
    </row>
    <row r="246751" spans="8:8">
      <c r="H246751" s="12"/>
    </row>
    <row r="246752" spans="8:8">
      <c r="H246752" s="12"/>
    </row>
    <row r="246753" spans="8:8">
      <c r="H246753" s="12"/>
    </row>
    <row r="246754" spans="8:8">
      <c r="H246754" s="12"/>
    </row>
    <row r="246755" spans="8:8">
      <c r="H246755" s="12"/>
    </row>
    <row r="246756" spans="8:8">
      <c r="H246756" s="12"/>
    </row>
    <row r="246757" spans="8:8">
      <c r="H246757" s="12"/>
    </row>
    <row r="246758" spans="8:8">
      <c r="H246758" s="12"/>
    </row>
    <row r="246759" spans="8:8">
      <c r="H246759" s="12"/>
    </row>
    <row r="246760" spans="8:8">
      <c r="H246760" s="12"/>
    </row>
    <row r="246761" spans="8:8">
      <c r="H246761" s="12"/>
    </row>
    <row r="246762" spans="8:8">
      <c r="H246762" s="12"/>
    </row>
    <row r="246763" spans="8:8">
      <c r="H246763" s="12"/>
    </row>
    <row r="246764" spans="8:8">
      <c r="H246764" s="12"/>
    </row>
    <row r="246765" spans="8:8">
      <c r="H246765" s="12"/>
    </row>
    <row r="246766" spans="8:8">
      <c r="H246766" s="12"/>
    </row>
    <row r="246767" spans="8:8">
      <c r="H246767" s="12"/>
    </row>
    <row r="246768" spans="8:8">
      <c r="H246768" s="12"/>
    </row>
    <row r="246769" spans="8:8">
      <c r="H246769" s="12"/>
    </row>
    <row r="246770" spans="8:8">
      <c r="H246770" s="12"/>
    </row>
    <row r="246771" spans="8:8">
      <c r="H246771" s="12"/>
    </row>
    <row r="246772" spans="8:8">
      <c r="H246772" s="12"/>
    </row>
    <row r="246773" spans="8:8">
      <c r="H246773" s="12"/>
    </row>
    <row r="246774" spans="8:8">
      <c r="H246774" s="12"/>
    </row>
    <row r="246775" spans="8:8">
      <c r="H246775" s="12"/>
    </row>
    <row r="246776" spans="8:8">
      <c r="H246776" s="12"/>
    </row>
    <row r="246777" spans="8:8">
      <c r="H246777" s="12"/>
    </row>
    <row r="246778" spans="8:8">
      <c r="H246778" s="12"/>
    </row>
    <row r="246779" spans="8:8">
      <c r="H246779" s="12"/>
    </row>
    <row r="246780" spans="8:8">
      <c r="H246780" s="12"/>
    </row>
    <row r="246781" spans="8:8">
      <c r="H246781" s="12"/>
    </row>
    <row r="246782" spans="8:8">
      <c r="H246782" s="12"/>
    </row>
    <row r="246783" spans="8:8">
      <c r="H246783" s="12"/>
    </row>
    <row r="246784" spans="8:8">
      <c r="H246784" s="12"/>
    </row>
    <row r="246785" spans="8:8">
      <c r="H246785" s="12"/>
    </row>
    <row r="246786" spans="8:8">
      <c r="H246786" s="12"/>
    </row>
    <row r="246787" spans="8:8">
      <c r="H246787" s="12"/>
    </row>
    <row r="246788" spans="8:8">
      <c r="H246788" s="12"/>
    </row>
    <row r="246789" spans="8:8">
      <c r="H246789" s="12"/>
    </row>
    <row r="246790" spans="8:8">
      <c r="H246790" s="12"/>
    </row>
    <row r="246791" spans="8:8">
      <c r="H246791" s="12"/>
    </row>
    <row r="246792" spans="8:8">
      <c r="H246792" s="12"/>
    </row>
    <row r="246793" spans="8:8">
      <c r="H246793" s="12"/>
    </row>
    <row r="246794" spans="8:8">
      <c r="H246794" s="12"/>
    </row>
    <row r="246795" spans="8:8">
      <c r="H246795" s="12"/>
    </row>
    <row r="246796" spans="8:8">
      <c r="H246796" s="12"/>
    </row>
    <row r="246797" spans="8:8">
      <c r="H246797" s="12"/>
    </row>
    <row r="246798" spans="8:8">
      <c r="H246798" s="12"/>
    </row>
    <row r="246799" spans="8:8">
      <c r="H246799" s="12"/>
    </row>
    <row r="246800" spans="8:8">
      <c r="H246800" s="12"/>
    </row>
    <row r="246801" spans="8:8">
      <c r="H246801" s="12"/>
    </row>
    <row r="246802" spans="8:8">
      <c r="H246802" s="12"/>
    </row>
    <row r="246803" spans="8:8">
      <c r="H246803" s="12"/>
    </row>
    <row r="246804" spans="8:8">
      <c r="H246804" s="12"/>
    </row>
    <row r="246805" spans="8:8">
      <c r="H246805" s="12"/>
    </row>
    <row r="246806" spans="8:8">
      <c r="H246806" s="12"/>
    </row>
    <row r="246807" spans="8:8">
      <c r="H246807" s="12"/>
    </row>
    <row r="246808" spans="8:8">
      <c r="H246808" s="12"/>
    </row>
    <row r="246809" spans="8:8">
      <c r="H246809" s="12"/>
    </row>
    <row r="246810" spans="8:8">
      <c r="H246810" s="12"/>
    </row>
    <row r="246811" spans="8:8">
      <c r="H246811" s="12"/>
    </row>
    <row r="246812" spans="8:8">
      <c r="H246812" s="12"/>
    </row>
    <row r="246813" spans="8:8">
      <c r="H246813" s="12"/>
    </row>
    <row r="246814" spans="8:8">
      <c r="H246814" s="12"/>
    </row>
    <row r="246815" spans="8:8">
      <c r="H246815" s="12"/>
    </row>
    <row r="246816" spans="8:8">
      <c r="H246816" s="12"/>
    </row>
    <row r="246817" spans="8:8">
      <c r="H246817" s="12"/>
    </row>
    <row r="246818" spans="8:8">
      <c r="H246818" s="12"/>
    </row>
    <row r="246819" spans="8:8">
      <c r="H246819" s="12"/>
    </row>
    <row r="246820" spans="8:8">
      <c r="H246820" s="12"/>
    </row>
    <row r="246821" spans="8:8">
      <c r="H246821" s="12"/>
    </row>
    <row r="246822" spans="8:8">
      <c r="H246822" s="12"/>
    </row>
    <row r="246823" spans="8:8">
      <c r="H246823" s="12"/>
    </row>
    <row r="246824" spans="8:8">
      <c r="H246824" s="12"/>
    </row>
    <row r="246825" spans="8:8">
      <c r="H246825" s="12"/>
    </row>
    <row r="246826" spans="8:8">
      <c r="H246826" s="12"/>
    </row>
    <row r="246827" spans="8:8">
      <c r="H246827" s="12"/>
    </row>
    <row r="246828" spans="8:8">
      <c r="H246828" s="12"/>
    </row>
    <row r="246829" spans="8:8">
      <c r="H246829" s="12"/>
    </row>
    <row r="246830" spans="8:8">
      <c r="H246830" s="12"/>
    </row>
    <row r="246831" spans="8:8">
      <c r="H246831" s="12"/>
    </row>
    <row r="246832" spans="8:8">
      <c r="H246832" s="12"/>
    </row>
    <row r="246833" spans="8:8">
      <c r="H246833" s="12"/>
    </row>
    <row r="246834" spans="8:8">
      <c r="H246834" s="12"/>
    </row>
    <row r="246835" spans="8:8">
      <c r="H246835" s="12"/>
    </row>
    <row r="246836" spans="8:8">
      <c r="H246836" s="12"/>
    </row>
    <row r="246837" spans="8:8">
      <c r="H246837" s="12"/>
    </row>
    <row r="246838" spans="8:8">
      <c r="H246838" s="12"/>
    </row>
    <row r="246839" spans="8:8">
      <c r="H246839" s="12"/>
    </row>
    <row r="246840" spans="8:8">
      <c r="H246840" s="12"/>
    </row>
    <row r="246841" spans="8:8">
      <c r="H246841" s="12"/>
    </row>
    <row r="246842" spans="8:8">
      <c r="H246842" s="12"/>
    </row>
    <row r="246843" spans="8:8">
      <c r="H246843" s="12"/>
    </row>
    <row r="246844" spans="8:8">
      <c r="H246844" s="12"/>
    </row>
    <row r="246845" spans="8:8">
      <c r="H246845" s="12"/>
    </row>
    <row r="246846" spans="8:8">
      <c r="H246846" s="12"/>
    </row>
    <row r="246847" spans="8:8">
      <c r="H246847" s="12"/>
    </row>
    <row r="246848" spans="8:8">
      <c r="H246848" s="12"/>
    </row>
    <row r="246849" spans="8:8">
      <c r="H246849" s="12"/>
    </row>
    <row r="246850" spans="8:8">
      <c r="H246850" s="12"/>
    </row>
    <row r="246851" spans="8:8">
      <c r="H246851" s="12"/>
    </row>
    <row r="246852" spans="8:8">
      <c r="H246852" s="12"/>
    </row>
    <row r="246853" spans="8:8">
      <c r="H246853" s="12"/>
    </row>
    <row r="246854" spans="8:8">
      <c r="H246854" s="12"/>
    </row>
    <row r="246855" spans="8:8">
      <c r="H246855" s="12"/>
    </row>
    <row r="246856" spans="8:8">
      <c r="H246856" s="12"/>
    </row>
    <row r="246857" spans="8:8">
      <c r="H246857" s="12"/>
    </row>
    <row r="246858" spans="8:8">
      <c r="H246858" s="12"/>
    </row>
    <row r="246859" spans="8:8">
      <c r="H246859" s="12"/>
    </row>
    <row r="246860" spans="8:8">
      <c r="H246860" s="12"/>
    </row>
    <row r="246861" spans="8:8">
      <c r="H246861" s="12"/>
    </row>
    <row r="246862" spans="8:8">
      <c r="H246862" s="12"/>
    </row>
    <row r="246863" spans="8:8">
      <c r="H246863" s="12"/>
    </row>
    <row r="246864" spans="8:8">
      <c r="H246864" s="12"/>
    </row>
    <row r="246865" spans="8:8">
      <c r="H246865" s="12"/>
    </row>
    <row r="246866" spans="8:8">
      <c r="H246866" s="12"/>
    </row>
    <row r="246867" spans="8:8">
      <c r="H246867" s="12"/>
    </row>
    <row r="246868" spans="8:8">
      <c r="H246868" s="12"/>
    </row>
    <row r="246869" spans="8:8">
      <c r="H246869" s="12"/>
    </row>
    <row r="246870" spans="8:8">
      <c r="H246870" s="12"/>
    </row>
    <row r="246871" spans="8:8">
      <c r="H246871" s="12"/>
    </row>
    <row r="246872" spans="8:8">
      <c r="H246872" s="12"/>
    </row>
    <row r="246873" spans="8:8">
      <c r="H246873" s="12"/>
    </row>
    <row r="246874" spans="8:8">
      <c r="H246874" s="12"/>
    </row>
    <row r="246875" spans="8:8">
      <c r="H246875" s="12"/>
    </row>
    <row r="246876" spans="8:8">
      <c r="H246876" s="12"/>
    </row>
    <row r="246877" spans="8:8">
      <c r="H246877" s="12"/>
    </row>
    <row r="246878" spans="8:8">
      <c r="H246878" s="12"/>
    </row>
    <row r="246879" spans="8:8">
      <c r="H246879" s="12"/>
    </row>
    <row r="246880" spans="8:8">
      <c r="H246880" s="12"/>
    </row>
    <row r="246881" spans="8:8">
      <c r="H246881" s="12"/>
    </row>
    <row r="246882" spans="8:8">
      <c r="H246882" s="12"/>
    </row>
    <row r="246883" spans="8:8">
      <c r="H246883" s="12"/>
    </row>
    <row r="246884" spans="8:8">
      <c r="H246884" s="12"/>
    </row>
    <row r="246885" spans="8:8">
      <c r="H246885" s="12"/>
    </row>
    <row r="246886" spans="8:8">
      <c r="H246886" s="12"/>
    </row>
    <row r="246887" spans="8:8">
      <c r="H246887" s="12"/>
    </row>
    <row r="246888" spans="8:8">
      <c r="H246888" s="12"/>
    </row>
    <row r="246889" spans="8:8">
      <c r="H246889" s="12"/>
    </row>
    <row r="246890" spans="8:8">
      <c r="H246890" s="12"/>
    </row>
    <row r="246891" spans="8:8">
      <c r="H246891" s="12"/>
    </row>
    <row r="246892" spans="8:8">
      <c r="H246892" s="12"/>
    </row>
    <row r="246893" spans="8:8">
      <c r="H246893" s="12"/>
    </row>
    <row r="246894" spans="8:8">
      <c r="H246894" s="12"/>
    </row>
    <row r="246895" spans="8:8">
      <c r="H246895" s="12"/>
    </row>
    <row r="246896" spans="8:8">
      <c r="H246896" s="12"/>
    </row>
    <row r="246897" spans="8:8">
      <c r="H246897" s="12"/>
    </row>
    <row r="246898" spans="8:8">
      <c r="H246898" s="12"/>
    </row>
    <row r="246899" spans="8:8">
      <c r="H246899" s="12"/>
    </row>
    <row r="246900" spans="8:8">
      <c r="H246900" s="12"/>
    </row>
    <row r="246901" spans="8:8">
      <c r="H246901" s="12"/>
    </row>
    <row r="246902" spans="8:8">
      <c r="H246902" s="12"/>
    </row>
    <row r="246903" spans="8:8">
      <c r="H246903" s="12"/>
    </row>
    <row r="246904" spans="8:8">
      <c r="H246904" s="12"/>
    </row>
    <row r="246905" spans="8:8">
      <c r="H246905" s="12"/>
    </row>
    <row r="246906" spans="8:8">
      <c r="H246906" s="12"/>
    </row>
    <row r="246907" spans="8:8">
      <c r="H246907" s="12"/>
    </row>
    <row r="246908" spans="8:8">
      <c r="H246908" s="12"/>
    </row>
    <row r="246909" spans="8:8">
      <c r="H246909" s="12"/>
    </row>
    <row r="246910" spans="8:8">
      <c r="H246910" s="12"/>
    </row>
    <row r="246911" spans="8:8">
      <c r="H246911" s="12"/>
    </row>
    <row r="246912" spans="8:8">
      <c r="H246912" s="12"/>
    </row>
    <row r="246913" spans="8:8">
      <c r="H246913" s="12"/>
    </row>
    <row r="246914" spans="8:8">
      <c r="H246914" s="12"/>
    </row>
    <row r="246915" spans="8:8">
      <c r="H246915" s="12"/>
    </row>
    <row r="246916" spans="8:8">
      <c r="H246916" s="12"/>
    </row>
    <row r="246917" spans="8:8">
      <c r="H246917" s="12"/>
    </row>
    <row r="246918" spans="8:8">
      <c r="H246918" s="12"/>
    </row>
    <row r="246919" spans="8:8">
      <c r="H246919" s="12"/>
    </row>
    <row r="246920" spans="8:8">
      <c r="H246920" s="12"/>
    </row>
    <row r="246921" spans="8:8">
      <c r="H246921" s="12"/>
    </row>
    <row r="246922" spans="8:8">
      <c r="H246922" s="12"/>
    </row>
    <row r="246923" spans="8:8">
      <c r="H246923" s="12"/>
    </row>
    <row r="246924" spans="8:8">
      <c r="H246924" s="12"/>
    </row>
    <row r="246925" spans="8:8">
      <c r="H246925" s="12"/>
    </row>
    <row r="246926" spans="8:8">
      <c r="H246926" s="12"/>
    </row>
    <row r="246927" spans="8:8">
      <c r="H246927" s="12"/>
    </row>
    <row r="246928" spans="8:8">
      <c r="H246928" s="12"/>
    </row>
    <row r="246929" spans="8:8">
      <c r="H246929" s="12"/>
    </row>
    <row r="246930" spans="8:8">
      <c r="H246930" s="12"/>
    </row>
    <row r="246931" spans="8:8">
      <c r="H246931" s="12"/>
    </row>
    <row r="246932" spans="8:8">
      <c r="H246932" s="12"/>
    </row>
    <row r="246933" spans="8:8">
      <c r="H246933" s="12"/>
    </row>
    <row r="246934" spans="8:8">
      <c r="H246934" s="12"/>
    </row>
    <row r="246935" spans="8:8">
      <c r="H246935" s="12"/>
    </row>
    <row r="246936" spans="8:8">
      <c r="H246936" s="12"/>
    </row>
    <row r="246937" spans="8:8">
      <c r="H246937" s="12"/>
    </row>
    <row r="246938" spans="8:8">
      <c r="H246938" s="12"/>
    </row>
    <row r="246939" spans="8:8">
      <c r="H246939" s="12"/>
    </row>
    <row r="246940" spans="8:8">
      <c r="H246940" s="12"/>
    </row>
    <row r="246941" spans="8:8">
      <c r="H246941" s="12"/>
    </row>
    <row r="246942" spans="8:8">
      <c r="H246942" s="12"/>
    </row>
    <row r="246943" spans="8:8">
      <c r="H246943" s="12"/>
    </row>
    <row r="246944" spans="8:8">
      <c r="H246944" s="12"/>
    </row>
    <row r="246945" spans="8:8">
      <c r="H246945" s="12"/>
    </row>
    <row r="246946" spans="8:8">
      <c r="H246946" s="12"/>
    </row>
    <row r="246947" spans="8:8">
      <c r="H246947" s="12"/>
    </row>
    <row r="246948" spans="8:8">
      <c r="H246948" s="12"/>
    </row>
    <row r="246949" spans="8:8">
      <c r="H246949" s="12"/>
    </row>
    <row r="246950" spans="8:8">
      <c r="H246950" s="12"/>
    </row>
    <row r="246951" spans="8:8">
      <c r="H246951" s="12"/>
    </row>
    <row r="246952" spans="8:8">
      <c r="H246952" s="12"/>
    </row>
    <row r="246953" spans="8:8">
      <c r="H246953" s="12"/>
    </row>
    <row r="246954" spans="8:8">
      <c r="H246954" s="12"/>
    </row>
    <row r="246955" spans="8:8">
      <c r="H246955" s="12"/>
    </row>
    <row r="246956" spans="8:8">
      <c r="H246956" s="12"/>
    </row>
    <row r="246957" spans="8:8">
      <c r="H246957" s="12"/>
    </row>
    <row r="246958" spans="8:8">
      <c r="H246958" s="12"/>
    </row>
    <row r="246959" spans="8:8">
      <c r="H246959" s="12"/>
    </row>
    <row r="246960" spans="8:8">
      <c r="H246960" s="12"/>
    </row>
    <row r="246961" spans="8:8">
      <c r="H246961" s="12"/>
    </row>
    <row r="246962" spans="8:8">
      <c r="H246962" s="12"/>
    </row>
    <row r="246963" spans="8:8">
      <c r="H246963" s="12"/>
    </row>
    <row r="246964" spans="8:8">
      <c r="H246964" s="12"/>
    </row>
    <row r="246965" spans="8:8">
      <c r="H246965" s="12"/>
    </row>
    <row r="246966" spans="8:8">
      <c r="H246966" s="12"/>
    </row>
    <row r="246967" spans="8:8">
      <c r="H246967" s="12"/>
    </row>
    <row r="246968" spans="8:8">
      <c r="H246968" s="12"/>
    </row>
    <row r="246969" spans="8:8">
      <c r="H246969" s="12"/>
    </row>
    <row r="246970" spans="8:8">
      <c r="H246970" s="12"/>
    </row>
    <row r="246971" spans="8:8">
      <c r="H246971" s="12"/>
    </row>
    <row r="246972" spans="8:8">
      <c r="H246972" s="12"/>
    </row>
    <row r="246973" spans="8:8">
      <c r="H246973" s="12"/>
    </row>
    <row r="246974" spans="8:8">
      <c r="H246974" s="12"/>
    </row>
    <row r="246975" spans="8:8">
      <c r="H246975" s="12"/>
    </row>
    <row r="246976" spans="8:8">
      <c r="H246976" s="12"/>
    </row>
    <row r="246977" spans="8:8">
      <c r="H246977" s="12"/>
    </row>
    <row r="246978" spans="8:8">
      <c r="H246978" s="12"/>
    </row>
    <row r="246979" spans="8:8">
      <c r="H246979" s="12"/>
    </row>
    <row r="246980" spans="8:8">
      <c r="H246980" s="12"/>
    </row>
    <row r="246981" spans="8:8">
      <c r="H246981" s="12"/>
    </row>
    <row r="246982" spans="8:8">
      <c r="H246982" s="12"/>
    </row>
    <row r="246983" spans="8:8">
      <c r="H246983" s="12"/>
    </row>
    <row r="246984" spans="8:8">
      <c r="H246984" s="12"/>
    </row>
    <row r="246985" spans="8:8">
      <c r="H246985" s="12"/>
    </row>
    <row r="246986" spans="8:8">
      <c r="H246986" s="12"/>
    </row>
    <row r="246987" spans="8:8">
      <c r="H246987" s="12"/>
    </row>
    <row r="246988" spans="8:8">
      <c r="H246988" s="12"/>
    </row>
    <row r="246989" spans="8:8">
      <c r="H246989" s="12"/>
    </row>
    <row r="246990" spans="8:8">
      <c r="H246990" s="12"/>
    </row>
    <row r="246991" spans="8:8">
      <c r="H246991" s="12"/>
    </row>
    <row r="246992" spans="8:8">
      <c r="H246992" s="12"/>
    </row>
    <row r="246993" spans="8:8">
      <c r="H246993" s="12"/>
    </row>
    <row r="246994" spans="8:8">
      <c r="H246994" s="12"/>
    </row>
    <row r="246995" spans="8:8">
      <c r="H246995" s="12"/>
    </row>
    <row r="246996" spans="8:8">
      <c r="H246996" s="12"/>
    </row>
    <row r="246997" spans="8:8">
      <c r="H246997" s="12"/>
    </row>
    <row r="246998" spans="8:8">
      <c r="H246998" s="12"/>
    </row>
    <row r="246999" spans="8:8">
      <c r="H246999" s="12"/>
    </row>
    <row r="247000" spans="8:8">
      <c r="H247000" s="12"/>
    </row>
    <row r="247001" spans="8:8">
      <c r="H247001" s="12"/>
    </row>
    <row r="247002" spans="8:8">
      <c r="H247002" s="12"/>
    </row>
    <row r="247003" spans="8:8">
      <c r="H247003" s="12"/>
    </row>
    <row r="247004" spans="8:8">
      <c r="H247004" s="12"/>
    </row>
    <row r="247005" spans="8:8">
      <c r="H247005" s="12"/>
    </row>
    <row r="247006" spans="8:8">
      <c r="H247006" s="12"/>
    </row>
    <row r="247007" spans="8:8">
      <c r="H247007" s="12"/>
    </row>
    <row r="247008" spans="8:8">
      <c r="H247008" s="12"/>
    </row>
    <row r="247009" spans="8:8">
      <c r="H247009" s="12"/>
    </row>
    <row r="247010" spans="8:8">
      <c r="H247010" s="12"/>
    </row>
    <row r="247011" spans="8:8">
      <c r="H247011" s="12"/>
    </row>
    <row r="247012" spans="8:8">
      <c r="H247012" s="12"/>
    </row>
    <row r="247013" spans="8:8">
      <c r="H247013" s="12"/>
    </row>
    <row r="247014" spans="8:8">
      <c r="H247014" s="12"/>
    </row>
    <row r="247015" spans="8:8">
      <c r="H247015" s="12"/>
    </row>
    <row r="247016" spans="8:8">
      <c r="H247016" s="12"/>
    </row>
    <row r="247017" spans="8:8">
      <c r="H247017" s="12"/>
    </row>
    <row r="247018" spans="8:8">
      <c r="H247018" s="12"/>
    </row>
    <row r="247019" spans="8:8">
      <c r="H247019" s="12"/>
    </row>
    <row r="247020" spans="8:8">
      <c r="H247020" s="12"/>
    </row>
    <row r="247021" spans="8:8">
      <c r="H247021" s="12"/>
    </row>
    <row r="247022" spans="8:8">
      <c r="H247022" s="12"/>
    </row>
    <row r="247023" spans="8:8">
      <c r="H247023" s="12"/>
    </row>
    <row r="247024" spans="8:8">
      <c r="H247024" s="12"/>
    </row>
    <row r="247025" spans="8:8">
      <c r="H247025" s="12"/>
    </row>
    <row r="247026" spans="8:8">
      <c r="H247026" s="12"/>
    </row>
    <row r="247027" spans="8:8">
      <c r="H247027" s="12"/>
    </row>
    <row r="247028" spans="8:8">
      <c r="H247028" s="12"/>
    </row>
    <row r="247029" spans="8:8">
      <c r="H247029" s="12"/>
    </row>
    <row r="247030" spans="8:8">
      <c r="H247030" s="12"/>
    </row>
    <row r="247031" spans="8:8">
      <c r="H247031" s="12"/>
    </row>
    <row r="247032" spans="8:8">
      <c r="H247032" s="12"/>
    </row>
    <row r="247033" spans="8:8">
      <c r="H247033" s="12"/>
    </row>
    <row r="247034" spans="8:8">
      <c r="H247034" s="12"/>
    </row>
    <row r="247035" spans="8:8">
      <c r="H247035" s="12"/>
    </row>
    <row r="247036" spans="8:8">
      <c r="H247036" s="12"/>
    </row>
    <row r="247037" spans="8:8">
      <c r="H247037" s="12"/>
    </row>
    <row r="247038" spans="8:8">
      <c r="H247038" s="12"/>
    </row>
    <row r="247039" spans="8:8">
      <c r="H247039" s="12"/>
    </row>
    <row r="247040" spans="8:8">
      <c r="H247040" s="12"/>
    </row>
    <row r="247041" spans="8:8">
      <c r="H247041" s="12"/>
    </row>
    <row r="247042" spans="8:8">
      <c r="H247042" s="12"/>
    </row>
    <row r="247043" spans="8:8">
      <c r="H247043" s="12"/>
    </row>
    <row r="247044" spans="8:8">
      <c r="H247044" s="12"/>
    </row>
    <row r="247045" spans="8:8">
      <c r="H247045" s="12"/>
    </row>
    <row r="247046" spans="8:8">
      <c r="H247046" s="12"/>
    </row>
    <row r="247047" spans="8:8">
      <c r="H247047" s="12"/>
    </row>
    <row r="247048" spans="8:8">
      <c r="H247048" s="12"/>
    </row>
    <row r="247049" spans="8:8">
      <c r="H247049" s="12"/>
    </row>
    <row r="247050" spans="8:8">
      <c r="H247050" s="12"/>
    </row>
    <row r="247051" spans="8:8">
      <c r="H247051" s="12"/>
    </row>
    <row r="247052" spans="8:8">
      <c r="H247052" s="12"/>
    </row>
    <row r="247053" spans="8:8">
      <c r="H247053" s="12"/>
    </row>
    <row r="247054" spans="8:8">
      <c r="H247054" s="12"/>
    </row>
    <row r="247055" spans="8:8">
      <c r="H247055" s="12"/>
    </row>
    <row r="247056" spans="8:8">
      <c r="H247056" s="12"/>
    </row>
    <row r="247057" spans="8:8">
      <c r="H247057" s="12"/>
    </row>
    <row r="247058" spans="8:8">
      <c r="H247058" s="12"/>
    </row>
    <row r="247059" spans="8:8">
      <c r="H247059" s="12"/>
    </row>
    <row r="247060" spans="8:8">
      <c r="H247060" s="12"/>
    </row>
    <row r="247061" spans="8:8">
      <c r="H247061" s="12"/>
    </row>
    <row r="247062" spans="8:8">
      <c r="H247062" s="12"/>
    </row>
    <row r="247063" spans="8:8">
      <c r="H247063" s="12"/>
    </row>
    <row r="247064" spans="8:8">
      <c r="H247064" s="12"/>
    </row>
    <row r="247065" spans="8:8">
      <c r="H247065" s="12"/>
    </row>
    <row r="247066" spans="8:8">
      <c r="H247066" s="12"/>
    </row>
    <row r="247067" spans="8:8">
      <c r="H247067" s="12"/>
    </row>
    <row r="247068" spans="8:8">
      <c r="H247068" s="12"/>
    </row>
    <row r="247069" spans="8:8">
      <c r="H247069" s="12"/>
    </row>
    <row r="247070" spans="8:8">
      <c r="H247070" s="12"/>
    </row>
    <row r="247071" spans="8:8">
      <c r="H247071" s="12"/>
    </row>
    <row r="247072" spans="8:8">
      <c r="H247072" s="12"/>
    </row>
    <row r="247073" spans="8:8">
      <c r="H247073" s="12"/>
    </row>
    <row r="247074" spans="8:8">
      <c r="H247074" s="12"/>
    </row>
    <row r="247075" spans="8:8">
      <c r="H247075" s="12"/>
    </row>
    <row r="247076" spans="8:8">
      <c r="H247076" s="12"/>
    </row>
    <row r="247077" spans="8:8">
      <c r="H247077" s="12"/>
    </row>
    <row r="247078" spans="8:8">
      <c r="H247078" s="12"/>
    </row>
    <row r="247079" spans="8:8">
      <c r="H247079" s="12"/>
    </row>
    <row r="247080" spans="8:8">
      <c r="H247080" s="12"/>
    </row>
    <row r="247081" spans="8:8">
      <c r="H247081" s="12"/>
    </row>
    <row r="247082" spans="8:8">
      <c r="H247082" s="12"/>
    </row>
    <row r="247083" spans="8:8">
      <c r="H247083" s="12"/>
    </row>
    <row r="247084" spans="8:8">
      <c r="H247084" s="12"/>
    </row>
    <row r="247085" spans="8:8">
      <c r="H247085" s="12"/>
    </row>
    <row r="247086" spans="8:8">
      <c r="H247086" s="12"/>
    </row>
    <row r="247087" spans="8:8">
      <c r="H247087" s="12"/>
    </row>
    <row r="247088" spans="8:8">
      <c r="H247088" s="12"/>
    </row>
    <row r="247089" spans="8:8">
      <c r="H247089" s="12"/>
    </row>
    <row r="247090" spans="8:8">
      <c r="H247090" s="12"/>
    </row>
    <row r="247091" spans="8:8">
      <c r="H247091" s="12"/>
    </row>
    <row r="247092" spans="8:8">
      <c r="H247092" s="12"/>
    </row>
    <row r="247093" spans="8:8">
      <c r="H247093" s="12"/>
    </row>
    <row r="247094" spans="8:8">
      <c r="H247094" s="12"/>
    </row>
    <row r="247095" spans="8:8">
      <c r="H247095" s="12"/>
    </row>
    <row r="247096" spans="8:8">
      <c r="H247096" s="12"/>
    </row>
    <row r="247097" spans="8:8">
      <c r="H247097" s="12"/>
    </row>
    <row r="247098" spans="8:8">
      <c r="H247098" s="12"/>
    </row>
    <row r="247099" spans="8:8">
      <c r="H247099" s="12"/>
    </row>
    <row r="247100" spans="8:8">
      <c r="H247100" s="12"/>
    </row>
    <row r="247101" spans="8:8">
      <c r="H247101" s="12"/>
    </row>
    <row r="247102" spans="8:8">
      <c r="H247102" s="12"/>
    </row>
    <row r="247103" spans="8:8">
      <c r="H247103" s="12"/>
    </row>
    <row r="247104" spans="8:8">
      <c r="H247104" s="12"/>
    </row>
    <row r="247105" spans="8:8">
      <c r="H247105" s="12"/>
    </row>
    <row r="247106" spans="8:8">
      <c r="H247106" s="12"/>
    </row>
    <row r="247107" spans="8:8">
      <c r="H247107" s="12"/>
    </row>
    <row r="247108" spans="8:8">
      <c r="H247108" s="12"/>
    </row>
    <row r="247109" spans="8:8">
      <c r="H247109" s="12"/>
    </row>
    <row r="247110" spans="8:8">
      <c r="H247110" s="12"/>
    </row>
    <row r="247111" spans="8:8">
      <c r="H247111" s="12"/>
    </row>
    <row r="247112" spans="8:8">
      <c r="H247112" s="12"/>
    </row>
    <row r="247113" spans="8:8">
      <c r="H247113" s="12"/>
    </row>
    <row r="247114" spans="8:8">
      <c r="H247114" s="12"/>
    </row>
    <row r="247115" spans="8:8">
      <c r="H247115" s="12"/>
    </row>
    <row r="247116" spans="8:8">
      <c r="H247116" s="12"/>
    </row>
    <row r="247117" spans="8:8">
      <c r="H247117" s="12"/>
    </row>
    <row r="247118" spans="8:8">
      <c r="H247118" s="12"/>
    </row>
    <row r="247119" spans="8:8">
      <c r="H247119" s="12"/>
    </row>
    <row r="247120" spans="8:8">
      <c r="H247120" s="12"/>
    </row>
    <row r="247121" spans="8:8">
      <c r="H247121" s="12"/>
    </row>
    <row r="247122" spans="8:8">
      <c r="H247122" s="12"/>
    </row>
    <row r="247123" spans="8:8">
      <c r="H247123" s="12"/>
    </row>
    <row r="247124" spans="8:8">
      <c r="H247124" s="12"/>
    </row>
    <row r="247125" spans="8:8">
      <c r="H247125" s="12"/>
    </row>
    <row r="247126" spans="8:8">
      <c r="H247126" s="12"/>
    </row>
    <row r="247127" spans="8:8">
      <c r="H247127" s="12"/>
    </row>
    <row r="247128" spans="8:8">
      <c r="H247128" s="12"/>
    </row>
    <row r="247129" spans="8:8">
      <c r="H247129" s="12"/>
    </row>
    <row r="247130" spans="8:8">
      <c r="H247130" s="12"/>
    </row>
    <row r="247131" spans="8:8">
      <c r="H247131" s="12"/>
    </row>
    <row r="247132" spans="8:8">
      <c r="H247132" s="12"/>
    </row>
    <row r="247133" spans="8:8">
      <c r="H247133" s="12"/>
    </row>
    <row r="247134" spans="8:8">
      <c r="H247134" s="12"/>
    </row>
    <row r="247135" spans="8:8">
      <c r="H247135" s="12"/>
    </row>
    <row r="247136" spans="8:8">
      <c r="H247136" s="12"/>
    </row>
    <row r="247137" spans="8:8">
      <c r="H247137" s="12"/>
    </row>
    <row r="247138" spans="8:8">
      <c r="H247138" s="12"/>
    </row>
    <row r="247139" spans="8:8">
      <c r="H247139" s="12"/>
    </row>
    <row r="247140" spans="8:8">
      <c r="H247140" s="12"/>
    </row>
    <row r="247141" spans="8:8">
      <c r="H247141" s="12"/>
    </row>
    <row r="247142" spans="8:8">
      <c r="H247142" s="12"/>
    </row>
    <row r="247143" spans="8:8">
      <c r="H247143" s="12"/>
    </row>
    <row r="247144" spans="8:8">
      <c r="H247144" s="12"/>
    </row>
    <row r="247145" spans="8:8">
      <c r="H247145" s="12"/>
    </row>
    <row r="247146" spans="8:8">
      <c r="H247146" s="12"/>
    </row>
    <row r="247147" spans="8:8">
      <c r="H247147" s="12"/>
    </row>
    <row r="247148" spans="8:8">
      <c r="H247148" s="12"/>
    </row>
    <row r="247149" spans="8:8">
      <c r="H247149" s="12"/>
    </row>
    <row r="247150" spans="8:8">
      <c r="H247150" s="12"/>
    </row>
    <row r="247151" spans="8:8">
      <c r="H247151" s="12"/>
    </row>
    <row r="247152" spans="8:8">
      <c r="H247152" s="12"/>
    </row>
    <row r="247153" spans="8:8">
      <c r="H247153" s="12"/>
    </row>
    <row r="247154" spans="8:8">
      <c r="H247154" s="12"/>
    </row>
    <row r="247155" spans="8:8">
      <c r="H247155" s="12"/>
    </row>
    <row r="247156" spans="8:8">
      <c r="H247156" s="12"/>
    </row>
    <row r="247157" spans="8:8">
      <c r="H247157" s="12"/>
    </row>
    <row r="247158" spans="8:8">
      <c r="H247158" s="12"/>
    </row>
    <row r="247159" spans="8:8">
      <c r="H247159" s="12"/>
    </row>
    <row r="247160" spans="8:8">
      <c r="H247160" s="12"/>
    </row>
    <row r="247161" spans="8:8">
      <c r="H247161" s="12"/>
    </row>
    <row r="247162" spans="8:8">
      <c r="H247162" s="12"/>
    </row>
    <row r="247163" spans="8:8">
      <c r="H247163" s="12"/>
    </row>
    <row r="247164" spans="8:8">
      <c r="H247164" s="12"/>
    </row>
    <row r="247165" spans="8:8">
      <c r="H247165" s="12"/>
    </row>
    <row r="247166" spans="8:8">
      <c r="H247166" s="12"/>
    </row>
    <row r="247167" spans="8:8">
      <c r="H247167" s="12"/>
    </row>
    <row r="247168" spans="8:8">
      <c r="H247168" s="12"/>
    </row>
    <row r="247169" spans="8:8">
      <c r="H247169" s="12"/>
    </row>
    <row r="247170" spans="8:8">
      <c r="H247170" s="12"/>
    </row>
    <row r="247171" spans="8:8">
      <c r="H247171" s="12"/>
    </row>
    <row r="247172" spans="8:8">
      <c r="H247172" s="12"/>
    </row>
    <row r="247173" spans="8:8">
      <c r="H247173" s="12"/>
    </row>
    <row r="247174" spans="8:8">
      <c r="H247174" s="12"/>
    </row>
    <row r="247175" spans="8:8">
      <c r="H247175" s="12"/>
    </row>
    <row r="247176" spans="8:8">
      <c r="H247176" s="12"/>
    </row>
    <row r="247177" spans="8:8">
      <c r="H247177" s="12"/>
    </row>
    <row r="247178" spans="8:8">
      <c r="H247178" s="12"/>
    </row>
    <row r="247179" spans="8:8">
      <c r="H247179" s="12"/>
    </row>
    <row r="247180" spans="8:8">
      <c r="H247180" s="12"/>
    </row>
    <row r="247181" spans="8:8">
      <c r="H247181" s="12"/>
    </row>
    <row r="247182" spans="8:8">
      <c r="H247182" s="12"/>
    </row>
    <row r="247183" spans="8:8">
      <c r="H247183" s="12"/>
    </row>
    <row r="247184" spans="8:8">
      <c r="H247184" s="12"/>
    </row>
    <row r="247185" spans="8:8">
      <c r="H247185" s="12"/>
    </row>
    <row r="247186" spans="8:8">
      <c r="H247186" s="12"/>
    </row>
    <row r="247187" spans="8:8">
      <c r="H247187" s="12"/>
    </row>
    <row r="247188" spans="8:8">
      <c r="H247188" s="12"/>
    </row>
    <row r="247189" spans="8:8">
      <c r="H247189" s="12"/>
    </row>
    <row r="247190" spans="8:8">
      <c r="H247190" s="12"/>
    </row>
    <row r="247191" spans="8:8">
      <c r="H247191" s="12"/>
    </row>
    <row r="247192" spans="8:8">
      <c r="H247192" s="12"/>
    </row>
    <row r="247193" spans="8:8">
      <c r="H247193" s="12"/>
    </row>
    <row r="247194" spans="8:8">
      <c r="H247194" s="12"/>
    </row>
    <row r="247195" spans="8:8">
      <c r="H247195" s="12"/>
    </row>
    <row r="247196" spans="8:8">
      <c r="H247196" s="12"/>
    </row>
    <row r="247197" spans="8:8">
      <c r="H247197" s="12"/>
    </row>
    <row r="247198" spans="8:8">
      <c r="H247198" s="12"/>
    </row>
    <row r="247199" spans="8:8">
      <c r="H247199" s="12"/>
    </row>
    <row r="247200" spans="8:8">
      <c r="H247200" s="12"/>
    </row>
    <row r="247201" spans="8:8">
      <c r="H247201" s="12"/>
    </row>
    <row r="247202" spans="8:8">
      <c r="H247202" s="12"/>
    </row>
    <row r="247203" spans="8:8">
      <c r="H247203" s="12"/>
    </row>
    <row r="247204" spans="8:8">
      <c r="H247204" s="12"/>
    </row>
    <row r="247205" spans="8:8">
      <c r="H247205" s="12"/>
    </row>
    <row r="247206" spans="8:8">
      <c r="H247206" s="12"/>
    </row>
    <row r="247207" spans="8:8">
      <c r="H247207" s="12"/>
    </row>
    <row r="247208" spans="8:8">
      <c r="H247208" s="12"/>
    </row>
    <row r="247209" spans="8:8">
      <c r="H247209" s="12"/>
    </row>
    <row r="247210" spans="8:8">
      <c r="H247210" s="12"/>
    </row>
    <row r="247211" spans="8:8">
      <c r="H247211" s="12"/>
    </row>
    <row r="247212" spans="8:8">
      <c r="H247212" s="12"/>
    </row>
    <row r="247213" spans="8:8">
      <c r="H247213" s="12"/>
    </row>
    <row r="247214" spans="8:8">
      <c r="H247214" s="12"/>
    </row>
    <row r="247215" spans="8:8">
      <c r="H247215" s="12"/>
    </row>
    <row r="247216" spans="8:8">
      <c r="H247216" s="12"/>
    </row>
    <row r="247217" spans="8:8">
      <c r="H247217" s="12"/>
    </row>
    <row r="247218" spans="8:8">
      <c r="H247218" s="12"/>
    </row>
    <row r="247219" spans="8:8">
      <c r="H247219" s="12"/>
    </row>
    <row r="247220" spans="8:8">
      <c r="H247220" s="12"/>
    </row>
    <row r="247221" spans="8:8">
      <c r="H247221" s="12"/>
    </row>
    <row r="247222" spans="8:8">
      <c r="H247222" s="12"/>
    </row>
    <row r="247223" spans="8:8">
      <c r="H247223" s="12"/>
    </row>
    <row r="247224" spans="8:8">
      <c r="H247224" s="12"/>
    </row>
    <row r="247225" spans="8:8">
      <c r="H247225" s="12"/>
    </row>
    <row r="247226" spans="8:8">
      <c r="H247226" s="12"/>
    </row>
    <row r="247227" spans="8:8">
      <c r="H247227" s="12"/>
    </row>
    <row r="247228" spans="8:8">
      <c r="H247228" s="12"/>
    </row>
    <row r="247229" spans="8:8">
      <c r="H247229" s="12"/>
    </row>
    <row r="247230" spans="8:8">
      <c r="H247230" s="12"/>
    </row>
    <row r="247231" spans="8:8">
      <c r="H247231" s="12"/>
    </row>
    <row r="247232" spans="8:8">
      <c r="H247232" s="12"/>
    </row>
    <row r="247233" spans="8:8">
      <c r="H247233" s="12"/>
    </row>
    <row r="247234" spans="8:8">
      <c r="H247234" s="12"/>
    </row>
    <row r="247235" spans="8:8">
      <c r="H247235" s="12"/>
    </row>
    <row r="247236" spans="8:8">
      <c r="H247236" s="12"/>
    </row>
    <row r="247237" spans="8:8">
      <c r="H247237" s="12"/>
    </row>
    <row r="247238" spans="8:8">
      <c r="H247238" s="12"/>
    </row>
    <row r="247239" spans="8:8">
      <c r="H247239" s="12"/>
    </row>
    <row r="247240" spans="8:8">
      <c r="H247240" s="12"/>
    </row>
    <row r="247241" spans="8:8">
      <c r="H247241" s="12"/>
    </row>
    <row r="247242" spans="8:8">
      <c r="H247242" s="12"/>
    </row>
    <row r="247243" spans="8:8">
      <c r="H247243" s="12"/>
    </row>
    <row r="247244" spans="8:8">
      <c r="H247244" s="12"/>
    </row>
    <row r="247245" spans="8:8">
      <c r="H247245" s="12"/>
    </row>
    <row r="247246" spans="8:8">
      <c r="H247246" s="12"/>
    </row>
    <row r="247247" spans="8:8">
      <c r="H247247" s="12"/>
    </row>
    <row r="247248" spans="8:8">
      <c r="H247248" s="12"/>
    </row>
    <row r="247249" spans="8:8">
      <c r="H247249" s="12"/>
    </row>
    <row r="247250" spans="8:8">
      <c r="H247250" s="12"/>
    </row>
    <row r="247251" spans="8:8">
      <c r="H247251" s="12"/>
    </row>
    <row r="247252" spans="8:8">
      <c r="H247252" s="12"/>
    </row>
    <row r="247253" spans="8:8">
      <c r="H247253" s="12"/>
    </row>
    <row r="247254" spans="8:8">
      <c r="H247254" s="12"/>
    </row>
    <row r="247255" spans="8:8">
      <c r="H247255" s="12"/>
    </row>
    <row r="247256" spans="8:8">
      <c r="H247256" s="12"/>
    </row>
    <row r="247257" spans="8:8">
      <c r="H247257" s="12"/>
    </row>
    <row r="247258" spans="8:8">
      <c r="H247258" s="12"/>
    </row>
    <row r="247259" spans="8:8">
      <c r="H247259" s="12"/>
    </row>
    <row r="247260" spans="8:8">
      <c r="H247260" s="12"/>
    </row>
    <row r="247261" spans="8:8">
      <c r="H247261" s="12"/>
    </row>
    <row r="247262" spans="8:8">
      <c r="H247262" s="12"/>
    </row>
    <row r="247263" spans="8:8">
      <c r="H247263" s="12"/>
    </row>
    <row r="247264" spans="8:8">
      <c r="H247264" s="12"/>
    </row>
    <row r="247265" spans="8:8">
      <c r="H247265" s="12"/>
    </row>
    <row r="247266" spans="8:8">
      <c r="H247266" s="12"/>
    </row>
    <row r="247267" spans="8:8">
      <c r="H247267" s="12"/>
    </row>
    <row r="247268" spans="8:8">
      <c r="H247268" s="12"/>
    </row>
    <row r="247269" spans="8:8">
      <c r="H247269" s="12"/>
    </row>
    <row r="247270" spans="8:8">
      <c r="H247270" s="12"/>
    </row>
    <row r="247271" spans="8:8">
      <c r="H247271" s="12"/>
    </row>
    <row r="247272" spans="8:8">
      <c r="H247272" s="12"/>
    </row>
    <row r="247273" spans="8:8">
      <c r="H247273" s="12"/>
    </row>
    <row r="247274" spans="8:8">
      <c r="H247274" s="12"/>
    </row>
    <row r="247275" spans="8:8">
      <c r="H247275" s="12"/>
    </row>
    <row r="247276" spans="8:8">
      <c r="H247276" s="12"/>
    </row>
    <row r="247277" spans="8:8">
      <c r="H247277" s="12"/>
    </row>
    <row r="247278" spans="8:8">
      <c r="H247278" s="12"/>
    </row>
    <row r="247279" spans="8:8">
      <c r="H247279" s="12"/>
    </row>
    <row r="247280" spans="8:8">
      <c r="H247280" s="12"/>
    </row>
    <row r="247281" spans="8:8">
      <c r="H247281" s="12"/>
    </row>
    <row r="247282" spans="8:8">
      <c r="H247282" s="12"/>
    </row>
    <row r="247283" spans="8:8">
      <c r="H247283" s="12"/>
    </row>
    <row r="247284" spans="8:8">
      <c r="H247284" s="12"/>
    </row>
    <row r="247285" spans="8:8">
      <c r="H247285" s="12"/>
    </row>
    <row r="247286" spans="8:8">
      <c r="H247286" s="12"/>
    </row>
    <row r="247287" spans="8:8">
      <c r="H247287" s="12"/>
    </row>
    <row r="247288" spans="8:8">
      <c r="H247288" s="12"/>
    </row>
    <row r="247289" spans="8:8">
      <c r="H247289" s="12"/>
    </row>
    <row r="247290" spans="8:8">
      <c r="H247290" s="12"/>
    </row>
    <row r="247291" spans="8:8">
      <c r="H247291" s="12"/>
    </row>
    <row r="247292" spans="8:8">
      <c r="H247292" s="12"/>
    </row>
    <row r="247293" spans="8:8">
      <c r="H247293" s="12"/>
    </row>
    <row r="247294" spans="8:8">
      <c r="H247294" s="12"/>
    </row>
    <row r="247295" spans="8:8">
      <c r="H247295" s="12"/>
    </row>
    <row r="247296" spans="8:8">
      <c r="H247296" s="12"/>
    </row>
    <row r="247297" spans="8:8">
      <c r="H247297" s="12"/>
    </row>
    <row r="247298" spans="8:8">
      <c r="H247298" s="12"/>
    </row>
    <row r="247299" spans="8:8">
      <c r="H247299" s="12"/>
    </row>
    <row r="247300" spans="8:8">
      <c r="H247300" s="12"/>
    </row>
    <row r="247301" spans="8:8">
      <c r="H247301" s="12"/>
    </row>
    <row r="247302" spans="8:8">
      <c r="H247302" s="12"/>
    </row>
    <row r="247303" spans="8:8">
      <c r="H247303" s="12"/>
    </row>
    <row r="247304" spans="8:8">
      <c r="H247304" s="12"/>
    </row>
    <row r="247305" spans="8:8">
      <c r="H247305" s="12"/>
    </row>
    <row r="247306" spans="8:8">
      <c r="H247306" s="12"/>
    </row>
    <row r="247307" spans="8:8">
      <c r="H247307" s="12"/>
    </row>
    <row r="247308" spans="8:8">
      <c r="H247308" s="12"/>
    </row>
    <row r="247309" spans="8:8">
      <c r="H247309" s="12"/>
    </row>
    <row r="247310" spans="8:8">
      <c r="H247310" s="12"/>
    </row>
    <row r="247311" spans="8:8">
      <c r="H247311" s="12"/>
    </row>
    <row r="247312" spans="8:8">
      <c r="H247312" s="12"/>
    </row>
    <row r="247313" spans="8:8">
      <c r="H247313" s="12"/>
    </row>
    <row r="247314" spans="8:8">
      <c r="H247314" s="12"/>
    </row>
    <row r="247315" spans="8:8">
      <c r="H247315" s="12"/>
    </row>
    <row r="247316" spans="8:8">
      <c r="H247316" s="12"/>
    </row>
    <row r="247317" spans="8:8">
      <c r="H247317" s="12"/>
    </row>
    <row r="247318" spans="8:8">
      <c r="H247318" s="12"/>
    </row>
    <row r="247319" spans="8:8">
      <c r="H247319" s="12"/>
    </row>
    <row r="247320" spans="8:8">
      <c r="H247320" s="12"/>
    </row>
    <row r="247321" spans="8:8">
      <c r="H247321" s="12"/>
    </row>
    <row r="247322" spans="8:8">
      <c r="H247322" s="12"/>
    </row>
    <row r="247323" spans="8:8">
      <c r="H247323" s="12"/>
    </row>
    <row r="247324" spans="8:8">
      <c r="H247324" s="12"/>
    </row>
    <row r="247325" spans="8:8">
      <c r="H247325" s="12"/>
    </row>
    <row r="247326" spans="8:8">
      <c r="H247326" s="12"/>
    </row>
    <row r="247327" spans="8:8">
      <c r="H247327" s="12"/>
    </row>
    <row r="247328" spans="8:8">
      <c r="H247328" s="12"/>
    </row>
    <row r="247329" spans="8:8">
      <c r="H247329" s="12"/>
    </row>
    <row r="247330" spans="8:8">
      <c r="H247330" s="12"/>
    </row>
    <row r="247331" spans="8:8">
      <c r="H247331" s="12"/>
    </row>
    <row r="247332" spans="8:8">
      <c r="H247332" s="12"/>
    </row>
    <row r="247333" spans="8:8">
      <c r="H247333" s="12"/>
    </row>
    <row r="247334" spans="8:8">
      <c r="H247334" s="12"/>
    </row>
    <row r="247335" spans="8:8">
      <c r="H247335" s="12"/>
    </row>
    <row r="247336" spans="8:8">
      <c r="H247336" s="12"/>
    </row>
    <row r="247337" spans="8:8">
      <c r="H247337" s="12"/>
    </row>
    <row r="247338" spans="8:8">
      <c r="H247338" s="12"/>
    </row>
    <row r="247339" spans="8:8">
      <c r="H247339" s="12"/>
    </row>
    <row r="247340" spans="8:8">
      <c r="H247340" s="12"/>
    </row>
    <row r="247341" spans="8:8">
      <c r="H247341" s="12"/>
    </row>
    <row r="247342" spans="8:8">
      <c r="H247342" s="12"/>
    </row>
    <row r="247343" spans="8:8">
      <c r="H247343" s="12"/>
    </row>
    <row r="247344" spans="8:8">
      <c r="H247344" s="12"/>
    </row>
    <row r="247345" spans="8:8">
      <c r="H247345" s="12"/>
    </row>
    <row r="247346" spans="8:8">
      <c r="H247346" s="12"/>
    </row>
    <row r="247347" spans="8:8">
      <c r="H247347" s="12"/>
    </row>
    <row r="247348" spans="8:8">
      <c r="H247348" s="12"/>
    </row>
    <row r="247349" spans="8:8">
      <c r="H247349" s="12"/>
    </row>
    <row r="247350" spans="8:8">
      <c r="H247350" s="12"/>
    </row>
    <row r="247351" spans="8:8">
      <c r="H247351" s="12"/>
    </row>
    <row r="247352" spans="8:8">
      <c r="H247352" s="12"/>
    </row>
    <row r="247353" spans="8:8">
      <c r="H247353" s="12"/>
    </row>
    <row r="247354" spans="8:8">
      <c r="H247354" s="12"/>
    </row>
    <row r="247355" spans="8:8">
      <c r="H247355" s="12"/>
    </row>
    <row r="247356" spans="8:8">
      <c r="H247356" s="12"/>
    </row>
    <row r="247357" spans="8:8">
      <c r="H247357" s="12"/>
    </row>
    <row r="247358" spans="8:8">
      <c r="H247358" s="12"/>
    </row>
    <row r="247359" spans="8:8">
      <c r="H247359" s="12"/>
    </row>
    <row r="247360" spans="8:8">
      <c r="H247360" s="12"/>
    </row>
    <row r="247361" spans="8:8">
      <c r="H247361" s="12"/>
    </row>
    <row r="247362" spans="8:8">
      <c r="H247362" s="12"/>
    </row>
    <row r="247363" spans="8:8">
      <c r="H247363" s="12"/>
    </row>
    <row r="247364" spans="8:8">
      <c r="H247364" s="12"/>
    </row>
    <row r="247365" spans="8:8">
      <c r="H247365" s="12"/>
    </row>
    <row r="247366" spans="8:8">
      <c r="H247366" s="12"/>
    </row>
    <row r="247367" spans="8:8">
      <c r="H247367" s="12"/>
    </row>
    <row r="247368" spans="8:8">
      <c r="H247368" s="12"/>
    </row>
    <row r="247369" spans="8:8">
      <c r="H247369" s="12"/>
    </row>
    <row r="247370" spans="8:8">
      <c r="H247370" s="12"/>
    </row>
    <row r="247371" spans="8:8">
      <c r="H247371" s="12"/>
    </row>
    <row r="247372" spans="8:8">
      <c r="H247372" s="12"/>
    </row>
    <row r="247373" spans="8:8">
      <c r="H247373" s="12"/>
    </row>
    <row r="247374" spans="8:8">
      <c r="H247374" s="12"/>
    </row>
    <row r="247375" spans="8:8">
      <c r="H247375" s="12"/>
    </row>
    <row r="247376" spans="8:8">
      <c r="H247376" s="12"/>
    </row>
    <row r="247377" spans="8:8">
      <c r="H247377" s="12"/>
    </row>
    <row r="247378" spans="8:8">
      <c r="H247378" s="12"/>
    </row>
    <row r="247379" spans="8:8">
      <c r="H247379" s="12"/>
    </row>
    <row r="247380" spans="8:8">
      <c r="H247380" s="12"/>
    </row>
    <row r="247381" spans="8:8">
      <c r="H247381" s="12"/>
    </row>
    <row r="247382" spans="8:8">
      <c r="H247382" s="12"/>
    </row>
    <row r="247383" spans="8:8">
      <c r="H247383" s="12"/>
    </row>
    <row r="247384" spans="8:8">
      <c r="H247384" s="12"/>
    </row>
    <row r="247385" spans="8:8">
      <c r="H247385" s="12"/>
    </row>
    <row r="247386" spans="8:8">
      <c r="H247386" s="12"/>
    </row>
    <row r="247387" spans="8:8">
      <c r="H247387" s="12"/>
    </row>
    <row r="247388" spans="8:8">
      <c r="H247388" s="12"/>
    </row>
    <row r="247389" spans="8:8">
      <c r="H247389" s="12"/>
    </row>
    <row r="247390" spans="8:8">
      <c r="H247390" s="12"/>
    </row>
    <row r="247391" spans="8:8">
      <c r="H247391" s="12"/>
    </row>
    <row r="247392" spans="8:8">
      <c r="H247392" s="12"/>
    </row>
    <row r="247393" spans="8:8">
      <c r="H247393" s="12"/>
    </row>
    <row r="247394" spans="8:8">
      <c r="H247394" s="12"/>
    </row>
    <row r="247395" spans="8:8">
      <c r="H247395" s="12"/>
    </row>
    <row r="247396" spans="8:8">
      <c r="H247396" s="12"/>
    </row>
    <row r="247397" spans="8:8">
      <c r="H247397" s="12"/>
    </row>
    <row r="247398" spans="8:8">
      <c r="H247398" s="12"/>
    </row>
    <row r="247399" spans="8:8">
      <c r="H247399" s="12"/>
    </row>
    <row r="247400" spans="8:8">
      <c r="H247400" s="12"/>
    </row>
    <row r="247401" spans="8:8">
      <c r="H247401" s="12"/>
    </row>
    <row r="247402" spans="8:8">
      <c r="H247402" s="12"/>
    </row>
    <row r="247403" spans="8:8">
      <c r="H247403" s="12"/>
    </row>
    <row r="247404" spans="8:8">
      <c r="H247404" s="12"/>
    </row>
    <row r="247405" spans="8:8">
      <c r="H247405" s="12"/>
    </row>
    <row r="247406" spans="8:8">
      <c r="H247406" s="12"/>
    </row>
    <row r="247407" spans="8:8">
      <c r="H247407" s="12"/>
    </row>
    <row r="247408" spans="8:8">
      <c r="H247408" s="12"/>
    </row>
    <row r="247409" spans="8:8">
      <c r="H247409" s="12"/>
    </row>
    <row r="247410" spans="8:8">
      <c r="H247410" s="12"/>
    </row>
    <row r="247411" spans="8:8">
      <c r="H247411" s="12"/>
    </row>
    <row r="247412" spans="8:8">
      <c r="H247412" s="12"/>
    </row>
    <row r="247413" spans="8:8">
      <c r="H247413" s="12"/>
    </row>
    <row r="247414" spans="8:8">
      <c r="H247414" s="12"/>
    </row>
    <row r="247415" spans="8:8">
      <c r="H247415" s="12"/>
    </row>
    <row r="247416" spans="8:8">
      <c r="H247416" s="12"/>
    </row>
    <row r="247417" spans="8:8">
      <c r="H247417" s="12"/>
    </row>
    <row r="247418" spans="8:8">
      <c r="H247418" s="12"/>
    </row>
    <row r="247419" spans="8:8">
      <c r="H247419" s="12"/>
    </row>
    <row r="247420" spans="8:8">
      <c r="H247420" s="12"/>
    </row>
    <row r="247421" spans="8:8">
      <c r="H247421" s="12"/>
    </row>
    <row r="247422" spans="8:8">
      <c r="H247422" s="12"/>
    </row>
    <row r="247423" spans="8:8">
      <c r="H247423" s="12"/>
    </row>
    <row r="247424" spans="8:8">
      <c r="H247424" s="12"/>
    </row>
    <row r="247425" spans="8:8">
      <c r="H247425" s="12"/>
    </row>
    <row r="247426" spans="8:8">
      <c r="H247426" s="12"/>
    </row>
    <row r="247427" spans="8:8">
      <c r="H247427" s="12"/>
    </row>
    <row r="247428" spans="8:8">
      <c r="H247428" s="12"/>
    </row>
    <row r="247429" spans="8:8">
      <c r="H247429" s="12"/>
    </row>
    <row r="247430" spans="8:8">
      <c r="H247430" s="12"/>
    </row>
    <row r="247431" spans="8:8">
      <c r="H247431" s="12"/>
    </row>
    <row r="247432" spans="8:8">
      <c r="H247432" s="12"/>
    </row>
    <row r="247433" spans="8:8">
      <c r="H247433" s="12"/>
    </row>
    <row r="247434" spans="8:8">
      <c r="H247434" s="12"/>
    </row>
    <row r="247435" spans="8:8">
      <c r="H247435" s="12"/>
    </row>
    <row r="247436" spans="8:8">
      <c r="H247436" s="12"/>
    </row>
    <row r="247437" spans="8:8">
      <c r="H247437" s="12"/>
    </row>
    <row r="247438" spans="8:8">
      <c r="H247438" s="12"/>
    </row>
    <row r="247439" spans="8:8">
      <c r="H247439" s="12"/>
    </row>
    <row r="247440" spans="8:8">
      <c r="H247440" s="12"/>
    </row>
    <row r="247441" spans="8:8">
      <c r="H247441" s="12"/>
    </row>
    <row r="247442" spans="8:8">
      <c r="H247442" s="12"/>
    </row>
    <row r="247443" spans="8:8">
      <c r="H247443" s="12"/>
    </row>
    <row r="247444" spans="8:8">
      <c r="H247444" s="12"/>
    </row>
    <row r="247445" spans="8:8">
      <c r="H247445" s="12"/>
    </row>
    <row r="247446" spans="8:8">
      <c r="H247446" s="12"/>
    </row>
    <row r="247447" spans="8:8">
      <c r="H247447" s="12"/>
    </row>
    <row r="247448" spans="8:8">
      <c r="H247448" s="12"/>
    </row>
    <row r="247449" spans="8:8">
      <c r="H247449" s="12"/>
    </row>
    <row r="247450" spans="8:8">
      <c r="H247450" s="12"/>
    </row>
    <row r="247451" spans="8:8">
      <c r="H247451" s="12"/>
    </row>
    <row r="247452" spans="8:8">
      <c r="H247452" s="12"/>
    </row>
    <row r="247453" spans="8:8">
      <c r="H247453" s="12"/>
    </row>
    <row r="247454" spans="8:8">
      <c r="H247454" s="12"/>
    </row>
    <row r="247455" spans="8:8">
      <c r="H247455" s="12"/>
    </row>
    <row r="247456" spans="8:8">
      <c r="H247456" s="12"/>
    </row>
    <row r="247457" spans="8:8">
      <c r="H247457" s="12"/>
    </row>
    <row r="247458" spans="8:8">
      <c r="H247458" s="12"/>
    </row>
    <row r="247459" spans="8:8">
      <c r="H247459" s="12"/>
    </row>
    <row r="247460" spans="8:8">
      <c r="H247460" s="12"/>
    </row>
    <row r="247461" spans="8:8">
      <c r="H247461" s="12"/>
    </row>
    <row r="247462" spans="8:8">
      <c r="H247462" s="12"/>
    </row>
    <row r="247463" spans="8:8">
      <c r="H247463" s="12"/>
    </row>
    <row r="247464" spans="8:8">
      <c r="H247464" s="12"/>
    </row>
    <row r="247465" spans="8:8">
      <c r="H247465" s="12"/>
    </row>
    <row r="247466" spans="8:8">
      <c r="H247466" s="12"/>
    </row>
    <row r="247467" spans="8:8">
      <c r="H247467" s="12"/>
    </row>
    <row r="247468" spans="8:8">
      <c r="H247468" s="12"/>
    </row>
    <row r="247469" spans="8:8">
      <c r="H247469" s="12"/>
    </row>
    <row r="247470" spans="8:8">
      <c r="H247470" s="12"/>
    </row>
    <row r="247471" spans="8:8">
      <c r="H247471" s="12"/>
    </row>
    <row r="247472" spans="8:8">
      <c r="H247472" s="12"/>
    </row>
    <row r="247473" spans="8:8">
      <c r="H247473" s="12"/>
    </row>
    <row r="247474" spans="8:8">
      <c r="H247474" s="12"/>
    </row>
    <row r="247475" spans="8:8">
      <c r="H247475" s="12"/>
    </row>
    <row r="247476" spans="8:8">
      <c r="H247476" s="12"/>
    </row>
    <row r="247477" spans="8:8">
      <c r="H247477" s="12"/>
    </row>
    <row r="247478" spans="8:8">
      <c r="H247478" s="12"/>
    </row>
    <row r="247479" spans="8:8">
      <c r="H247479" s="12"/>
    </row>
    <row r="247480" spans="8:8">
      <c r="H247480" s="12"/>
    </row>
    <row r="247481" spans="8:8">
      <c r="H247481" s="12"/>
    </row>
    <row r="247482" spans="8:8">
      <c r="H247482" s="12"/>
    </row>
    <row r="247483" spans="8:8">
      <c r="H247483" s="12"/>
    </row>
    <row r="247484" spans="8:8">
      <c r="H247484" s="12"/>
    </row>
    <row r="247485" spans="8:8">
      <c r="H247485" s="12"/>
    </row>
    <row r="247486" spans="8:8">
      <c r="H247486" s="12"/>
    </row>
    <row r="247487" spans="8:8">
      <c r="H247487" s="12"/>
    </row>
    <row r="247488" spans="8:8">
      <c r="H247488" s="12"/>
    </row>
    <row r="247489" spans="8:8">
      <c r="H247489" s="12"/>
    </row>
    <row r="247490" spans="8:8">
      <c r="H247490" s="12"/>
    </row>
    <row r="247491" spans="8:8">
      <c r="H247491" s="12"/>
    </row>
    <row r="247492" spans="8:8">
      <c r="H247492" s="12"/>
    </row>
    <row r="247493" spans="8:8">
      <c r="H247493" s="12"/>
    </row>
    <row r="247494" spans="8:8">
      <c r="H247494" s="12"/>
    </row>
    <row r="247495" spans="8:8">
      <c r="H247495" s="12"/>
    </row>
    <row r="247496" spans="8:8">
      <c r="H247496" s="12"/>
    </row>
    <row r="247497" spans="8:8">
      <c r="H247497" s="12"/>
    </row>
    <row r="247498" spans="8:8">
      <c r="H247498" s="12"/>
    </row>
    <row r="247499" spans="8:8">
      <c r="H247499" s="12"/>
    </row>
    <row r="247500" spans="8:8">
      <c r="H247500" s="12"/>
    </row>
    <row r="247501" spans="8:8">
      <c r="H247501" s="12"/>
    </row>
    <row r="247502" spans="8:8">
      <c r="H247502" s="12"/>
    </row>
    <row r="247503" spans="8:8">
      <c r="H247503" s="12"/>
    </row>
    <row r="247504" spans="8:8">
      <c r="H247504" s="12"/>
    </row>
    <row r="247505" spans="8:8">
      <c r="H247505" s="12"/>
    </row>
    <row r="247506" spans="8:8">
      <c r="H247506" s="12"/>
    </row>
    <row r="247507" spans="8:8">
      <c r="H247507" s="12"/>
    </row>
    <row r="247508" spans="8:8">
      <c r="H247508" s="12"/>
    </row>
    <row r="247509" spans="8:8">
      <c r="H247509" s="12"/>
    </row>
    <row r="247510" spans="8:8">
      <c r="H247510" s="12"/>
    </row>
    <row r="247511" spans="8:8">
      <c r="H247511" s="12"/>
    </row>
    <row r="247512" spans="8:8">
      <c r="H247512" s="12"/>
    </row>
    <row r="247513" spans="8:8">
      <c r="H247513" s="12"/>
    </row>
    <row r="247514" spans="8:8">
      <c r="H247514" s="12"/>
    </row>
    <row r="247515" spans="8:8">
      <c r="H247515" s="12"/>
    </row>
    <row r="247516" spans="8:8">
      <c r="H247516" s="12"/>
    </row>
    <row r="247517" spans="8:8">
      <c r="H247517" s="12"/>
    </row>
    <row r="247518" spans="8:8">
      <c r="H247518" s="12"/>
    </row>
    <row r="247519" spans="8:8">
      <c r="H247519" s="12"/>
    </row>
    <row r="247520" spans="8:8">
      <c r="H247520" s="12"/>
    </row>
    <row r="247521" spans="8:8">
      <c r="H247521" s="12"/>
    </row>
    <row r="247522" spans="8:8">
      <c r="H247522" s="12"/>
    </row>
    <row r="247523" spans="8:8">
      <c r="H247523" s="12"/>
    </row>
    <row r="247524" spans="8:8">
      <c r="H247524" s="12"/>
    </row>
    <row r="247525" spans="8:8">
      <c r="H247525" s="12"/>
    </row>
    <row r="247526" spans="8:8">
      <c r="H247526" s="12"/>
    </row>
    <row r="247527" spans="8:8">
      <c r="H247527" s="12"/>
    </row>
    <row r="247528" spans="8:8">
      <c r="H247528" s="12"/>
    </row>
    <row r="247529" spans="8:8">
      <c r="H247529" s="12"/>
    </row>
    <row r="247530" spans="8:8">
      <c r="H247530" s="12"/>
    </row>
    <row r="247531" spans="8:8">
      <c r="H247531" s="12"/>
    </row>
    <row r="247532" spans="8:8">
      <c r="H247532" s="12"/>
    </row>
    <row r="247533" spans="8:8">
      <c r="H247533" s="12"/>
    </row>
    <row r="247534" spans="8:8">
      <c r="H247534" s="12"/>
    </row>
    <row r="247535" spans="8:8">
      <c r="H247535" s="12"/>
    </row>
    <row r="247536" spans="8:8">
      <c r="H247536" s="12"/>
    </row>
    <row r="247537" spans="8:8">
      <c r="H247537" s="12"/>
    </row>
    <row r="247538" spans="8:8">
      <c r="H247538" s="12"/>
    </row>
    <row r="247539" spans="8:8">
      <c r="H247539" s="12"/>
    </row>
    <row r="247540" spans="8:8">
      <c r="H247540" s="12"/>
    </row>
    <row r="247541" spans="8:8">
      <c r="H247541" s="12"/>
    </row>
    <row r="247542" spans="8:8">
      <c r="H247542" s="12"/>
    </row>
    <row r="247543" spans="8:8">
      <c r="H247543" s="12"/>
    </row>
    <row r="247544" spans="8:8">
      <c r="H247544" s="12"/>
    </row>
    <row r="247545" spans="8:8">
      <c r="H247545" s="12"/>
    </row>
    <row r="247546" spans="8:8">
      <c r="H247546" s="12"/>
    </row>
    <row r="247547" spans="8:8">
      <c r="H247547" s="12"/>
    </row>
    <row r="247548" spans="8:8">
      <c r="H247548" s="12"/>
    </row>
    <row r="247549" spans="8:8">
      <c r="H247549" s="12"/>
    </row>
    <row r="247550" spans="8:8">
      <c r="H247550" s="12"/>
    </row>
    <row r="247551" spans="8:8">
      <c r="H247551" s="12"/>
    </row>
    <row r="247552" spans="8:8">
      <c r="H247552" s="12"/>
    </row>
    <row r="247553" spans="8:8">
      <c r="H247553" s="12"/>
    </row>
    <row r="247554" spans="8:8">
      <c r="H247554" s="12"/>
    </row>
    <row r="247555" spans="8:8">
      <c r="H247555" s="12"/>
    </row>
    <row r="247556" spans="8:8">
      <c r="H247556" s="12"/>
    </row>
    <row r="247557" spans="8:8">
      <c r="H247557" s="12"/>
    </row>
    <row r="247558" spans="8:8">
      <c r="H247558" s="12"/>
    </row>
    <row r="247559" spans="8:8">
      <c r="H247559" s="12"/>
    </row>
    <row r="247560" spans="8:8">
      <c r="H247560" s="12"/>
    </row>
    <row r="247561" spans="8:8">
      <c r="H247561" s="12"/>
    </row>
    <row r="247562" spans="8:8">
      <c r="H247562" s="12"/>
    </row>
    <row r="247563" spans="8:8">
      <c r="H247563" s="12"/>
    </row>
    <row r="247564" spans="8:8">
      <c r="H247564" s="12"/>
    </row>
    <row r="247565" spans="8:8">
      <c r="H247565" s="12"/>
    </row>
    <row r="247566" spans="8:8">
      <c r="H247566" s="12"/>
    </row>
    <row r="247567" spans="8:8">
      <c r="H247567" s="12"/>
    </row>
    <row r="247568" spans="8:8">
      <c r="H247568" s="12"/>
    </row>
    <row r="247569" spans="8:8">
      <c r="H247569" s="12"/>
    </row>
    <row r="247570" spans="8:8">
      <c r="H247570" s="12"/>
    </row>
    <row r="247571" spans="8:8">
      <c r="H247571" s="12"/>
    </row>
    <row r="247572" spans="8:8">
      <c r="H247572" s="12"/>
    </row>
    <row r="247573" spans="8:8">
      <c r="H247573" s="12"/>
    </row>
    <row r="247574" spans="8:8">
      <c r="H247574" s="12"/>
    </row>
    <row r="247575" spans="8:8">
      <c r="H247575" s="12"/>
    </row>
    <row r="247576" spans="8:8">
      <c r="H247576" s="12"/>
    </row>
    <row r="247577" spans="8:8">
      <c r="H247577" s="12"/>
    </row>
    <row r="247578" spans="8:8">
      <c r="H247578" s="12"/>
    </row>
    <row r="247579" spans="8:8">
      <c r="H247579" s="12"/>
    </row>
    <row r="247580" spans="8:8">
      <c r="H247580" s="12"/>
    </row>
    <row r="247581" spans="8:8">
      <c r="H247581" s="12"/>
    </row>
    <row r="247582" spans="8:8">
      <c r="H247582" s="12"/>
    </row>
    <row r="247583" spans="8:8">
      <c r="H247583" s="12"/>
    </row>
    <row r="247584" spans="8:8">
      <c r="H247584" s="12"/>
    </row>
    <row r="247585" spans="8:8">
      <c r="H247585" s="12"/>
    </row>
    <row r="247586" spans="8:8">
      <c r="H247586" s="12"/>
    </row>
    <row r="247587" spans="8:8">
      <c r="H247587" s="12"/>
    </row>
    <row r="247588" spans="8:8">
      <c r="H247588" s="12"/>
    </row>
    <row r="247589" spans="8:8">
      <c r="H247589" s="12"/>
    </row>
    <row r="247590" spans="8:8">
      <c r="H247590" s="12"/>
    </row>
    <row r="247591" spans="8:8">
      <c r="H247591" s="12"/>
    </row>
    <row r="247592" spans="8:8">
      <c r="H247592" s="12"/>
    </row>
    <row r="247593" spans="8:8">
      <c r="H247593" s="12"/>
    </row>
    <row r="247594" spans="8:8">
      <c r="H247594" s="12"/>
    </row>
    <row r="247595" spans="8:8">
      <c r="H247595" s="12"/>
    </row>
    <row r="247596" spans="8:8">
      <c r="H247596" s="12"/>
    </row>
    <row r="247597" spans="8:8">
      <c r="H247597" s="12"/>
    </row>
    <row r="247598" spans="8:8">
      <c r="H247598" s="12"/>
    </row>
    <row r="247599" spans="8:8">
      <c r="H247599" s="12"/>
    </row>
    <row r="247600" spans="8:8">
      <c r="H247600" s="12"/>
    </row>
    <row r="247601" spans="8:8">
      <c r="H247601" s="12"/>
    </row>
    <row r="247602" spans="8:8">
      <c r="H247602" s="12"/>
    </row>
    <row r="247603" spans="8:8">
      <c r="H247603" s="12"/>
    </row>
    <row r="247604" spans="8:8">
      <c r="H247604" s="12"/>
    </row>
    <row r="247605" spans="8:8">
      <c r="H247605" s="12"/>
    </row>
    <row r="247606" spans="8:8">
      <c r="H247606" s="12"/>
    </row>
    <row r="247607" spans="8:8">
      <c r="H247607" s="12"/>
    </row>
    <row r="247608" spans="8:8">
      <c r="H247608" s="12"/>
    </row>
    <row r="247609" spans="8:8">
      <c r="H247609" s="12"/>
    </row>
    <row r="247610" spans="8:8">
      <c r="H247610" s="12"/>
    </row>
    <row r="247611" spans="8:8">
      <c r="H247611" s="12"/>
    </row>
    <row r="247612" spans="8:8">
      <c r="H247612" s="12"/>
    </row>
    <row r="247613" spans="8:8">
      <c r="H247613" s="12"/>
    </row>
    <row r="247614" spans="8:8">
      <c r="H247614" s="12"/>
    </row>
    <row r="247615" spans="8:8">
      <c r="H247615" s="12"/>
    </row>
    <row r="247616" spans="8:8">
      <c r="H247616" s="12"/>
    </row>
    <row r="247617" spans="8:8">
      <c r="H247617" s="12"/>
    </row>
    <row r="247618" spans="8:8">
      <c r="H247618" s="12"/>
    </row>
    <row r="247619" spans="8:8">
      <c r="H247619" s="12"/>
    </row>
    <row r="247620" spans="8:8">
      <c r="H247620" s="12"/>
    </row>
    <row r="247621" spans="8:8">
      <c r="H247621" s="12"/>
    </row>
    <row r="247622" spans="8:8">
      <c r="H247622" s="12"/>
    </row>
    <row r="247623" spans="8:8">
      <c r="H247623" s="12"/>
    </row>
    <row r="247624" spans="8:8">
      <c r="H247624" s="12"/>
    </row>
    <row r="247625" spans="8:8">
      <c r="H247625" s="12"/>
    </row>
    <row r="247626" spans="8:8">
      <c r="H247626" s="12"/>
    </row>
    <row r="247627" spans="8:8">
      <c r="H247627" s="12"/>
    </row>
    <row r="247628" spans="8:8">
      <c r="H247628" s="12"/>
    </row>
    <row r="247629" spans="8:8">
      <c r="H247629" s="12"/>
    </row>
    <row r="247630" spans="8:8">
      <c r="H247630" s="12"/>
    </row>
    <row r="247631" spans="8:8">
      <c r="H247631" s="12"/>
    </row>
    <row r="247632" spans="8:8">
      <c r="H247632" s="12"/>
    </row>
    <row r="247633" spans="8:8">
      <c r="H247633" s="12"/>
    </row>
    <row r="247634" spans="8:8">
      <c r="H247634" s="12"/>
    </row>
    <row r="247635" spans="8:8">
      <c r="H247635" s="12"/>
    </row>
    <row r="247636" spans="8:8">
      <c r="H247636" s="12"/>
    </row>
    <row r="247637" spans="8:8">
      <c r="H247637" s="12"/>
    </row>
    <row r="247638" spans="8:8">
      <c r="H247638" s="12"/>
    </row>
    <row r="247639" spans="8:8">
      <c r="H247639" s="12"/>
    </row>
    <row r="247640" spans="8:8">
      <c r="H247640" s="12"/>
    </row>
    <row r="247641" spans="8:8">
      <c r="H247641" s="12"/>
    </row>
    <row r="247642" spans="8:8">
      <c r="H247642" s="12"/>
    </row>
    <row r="247643" spans="8:8">
      <c r="H247643" s="12"/>
    </row>
    <row r="247644" spans="8:8">
      <c r="H247644" s="12"/>
    </row>
    <row r="247645" spans="8:8">
      <c r="H247645" s="12"/>
    </row>
    <row r="247646" spans="8:8">
      <c r="H247646" s="12"/>
    </row>
    <row r="247647" spans="8:8">
      <c r="H247647" s="12"/>
    </row>
    <row r="247648" spans="8:8">
      <c r="H247648" s="12"/>
    </row>
    <row r="247649" spans="8:8">
      <c r="H247649" s="12"/>
    </row>
    <row r="247650" spans="8:8">
      <c r="H247650" s="12"/>
    </row>
    <row r="247651" spans="8:8">
      <c r="H247651" s="12"/>
    </row>
    <row r="247652" spans="8:8">
      <c r="H247652" s="12"/>
    </row>
    <row r="247653" spans="8:8">
      <c r="H247653" s="12"/>
    </row>
    <row r="247654" spans="8:8">
      <c r="H247654" s="12"/>
    </row>
    <row r="247655" spans="8:8">
      <c r="H247655" s="12"/>
    </row>
    <row r="247656" spans="8:8">
      <c r="H247656" s="12"/>
    </row>
    <row r="247657" spans="8:8">
      <c r="H247657" s="12"/>
    </row>
    <row r="247658" spans="8:8">
      <c r="H247658" s="12"/>
    </row>
    <row r="247659" spans="8:8">
      <c r="H247659" s="12"/>
    </row>
    <row r="247660" spans="8:8">
      <c r="H247660" s="12"/>
    </row>
    <row r="247661" spans="8:8">
      <c r="H247661" s="12"/>
    </row>
    <row r="247662" spans="8:8">
      <c r="H247662" s="12"/>
    </row>
    <row r="247663" spans="8:8">
      <c r="H247663" s="12"/>
    </row>
    <row r="247664" spans="8:8">
      <c r="H247664" s="12"/>
    </row>
    <row r="247665" spans="8:8">
      <c r="H247665" s="12"/>
    </row>
    <row r="247666" spans="8:8">
      <c r="H247666" s="12"/>
    </row>
    <row r="247667" spans="8:8">
      <c r="H247667" s="12"/>
    </row>
    <row r="247668" spans="8:8">
      <c r="H247668" s="12"/>
    </row>
    <row r="247669" spans="8:8">
      <c r="H247669" s="12"/>
    </row>
    <row r="247670" spans="8:8">
      <c r="H247670" s="12"/>
    </row>
    <row r="247671" spans="8:8">
      <c r="H247671" s="12"/>
    </row>
    <row r="247672" spans="8:8">
      <c r="H247672" s="12"/>
    </row>
    <row r="247673" spans="8:8">
      <c r="H247673" s="12"/>
    </row>
    <row r="247674" spans="8:8">
      <c r="H247674" s="12"/>
    </row>
    <row r="247675" spans="8:8">
      <c r="H247675" s="12"/>
    </row>
    <row r="247676" spans="8:8">
      <c r="H247676" s="12"/>
    </row>
    <row r="247677" spans="8:8">
      <c r="H247677" s="12"/>
    </row>
    <row r="247678" spans="8:8">
      <c r="H247678" s="12"/>
    </row>
    <row r="247679" spans="8:8">
      <c r="H247679" s="12"/>
    </row>
    <row r="247680" spans="8:8">
      <c r="H247680" s="12"/>
    </row>
    <row r="247681" spans="8:8">
      <c r="H247681" s="12"/>
    </row>
    <row r="247682" spans="8:8">
      <c r="H247682" s="12"/>
    </row>
    <row r="247683" spans="8:8">
      <c r="H247683" s="12"/>
    </row>
    <row r="247684" spans="8:8">
      <c r="H247684" s="12"/>
    </row>
    <row r="247685" spans="8:8">
      <c r="H247685" s="12"/>
    </row>
    <row r="247686" spans="8:8">
      <c r="H247686" s="12"/>
    </row>
    <row r="247687" spans="8:8">
      <c r="H247687" s="12"/>
    </row>
    <row r="247688" spans="8:8">
      <c r="H247688" s="12"/>
    </row>
    <row r="247689" spans="8:8">
      <c r="H247689" s="12"/>
    </row>
    <row r="247690" spans="8:8">
      <c r="H247690" s="12"/>
    </row>
    <row r="247691" spans="8:8">
      <c r="H247691" s="12"/>
    </row>
    <row r="247692" spans="8:8">
      <c r="H247692" s="12"/>
    </row>
    <row r="247693" spans="8:8">
      <c r="H247693" s="12"/>
    </row>
    <row r="247694" spans="8:8">
      <c r="H247694" s="12"/>
    </row>
    <row r="247695" spans="8:8">
      <c r="H247695" s="12"/>
    </row>
    <row r="247696" spans="8:8">
      <c r="H247696" s="12"/>
    </row>
    <row r="247697" spans="8:8">
      <c r="H247697" s="12"/>
    </row>
    <row r="247698" spans="8:8">
      <c r="H247698" s="12"/>
    </row>
    <row r="247699" spans="8:8">
      <c r="H247699" s="12"/>
    </row>
    <row r="247700" spans="8:8">
      <c r="H247700" s="12"/>
    </row>
    <row r="247701" spans="8:8">
      <c r="H247701" s="12"/>
    </row>
    <row r="247702" spans="8:8">
      <c r="H247702" s="12"/>
    </row>
    <row r="247703" spans="8:8">
      <c r="H247703" s="12"/>
    </row>
    <row r="247704" spans="8:8">
      <c r="H247704" s="12"/>
    </row>
    <row r="247705" spans="8:8">
      <c r="H247705" s="12"/>
    </row>
    <row r="247706" spans="8:8">
      <c r="H247706" s="12"/>
    </row>
    <row r="247707" spans="8:8">
      <c r="H247707" s="12"/>
    </row>
    <row r="247708" spans="8:8">
      <c r="H247708" s="12"/>
    </row>
    <row r="247709" spans="8:8">
      <c r="H247709" s="12"/>
    </row>
    <row r="247710" spans="8:8">
      <c r="H247710" s="12"/>
    </row>
    <row r="247711" spans="8:8">
      <c r="H247711" s="12"/>
    </row>
    <row r="247712" spans="8:8">
      <c r="H247712" s="12"/>
    </row>
    <row r="247713" spans="8:8">
      <c r="H247713" s="12"/>
    </row>
    <row r="247714" spans="8:8">
      <c r="H247714" s="12"/>
    </row>
    <row r="247715" spans="8:8">
      <c r="H247715" s="12"/>
    </row>
    <row r="247716" spans="8:8">
      <c r="H247716" s="12"/>
    </row>
    <row r="247717" spans="8:8">
      <c r="H247717" s="12"/>
    </row>
    <row r="247718" spans="8:8">
      <c r="H247718" s="12"/>
    </row>
    <row r="247719" spans="8:8">
      <c r="H247719" s="12"/>
    </row>
    <row r="247720" spans="8:8">
      <c r="H247720" s="12"/>
    </row>
    <row r="247721" spans="8:8">
      <c r="H247721" s="12"/>
    </row>
    <row r="247722" spans="8:8">
      <c r="H247722" s="12"/>
    </row>
    <row r="247723" spans="8:8">
      <c r="H247723" s="12"/>
    </row>
    <row r="247724" spans="8:8">
      <c r="H247724" s="12"/>
    </row>
    <row r="247725" spans="8:8">
      <c r="H247725" s="12"/>
    </row>
    <row r="247726" spans="8:8">
      <c r="H247726" s="12"/>
    </row>
    <row r="247727" spans="8:8">
      <c r="H247727" s="12"/>
    </row>
    <row r="247728" spans="8:8">
      <c r="H247728" s="12"/>
    </row>
    <row r="247729" spans="8:8">
      <c r="H247729" s="12"/>
    </row>
    <row r="247730" spans="8:8">
      <c r="H247730" s="12"/>
    </row>
    <row r="247731" spans="8:8">
      <c r="H247731" s="12"/>
    </row>
    <row r="247732" spans="8:8">
      <c r="H247732" s="12"/>
    </row>
    <row r="247733" spans="8:8">
      <c r="H247733" s="12"/>
    </row>
    <row r="247734" spans="8:8">
      <c r="H247734" s="12"/>
    </row>
    <row r="247735" spans="8:8">
      <c r="H247735" s="12"/>
    </row>
    <row r="247736" spans="8:8">
      <c r="H247736" s="12"/>
    </row>
    <row r="247737" spans="8:8">
      <c r="H247737" s="12"/>
    </row>
    <row r="247738" spans="8:8">
      <c r="H247738" s="12"/>
    </row>
    <row r="247739" spans="8:8">
      <c r="H247739" s="12"/>
    </row>
    <row r="247740" spans="8:8">
      <c r="H247740" s="12"/>
    </row>
    <row r="247741" spans="8:8">
      <c r="H247741" s="12"/>
    </row>
    <row r="247742" spans="8:8">
      <c r="H247742" s="12"/>
    </row>
    <row r="247743" spans="8:8">
      <c r="H247743" s="12"/>
    </row>
    <row r="247744" spans="8:8">
      <c r="H247744" s="12"/>
    </row>
    <row r="247745" spans="8:8">
      <c r="H247745" s="12"/>
    </row>
    <row r="247746" spans="8:8">
      <c r="H247746" s="12"/>
    </row>
    <row r="247747" spans="8:8">
      <c r="H247747" s="12"/>
    </row>
    <row r="247748" spans="8:8">
      <c r="H247748" s="12"/>
    </row>
    <row r="247749" spans="8:8">
      <c r="H247749" s="12"/>
    </row>
    <row r="247750" spans="8:8">
      <c r="H247750" s="12"/>
    </row>
    <row r="247751" spans="8:8">
      <c r="H247751" s="12"/>
    </row>
    <row r="247752" spans="8:8">
      <c r="H247752" s="12"/>
    </row>
    <row r="247753" spans="8:8">
      <c r="H247753" s="12"/>
    </row>
    <row r="247754" spans="8:8">
      <c r="H247754" s="12"/>
    </row>
    <row r="247755" spans="8:8">
      <c r="H247755" s="12"/>
    </row>
    <row r="247756" spans="8:8">
      <c r="H247756" s="12"/>
    </row>
    <row r="247757" spans="8:8">
      <c r="H247757" s="12"/>
    </row>
    <row r="247758" spans="8:8">
      <c r="H247758" s="12"/>
    </row>
    <row r="247759" spans="8:8">
      <c r="H247759" s="12"/>
    </row>
    <row r="247760" spans="8:8">
      <c r="H247760" s="12"/>
    </row>
    <row r="247761" spans="8:8">
      <c r="H247761" s="12"/>
    </row>
    <row r="247762" spans="8:8">
      <c r="H247762" s="12"/>
    </row>
    <row r="247763" spans="8:8">
      <c r="H247763" s="12"/>
    </row>
    <row r="247764" spans="8:8">
      <c r="H247764" s="12"/>
    </row>
    <row r="247765" spans="8:8">
      <c r="H247765" s="12"/>
    </row>
    <row r="247766" spans="8:8">
      <c r="H247766" s="12"/>
    </row>
    <row r="247767" spans="8:8">
      <c r="H247767" s="12"/>
    </row>
    <row r="247768" spans="8:8">
      <c r="H247768" s="12"/>
    </row>
    <row r="247769" spans="8:8">
      <c r="H247769" s="12"/>
    </row>
    <row r="247770" spans="8:8">
      <c r="H247770" s="12"/>
    </row>
    <row r="247771" spans="8:8">
      <c r="H247771" s="12"/>
    </row>
    <row r="247772" spans="8:8">
      <c r="H247772" s="12"/>
    </row>
    <row r="247773" spans="8:8">
      <c r="H247773" s="12"/>
    </row>
    <row r="247774" spans="8:8">
      <c r="H247774" s="12"/>
    </row>
    <row r="247775" spans="8:8">
      <c r="H247775" s="12"/>
    </row>
    <row r="247776" spans="8:8">
      <c r="H247776" s="12"/>
    </row>
    <row r="247777" spans="8:8">
      <c r="H247777" s="12"/>
    </row>
    <row r="247778" spans="8:8">
      <c r="H247778" s="12"/>
    </row>
    <row r="247779" spans="8:8">
      <c r="H247779" s="12"/>
    </row>
    <row r="247780" spans="8:8">
      <c r="H247780" s="12"/>
    </row>
    <row r="247781" spans="8:8">
      <c r="H247781" s="12"/>
    </row>
    <row r="247782" spans="8:8">
      <c r="H247782" s="12"/>
    </row>
    <row r="247783" spans="8:8">
      <c r="H247783" s="12"/>
    </row>
    <row r="247784" spans="8:8">
      <c r="H247784" s="12"/>
    </row>
    <row r="247785" spans="8:8">
      <c r="H247785" s="12"/>
    </row>
    <row r="247786" spans="8:8">
      <c r="H247786" s="12"/>
    </row>
    <row r="247787" spans="8:8">
      <c r="H247787" s="12"/>
    </row>
    <row r="247788" spans="8:8">
      <c r="H247788" s="12"/>
    </row>
    <row r="247789" spans="8:8">
      <c r="H247789" s="12"/>
    </row>
    <row r="247790" spans="8:8">
      <c r="H247790" s="12"/>
    </row>
    <row r="247791" spans="8:8">
      <c r="H247791" s="12"/>
    </row>
    <row r="247792" spans="8:8">
      <c r="H247792" s="12"/>
    </row>
    <row r="247793" spans="8:8">
      <c r="H247793" s="12"/>
    </row>
    <row r="247794" spans="8:8">
      <c r="H247794" s="12"/>
    </row>
    <row r="247795" spans="8:8">
      <c r="H247795" s="12"/>
    </row>
    <row r="247796" spans="8:8">
      <c r="H247796" s="12"/>
    </row>
    <row r="247797" spans="8:8">
      <c r="H247797" s="12"/>
    </row>
    <row r="247798" spans="8:8">
      <c r="H247798" s="12"/>
    </row>
    <row r="247799" spans="8:8">
      <c r="H247799" s="12"/>
    </row>
    <row r="247800" spans="8:8">
      <c r="H247800" s="12"/>
    </row>
    <row r="247801" spans="8:8">
      <c r="H247801" s="12"/>
    </row>
    <row r="247802" spans="8:8">
      <c r="H247802" s="12"/>
    </row>
    <row r="247803" spans="8:8">
      <c r="H247803" s="12"/>
    </row>
    <row r="247804" spans="8:8">
      <c r="H247804" s="12"/>
    </row>
    <row r="247805" spans="8:8">
      <c r="H247805" s="12"/>
    </row>
    <row r="247806" spans="8:8">
      <c r="H247806" s="12"/>
    </row>
    <row r="247807" spans="8:8">
      <c r="H247807" s="12"/>
    </row>
    <row r="247808" spans="8:8">
      <c r="H247808" s="12"/>
    </row>
    <row r="247809" spans="8:8">
      <c r="H247809" s="12"/>
    </row>
    <row r="247810" spans="8:8">
      <c r="H247810" s="12"/>
    </row>
    <row r="247811" spans="8:8">
      <c r="H247811" s="12"/>
    </row>
    <row r="247812" spans="8:8">
      <c r="H247812" s="12"/>
    </row>
    <row r="247813" spans="8:8">
      <c r="H247813" s="12"/>
    </row>
    <row r="247814" spans="8:8">
      <c r="H247814" s="12"/>
    </row>
    <row r="247815" spans="8:8">
      <c r="H247815" s="12"/>
    </row>
    <row r="247816" spans="8:8">
      <c r="H247816" s="12"/>
    </row>
    <row r="247817" spans="8:8">
      <c r="H247817" s="12"/>
    </row>
    <row r="247818" spans="8:8">
      <c r="H247818" s="12"/>
    </row>
    <row r="247819" spans="8:8">
      <c r="H247819" s="12"/>
    </row>
    <row r="247820" spans="8:8">
      <c r="H247820" s="12"/>
    </row>
    <row r="247821" spans="8:8">
      <c r="H247821" s="12"/>
    </row>
    <row r="247822" spans="8:8">
      <c r="H247822" s="12"/>
    </row>
    <row r="247823" spans="8:8">
      <c r="H247823" s="12"/>
    </row>
    <row r="247824" spans="8:8">
      <c r="H247824" s="12"/>
    </row>
    <row r="247825" spans="8:8">
      <c r="H247825" s="12"/>
    </row>
    <row r="247826" spans="8:8">
      <c r="H247826" s="12"/>
    </row>
    <row r="247827" spans="8:8">
      <c r="H247827" s="12"/>
    </row>
    <row r="247828" spans="8:8">
      <c r="H247828" s="12"/>
    </row>
    <row r="247829" spans="8:8">
      <c r="H247829" s="12"/>
    </row>
    <row r="247830" spans="8:8">
      <c r="H247830" s="12"/>
    </row>
    <row r="247831" spans="8:8">
      <c r="H247831" s="12"/>
    </row>
    <row r="247832" spans="8:8">
      <c r="H247832" s="12"/>
    </row>
    <row r="247833" spans="8:8">
      <c r="H247833" s="12"/>
    </row>
    <row r="247834" spans="8:8">
      <c r="H247834" s="12"/>
    </row>
    <row r="247835" spans="8:8">
      <c r="H247835" s="12"/>
    </row>
    <row r="247836" spans="8:8">
      <c r="H247836" s="12"/>
    </row>
    <row r="247837" spans="8:8">
      <c r="H247837" s="12"/>
    </row>
    <row r="247838" spans="8:8">
      <c r="H247838" s="12"/>
    </row>
    <row r="247839" spans="8:8">
      <c r="H247839" s="12"/>
    </row>
    <row r="247840" spans="8:8">
      <c r="H247840" s="12"/>
    </row>
    <row r="247841" spans="8:8">
      <c r="H247841" s="12"/>
    </row>
    <row r="247842" spans="8:8">
      <c r="H247842" s="12"/>
    </row>
    <row r="247843" spans="8:8">
      <c r="H247843" s="12"/>
    </row>
    <row r="247844" spans="8:8">
      <c r="H247844" s="12"/>
    </row>
    <row r="247845" spans="8:8">
      <c r="H247845" s="12"/>
    </row>
    <row r="247846" spans="8:8">
      <c r="H247846" s="12"/>
    </row>
    <row r="247847" spans="8:8">
      <c r="H247847" s="12"/>
    </row>
    <row r="247848" spans="8:8">
      <c r="H247848" s="12"/>
    </row>
    <row r="247849" spans="8:8">
      <c r="H247849" s="12"/>
    </row>
    <row r="247850" spans="8:8">
      <c r="H247850" s="12"/>
    </row>
    <row r="247851" spans="8:8">
      <c r="H247851" s="12"/>
    </row>
    <row r="247852" spans="8:8">
      <c r="H247852" s="12"/>
    </row>
    <row r="247853" spans="8:8">
      <c r="H247853" s="12"/>
    </row>
    <row r="247854" spans="8:8">
      <c r="H247854" s="12"/>
    </row>
    <row r="247855" spans="8:8">
      <c r="H247855" s="12"/>
    </row>
    <row r="247856" spans="8:8">
      <c r="H247856" s="12"/>
    </row>
    <row r="247857" spans="8:8">
      <c r="H247857" s="12"/>
    </row>
    <row r="247858" spans="8:8">
      <c r="H247858" s="12"/>
    </row>
    <row r="247859" spans="8:8">
      <c r="H247859" s="12"/>
    </row>
    <row r="247860" spans="8:8">
      <c r="H247860" s="12"/>
    </row>
    <row r="247861" spans="8:8">
      <c r="H247861" s="12"/>
    </row>
    <row r="247862" spans="8:8">
      <c r="H247862" s="12"/>
    </row>
    <row r="247863" spans="8:8">
      <c r="H247863" s="12"/>
    </row>
    <row r="247864" spans="8:8">
      <c r="H247864" s="12"/>
    </row>
    <row r="247865" spans="8:8">
      <c r="H247865" s="12"/>
    </row>
    <row r="247866" spans="8:8">
      <c r="H247866" s="12"/>
    </row>
    <row r="247867" spans="8:8">
      <c r="H247867" s="12"/>
    </row>
    <row r="247868" spans="8:8">
      <c r="H247868" s="12"/>
    </row>
    <row r="247869" spans="8:8">
      <c r="H247869" s="12"/>
    </row>
    <row r="247870" spans="8:8">
      <c r="H247870" s="12"/>
    </row>
    <row r="247871" spans="8:8">
      <c r="H247871" s="12"/>
    </row>
    <row r="247872" spans="8:8">
      <c r="H247872" s="12"/>
    </row>
    <row r="247873" spans="8:8">
      <c r="H247873" s="12"/>
    </row>
    <row r="247874" spans="8:8">
      <c r="H247874" s="12"/>
    </row>
    <row r="247875" spans="8:8">
      <c r="H247875" s="12"/>
    </row>
    <row r="247876" spans="8:8">
      <c r="H247876" s="12"/>
    </row>
    <row r="247877" spans="8:8">
      <c r="H247877" s="12"/>
    </row>
    <row r="247878" spans="8:8">
      <c r="H247878" s="12"/>
    </row>
    <row r="247879" spans="8:8">
      <c r="H247879" s="12"/>
    </row>
    <row r="247880" spans="8:8">
      <c r="H247880" s="12"/>
    </row>
    <row r="247881" spans="8:8">
      <c r="H247881" s="12"/>
    </row>
    <row r="247882" spans="8:8">
      <c r="H247882" s="12"/>
    </row>
    <row r="247883" spans="8:8">
      <c r="H247883" s="12"/>
    </row>
    <row r="247884" spans="8:8">
      <c r="H247884" s="12"/>
    </row>
    <row r="247885" spans="8:8">
      <c r="H247885" s="12"/>
    </row>
    <row r="247886" spans="8:8">
      <c r="H247886" s="12"/>
    </row>
    <row r="247887" spans="8:8">
      <c r="H247887" s="12"/>
    </row>
    <row r="247888" spans="8:8">
      <c r="H247888" s="12"/>
    </row>
    <row r="247889" spans="8:8">
      <c r="H247889" s="12"/>
    </row>
    <row r="247890" spans="8:8">
      <c r="H247890" s="12"/>
    </row>
    <row r="247891" spans="8:8">
      <c r="H247891" s="12"/>
    </row>
    <row r="247892" spans="8:8">
      <c r="H247892" s="12"/>
    </row>
    <row r="247893" spans="8:8">
      <c r="H247893" s="12"/>
    </row>
    <row r="247894" spans="8:8">
      <c r="H247894" s="12"/>
    </row>
    <row r="247895" spans="8:8">
      <c r="H247895" s="12"/>
    </row>
    <row r="247896" spans="8:8">
      <c r="H247896" s="12"/>
    </row>
    <row r="247897" spans="8:8">
      <c r="H247897" s="12"/>
    </row>
    <row r="247898" spans="8:8">
      <c r="H247898" s="12"/>
    </row>
    <row r="247899" spans="8:8">
      <c r="H247899" s="12"/>
    </row>
    <row r="247900" spans="8:8">
      <c r="H247900" s="12"/>
    </row>
    <row r="247901" spans="8:8">
      <c r="H247901" s="12"/>
    </row>
    <row r="247902" spans="8:8">
      <c r="H247902" s="12"/>
    </row>
    <row r="247903" spans="8:8">
      <c r="H247903" s="12"/>
    </row>
    <row r="247904" spans="8:8">
      <c r="H247904" s="12"/>
    </row>
    <row r="247905" spans="8:8">
      <c r="H247905" s="12"/>
    </row>
    <row r="247906" spans="8:8">
      <c r="H247906" s="12"/>
    </row>
    <row r="247907" spans="8:8">
      <c r="H247907" s="12"/>
    </row>
    <row r="247908" spans="8:8">
      <c r="H247908" s="12"/>
    </row>
    <row r="247909" spans="8:8">
      <c r="H247909" s="12"/>
    </row>
    <row r="247910" spans="8:8">
      <c r="H247910" s="12"/>
    </row>
    <row r="247911" spans="8:8">
      <c r="H247911" s="12"/>
    </row>
    <row r="247912" spans="8:8">
      <c r="H247912" s="12"/>
    </row>
    <row r="247913" spans="8:8">
      <c r="H247913" s="12"/>
    </row>
    <row r="247914" spans="8:8">
      <c r="H247914" s="12"/>
    </row>
    <row r="247915" spans="8:8">
      <c r="H247915" s="12"/>
    </row>
    <row r="247916" spans="8:8">
      <c r="H247916" s="12"/>
    </row>
    <row r="247917" spans="8:8">
      <c r="H247917" s="12"/>
    </row>
    <row r="247918" spans="8:8">
      <c r="H247918" s="12"/>
    </row>
    <row r="247919" spans="8:8">
      <c r="H247919" s="12"/>
    </row>
    <row r="247920" spans="8:8">
      <c r="H247920" s="12"/>
    </row>
    <row r="247921" spans="8:8">
      <c r="H247921" s="12"/>
    </row>
    <row r="247922" spans="8:8">
      <c r="H247922" s="12"/>
    </row>
    <row r="247923" spans="8:8">
      <c r="H247923" s="12"/>
    </row>
    <row r="247924" spans="8:8">
      <c r="H247924" s="12"/>
    </row>
    <row r="247925" spans="8:8">
      <c r="H247925" s="12"/>
    </row>
    <row r="247926" spans="8:8">
      <c r="H247926" s="12"/>
    </row>
    <row r="247927" spans="8:8">
      <c r="H247927" s="12"/>
    </row>
    <row r="247928" spans="8:8">
      <c r="H247928" s="12"/>
    </row>
    <row r="247929" spans="8:8">
      <c r="H247929" s="12"/>
    </row>
    <row r="247930" spans="8:8">
      <c r="H247930" s="12"/>
    </row>
    <row r="247931" spans="8:8">
      <c r="H247931" s="12"/>
    </row>
    <row r="247932" spans="8:8">
      <c r="H247932" s="12"/>
    </row>
    <row r="247933" spans="8:8">
      <c r="H247933" s="12"/>
    </row>
    <row r="247934" spans="8:8">
      <c r="H247934" s="12"/>
    </row>
    <row r="247935" spans="8:8">
      <c r="H247935" s="12"/>
    </row>
    <row r="247936" spans="8:8">
      <c r="H247936" s="12"/>
    </row>
    <row r="247937" spans="8:8">
      <c r="H247937" s="12"/>
    </row>
    <row r="247938" spans="8:8">
      <c r="H247938" s="12"/>
    </row>
    <row r="247939" spans="8:8">
      <c r="H247939" s="12"/>
    </row>
    <row r="247940" spans="8:8">
      <c r="H247940" s="12"/>
    </row>
    <row r="247941" spans="8:8">
      <c r="H247941" s="12"/>
    </row>
    <row r="247942" spans="8:8">
      <c r="H247942" s="12"/>
    </row>
    <row r="247943" spans="8:8">
      <c r="H247943" s="12"/>
    </row>
    <row r="247944" spans="8:8">
      <c r="H247944" s="12"/>
    </row>
    <row r="247945" spans="8:8">
      <c r="H247945" s="12"/>
    </row>
    <row r="247946" spans="8:8">
      <c r="H247946" s="12"/>
    </row>
    <row r="247947" spans="8:8">
      <c r="H247947" s="12"/>
    </row>
    <row r="247948" spans="8:8">
      <c r="H247948" s="12"/>
    </row>
    <row r="247949" spans="8:8">
      <c r="H247949" s="12"/>
    </row>
    <row r="247950" spans="8:8">
      <c r="H247950" s="12"/>
    </row>
    <row r="247951" spans="8:8">
      <c r="H247951" s="12"/>
    </row>
    <row r="247952" spans="8:8">
      <c r="H247952" s="12"/>
    </row>
    <row r="247953" spans="8:8">
      <c r="H247953" s="12"/>
    </row>
    <row r="247954" spans="8:8">
      <c r="H247954" s="12"/>
    </row>
    <row r="247955" spans="8:8">
      <c r="H247955" s="12"/>
    </row>
    <row r="247956" spans="8:8">
      <c r="H247956" s="12"/>
    </row>
    <row r="247957" spans="8:8">
      <c r="H247957" s="12"/>
    </row>
    <row r="247958" spans="8:8">
      <c r="H247958" s="12"/>
    </row>
    <row r="247959" spans="8:8">
      <c r="H247959" s="12"/>
    </row>
    <row r="247960" spans="8:8">
      <c r="H247960" s="12"/>
    </row>
    <row r="247961" spans="8:8">
      <c r="H247961" s="12"/>
    </row>
    <row r="247962" spans="8:8">
      <c r="H247962" s="12"/>
    </row>
    <row r="247963" spans="8:8">
      <c r="H247963" s="12"/>
    </row>
    <row r="247964" spans="8:8">
      <c r="H247964" s="12"/>
    </row>
    <row r="247965" spans="8:8">
      <c r="H247965" s="12"/>
    </row>
    <row r="247966" spans="8:8">
      <c r="H247966" s="12"/>
    </row>
    <row r="247967" spans="8:8">
      <c r="H247967" s="12"/>
    </row>
    <row r="247968" spans="8:8">
      <c r="H247968" s="12"/>
    </row>
    <row r="247969" spans="8:8">
      <c r="H247969" s="12"/>
    </row>
    <row r="247970" spans="8:8">
      <c r="H247970" s="12"/>
    </row>
    <row r="247971" spans="8:8">
      <c r="H247971" s="12"/>
    </row>
    <row r="247972" spans="8:8">
      <c r="H247972" s="12"/>
    </row>
    <row r="247973" spans="8:8">
      <c r="H247973" s="12"/>
    </row>
    <row r="247974" spans="8:8">
      <c r="H247974" s="12"/>
    </row>
    <row r="247975" spans="8:8">
      <c r="H247975" s="12"/>
    </row>
    <row r="247976" spans="8:8">
      <c r="H247976" s="12"/>
    </row>
    <row r="247977" spans="8:8">
      <c r="H247977" s="12"/>
    </row>
    <row r="247978" spans="8:8">
      <c r="H247978" s="12"/>
    </row>
    <row r="247979" spans="8:8">
      <c r="H247979" s="12"/>
    </row>
    <row r="247980" spans="8:8">
      <c r="H247980" s="12"/>
    </row>
    <row r="247981" spans="8:8">
      <c r="H247981" s="12"/>
    </row>
    <row r="247982" spans="8:8">
      <c r="H247982" s="12"/>
    </row>
    <row r="247983" spans="8:8">
      <c r="H247983" s="12"/>
    </row>
    <row r="247984" spans="8:8">
      <c r="H247984" s="12"/>
    </row>
    <row r="247985" spans="8:8">
      <c r="H247985" s="12"/>
    </row>
    <row r="247986" spans="8:8">
      <c r="H247986" s="12"/>
    </row>
    <row r="247987" spans="8:8">
      <c r="H247987" s="12"/>
    </row>
    <row r="247988" spans="8:8">
      <c r="H247988" s="12"/>
    </row>
    <row r="247989" spans="8:8">
      <c r="H247989" s="12"/>
    </row>
    <row r="247990" spans="8:8">
      <c r="H247990" s="12"/>
    </row>
    <row r="247991" spans="8:8">
      <c r="H247991" s="12"/>
    </row>
    <row r="247992" spans="8:8">
      <c r="H247992" s="12"/>
    </row>
    <row r="247993" spans="8:8">
      <c r="H247993" s="12"/>
    </row>
    <row r="247994" spans="8:8">
      <c r="H247994" s="12"/>
    </row>
    <row r="247995" spans="8:8">
      <c r="H247995" s="12"/>
    </row>
    <row r="247996" spans="8:8">
      <c r="H247996" s="12"/>
    </row>
    <row r="247997" spans="8:8">
      <c r="H247997" s="12"/>
    </row>
    <row r="247998" spans="8:8">
      <c r="H247998" s="12"/>
    </row>
    <row r="247999" spans="8:8">
      <c r="H247999" s="12"/>
    </row>
    <row r="248000" spans="8:8">
      <c r="H248000" s="12"/>
    </row>
    <row r="248001" spans="8:8">
      <c r="H248001" s="12"/>
    </row>
    <row r="248002" spans="8:8">
      <c r="H248002" s="12"/>
    </row>
    <row r="248003" spans="8:8">
      <c r="H248003" s="12"/>
    </row>
    <row r="248004" spans="8:8">
      <c r="H248004" s="12"/>
    </row>
    <row r="248005" spans="8:8">
      <c r="H248005" s="12"/>
    </row>
    <row r="248006" spans="8:8">
      <c r="H248006" s="12"/>
    </row>
    <row r="248007" spans="8:8">
      <c r="H248007" s="12"/>
    </row>
    <row r="248008" spans="8:8">
      <c r="H248008" s="12"/>
    </row>
    <row r="248009" spans="8:8">
      <c r="H248009" s="12"/>
    </row>
    <row r="248010" spans="8:8">
      <c r="H248010" s="12"/>
    </row>
    <row r="248011" spans="8:8">
      <c r="H248011" s="12"/>
    </row>
    <row r="248012" spans="8:8">
      <c r="H248012" s="12"/>
    </row>
    <row r="248013" spans="8:8">
      <c r="H248013" s="12"/>
    </row>
    <row r="248014" spans="8:8">
      <c r="H248014" s="12"/>
    </row>
    <row r="248015" spans="8:8">
      <c r="H248015" s="12"/>
    </row>
    <row r="248016" spans="8:8">
      <c r="H248016" s="12"/>
    </row>
    <row r="248017" spans="8:8">
      <c r="H248017" s="12"/>
    </row>
    <row r="248018" spans="8:8">
      <c r="H248018" s="12"/>
    </row>
    <row r="248019" spans="8:8">
      <c r="H248019" s="12"/>
    </row>
    <row r="248020" spans="8:8">
      <c r="H248020" s="12"/>
    </row>
    <row r="248021" spans="8:8">
      <c r="H248021" s="12"/>
    </row>
    <row r="248022" spans="8:8">
      <c r="H248022" s="12"/>
    </row>
    <row r="248023" spans="8:8">
      <c r="H248023" s="12"/>
    </row>
    <row r="248024" spans="8:8">
      <c r="H248024" s="12"/>
    </row>
    <row r="248025" spans="8:8">
      <c r="H248025" s="12"/>
    </row>
    <row r="248026" spans="8:8">
      <c r="H248026" s="12"/>
    </row>
    <row r="248027" spans="8:8">
      <c r="H248027" s="12"/>
    </row>
    <row r="248028" spans="8:8">
      <c r="H248028" s="12"/>
    </row>
    <row r="248029" spans="8:8">
      <c r="H248029" s="12"/>
    </row>
    <row r="248030" spans="8:8">
      <c r="H248030" s="12"/>
    </row>
    <row r="248031" spans="8:8">
      <c r="H248031" s="12"/>
    </row>
    <row r="248032" spans="8:8">
      <c r="H248032" s="12"/>
    </row>
    <row r="248033" spans="8:8">
      <c r="H248033" s="12"/>
    </row>
    <row r="248034" spans="8:8">
      <c r="H248034" s="12"/>
    </row>
    <row r="248035" spans="8:8">
      <c r="H248035" s="12"/>
    </row>
    <row r="248036" spans="8:8">
      <c r="H248036" s="12"/>
    </row>
    <row r="248037" spans="8:8">
      <c r="H248037" s="12"/>
    </row>
    <row r="248038" spans="8:8">
      <c r="H248038" s="12"/>
    </row>
    <row r="248039" spans="8:8">
      <c r="H248039" s="12"/>
    </row>
    <row r="248040" spans="8:8">
      <c r="H248040" s="12"/>
    </row>
    <row r="248041" spans="8:8">
      <c r="H248041" s="12"/>
    </row>
    <row r="248042" spans="8:8">
      <c r="H248042" s="12"/>
    </row>
    <row r="248043" spans="8:8">
      <c r="H248043" s="12"/>
    </row>
    <row r="248044" spans="8:8">
      <c r="H248044" s="12"/>
    </row>
    <row r="248045" spans="8:8">
      <c r="H248045" s="12"/>
    </row>
    <row r="248046" spans="8:8">
      <c r="H248046" s="12"/>
    </row>
    <row r="248047" spans="8:8">
      <c r="H248047" s="12"/>
    </row>
    <row r="248048" spans="8:8">
      <c r="H248048" s="12"/>
    </row>
    <row r="248049" spans="8:8">
      <c r="H248049" s="12"/>
    </row>
    <row r="248050" spans="8:8">
      <c r="H248050" s="12"/>
    </row>
    <row r="248051" spans="8:8">
      <c r="H248051" s="12"/>
    </row>
    <row r="248052" spans="8:8">
      <c r="H248052" s="12"/>
    </row>
    <row r="248053" spans="8:8">
      <c r="H248053" s="12"/>
    </row>
    <row r="248054" spans="8:8">
      <c r="H248054" s="12"/>
    </row>
    <row r="248055" spans="8:8">
      <c r="H248055" s="12"/>
    </row>
    <row r="248056" spans="8:8">
      <c r="H248056" s="12"/>
    </row>
    <row r="248057" spans="8:8">
      <c r="H248057" s="12"/>
    </row>
    <row r="248058" spans="8:8">
      <c r="H248058" s="12"/>
    </row>
    <row r="248059" spans="8:8">
      <c r="H248059" s="12"/>
    </row>
    <row r="248060" spans="8:8">
      <c r="H248060" s="12"/>
    </row>
    <row r="248061" spans="8:8">
      <c r="H248061" s="12"/>
    </row>
    <row r="248062" spans="8:8">
      <c r="H248062" s="12"/>
    </row>
    <row r="248063" spans="8:8">
      <c r="H248063" s="12"/>
    </row>
    <row r="248064" spans="8:8">
      <c r="H248064" s="12"/>
    </row>
    <row r="248065" spans="8:8">
      <c r="H248065" s="12"/>
    </row>
    <row r="248066" spans="8:8">
      <c r="H248066" s="12"/>
    </row>
    <row r="248067" spans="8:8">
      <c r="H248067" s="12"/>
    </row>
    <row r="248068" spans="8:8">
      <c r="H248068" s="12"/>
    </row>
    <row r="248069" spans="8:8">
      <c r="H248069" s="12"/>
    </row>
    <row r="248070" spans="8:8">
      <c r="H248070" s="12"/>
    </row>
    <row r="248071" spans="8:8">
      <c r="H248071" s="12"/>
    </row>
    <row r="248072" spans="8:8">
      <c r="H248072" s="12"/>
    </row>
    <row r="248073" spans="8:8">
      <c r="H248073" s="12"/>
    </row>
    <row r="248074" spans="8:8">
      <c r="H248074" s="12"/>
    </row>
    <row r="248075" spans="8:8">
      <c r="H248075" s="12"/>
    </row>
    <row r="248076" spans="8:8">
      <c r="H248076" s="12"/>
    </row>
    <row r="248077" spans="8:8">
      <c r="H248077" s="12"/>
    </row>
    <row r="248078" spans="8:8">
      <c r="H248078" s="12"/>
    </row>
    <row r="248079" spans="8:8">
      <c r="H248079" s="12"/>
    </row>
    <row r="248080" spans="8:8">
      <c r="H248080" s="12"/>
    </row>
    <row r="248081" spans="8:8">
      <c r="H248081" s="12"/>
    </row>
    <row r="248082" spans="8:8">
      <c r="H248082" s="12"/>
    </row>
    <row r="248083" spans="8:8">
      <c r="H248083" s="12"/>
    </row>
    <row r="248084" spans="8:8">
      <c r="H248084" s="12"/>
    </row>
    <row r="248085" spans="8:8">
      <c r="H248085" s="12"/>
    </row>
    <row r="248086" spans="8:8">
      <c r="H248086" s="12"/>
    </row>
    <row r="248087" spans="8:8">
      <c r="H248087" s="12"/>
    </row>
    <row r="248088" spans="8:8">
      <c r="H248088" s="12"/>
    </row>
    <row r="248089" spans="8:8">
      <c r="H248089" s="12"/>
    </row>
    <row r="248090" spans="8:8">
      <c r="H248090" s="12"/>
    </row>
    <row r="248091" spans="8:8">
      <c r="H248091" s="12"/>
    </row>
    <row r="248092" spans="8:8">
      <c r="H248092" s="12"/>
    </row>
    <row r="248093" spans="8:8">
      <c r="H248093" s="12"/>
    </row>
    <row r="248094" spans="8:8">
      <c r="H248094" s="12"/>
    </row>
    <row r="248095" spans="8:8">
      <c r="H248095" s="12"/>
    </row>
    <row r="248096" spans="8:8">
      <c r="H248096" s="12"/>
    </row>
    <row r="248097" spans="8:8">
      <c r="H248097" s="12"/>
    </row>
    <row r="248098" spans="8:8">
      <c r="H248098" s="12"/>
    </row>
    <row r="248099" spans="8:8">
      <c r="H248099" s="12"/>
    </row>
    <row r="248100" spans="8:8">
      <c r="H248100" s="12"/>
    </row>
    <row r="248101" spans="8:8">
      <c r="H248101" s="12"/>
    </row>
    <row r="248102" spans="8:8">
      <c r="H248102" s="12"/>
    </row>
    <row r="248103" spans="8:8">
      <c r="H248103" s="12"/>
    </row>
    <row r="248104" spans="8:8">
      <c r="H248104" s="12"/>
    </row>
    <row r="248105" spans="8:8">
      <c r="H248105" s="12"/>
    </row>
    <row r="248106" spans="8:8">
      <c r="H248106" s="12"/>
    </row>
    <row r="248107" spans="8:8">
      <c r="H248107" s="12"/>
    </row>
    <row r="248108" spans="8:8">
      <c r="H248108" s="12"/>
    </row>
    <row r="248109" spans="8:8">
      <c r="H248109" s="12"/>
    </row>
    <row r="248110" spans="8:8">
      <c r="H248110" s="12"/>
    </row>
    <row r="248111" spans="8:8">
      <c r="H248111" s="12"/>
    </row>
    <row r="248112" spans="8:8">
      <c r="H248112" s="12"/>
    </row>
    <row r="248113" spans="8:8">
      <c r="H248113" s="12"/>
    </row>
    <row r="248114" spans="8:8">
      <c r="H248114" s="12"/>
    </row>
    <row r="248115" spans="8:8">
      <c r="H248115" s="12"/>
    </row>
    <row r="248116" spans="8:8">
      <c r="H248116" s="12"/>
    </row>
    <row r="248117" spans="8:8">
      <c r="H248117" s="12"/>
    </row>
    <row r="248118" spans="8:8">
      <c r="H248118" s="12"/>
    </row>
    <row r="248119" spans="8:8">
      <c r="H248119" s="12"/>
    </row>
    <row r="248120" spans="8:8">
      <c r="H248120" s="12"/>
    </row>
    <row r="248121" spans="8:8">
      <c r="H248121" s="12"/>
    </row>
    <row r="248122" spans="8:8">
      <c r="H248122" s="12"/>
    </row>
    <row r="248123" spans="8:8">
      <c r="H248123" s="12"/>
    </row>
    <row r="248124" spans="8:8">
      <c r="H248124" s="12"/>
    </row>
    <row r="248125" spans="8:8">
      <c r="H248125" s="12"/>
    </row>
    <row r="248126" spans="8:8">
      <c r="H248126" s="12"/>
    </row>
    <row r="248127" spans="8:8">
      <c r="H248127" s="12"/>
    </row>
    <row r="248128" spans="8:8">
      <c r="H248128" s="12"/>
    </row>
    <row r="248129" spans="8:8">
      <c r="H248129" s="12"/>
    </row>
    <row r="248130" spans="8:8">
      <c r="H248130" s="12"/>
    </row>
    <row r="248131" spans="8:8">
      <c r="H248131" s="12"/>
    </row>
    <row r="248132" spans="8:8">
      <c r="H248132" s="12"/>
    </row>
    <row r="248133" spans="8:8">
      <c r="H248133" s="12"/>
    </row>
    <row r="248134" spans="8:8">
      <c r="H248134" s="12"/>
    </row>
    <row r="248135" spans="8:8">
      <c r="H248135" s="12"/>
    </row>
    <row r="248136" spans="8:8">
      <c r="H248136" s="12"/>
    </row>
    <row r="248137" spans="8:8">
      <c r="H248137" s="12"/>
    </row>
    <row r="248138" spans="8:8">
      <c r="H248138" s="12"/>
    </row>
    <row r="248139" spans="8:8">
      <c r="H248139" s="12"/>
    </row>
    <row r="248140" spans="8:8">
      <c r="H248140" s="12"/>
    </row>
    <row r="248141" spans="8:8">
      <c r="H248141" s="12"/>
    </row>
    <row r="248142" spans="8:8">
      <c r="H248142" s="12"/>
    </row>
    <row r="248143" spans="8:8">
      <c r="H248143" s="12"/>
    </row>
    <row r="248144" spans="8:8">
      <c r="H248144" s="12"/>
    </row>
    <row r="248145" spans="8:8">
      <c r="H248145" s="12"/>
    </row>
    <row r="248146" spans="8:8">
      <c r="H248146" s="12"/>
    </row>
    <row r="248147" spans="8:8">
      <c r="H248147" s="12"/>
    </row>
    <row r="248148" spans="8:8">
      <c r="H248148" s="12"/>
    </row>
    <row r="248149" spans="8:8">
      <c r="H248149" s="12"/>
    </row>
    <row r="248150" spans="8:8">
      <c r="H248150" s="12"/>
    </row>
    <row r="248151" spans="8:8">
      <c r="H248151" s="12"/>
    </row>
    <row r="248152" spans="8:8">
      <c r="H248152" s="12"/>
    </row>
    <row r="248153" spans="8:8">
      <c r="H248153" s="12"/>
    </row>
    <row r="248154" spans="8:8">
      <c r="H248154" s="12"/>
    </row>
    <row r="248155" spans="8:8">
      <c r="H248155" s="12"/>
    </row>
    <row r="248156" spans="8:8">
      <c r="H248156" s="12"/>
    </row>
    <row r="248157" spans="8:8">
      <c r="H248157" s="12"/>
    </row>
    <row r="248158" spans="8:8">
      <c r="H248158" s="12"/>
    </row>
    <row r="248159" spans="8:8">
      <c r="H248159" s="12"/>
    </row>
    <row r="248160" spans="8:8">
      <c r="H248160" s="12"/>
    </row>
    <row r="248161" spans="8:8">
      <c r="H248161" s="12"/>
    </row>
    <row r="248162" spans="8:8">
      <c r="H248162" s="12"/>
    </row>
    <row r="248163" spans="8:8">
      <c r="H248163" s="12"/>
    </row>
    <row r="248164" spans="8:8">
      <c r="H248164" s="12"/>
    </row>
    <row r="248165" spans="8:8">
      <c r="H248165" s="12"/>
    </row>
    <row r="248166" spans="8:8">
      <c r="H248166" s="12"/>
    </row>
    <row r="248167" spans="8:8">
      <c r="H248167" s="12"/>
    </row>
    <row r="248168" spans="8:8">
      <c r="H248168" s="12"/>
    </row>
    <row r="248169" spans="8:8">
      <c r="H248169" s="12"/>
    </row>
    <row r="248170" spans="8:8">
      <c r="H248170" s="12"/>
    </row>
    <row r="248171" spans="8:8">
      <c r="H248171" s="12"/>
    </row>
    <row r="248172" spans="8:8">
      <c r="H248172" s="12"/>
    </row>
    <row r="248173" spans="8:8">
      <c r="H248173" s="12"/>
    </row>
    <row r="248174" spans="8:8">
      <c r="H248174" s="12"/>
    </row>
    <row r="248175" spans="8:8">
      <c r="H248175" s="12"/>
    </row>
    <row r="248176" spans="8:8">
      <c r="H248176" s="12"/>
    </row>
    <row r="248177" spans="8:8">
      <c r="H248177" s="12"/>
    </row>
    <row r="248178" spans="8:8">
      <c r="H248178" s="12"/>
    </row>
    <row r="248179" spans="8:8">
      <c r="H248179" s="12"/>
    </row>
    <row r="248180" spans="8:8">
      <c r="H248180" s="12"/>
    </row>
    <row r="248181" spans="8:8">
      <c r="H248181" s="12"/>
    </row>
    <row r="248182" spans="8:8">
      <c r="H248182" s="12"/>
    </row>
    <row r="248183" spans="8:8">
      <c r="H248183" s="12"/>
    </row>
    <row r="248184" spans="8:8">
      <c r="H248184" s="12"/>
    </row>
    <row r="248185" spans="8:8">
      <c r="H248185" s="12"/>
    </row>
    <row r="248186" spans="8:8">
      <c r="H248186" s="12"/>
    </row>
    <row r="248187" spans="8:8">
      <c r="H248187" s="12"/>
    </row>
    <row r="248188" spans="8:8">
      <c r="H248188" s="12"/>
    </row>
    <row r="248189" spans="8:8">
      <c r="H248189" s="12"/>
    </row>
    <row r="248190" spans="8:8">
      <c r="H248190" s="12"/>
    </row>
    <row r="248191" spans="8:8">
      <c r="H248191" s="12"/>
    </row>
    <row r="248192" spans="8:8">
      <c r="H248192" s="12"/>
    </row>
    <row r="248193" spans="8:8">
      <c r="H248193" s="12"/>
    </row>
    <row r="248194" spans="8:8">
      <c r="H248194" s="12"/>
    </row>
    <row r="248195" spans="8:8">
      <c r="H248195" s="12"/>
    </row>
    <row r="248196" spans="8:8">
      <c r="H248196" s="12"/>
    </row>
    <row r="248197" spans="8:8">
      <c r="H248197" s="12"/>
    </row>
    <row r="248198" spans="8:8">
      <c r="H248198" s="12"/>
    </row>
    <row r="248199" spans="8:8">
      <c r="H248199" s="12"/>
    </row>
    <row r="248200" spans="8:8">
      <c r="H248200" s="12"/>
    </row>
    <row r="248201" spans="8:8">
      <c r="H248201" s="12"/>
    </row>
    <row r="248202" spans="8:8">
      <c r="H248202" s="12"/>
    </row>
    <row r="248203" spans="8:8">
      <c r="H248203" s="12"/>
    </row>
    <row r="248204" spans="8:8">
      <c r="H248204" s="12"/>
    </row>
    <row r="248205" spans="8:8">
      <c r="H248205" s="12"/>
    </row>
    <row r="248206" spans="8:8">
      <c r="H248206" s="12"/>
    </row>
    <row r="248207" spans="8:8">
      <c r="H248207" s="12"/>
    </row>
    <row r="248208" spans="8:8">
      <c r="H248208" s="12"/>
    </row>
    <row r="248209" spans="8:8">
      <c r="H248209" s="12"/>
    </row>
    <row r="248210" spans="8:8">
      <c r="H248210" s="12"/>
    </row>
    <row r="248211" spans="8:8">
      <c r="H248211" s="12"/>
    </row>
    <row r="248212" spans="8:8">
      <c r="H248212" s="12"/>
    </row>
    <row r="248213" spans="8:8">
      <c r="H248213" s="12"/>
    </row>
    <row r="248214" spans="8:8">
      <c r="H248214" s="12"/>
    </row>
    <row r="248215" spans="8:8">
      <c r="H248215" s="12"/>
    </row>
    <row r="248216" spans="8:8">
      <c r="H248216" s="12"/>
    </row>
    <row r="248217" spans="8:8">
      <c r="H248217" s="12"/>
    </row>
    <row r="248218" spans="8:8">
      <c r="H248218" s="12"/>
    </row>
    <row r="248219" spans="8:8">
      <c r="H248219" s="12"/>
    </row>
    <row r="248220" spans="8:8">
      <c r="H248220" s="12"/>
    </row>
    <row r="248221" spans="8:8">
      <c r="H248221" s="12"/>
    </row>
    <row r="248222" spans="8:8">
      <c r="H248222" s="12"/>
    </row>
    <row r="248223" spans="8:8">
      <c r="H248223" s="12"/>
    </row>
    <row r="248224" spans="8:8">
      <c r="H248224" s="12"/>
    </row>
    <row r="248225" spans="8:8">
      <c r="H248225" s="12"/>
    </row>
    <row r="248226" spans="8:8">
      <c r="H248226" s="12"/>
    </row>
    <row r="248227" spans="8:8">
      <c r="H248227" s="12"/>
    </row>
    <row r="248228" spans="8:8">
      <c r="H248228" s="12"/>
    </row>
    <row r="248229" spans="8:8">
      <c r="H248229" s="12"/>
    </row>
    <row r="248230" spans="8:8">
      <c r="H248230" s="12"/>
    </row>
    <row r="248231" spans="8:8">
      <c r="H248231" s="12"/>
    </row>
    <row r="248232" spans="8:8">
      <c r="H248232" s="12"/>
    </row>
    <row r="248233" spans="8:8">
      <c r="H248233" s="12"/>
    </row>
    <row r="248234" spans="8:8">
      <c r="H248234" s="12"/>
    </row>
    <row r="248235" spans="8:8">
      <c r="H248235" s="12"/>
    </row>
    <row r="248236" spans="8:8">
      <c r="H248236" s="12"/>
    </row>
    <row r="248237" spans="8:8">
      <c r="H248237" s="12"/>
    </row>
    <row r="248238" spans="8:8">
      <c r="H248238" s="12"/>
    </row>
    <row r="248239" spans="8:8">
      <c r="H248239" s="12"/>
    </row>
    <row r="248240" spans="8:8">
      <c r="H248240" s="12"/>
    </row>
    <row r="248241" spans="8:8">
      <c r="H248241" s="12"/>
    </row>
    <row r="248242" spans="8:8">
      <c r="H248242" s="12"/>
    </row>
    <row r="248243" spans="8:8">
      <c r="H248243" s="12"/>
    </row>
    <row r="248244" spans="8:8">
      <c r="H248244" s="12"/>
    </row>
    <row r="248245" spans="8:8">
      <c r="H248245" s="12"/>
    </row>
    <row r="248246" spans="8:8">
      <c r="H248246" s="12"/>
    </row>
    <row r="248247" spans="8:8">
      <c r="H248247" s="12"/>
    </row>
    <row r="248248" spans="8:8">
      <c r="H248248" s="12"/>
    </row>
    <row r="248249" spans="8:8">
      <c r="H248249" s="12"/>
    </row>
    <row r="248250" spans="8:8">
      <c r="H248250" s="12"/>
    </row>
    <row r="248251" spans="8:8">
      <c r="H248251" s="12"/>
    </row>
    <row r="248252" spans="8:8">
      <c r="H248252" s="12"/>
    </row>
    <row r="248253" spans="8:8">
      <c r="H248253" s="12"/>
    </row>
    <row r="248254" spans="8:8">
      <c r="H248254" s="12"/>
    </row>
    <row r="248255" spans="8:8">
      <c r="H248255" s="12"/>
    </row>
    <row r="248256" spans="8:8">
      <c r="H248256" s="12"/>
    </row>
    <row r="248257" spans="8:8">
      <c r="H248257" s="12"/>
    </row>
    <row r="248258" spans="8:8">
      <c r="H248258" s="12"/>
    </row>
    <row r="248259" spans="8:8">
      <c r="H248259" s="12"/>
    </row>
    <row r="248260" spans="8:8">
      <c r="H248260" s="12"/>
    </row>
    <row r="248261" spans="8:8">
      <c r="H248261" s="12"/>
    </row>
    <row r="248262" spans="8:8">
      <c r="H248262" s="12"/>
    </row>
    <row r="248263" spans="8:8">
      <c r="H248263" s="12"/>
    </row>
    <row r="248264" spans="8:8">
      <c r="H248264" s="12"/>
    </row>
    <row r="248265" spans="8:8">
      <c r="H248265" s="12"/>
    </row>
    <row r="248266" spans="8:8">
      <c r="H248266" s="12"/>
    </row>
    <row r="248267" spans="8:8">
      <c r="H248267" s="12"/>
    </row>
    <row r="248268" spans="8:8">
      <c r="H248268" s="12"/>
    </row>
    <row r="248269" spans="8:8">
      <c r="H248269" s="12"/>
    </row>
    <row r="248270" spans="8:8">
      <c r="H248270" s="12"/>
    </row>
    <row r="248271" spans="8:8">
      <c r="H248271" s="12"/>
    </row>
    <row r="248272" spans="8:8">
      <c r="H248272" s="12"/>
    </row>
    <row r="248273" spans="8:8">
      <c r="H248273" s="12"/>
    </row>
    <row r="248274" spans="8:8">
      <c r="H248274" s="12"/>
    </row>
    <row r="248275" spans="8:8">
      <c r="H248275" s="12"/>
    </row>
    <row r="248276" spans="8:8">
      <c r="H248276" s="12"/>
    </row>
    <row r="248277" spans="8:8">
      <c r="H248277" s="12"/>
    </row>
    <row r="248278" spans="8:8">
      <c r="H248278" s="12"/>
    </row>
    <row r="248279" spans="8:8">
      <c r="H248279" s="12"/>
    </row>
    <row r="248280" spans="8:8">
      <c r="H248280" s="12"/>
    </row>
    <row r="248281" spans="8:8">
      <c r="H248281" s="12"/>
    </row>
    <row r="248282" spans="8:8">
      <c r="H248282" s="12"/>
    </row>
    <row r="248283" spans="8:8">
      <c r="H248283" s="12"/>
    </row>
    <row r="248284" spans="8:8">
      <c r="H248284" s="12"/>
    </row>
    <row r="248285" spans="8:8">
      <c r="H248285" s="12"/>
    </row>
    <row r="248286" spans="8:8">
      <c r="H248286" s="12"/>
    </row>
    <row r="248287" spans="8:8">
      <c r="H248287" s="12"/>
    </row>
    <row r="248288" spans="8:8">
      <c r="H248288" s="12"/>
    </row>
    <row r="248289" spans="8:8">
      <c r="H248289" s="12"/>
    </row>
    <row r="248290" spans="8:8">
      <c r="H248290" s="12"/>
    </row>
    <row r="248291" spans="8:8">
      <c r="H248291" s="12"/>
    </row>
    <row r="248292" spans="8:8">
      <c r="H248292" s="12"/>
    </row>
    <row r="248293" spans="8:8">
      <c r="H248293" s="12"/>
    </row>
    <row r="248294" spans="8:8">
      <c r="H248294" s="12"/>
    </row>
    <row r="248295" spans="8:8">
      <c r="H248295" s="12"/>
    </row>
    <row r="248296" spans="8:8">
      <c r="H248296" s="12"/>
    </row>
    <row r="248297" spans="8:8">
      <c r="H248297" s="12"/>
    </row>
    <row r="248298" spans="8:8">
      <c r="H248298" s="12"/>
    </row>
    <row r="248299" spans="8:8">
      <c r="H248299" s="12"/>
    </row>
    <row r="248300" spans="8:8">
      <c r="H248300" s="12"/>
    </row>
    <row r="248301" spans="8:8">
      <c r="H248301" s="12"/>
    </row>
    <row r="248302" spans="8:8">
      <c r="H248302" s="12"/>
    </row>
    <row r="248303" spans="8:8">
      <c r="H248303" s="12"/>
    </row>
    <row r="248304" spans="8:8">
      <c r="H248304" s="12"/>
    </row>
    <row r="248305" spans="8:8">
      <c r="H248305" s="12"/>
    </row>
    <row r="248306" spans="8:8">
      <c r="H248306" s="12"/>
    </row>
    <row r="248307" spans="8:8">
      <c r="H248307" s="12"/>
    </row>
    <row r="248308" spans="8:8">
      <c r="H248308" s="12"/>
    </row>
    <row r="248309" spans="8:8">
      <c r="H248309" s="12"/>
    </row>
    <row r="248310" spans="8:8">
      <c r="H248310" s="12"/>
    </row>
    <row r="248311" spans="8:8">
      <c r="H248311" s="12"/>
    </row>
    <row r="248312" spans="8:8">
      <c r="H248312" s="12"/>
    </row>
    <row r="248313" spans="8:8">
      <c r="H248313" s="12"/>
    </row>
    <row r="248314" spans="8:8">
      <c r="H248314" s="12"/>
    </row>
    <row r="248315" spans="8:8">
      <c r="H248315" s="12"/>
    </row>
    <row r="248316" spans="8:8">
      <c r="H248316" s="12"/>
    </row>
    <row r="248317" spans="8:8">
      <c r="H248317" s="12"/>
    </row>
    <row r="248318" spans="8:8">
      <c r="H248318" s="12"/>
    </row>
    <row r="248319" spans="8:8">
      <c r="H248319" s="12"/>
    </row>
    <row r="248320" spans="8:8">
      <c r="H248320" s="12"/>
    </row>
    <row r="248321" spans="8:8">
      <c r="H248321" s="12"/>
    </row>
    <row r="248322" spans="8:8">
      <c r="H248322" s="12"/>
    </row>
    <row r="248323" spans="8:8">
      <c r="H248323" s="12"/>
    </row>
    <row r="248324" spans="8:8">
      <c r="H248324" s="12"/>
    </row>
    <row r="248325" spans="8:8">
      <c r="H248325" s="12"/>
    </row>
    <row r="248326" spans="8:8">
      <c r="H248326" s="12"/>
    </row>
    <row r="248327" spans="8:8">
      <c r="H248327" s="12"/>
    </row>
    <row r="248328" spans="8:8">
      <c r="H248328" s="12"/>
    </row>
    <row r="248329" spans="8:8">
      <c r="H248329" s="12"/>
    </row>
    <row r="248330" spans="8:8">
      <c r="H248330" s="12"/>
    </row>
    <row r="248331" spans="8:8">
      <c r="H248331" s="12"/>
    </row>
    <row r="248332" spans="8:8">
      <c r="H248332" s="12"/>
    </row>
    <row r="248333" spans="8:8">
      <c r="H248333" s="12"/>
    </row>
    <row r="248334" spans="8:8">
      <c r="H248334" s="12"/>
    </row>
    <row r="248335" spans="8:8">
      <c r="H248335" s="12"/>
    </row>
    <row r="248336" spans="8:8">
      <c r="H248336" s="12"/>
    </row>
    <row r="248337" spans="8:8">
      <c r="H248337" s="12"/>
    </row>
    <row r="248338" spans="8:8">
      <c r="H248338" s="12"/>
    </row>
    <row r="248339" spans="8:8">
      <c r="H248339" s="12"/>
    </row>
    <row r="248340" spans="8:8">
      <c r="H248340" s="12"/>
    </row>
    <row r="248341" spans="8:8">
      <c r="H248341" s="12"/>
    </row>
    <row r="248342" spans="8:8">
      <c r="H248342" s="12"/>
    </row>
    <row r="248343" spans="8:8">
      <c r="H248343" s="12"/>
    </row>
    <row r="248344" spans="8:8">
      <c r="H248344" s="12"/>
    </row>
    <row r="248345" spans="8:8">
      <c r="H248345" s="12"/>
    </row>
    <row r="248346" spans="8:8">
      <c r="H248346" s="12"/>
    </row>
    <row r="248347" spans="8:8">
      <c r="H248347" s="12"/>
    </row>
    <row r="248348" spans="8:8">
      <c r="H248348" s="12"/>
    </row>
    <row r="248349" spans="8:8">
      <c r="H248349" s="12"/>
    </row>
    <row r="248350" spans="8:8">
      <c r="H248350" s="12"/>
    </row>
    <row r="248351" spans="8:8">
      <c r="H248351" s="12"/>
    </row>
    <row r="248352" spans="8:8">
      <c r="H248352" s="12"/>
    </row>
    <row r="248353" spans="8:8">
      <c r="H248353" s="12"/>
    </row>
    <row r="248354" spans="8:8">
      <c r="H248354" s="12"/>
    </row>
    <row r="248355" spans="8:8">
      <c r="H248355" s="12"/>
    </row>
    <row r="248356" spans="8:8">
      <c r="H248356" s="12"/>
    </row>
    <row r="248357" spans="8:8">
      <c r="H248357" s="12"/>
    </row>
    <row r="248358" spans="8:8">
      <c r="H248358" s="12"/>
    </row>
    <row r="248359" spans="8:8">
      <c r="H248359" s="12"/>
    </row>
    <row r="248360" spans="8:8">
      <c r="H248360" s="12"/>
    </row>
    <row r="248361" spans="8:8">
      <c r="H248361" s="12"/>
    </row>
    <row r="248362" spans="8:8">
      <c r="H248362" s="12"/>
    </row>
    <row r="248363" spans="8:8">
      <c r="H248363" s="12"/>
    </row>
    <row r="248364" spans="8:8">
      <c r="H248364" s="12"/>
    </row>
    <row r="248365" spans="8:8">
      <c r="H248365" s="12"/>
    </row>
    <row r="248366" spans="8:8">
      <c r="H248366" s="12"/>
    </row>
    <row r="248367" spans="8:8">
      <c r="H248367" s="12"/>
    </row>
    <row r="248368" spans="8:8">
      <c r="H248368" s="12"/>
    </row>
    <row r="248369" spans="8:8">
      <c r="H248369" s="12"/>
    </row>
    <row r="248370" spans="8:8">
      <c r="H248370" s="12"/>
    </row>
    <row r="248371" spans="8:8">
      <c r="H248371" s="12"/>
    </row>
    <row r="248372" spans="8:8">
      <c r="H248372" s="12"/>
    </row>
    <row r="248373" spans="8:8">
      <c r="H248373" s="12"/>
    </row>
    <row r="248374" spans="8:8">
      <c r="H248374" s="12"/>
    </row>
    <row r="248375" spans="8:8">
      <c r="H248375" s="12"/>
    </row>
    <row r="248376" spans="8:8">
      <c r="H248376" s="12"/>
    </row>
    <row r="248377" spans="8:8">
      <c r="H248377" s="12"/>
    </row>
    <row r="248378" spans="8:8">
      <c r="H248378" s="12"/>
    </row>
    <row r="248379" spans="8:8">
      <c r="H248379" s="12"/>
    </row>
    <row r="248380" spans="8:8">
      <c r="H248380" s="12"/>
    </row>
    <row r="248381" spans="8:8">
      <c r="H248381" s="12"/>
    </row>
    <row r="248382" spans="8:8">
      <c r="H248382" s="12"/>
    </row>
    <row r="248383" spans="8:8">
      <c r="H248383" s="12"/>
    </row>
    <row r="248384" spans="8:8">
      <c r="H248384" s="12"/>
    </row>
    <row r="248385" spans="8:8">
      <c r="H248385" s="12"/>
    </row>
    <row r="248386" spans="8:8">
      <c r="H248386" s="12"/>
    </row>
    <row r="248387" spans="8:8">
      <c r="H248387" s="12"/>
    </row>
    <row r="248388" spans="8:8">
      <c r="H248388" s="12"/>
    </row>
    <row r="248389" spans="8:8">
      <c r="H248389" s="12"/>
    </row>
    <row r="248390" spans="8:8">
      <c r="H248390" s="12"/>
    </row>
    <row r="248391" spans="8:8">
      <c r="H248391" s="12"/>
    </row>
    <row r="248392" spans="8:8">
      <c r="H248392" s="12"/>
    </row>
    <row r="248393" spans="8:8">
      <c r="H248393" s="12"/>
    </row>
    <row r="248394" spans="8:8">
      <c r="H248394" s="12"/>
    </row>
    <row r="248395" spans="8:8">
      <c r="H248395" s="12"/>
    </row>
    <row r="248396" spans="8:8">
      <c r="H248396" s="12"/>
    </row>
    <row r="248397" spans="8:8">
      <c r="H248397" s="12"/>
    </row>
    <row r="248398" spans="8:8">
      <c r="H248398" s="12"/>
    </row>
    <row r="248399" spans="8:8">
      <c r="H248399" s="12"/>
    </row>
    <row r="248400" spans="8:8">
      <c r="H248400" s="12"/>
    </row>
    <row r="248401" spans="8:8">
      <c r="H248401" s="12"/>
    </row>
    <row r="248402" spans="8:8">
      <c r="H248402" s="12"/>
    </row>
    <row r="248403" spans="8:8">
      <c r="H248403" s="12"/>
    </row>
    <row r="248404" spans="8:8">
      <c r="H248404" s="12"/>
    </row>
    <row r="248405" spans="8:8">
      <c r="H248405" s="12"/>
    </row>
    <row r="248406" spans="8:8">
      <c r="H248406" s="12"/>
    </row>
    <row r="248407" spans="8:8">
      <c r="H248407" s="12"/>
    </row>
    <row r="248408" spans="8:8">
      <c r="H248408" s="12"/>
    </row>
    <row r="248409" spans="8:8">
      <c r="H248409" s="12"/>
    </row>
    <row r="248410" spans="8:8">
      <c r="H248410" s="12"/>
    </row>
    <row r="248411" spans="8:8">
      <c r="H248411" s="12"/>
    </row>
    <row r="248412" spans="8:8">
      <c r="H248412" s="12"/>
    </row>
    <row r="248413" spans="8:8">
      <c r="H248413" s="12"/>
    </row>
    <row r="248414" spans="8:8">
      <c r="H248414" s="12"/>
    </row>
    <row r="248415" spans="8:8">
      <c r="H248415" s="12"/>
    </row>
    <row r="248416" spans="8:8">
      <c r="H248416" s="12"/>
    </row>
    <row r="248417" spans="8:8">
      <c r="H248417" s="12"/>
    </row>
    <row r="248418" spans="8:8">
      <c r="H248418" s="12"/>
    </row>
    <row r="248419" spans="8:8">
      <c r="H248419" s="12"/>
    </row>
    <row r="248420" spans="8:8">
      <c r="H248420" s="12"/>
    </row>
    <row r="248421" spans="8:8">
      <c r="H248421" s="12"/>
    </row>
    <row r="248422" spans="8:8">
      <c r="H248422" s="12"/>
    </row>
    <row r="248423" spans="8:8">
      <c r="H248423" s="12"/>
    </row>
    <row r="248424" spans="8:8">
      <c r="H248424" s="12"/>
    </row>
    <row r="248425" spans="8:8">
      <c r="H248425" s="12"/>
    </row>
    <row r="248426" spans="8:8">
      <c r="H248426" s="12"/>
    </row>
    <row r="248427" spans="8:8">
      <c r="H248427" s="12"/>
    </row>
    <row r="248428" spans="8:8">
      <c r="H248428" s="12"/>
    </row>
    <row r="248429" spans="8:8">
      <c r="H248429" s="12"/>
    </row>
    <row r="248430" spans="8:8">
      <c r="H248430" s="12"/>
    </row>
    <row r="248431" spans="8:8">
      <c r="H248431" s="12"/>
    </row>
    <row r="248432" spans="8:8">
      <c r="H248432" s="12"/>
    </row>
    <row r="248433" spans="8:8">
      <c r="H248433" s="12"/>
    </row>
    <row r="248434" spans="8:8">
      <c r="H248434" s="12"/>
    </row>
    <row r="248435" spans="8:8">
      <c r="H248435" s="12"/>
    </row>
    <row r="248436" spans="8:8">
      <c r="H248436" s="12"/>
    </row>
    <row r="248437" spans="8:8">
      <c r="H248437" s="12"/>
    </row>
    <row r="248438" spans="8:8">
      <c r="H248438" s="12"/>
    </row>
    <row r="248439" spans="8:8">
      <c r="H248439" s="12"/>
    </row>
    <row r="248440" spans="8:8">
      <c r="H248440" s="12"/>
    </row>
    <row r="248441" spans="8:8">
      <c r="H248441" s="12"/>
    </row>
    <row r="248442" spans="8:8">
      <c r="H248442" s="12"/>
    </row>
    <row r="248443" spans="8:8">
      <c r="H248443" s="12"/>
    </row>
    <row r="248444" spans="8:8">
      <c r="H248444" s="12"/>
    </row>
    <row r="248445" spans="8:8">
      <c r="H248445" s="12"/>
    </row>
    <row r="248446" spans="8:8">
      <c r="H248446" s="12"/>
    </row>
    <row r="248447" spans="8:8">
      <c r="H248447" s="12"/>
    </row>
    <row r="248448" spans="8:8">
      <c r="H248448" s="12"/>
    </row>
    <row r="248449" spans="8:8">
      <c r="H248449" s="12"/>
    </row>
    <row r="248450" spans="8:8">
      <c r="H248450" s="12"/>
    </row>
    <row r="248451" spans="8:8">
      <c r="H248451" s="12"/>
    </row>
    <row r="248452" spans="8:8">
      <c r="H248452" s="12"/>
    </row>
    <row r="248453" spans="8:8">
      <c r="H248453" s="12"/>
    </row>
    <row r="248454" spans="8:8">
      <c r="H248454" s="12"/>
    </row>
    <row r="248455" spans="8:8">
      <c r="H248455" s="12"/>
    </row>
    <row r="248456" spans="8:8">
      <c r="H248456" s="12"/>
    </row>
    <row r="248457" spans="8:8">
      <c r="H248457" s="12"/>
    </row>
    <row r="248458" spans="8:8">
      <c r="H248458" s="12"/>
    </row>
    <row r="248459" spans="8:8">
      <c r="H248459" s="12"/>
    </row>
    <row r="248460" spans="8:8">
      <c r="H248460" s="12"/>
    </row>
    <row r="248461" spans="8:8">
      <c r="H248461" s="12"/>
    </row>
    <row r="248462" spans="8:8">
      <c r="H248462" s="12"/>
    </row>
    <row r="248463" spans="8:8">
      <c r="H248463" s="12"/>
    </row>
    <row r="248464" spans="8:8">
      <c r="H248464" s="12"/>
    </row>
    <row r="248465" spans="8:8">
      <c r="H248465" s="12"/>
    </row>
    <row r="248466" spans="8:8">
      <c r="H248466" s="12"/>
    </row>
    <row r="248467" spans="8:8">
      <c r="H248467" s="12"/>
    </row>
    <row r="248468" spans="8:8">
      <c r="H248468" s="12"/>
    </row>
    <row r="248469" spans="8:8">
      <c r="H248469" s="12"/>
    </row>
    <row r="248470" spans="8:8">
      <c r="H248470" s="12"/>
    </row>
    <row r="248471" spans="8:8">
      <c r="H248471" s="12"/>
    </row>
    <row r="248472" spans="8:8">
      <c r="H248472" s="12"/>
    </row>
    <row r="248473" spans="8:8">
      <c r="H248473" s="12"/>
    </row>
    <row r="248474" spans="8:8">
      <c r="H248474" s="12"/>
    </row>
    <row r="248475" spans="8:8">
      <c r="H248475" s="12"/>
    </row>
    <row r="248476" spans="8:8">
      <c r="H248476" s="12"/>
    </row>
    <row r="248477" spans="8:8">
      <c r="H248477" s="12"/>
    </row>
    <row r="248478" spans="8:8">
      <c r="H248478" s="12"/>
    </row>
    <row r="248479" spans="8:8">
      <c r="H248479" s="12"/>
    </row>
    <row r="248480" spans="8:8">
      <c r="H248480" s="12"/>
    </row>
    <row r="248481" spans="8:8">
      <c r="H248481" s="12"/>
    </row>
    <row r="248482" spans="8:8">
      <c r="H248482" s="12"/>
    </row>
    <row r="248483" spans="8:8">
      <c r="H248483" s="12"/>
    </row>
    <row r="248484" spans="8:8">
      <c r="H248484" s="12"/>
    </row>
    <row r="248485" spans="8:8">
      <c r="H248485" s="12"/>
    </row>
    <row r="248486" spans="8:8">
      <c r="H248486" s="12"/>
    </row>
    <row r="248487" spans="8:8">
      <c r="H248487" s="12"/>
    </row>
    <row r="248488" spans="8:8">
      <c r="H248488" s="12"/>
    </row>
    <row r="248489" spans="8:8">
      <c r="H248489" s="12"/>
    </row>
    <row r="248490" spans="8:8">
      <c r="H248490" s="12"/>
    </row>
    <row r="248491" spans="8:8">
      <c r="H248491" s="12"/>
    </row>
    <row r="248492" spans="8:8">
      <c r="H248492" s="12"/>
    </row>
    <row r="248493" spans="8:8">
      <c r="H248493" s="12"/>
    </row>
    <row r="248494" spans="8:8">
      <c r="H248494" s="12"/>
    </row>
    <row r="248495" spans="8:8">
      <c r="H248495" s="12"/>
    </row>
    <row r="248496" spans="8:8">
      <c r="H248496" s="12"/>
    </row>
    <row r="248497" spans="8:8">
      <c r="H248497" s="12"/>
    </row>
    <row r="248498" spans="8:8">
      <c r="H248498" s="12"/>
    </row>
    <row r="248499" spans="8:8">
      <c r="H248499" s="12"/>
    </row>
    <row r="248500" spans="8:8">
      <c r="H248500" s="12"/>
    </row>
    <row r="248501" spans="8:8">
      <c r="H248501" s="12"/>
    </row>
    <row r="248502" spans="8:8">
      <c r="H248502" s="12"/>
    </row>
    <row r="248503" spans="8:8">
      <c r="H248503" s="12"/>
    </row>
    <row r="248504" spans="8:8">
      <c r="H248504" s="12"/>
    </row>
    <row r="248505" spans="8:8">
      <c r="H248505" s="12"/>
    </row>
    <row r="248506" spans="8:8">
      <c r="H248506" s="12"/>
    </row>
    <row r="248507" spans="8:8">
      <c r="H248507" s="12"/>
    </row>
    <row r="248508" spans="8:8">
      <c r="H248508" s="12"/>
    </row>
    <row r="248509" spans="8:8">
      <c r="H248509" s="12"/>
    </row>
    <row r="248510" spans="8:8">
      <c r="H248510" s="12"/>
    </row>
    <row r="248511" spans="8:8">
      <c r="H248511" s="12"/>
    </row>
    <row r="248512" spans="8:8">
      <c r="H248512" s="12"/>
    </row>
    <row r="248513" spans="8:8">
      <c r="H248513" s="12"/>
    </row>
    <row r="248514" spans="8:8">
      <c r="H248514" s="12"/>
    </row>
    <row r="248515" spans="8:8">
      <c r="H248515" s="12"/>
    </row>
    <row r="248516" spans="8:8">
      <c r="H248516" s="12"/>
    </row>
    <row r="248517" spans="8:8">
      <c r="H248517" s="12"/>
    </row>
    <row r="248518" spans="8:8">
      <c r="H248518" s="12"/>
    </row>
    <row r="248519" spans="8:8">
      <c r="H248519" s="12"/>
    </row>
    <row r="248520" spans="8:8">
      <c r="H248520" s="12"/>
    </row>
    <row r="248521" spans="8:8">
      <c r="H248521" s="12"/>
    </row>
    <row r="248522" spans="8:8">
      <c r="H248522" s="12"/>
    </row>
    <row r="248523" spans="8:8">
      <c r="H248523" s="12"/>
    </row>
    <row r="248524" spans="8:8">
      <c r="H248524" s="12"/>
    </row>
    <row r="248525" spans="8:8">
      <c r="H248525" s="12"/>
    </row>
    <row r="248526" spans="8:8">
      <c r="H248526" s="12"/>
    </row>
    <row r="248527" spans="8:8">
      <c r="H248527" s="12"/>
    </row>
    <row r="248528" spans="8:8">
      <c r="H248528" s="12"/>
    </row>
    <row r="248529" spans="8:8">
      <c r="H248529" s="12"/>
    </row>
    <row r="248530" spans="8:8">
      <c r="H248530" s="12"/>
    </row>
    <row r="248531" spans="8:8">
      <c r="H248531" s="12"/>
    </row>
    <row r="248532" spans="8:8">
      <c r="H248532" s="12"/>
    </row>
    <row r="248533" spans="8:8">
      <c r="H248533" s="12"/>
    </row>
    <row r="248534" spans="8:8">
      <c r="H248534" s="12"/>
    </row>
    <row r="248535" spans="8:8">
      <c r="H248535" s="12"/>
    </row>
    <row r="248536" spans="8:8">
      <c r="H248536" s="12"/>
    </row>
    <row r="248537" spans="8:8">
      <c r="H248537" s="12"/>
    </row>
    <row r="248538" spans="8:8">
      <c r="H248538" s="12"/>
    </row>
    <row r="248539" spans="8:8">
      <c r="H248539" s="12"/>
    </row>
    <row r="248540" spans="8:8">
      <c r="H248540" s="12"/>
    </row>
    <row r="248541" spans="8:8">
      <c r="H248541" s="12"/>
    </row>
    <row r="248542" spans="8:8">
      <c r="H248542" s="12"/>
    </row>
    <row r="248543" spans="8:8">
      <c r="H248543" s="12"/>
    </row>
    <row r="248544" spans="8:8">
      <c r="H248544" s="12"/>
    </row>
    <row r="248545" spans="8:8">
      <c r="H248545" s="12"/>
    </row>
    <row r="248546" spans="8:8">
      <c r="H248546" s="12"/>
    </row>
    <row r="248547" spans="8:8">
      <c r="H248547" s="12"/>
    </row>
    <row r="248548" spans="8:8">
      <c r="H248548" s="12"/>
    </row>
    <row r="248549" spans="8:8">
      <c r="H248549" s="12"/>
    </row>
    <row r="248550" spans="8:8">
      <c r="H248550" s="12"/>
    </row>
    <row r="248551" spans="8:8">
      <c r="H248551" s="12"/>
    </row>
    <row r="248552" spans="8:8">
      <c r="H248552" s="12"/>
    </row>
    <row r="248553" spans="8:8">
      <c r="H248553" s="12"/>
    </row>
    <row r="248554" spans="8:8">
      <c r="H248554" s="12"/>
    </row>
    <row r="248555" spans="8:8">
      <c r="H248555" s="12"/>
    </row>
    <row r="248556" spans="8:8">
      <c r="H248556" s="12"/>
    </row>
    <row r="248557" spans="8:8">
      <c r="H248557" s="12"/>
    </row>
    <row r="248558" spans="8:8">
      <c r="H248558" s="12"/>
    </row>
    <row r="248559" spans="8:8">
      <c r="H248559" s="12"/>
    </row>
    <row r="248560" spans="8:8">
      <c r="H248560" s="12"/>
    </row>
    <row r="248561" spans="8:8">
      <c r="H248561" s="12"/>
    </row>
    <row r="248562" spans="8:8">
      <c r="H248562" s="12"/>
    </row>
    <row r="248563" spans="8:8">
      <c r="H248563" s="12"/>
    </row>
    <row r="248564" spans="8:8">
      <c r="H248564" s="12"/>
    </row>
    <row r="248565" spans="8:8">
      <c r="H248565" s="12"/>
    </row>
    <row r="248566" spans="8:8">
      <c r="H248566" s="12"/>
    </row>
    <row r="248567" spans="8:8">
      <c r="H248567" s="12"/>
    </row>
    <row r="248568" spans="8:8">
      <c r="H248568" s="12"/>
    </row>
    <row r="248569" spans="8:8">
      <c r="H248569" s="12"/>
    </row>
    <row r="248570" spans="8:8">
      <c r="H248570" s="12"/>
    </row>
    <row r="248571" spans="8:8">
      <c r="H248571" s="12"/>
    </row>
    <row r="248572" spans="8:8">
      <c r="H248572" s="12"/>
    </row>
    <row r="248573" spans="8:8">
      <c r="H248573" s="12"/>
    </row>
    <row r="248574" spans="8:8">
      <c r="H248574" s="12"/>
    </row>
    <row r="248575" spans="8:8">
      <c r="H248575" s="12"/>
    </row>
    <row r="248576" spans="8:8">
      <c r="H248576" s="12"/>
    </row>
    <row r="248577" spans="8:8">
      <c r="H248577" s="12"/>
    </row>
    <row r="248578" spans="8:8">
      <c r="H248578" s="12"/>
    </row>
    <row r="248579" spans="8:8">
      <c r="H248579" s="12"/>
    </row>
    <row r="248580" spans="8:8">
      <c r="H248580" s="12"/>
    </row>
    <row r="248581" spans="8:8">
      <c r="H248581" s="12"/>
    </row>
    <row r="248582" spans="8:8">
      <c r="H248582" s="12"/>
    </row>
    <row r="248583" spans="8:8">
      <c r="H248583" s="12"/>
    </row>
    <row r="248584" spans="8:8">
      <c r="H248584" s="12"/>
    </row>
    <row r="248585" spans="8:8">
      <c r="H248585" s="12"/>
    </row>
    <row r="248586" spans="8:8">
      <c r="H248586" s="12"/>
    </row>
    <row r="248587" spans="8:8">
      <c r="H248587" s="12"/>
    </row>
    <row r="248588" spans="8:8">
      <c r="H248588" s="12"/>
    </row>
    <row r="248589" spans="8:8">
      <c r="H248589" s="12"/>
    </row>
    <row r="248590" spans="8:8">
      <c r="H248590" s="12"/>
    </row>
    <row r="248591" spans="8:8">
      <c r="H248591" s="12"/>
    </row>
    <row r="248592" spans="8:8">
      <c r="H248592" s="12"/>
    </row>
    <row r="248593" spans="8:8">
      <c r="H248593" s="12"/>
    </row>
    <row r="248594" spans="8:8">
      <c r="H248594" s="12"/>
    </row>
    <row r="248595" spans="8:8">
      <c r="H248595" s="12"/>
    </row>
    <row r="248596" spans="8:8">
      <c r="H248596" s="12"/>
    </row>
    <row r="248597" spans="8:8">
      <c r="H248597" s="12"/>
    </row>
    <row r="248598" spans="8:8">
      <c r="H248598" s="12"/>
    </row>
    <row r="248599" spans="8:8">
      <c r="H248599" s="12"/>
    </row>
    <row r="248600" spans="8:8">
      <c r="H248600" s="12"/>
    </row>
    <row r="248601" spans="8:8">
      <c r="H248601" s="12"/>
    </row>
    <row r="248602" spans="8:8">
      <c r="H248602" s="12"/>
    </row>
    <row r="248603" spans="8:8">
      <c r="H248603" s="12"/>
    </row>
    <row r="248604" spans="8:8">
      <c r="H248604" s="12"/>
    </row>
    <row r="248605" spans="8:8">
      <c r="H248605" s="12"/>
    </row>
    <row r="248606" spans="8:8">
      <c r="H248606" s="12"/>
    </row>
    <row r="248607" spans="8:8">
      <c r="H248607" s="12"/>
    </row>
    <row r="248608" spans="8:8">
      <c r="H248608" s="12"/>
    </row>
    <row r="248609" spans="8:8">
      <c r="H248609" s="12"/>
    </row>
    <row r="248610" spans="8:8">
      <c r="H248610" s="12"/>
    </row>
    <row r="248611" spans="8:8">
      <c r="H248611" s="12"/>
    </row>
    <row r="248612" spans="8:8">
      <c r="H248612" s="12"/>
    </row>
    <row r="248613" spans="8:8">
      <c r="H248613" s="12"/>
    </row>
    <row r="248614" spans="8:8">
      <c r="H248614" s="12"/>
    </row>
    <row r="248615" spans="8:8">
      <c r="H248615" s="12"/>
    </row>
    <row r="248616" spans="8:8">
      <c r="H248616" s="12"/>
    </row>
    <row r="248617" spans="8:8">
      <c r="H248617" s="12"/>
    </row>
    <row r="248618" spans="8:8">
      <c r="H248618" s="12"/>
    </row>
    <row r="248619" spans="8:8">
      <c r="H248619" s="12"/>
    </row>
    <row r="248620" spans="8:8">
      <c r="H248620" s="12"/>
    </row>
    <row r="248621" spans="8:8">
      <c r="H248621" s="12"/>
    </row>
    <row r="248622" spans="8:8">
      <c r="H248622" s="12"/>
    </row>
    <row r="248623" spans="8:8">
      <c r="H248623" s="12"/>
    </row>
    <row r="248624" spans="8:8">
      <c r="H248624" s="12"/>
    </row>
    <row r="248625" spans="8:8">
      <c r="H248625" s="12"/>
    </row>
    <row r="248626" spans="8:8">
      <c r="H248626" s="12"/>
    </row>
    <row r="248627" spans="8:8">
      <c r="H248627" s="12"/>
    </row>
    <row r="248628" spans="8:8">
      <c r="H248628" s="12"/>
    </row>
    <row r="248629" spans="8:8">
      <c r="H248629" s="12"/>
    </row>
    <row r="248630" spans="8:8">
      <c r="H248630" s="12"/>
    </row>
    <row r="248631" spans="8:8">
      <c r="H248631" s="12"/>
    </row>
    <row r="248632" spans="8:8">
      <c r="H248632" s="12"/>
    </row>
    <row r="248633" spans="8:8">
      <c r="H248633" s="12"/>
    </row>
    <row r="248634" spans="8:8">
      <c r="H248634" s="12"/>
    </row>
    <row r="248635" spans="8:8">
      <c r="H248635" s="12"/>
    </row>
    <row r="248636" spans="8:8">
      <c r="H248636" s="12"/>
    </row>
    <row r="248637" spans="8:8">
      <c r="H248637" s="12"/>
    </row>
    <row r="248638" spans="8:8">
      <c r="H248638" s="12"/>
    </row>
    <row r="248639" spans="8:8">
      <c r="H248639" s="12"/>
    </row>
    <row r="248640" spans="8:8">
      <c r="H248640" s="12"/>
    </row>
    <row r="248641" spans="8:8">
      <c r="H248641" s="12"/>
    </row>
    <row r="248642" spans="8:8">
      <c r="H248642" s="12"/>
    </row>
    <row r="248643" spans="8:8">
      <c r="H248643" s="12"/>
    </row>
    <row r="248644" spans="8:8">
      <c r="H248644" s="12"/>
    </row>
    <row r="248645" spans="8:8">
      <c r="H248645" s="12"/>
    </row>
    <row r="248646" spans="8:8">
      <c r="H248646" s="12"/>
    </row>
    <row r="248647" spans="8:8">
      <c r="H248647" s="12"/>
    </row>
    <row r="248648" spans="8:8">
      <c r="H248648" s="12"/>
    </row>
    <row r="248649" spans="8:8">
      <c r="H248649" s="12"/>
    </row>
    <row r="248650" spans="8:8">
      <c r="H248650" s="12"/>
    </row>
    <row r="248651" spans="8:8">
      <c r="H248651" s="12"/>
    </row>
    <row r="248652" spans="8:8">
      <c r="H248652" s="12"/>
    </row>
    <row r="248653" spans="8:8">
      <c r="H248653" s="12"/>
    </row>
    <row r="248654" spans="8:8">
      <c r="H248654" s="12"/>
    </row>
    <row r="248655" spans="8:8">
      <c r="H248655" s="12"/>
    </row>
    <row r="248656" spans="8:8">
      <c r="H248656" s="12"/>
    </row>
    <row r="248657" spans="8:8">
      <c r="H248657" s="12"/>
    </row>
    <row r="248658" spans="8:8">
      <c r="H248658" s="12"/>
    </row>
    <row r="248659" spans="8:8">
      <c r="H248659" s="12"/>
    </row>
    <row r="248660" spans="8:8">
      <c r="H248660" s="12"/>
    </row>
    <row r="248661" spans="8:8">
      <c r="H248661" s="12"/>
    </row>
    <row r="248662" spans="8:8">
      <c r="H248662" s="12"/>
    </row>
    <row r="248663" spans="8:8">
      <c r="H248663" s="12"/>
    </row>
    <row r="248664" spans="8:8">
      <c r="H248664" s="12"/>
    </row>
    <row r="248665" spans="8:8">
      <c r="H248665" s="12"/>
    </row>
    <row r="248666" spans="8:8">
      <c r="H248666" s="12"/>
    </row>
    <row r="248667" spans="8:8">
      <c r="H248667" s="12"/>
    </row>
    <row r="248668" spans="8:8">
      <c r="H248668" s="12"/>
    </row>
    <row r="248669" spans="8:8">
      <c r="H248669" s="12"/>
    </row>
    <row r="248670" spans="8:8">
      <c r="H248670" s="12"/>
    </row>
    <row r="248671" spans="8:8">
      <c r="H248671" s="12"/>
    </row>
    <row r="248672" spans="8:8">
      <c r="H248672" s="12"/>
    </row>
    <row r="248673" spans="8:8">
      <c r="H248673" s="12"/>
    </row>
    <row r="248674" spans="8:8">
      <c r="H248674" s="12"/>
    </row>
    <row r="248675" spans="8:8">
      <c r="H248675" s="12"/>
    </row>
    <row r="248676" spans="8:8">
      <c r="H248676" s="12"/>
    </row>
    <row r="248677" spans="8:8">
      <c r="H248677" s="12"/>
    </row>
    <row r="248678" spans="8:8">
      <c r="H248678" s="12"/>
    </row>
    <row r="248679" spans="8:8">
      <c r="H248679" s="12"/>
    </row>
    <row r="248680" spans="8:8">
      <c r="H248680" s="12"/>
    </row>
    <row r="248681" spans="8:8">
      <c r="H248681" s="12"/>
    </row>
    <row r="248682" spans="8:8">
      <c r="H248682" s="12"/>
    </row>
    <row r="248683" spans="8:8">
      <c r="H248683" s="12"/>
    </row>
    <row r="248684" spans="8:8">
      <c r="H248684" s="12"/>
    </row>
    <row r="248685" spans="8:8">
      <c r="H248685" s="12"/>
    </row>
    <row r="248686" spans="8:8">
      <c r="H248686" s="12"/>
    </row>
    <row r="248687" spans="8:8">
      <c r="H248687" s="12"/>
    </row>
    <row r="248688" spans="8:8">
      <c r="H248688" s="12"/>
    </row>
    <row r="248689" spans="8:8">
      <c r="H248689" s="12"/>
    </row>
    <row r="248690" spans="8:8">
      <c r="H248690" s="12"/>
    </row>
    <row r="248691" spans="8:8">
      <c r="H248691" s="12"/>
    </row>
    <row r="248692" spans="8:8">
      <c r="H248692" s="12"/>
    </row>
    <row r="248693" spans="8:8">
      <c r="H248693" s="12"/>
    </row>
    <row r="248694" spans="8:8">
      <c r="H248694" s="12"/>
    </row>
    <row r="248695" spans="8:8">
      <c r="H248695" s="12"/>
    </row>
    <row r="248696" spans="8:8">
      <c r="H248696" s="12"/>
    </row>
    <row r="248697" spans="8:8">
      <c r="H248697" s="12"/>
    </row>
    <row r="248698" spans="8:8">
      <c r="H248698" s="12"/>
    </row>
    <row r="248699" spans="8:8">
      <c r="H248699" s="12"/>
    </row>
    <row r="248700" spans="8:8">
      <c r="H248700" s="12"/>
    </row>
    <row r="248701" spans="8:8">
      <c r="H248701" s="12"/>
    </row>
    <row r="248702" spans="8:8">
      <c r="H248702" s="12"/>
    </row>
    <row r="248703" spans="8:8">
      <c r="H248703" s="12"/>
    </row>
    <row r="248704" spans="8:8">
      <c r="H248704" s="12"/>
    </row>
    <row r="248705" spans="8:8">
      <c r="H248705" s="12"/>
    </row>
    <row r="248706" spans="8:8">
      <c r="H248706" s="12"/>
    </row>
    <row r="248707" spans="8:8">
      <c r="H248707" s="12"/>
    </row>
    <row r="248708" spans="8:8">
      <c r="H248708" s="12"/>
    </row>
    <row r="248709" spans="8:8">
      <c r="H248709" s="12"/>
    </row>
    <row r="248710" spans="8:8">
      <c r="H248710" s="12"/>
    </row>
    <row r="248711" spans="8:8">
      <c r="H248711" s="12"/>
    </row>
    <row r="248712" spans="8:8">
      <c r="H248712" s="12"/>
    </row>
    <row r="248713" spans="8:8">
      <c r="H248713" s="12"/>
    </row>
    <row r="248714" spans="8:8">
      <c r="H248714" s="12"/>
    </row>
    <row r="248715" spans="8:8">
      <c r="H248715" s="12"/>
    </row>
    <row r="248716" spans="8:8">
      <c r="H248716" s="12"/>
    </row>
    <row r="248717" spans="8:8">
      <c r="H248717" s="12"/>
    </row>
    <row r="248718" spans="8:8">
      <c r="H248718" s="12"/>
    </row>
    <row r="248719" spans="8:8">
      <c r="H248719" s="12"/>
    </row>
    <row r="248720" spans="8:8">
      <c r="H248720" s="12"/>
    </row>
    <row r="248721" spans="8:8">
      <c r="H248721" s="12"/>
    </row>
    <row r="248722" spans="8:8">
      <c r="H248722" s="12"/>
    </row>
    <row r="248723" spans="8:8">
      <c r="H248723" s="12"/>
    </row>
    <row r="248724" spans="8:8">
      <c r="H248724" s="12"/>
    </row>
    <row r="248725" spans="8:8">
      <c r="H248725" s="12"/>
    </row>
    <row r="248726" spans="8:8">
      <c r="H248726" s="12"/>
    </row>
    <row r="248727" spans="8:8">
      <c r="H248727" s="12"/>
    </row>
    <row r="248728" spans="8:8">
      <c r="H248728" s="12"/>
    </row>
    <row r="248729" spans="8:8">
      <c r="H248729" s="12"/>
    </row>
    <row r="248730" spans="8:8">
      <c r="H248730" s="12"/>
    </row>
    <row r="248731" spans="8:8">
      <c r="H248731" s="12"/>
    </row>
    <row r="248732" spans="8:8">
      <c r="H248732" s="12"/>
    </row>
    <row r="248733" spans="8:8">
      <c r="H248733" s="12"/>
    </row>
    <row r="248734" spans="8:8">
      <c r="H248734" s="12"/>
    </row>
    <row r="248735" spans="8:8">
      <c r="H248735" s="12"/>
    </row>
    <row r="248736" spans="8:8">
      <c r="H248736" s="12"/>
    </row>
    <row r="248737" spans="8:8">
      <c r="H248737" s="12"/>
    </row>
    <row r="248738" spans="8:8">
      <c r="H248738" s="12"/>
    </row>
    <row r="248739" spans="8:8">
      <c r="H248739" s="12"/>
    </row>
    <row r="248740" spans="8:8">
      <c r="H248740" s="12"/>
    </row>
    <row r="248741" spans="8:8">
      <c r="H248741" s="12"/>
    </row>
    <row r="248742" spans="8:8">
      <c r="H248742" s="12"/>
    </row>
    <row r="248743" spans="8:8">
      <c r="H248743" s="12"/>
    </row>
    <row r="248744" spans="8:8">
      <c r="H248744" s="12"/>
    </row>
    <row r="248745" spans="8:8">
      <c r="H248745" s="12"/>
    </row>
    <row r="248746" spans="8:8">
      <c r="H248746" s="12"/>
    </row>
    <row r="248747" spans="8:8">
      <c r="H248747" s="12"/>
    </row>
    <row r="248748" spans="8:8">
      <c r="H248748" s="12"/>
    </row>
    <row r="248749" spans="8:8">
      <c r="H248749" s="12"/>
    </row>
    <row r="248750" spans="8:8">
      <c r="H248750" s="12"/>
    </row>
    <row r="248751" spans="8:8">
      <c r="H248751" s="12"/>
    </row>
    <row r="248752" spans="8:8">
      <c r="H248752" s="12"/>
    </row>
    <row r="248753" spans="8:8">
      <c r="H248753" s="12"/>
    </row>
    <row r="248754" spans="8:8">
      <c r="H248754" s="12"/>
    </row>
    <row r="248755" spans="8:8">
      <c r="H248755" s="12"/>
    </row>
    <row r="248756" spans="8:8">
      <c r="H248756" s="12"/>
    </row>
    <row r="248757" spans="8:8">
      <c r="H248757" s="12"/>
    </row>
    <row r="248758" spans="8:8">
      <c r="H248758" s="12"/>
    </row>
    <row r="248759" spans="8:8">
      <c r="H248759" s="12"/>
    </row>
    <row r="248760" spans="8:8">
      <c r="H248760" s="12"/>
    </row>
    <row r="248761" spans="8:8">
      <c r="H248761" s="12"/>
    </row>
    <row r="248762" spans="8:8">
      <c r="H248762" s="12"/>
    </row>
    <row r="248763" spans="8:8">
      <c r="H248763" s="12"/>
    </row>
    <row r="248764" spans="8:8">
      <c r="H248764" s="12"/>
    </row>
    <row r="248765" spans="8:8">
      <c r="H248765" s="12"/>
    </row>
    <row r="248766" spans="8:8">
      <c r="H248766" s="12"/>
    </row>
    <row r="248767" spans="8:8">
      <c r="H248767" s="12"/>
    </row>
    <row r="248768" spans="8:8">
      <c r="H248768" s="12"/>
    </row>
    <row r="248769" spans="8:8">
      <c r="H248769" s="12"/>
    </row>
    <row r="248770" spans="8:8">
      <c r="H248770" s="12"/>
    </row>
    <row r="248771" spans="8:8">
      <c r="H248771" s="12"/>
    </row>
    <row r="248772" spans="8:8">
      <c r="H248772" s="12"/>
    </row>
    <row r="248773" spans="8:8">
      <c r="H248773" s="12"/>
    </row>
    <row r="248774" spans="8:8">
      <c r="H248774" s="12"/>
    </row>
    <row r="248775" spans="8:8">
      <c r="H248775" s="12"/>
    </row>
    <row r="248776" spans="8:8">
      <c r="H248776" s="12"/>
    </row>
    <row r="248777" spans="8:8">
      <c r="H248777" s="12"/>
    </row>
    <row r="248778" spans="8:8">
      <c r="H248778" s="12"/>
    </row>
    <row r="248779" spans="8:8">
      <c r="H248779" s="12"/>
    </row>
    <row r="248780" spans="8:8">
      <c r="H248780" s="12"/>
    </row>
    <row r="248781" spans="8:8">
      <c r="H248781" s="12"/>
    </row>
    <row r="248782" spans="8:8">
      <c r="H248782" s="12"/>
    </row>
    <row r="248783" spans="8:8">
      <c r="H248783" s="12"/>
    </row>
    <row r="248784" spans="8:8">
      <c r="H248784" s="12"/>
    </row>
    <row r="248785" spans="8:8">
      <c r="H248785" s="12"/>
    </row>
    <row r="248786" spans="8:8">
      <c r="H248786" s="12"/>
    </row>
    <row r="248787" spans="8:8">
      <c r="H248787" s="12"/>
    </row>
    <row r="248788" spans="8:8">
      <c r="H248788" s="12"/>
    </row>
    <row r="248789" spans="8:8">
      <c r="H248789" s="12"/>
    </row>
    <row r="248790" spans="8:8">
      <c r="H248790" s="12"/>
    </row>
    <row r="248791" spans="8:8">
      <c r="H248791" s="12"/>
    </row>
    <row r="248792" spans="8:8">
      <c r="H248792" s="12"/>
    </row>
    <row r="248793" spans="8:8">
      <c r="H248793" s="12"/>
    </row>
    <row r="248794" spans="8:8">
      <c r="H248794" s="12"/>
    </row>
    <row r="248795" spans="8:8">
      <c r="H248795" s="12"/>
    </row>
    <row r="248796" spans="8:8">
      <c r="H248796" s="12"/>
    </row>
    <row r="248797" spans="8:8">
      <c r="H248797" s="12"/>
    </row>
    <row r="248798" spans="8:8">
      <c r="H248798" s="12"/>
    </row>
    <row r="248799" spans="8:8">
      <c r="H248799" s="12"/>
    </row>
    <row r="248800" spans="8:8">
      <c r="H248800" s="12"/>
    </row>
    <row r="248801" spans="8:8">
      <c r="H248801" s="12"/>
    </row>
    <row r="248802" spans="8:8">
      <c r="H248802" s="12"/>
    </row>
    <row r="248803" spans="8:8">
      <c r="H248803" s="12"/>
    </row>
    <row r="248804" spans="8:8">
      <c r="H248804" s="12"/>
    </row>
    <row r="248805" spans="8:8">
      <c r="H248805" s="12"/>
    </row>
    <row r="248806" spans="8:8">
      <c r="H248806" s="12"/>
    </row>
    <row r="248807" spans="8:8">
      <c r="H248807" s="12"/>
    </row>
    <row r="248808" spans="8:8">
      <c r="H248808" s="12"/>
    </row>
    <row r="248809" spans="8:8">
      <c r="H248809" s="12"/>
    </row>
    <row r="248810" spans="8:8">
      <c r="H248810" s="12"/>
    </row>
    <row r="248811" spans="8:8">
      <c r="H248811" s="12"/>
    </row>
    <row r="248812" spans="8:8">
      <c r="H248812" s="12"/>
    </row>
    <row r="248813" spans="8:8">
      <c r="H248813" s="12"/>
    </row>
    <row r="248814" spans="8:8">
      <c r="H248814" s="12"/>
    </row>
    <row r="248815" spans="8:8">
      <c r="H248815" s="12"/>
    </row>
    <row r="248816" spans="8:8">
      <c r="H248816" s="12"/>
    </row>
    <row r="248817" spans="8:8">
      <c r="H248817" s="12"/>
    </row>
    <row r="248818" spans="8:8">
      <c r="H248818" s="12"/>
    </row>
    <row r="248819" spans="8:8">
      <c r="H248819" s="12"/>
    </row>
    <row r="248820" spans="8:8">
      <c r="H248820" s="12"/>
    </row>
    <row r="248821" spans="8:8">
      <c r="H248821" s="12"/>
    </row>
    <row r="248822" spans="8:8">
      <c r="H248822" s="12"/>
    </row>
    <row r="248823" spans="8:8">
      <c r="H248823" s="12"/>
    </row>
    <row r="248824" spans="8:8">
      <c r="H248824" s="12"/>
    </row>
    <row r="248825" spans="8:8">
      <c r="H248825" s="12"/>
    </row>
    <row r="248826" spans="8:8">
      <c r="H248826" s="12"/>
    </row>
    <row r="248827" spans="8:8">
      <c r="H248827" s="12"/>
    </row>
    <row r="248828" spans="8:8">
      <c r="H248828" s="12"/>
    </row>
    <row r="248829" spans="8:8">
      <c r="H248829" s="12"/>
    </row>
    <row r="248830" spans="8:8">
      <c r="H248830" s="12"/>
    </row>
    <row r="248831" spans="8:8">
      <c r="H248831" s="12"/>
    </row>
    <row r="248832" spans="8:8">
      <c r="H248832" s="12"/>
    </row>
    <row r="248833" spans="8:8">
      <c r="H248833" s="12"/>
    </row>
    <row r="248834" spans="8:8">
      <c r="H248834" s="12"/>
    </row>
    <row r="248835" spans="8:8">
      <c r="H248835" s="12"/>
    </row>
    <row r="248836" spans="8:8">
      <c r="H248836" s="12"/>
    </row>
    <row r="248837" spans="8:8">
      <c r="H248837" s="12"/>
    </row>
    <row r="248838" spans="8:8">
      <c r="H248838" s="12"/>
    </row>
    <row r="248839" spans="8:8">
      <c r="H248839" s="12"/>
    </row>
    <row r="248840" spans="8:8">
      <c r="H248840" s="12"/>
    </row>
    <row r="248841" spans="8:8">
      <c r="H248841" s="12"/>
    </row>
    <row r="248842" spans="8:8">
      <c r="H248842" s="12"/>
    </row>
    <row r="248843" spans="8:8">
      <c r="H248843" s="12"/>
    </row>
    <row r="248844" spans="8:8">
      <c r="H248844" s="12"/>
    </row>
    <row r="248845" spans="8:8">
      <c r="H248845" s="12"/>
    </row>
    <row r="248846" spans="8:8">
      <c r="H248846" s="12"/>
    </row>
    <row r="248847" spans="8:8">
      <c r="H248847" s="12"/>
    </row>
    <row r="248848" spans="8:8">
      <c r="H248848" s="12"/>
    </row>
    <row r="248849" spans="8:8">
      <c r="H248849" s="12"/>
    </row>
    <row r="248850" spans="8:8">
      <c r="H248850" s="12"/>
    </row>
    <row r="248851" spans="8:8">
      <c r="H248851" s="12"/>
    </row>
    <row r="248852" spans="8:8">
      <c r="H248852" s="12"/>
    </row>
    <row r="248853" spans="8:8">
      <c r="H248853" s="12"/>
    </row>
    <row r="248854" spans="8:8">
      <c r="H248854" s="12"/>
    </row>
    <row r="248855" spans="8:8">
      <c r="H248855" s="12"/>
    </row>
    <row r="248856" spans="8:8">
      <c r="H248856" s="12"/>
    </row>
    <row r="248857" spans="8:8">
      <c r="H248857" s="12"/>
    </row>
    <row r="248858" spans="8:8">
      <c r="H248858" s="12"/>
    </row>
    <row r="248859" spans="8:8">
      <c r="H248859" s="12"/>
    </row>
    <row r="248860" spans="8:8">
      <c r="H248860" s="12"/>
    </row>
    <row r="248861" spans="8:8">
      <c r="H248861" s="12"/>
    </row>
    <row r="248862" spans="8:8">
      <c r="H248862" s="12"/>
    </row>
    <row r="248863" spans="8:8">
      <c r="H248863" s="12"/>
    </row>
    <row r="248864" spans="8:8">
      <c r="H248864" s="12"/>
    </row>
    <row r="248865" spans="8:8">
      <c r="H248865" s="12"/>
    </row>
    <row r="248866" spans="8:8">
      <c r="H248866" s="12"/>
    </row>
    <row r="248867" spans="8:8">
      <c r="H248867" s="12"/>
    </row>
    <row r="248868" spans="8:8">
      <c r="H248868" s="12"/>
    </row>
    <row r="248869" spans="8:8">
      <c r="H248869" s="12"/>
    </row>
    <row r="248870" spans="8:8">
      <c r="H248870" s="12"/>
    </row>
    <row r="248871" spans="8:8">
      <c r="H248871" s="12"/>
    </row>
    <row r="248872" spans="8:8">
      <c r="H248872" s="12"/>
    </row>
    <row r="248873" spans="8:8">
      <c r="H248873" s="12"/>
    </row>
    <row r="248874" spans="8:8">
      <c r="H248874" s="12"/>
    </row>
    <row r="248875" spans="8:8">
      <c r="H248875" s="12"/>
    </row>
    <row r="248876" spans="8:8">
      <c r="H248876" s="12"/>
    </row>
    <row r="248877" spans="8:8">
      <c r="H248877" s="12"/>
    </row>
    <row r="248878" spans="8:8">
      <c r="H248878" s="12"/>
    </row>
    <row r="248879" spans="8:8">
      <c r="H248879" s="12"/>
    </row>
    <row r="248880" spans="8:8">
      <c r="H248880" s="12"/>
    </row>
    <row r="248881" spans="8:8">
      <c r="H248881" s="12"/>
    </row>
    <row r="248882" spans="8:8">
      <c r="H248882" s="12"/>
    </row>
    <row r="248883" spans="8:8">
      <c r="H248883" s="12"/>
    </row>
    <row r="248884" spans="8:8">
      <c r="H248884" s="12"/>
    </row>
    <row r="248885" spans="8:8">
      <c r="H248885" s="12"/>
    </row>
    <row r="248886" spans="8:8">
      <c r="H248886" s="12"/>
    </row>
    <row r="248887" spans="8:8">
      <c r="H248887" s="12"/>
    </row>
    <row r="248888" spans="8:8">
      <c r="H248888" s="12"/>
    </row>
    <row r="248889" spans="8:8">
      <c r="H248889" s="12"/>
    </row>
    <row r="248890" spans="8:8">
      <c r="H248890" s="12"/>
    </row>
    <row r="248891" spans="8:8">
      <c r="H248891" s="12"/>
    </row>
    <row r="248892" spans="8:8">
      <c r="H248892" s="12"/>
    </row>
    <row r="248893" spans="8:8">
      <c r="H248893" s="12"/>
    </row>
    <row r="248894" spans="8:8">
      <c r="H248894" s="12"/>
    </row>
    <row r="248895" spans="8:8">
      <c r="H248895" s="12"/>
    </row>
    <row r="248896" spans="8:8">
      <c r="H248896" s="12"/>
    </row>
    <row r="248897" spans="8:8">
      <c r="H248897" s="12"/>
    </row>
    <row r="248898" spans="8:8">
      <c r="H248898" s="12"/>
    </row>
    <row r="248899" spans="8:8">
      <c r="H248899" s="12"/>
    </row>
    <row r="248900" spans="8:8">
      <c r="H248900" s="12"/>
    </row>
    <row r="248901" spans="8:8">
      <c r="H248901" s="12"/>
    </row>
    <row r="248902" spans="8:8">
      <c r="H248902" s="12"/>
    </row>
    <row r="248903" spans="8:8">
      <c r="H248903" s="12"/>
    </row>
    <row r="248904" spans="8:8">
      <c r="H248904" s="12"/>
    </row>
    <row r="248905" spans="8:8">
      <c r="H248905" s="12"/>
    </row>
    <row r="248906" spans="8:8">
      <c r="H248906" s="12"/>
    </row>
    <row r="248907" spans="8:8">
      <c r="H248907" s="12"/>
    </row>
    <row r="248908" spans="8:8">
      <c r="H248908" s="12"/>
    </row>
    <row r="248909" spans="8:8">
      <c r="H248909" s="12"/>
    </row>
    <row r="248910" spans="8:8">
      <c r="H248910" s="12"/>
    </row>
    <row r="248911" spans="8:8">
      <c r="H248911" s="12"/>
    </row>
    <row r="248912" spans="8:8">
      <c r="H248912" s="12"/>
    </row>
    <row r="248913" spans="8:8">
      <c r="H248913" s="12"/>
    </row>
    <row r="248914" spans="8:8">
      <c r="H248914" s="12"/>
    </row>
    <row r="248915" spans="8:8">
      <c r="H248915" s="12"/>
    </row>
    <row r="248916" spans="8:8">
      <c r="H248916" s="12"/>
    </row>
    <row r="248917" spans="8:8">
      <c r="H248917" s="12"/>
    </row>
    <row r="248918" spans="8:8">
      <c r="H248918" s="12"/>
    </row>
    <row r="248919" spans="8:8">
      <c r="H248919" s="12"/>
    </row>
    <row r="248920" spans="8:8">
      <c r="H248920" s="12"/>
    </row>
    <row r="248921" spans="8:8">
      <c r="H248921" s="12"/>
    </row>
    <row r="248922" spans="8:8">
      <c r="H248922" s="12"/>
    </row>
    <row r="248923" spans="8:8">
      <c r="H248923" s="12"/>
    </row>
    <row r="248924" spans="8:8">
      <c r="H248924" s="12"/>
    </row>
    <row r="248925" spans="8:8">
      <c r="H248925" s="12"/>
    </row>
    <row r="248926" spans="8:8">
      <c r="H248926" s="12"/>
    </row>
    <row r="248927" spans="8:8">
      <c r="H248927" s="12"/>
    </row>
    <row r="248928" spans="8:8">
      <c r="H248928" s="12"/>
    </row>
    <row r="248929" spans="8:8">
      <c r="H248929" s="12"/>
    </row>
    <row r="248930" spans="8:8">
      <c r="H248930" s="12"/>
    </row>
    <row r="248931" spans="8:8">
      <c r="H248931" s="12"/>
    </row>
    <row r="248932" spans="8:8">
      <c r="H248932" s="12"/>
    </row>
    <row r="248933" spans="8:8">
      <c r="H248933" s="12"/>
    </row>
    <row r="248934" spans="8:8">
      <c r="H248934" s="12"/>
    </row>
    <row r="248935" spans="8:8">
      <c r="H248935" s="12"/>
    </row>
    <row r="248936" spans="8:8">
      <c r="H248936" s="12"/>
    </row>
    <row r="248937" spans="8:8">
      <c r="H248937" s="12"/>
    </row>
    <row r="248938" spans="8:8">
      <c r="H248938" s="12"/>
    </row>
    <row r="248939" spans="8:8">
      <c r="H248939" s="12"/>
    </row>
    <row r="248940" spans="8:8">
      <c r="H248940" s="12"/>
    </row>
    <row r="248941" spans="8:8">
      <c r="H248941" s="12"/>
    </row>
    <row r="248942" spans="8:8">
      <c r="H248942" s="12"/>
    </row>
    <row r="248943" spans="8:8">
      <c r="H248943" s="12"/>
    </row>
    <row r="248944" spans="8:8">
      <c r="H248944" s="12"/>
    </row>
    <row r="248945" spans="8:8">
      <c r="H248945" s="12"/>
    </row>
    <row r="248946" spans="8:8">
      <c r="H248946" s="12"/>
    </row>
    <row r="248947" spans="8:8">
      <c r="H248947" s="12"/>
    </row>
    <row r="248948" spans="8:8">
      <c r="H248948" s="12"/>
    </row>
    <row r="248949" spans="8:8">
      <c r="H248949" s="12"/>
    </row>
    <row r="248950" spans="8:8">
      <c r="H248950" s="12"/>
    </row>
    <row r="248951" spans="8:8">
      <c r="H248951" s="12"/>
    </row>
    <row r="248952" spans="8:8">
      <c r="H248952" s="12"/>
    </row>
    <row r="248953" spans="8:8">
      <c r="H248953" s="12"/>
    </row>
    <row r="248954" spans="8:8">
      <c r="H248954" s="12"/>
    </row>
    <row r="248955" spans="8:8">
      <c r="H248955" s="12"/>
    </row>
    <row r="248956" spans="8:8">
      <c r="H248956" s="12"/>
    </row>
    <row r="248957" spans="8:8">
      <c r="H248957" s="12"/>
    </row>
    <row r="248958" spans="8:8">
      <c r="H248958" s="12"/>
    </row>
    <row r="248959" spans="8:8">
      <c r="H248959" s="12"/>
    </row>
    <row r="248960" spans="8:8">
      <c r="H248960" s="12"/>
    </row>
    <row r="248961" spans="8:8">
      <c r="H248961" s="12"/>
    </row>
    <row r="248962" spans="8:8">
      <c r="H248962" s="12"/>
    </row>
    <row r="248963" spans="8:8">
      <c r="H248963" s="12"/>
    </row>
    <row r="248964" spans="8:8">
      <c r="H248964" s="12"/>
    </row>
    <row r="248965" spans="8:8">
      <c r="H248965" s="12"/>
    </row>
    <row r="248966" spans="8:8">
      <c r="H248966" s="12"/>
    </row>
    <row r="248967" spans="8:8">
      <c r="H248967" s="12"/>
    </row>
    <row r="248968" spans="8:8">
      <c r="H248968" s="12"/>
    </row>
    <row r="248969" spans="8:8">
      <c r="H248969" s="12"/>
    </row>
    <row r="248970" spans="8:8">
      <c r="H248970" s="12"/>
    </row>
    <row r="248971" spans="8:8">
      <c r="H248971" s="12"/>
    </row>
    <row r="248972" spans="8:8">
      <c r="H248972" s="12"/>
    </row>
    <row r="248973" spans="8:8">
      <c r="H248973" s="12"/>
    </row>
    <row r="248974" spans="8:8">
      <c r="H248974" s="12"/>
    </row>
    <row r="248975" spans="8:8">
      <c r="H248975" s="12"/>
    </row>
    <row r="248976" spans="8:8">
      <c r="H248976" s="12"/>
    </row>
    <row r="248977" spans="8:8">
      <c r="H248977" s="12"/>
    </row>
    <row r="248978" spans="8:8">
      <c r="H248978" s="12"/>
    </row>
    <row r="248979" spans="8:8">
      <c r="H248979" s="12"/>
    </row>
    <row r="248980" spans="8:8">
      <c r="H248980" s="12"/>
    </row>
    <row r="248981" spans="8:8">
      <c r="H248981" s="12"/>
    </row>
    <row r="248982" spans="8:8">
      <c r="H248982" s="12"/>
    </row>
    <row r="248983" spans="8:8">
      <c r="H248983" s="12"/>
    </row>
    <row r="248984" spans="8:8">
      <c r="H248984" s="12"/>
    </row>
    <row r="248985" spans="8:8">
      <c r="H248985" s="12"/>
    </row>
    <row r="248986" spans="8:8">
      <c r="H248986" s="12"/>
    </row>
    <row r="248987" spans="8:8">
      <c r="H248987" s="12"/>
    </row>
    <row r="248988" spans="8:8">
      <c r="H248988" s="12"/>
    </row>
    <row r="248989" spans="8:8">
      <c r="H248989" s="12"/>
    </row>
    <row r="248990" spans="8:8">
      <c r="H248990" s="12"/>
    </row>
    <row r="248991" spans="8:8">
      <c r="H248991" s="12"/>
    </row>
    <row r="248992" spans="8:8">
      <c r="H248992" s="12"/>
    </row>
    <row r="248993" spans="8:8">
      <c r="H248993" s="12"/>
    </row>
    <row r="248994" spans="8:8">
      <c r="H248994" s="12"/>
    </row>
    <row r="248995" spans="8:8">
      <c r="H248995" s="12"/>
    </row>
    <row r="248996" spans="8:8">
      <c r="H248996" s="12"/>
    </row>
    <row r="248997" spans="8:8">
      <c r="H248997" s="12"/>
    </row>
    <row r="248998" spans="8:8">
      <c r="H248998" s="12"/>
    </row>
    <row r="248999" spans="8:8">
      <c r="H248999" s="12"/>
    </row>
    <row r="249000" spans="8:8">
      <c r="H249000" s="12"/>
    </row>
    <row r="249001" spans="8:8">
      <c r="H249001" s="12"/>
    </row>
    <row r="249002" spans="8:8">
      <c r="H249002" s="12"/>
    </row>
    <row r="249003" spans="8:8">
      <c r="H249003" s="12"/>
    </row>
    <row r="249004" spans="8:8">
      <c r="H249004" s="12"/>
    </row>
    <row r="249005" spans="8:8">
      <c r="H249005" s="12"/>
    </row>
    <row r="249006" spans="8:8">
      <c r="H249006" s="12"/>
    </row>
    <row r="249007" spans="8:8">
      <c r="H249007" s="12"/>
    </row>
    <row r="249008" spans="8:8">
      <c r="H249008" s="12"/>
    </row>
    <row r="249009" spans="8:8">
      <c r="H249009" s="12"/>
    </row>
    <row r="249010" spans="8:8">
      <c r="H249010" s="12"/>
    </row>
    <row r="249011" spans="8:8">
      <c r="H249011" s="12"/>
    </row>
    <row r="249012" spans="8:8">
      <c r="H249012" s="12"/>
    </row>
    <row r="249013" spans="8:8">
      <c r="H249013" s="12"/>
    </row>
    <row r="249014" spans="8:8">
      <c r="H249014" s="12"/>
    </row>
    <row r="249015" spans="8:8">
      <c r="H249015" s="12"/>
    </row>
    <row r="249016" spans="8:8">
      <c r="H249016" s="12"/>
    </row>
    <row r="249017" spans="8:8">
      <c r="H249017" s="12"/>
    </row>
    <row r="249018" spans="8:8">
      <c r="H249018" s="12"/>
    </row>
    <row r="249019" spans="8:8">
      <c r="H249019" s="12"/>
    </row>
    <row r="249020" spans="8:8">
      <c r="H249020" s="12"/>
    </row>
    <row r="249021" spans="8:8">
      <c r="H249021" s="12"/>
    </row>
    <row r="249022" spans="8:8">
      <c r="H249022" s="12"/>
    </row>
    <row r="249023" spans="8:8">
      <c r="H249023" s="12"/>
    </row>
    <row r="249024" spans="8:8">
      <c r="H249024" s="12"/>
    </row>
    <row r="249025" spans="8:8">
      <c r="H249025" s="12"/>
    </row>
    <row r="249026" spans="8:8">
      <c r="H249026" s="12"/>
    </row>
    <row r="249027" spans="8:8">
      <c r="H249027" s="12"/>
    </row>
    <row r="249028" spans="8:8">
      <c r="H249028" s="12"/>
    </row>
    <row r="249029" spans="8:8">
      <c r="H249029" s="12"/>
    </row>
    <row r="249030" spans="8:8">
      <c r="H249030" s="12"/>
    </row>
    <row r="249031" spans="8:8">
      <c r="H249031" s="12"/>
    </row>
    <row r="249032" spans="8:8">
      <c r="H249032" s="12"/>
    </row>
    <row r="249033" spans="8:8">
      <c r="H249033" s="12"/>
    </row>
    <row r="249034" spans="8:8">
      <c r="H249034" s="12"/>
    </row>
    <row r="249035" spans="8:8">
      <c r="H249035" s="12"/>
    </row>
    <row r="249036" spans="8:8">
      <c r="H249036" s="12"/>
    </row>
    <row r="249037" spans="8:8">
      <c r="H249037" s="12"/>
    </row>
    <row r="249038" spans="8:8">
      <c r="H249038" s="12"/>
    </row>
    <row r="249039" spans="8:8">
      <c r="H249039" s="12"/>
    </row>
    <row r="249040" spans="8:8">
      <c r="H249040" s="12"/>
    </row>
    <row r="249041" spans="8:8">
      <c r="H249041" s="12"/>
    </row>
    <row r="249042" spans="8:8">
      <c r="H249042" s="12"/>
    </row>
    <row r="249043" spans="8:8">
      <c r="H249043" s="12"/>
    </row>
    <row r="249044" spans="8:8">
      <c r="H249044" s="12"/>
    </row>
    <row r="249045" spans="8:8">
      <c r="H249045" s="12"/>
    </row>
    <row r="249046" spans="8:8">
      <c r="H249046" s="12"/>
    </row>
    <row r="249047" spans="8:8">
      <c r="H249047" s="12"/>
    </row>
    <row r="249048" spans="8:8">
      <c r="H249048" s="12"/>
    </row>
    <row r="249049" spans="8:8">
      <c r="H249049" s="12"/>
    </row>
    <row r="249050" spans="8:8">
      <c r="H249050" s="12"/>
    </row>
    <row r="249051" spans="8:8">
      <c r="H249051" s="12"/>
    </row>
    <row r="249052" spans="8:8">
      <c r="H249052" s="12"/>
    </row>
    <row r="249053" spans="8:8">
      <c r="H249053" s="12"/>
    </row>
    <row r="249054" spans="8:8">
      <c r="H249054" s="12"/>
    </row>
    <row r="249055" spans="8:8">
      <c r="H249055" s="12"/>
    </row>
    <row r="249056" spans="8:8">
      <c r="H249056" s="12"/>
    </row>
    <row r="249057" spans="8:8">
      <c r="H249057" s="12"/>
    </row>
    <row r="249058" spans="8:8">
      <c r="H249058" s="12"/>
    </row>
    <row r="249059" spans="8:8">
      <c r="H249059" s="12"/>
    </row>
    <row r="249060" spans="8:8">
      <c r="H249060" s="12"/>
    </row>
    <row r="249061" spans="8:8">
      <c r="H249061" s="12"/>
    </row>
    <row r="249062" spans="8:8">
      <c r="H249062" s="12"/>
    </row>
    <row r="249063" spans="8:8">
      <c r="H249063" s="12"/>
    </row>
    <row r="249064" spans="8:8">
      <c r="H249064" s="12"/>
    </row>
    <row r="249065" spans="8:8">
      <c r="H249065" s="12"/>
    </row>
    <row r="249066" spans="8:8">
      <c r="H249066" s="12"/>
    </row>
    <row r="249067" spans="8:8">
      <c r="H249067" s="12"/>
    </row>
    <row r="249068" spans="8:8">
      <c r="H249068" s="12"/>
    </row>
    <row r="249069" spans="8:8">
      <c r="H249069" s="12"/>
    </row>
    <row r="249070" spans="8:8">
      <c r="H249070" s="12"/>
    </row>
    <row r="249071" spans="8:8">
      <c r="H249071" s="12"/>
    </row>
    <row r="249072" spans="8:8">
      <c r="H249072" s="12"/>
    </row>
    <row r="249073" spans="8:8">
      <c r="H249073" s="12"/>
    </row>
    <row r="249074" spans="8:8">
      <c r="H249074" s="12"/>
    </row>
    <row r="249075" spans="8:8">
      <c r="H249075" s="12"/>
    </row>
    <row r="249076" spans="8:8">
      <c r="H249076" s="12"/>
    </row>
    <row r="249077" spans="8:8">
      <c r="H249077" s="12"/>
    </row>
    <row r="249078" spans="8:8">
      <c r="H249078" s="12"/>
    </row>
    <row r="249079" spans="8:8">
      <c r="H249079" s="12"/>
    </row>
    <row r="249080" spans="8:8">
      <c r="H249080" s="12"/>
    </row>
    <row r="249081" spans="8:8">
      <c r="H249081" s="12"/>
    </row>
    <row r="249082" spans="8:8">
      <c r="H249082" s="12"/>
    </row>
    <row r="249083" spans="8:8">
      <c r="H249083" s="12"/>
    </row>
    <row r="249084" spans="8:8">
      <c r="H249084" s="12"/>
    </row>
    <row r="249085" spans="8:8">
      <c r="H249085" s="12"/>
    </row>
    <row r="249086" spans="8:8">
      <c r="H249086" s="12"/>
    </row>
    <row r="249087" spans="8:8">
      <c r="H249087" s="12"/>
    </row>
    <row r="249088" spans="8:8">
      <c r="H249088" s="12"/>
    </row>
    <row r="249089" spans="8:8">
      <c r="H249089" s="12"/>
    </row>
    <row r="249090" spans="8:8">
      <c r="H249090" s="12"/>
    </row>
    <row r="249091" spans="8:8">
      <c r="H249091" s="12"/>
    </row>
    <row r="249092" spans="8:8">
      <c r="H249092" s="12"/>
    </row>
    <row r="249093" spans="8:8">
      <c r="H249093" s="12"/>
    </row>
    <row r="249094" spans="8:8">
      <c r="H249094" s="12"/>
    </row>
    <row r="249095" spans="8:8">
      <c r="H249095" s="12"/>
    </row>
    <row r="249096" spans="8:8">
      <c r="H249096" s="12"/>
    </row>
    <row r="249097" spans="8:8">
      <c r="H249097" s="12"/>
    </row>
    <row r="249098" spans="8:8">
      <c r="H249098" s="12"/>
    </row>
    <row r="249099" spans="8:8">
      <c r="H249099" s="12"/>
    </row>
    <row r="249100" spans="8:8">
      <c r="H249100" s="12"/>
    </row>
    <row r="249101" spans="8:8">
      <c r="H249101" s="12"/>
    </row>
    <row r="249102" spans="8:8">
      <c r="H249102" s="12"/>
    </row>
    <row r="249103" spans="8:8">
      <c r="H249103" s="12"/>
    </row>
    <row r="249104" spans="8:8">
      <c r="H249104" s="12"/>
    </row>
    <row r="249105" spans="8:8">
      <c r="H249105" s="12"/>
    </row>
    <row r="249106" spans="8:8">
      <c r="H249106" s="12"/>
    </row>
    <row r="249107" spans="8:8">
      <c r="H249107" s="12"/>
    </row>
    <row r="249108" spans="8:8">
      <c r="H249108" s="12"/>
    </row>
    <row r="249109" spans="8:8">
      <c r="H249109" s="12"/>
    </row>
    <row r="249110" spans="8:8">
      <c r="H249110" s="12"/>
    </row>
    <row r="249111" spans="8:8">
      <c r="H249111" s="12"/>
    </row>
    <row r="249112" spans="8:8">
      <c r="H249112" s="12"/>
    </row>
    <row r="249113" spans="8:8">
      <c r="H249113" s="12"/>
    </row>
    <row r="249114" spans="8:8">
      <c r="H249114" s="12"/>
    </row>
    <row r="249115" spans="8:8">
      <c r="H249115" s="12"/>
    </row>
    <row r="249116" spans="8:8">
      <c r="H249116" s="12"/>
    </row>
    <row r="249117" spans="8:8">
      <c r="H249117" s="12"/>
    </row>
    <row r="249118" spans="8:8">
      <c r="H249118" s="12"/>
    </row>
    <row r="249119" spans="8:8">
      <c r="H249119" s="12"/>
    </row>
    <row r="249120" spans="8:8">
      <c r="H249120" s="12"/>
    </row>
    <row r="249121" spans="8:8">
      <c r="H249121" s="12"/>
    </row>
    <row r="249122" spans="8:8">
      <c r="H249122" s="12"/>
    </row>
    <row r="249123" spans="8:8">
      <c r="H249123" s="12"/>
    </row>
    <row r="249124" spans="8:8">
      <c r="H249124" s="12"/>
    </row>
    <row r="249125" spans="8:8">
      <c r="H249125" s="12"/>
    </row>
    <row r="249126" spans="8:8">
      <c r="H249126" s="12"/>
    </row>
    <row r="249127" spans="8:8">
      <c r="H249127" s="12"/>
    </row>
    <row r="249128" spans="8:8">
      <c r="H249128" s="12"/>
    </row>
    <row r="249129" spans="8:8">
      <c r="H249129" s="12"/>
    </row>
    <row r="249130" spans="8:8">
      <c r="H249130" s="12"/>
    </row>
    <row r="249131" spans="8:8">
      <c r="H249131" s="12"/>
    </row>
    <row r="249132" spans="8:8">
      <c r="H249132" s="12"/>
    </row>
    <row r="249133" spans="8:8">
      <c r="H249133" s="12"/>
    </row>
    <row r="249134" spans="8:8">
      <c r="H249134" s="12"/>
    </row>
    <row r="249135" spans="8:8">
      <c r="H249135" s="12"/>
    </row>
    <row r="249136" spans="8:8">
      <c r="H249136" s="12"/>
    </row>
    <row r="249137" spans="8:8">
      <c r="H249137" s="12"/>
    </row>
    <row r="249138" spans="8:8">
      <c r="H249138" s="12"/>
    </row>
    <row r="249139" spans="8:8">
      <c r="H249139" s="12"/>
    </row>
    <row r="249140" spans="8:8">
      <c r="H249140" s="12"/>
    </row>
    <row r="249141" spans="8:8">
      <c r="H249141" s="12"/>
    </row>
    <row r="249142" spans="8:8">
      <c r="H249142" s="12"/>
    </row>
    <row r="249143" spans="8:8">
      <c r="H249143" s="12"/>
    </row>
    <row r="249144" spans="8:8">
      <c r="H249144" s="12"/>
    </row>
    <row r="249145" spans="8:8">
      <c r="H249145" s="12"/>
    </row>
    <row r="249146" spans="8:8">
      <c r="H249146" s="12"/>
    </row>
    <row r="249147" spans="8:8">
      <c r="H249147" s="12"/>
    </row>
    <row r="249148" spans="8:8">
      <c r="H249148" s="12"/>
    </row>
    <row r="249149" spans="8:8">
      <c r="H249149" s="12"/>
    </row>
    <row r="249150" spans="8:8">
      <c r="H249150" s="12"/>
    </row>
    <row r="249151" spans="8:8">
      <c r="H249151" s="12"/>
    </row>
    <row r="249152" spans="8:8">
      <c r="H249152" s="12"/>
    </row>
    <row r="249153" spans="8:8">
      <c r="H249153" s="12"/>
    </row>
    <row r="249154" spans="8:8">
      <c r="H249154" s="12"/>
    </row>
    <row r="249155" spans="8:8">
      <c r="H249155" s="12"/>
    </row>
    <row r="249156" spans="8:8">
      <c r="H249156" s="12"/>
    </row>
    <row r="249157" spans="8:8">
      <c r="H249157" s="12"/>
    </row>
    <row r="249158" spans="8:8">
      <c r="H249158" s="12"/>
    </row>
    <row r="249159" spans="8:8">
      <c r="H249159" s="12"/>
    </row>
    <row r="249160" spans="8:8">
      <c r="H249160" s="12"/>
    </row>
    <row r="249161" spans="8:8">
      <c r="H249161" s="12"/>
    </row>
    <row r="249162" spans="8:8">
      <c r="H249162" s="12"/>
    </row>
    <row r="249163" spans="8:8">
      <c r="H249163" s="12"/>
    </row>
    <row r="249164" spans="8:8">
      <c r="H249164" s="12"/>
    </row>
    <row r="249165" spans="8:8">
      <c r="H249165" s="12"/>
    </row>
    <row r="249166" spans="8:8">
      <c r="H249166" s="12"/>
    </row>
    <row r="249167" spans="8:8">
      <c r="H249167" s="12"/>
    </row>
    <row r="249168" spans="8:8">
      <c r="H249168" s="12"/>
    </row>
    <row r="249169" spans="8:8">
      <c r="H249169" s="12"/>
    </row>
    <row r="249170" spans="8:8">
      <c r="H249170" s="12"/>
    </row>
    <row r="249171" spans="8:8">
      <c r="H249171" s="12"/>
    </row>
    <row r="249172" spans="8:8">
      <c r="H249172" s="12"/>
    </row>
    <row r="249173" spans="8:8">
      <c r="H249173" s="12"/>
    </row>
    <row r="249174" spans="8:8">
      <c r="H249174" s="12"/>
    </row>
    <row r="249175" spans="8:8">
      <c r="H249175" s="12"/>
    </row>
    <row r="249176" spans="8:8">
      <c r="H249176" s="12"/>
    </row>
    <row r="249177" spans="8:8">
      <c r="H249177" s="12"/>
    </row>
    <row r="249178" spans="8:8">
      <c r="H249178" s="12"/>
    </row>
    <row r="249179" spans="8:8">
      <c r="H249179" s="12"/>
    </row>
    <row r="249180" spans="8:8">
      <c r="H249180" s="12"/>
    </row>
    <row r="249181" spans="8:8">
      <c r="H249181" s="12"/>
    </row>
    <row r="249182" spans="8:8">
      <c r="H249182" s="12"/>
    </row>
    <row r="249183" spans="8:8">
      <c r="H249183" s="12"/>
    </row>
    <row r="249184" spans="8:8">
      <c r="H249184" s="12"/>
    </row>
    <row r="249185" spans="8:8">
      <c r="H249185" s="12"/>
    </row>
    <row r="249186" spans="8:8">
      <c r="H249186" s="12"/>
    </row>
    <row r="249187" spans="8:8">
      <c r="H249187" s="12"/>
    </row>
    <row r="249188" spans="8:8">
      <c r="H249188" s="12"/>
    </row>
    <row r="249189" spans="8:8">
      <c r="H249189" s="12"/>
    </row>
    <row r="249190" spans="8:8">
      <c r="H249190" s="12"/>
    </row>
    <row r="249191" spans="8:8">
      <c r="H249191" s="12"/>
    </row>
    <row r="249192" spans="8:8">
      <c r="H249192" s="12"/>
    </row>
    <row r="249193" spans="8:8">
      <c r="H249193" s="12"/>
    </row>
    <row r="249194" spans="8:8">
      <c r="H249194" s="12"/>
    </row>
    <row r="249195" spans="8:8">
      <c r="H249195" s="12"/>
    </row>
    <row r="249196" spans="8:8">
      <c r="H249196" s="12"/>
    </row>
    <row r="249197" spans="8:8">
      <c r="H249197" s="12"/>
    </row>
    <row r="249198" spans="8:8">
      <c r="H249198" s="12"/>
    </row>
    <row r="249199" spans="8:8">
      <c r="H249199" s="12"/>
    </row>
    <row r="249200" spans="8:8">
      <c r="H249200" s="12"/>
    </row>
    <row r="249201" spans="8:8">
      <c r="H249201" s="12"/>
    </row>
    <row r="249202" spans="8:8">
      <c r="H249202" s="12"/>
    </row>
    <row r="249203" spans="8:8">
      <c r="H249203" s="12"/>
    </row>
    <row r="249204" spans="8:8">
      <c r="H249204" s="12"/>
    </row>
    <row r="249205" spans="8:8">
      <c r="H249205" s="12"/>
    </row>
    <row r="249206" spans="8:8">
      <c r="H249206" s="12"/>
    </row>
    <row r="249207" spans="8:8">
      <c r="H249207" s="12"/>
    </row>
    <row r="249208" spans="8:8">
      <c r="H249208" s="12"/>
    </row>
    <row r="249209" spans="8:8">
      <c r="H249209" s="12"/>
    </row>
    <row r="249210" spans="8:8">
      <c r="H249210" s="12"/>
    </row>
    <row r="249211" spans="8:8">
      <c r="H249211" s="12"/>
    </row>
    <row r="249212" spans="8:8">
      <c r="H249212" s="12"/>
    </row>
    <row r="249213" spans="8:8">
      <c r="H249213" s="12"/>
    </row>
    <row r="249214" spans="8:8">
      <c r="H249214" s="12"/>
    </row>
    <row r="249215" spans="8:8">
      <c r="H249215" s="12"/>
    </row>
    <row r="249216" spans="8:8">
      <c r="H249216" s="12"/>
    </row>
    <row r="249217" spans="8:8">
      <c r="H249217" s="12"/>
    </row>
    <row r="249218" spans="8:8">
      <c r="H249218" s="12"/>
    </row>
    <row r="249219" spans="8:8">
      <c r="H249219" s="12"/>
    </row>
    <row r="249220" spans="8:8">
      <c r="H249220" s="12"/>
    </row>
    <row r="249221" spans="8:8">
      <c r="H249221" s="12"/>
    </row>
    <row r="249222" spans="8:8">
      <c r="H249222" s="12"/>
    </row>
    <row r="249223" spans="8:8">
      <c r="H249223" s="12"/>
    </row>
    <row r="249224" spans="8:8">
      <c r="H249224" s="12"/>
    </row>
    <row r="249225" spans="8:8">
      <c r="H249225" s="12"/>
    </row>
    <row r="249226" spans="8:8">
      <c r="H249226" s="12"/>
    </row>
    <row r="249227" spans="8:8">
      <c r="H249227" s="12"/>
    </row>
    <row r="249228" spans="8:8">
      <c r="H249228" s="12"/>
    </row>
    <row r="249229" spans="8:8">
      <c r="H249229" s="12"/>
    </row>
    <row r="249230" spans="8:8">
      <c r="H249230" s="12"/>
    </row>
    <row r="249231" spans="8:8">
      <c r="H249231" s="12"/>
    </row>
    <row r="249232" spans="8:8">
      <c r="H249232" s="12"/>
    </row>
    <row r="249233" spans="8:8">
      <c r="H249233" s="12"/>
    </row>
    <row r="249234" spans="8:8">
      <c r="H249234" s="12"/>
    </row>
    <row r="249235" spans="8:8">
      <c r="H249235" s="12"/>
    </row>
    <row r="249236" spans="8:8">
      <c r="H249236" s="12"/>
    </row>
    <row r="249237" spans="8:8">
      <c r="H249237" s="12"/>
    </row>
    <row r="249238" spans="8:8">
      <c r="H249238" s="12"/>
    </row>
    <row r="249239" spans="8:8">
      <c r="H249239" s="12"/>
    </row>
    <row r="249240" spans="8:8">
      <c r="H249240" s="12"/>
    </row>
    <row r="249241" spans="8:8">
      <c r="H249241" s="12"/>
    </row>
    <row r="249242" spans="8:8">
      <c r="H249242" s="12"/>
    </row>
    <row r="249243" spans="8:8">
      <c r="H249243" s="12"/>
    </row>
    <row r="249244" spans="8:8">
      <c r="H249244" s="12"/>
    </row>
    <row r="249245" spans="8:8">
      <c r="H249245" s="12"/>
    </row>
    <row r="249246" spans="8:8">
      <c r="H249246" s="12"/>
    </row>
    <row r="249247" spans="8:8">
      <c r="H249247" s="12"/>
    </row>
    <row r="249248" spans="8:8">
      <c r="H249248" s="12"/>
    </row>
    <row r="249249" spans="8:8">
      <c r="H249249" s="12"/>
    </row>
    <row r="249250" spans="8:8">
      <c r="H249250" s="12"/>
    </row>
    <row r="249251" spans="8:8">
      <c r="H249251" s="12"/>
    </row>
    <row r="249252" spans="8:8">
      <c r="H249252" s="12"/>
    </row>
    <row r="249253" spans="8:8">
      <c r="H249253" s="12"/>
    </row>
    <row r="249254" spans="8:8">
      <c r="H249254" s="12"/>
    </row>
    <row r="249255" spans="8:8">
      <c r="H249255" s="12"/>
    </row>
    <row r="249256" spans="8:8">
      <c r="H249256" s="12"/>
    </row>
    <row r="249257" spans="8:8">
      <c r="H249257" s="12"/>
    </row>
    <row r="249258" spans="8:8">
      <c r="H249258" s="12"/>
    </row>
    <row r="249259" spans="8:8">
      <c r="H249259" s="12"/>
    </row>
    <row r="249260" spans="8:8">
      <c r="H249260" s="12"/>
    </row>
    <row r="249261" spans="8:8">
      <c r="H249261" s="12"/>
    </row>
    <row r="249262" spans="8:8">
      <c r="H249262" s="12"/>
    </row>
    <row r="249263" spans="8:8">
      <c r="H249263" s="12"/>
    </row>
    <row r="249264" spans="8:8">
      <c r="H249264" s="12"/>
    </row>
    <row r="249265" spans="8:8">
      <c r="H249265" s="12"/>
    </row>
    <row r="249266" spans="8:8">
      <c r="H249266" s="12"/>
    </row>
    <row r="249267" spans="8:8">
      <c r="H249267" s="12"/>
    </row>
    <row r="249268" spans="8:8">
      <c r="H249268" s="12"/>
    </row>
    <row r="249269" spans="8:8">
      <c r="H249269" s="12"/>
    </row>
    <row r="249270" spans="8:8">
      <c r="H249270" s="12"/>
    </row>
    <row r="249271" spans="8:8">
      <c r="H249271" s="12"/>
    </row>
    <row r="249272" spans="8:8">
      <c r="H249272" s="12"/>
    </row>
    <row r="249273" spans="8:8">
      <c r="H249273" s="12"/>
    </row>
    <row r="249274" spans="8:8">
      <c r="H249274" s="12"/>
    </row>
    <row r="249275" spans="8:8">
      <c r="H249275" s="12"/>
    </row>
    <row r="249276" spans="8:8">
      <c r="H249276" s="12"/>
    </row>
    <row r="249277" spans="8:8">
      <c r="H249277" s="12"/>
    </row>
    <row r="249278" spans="8:8">
      <c r="H249278" s="12"/>
    </row>
    <row r="249279" spans="8:8">
      <c r="H249279" s="12"/>
    </row>
    <row r="249280" spans="8:8">
      <c r="H249280" s="12"/>
    </row>
    <row r="249281" spans="8:8">
      <c r="H249281" s="12"/>
    </row>
    <row r="249282" spans="8:8">
      <c r="H249282" s="12"/>
    </row>
    <row r="249283" spans="8:8">
      <c r="H249283" s="12"/>
    </row>
    <row r="249284" spans="8:8">
      <c r="H249284" s="12"/>
    </row>
    <row r="249285" spans="8:8">
      <c r="H249285" s="12"/>
    </row>
    <row r="249286" spans="8:8">
      <c r="H249286" s="12"/>
    </row>
    <row r="249287" spans="8:8">
      <c r="H249287" s="12"/>
    </row>
    <row r="249288" spans="8:8">
      <c r="H249288" s="12"/>
    </row>
    <row r="249289" spans="8:8">
      <c r="H249289" s="12"/>
    </row>
    <row r="249290" spans="8:8">
      <c r="H249290" s="12"/>
    </row>
    <row r="249291" spans="8:8">
      <c r="H249291" s="12"/>
    </row>
    <row r="249292" spans="8:8">
      <c r="H249292" s="12"/>
    </row>
    <row r="249293" spans="8:8">
      <c r="H249293" s="12"/>
    </row>
    <row r="249294" spans="8:8">
      <c r="H249294" s="12"/>
    </row>
    <row r="249295" spans="8:8">
      <c r="H249295" s="12"/>
    </row>
    <row r="249296" spans="8:8">
      <c r="H249296" s="12"/>
    </row>
    <row r="249297" spans="8:8">
      <c r="H249297" s="12"/>
    </row>
    <row r="249298" spans="8:8">
      <c r="H249298" s="12"/>
    </row>
    <row r="249299" spans="8:8">
      <c r="H249299" s="12"/>
    </row>
    <row r="249300" spans="8:8">
      <c r="H249300" s="12"/>
    </row>
    <row r="249301" spans="8:8">
      <c r="H249301" s="12"/>
    </row>
    <row r="249302" spans="8:8">
      <c r="H249302" s="12"/>
    </row>
    <row r="249303" spans="8:8">
      <c r="H249303" s="12"/>
    </row>
    <row r="249304" spans="8:8">
      <c r="H249304" s="12"/>
    </row>
    <row r="249305" spans="8:8">
      <c r="H249305" s="12"/>
    </row>
    <row r="249306" spans="8:8">
      <c r="H249306" s="12"/>
    </row>
    <row r="249307" spans="8:8">
      <c r="H249307" s="12"/>
    </row>
    <row r="249308" spans="8:8">
      <c r="H249308" s="12"/>
    </row>
    <row r="249309" spans="8:8">
      <c r="H249309" s="12"/>
    </row>
    <row r="249310" spans="8:8">
      <c r="H249310" s="12"/>
    </row>
    <row r="249311" spans="8:8">
      <c r="H249311" s="12"/>
    </row>
    <row r="249312" spans="8:8">
      <c r="H249312" s="12"/>
    </row>
    <row r="249313" spans="8:8">
      <c r="H249313" s="12"/>
    </row>
    <row r="249314" spans="8:8">
      <c r="H249314" s="12"/>
    </row>
    <row r="249315" spans="8:8">
      <c r="H249315" s="12"/>
    </row>
    <row r="249316" spans="8:8">
      <c r="H249316" s="12"/>
    </row>
    <row r="249317" spans="8:8">
      <c r="H249317" s="12"/>
    </row>
    <row r="249318" spans="8:8">
      <c r="H249318" s="12"/>
    </row>
    <row r="249319" spans="8:8">
      <c r="H249319" s="12"/>
    </row>
    <row r="249320" spans="8:8">
      <c r="H249320" s="12"/>
    </row>
    <row r="249321" spans="8:8">
      <c r="H249321" s="12"/>
    </row>
    <row r="249322" spans="8:8">
      <c r="H249322" s="12"/>
    </row>
    <row r="249323" spans="8:8">
      <c r="H249323" s="12"/>
    </row>
    <row r="249324" spans="8:8">
      <c r="H249324" s="12"/>
    </row>
    <row r="249325" spans="8:8">
      <c r="H249325" s="12"/>
    </row>
    <row r="249326" spans="8:8">
      <c r="H249326" s="12"/>
    </row>
    <row r="249327" spans="8:8">
      <c r="H249327" s="12"/>
    </row>
    <row r="249328" spans="8:8">
      <c r="H249328" s="12"/>
    </row>
    <row r="249329" spans="8:8">
      <c r="H249329" s="12"/>
    </row>
    <row r="249330" spans="8:8">
      <c r="H249330" s="12"/>
    </row>
    <row r="249331" spans="8:8">
      <c r="H249331" s="12"/>
    </row>
    <row r="249332" spans="8:8">
      <c r="H249332" s="12"/>
    </row>
    <row r="249333" spans="8:8">
      <c r="H249333" s="12"/>
    </row>
    <row r="249334" spans="8:8">
      <c r="H249334" s="12"/>
    </row>
    <row r="249335" spans="8:8">
      <c r="H249335" s="12"/>
    </row>
    <row r="249336" spans="8:8">
      <c r="H249336" s="12"/>
    </row>
    <row r="249337" spans="8:8">
      <c r="H249337" s="12"/>
    </row>
    <row r="249338" spans="8:8">
      <c r="H249338" s="12"/>
    </row>
    <row r="249339" spans="8:8">
      <c r="H249339" s="12"/>
    </row>
    <row r="249340" spans="8:8">
      <c r="H249340" s="12"/>
    </row>
    <row r="249341" spans="8:8">
      <c r="H249341" s="12"/>
    </row>
    <row r="249342" spans="8:8">
      <c r="H249342" s="12"/>
    </row>
    <row r="249343" spans="8:8">
      <c r="H249343" s="12"/>
    </row>
    <row r="249344" spans="8:8">
      <c r="H249344" s="12"/>
    </row>
    <row r="249345" spans="8:8">
      <c r="H249345" s="12"/>
    </row>
    <row r="249346" spans="8:8">
      <c r="H249346" s="12"/>
    </row>
    <row r="249347" spans="8:8">
      <c r="H249347" s="12"/>
    </row>
    <row r="249348" spans="8:8">
      <c r="H249348" s="12"/>
    </row>
    <row r="249349" spans="8:8">
      <c r="H249349" s="12"/>
    </row>
    <row r="249350" spans="8:8">
      <c r="H249350" s="12"/>
    </row>
    <row r="249351" spans="8:8">
      <c r="H249351" s="12"/>
    </row>
    <row r="249352" spans="8:8">
      <c r="H249352" s="12"/>
    </row>
    <row r="249353" spans="8:8">
      <c r="H249353" s="12"/>
    </row>
    <row r="249354" spans="8:8">
      <c r="H249354" s="12"/>
    </row>
    <row r="249355" spans="8:8">
      <c r="H249355" s="12"/>
    </row>
    <row r="249356" spans="8:8">
      <c r="H249356" s="12"/>
    </row>
    <row r="249357" spans="8:8">
      <c r="H249357" s="12"/>
    </row>
    <row r="249358" spans="8:8">
      <c r="H249358" s="12"/>
    </row>
    <row r="249359" spans="8:8">
      <c r="H249359" s="12"/>
    </row>
    <row r="249360" spans="8:8">
      <c r="H249360" s="12"/>
    </row>
    <row r="249361" spans="8:8">
      <c r="H249361" s="12"/>
    </row>
    <row r="249362" spans="8:8">
      <c r="H249362" s="12"/>
    </row>
    <row r="249363" spans="8:8">
      <c r="H249363" s="12"/>
    </row>
    <row r="249364" spans="8:8">
      <c r="H249364" s="12"/>
    </row>
    <row r="249365" spans="8:8">
      <c r="H249365" s="12"/>
    </row>
    <row r="249366" spans="8:8">
      <c r="H249366" s="12"/>
    </row>
    <row r="249367" spans="8:8">
      <c r="H249367" s="12"/>
    </row>
    <row r="249368" spans="8:8">
      <c r="H249368" s="12"/>
    </row>
    <row r="249369" spans="8:8">
      <c r="H249369" s="12"/>
    </row>
    <row r="249370" spans="8:8">
      <c r="H249370" s="12"/>
    </row>
    <row r="249371" spans="8:8">
      <c r="H249371" s="12"/>
    </row>
    <row r="249372" spans="8:8">
      <c r="H249372" s="12"/>
    </row>
    <row r="249373" spans="8:8">
      <c r="H249373" s="12"/>
    </row>
    <row r="249374" spans="8:8">
      <c r="H249374" s="12"/>
    </row>
    <row r="249375" spans="8:8">
      <c r="H249375" s="12"/>
    </row>
    <row r="249376" spans="8:8">
      <c r="H249376" s="12"/>
    </row>
    <row r="249377" spans="8:8">
      <c r="H249377" s="12"/>
    </row>
    <row r="249378" spans="8:8">
      <c r="H249378" s="12"/>
    </row>
    <row r="249379" spans="8:8">
      <c r="H249379" s="12"/>
    </row>
    <row r="249380" spans="8:8">
      <c r="H249380" s="12"/>
    </row>
    <row r="249381" spans="8:8">
      <c r="H249381" s="12"/>
    </row>
    <row r="249382" spans="8:8">
      <c r="H249382" s="12"/>
    </row>
    <row r="249383" spans="8:8">
      <c r="H249383" s="12"/>
    </row>
    <row r="249384" spans="8:8">
      <c r="H249384" s="12"/>
    </row>
    <row r="249385" spans="8:8">
      <c r="H249385" s="12"/>
    </row>
    <row r="249386" spans="8:8">
      <c r="H249386" s="12"/>
    </row>
    <row r="249387" spans="8:8">
      <c r="H249387" s="12"/>
    </row>
    <row r="249388" spans="8:8">
      <c r="H249388" s="12"/>
    </row>
    <row r="249389" spans="8:8">
      <c r="H249389" s="12"/>
    </row>
    <row r="249390" spans="8:8">
      <c r="H249390" s="12"/>
    </row>
    <row r="249391" spans="8:8">
      <c r="H249391" s="12"/>
    </row>
    <row r="249392" spans="8:8">
      <c r="H249392" s="12"/>
    </row>
    <row r="249393" spans="8:8">
      <c r="H249393" s="12"/>
    </row>
    <row r="249394" spans="8:8">
      <c r="H249394" s="12"/>
    </row>
    <row r="249395" spans="8:8">
      <c r="H249395" s="12"/>
    </row>
    <row r="249396" spans="8:8">
      <c r="H249396" s="12"/>
    </row>
    <row r="249397" spans="8:8">
      <c r="H249397" s="12"/>
    </row>
    <row r="249398" spans="8:8">
      <c r="H249398" s="12"/>
    </row>
    <row r="249399" spans="8:8">
      <c r="H249399" s="12"/>
    </row>
    <row r="249400" spans="8:8">
      <c r="H249400" s="12"/>
    </row>
    <row r="249401" spans="8:8">
      <c r="H249401" s="12"/>
    </row>
    <row r="249402" spans="8:8">
      <c r="H249402" s="12"/>
    </row>
    <row r="249403" spans="8:8">
      <c r="H249403" s="12"/>
    </row>
    <row r="249404" spans="8:8">
      <c r="H249404" s="12"/>
    </row>
    <row r="249405" spans="8:8">
      <c r="H249405" s="12"/>
    </row>
    <row r="249406" spans="8:8">
      <c r="H249406" s="12"/>
    </row>
    <row r="249407" spans="8:8">
      <c r="H249407" s="12"/>
    </row>
    <row r="249408" spans="8:8">
      <c r="H249408" s="12"/>
    </row>
    <row r="249409" spans="8:8">
      <c r="H249409" s="12"/>
    </row>
    <row r="249410" spans="8:8">
      <c r="H249410" s="12"/>
    </row>
    <row r="249411" spans="8:8">
      <c r="H249411" s="12"/>
    </row>
    <row r="249412" spans="8:8">
      <c r="H249412" s="12"/>
    </row>
    <row r="249413" spans="8:8">
      <c r="H249413" s="12"/>
    </row>
    <row r="249414" spans="8:8">
      <c r="H249414" s="12"/>
    </row>
    <row r="249415" spans="8:8">
      <c r="H249415" s="12"/>
    </row>
    <row r="249416" spans="8:8">
      <c r="H249416" s="12"/>
    </row>
    <row r="249417" spans="8:8">
      <c r="H249417" s="12"/>
    </row>
    <row r="249418" spans="8:8">
      <c r="H249418" s="12"/>
    </row>
    <row r="249419" spans="8:8">
      <c r="H249419" s="12"/>
    </row>
    <row r="249420" spans="8:8">
      <c r="H249420" s="12"/>
    </row>
    <row r="249421" spans="8:8">
      <c r="H249421" s="12"/>
    </row>
    <row r="249422" spans="8:8">
      <c r="H249422" s="12"/>
    </row>
    <row r="249423" spans="8:8">
      <c r="H249423" s="12"/>
    </row>
    <row r="249424" spans="8:8">
      <c r="H249424" s="12"/>
    </row>
    <row r="249425" spans="8:8">
      <c r="H249425" s="12"/>
    </row>
    <row r="249426" spans="8:8">
      <c r="H249426" s="12"/>
    </row>
    <row r="249427" spans="8:8">
      <c r="H249427" s="12"/>
    </row>
    <row r="249428" spans="8:8">
      <c r="H249428" s="12"/>
    </row>
    <row r="249429" spans="8:8">
      <c r="H249429" s="12"/>
    </row>
    <row r="249430" spans="8:8">
      <c r="H249430" s="12"/>
    </row>
    <row r="249431" spans="8:8">
      <c r="H249431" s="12"/>
    </row>
    <row r="249432" spans="8:8">
      <c r="H249432" s="12"/>
    </row>
    <row r="249433" spans="8:8">
      <c r="H249433" s="12"/>
    </row>
    <row r="249434" spans="8:8">
      <c r="H249434" s="12"/>
    </row>
    <row r="249435" spans="8:8">
      <c r="H249435" s="12"/>
    </row>
    <row r="249436" spans="8:8">
      <c r="H249436" s="12"/>
    </row>
    <row r="249437" spans="8:8">
      <c r="H249437" s="12"/>
    </row>
    <row r="249438" spans="8:8">
      <c r="H249438" s="12"/>
    </row>
    <row r="249439" spans="8:8">
      <c r="H249439" s="12"/>
    </row>
    <row r="249440" spans="8:8">
      <c r="H249440" s="12"/>
    </row>
    <row r="249441" spans="8:8">
      <c r="H249441" s="12"/>
    </row>
    <row r="249442" spans="8:8">
      <c r="H249442" s="12"/>
    </row>
    <row r="249443" spans="8:8">
      <c r="H249443" s="12"/>
    </row>
    <row r="249444" spans="8:8">
      <c r="H249444" s="12"/>
    </row>
    <row r="249445" spans="8:8">
      <c r="H249445" s="12"/>
    </row>
    <row r="249446" spans="8:8">
      <c r="H249446" s="12"/>
    </row>
    <row r="249447" spans="8:8">
      <c r="H249447" s="12"/>
    </row>
    <row r="249448" spans="8:8">
      <c r="H249448" s="12"/>
    </row>
    <row r="249449" spans="8:8">
      <c r="H249449" s="12"/>
    </row>
    <row r="249450" spans="8:8">
      <c r="H249450" s="12"/>
    </row>
    <row r="249451" spans="8:8">
      <c r="H249451" s="12"/>
    </row>
    <row r="249452" spans="8:8">
      <c r="H249452" s="12"/>
    </row>
    <row r="249453" spans="8:8">
      <c r="H249453" s="12"/>
    </row>
    <row r="249454" spans="8:8">
      <c r="H249454" s="12"/>
    </row>
    <row r="249455" spans="8:8">
      <c r="H249455" s="12"/>
    </row>
    <row r="249456" spans="8:8">
      <c r="H249456" s="12"/>
    </row>
    <row r="249457" spans="8:8">
      <c r="H249457" s="12"/>
    </row>
    <row r="249458" spans="8:8">
      <c r="H249458" s="12"/>
    </row>
    <row r="249459" spans="8:8">
      <c r="H249459" s="12"/>
    </row>
    <row r="249460" spans="8:8">
      <c r="H249460" s="12"/>
    </row>
    <row r="249461" spans="8:8">
      <c r="H249461" s="12"/>
    </row>
    <row r="249462" spans="8:8">
      <c r="H249462" s="12"/>
    </row>
    <row r="249463" spans="8:8">
      <c r="H249463" s="12"/>
    </row>
    <row r="249464" spans="8:8">
      <c r="H249464" s="12"/>
    </row>
    <row r="249465" spans="8:8">
      <c r="H249465" s="12"/>
    </row>
    <row r="249466" spans="8:8">
      <c r="H249466" s="12"/>
    </row>
    <row r="249467" spans="8:8">
      <c r="H249467" s="12"/>
    </row>
    <row r="249468" spans="8:8">
      <c r="H249468" s="12"/>
    </row>
    <row r="249469" spans="8:8">
      <c r="H249469" s="12"/>
    </row>
    <row r="249470" spans="8:8">
      <c r="H249470" s="12"/>
    </row>
    <row r="249471" spans="8:8">
      <c r="H249471" s="12"/>
    </row>
    <row r="249472" spans="8:8">
      <c r="H249472" s="12"/>
    </row>
    <row r="249473" spans="8:8">
      <c r="H249473" s="12"/>
    </row>
    <row r="249474" spans="8:8">
      <c r="H249474" s="12"/>
    </row>
    <row r="249475" spans="8:8">
      <c r="H249475" s="12"/>
    </row>
    <row r="249476" spans="8:8">
      <c r="H249476" s="12"/>
    </row>
    <row r="249477" spans="8:8">
      <c r="H249477" s="12"/>
    </row>
    <row r="249478" spans="8:8">
      <c r="H249478" s="12"/>
    </row>
    <row r="249479" spans="8:8">
      <c r="H249479" s="12"/>
    </row>
    <row r="249480" spans="8:8">
      <c r="H249480" s="12"/>
    </row>
    <row r="249481" spans="8:8">
      <c r="H249481" s="12"/>
    </row>
    <row r="249482" spans="8:8">
      <c r="H249482" s="12"/>
    </row>
    <row r="249483" spans="8:8">
      <c r="H249483" s="12"/>
    </row>
    <row r="249484" spans="8:8">
      <c r="H249484" s="12"/>
    </row>
    <row r="249485" spans="8:8">
      <c r="H249485" s="12"/>
    </row>
    <row r="249486" spans="8:8">
      <c r="H249486" s="12"/>
    </row>
    <row r="249487" spans="8:8">
      <c r="H249487" s="12"/>
    </row>
    <row r="249488" spans="8:8">
      <c r="H249488" s="12"/>
    </row>
    <row r="249489" spans="8:8">
      <c r="H249489" s="12"/>
    </row>
    <row r="249490" spans="8:8">
      <c r="H249490" s="12"/>
    </row>
    <row r="249491" spans="8:8">
      <c r="H249491" s="12"/>
    </row>
    <row r="249492" spans="8:8">
      <c r="H249492" s="12"/>
    </row>
    <row r="249493" spans="8:8">
      <c r="H249493" s="12"/>
    </row>
    <row r="249494" spans="8:8">
      <c r="H249494" s="12"/>
    </row>
    <row r="249495" spans="8:8">
      <c r="H249495" s="12"/>
    </row>
    <row r="249496" spans="8:8">
      <c r="H249496" s="12"/>
    </row>
    <row r="249497" spans="8:8">
      <c r="H249497" s="12"/>
    </row>
    <row r="249498" spans="8:8">
      <c r="H249498" s="12"/>
    </row>
    <row r="249499" spans="8:8">
      <c r="H249499" s="12"/>
    </row>
    <row r="249500" spans="8:8">
      <c r="H249500" s="12"/>
    </row>
    <row r="249501" spans="8:8">
      <c r="H249501" s="12"/>
    </row>
    <row r="249502" spans="8:8">
      <c r="H249502" s="12"/>
    </row>
    <row r="249503" spans="8:8">
      <c r="H249503" s="12"/>
    </row>
    <row r="249504" spans="8:8">
      <c r="H249504" s="12"/>
    </row>
    <row r="249505" spans="8:8">
      <c r="H249505" s="12"/>
    </row>
    <row r="249506" spans="8:8">
      <c r="H249506" s="12"/>
    </row>
    <row r="249507" spans="8:8">
      <c r="H249507" s="12"/>
    </row>
    <row r="249508" spans="8:8">
      <c r="H249508" s="12"/>
    </row>
    <row r="249509" spans="8:8">
      <c r="H249509" s="12"/>
    </row>
    <row r="249510" spans="8:8">
      <c r="H249510" s="12"/>
    </row>
    <row r="249511" spans="8:8">
      <c r="H249511" s="12"/>
    </row>
    <row r="249512" spans="8:8">
      <c r="H249512" s="12"/>
    </row>
    <row r="249513" spans="8:8">
      <c r="H249513" s="12"/>
    </row>
    <row r="249514" spans="8:8">
      <c r="H249514" s="12"/>
    </row>
    <row r="249515" spans="8:8">
      <c r="H249515" s="12"/>
    </row>
    <row r="249516" spans="8:8">
      <c r="H249516" s="12"/>
    </row>
    <row r="249517" spans="8:8">
      <c r="H249517" s="12"/>
    </row>
    <row r="249518" spans="8:8">
      <c r="H249518" s="12"/>
    </row>
    <row r="249519" spans="8:8">
      <c r="H249519" s="12"/>
    </row>
    <row r="249520" spans="8:8">
      <c r="H249520" s="12"/>
    </row>
    <row r="249521" spans="8:8">
      <c r="H249521" s="12"/>
    </row>
    <row r="249522" spans="8:8">
      <c r="H249522" s="12"/>
    </row>
    <row r="249523" spans="8:8">
      <c r="H249523" s="12"/>
    </row>
    <row r="249524" spans="8:8">
      <c r="H249524" s="12"/>
    </row>
    <row r="249525" spans="8:8">
      <c r="H249525" s="12"/>
    </row>
    <row r="249526" spans="8:8">
      <c r="H249526" s="12"/>
    </row>
    <row r="249527" spans="8:8">
      <c r="H249527" s="12"/>
    </row>
    <row r="249528" spans="8:8">
      <c r="H249528" s="12"/>
    </row>
    <row r="249529" spans="8:8">
      <c r="H249529" s="12"/>
    </row>
    <row r="249530" spans="8:8">
      <c r="H249530" s="12"/>
    </row>
    <row r="249531" spans="8:8">
      <c r="H249531" s="12"/>
    </row>
    <row r="249532" spans="8:8">
      <c r="H249532" s="12"/>
    </row>
    <row r="249533" spans="8:8">
      <c r="H249533" s="12"/>
    </row>
    <row r="249534" spans="8:8">
      <c r="H249534" s="12"/>
    </row>
    <row r="249535" spans="8:8">
      <c r="H249535" s="12"/>
    </row>
    <row r="249536" spans="8:8">
      <c r="H249536" s="12"/>
    </row>
    <row r="249537" spans="8:8">
      <c r="H249537" s="12"/>
    </row>
    <row r="249538" spans="8:8">
      <c r="H249538" s="12"/>
    </row>
    <row r="249539" spans="8:8">
      <c r="H249539" s="12"/>
    </row>
    <row r="249540" spans="8:8">
      <c r="H249540" s="12"/>
    </row>
    <row r="249541" spans="8:8">
      <c r="H249541" s="12"/>
    </row>
    <row r="249542" spans="8:8">
      <c r="H249542" s="12"/>
    </row>
    <row r="249543" spans="8:8">
      <c r="H249543" s="12"/>
    </row>
    <row r="249544" spans="8:8">
      <c r="H249544" s="12"/>
    </row>
    <row r="249545" spans="8:8">
      <c r="H249545" s="12"/>
    </row>
    <row r="249546" spans="8:8">
      <c r="H249546" s="12"/>
    </row>
    <row r="249547" spans="8:8">
      <c r="H249547" s="12"/>
    </row>
    <row r="249548" spans="8:8">
      <c r="H249548" s="12"/>
    </row>
    <row r="249549" spans="8:8">
      <c r="H249549" s="12"/>
    </row>
    <row r="249550" spans="8:8">
      <c r="H249550" s="12"/>
    </row>
    <row r="249551" spans="8:8">
      <c r="H249551" s="12"/>
    </row>
    <row r="249552" spans="8:8">
      <c r="H249552" s="12"/>
    </row>
    <row r="249553" spans="8:8">
      <c r="H249553" s="12"/>
    </row>
    <row r="249554" spans="8:8">
      <c r="H249554" s="12"/>
    </row>
    <row r="249555" spans="8:8">
      <c r="H249555" s="12"/>
    </row>
    <row r="249556" spans="8:8">
      <c r="H249556" s="12"/>
    </row>
    <row r="249557" spans="8:8">
      <c r="H249557" s="12"/>
    </row>
    <row r="249558" spans="8:8">
      <c r="H249558" s="12"/>
    </row>
    <row r="249559" spans="8:8">
      <c r="H249559" s="12"/>
    </row>
    <row r="249560" spans="8:8">
      <c r="H249560" s="12"/>
    </row>
    <row r="249561" spans="8:8">
      <c r="H249561" s="12"/>
    </row>
    <row r="249562" spans="8:8">
      <c r="H249562" s="12"/>
    </row>
    <row r="249563" spans="8:8">
      <c r="H249563" s="12"/>
    </row>
    <row r="249564" spans="8:8">
      <c r="H249564" s="12"/>
    </row>
    <row r="249565" spans="8:8">
      <c r="H249565" s="12"/>
    </row>
    <row r="249566" spans="8:8">
      <c r="H249566" s="12"/>
    </row>
    <row r="249567" spans="8:8">
      <c r="H249567" s="12"/>
    </row>
    <row r="249568" spans="8:8">
      <c r="H249568" s="12"/>
    </row>
    <row r="249569" spans="8:8">
      <c r="H249569" s="12"/>
    </row>
    <row r="249570" spans="8:8">
      <c r="H249570" s="12"/>
    </row>
    <row r="249571" spans="8:8">
      <c r="H249571" s="12"/>
    </row>
    <row r="249572" spans="8:8">
      <c r="H249572" s="12"/>
    </row>
    <row r="249573" spans="8:8">
      <c r="H249573" s="12"/>
    </row>
    <row r="249574" spans="8:8">
      <c r="H249574" s="12"/>
    </row>
    <row r="249575" spans="8:8">
      <c r="H249575" s="12"/>
    </row>
    <row r="249576" spans="8:8">
      <c r="H249576" s="12"/>
    </row>
    <row r="249577" spans="8:8">
      <c r="H249577" s="12"/>
    </row>
    <row r="249578" spans="8:8">
      <c r="H249578" s="12"/>
    </row>
    <row r="249579" spans="8:8">
      <c r="H249579" s="12"/>
    </row>
    <row r="249580" spans="8:8">
      <c r="H249580" s="12"/>
    </row>
    <row r="249581" spans="8:8">
      <c r="H249581" s="12"/>
    </row>
    <row r="249582" spans="8:8">
      <c r="H249582" s="12"/>
    </row>
    <row r="249583" spans="8:8">
      <c r="H249583" s="12"/>
    </row>
    <row r="249584" spans="8:8">
      <c r="H249584" s="12"/>
    </row>
    <row r="249585" spans="8:8">
      <c r="H249585" s="12"/>
    </row>
    <row r="249586" spans="8:8">
      <c r="H249586" s="12"/>
    </row>
    <row r="249587" spans="8:8">
      <c r="H249587" s="12"/>
    </row>
    <row r="249588" spans="8:8">
      <c r="H249588" s="12"/>
    </row>
    <row r="249589" spans="8:8">
      <c r="H249589" s="12"/>
    </row>
    <row r="249590" spans="8:8">
      <c r="H249590" s="12"/>
    </row>
    <row r="249591" spans="8:8">
      <c r="H249591" s="12"/>
    </row>
    <row r="249592" spans="8:8">
      <c r="H249592" s="12"/>
    </row>
    <row r="249593" spans="8:8">
      <c r="H249593" s="12"/>
    </row>
    <row r="249594" spans="8:8">
      <c r="H249594" s="12"/>
    </row>
    <row r="249595" spans="8:8">
      <c r="H249595" s="12"/>
    </row>
    <row r="249596" spans="8:8">
      <c r="H249596" s="12"/>
    </row>
    <row r="249597" spans="8:8">
      <c r="H249597" s="12"/>
    </row>
    <row r="249598" spans="8:8">
      <c r="H249598" s="12"/>
    </row>
    <row r="249599" spans="8:8">
      <c r="H249599" s="12"/>
    </row>
    <row r="249600" spans="8:8">
      <c r="H249600" s="12"/>
    </row>
    <row r="249601" spans="8:8">
      <c r="H249601" s="12"/>
    </row>
    <row r="249602" spans="8:8">
      <c r="H249602" s="12"/>
    </row>
    <row r="249603" spans="8:8">
      <c r="H249603" s="12"/>
    </row>
    <row r="249604" spans="8:8">
      <c r="H249604" s="12"/>
    </row>
    <row r="249605" spans="8:8">
      <c r="H249605" s="12"/>
    </row>
    <row r="249606" spans="8:8">
      <c r="H249606" s="12"/>
    </row>
    <row r="249607" spans="8:8">
      <c r="H249607" s="12"/>
    </row>
    <row r="249608" spans="8:8">
      <c r="H249608" s="12"/>
    </row>
    <row r="249609" spans="8:8">
      <c r="H249609" s="12"/>
    </row>
    <row r="249610" spans="8:8">
      <c r="H249610" s="12"/>
    </row>
    <row r="249611" spans="8:8">
      <c r="H249611" s="12"/>
    </row>
    <row r="249612" spans="8:8">
      <c r="H249612" s="12"/>
    </row>
    <row r="249613" spans="8:8">
      <c r="H249613" s="12"/>
    </row>
    <row r="249614" spans="8:8">
      <c r="H249614" s="12"/>
    </row>
    <row r="249615" spans="8:8">
      <c r="H249615" s="12"/>
    </row>
    <row r="249616" spans="8:8">
      <c r="H249616" s="12"/>
    </row>
    <row r="249617" spans="8:8">
      <c r="H249617" s="12"/>
    </row>
    <row r="249618" spans="8:8">
      <c r="H249618" s="12"/>
    </row>
    <row r="249619" spans="8:8">
      <c r="H249619" s="12"/>
    </row>
    <row r="249620" spans="8:8">
      <c r="H249620" s="12"/>
    </row>
    <row r="249621" spans="8:8">
      <c r="H249621" s="12"/>
    </row>
    <row r="249622" spans="8:8">
      <c r="H249622" s="12"/>
    </row>
    <row r="249623" spans="8:8">
      <c r="H249623" s="12"/>
    </row>
    <row r="249624" spans="8:8">
      <c r="H249624" s="12"/>
    </row>
    <row r="249625" spans="8:8">
      <c r="H249625" s="12"/>
    </row>
    <row r="249626" spans="8:8">
      <c r="H249626" s="12"/>
    </row>
    <row r="249627" spans="8:8">
      <c r="H249627" s="12"/>
    </row>
    <row r="249628" spans="8:8">
      <c r="H249628" s="12"/>
    </row>
    <row r="249629" spans="8:8">
      <c r="H249629" s="12"/>
    </row>
    <row r="249630" spans="8:8">
      <c r="H249630" s="12"/>
    </row>
    <row r="249631" spans="8:8">
      <c r="H249631" s="12"/>
    </row>
    <row r="249632" spans="8:8">
      <c r="H249632" s="12"/>
    </row>
    <row r="249633" spans="8:8">
      <c r="H249633" s="12"/>
    </row>
    <row r="249634" spans="8:8">
      <c r="H249634" s="12"/>
    </row>
    <row r="249635" spans="8:8">
      <c r="H249635" s="12"/>
    </row>
    <row r="249636" spans="8:8">
      <c r="H249636" s="12"/>
    </row>
    <row r="249637" spans="8:8">
      <c r="H249637" s="12"/>
    </row>
    <row r="249638" spans="8:8">
      <c r="H249638" s="12"/>
    </row>
    <row r="249639" spans="8:8">
      <c r="H249639" s="12"/>
    </row>
    <row r="249640" spans="8:8">
      <c r="H249640" s="12"/>
    </row>
    <row r="249641" spans="8:8">
      <c r="H249641" s="12"/>
    </row>
    <row r="249642" spans="8:8">
      <c r="H249642" s="12"/>
    </row>
    <row r="249643" spans="8:8">
      <c r="H249643" s="12"/>
    </row>
    <row r="249644" spans="8:8">
      <c r="H249644" s="12"/>
    </row>
    <row r="249645" spans="8:8">
      <c r="H249645" s="12"/>
    </row>
    <row r="249646" spans="8:8">
      <c r="H249646" s="12"/>
    </row>
    <row r="249647" spans="8:8">
      <c r="H249647" s="12"/>
    </row>
    <row r="249648" spans="8:8">
      <c r="H249648" s="12"/>
    </row>
    <row r="249649" spans="8:8">
      <c r="H249649" s="12"/>
    </row>
    <row r="249650" spans="8:8">
      <c r="H249650" s="12"/>
    </row>
    <row r="249651" spans="8:8">
      <c r="H249651" s="12"/>
    </row>
    <row r="249652" spans="8:8">
      <c r="H249652" s="12"/>
    </row>
    <row r="249653" spans="8:8">
      <c r="H249653" s="12"/>
    </row>
    <row r="249654" spans="8:8">
      <c r="H249654" s="12"/>
    </row>
    <row r="249655" spans="8:8">
      <c r="H249655" s="12"/>
    </row>
    <row r="249656" spans="8:8">
      <c r="H249656" s="12"/>
    </row>
    <row r="249657" spans="8:8">
      <c r="H249657" s="12"/>
    </row>
    <row r="249658" spans="8:8">
      <c r="H249658" s="12"/>
    </row>
    <row r="249659" spans="8:8">
      <c r="H249659" s="12"/>
    </row>
    <row r="249660" spans="8:8">
      <c r="H249660" s="12"/>
    </row>
    <row r="249661" spans="8:8">
      <c r="H249661" s="12"/>
    </row>
    <row r="249662" spans="8:8">
      <c r="H249662" s="12"/>
    </row>
    <row r="249663" spans="8:8">
      <c r="H249663" s="12"/>
    </row>
    <row r="249664" spans="8:8">
      <c r="H249664" s="12"/>
    </row>
    <row r="249665" spans="8:8">
      <c r="H249665" s="12"/>
    </row>
    <row r="249666" spans="8:8">
      <c r="H249666" s="12"/>
    </row>
    <row r="249667" spans="8:8">
      <c r="H249667" s="12"/>
    </row>
    <row r="249668" spans="8:8">
      <c r="H249668" s="12"/>
    </row>
    <row r="249669" spans="8:8">
      <c r="H249669" s="12"/>
    </row>
    <row r="249670" spans="8:8">
      <c r="H249670" s="12"/>
    </row>
    <row r="249671" spans="8:8">
      <c r="H249671" s="12"/>
    </row>
    <row r="249672" spans="8:8">
      <c r="H249672" s="12"/>
    </row>
    <row r="249673" spans="8:8">
      <c r="H249673" s="12"/>
    </row>
    <row r="249674" spans="8:8">
      <c r="H249674" s="12"/>
    </row>
    <row r="249675" spans="8:8">
      <c r="H249675" s="12"/>
    </row>
    <row r="249676" spans="8:8">
      <c r="H249676" s="12"/>
    </row>
    <row r="249677" spans="8:8">
      <c r="H249677" s="12"/>
    </row>
    <row r="249678" spans="8:8">
      <c r="H249678" s="12"/>
    </row>
    <row r="249679" spans="8:8">
      <c r="H249679" s="12"/>
    </row>
    <row r="249680" spans="8:8">
      <c r="H249680" s="12"/>
    </row>
    <row r="249681" spans="8:8">
      <c r="H249681" s="12"/>
    </row>
    <row r="249682" spans="8:8">
      <c r="H249682" s="12"/>
    </row>
    <row r="249683" spans="8:8">
      <c r="H249683" s="12"/>
    </row>
    <row r="249684" spans="8:8">
      <c r="H249684" s="12"/>
    </row>
    <row r="249685" spans="8:8">
      <c r="H249685" s="12"/>
    </row>
    <row r="249686" spans="8:8">
      <c r="H249686" s="12"/>
    </row>
    <row r="249687" spans="8:8">
      <c r="H249687" s="12"/>
    </row>
    <row r="249688" spans="8:8">
      <c r="H249688" s="12"/>
    </row>
    <row r="249689" spans="8:8">
      <c r="H249689" s="12"/>
    </row>
    <row r="249690" spans="8:8">
      <c r="H249690" s="12"/>
    </row>
    <row r="249691" spans="8:8">
      <c r="H249691" s="12"/>
    </row>
    <row r="249692" spans="8:8">
      <c r="H249692" s="12"/>
    </row>
    <row r="249693" spans="8:8">
      <c r="H249693" s="12"/>
    </row>
    <row r="249694" spans="8:8">
      <c r="H249694" s="12"/>
    </row>
    <row r="249695" spans="8:8">
      <c r="H249695" s="12"/>
    </row>
    <row r="249696" spans="8:8">
      <c r="H249696" s="12"/>
    </row>
    <row r="249697" spans="8:8">
      <c r="H249697" s="12"/>
    </row>
    <row r="249698" spans="8:8">
      <c r="H249698" s="12"/>
    </row>
    <row r="249699" spans="8:8">
      <c r="H249699" s="12"/>
    </row>
    <row r="249700" spans="8:8">
      <c r="H249700" s="12"/>
    </row>
    <row r="249701" spans="8:8">
      <c r="H249701" s="12"/>
    </row>
    <row r="249702" spans="8:8">
      <c r="H249702" s="12"/>
    </row>
    <row r="249703" spans="8:8">
      <c r="H249703" s="12"/>
    </row>
    <row r="249704" spans="8:8">
      <c r="H249704" s="12"/>
    </row>
    <row r="249705" spans="8:8">
      <c r="H249705" s="12"/>
    </row>
    <row r="249706" spans="8:8">
      <c r="H249706" s="12"/>
    </row>
    <row r="249707" spans="8:8">
      <c r="H249707" s="12"/>
    </row>
    <row r="249708" spans="8:8">
      <c r="H249708" s="12"/>
    </row>
    <row r="249709" spans="8:8">
      <c r="H249709" s="12"/>
    </row>
    <row r="249710" spans="8:8">
      <c r="H249710" s="12"/>
    </row>
    <row r="249711" spans="8:8">
      <c r="H249711" s="12"/>
    </row>
    <row r="249712" spans="8:8">
      <c r="H249712" s="12"/>
    </row>
    <row r="249713" spans="8:8">
      <c r="H249713" s="12"/>
    </row>
    <row r="249714" spans="8:8">
      <c r="H249714" s="12"/>
    </row>
    <row r="249715" spans="8:8">
      <c r="H249715" s="12"/>
    </row>
    <row r="249716" spans="8:8">
      <c r="H249716" s="12"/>
    </row>
    <row r="249717" spans="8:8">
      <c r="H249717" s="12"/>
    </row>
    <row r="249718" spans="8:8">
      <c r="H249718" s="12"/>
    </row>
    <row r="249719" spans="8:8">
      <c r="H249719" s="12"/>
    </row>
    <row r="249720" spans="8:8">
      <c r="H249720" s="12"/>
    </row>
    <row r="249721" spans="8:8">
      <c r="H249721" s="12"/>
    </row>
    <row r="249722" spans="8:8">
      <c r="H249722" s="12"/>
    </row>
    <row r="249723" spans="8:8">
      <c r="H249723" s="12"/>
    </row>
    <row r="249724" spans="8:8">
      <c r="H249724" s="12"/>
    </row>
    <row r="249725" spans="8:8">
      <c r="H249725" s="12"/>
    </row>
    <row r="249726" spans="8:8">
      <c r="H249726" s="12"/>
    </row>
    <row r="249727" spans="8:8">
      <c r="H249727" s="12"/>
    </row>
    <row r="249728" spans="8:8">
      <c r="H249728" s="12"/>
    </row>
    <row r="249729" spans="8:8">
      <c r="H249729" s="12"/>
    </row>
    <row r="249730" spans="8:8">
      <c r="H249730" s="12"/>
    </row>
    <row r="249731" spans="8:8">
      <c r="H249731" s="12"/>
    </row>
    <row r="249732" spans="8:8">
      <c r="H249732" s="12"/>
    </row>
    <row r="249733" spans="8:8">
      <c r="H249733" s="12"/>
    </row>
    <row r="249734" spans="8:8">
      <c r="H249734" s="12"/>
    </row>
    <row r="249735" spans="8:8">
      <c r="H249735" s="12"/>
    </row>
    <row r="249736" spans="8:8">
      <c r="H249736" s="12"/>
    </row>
    <row r="249737" spans="8:8">
      <c r="H249737" s="12"/>
    </row>
    <row r="249738" spans="8:8">
      <c r="H249738" s="12"/>
    </row>
    <row r="249739" spans="8:8">
      <c r="H249739" s="12"/>
    </row>
    <row r="249740" spans="8:8">
      <c r="H249740" s="12"/>
    </row>
    <row r="249741" spans="8:8">
      <c r="H249741" s="12"/>
    </row>
    <row r="249742" spans="8:8">
      <c r="H249742" s="12"/>
    </row>
    <row r="249743" spans="8:8">
      <c r="H249743" s="12"/>
    </row>
    <row r="249744" spans="8:8">
      <c r="H249744" s="12"/>
    </row>
    <row r="249745" spans="8:8">
      <c r="H249745" s="12"/>
    </row>
    <row r="249746" spans="8:8">
      <c r="H249746" s="12"/>
    </row>
    <row r="249747" spans="8:8">
      <c r="H249747" s="12"/>
    </row>
    <row r="249748" spans="8:8">
      <c r="H249748" s="12"/>
    </row>
    <row r="249749" spans="8:8">
      <c r="H249749" s="12"/>
    </row>
    <row r="249750" spans="8:8">
      <c r="H249750" s="12"/>
    </row>
    <row r="249751" spans="8:8">
      <c r="H249751" s="12"/>
    </row>
    <row r="249752" spans="8:8">
      <c r="H249752" s="12"/>
    </row>
    <row r="249753" spans="8:8">
      <c r="H249753" s="12"/>
    </row>
    <row r="249754" spans="8:8">
      <c r="H249754" s="12"/>
    </row>
    <row r="249755" spans="8:8">
      <c r="H249755" s="12"/>
    </row>
    <row r="249756" spans="8:8">
      <c r="H249756" s="12"/>
    </row>
    <row r="249757" spans="8:8">
      <c r="H249757" s="12"/>
    </row>
    <row r="249758" spans="8:8">
      <c r="H249758" s="12"/>
    </row>
    <row r="249759" spans="8:8">
      <c r="H249759" s="12"/>
    </row>
    <row r="249760" spans="8:8">
      <c r="H249760" s="12"/>
    </row>
    <row r="249761" spans="8:8">
      <c r="H249761" s="12"/>
    </row>
    <row r="249762" spans="8:8">
      <c r="H249762" s="12"/>
    </row>
    <row r="249763" spans="8:8">
      <c r="H249763" s="12"/>
    </row>
    <row r="249764" spans="8:8">
      <c r="H249764" s="12"/>
    </row>
    <row r="249765" spans="8:8">
      <c r="H249765" s="12"/>
    </row>
    <row r="249766" spans="8:8">
      <c r="H249766" s="12"/>
    </row>
    <row r="249767" spans="8:8">
      <c r="H249767" s="12"/>
    </row>
    <row r="249768" spans="8:8">
      <c r="H249768" s="12"/>
    </row>
    <row r="249769" spans="8:8">
      <c r="H249769" s="12"/>
    </row>
    <row r="249770" spans="8:8">
      <c r="H249770" s="12"/>
    </row>
    <row r="249771" spans="8:8">
      <c r="H249771" s="12"/>
    </row>
    <row r="249772" spans="8:8">
      <c r="H249772" s="12"/>
    </row>
    <row r="249773" spans="8:8">
      <c r="H249773" s="12"/>
    </row>
    <row r="249774" spans="8:8">
      <c r="H249774" s="12"/>
    </row>
    <row r="249775" spans="8:8">
      <c r="H249775" s="12"/>
    </row>
    <row r="249776" spans="8:8">
      <c r="H249776" s="12"/>
    </row>
    <row r="249777" spans="8:8">
      <c r="H249777" s="12"/>
    </row>
    <row r="249778" spans="8:8">
      <c r="H249778" s="12"/>
    </row>
    <row r="249779" spans="8:8">
      <c r="H249779" s="12"/>
    </row>
    <row r="249780" spans="8:8">
      <c r="H249780" s="12"/>
    </row>
    <row r="249781" spans="8:8">
      <c r="H249781" s="12"/>
    </row>
    <row r="249782" spans="8:8">
      <c r="H249782" s="12"/>
    </row>
    <row r="249783" spans="8:8">
      <c r="H249783" s="12"/>
    </row>
    <row r="249784" spans="8:8">
      <c r="H249784" s="12"/>
    </row>
    <row r="249785" spans="8:8">
      <c r="H249785" s="12"/>
    </row>
    <row r="249786" spans="8:8">
      <c r="H249786" s="12"/>
    </row>
    <row r="249787" spans="8:8">
      <c r="H249787" s="12"/>
    </row>
    <row r="249788" spans="8:8">
      <c r="H249788" s="12"/>
    </row>
    <row r="249789" spans="8:8">
      <c r="H249789" s="12"/>
    </row>
    <row r="249790" spans="8:8">
      <c r="H249790" s="12"/>
    </row>
    <row r="249791" spans="8:8">
      <c r="H249791" s="12"/>
    </row>
    <row r="249792" spans="8:8">
      <c r="H249792" s="12"/>
    </row>
    <row r="249793" spans="8:8">
      <c r="H249793" s="12"/>
    </row>
    <row r="249794" spans="8:8">
      <c r="H249794" s="12"/>
    </row>
    <row r="249795" spans="8:8">
      <c r="H249795" s="12"/>
    </row>
    <row r="249796" spans="8:8">
      <c r="H249796" s="12"/>
    </row>
    <row r="249797" spans="8:8">
      <c r="H249797" s="12"/>
    </row>
    <row r="249798" spans="8:8">
      <c r="H249798" s="12"/>
    </row>
    <row r="249799" spans="8:8">
      <c r="H249799" s="12"/>
    </row>
    <row r="249800" spans="8:8">
      <c r="H249800" s="12"/>
    </row>
    <row r="249801" spans="8:8">
      <c r="H249801" s="12"/>
    </row>
    <row r="249802" spans="8:8">
      <c r="H249802" s="12"/>
    </row>
    <row r="249803" spans="8:8">
      <c r="H249803" s="12"/>
    </row>
    <row r="249804" spans="8:8">
      <c r="H249804" s="12"/>
    </row>
    <row r="249805" spans="8:8">
      <c r="H249805" s="12"/>
    </row>
    <row r="249806" spans="8:8">
      <c r="H249806" s="12"/>
    </row>
    <row r="249807" spans="8:8">
      <c r="H249807" s="12"/>
    </row>
    <row r="249808" spans="8:8">
      <c r="H249808" s="12"/>
    </row>
    <row r="249809" spans="8:8">
      <c r="H249809" s="12"/>
    </row>
    <row r="249810" spans="8:8">
      <c r="H249810" s="12"/>
    </row>
    <row r="249811" spans="8:8">
      <c r="H249811" s="12"/>
    </row>
    <row r="249812" spans="8:8">
      <c r="H249812" s="12"/>
    </row>
    <row r="249813" spans="8:8">
      <c r="H249813" s="12"/>
    </row>
    <row r="249814" spans="8:8">
      <c r="H249814" s="12"/>
    </row>
    <row r="249815" spans="8:8">
      <c r="H249815" s="12"/>
    </row>
    <row r="249816" spans="8:8">
      <c r="H249816" s="12"/>
    </row>
    <row r="249817" spans="8:8">
      <c r="H249817" s="12"/>
    </row>
    <row r="249818" spans="8:8">
      <c r="H249818" s="12"/>
    </row>
    <row r="249819" spans="8:8">
      <c r="H249819" s="12"/>
    </row>
    <row r="249820" spans="8:8">
      <c r="H249820" s="12"/>
    </row>
    <row r="249821" spans="8:8">
      <c r="H249821" s="12"/>
    </row>
    <row r="249822" spans="8:8">
      <c r="H249822" s="12"/>
    </row>
    <row r="249823" spans="8:8">
      <c r="H249823" s="12"/>
    </row>
    <row r="249824" spans="8:8">
      <c r="H249824" s="12"/>
    </row>
    <row r="249825" spans="8:8">
      <c r="H249825" s="12"/>
    </row>
    <row r="249826" spans="8:8">
      <c r="H249826" s="12"/>
    </row>
    <row r="249827" spans="8:8">
      <c r="H249827" s="12"/>
    </row>
    <row r="249828" spans="8:8">
      <c r="H249828" s="12"/>
    </row>
    <row r="249829" spans="8:8">
      <c r="H249829" s="12"/>
    </row>
    <row r="249830" spans="8:8">
      <c r="H249830" s="12"/>
    </row>
    <row r="249831" spans="8:8">
      <c r="H249831" s="12"/>
    </row>
    <row r="249832" spans="8:8">
      <c r="H249832" s="12"/>
    </row>
    <row r="249833" spans="8:8">
      <c r="H249833" s="12"/>
    </row>
    <row r="249834" spans="8:8">
      <c r="H249834" s="12"/>
    </row>
    <row r="249835" spans="8:8">
      <c r="H249835" s="12"/>
    </row>
    <row r="249836" spans="8:8">
      <c r="H249836" s="12"/>
    </row>
    <row r="249837" spans="8:8">
      <c r="H249837" s="12"/>
    </row>
    <row r="249838" spans="8:8">
      <c r="H249838" s="12"/>
    </row>
    <row r="249839" spans="8:8">
      <c r="H249839" s="12"/>
    </row>
    <row r="249840" spans="8:8">
      <c r="H249840" s="12"/>
    </row>
    <row r="249841" spans="8:8">
      <c r="H249841" s="12"/>
    </row>
    <row r="249842" spans="8:8">
      <c r="H249842" s="12"/>
    </row>
    <row r="249843" spans="8:8">
      <c r="H249843" s="12"/>
    </row>
    <row r="249844" spans="8:8">
      <c r="H249844" s="12"/>
    </row>
    <row r="249845" spans="8:8">
      <c r="H249845" s="12"/>
    </row>
    <row r="249846" spans="8:8">
      <c r="H249846" s="12"/>
    </row>
    <row r="249847" spans="8:8">
      <c r="H249847" s="12"/>
    </row>
    <row r="249848" spans="8:8">
      <c r="H249848" s="12"/>
    </row>
    <row r="249849" spans="8:8">
      <c r="H249849" s="12"/>
    </row>
    <row r="249850" spans="8:8">
      <c r="H249850" s="12"/>
    </row>
    <row r="249851" spans="8:8">
      <c r="H249851" s="12"/>
    </row>
    <row r="249852" spans="8:8">
      <c r="H249852" s="12"/>
    </row>
    <row r="249853" spans="8:8">
      <c r="H249853" s="12"/>
    </row>
    <row r="249854" spans="8:8">
      <c r="H249854" s="12"/>
    </row>
    <row r="249855" spans="8:8">
      <c r="H249855" s="12"/>
    </row>
    <row r="249856" spans="8:8">
      <c r="H249856" s="12"/>
    </row>
    <row r="249857" spans="8:8">
      <c r="H249857" s="12"/>
    </row>
    <row r="249858" spans="8:8">
      <c r="H249858" s="12"/>
    </row>
    <row r="249859" spans="8:8">
      <c r="H249859" s="12"/>
    </row>
    <row r="249860" spans="8:8">
      <c r="H249860" s="12"/>
    </row>
    <row r="249861" spans="8:8">
      <c r="H249861" s="12"/>
    </row>
    <row r="249862" spans="8:8">
      <c r="H249862" s="12"/>
    </row>
    <row r="249863" spans="8:8">
      <c r="H249863" s="12"/>
    </row>
    <row r="249864" spans="8:8">
      <c r="H249864" s="12"/>
    </row>
    <row r="249865" spans="8:8">
      <c r="H249865" s="12"/>
    </row>
    <row r="249866" spans="8:8">
      <c r="H249866" s="12"/>
    </row>
    <row r="249867" spans="8:8">
      <c r="H249867" s="12"/>
    </row>
    <row r="249868" spans="8:8">
      <c r="H249868" s="12"/>
    </row>
    <row r="249869" spans="8:8">
      <c r="H249869" s="12"/>
    </row>
    <row r="249870" spans="8:8">
      <c r="H249870" s="12"/>
    </row>
    <row r="249871" spans="8:8">
      <c r="H249871" s="12"/>
    </row>
    <row r="249872" spans="8:8">
      <c r="H249872" s="12"/>
    </row>
    <row r="249873" spans="8:8">
      <c r="H249873" s="12"/>
    </row>
    <row r="249874" spans="8:8">
      <c r="H249874" s="12"/>
    </row>
    <row r="249875" spans="8:8">
      <c r="H249875" s="12"/>
    </row>
    <row r="249876" spans="8:8">
      <c r="H249876" s="12"/>
    </row>
    <row r="249877" spans="8:8">
      <c r="H249877" s="12"/>
    </row>
    <row r="249878" spans="8:8">
      <c r="H249878" s="12"/>
    </row>
    <row r="249879" spans="8:8">
      <c r="H249879" s="12"/>
    </row>
    <row r="249880" spans="8:8">
      <c r="H249880" s="12"/>
    </row>
    <row r="249881" spans="8:8">
      <c r="H249881" s="12"/>
    </row>
    <row r="249882" spans="8:8">
      <c r="H249882" s="12"/>
    </row>
    <row r="249883" spans="8:8">
      <c r="H249883" s="12"/>
    </row>
    <row r="249884" spans="8:8">
      <c r="H249884" s="12"/>
    </row>
    <row r="249885" spans="8:8">
      <c r="H249885" s="12"/>
    </row>
    <row r="249886" spans="8:8">
      <c r="H249886" s="12"/>
    </row>
    <row r="249887" spans="8:8">
      <c r="H249887" s="12"/>
    </row>
    <row r="249888" spans="8:8">
      <c r="H249888" s="12"/>
    </row>
    <row r="249889" spans="8:8">
      <c r="H249889" s="12"/>
    </row>
    <row r="249890" spans="8:8">
      <c r="H249890" s="12"/>
    </row>
    <row r="249891" spans="8:8">
      <c r="H249891" s="12"/>
    </row>
    <row r="249892" spans="8:8">
      <c r="H249892" s="12"/>
    </row>
    <row r="249893" spans="8:8">
      <c r="H249893" s="12"/>
    </row>
    <row r="249894" spans="8:8">
      <c r="H249894" s="12"/>
    </row>
    <row r="249895" spans="8:8">
      <c r="H249895" s="12"/>
    </row>
    <row r="249896" spans="8:8">
      <c r="H249896" s="12"/>
    </row>
    <row r="249897" spans="8:8">
      <c r="H249897" s="12"/>
    </row>
    <row r="249898" spans="8:8">
      <c r="H249898" s="12"/>
    </row>
    <row r="249899" spans="8:8">
      <c r="H249899" s="12"/>
    </row>
    <row r="249900" spans="8:8">
      <c r="H249900" s="12"/>
    </row>
    <row r="249901" spans="8:8">
      <c r="H249901" s="12"/>
    </row>
    <row r="249902" spans="8:8">
      <c r="H249902" s="12"/>
    </row>
    <row r="249903" spans="8:8">
      <c r="H249903" s="12"/>
    </row>
    <row r="249904" spans="8:8">
      <c r="H249904" s="12"/>
    </row>
    <row r="249905" spans="8:8">
      <c r="H249905" s="12"/>
    </row>
    <row r="249906" spans="8:8">
      <c r="H249906" s="12"/>
    </row>
    <row r="249907" spans="8:8">
      <c r="H249907" s="12"/>
    </row>
    <row r="249908" spans="8:8">
      <c r="H249908" s="12"/>
    </row>
    <row r="249909" spans="8:8">
      <c r="H249909" s="12"/>
    </row>
    <row r="249910" spans="8:8">
      <c r="H249910" s="12"/>
    </row>
    <row r="249911" spans="8:8">
      <c r="H249911" s="12"/>
    </row>
    <row r="249912" spans="8:8">
      <c r="H249912" s="12"/>
    </row>
    <row r="249913" spans="8:8">
      <c r="H249913" s="12"/>
    </row>
    <row r="249914" spans="8:8">
      <c r="H249914" s="12"/>
    </row>
    <row r="249915" spans="8:8">
      <c r="H249915" s="12"/>
    </row>
    <row r="249916" spans="8:8">
      <c r="H249916" s="12"/>
    </row>
    <row r="249917" spans="8:8">
      <c r="H249917" s="12"/>
    </row>
    <row r="249918" spans="8:8">
      <c r="H249918" s="12"/>
    </row>
    <row r="249919" spans="8:8">
      <c r="H249919" s="12"/>
    </row>
    <row r="249920" spans="8:8">
      <c r="H249920" s="12"/>
    </row>
    <row r="249921" spans="8:8">
      <c r="H249921" s="12"/>
    </row>
    <row r="249922" spans="8:8">
      <c r="H249922" s="12"/>
    </row>
    <row r="249923" spans="8:8">
      <c r="H249923" s="12"/>
    </row>
    <row r="249924" spans="8:8">
      <c r="H249924" s="12"/>
    </row>
    <row r="249925" spans="8:8">
      <c r="H249925" s="12"/>
    </row>
    <row r="249926" spans="8:8">
      <c r="H249926" s="12"/>
    </row>
    <row r="249927" spans="8:8">
      <c r="H249927" s="12"/>
    </row>
    <row r="249928" spans="8:8">
      <c r="H249928" s="12"/>
    </row>
    <row r="249929" spans="8:8">
      <c r="H249929" s="12"/>
    </row>
    <row r="249930" spans="8:8">
      <c r="H249930" s="12"/>
    </row>
    <row r="249931" spans="8:8">
      <c r="H249931" s="12"/>
    </row>
    <row r="249932" spans="8:8">
      <c r="H249932" s="12"/>
    </row>
    <row r="249933" spans="8:8">
      <c r="H249933" s="12"/>
    </row>
    <row r="249934" spans="8:8">
      <c r="H249934" s="12"/>
    </row>
    <row r="249935" spans="8:8">
      <c r="H249935" s="12"/>
    </row>
    <row r="249936" spans="8:8">
      <c r="H249936" s="12"/>
    </row>
    <row r="249937" spans="8:8">
      <c r="H249937" s="12"/>
    </row>
    <row r="249938" spans="8:8">
      <c r="H249938" s="12"/>
    </row>
    <row r="249939" spans="8:8">
      <c r="H249939" s="12"/>
    </row>
    <row r="249940" spans="8:8">
      <c r="H249940" s="12"/>
    </row>
    <row r="249941" spans="8:8">
      <c r="H249941" s="12"/>
    </row>
    <row r="249942" spans="8:8">
      <c r="H249942" s="12"/>
    </row>
    <row r="249943" spans="8:8">
      <c r="H249943" s="12"/>
    </row>
    <row r="249944" spans="8:8">
      <c r="H249944" s="12"/>
    </row>
    <row r="249945" spans="8:8">
      <c r="H249945" s="12"/>
    </row>
    <row r="249946" spans="8:8">
      <c r="H249946" s="12"/>
    </row>
    <row r="249947" spans="8:8">
      <c r="H249947" s="12"/>
    </row>
    <row r="249948" spans="8:8">
      <c r="H249948" s="12"/>
    </row>
    <row r="249949" spans="8:8">
      <c r="H249949" s="12"/>
    </row>
    <row r="249950" spans="8:8">
      <c r="H249950" s="12"/>
    </row>
    <row r="249951" spans="8:8">
      <c r="H249951" s="12"/>
    </row>
    <row r="249952" spans="8:8">
      <c r="H249952" s="12"/>
    </row>
    <row r="249953" spans="8:8">
      <c r="H249953" s="12"/>
    </row>
    <row r="249954" spans="8:8">
      <c r="H249954" s="12"/>
    </row>
    <row r="249955" spans="8:8">
      <c r="H249955" s="12"/>
    </row>
    <row r="249956" spans="8:8">
      <c r="H249956" s="12"/>
    </row>
    <row r="249957" spans="8:8">
      <c r="H249957" s="12"/>
    </row>
    <row r="249958" spans="8:8">
      <c r="H249958" s="12"/>
    </row>
    <row r="249959" spans="8:8">
      <c r="H249959" s="12"/>
    </row>
    <row r="249960" spans="8:8">
      <c r="H249960" s="12"/>
    </row>
    <row r="249961" spans="8:8">
      <c r="H249961" s="12"/>
    </row>
    <row r="249962" spans="8:8">
      <c r="H249962" s="12"/>
    </row>
    <row r="249963" spans="8:8">
      <c r="H249963" s="12"/>
    </row>
    <row r="249964" spans="8:8">
      <c r="H249964" s="12"/>
    </row>
    <row r="249965" spans="8:8">
      <c r="H249965" s="12"/>
    </row>
    <row r="249966" spans="8:8">
      <c r="H249966" s="12"/>
    </row>
    <row r="249967" spans="8:8">
      <c r="H249967" s="12"/>
    </row>
    <row r="249968" spans="8:8">
      <c r="H249968" s="12"/>
    </row>
    <row r="249969" spans="8:8">
      <c r="H249969" s="12"/>
    </row>
    <row r="249970" spans="8:8">
      <c r="H249970" s="12"/>
    </row>
    <row r="249971" spans="8:8">
      <c r="H249971" s="12"/>
    </row>
    <row r="249972" spans="8:8">
      <c r="H249972" s="12"/>
    </row>
    <row r="249973" spans="8:8">
      <c r="H249973" s="12"/>
    </row>
    <row r="249974" spans="8:8">
      <c r="H249974" s="12"/>
    </row>
    <row r="249975" spans="8:8">
      <c r="H249975" s="12"/>
    </row>
    <row r="249976" spans="8:8">
      <c r="H249976" s="12"/>
    </row>
    <row r="249977" spans="8:8">
      <c r="H249977" s="12"/>
    </row>
    <row r="249978" spans="8:8">
      <c r="H249978" s="12"/>
    </row>
    <row r="249979" spans="8:8">
      <c r="H249979" s="12"/>
    </row>
    <row r="249980" spans="8:8">
      <c r="H249980" s="12"/>
    </row>
    <row r="249981" spans="8:8">
      <c r="H249981" s="12"/>
    </row>
    <row r="249982" spans="8:8">
      <c r="H249982" s="12"/>
    </row>
    <row r="249983" spans="8:8">
      <c r="H249983" s="12"/>
    </row>
    <row r="249984" spans="8:8">
      <c r="H249984" s="12"/>
    </row>
    <row r="249985" spans="8:8">
      <c r="H249985" s="12"/>
    </row>
    <row r="249986" spans="8:8">
      <c r="H249986" s="12"/>
    </row>
    <row r="249987" spans="8:8">
      <c r="H249987" s="12"/>
    </row>
    <row r="249988" spans="8:8">
      <c r="H249988" s="12"/>
    </row>
    <row r="249989" spans="8:8">
      <c r="H249989" s="12"/>
    </row>
    <row r="249990" spans="8:8">
      <c r="H249990" s="12"/>
    </row>
    <row r="249991" spans="8:8">
      <c r="H249991" s="12"/>
    </row>
    <row r="249992" spans="8:8">
      <c r="H249992" s="12"/>
    </row>
    <row r="249993" spans="8:8">
      <c r="H249993" s="12"/>
    </row>
    <row r="249994" spans="8:8">
      <c r="H249994" s="12"/>
    </row>
    <row r="249995" spans="8:8">
      <c r="H249995" s="12"/>
    </row>
    <row r="249996" spans="8:8">
      <c r="H249996" s="12"/>
    </row>
    <row r="249997" spans="8:8">
      <c r="H249997" s="12"/>
    </row>
    <row r="249998" spans="8:8">
      <c r="H249998" s="12"/>
    </row>
    <row r="249999" spans="8:8">
      <c r="H249999" s="12"/>
    </row>
    <row r="250000" spans="8:8">
      <c r="H250000" s="12"/>
    </row>
    <row r="250001" spans="8:8">
      <c r="H250001" s="12"/>
    </row>
    <row r="250002" spans="8:8">
      <c r="H250002" s="12"/>
    </row>
    <row r="250003" spans="8:8">
      <c r="H250003" s="12"/>
    </row>
    <row r="250004" spans="8:8">
      <c r="H250004" s="12"/>
    </row>
    <row r="250005" spans="8:8">
      <c r="H250005" s="12"/>
    </row>
    <row r="250006" spans="8:8">
      <c r="H250006" s="12"/>
    </row>
    <row r="250007" spans="8:8">
      <c r="H250007" s="12"/>
    </row>
    <row r="250008" spans="8:8">
      <c r="H250008" s="12"/>
    </row>
    <row r="250009" spans="8:8">
      <c r="H250009" s="12"/>
    </row>
    <row r="250010" spans="8:8">
      <c r="H250010" s="12"/>
    </row>
    <row r="250011" spans="8:8">
      <c r="H250011" s="12"/>
    </row>
    <row r="250012" spans="8:8">
      <c r="H250012" s="12"/>
    </row>
    <row r="250013" spans="8:8">
      <c r="H250013" s="12"/>
    </row>
    <row r="250014" spans="8:8">
      <c r="H250014" s="12"/>
    </row>
    <row r="250015" spans="8:8">
      <c r="H250015" s="12"/>
    </row>
    <row r="250016" spans="8:8">
      <c r="H250016" s="12"/>
    </row>
    <row r="250017" spans="8:8">
      <c r="H250017" s="12"/>
    </row>
    <row r="250018" spans="8:8">
      <c r="H250018" s="12"/>
    </row>
    <row r="250019" spans="8:8">
      <c r="H250019" s="12"/>
    </row>
    <row r="250020" spans="8:8">
      <c r="H250020" s="12"/>
    </row>
    <row r="250021" spans="8:8">
      <c r="H250021" s="12"/>
    </row>
    <row r="250022" spans="8:8">
      <c r="H250022" s="12"/>
    </row>
    <row r="250023" spans="8:8">
      <c r="H250023" s="12"/>
    </row>
    <row r="250024" spans="8:8">
      <c r="H250024" s="12"/>
    </row>
    <row r="250025" spans="8:8">
      <c r="H250025" s="12"/>
    </row>
    <row r="250026" spans="8:8">
      <c r="H250026" s="12"/>
    </row>
    <row r="250027" spans="8:8">
      <c r="H250027" s="12"/>
    </row>
    <row r="250028" spans="8:8">
      <c r="H250028" s="12"/>
    </row>
    <row r="250029" spans="8:8">
      <c r="H250029" s="12"/>
    </row>
    <row r="250030" spans="8:8">
      <c r="H250030" s="12"/>
    </row>
    <row r="250031" spans="8:8">
      <c r="H250031" s="12"/>
    </row>
    <row r="250032" spans="8:8">
      <c r="H250032" s="12"/>
    </row>
    <row r="250033" spans="8:8">
      <c r="H250033" s="12"/>
    </row>
    <row r="250034" spans="8:8">
      <c r="H250034" s="12"/>
    </row>
    <row r="250035" spans="8:8">
      <c r="H250035" s="12"/>
    </row>
    <row r="250036" spans="8:8">
      <c r="H250036" s="12"/>
    </row>
    <row r="250037" spans="8:8">
      <c r="H250037" s="12"/>
    </row>
    <row r="250038" spans="8:8">
      <c r="H250038" s="12"/>
    </row>
    <row r="250039" spans="8:8">
      <c r="H250039" s="12"/>
    </row>
    <row r="250040" spans="8:8">
      <c r="H250040" s="12"/>
    </row>
    <row r="250041" spans="8:8">
      <c r="H250041" s="12"/>
    </row>
    <row r="250042" spans="8:8">
      <c r="H250042" s="12"/>
    </row>
    <row r="250043" spans="8:8">
      <c r="H250043" s="12"/>
    </row>
    <row r="250044" spans="8:8">
      <c r="H250044" s="12"/>
    </row>
    <row r="250045" spans="8:8">
      <c r="H250045" s="12"/>
    </row>
    <row r="250046" spans="8:8">
      <c r="H250046" s="12"/>
    </row>
    <row r="250047" spans="8:8">
      <c r="H250047" s="12"/>
    </row>
    <row r="250048" spans="8:8">
      <c r="H250048" s="12"/>
    </row>
    <row r="250049" spans="8:8">
      <c r="H250049" s="12"/>
    </row>
    <row r="250050" spans="8:8">
      <c r="H250050" s="12"/>
    </row>
    <row r="250051" spans="8:8">
      <c r="H250051" s="12"/>
    </row>
    <row r="250052" spans="8:8">
      <c r="H250052" s="12"/>
    </row>
    <row r="250053" spans="8:8">
      <c r="H250053" s="12"/>
    </row>
    <row r="250054" spans="8:8">
      <c r="H250054" s="12"/>
    </row>
    <row r="250055" spans="8:8">
      <c r="H250055" s="12"/>
    </row>
    <row r="250056" spans="8:8">
      <c r="H250056" s="12"/>
    </row>
    <row r="250057" spans="8:8">
      <c r="H250057" s="12"/>
    </row>
    <row r="250058" spans="8:8">
      <c r="H250058" s="12"/>
    </row>
    <row r="250059" spans="8:8">
      <c r="H250059" s="12"/>
    </row>
    <row r="250060" spans="8:8">
      <c r="H250060" s="12"/>
    </row>
    <row r="250061" spans="8:8">
      <c r="H250061" s="12"/>
    </row>
    <row r="250062" spans="8:8">
      <c r="H250062" s="12"/>
    </row>
    <row r="250063" spans="8:8">
      <c r="H250063" s="12"/>
    </row>
    <row r="250064" spans="8:8">
      <c r="H250064" s="12"/>
    </row>
    <row r="250065" spans="8:8">
      <c r="H250065" s="12"/>
    </row>
    <row r="250066" spans="8:8">
      <c r="H250066" s="12"/>
    </row>
    <row r="250067" spans="8:8">
      <c r="H250067" s="12"/>
    </row>
    <row r="250068" spans="8:8">
      <c r="H250068" s="12"/>
    </row>
    <row r="250069" spans="8:8">
      <c r="H250069" s="12"/>
    </row>
    <row r="250070" spans="8:8">
      <c r="H250070" s="12"/>
    </row>
    <row r="250071" spans="8:8">
      <c r="H250071" s="12"/>
    </row>
    <row r="250072" spans="8:8">
      <c r="H250072" s="12"/>
    </row>
    <row r="250073" spans="8:8">
      <c r="H250073" s="12"/>
    </row>
    <row r="250074" spans="8:8">
      <c r="H250074" s="12"/>
    </row>
    <row r="250075" spans="8:8">
      <c r="H250075" s="12"/>
    </row>
    <row r="250076" spans="8:8">
      <c r="H250076" s="12"/>
    </row>
    <row r="250077" spans="8:8">
      <c r="H250077" s="12"/>
    </row>
    <row r="250078" spans="8:8">
      <c r="H250078" s="12"/>
    </row>
    <row r="250079" spans="8:8">
      <c r="H250079" s="12"/>
    </row>
    <row r="250080" spans="8:8">
      <c r="H250080" s="12"/>
    </row>
    <row r="250081" spans="8:8">
      <c r="H250081" s="12"/>
    </row>
    <row r="250082" spans="8:8">
      <c r="H250082" s="12"/>
    </row>
    <row r="250083" spans="8:8">
      <c r="H250083" s="12"/>
    </row>
    <row r="250084" spans="8:8">
      <c r="H250084" s="12"/>
    </row>
    <row r="250085" spans="8:8">
      <c r="H250085" s="12"/>
    </row>
    <row r="250086" spans="8:8">
      <c r="H250086" s="12"/>
    </row>
    <row r="250087" spans="8:8">
      <c r="H250087" s="12"/>
    </row>
    <row r="250088" spans="8:8">
      <c r="H250088" s="12"/>
    </row>
    <row r="250089" spans="8:8">
      <c r="H250089" s="12"/>
    </row>
    <row r="250090" spans="8:8">
      <c r="H250090" s="12"/>
    </row>
    <row r="250091" spans="8:8">
      <c r="H250091" s="12"/>
    </row>
    <row r="250092" spans="8:8">
      <c r="H250092" s="12"/>
    </row>
    <row r="250093" spans="8:8">
      <c r="H250093" s="12"/>
    </row>
    <row r="250094" spans="8:8">
      <c r="H250094" s="12"/>
    </row>
    <row r="250095" spans="8:8">
      <c r="H250095" s="12"/>
    </row>
    <row r="250096" spans="8:8">
      <c r="H250096" s="12"/>
    </row>
    <row r="250097" spans="8:8">
      <c r="H250097" s="12"/>
    </row>
    <row r="250098" spans="8:8">
      <c r="H250098" s="12"/>
    </row>
    <row r="250099" spans="8:8">
      <c r="H250099" s="12"/>
    </row>
    <row r="250100" spans="8:8">
      <c r="H250100" s="12"/>
    </row>
    <row r="250101" spans="8:8">
      <c r="H250101" s="12"/>
    </row>
    <row r="250102" spans="8:8">
      <c r="H250102" s="12"/>
    </row>
    <row r="250103" spans="8:8">
      <c r="H250103" s="12"/>
    </row>
    <row r="250104" spans="8:8">
      <c r="H250104" s="12"/>
    </row>
    <row r="250105" spans="8:8">
      <c r="H250105" s="12"/>
    </row>
    <row r="250106" spans="8:8">
      <c r="H250106" s="12"/>
    </row>
    <row r="250107" spans="8:8">
      <c r="H250107" s="12"/>
    </row>
    <row r="250108" spans="8:8">
      <c r="H250108" s="12"/>
    </row>
    <row r="250109" spans="8:8">
      <c r="H250109" s="12"/>
    </row>
    <row r="250110" spans="8:8">
      <c r="H250110" s="12"/>
    </row>
    <row r="250111" spans="8:8">
      <c r="H250111" s="12"/>
    </row>
    <row r="250112" spans="8:8">
      <c r="H250112" s="12"/>
    </row>
    <row r="250113" spans="8:8">
      <c r="H250113" s="12"/>
    </row>
    <row r="250114" spans="8:8">
      <c r="H250114" s="12"/>
    </row>
    <row r="250115" spans="8:8">
      <c r="H250115" s="12"/>
    </row>
    <row r="250116" spans="8:8">
      <c r="H250116" s="12"/>
    </row>
    <row r="250117" spans="8:8">
      <c r="H250117" s="12"/>
    </row>
    <row r="250118" spans="8:8">
      <c r="H250118" s="12"/>
    </row>
    <row r="250119" spans="8:8">
      <c r="H250119" s="12"/>
    </row>
    <row r="250120" spans="8:8">
      <c r="H250120" s="12"/>
    </row>
    <row r="250121" spans="8:8">
      <c r="H250121" s="12"/>
    </row>
    <row r="250122" spans="8:8">
      <c r="H250122" s="12"/>
    </row>
    <row r="250123" spans="8:8">
      <c r="H250123" s="12"/>
    </row>
    <row r="250124" spans="8:8">
      <c r="H250124" s="12"/>
    </row>
    <row r="250125" spans="8:8">
      <c r="H250125" s="12"/>
    </row>
    <row r="250126" spans="8:8">
      <c r="H250126" s="12"/>
    </row>
    <row r="250127" spans="8:8">
      <c r="H250127" s="12"/>
    </row>
    <row r="250128" spans="8:8">
      <c r="H250128" s="12"/>
    </row>
    <row r="250129" spans="8:8">
      <c r="H250129" s="12"/>
    </row>
    <row r="250130" spans="8:8">
      <c r="H250130" s="12"/>
    </row>
    <row r="250131" spans="8:8">
      <c r="H250131" s="12"/>
    </row>
    <row r="250132" spans="8:8">
      <c r="H250132" s="12"/>
    </row>
    <row r="250133" spans="8:8">
      <c r="H250133" s="12"/>
    </row>
    <row r="250134" spans="8:8">
      <c r="H250134" s="12"/>
    </row>
    <row r="250135" spans="8:8">
      <c r="H250135" s="12"/>
    </row>
    <row r="250136" spans="8:8">
      <c r="H250136" s="12"/>
    </row>
    <row r="250137" spans="8:8">
      <c r="H250137" s="12"/>
    </row>
    <row r="250138" spans="8:8">
      <c r="H250138" s="12"/>
    </row>
    <row r="250139" spans="8:8">
      <c r="H250139" s="12"/>
    </row>
    <row r="250140" spans="8:8">
      <c r="H250140" s="12"/>
    </row>
    <row r="250141" spans="8:8">
      <c r="H250141" s="12"/>
    </row>
    <row r="250142" spans="8:8">
      <c r="H250142" s="12"/>
    </row>
    <row r="250143" spans="8:8">
      <c r="H250143" s="12"/>
    </row>
    <row r="250144" spans="8:8">
      <c r="H250144" s="12"/>
    </row>
    <row r="250145" spans="8:8">
      <c r="H250145" s="12"/>
    </row>
    <row r="250146" spans="8:8">
      <c r="H250146" s="12"/>
    </row>
    <row r="250147" spans="8:8">
      <c r="H250147" s="12"/>
    </row>
    <row r="250148" spans="8:8">
      <c r="H250148" s="12"/>
    </row>
    <row r="250149" spans="8:8">
      <c r="H250149" s="12"/>
    </row>
    <row r="250150" spans="8:8">
      <c r="H250150" s="12"/>
    </row>
    <row r="250151" spans="8:8">
      <c r="H250151" s="12"/>
    </row>
    <row r="250152" spans="8:8">
      <c r="H250152" s="12"/>
    </row>
    <row r="250153" spans="8:8">
      <c r="H250153" s="12"/>
    </row>
    <row r="250154" spans="8:8">
      <c r="H250154" s="12"/>
    </row>
    <row r="250155" spans="8:8">
      <c r="H250155" s="12"/>
    </row>
    <row r="250156" spans="8:8">
      <c r="H250156" s="12"/>
    </row>
    <row r="250157" spans="8:8">
      <c r="H250157" s="12"/>
    </row>
    <row r="250158" spans="8:8">
      <c r="H250158" s="12"/>
    </row>
    <row r="250159" spans="8:8">
      <c r="H250159" s="12"/>
    </row>
    <row r="250160" spans="8:8">
      <c r="H250160" s="12"/>
    </row>
    <row r="250161" spans="8:8">
      <c r="H250161" s="12"/>
    </row>
    <row r="250162" spans="8:8">
      <c r="H250162" s="12"/>
    </row>
    <row r="250163" spans="8:8">
      <c r="H250163" s="12"/>
    </row>
    <row r="250164" spans="8:8">
      <c r="H250164" s="12"/>
    </row>
    <row r="250165" spans="8:8">
      <c r="H250165" s="12"/>
    </row>
    <row r="250166" spans="8:8">
      <c r="H250166" s="12"/>
    </row>
    <row r="250167" spans="8:8">
      <c r="H250167" s="12"/>
    </row>
    <row r="250168" spans="8:8">
      <c r="H250168" s="12"/>
    </row>
    <row r="250169" spans="8:8">
      <c r="H250169" s="12"/>
    </row>
    <row r="250170" spans="8:8">
      <c r="H250170" s="12"/>
    </row>
    <row r="250171" spans="8:8">
      <c r="H250171" s="12"/>
    </row>
    <row r="250172" spans="8:8">
      <c r="H250172" s="12"/>
    </row>
    <row r="250173" spans="8:8">
      <c r="H250173" s="12"/>
    </row>
    <row r="250174" spans="8:8">
      <c r="H250174" s="12"/>
    </row>
    <row r="250175" spans="8:8">
      <c r="H250175" s="12"/>
    </row>
    <row r="250176" spans="8:8">
      <c r="H250176" s="12"/>
    </row>
    <row r="250177" spans="8:8">
      <c r="H250177" s="12"/>
    </row>
    <row r="250178" spans="8:8">
      <c r="H250178" s="12"/>
    </row>
    <row r="250179" spans="8:8">
      <c r="H250179" s="12"/>
    </row>
    <row r="250180" spans="8:8">
      <c r="H250180" s="12"/>
    </row>
    <row r="250181" spans="8:8">
      <c r="H250181" s="12"/>
    </row>
    <row r="250182" spans="8:8">
      <c r="H250182" s="12"/>
    </row>
    <row r="250183" spans="8:8">
      <c r="H250183" s="12"/>
    </row>
    <row r="250184" spans="8:8">
      <c r="H250184" s="12"/>
    </row>
    <row r="250185" spans="8:8">
      <c r="H250185" s="12"/>
    </row>
    <row r="250186" spans="8:8">
      <c r="H250186" s="12"/>
    </row>
    <row r="250187" spans="8:8">
      <c r="H250187" s="12"/>
    </row>
    <row r="250188" spans="8:8">
      <c r="H250188" s="12"/>
    </row>
    <row r="250189" spans="8:8">
      <c r="H250189" s="12"/>
    </row>
    <row r="250190" spans="8:8">
      <c r="H250190" s="12"/>
    </row>
    <row r="250191" spans="8:8">
      <c r="H250191" s="12"/>
    </row>
    <row r="250192" spans="8:8">
      <c r="H250192" s="12"/>
    </row>
    <row r="250193" spans="8:8">
      <c r="H250193" s="12"/>
    </row>
    <row r="250194" spans="8:8">
      <c r="H250194" s="12"/>
    </row>
    <row r="250195" spans="8:8">
      <c r="H250195" s="12"/>
    </row>
    <row r="250196" spans="8:8">
      <c r="H250196" s="12"/>
    </row>
    <row r="250197" spans="8:8">
      <c r="H250197" s="12"/>
    </row>
    <row r="250198" spans="8:8">
      <c r="H250198" s="12"/>
    </row>
    <row r="250199" spans="8:8">
      <c r="H250199" s="12"/>
    </row>
    <row r="250200" spans="8:8">
      <c r="H250200" s="12"/>
    </row>
    <row r="250201" spans="8:8">
      <c r="H250201" s="12"/>
    </row>
    <row r="250202" spans="8:8">
      <c r="H250202" s="12"/>
    </row>
    <row r="250203" spans="8:8">
      <c r="H250203" s="12"/>
    </row>
    <row r="250204" spans="8:8">
      <c r="H250204" s="12"/>
    </row>
    <row r="250205" spans="8:8">
      <c r="H250205" s="12"/>
    </row>
    <row r="250206" spans="8:8">
      <c r="H250206" s="12"/>
    </row>
    <row r="250207" spans="8:8">
      <c r="H250207" s="12"/>
    </row>
    <row r="250208" spans="8:8">
      <c r="H250208" s="12"/>
    </row>
    <row r="250209" spans="8:8">
      <c r="H250209" s="12"/>
    </row>
    <row r="250210" spans="8:8">
      <c r="H250210" s="12"/>
    </row>
    <row r="250211" spans="8:8">
      <c r="H250211" s="12"/>
    </row>
    <row r="250212" spans="8:8">
      <c r="H250212" s="12"/>
    </row>
    <row r="250213" spans="8:8">
      <c r="H250213" s="12"/>
    </row>
    <row r="250214" spans="8:8">
      <c r="H250214" s="12"/>
    </row>
    <row r="250215" spans="8:8">
      <c r="H250215" s="12"/>
    </row>
    <row r="250216" spans="8:8">
      <c r="H250216" s="12"/>
    </row>
    <row r="250217" spans="8:8">
      <c r="H250217" s="12"/>
    </row>
    <row r="250218" spans="8:8">
      <c r="H250218" s="12"/>
    </row>
    <row r="250219" spans="8:8">
      <c r="H250219" s="12"/>
    </row>
    <row r="250220" spans="8:8">
      <c r="H250220" s="12"/>
    </row>
    <row r="250221" spans="8:8">
      <c r="H250221" s="12"/>
    </row>
    <row r="250222" spans="8:8">
      <c r="H250222" s="12"/>
    </row>
    <row r="250223" spans="8:8">
      <c r="H250223" s="12"/>
    </row>
    <row r="250224" spans="8:8">
      <c r="H250224" s="12"/>
    </row>
    <row r="250225" spans="8:8">
      <c r="H250225" s="12"/>
    </row>
    <row r="250226" spans="8:8">
      <c r="H250226" s="12"/>
    </row>
    <row r="250227" spans="8:8">
      <c r="H250227" s="12"/>
    </row>
    <row r="250228" spans="8:8">
      <c r="H250228" s="12"/>
    </row>
    <row r="250229" spans="8:8">
      <c r="H250229" s="12"/>
    </row>
    <row r="250230" spans="8:8">
      <c r="H250230" s="12"/>
    </row>
    <row r="250231" spans="8:8">
      <c r="H250231" s="12"/>
    </row>
    <row r="250232" spans="8:8">
      <c r="H250232" s="12"/>
    </row>
    <row r="250233" spans="8:8">
      <c r="H250233" s="12"/>
    </row>
    <row r="250234" spans="8:8">
      <c r="H250234" s="12"/>
    </row>
    <row r="250235" spans="8:8">
      <c r="H250235" s="12"/>
    </row>
    <row r="250236" spans="8:8">
      <c r="H250236" s="12"/>
    </row>
    <row r="250237" spans="8:8">
      <c r="H250237" s="12"/>
    </row>
    <row r="250238" spans="8:8">
      <c r="H250238" s="12"/>
    </row>
    <row r="250239" spans="8:8">
      <c r="H250239" s="12"/>
    </row>
    <row r="250240" spans="8:8">
      <c r="H250240" s="12"/>
    </row>
    <row r="250241" spans="8:8">
      <c r="H250241" s="12"/>
    </row>
    <row r="250242" spans="8:8">
      <c r="H250242" s="12"/>
    </row>
    <row r="250243" spans="8:8">
      <c r="H250243" s="12"/>
    </row>
    <row r="250244" spans="8:8">
      <c r="H250244" s="12"/>
    </row>
    <row r="250245" spans="8:8">
      <c r="H250245" s="12"/>
    </row>
    <row r="250246" spans="8:8">
      <c r="H250246" s="12"/>
    </row>
    <row r="250247" spans="8:8">
      <c r="H250247" s="12"/>
    </row>
    <row r="250248" spans="8:8">
      <c r="H250248" s="12"/>
    </row>
    <row r="250249" spans="8:8">
      <c r="H250249" s="12"/>
    </row>
    <row r="250250" spans="8:8">
      <c r="H250250" s="12"/>
    </row>
    <row r="250251" spans="8:8">
      <c r="H250251" s="12"/>
    </row>
    <row r="250252" spans="8:8">
      <c r="H250252" s="12"/>
    </row>
    <row r="250253" spans="8:8">
      <c r="H250253" s="12"/>
    </row>
    <row r="250254" spans="8:8">
      <c r="H250254" s="12"/>
    </row>
    <row r="250255" spans="8:8">
      <c r="H250255" s="12"/>
    </row>
    <row r="250256" spans="8:8">
      <c r="H250256" s="12"/>
    </row>
    <row r="250257" spans="8:8">
      <c r="H250257" s="12"/>
    </row>
    <row r="250258" spans="8:8">
      <c r="H250258" s="12"/>
    </row>
    <row r="250259" spans="8:8">
      <c r="H250259" s="12"/>
    </row>
    <row r="250260" spans="8:8">
      <c r="H250260" s="12"/>
    </row>
    <row r="250261" spans="8:8">
      <c r="H250261" s="12"/>
    </row>
    <row r="250262" spans="8:8">
      <c r="H250262" s="12"/>
    </row>
    <row r="250263" spans="8:8">
      <c r="H250263" s="12"/>
    </row>
    <row r="250264" spans="8:8">
      <c r="H250264" s="12"/>
    </row>
    <row r="250265" spans="8:8">
      <c r="H250265" s="12"/>
    </row>
    <row r="250266" spans="8:8">
      <c r="H250266" s="12"/>
    </row>
    <row r="250267" spans="8:8">
      <c r="H250267" s="12"/>
    </row>
    <row r="250268" spans="8:8">
      <c r="H250268" s="12"/>
    </row>
    <row r="250269" spans="8:8">
      <c r="H250269" s="12"/>
    </row>
    <row r="250270" spans="8:8">
      <c r="H250270" s="12"/>
    </row>
    <row r="250271" spans="8:8">
      <c r="H250271" s="12"/>
    </row>
    <row r="250272" spans="8:8">
      <c r="H250272" s="12"/>
    </row>
    <row r="250273" spans="8:8">
      <c r="H250273" s="12"/>
    </row>
    <row r="250274" spans="8:8">
      <c r="H250274" s="12"/>
    </row>
    <row r="250275" spans="8:8">
      <c r="H250275" s="12"/>
    </row>
    <row r="250276" spans="8:8">
      <c r="H250276" s="12"/>
    </row>
    <row r="250277" spans="8:8">
      <c r="H250277" s="12"/>
    </row>
    <row r="250278" spans="8:8">
      <c r="H250278" s="12"/>
    </row>
    <row r="250279" spans="8:8">
      <c r="H250279" s="12"/>
    </row>
    <row r="250280" spans="8:8">
      <c r="H250280" s="12"/>
    </row>
    <row r="250281" spans="8:8">
      <c r="H250281" s="12"/>
    </row>
    <row r="250282" spans="8:8">
      <c r="H250282" s="12"/>
    </row>
    <row r="250283" spans="8:8">
      <c r="H250283" s="12"/>
    </row>
    <row r="250284" spans="8:8">
      <c r="H250284" s="12"/>
    </row>
    <row r="250285" spans="8:8">
      <c r="H250285" s="12"/>
    </row>
    <row r="250286" spans="8:8">
      <c r="H250286" s="12"/>
    </row>
    <row r="250287" spans="8:8">
      <c r="H250287" s="12"/>
    </row>
    <row r="250288" spans="8:8">
      <c r="H250288" s="12"/>
    </row>
    <row r="250289" spans="8:8">
      <c r="H250289" s="12"/>
    </row>
    <row r="250290" spans="8:8">
      <c r="H250290" s="12"/>
    </row>
    <row r="250291" spans="8:8">
      <c r="H250291" s="12"/>
    </row>
    <row r="250292" spans="8:8">
      <c r="H250292" s="12"/>
    </row>
    <row r="250293" spans="8:8">
      <c r="H250293" s="12"/>
    </row>
    <row r="250294" spans="8:8">
      <c r="H250294" s="12"/>
    </row>
    <row r="250295" spans="8:8">
      <c r="H250295" s="12"/>
    </row>
    <row r="250296" spans="8:8">
      <c r="H250296" s="12"/>
    </row>
    <row r="250297" spans="8:8">
      <c r="H250297" s="12"/>
    </row>
    <row r="250298" spans="8:8">
      <c r="H250298" s="12"/>
    </row>
    <row r="250299" spans="8:8">
      <c r="H250299" s="12"/>
    </row>
    <row r="250300" spans="8:8">
      <c r="H250300" s="12"/>
    </row>
    <row r="250301" spans="8:8">
      <c r="H250301" s="12"/>
    </row>
    <row r="250302" spans="8:8">
      <c r="H250302" s="12"/>
    </row>
    <row r="250303" spans="8:8">
      <c r="H250303" s="12"/>
    </row>
    <row r="250304" spans="8:8">
      <c r="H250304" s="12"/>
    </row>
    <row r="250305" spans="8:8">
      <c r="H250305" s="12"/>
    </row>
    <row r="250306" spans="8:8">
      <c r="H250306" s="12"/>
    </row>
    <row r="250307" spans="8:8">
      <c r="H250307" s="12"/>
    </row>
    <row r="250308" spans="8:8">
      <c r="H250308" s="12"/>
    </row>
    <row r="250309" spans="8:8">
      <c r="H250309" s="12"/>
    </row>
    <row r="250310" spans="8:8">
      <c r="H250310" s="12"/>
    </row>
    <row r="250311" spans="8:8">
      <c r="H250311" s="12"/>
    </row>
    <row r="250312" spans="8:8">
      <c r="H250312" s="12"/>
    </row>
    <row r="250313" spans="8:8">
      <c r="H250313" s="12"/>
    </row>
    <row r="250314" spans="8:8">
      <c r="H250314" s="12"/>
    </row>
    <row r="250315" spans="8:8">
      <c r="H250315" s="12"/>
    </row>
    <row r="250316" spans="8:8">
      <c r="H250316" s="12"/>
    </row>
    <row r="250317" spans="8:8">
      <c r="H250317" s="12"/>
    </row>
    <row r="250318" spans="8:8">
      <c r="H250318" s="12"/>
    </row>
    <row r="250319" spans="8:8">
      <c r="H250319" s="12"/>
    </row>
    <row r="250320" spans="8:8">
      <c r="H250320" s="12"/>
    </row>
    <row r="250321" spans="8:8">
      <c r="H250321" s="12"/>
    </row>
    <row r="250322" spans="8:8">
      <c r="H250322" s="12"/>
    </row>
    <row r="250323" spans="8:8">
      <c r="H250323" s="12"/>
    </row>
    <row r="250324" spans="8:8">
      <c r="H250324" s="12"/>
    </row>
    <row r="250325" spans="8:8">
      <c r="H250325" s="12"/>
    </row>
    <row r="250326" spans="8:8">
      <c r="H250326" s="12"/>
    </row>
    <row r="250327" spans="8:8">
      <c r="H250327" s="12"/>
    </row>
    <row r="250328" spans="8:8">
      <c r="H250328" s="12"/>
    </row>
    <row r="250329" spans="8:8">
      <c r="H250329" s="12"/>
    </row>
    <row r="250330" spans="8:8">
      <c r="H250330" s="12"/>
    </row>
    <row r="250331" spans="8:8">
      <c r="H250331" s="12"/>
    </row>
    <row r="250332" spans="8:8">
      <c r="H250332" s="12"/>
    </row>
    <row r="250333" spans="8:8">
      <c r="H250333" s="12"/>
    </row>
    <row r="250334" spans="8:8">
      <c r="H250334" s="12"/>
    </row>
    <row r="250335" spans="8:8">
      <c r="H250335" s="12"/>
    </row>
    <row r="250336" spans="8:8">
      <c r="H250336" s="12"/>
    </row>
    <row r="250337" spans="8:8">
      <c r="H250337" s="12"/>
    </row>
    <row r="250338" spans="8:8">
      <c r="H250338" s="12"/>
    </row>
    <row r="250339" spans="8:8">
      <c r="H250339" s="12"/>
    </row>
    <row r="250340" spans="8:8">
      <c r="H250340" s="12"/>
    </row>
    <row r="250341" spans="8:8">
      <c r="H250341" s="12"/>
    </row>
    <row r="250342" spans="8:8">
      <c r="H250342" s="12"/>
    </row>
    <row r="250343" spans="8:8">
      <c r="H250343" s="12"/>
    </row>
    <row r="250344" spans="8:8">
      <c r="H250344" s="12"/>
    </row>
    <row r="250345" spans="8:8">
      <c r="H250345" s="12"/>
    </row>
    <row r="250346" spans="8:8">
      <c r="H250346" s="12"/>
    </row>
    <row r="250347" spans="8:8">
      <c r="H250347" s="12"/>
    </row>
    <row r="250348" spans="8:8">
      <c r="H250348" s="12"/>
    </row>
    <row r="250349" spans="8:8">
      <c r="H250349" s="12"/>
    </row>
    <row r="250350" spans="8:8">
      <c r="H250350" s="12"/>
    </row>
    <row r="250351" spans="8:8">
      <c r="H250351" s="12"/>
    </row>
    <row r="250352" spans="8:8">
      <c r="H250352" s="12"/>
    </row>
    <row r="250353" spans="8:8">
      <c r="H250353" s="12"/>
    </row>
    <row r="250354" spans="8:8">
      <c r="H250354" s="12"/>
    </row>
    <row r="250355" spans="8:8">
      <c r="H250355" s="12"/>
    </row>
    <row r="250356" spans="8:8">
      <c r="H250356" s="12"/>
    </row>
    <row r="250357" spans="8:8">
      <c r="H250357" s="12"/>
    </row>
    <row r="250358" spans="8:8">
      <c r="H250358" s="12"/>
    </row>
    <row r="250359" spans="8:8">
      <c r="H250359" s="12"/>
    </row>
    <row r="250360" spans="8:8">
      <c r="H250360" s="12"/>
    </row>
    <row r="250361" spans="8:8">
      <c r="H250361" s="12"/>
    </row>
    <row r="250362" spans="8:8">
      <c r="H250362" s="12"/>
    </row>
    <row r="250363" spans="8:8">
      <c r="H250363" s="12"/>
    </row>
    <row r="250364" spans="8:8">
      <c r="H250364" s="12"/>
    </row>
    <row r="250365" spans="8:8">
      <c r="H250365" s="12"/>
    </row>
    <row r="250366" spans="8:8">
      <c r="H250366" s="12"/>
    </row>
    <row r="250367" spans="8:8">
      <c r="H250367" s="12"/>
    </row>
    <row r="250368" spans="8:8">
      <c r="H250368" s="12"/>
    </row>
    <row r="250369" spans="8:8">
      <c r="H250369" s="12"/>
    </row>
    <row r="250370" spans="8:8">
      <c r="H250370" s="12"/>
    </row>
    <row r="250371" spans="8:8">
      <c r="H250371" s="12"/>
    </row>
    <row r="250372" spans="8:8">
      <c r="H250372" s="12"/>
    </row>
    <row r="250373" spans="8:8">
      <c r="H250373" s="12"/>
    </row>
    <row r="250374" spans="8:8">
      <c r="H250374" s="12"/>
    </row>
    <row r="250375" spans="8:8">
      <c r="H250375" s="12"/>
    </row>
    <row r="250376" spans="8:8">
      <c r="H250376" s="12"/>
    </row>
    <row r="250377" spans="8:8">
      <c r="H250377" s="12"/>
    </row>
    <row r="250378" spans="8:8">
      <c r="H250378" s="12"/>
    </row>
    <row r="250379" spans="8:8">
      <c r="H250379" s="12"/>
    </row>
    <row r="250380" spans="8:8">
      <c r="H250380" s="12"/>
    </row>
    <row r="250381" spans="8:8">
      <c r="H250381" s="12"/>
    </row>
    <row r="250382" spans="8:8">
      <c r="H250382" s="12"/>
    </row>
    <row r="250383" spans="8:8">
      <c r="H250383" s="12"/>
    </row>
    <row r="250384" spans="8:8">
      <c r="H250384" s="12"/>
    </row>
    <row r="250385" spans="8:8">
      <c r="H250385" s="12"/>
    </row>
    <row r="250386" spans="8:8">
      <c r="H250386" s="12"/>
    </row>
    <row r="250387" spans="8:8">
      <c r="H250387" s="12"/>
    </row>
    <row r="250388" spans="8:8">
      <c r="H250388" s="12"/>
    </row>
    <row r="250389" spans="8:8">
      <c r="H250389" s="12"/>
    </row>
    <row r="250390" spans="8:8">
      <c r="H250390" s="12"/>
    </row>
    <row r="250391" spans="8:8">
      <c r="H250391" s="12"/>
    </row>
    <row r="250392" spans="8:8">
      <c r="H250392" s="12"/>
    </row>
    <row r="250393" spans="8:8">
      <c r="H250393" s="12"/>
    </row>
    <row r="250394" spans="8:8">
      <c r="H250394" s="12"/>
    </row>
    <row r="250395" spans="8:8">
      <c r="H250395" s="12"/>
    </row>
    <row r="250396" spans="8:8">
      <c r="H250396" s="12"/>
    </row>
    <row r="250397" spans="8:8">
      <c r="H250397" s="12"/>
    </row>
    <row r="250398" spans="8:8">
      <c r="H250398" s="12"/>
    </row>
    <row r="250399" spans="8:8">
      <c r="H250399" s="12"/>
    </row>
    <row r="250400" spans="8:8">
      <c r="H250400" s="12"/>
    </row>
    <row r="250401" spans="8:8">
      <c r="H250401" s="12"/>
    </row>
    <row r="250402" spans="8:8">
      <c r="H250402" s="12"/>
    </row>
    <row r="250403" spans="8:8">
      <c r="H250403" s="12"/>
    </row>
    <row r="250404" spans="8:8">
      <c r="H250404" s="12"/>
    </row>
    <row r="250405" spans="8:8">
      <c r="H250405" s="12"/>
    </row>
    <row r="250406" spans="8:8">
      <c r="H250406" s="12"/>
    </row>
    <row r="250407" spans="8:8">
      <c r="H250407" s="12"/>
    </row>
    <row r="250408" spans="8:8">
      <c r="H250408" s="12"/>
    </row>
    <row r="250409" spans="8:8">
      <c r="H250409" s="12"/>
    </row>
    <row r="250410" spans="8:8">
      <c r="H250410" s="12"/>
    </row>
    <row r="250411" spans="8:8">
      <c r="H250411" s="12"/>
    </row>
    <row r="250412" spans="8:8">
      <c r="H250412" s="12"/>
    </row>
    <row r="250413" spans="8:8">
      <c r="H250413" s="12"/>
    </row>
    <row r="250414" spans="8:8">
      <c r="H250414" s="12"/>
    </row>
    <row r="250415" spans="8:8">
      <c r="H250415" s="12"/>
    </row>
    <row r="250416" spans="8:8">
      <c r="H250416" s="12"/>
    </row>
    <row r="250417" spans="8:8">
      <c r="H250417" s="12"/>
    </row>
    <row r="250418" spans="8:8">
      <c r="H250418" s="12"/>
    </row>
    <row r="250419" spans="8:8">
      <c r="H250419" s="12"/>
    </row>
    <row r="250420" spans="8:8">
      <c r="H250420" s="12"/>
    </row>
    <row r="250421" spans="8:8">
      <c r="H250421" s="12"/>
    </row>
    <row r="250422" spans="8:8">
      <c r="H250422" s="12"/>
    </row>
    <row r="250423" spans="8:8">
      <c r="H250423" s="12"/>
    </row>
    <row r="250424" spans="8:8">
      <c r="H250424" s="12"/>
    </row>
    <row r="250425" spans="8:8">
      <c r="H250425" s="12"/>
    </row>
    <row r="250426" spans="8:8">
      <c r="H250426" s="12"/>
    </row>
    <row r="250427" spans="8:8">
      <c r="H250427" s="12"/>
    </row>
    <row r="250428" spans="8:8">
      <c r="H250428" s="12"/>
    </row>
    <row r="250429" spans="8:8">
      <c r="H250429" s="12"/>
    </row>
    <row r="250430" spans="8:8">
      <c r="H250430" s="12"/>
    </row>
    <row r="250431" spans="8:8">
      <c r="H250431" s="12"/>
    </row>
    <row r="250432" spans="8:8">
      <c r="H250432" s="12"/>
    </row>
    <row r="250433" spans="8:8">
      <c r="H250433" s="12"/>
    </row>
    <row r="250434" spans="8:8">
      <c r="H250434" s="12"/>
    </row>
    <row r="250435" spans="8:8">
      <c r="H250435" s="12"/>
    </row>
    <row r="250436" spans="8:8">
      <c r="H250436" s="12"/>
    </row>
    <row r="250437" spans="8:8">
      <c r="H250437" s="12"/>
    </row>
    <row r="250438" spans="8:8">
      <c r="H250438" s="12"/>
    </row>
    <row r="250439" spans="8:8">
      <c r="H250439" s="12"/>
    </row>
    <row r="250440" spans="8:8">
      <c r="H250440" s="12"/>
    </row>
    <row r="250441" spans="8:8">
      <c r="H250441" s="12"/>
    </row>
    <row r="250442" spans="8:8">
      <c r="H250442" s="12"/>
    </row>
    <row r="250443" spans="8:8">
      <c r="H250443" s="12"/>
    </row>
    <row r="250444" spans="8:8">
      <c r="H250444" s="12"/>
    </row>
    <row r="250445" spans="8:8">
      <c r="H250445" s="12"/>
    </row>
    <row r="250446" spans="8:8">
      <c r="H250446" s="12"/>
    </row>
    <row r="250447" spans="8:8">
      <c r="H250447" s="12"/>
    </row>
    <row r="250448" spans="8:8">
      <c r="H250448" s="12"/>
    </row>
    <row r="250449" spans="8:8">
      <c r="H250449" s="12"/>
    </row>
    <row r="250450" spans="8:8">
      <c r="H250450" s="12"/>
    </row>
    <row r="250451" spans="8:8">
      <c r="H250451" s="12"/>
    </row>
    <row r="250452" spans="8:8">
      <c r="H250452" s="12"/>
    </row>
    <row r="250453" spans="8:8">
      <c r="H250453" s="12"/>
    </row>
    <row r="250454" spans="8:8">
      <c r="H250454" s="12"/>
    </row>
    <row r="250455" spans="8:8">
      <c r="H250455" s="12"/>
    </row>
    <row r="250456" spans="8:8">
      <c r="H250456" s="12"/>
    </row>
    <row r="250457" spans="8:8">
      <c r="H250457" s="12"/>
    </row>
    <row r="250458" spans="8:8">
      <c r="H250458" s="12"/>
    </row>
    <row r="250459" spans="8:8">
      <c r="H250459" s="12"/>
    </row>
    <row r="250460" spans="8:8">
      <c r="H250460" s="12"/>
    </row>
    <row r="250461" spans="8:8">
      <c r="H250461" s="12"/>
    </row>
    <row r="250462" spans="8:8">
      <c r="H250462" s="12"/>
    </row>
    <row r="250463" spans="8:8">
      <c r="H250463" s="12"/>
    </row>
    <row r="250464" spans="8:8">
      <c r="H250464" s="12"/>
    </row>
    <row r="250465" spans="8:8">
      <c r="H250465" s="12"/>
    </row>
    <row r="250466" spans="8:8">
      <c r="H250466" s="12"/>
    </row>
    <row r="250467" spans="8:8">
      <c r="H250467" s="12"/>
    </row>
    <row r="250468" spans="8:8">
      <c r="H250468" s="12"/>
    </row>
    <row r="250469" spans="8:8">
      <c r="H250469" s="12"/>
    </row>
    <row r="250470" spans="8:8">
      <c r="H250470" s="12"/>
    </row>
    <row r="250471" spans="8:8">
      <c r="H250471" s="12"/>
    </row>
    <row r="250472" spans="8:8">
      <c r="H250472" s="12"/>
    </row>
    <row r="250473" spans="8:8">
      <c r="H250473" s="12"/>
    </row>
    <row r="250474" spans="8:8">
      <c r="H250474" s="12"/>
    </row>
    <row r="250475" spans="8:8">
      <c r="H250475" s="12"/>
    </row>
    <row r="250476" spans="8:8">
      <c r="H250476" s="12"/>
    </row>
    <row r="250477" spans="8:8">
      <c r="H250477" s="12"/>
    </row>
    <row r="250478" spans="8:8">
      <c r="H250478" s="12"/>
    </row>
    <row r="250479" spans="8:8">
      <c r="H250479" s="12"/>
    </row>
    <row r="250480" spans="8:8">
      <c r="H250480" s="12"/>
    </row>
    <row r="250481" spans="8:8">
      <c r="H250481" s="12"/>
    </row>
    <row r="250482" spans="8:8">
      <c r="H250482" s="12"/>
    </row>
    <row r="250483" spans="8:8">
      <c r="H250483" s="12"/>
    </row>
    <row r="250484" spans="8:8">
      <c r="H250484" s="12"/>
    </row>
    <row r="250485" spans="8:8">
      <c r="H250485" s="12"/>
    </row>
    <row r="250486" spans="8:8">
      <c r="H250486" s="12"/>
    </row>
    <row r="250487" spans="8:8">
      <c r="H250487" s="12"/>
    </row>
    <row r="250488" spans="8:8">
      <c r="H250488" s="12"/>
    </row>
    <row r="250489" spans="8:8">
      <c r="H250489" s="12"/>
    </row>
    <row r="250490" spans="8:8">
      <c r="H250490" s="12"/>
    </row>
    <row r="250491" spans="8:8">
      <c r="H250491" s="12"/>
    </row>
    <row r="250492" spans="8:8">
      <c r="H250492" s="12"/>
    </row>
    <row r="250493" spans="8:8">
      <c r="H250493" s="12"/>
    </row>
    <row r="250494" spans="8:8">
      <c r="H250494" s="12"/>
    </row>
    <row r="250495" spans="8:8">
      <c r="H250495" s="12"/>
    </row>
    <row r="250496" spans="8:8">
      <c r="H250496" s="12"/>
    </row>
    <row r="250497" spans="8:8">
      <c r="H250497" s="12"/>
    </row>
    <row r="250498" spans="8:8">
      <c r="H250498" s="12"/>
    </row>
    <row r="250499" spans="8:8">
      <c r="H250499" s="12"/>
    </row>
    <row r="250500" spans="8:8">
      <c r="H250500" s="12"/>
    </row>
    <row r="250501" spans="8:8">
      <c r="H250501" s="12"/>
    </row>
    <row r="250502" spans="8:8">
      <c r="H250502" s="12"/>
    </row>
    <row r="250503" spans="8:8">
      <c r="H250503" s="12"/>
    </row>
    <row r="250504" spans="8:8">
      <c r="H250504" s="12"/>
    </row>
    <row r="250505" spans="8:8">
      <c r="H250505" s="12"/>
    </row>
    <row r="250506" spans="8:8">
      <c r="H250506" s="12"/>
    </row>
    <row r="250507" spans="8:8">
      <c r="H250507" s="12"/>
    </row>
    <row r="250508" spans="8:8">
      <c r="H250508" s="12"/>
    </row>
    <row r="250509" spans="8:8">
      <c r="H250509" s="12"/>
    </row>
    <row r="250510" spans="8:8">
      <c r="H250510" s="12"/>
    </row>
    <row r="250511" spans="8:8">
      <c r="H250511" s="12"/>
    </row>
    <row r="250512" spans="8:8">
      <c r="H250512" s="12"/>
    </row>
    <row r="250513" spans="8:8">
      <c r="H250513" s="12"/>
    </row>
    <row r="250514" spans="8:8">
      <c r="H250514" s="12"/>
    </row>
    <row r="250515" spans="8:8">
      <c r="H250515" s="12"/>
    </row>
    <row r="250516" spans="8:8">
      <c r="H250516" s="12"/>
    </row>
    <row r="250517" spans="8:8">
      <c r="H250517" s="12"/>
    </row>
    <row r="250518" spans="8:8">
      <c r="H250518" s="12"/>
    </row>
    <row r="250519" spans="8:8">
      <c r="H250519" s="12"/>
    </row>
    <row r="250520" spans="8:8">
      <c r="H250520" s="12"/>
    </row>
    <row r="250521" spans="8:8">
      <c r="H250521" s="12"/>
    </row>
    <row r="250522" spans="8:8">
      <c r="H250522" s="12"/>
    </row>
    <row r="250523" spans="8:8">
      <c r="H250523" s="12"/>
    </row>
    <row r="250524" spans="8:8">
      <c r="H250524" s="12"/>
    </row>
    <row r="250525" spans="8:8">
      <c r="H250525" s="12"/>
    </row>
    <row r="250526" spans="8:8">
      <c r="H250526" s="12"/>
    </row>
    <row r="250527" spans="8:8">
      <c r="H250527" s="12"/>
    </row>
    <row r="250528" spans="8:8">
      <c r="H250528" s="12"/>
    </row>
    <row r="250529" spans="8:8">
      <c r="H250529" s="12"/>
    </row>
    <row r="250530" spans="8:8">
      <c r="H250530" s="12"/>
    </row>
    <row r="250531" spans="8:8">
      <c r="H250531" s="12"/>
    </row>
    <row r="250532" spans="8:8">
      <c r="H250532" s="12"/>
    </row>
    <row r="250533" spans="8:8">
      <c r="H250533" s="12"/>
    </row>
    <row r="250534" spans="8:8">
      <c r="H250534" s="12"/>
    </row>
    <row r="250535" spans="8:8">
      <c r="H250535" s="12"/>
    </row>
    <row r="250536" spans="8:8">
      <c r="H250536" s="12"/>
    </row>
    <row r="250537" spans="8:8">
      <c r="H250537" s="12"/>
    </row>
    <row r="250538" spans="8:8">
      <c r="H250538" s="12"/>
    </row>
    <row r="250539" spans="8:8">
      <c r="H250539" s="12"/>
    </row>
    <row r="250540" spans="8:8">
      <c r="H250540" s="12"/>
    </row>
    <row r="250541" spans="8:8">
      <c r="H250541" s="12"/>
    </row>
    <row r="250542" spans="8:8">
      <c r="H250542" s="12"/>
    </row>
    <row r="250543" spans="8:8">
      <c r="H250543" s="12"/>
    </row>
    <row r="250544" spans="8:8">
      <c r="H250544" s="12"/>
    </row>
    <row r="250545" spans="8:8">
      <c r="H250545" s="12"/>
    </row>
    <row r="250546" spans="8:8">
      <c r="H250546" s="12"/>
    </row>
    <row r="250547" spans="8:8">
      <c r="H250547" s="12"/>
    </row>
    <row r="250548" spans="8:8">
      <c r="H250548" s="12"/>
    </row>
    <row r="250549" spans="8:8">
      <c r="H250549" s="12"/>
    </row>
    <row r="250550" spans="8:8">
      <c r="H250550" s="12"/>
    </row>
    <row r="250551" spans="8:8">
      <c r="H250551" s="12"/>
    </row>
    <row r="250552" spans="8:8">
      <c r="H250552" s="12"/>
    </row>
    <row r="250553" spans="8:8">
      <c r="H250553" s="12"/>
    </row>
    <row r="250554" spans="8:8">
      <c r="H250554" s="12"/>
    </row>
    <row r="250555" spans="8:8">
      <c r="H250555" s="12"/>
    </row>
    <row r="250556" spans="8:8">
      <c r="H250556" s="12"/>
    </row>
    <row r="250557" spans="8:8">
      <c r="H250557" s="12"/>
    </row>
    <row r="250558" spans="8:8">
      <c r="H250558" s="12"/>
    </row>
    <row r="250559" spans="8:8">
      <c r="H250559" s="12"/>
    </row>
    <row r="250560" spans="8:8">
      <c r="H250560" s="12"/>
    </row>
    <row r="250561" spans="8:8">
      <c r="H250561" s="12"/>
    </row>
    <row r="250562" spans="8:8">
      <c r="H250562" s="12"/>
    </row>
    <row r="250563" spans="8:8">
      <c r="H250563" s="12"/>
    </row>
    <row r="250564" spans="8:8">
      <c r="H250564" s="12"/>
    </row>
    <row r="250565" spans="8:8">
      <c r="H250565" s="12"/>
    </row>
    <row r="250566" spans="8:8">
      <c r="H250566" s="12"/>
    </row>
    <row r="250567" spans="8:8">
      <c r="H250567" s="12"/>
    </row>
    <row r="250568" spans="8:8">
      <c r="H250568" s="12"/>
    </row>
    <row r="250569" spans="8:8">
      <c r="H250569" s="12"/>
    </row>
    <row r="250570" spans="8:8">
      <c r="H250570" s="12"/>
    </row>
    <row r="250571" spans="8:8">
      <c r="H250571" s="12"/>
    </row>
    <row r="250572" spans="8:8">
      <c r="H250572" s="12"/>
    </row>
    <row r="250573" spans="8:8">
      <c r="H250573" s="12"/>
    </row>
    <row r="250574" spans="8:8">
      <c r="H250574" s="12"/>
    </row>
    <row r="250575" spans="8:8">
      <c r="H250575" s="12"/>
    </row>
    <row r="250576" spans="8:8">
      <c r="H250576" s="12"/>
    </row>
    <row r="250577" spans="8:8">
      <c r="H250577" s="12"/>
    </row>
    <row r="250578" spans="8:8">
      <c r="H250578" s="12"/>
    </row>
    <row r="250579" spans="8:8">
      <c r="H250579" s="12"/>
    </row>
    <row r="250580" spans="8:8">
      <c r="H250580" s="12"/>
    </row>
    <row r="250581" spans="8:8">
      <c r="H250581" s="12"/>
    </row>
    <row r="250582" spans="8:8">
      <c r="H250582" s="12"/>
    </row>
    <row r="250583" spans="8:8">
      <c r="H250583" s="12"/>
    </row>
    <row r="250584" spans="8:8">
      <c r="H250584" s="12"/>
    </row>
    <row r="250585" spans="8:8">
      <c r="H250585" s="12"/>
    </row>
    <row r="250586" spans="8:8">
      <c r="H250586" s="12"/>
    </row>
    <row r="250587" spans="8:8">
      <c r="H250587" s="12"/>
    </row>
    <row r="250588" spans="8:8">
      <c r="H250588" s="12"/>
    </row>
    <row r="250589" spans="8:8">
      <c r="H250589" s="12"/>
    </row>
    <row r="250590" spans="8:8">
      <c r="H250590" s="12"/>
    </row>
    <row r="250591" spans="8:8">
      <c r="H250591" s="12"/>
    </row>
    <row r="250592" spans="8:8">
      <c r="H250592" s="12"/>
    </row>
    <row r="250593" spans="8:8">
      <c r="H250593" s="12"/>
    </row>
    <row r="250594" spans="8:8">
      <c r="H250594" s="12"/>
    </row>
    <row r="250595" spans="8:8">
      <c r="H250595" s="12"/>
    </row>
    <row r="250596" spans="8:8">
      <c r="H250596" s="12"/>
    </row>
    <row r="250597" spans="8:8">
      <c r="H250597" s="12"/>
    </row>
    <row r="250598" spans="8:8">
      <c r="H250598" s="12"/>
    </row>
    <row r="250599" spans="8:8">
      <c r="H250599" s="12"/>
    </row>
    <row r="250600" spans="8:8">
      <c r="H250600" s="12"/>
    </row>
    <row r="250601" spans="8:8">
      <c r="H250601" s="12"/>
    </row>
    <row r="250602" spans="8:8">
      <c r="H250602" s="12"/>
    </row>
    <row r="250603" spans="8:8">
      <c r="H250603" s="12"/>
    </row>
    <row r="250604" spans="8:8">
      <c r="H250604" s="12"/>
    </row>
    <row r="250605" spans="8:8">
      <c r="H250605" s="12"/>
    </row>
    <row r="250606" spans="8:8">
      <c r="H250606" s="12"/>
    </row>
    <row r="250607" spans="8:8">
      <c r="H250607" s="12"/>
    </row>
    <row r="250608" spans="8:8">
      <c r="H250608" s="12"/>
    </row>
    <row r="250609" spans="8:8">
      <c r="H250609" s="12"/>
    </row>
    <row r="250610" spans="8:8">
      <c r="H250610" s="12"/>
    </row>
    <row r="250611" spans="8:8">
      <c r="H250611" s="12"/>
    </row>
    <row r="250612" spans="8:8">
      <c r="H250612" s="12"/>
    </row>
    <row r="250613" spans="8:8">
      <c r="H250613" s="12"/>
    </row>
    <row r="250614" spans="8:8">
      <c r="H250614" s="12"/>
    </row>
    <row r="250615" spans="8:8">
      <c r="H250615" s="12"/>
    </row>
    <row r="250616" spans="8:8">
      <c r="H250616" s="12"/>
    </row>
    <row r="250617" spans="8:8">
      <c r="H250617" s="12"/>
    </row>
    <row r="250618" spans="8:8">
      <c r="H250618" s="12"/>
    </row>
    <row r="250619" spans="8:8">
      <c r="H250619" s="12"/>
    </row>
    <row r="250620" spans="8:8">
      <c r="H250620" s="12"/>
    </row>
    <row r="250621" spans="8:8">
      <c r="H250621" s="12"/>
    </row>
    <row r="250622" spans="8:8">
      <c r="H250622" s="12"/>
    </row>
    <row r="250623" spans="8:8">
      <c r="H250623" s="12"/>
    </row>
    <row r="250624" spans="8:8">
      <c r="H250624" s="12"/>
    </row>
    <row r="250625" spans="8:8">
      <c r="H250625" s="12"/>
    </row>
    <row r="250626" spans="8:8">
      <c r="H250626" s="12"/>
    </row>
    <row r="250627" spans="8:8">
      <c r="H250627" s="12"/>
    </row>
    <row r="250628" spans="8:8">
      <c r="H250628" s="12"/>
    </row>
    <row r="250629" spans="8:8">
      <c r="H250629" s="12"/>
    </row>
    <row r="250630" spans="8:8">
      <c r="H250630" s="12"/>
    </row>
    <row r="250631" spans="8:8">
      <c r="H250631" s="12"/>
    </row>
    <row r="250632" spans="8:8">
      <c r="H250632" s="12"/>
    </row>
    <row r="250633" spans="8:8">
      <c r="H250633" s="12"/>
    </row>
    <row r="250634" spans="8:8">
      <c r="H250634" s="12"/>
    </row>
    <row r="250635" spans="8:8">
      <c r="H250635" s="12"/>
    </row>
    <row r="250636" spans="8:8">
      <c r="H250636" s="12"/>
    </row>
    <row r="250637" spans="8:8">
      <c r="H250637" s="12"/>
    </row>
    <row r="250638" spans="8:8">
      <c r="H250638" s="12"/>
    </row>
    <row r="250639" spans="8:8">
      <c r="H250639" s="12"/>
    </row>
    <row r="250640" spans="8:8">
      <c r="H250640" s="12"/>
    </row>
    <row r="250641" spans="8:8">
      <c r="H250641" s="12"/>
    </row>
    <row r="250642" spans="8:8">
      <c r="H250642" s="12"/>
    </row>
    <row r="250643" spans="8:8">
      <c r="H250643" s="12"/>
    </row>
    <row r="250644" spans="8:8">
      <c r="H250644" s="12"/>
    </row>
    <row r="250645" spans="8:8">
      <c r="H250645" s="12"/>
    </row>
    <row r="250646" spans="8:8">
      <c r="H250646" s="12"/>
    </row>
    <row r="250647" spans="8:8">
      <c r="H250647" s="12"/>
    </row>
    <row r="250648" spans="8:8">
      <c r="H250648" s="12"/>
    </row>
    <row r="250649" spans="8:8">
      <c r="H250649" s="12"/>
    </row>
    <row r="250650" spans="8:8">
      <c r="H250650" s="12"/>
    </row>
    <row r="250651" spans="8:8">
      <c r="H250651" s="12"/>
    </row>
    <row r="250652" spans="8:8">
      <c r="H250652" s="12"/>
    </row>
    <row r="250653" spans="8:8">
      <c r="H250653" s="12"/>
    </row>
    <row r="250654" spans="8:8">
      <c r="H250654" s="12"/>
    </row>
    <row r="250655" spans="8:8">
      <c r="H250655" s="12"/>
    </row>
    <row r="250656" spans="8:8">
      <c r="H250656" s="12"/>
    </row>
    <row r="250657" spans="8:8">
      <c r="H250657" s="12"/>
    </row>
    <row r="250658" spans="8:8">
      <c r="H250658" s="12"/>
    </row>
    <row r="250659" spans="8:8">
      <c r="H250659" s="12"/>
    </row>
    <row r="250660" spans="8:8">
      <c r="H250660" s="12"/>
    </row>
    <row r="250661" spans="8:8">
      <c r="H250661" s="12"/>
    </row>
    <row r="250662" spans="8:8">
      <c r="H250662" s="12"/>
    </row>
    <row r="250663" spans="8:8">
      <c r="H250663" s="12"/>
    </row>
    <row r="250664" spans="8:8">
      <c r="H250664" s="12"/>
    </row>
    <row r="250665" spans="8:8">
      <c r="H250665" s="12"/>
    </row>
    <row r="250666" spans="8:8">
      <c r="H250666" s="12"/>
    </row>
    <row r="250667" spans="8:8">
      <c r="H250667" s="12"/>
    </row>
    <row r="250668" spans="8:8">
      <c r="H250668" s="12"/>
    </row>
    <row r="250669" spans="8:8">
      <c r="H250669" s="12"/>
    </row>
    <row r="250670" spans="8:8">
      <c r="H250670" s="12"/>
    </row>
    <row r="250671" spans="8:8">
      <c r="H250671" s="12"/>
    </row>
    <row r="250672" spans="8:8">
      <c r="H250672" s="12"/>
    </row>
    <row r="250673" spans="8:8">
      <c r="H250673" s="12"/>
    </row>
    <row r="250674" spans="8:8">
      <c r="H250674" s="12"/>
    </row>
    <row r="250675" spans="8:8">
      <c r="H250675" s="12"/>
    </row>
    <row r="250676" spans="8:8">
      <c r="H250676" s="12"/>
    </row>
    <row r="250677" spans="8:8">
      <c r="H250677" s="12"/>
    </row>
    <row r="250678" spans="8:8">
      <c r="H250678" s="12"/>
    </row>
    <row r="250679" spans="8:8">
      <c r="H250679" s="12"/>
    </row>
    <row r="250680" spans="8:8">
      <c r="H250680" s="12"/>
    </row>
    <row r="250681" spans="8:8">
      <c r="H250681" s="12"/>
    </row>
    <row r="250682" spans="8:8">
      <c r="H250682" s="12"/>
    </row>
    <row r="250683" spans="8:8">
      <c r="H250683" s="12"/>
    </row>
    <row r="250684" spans="8:8">
      <c r="H250684" s="12"/>
    </row>
    <row r="250685" spans="8:8">
      <c r="H250685" s="12"/>
    </row>
    <row r="250686" spans="8:8">
      <c r="H250686" s="12"/>
    </row>
    <row r="250687" spans="8:8">
      <c r="H250687" s="12"/>
    </row>
    <row r="250688" spans="8:8">
      <c r="H250688" s="12"/>
    </row>
    <row r="250689" spans="8:8">
      <c r="H250689" s="12"/>
    </row>
    <row r="250690" spans="8:8">
      <c r="H250690" s="12"/>
    </row>
    <row r="250691" spans="8:8">
      <c r="H250691" s="12"/>
    </row>
    <row r="250692" spans="8:8">
      <c r="H250692" s="12"/>
    </row>
    <row r="250693" spans="8:8">
      <c r="H250693" s="12"/>
    </row>
    <row r="250694" spans="8:8">
      <c r="H250694" s="12"/>
    </row>
    <row r="250695" spans="8:8">
      <c r="H250695" s="12"/>
    </row>
    <row r="250696" spans="8:8">
      <c r="H250696" s="12"/>
    </row>
    <row r="250697" spans="8:8">
      <c r="H250697" s="12"/>
    </row>
    <row r="250698" spans="8:8">
      <c r="H250698" s="12"/>
    </row>
    <row r="250699" spans="8:8">
      <c r="H250699" s="12"/>
    </row>
    <row r="250700" spans="8:8">
      <c r="H250700" s="12"/>
    </row>
    <row r="250701" spans="8:8">
      <c r="H250701" s="12"/>
    </row>
    <row r="250702" spans="8:8">
      <c r="H250702" s="12"/>
    </row>
    <row r="250703" spans="8:8">
      <c r="H250703" s="12"/>
    </row>
    <row r="250704" spans="8:8">
      <c r="H250704" s="12"/>
    </row>
    <row r="250705" spans="8:8">
      <c r="H250705" s="12"/>
    </row>
    <row r="250706" spans="8:8">
      <c r="H250706" s="12"/>
    </row>
    <row r="250707" spans="8:8">
      <c r="H250707" s="12"/>
    </row>
    <row r="250708" spans="8:8">
      <c r="H250708" s="12"/>
    </row>
    <row r="250709" spans="8:8">
      <c r="H250709" s="12"/>
    </row>
    <row r="250710" spans="8:8">
      <c r="H250710" s="12"/>
    </row>
    <row r="250711" spans="8:8">
      <c r="H250711" s="12"/>
    </row>
    <row r="250712" spans="8:8">
      <c r="H250712" s="12"/>
    </row>
    <row r="250713" spans="8:8">
      <c r="H250713" s="12"/>
    </row>
    <row r="250714" spans="8:8">
      <c r="H250714" s="12"/>
    </row>
    <row r="250715" spans="8:8">
      <c r="H250715" s="12"/>
    </row>
    <row r="250716" spans="8:8">
      <c r="H250716" s="12"/>
    </row>
    <row r="250717" spans="8:8">
      <c r="H250717" s="12"/>
    </row>
    <row r="250718" spans="8:8">
      <c r="H250718" s="12"/>
    </row>
    <row r="250719" spans="8:8">
      <c r="H250719" s="12"/>
    </row>
    <row r="250720" spans="8:8">
      <c r="H250720" s="12"/>
    </row>
    <row r="250721" spans="8:8">
      <c r="H250721" s="12"/>
    </row>
    <row r="250722" spans="8:8">
      <c r="H250722" s="12"/>
    </row>
    <row r="250723" spans="8:8">
      <c r="H250723" s="12"/>
    </row>
    <row r="250724" spans="8:8">
      <c r="H250724" s="12"/>
    </row>
    <row r="250725" spans="8:8">
      <c r="H250725" s="12"/>
    </row>
    <row r="250726" spans="8:8">
      <c r="H250726" s="12"/>
    </row>
    <row r="250727" spans="8:8">
      <c r="H250727" s="12"/>
    </row>
    <row r="250728" spans="8:8">
      <c r="H250728" s="12"/>
    </row>
    <row r="250729" spans="8:8">
      <c r="H250729" s="12"/>
    </row>
    <row r="250730" spans="8:8">
      <c r="H250730" s="12"/>
    </row>
    <row r="250731" spans="8:8">
      <c r="H250731" s="12"/>
    </row>
    <row r="250732" spans="8:8">
      <c r="H250732" s="12"/>
    </row>
    <row r="250733" spans="8:8">
      <c r="H250733" s="12"/>
    </row>
    <row r="250734" spans="8:8">
      <c r="H250734" s="12"/>
    </row>
    <row r="250735" spans="8:8">
      <c r="H250735" s="12"/>
    </row>
    <row r="250736" spans="8:8">
      <c r="H250736" s="12"/>
    </row>
    <row r="250737" spans="8:8">
      <c r="H250737" s="12"/>
    </row>
    <row r="250738" spans="8:8">
      <c r="H250738" s="12"/>
    </row>
    <row r="250739" spans="8:8">
      <c r="H250739" s="12"/>
    </row>
    <row r="250740" spans="8:8">
      <c r="H250740" s="12"/>
    </row>
    <row r="250741" spans="8:8">
      <c r="H250741" s="12"/>
    </row>
    <row r="250742" spans="8:8">
      <c r="H250742" s="12"/>
    </row>
    <row r="250743" spans="8:8">
      <c r="H250743" s="12"/>
    </row>
    <row r="250744" spans="8:8">
      <c r="H250744" s="12"/>
    </row>
    <row r="250745" spans="8:8">
      <c r="H250745" s="12"/>
    </row>
    <row r="250746" spans="8:8">
      <c r="H250746" s="12"/>
    </row>
    <row r="250747" spans="8:8">
      <c r="H250747" s="12"/>
    </row>
    <row r="250748" spans="8:8">
      <c r="H250748" s="12"/>
    </row>
    <row r="250749" spans="8:8">
      <c r="H250749" s="12"/>
    </row>
    <row r="250750" spans="8:8">
      <c r="H250750" s="12"/>
    </row>
    <row r="250751" spans="8:8">
      <c r="H250751" s="12"/>
    </row>
    <row r="250752" spans="8:8">
      <c r="H250752" s="12"/>
    </row>
    <row r="250753" spans="8:8">
      <c r="H250753" s="12"/>
    </row>
    <row r="250754" spans="8:8">
      <c r="H250754" s="12"/>
    </row>
    <row r="250755" spans="8:8">
      <c r="H250755" s="12"/>
    </row>
    <row r="250756" spans="8:8">
      <c r="H250756" s="12"/>
    </row>
    <row r="250757" spans="8:8">
      <c r="H250757" s="12"/>
    </row>
    <row r="250758" spans="8:8">
      <c r="H250758" s="12"/>
    </row>
    <row r="250759" spans="8:8">
      <c r="H250759" s="12"/>
    </row>
    <row r="250760" spans="8:8">
      <c r="H250760" s="12"/>
    </row>
    <row r="250761" spans="8:8">
      <c r="H250761" s="12"/>
    </row>
    <row r="250762" spans="8:8">
      <c r="H250762" s="12"/>
    </row>
    <row r="250763" spans="8:8">
      <c r="H250763" s="12"/>
    </row>
    <row r="250764" spans="8:8">
      <c r="H250764" s="12"/>
    </row>
    <row r="250765" spans="8:8">
      <c r="H250765" s="12"/>
    </row>
    <row r="250766" spans="8:8">
      <c r="H250766" s="12"/>
    </row>
    <row r="250767" spans="8:8">
      <c r="H250767" s="12"/>
    </row>
    <row r="250768" spans="8:8">
      <c r="H250768" s="12"/>
    </row>
    <row r="250769" spans="8:8">
      <c r="H250769" s="12"/>
    </row>
    <row r="250770" spans="8:8">
      <c r="H250770" s="12"/>
    </row>
    <row r="250771" spans="8:8">
      <c r="H250771" s="12"/>
    </row>
    <row r="250772" spans="8:8">
      <c r="H250772" s="12"/>
    </row>
    <row r="250773" spans="8:8">
      <c r="H250773" s="12"/>
    </row>
    <row r="250774" spans="8:8">
      <c r="H250774" s="12"/>
    </row>
    <row r="250775" spans="8:8">
      <c r="H250775" s="12"/>
    </row>
    <row r="250776" spans="8:8">
      <c r="H250776" s="12"/>
    </row>
    <row r="250777" spans="8:8">
      <c r="H250777" s="12"/>
    </row>
    <row r="250778" spans="8:8">
      <c r="H250778" s="12"/>
    </row>
    <row r="250779" spans="8:8">
      <c r="H250779" s="12"/>
    </row>
    <row r="250780" spans="8:8">
      <c r="H250780" s="12"/>
    </row>
    <row r="250781" spans="8:8">
      <c r="H250781" s="12"/>
    </row>
    <row r="250782" spans="8:8">
      <c r="H250782" s="12"/>
    </row>
    <row r="250783" spans="8:8">
      <c r="H250783" s="12"/>
    </row>
    <row r="250784" spans="8:8">
      <c r="H250784" s="12"/>
    </row>
    <row r="250785" spans="8:8">
      <c r="H250785" s="12"/>
    </row>
    <row r="250786" spans="8:8">
      <c r="H250786" s="12"/>
    </row>
    <row r="250787" spans="8:8">
      <c r="H250787" s="12"/>
    </row>
    <row r="250788" spans="8:8">
      <c r="H250788" s="12"/>
    </row>
    <row r="250789" spans="8:8">
      <c r="H250789" s="12"/>
    </row>
    <row r="250790" spans="8:8">
      <c r="H250790" s="12"/>
    </row>
    <row r="250791" spans="8:8">
      <c r="H250791" s="12"/>
    </row>
    <row r="250792" spans="8:8">
      <c r="H250792" s="12"/>
    </row>
    <row r="250793" spans="8:8">
      <c r="H250793" s="12"/>
    </row>
    <row r="250794" spans="8:8">
      <c r="H250794" s="12"/>
    </row>
    <row r="250795" spans="8:8">
      <c r="H250795" s="12"/>
    </row>
    <row r="250796" spans="8:8">
      <c r="H250796" s="12"/>
    </row>
    <row r="250797" spans="8:8">
      <c r="H250797" s="12"/>
    </row>
    <row r="250798" spans="8:8">
      <c r="H250798" s="12"/>
    </row>
    <row r="250799" spans="8:8">
      <c r="H250799" s="12"/>
    </row>
    <row r="250800" spans="8:8">
      <c r="H250800" s="12"/>
    </row>
    <row r="250801" spans="8:8">
      <c r="H250801" s="12"/>
    </row>
    <row r="250802" spans="8:8">
      <c r="H250802" s="12"/>
    </row>
    <row r="250803" spans="8:8">
      <c r="H250803" s="12"/>
    </row>
    <row r="250804" spans="8:8">
      <c r="H250804" s="12"/>
    </row>
    <row r="250805" spans="8:8">
      <c r="H250805" s="12"/>
    </row>
    <row r="250806" spans="8:8">
      <c r="H250806" s="12"/>
    </row>
    <row r="250807" spans="8:8">
      <c r="H250807" s="12"/>
    </row>
    <row r="250808" spans="8:8">
      <c r="H250808" s="12"/>
    </row>
    <row r="250809" spans="8:8">
      <c r="H250809" s="12"/>
    </row>
    <row r="250810" spans="8:8">
      <c r="H250810" s="12"/>
    </row>
    <row r="250811" spans="8:8">
      <c r="H250811" s="12"/>
    </row>
    <row r="250812" spans="8:8">
      <c r="H250812" s="12"/>
    </row>
    <row r="250813" spans="8:8">
      <c r="H250813" s="12"/>
    </row>
    <row r="250814" spans="8:8">
      <c r="H250814" s="12"/>
    </row>
    <row r="250815" spans="8:8">
      <c r="H250815" s="12"/>
    </row>
    <row r="250816" spans="8:8">
      <c r="H250816" s="12"/>
    </row>
    <row r="250817" spans="8:8">
      <c r="H250817" s="12"/>
    </row>
    <row r="250818" spans="8:8">
      <c r="H250818" s="12"/>
    </row>
    <row r="250819" spans="8:8">
      <c r="H250819" s="12"/>
    </row>
    <row r="250820" spans="8:8">
      <c r="H250820" s="12"/>
    </row>
    <row r="250821" spans="8:8">
      <c r="H250821" s="12"/>
    </row>
    <row r="250822" spans="8:8">
      <c r="H250822" s="12"/>
    </row>
    <row r="250823" spans="8:8">
      <c r="H250823" s="12"/>
    </row>
    <row r="250824" spans="8:8">
      <c r="H250824" s="12"/>
    </row>
    <row r="250825" spans="8:8">
      <c r="H250825" s="12"/>
    </row>
    <row r="250826" spans="8:8">
      <c r="H250826" s="12"/>
    </row>
    <row r="250827" spans="8:8">
      <c r="H250827" s="12"/>
    </row>
    <row r="250828" spans="8:8">
      <c r="H250828" s="12"/>
    </row>
    <row r="250829" spans="8:8">
      <c r="H250829" s="12"/>
    </row>
    <row r="250830" spans="8:8">
      <c r="H250830" s="12"/>
    </row>
    <row r="250831" spans="8:8">
      <c r="H250831" s="12"/>
    </row>
    <row r="250832" spans="8:8">
      <c r="H250832" s="12"/>
    </row>
    <row r="250833" spans="8:8">
      <c r="H250833" s="12"/>
    </row>
    <row r="250834" spans="8:8">
      <c r="H250834" s="12"/>
    </row>
    <row r="250835" spans="8:8">
      <c r="H250835" s="12"/>
    </row>
    <row r="250836" spans="8:8">
      <c r="H250836" s="12"/>
    </row>
    <row r="250837" spans="8:8">
      <c r="H250837" s="12"/>
    </row>
    <row r="250838" spans="8:8">
      <c r="H250838" s="12"/>
    </row>
    <row r="250839" spans="8:8">
      <c r="H250839" s="12"/>
    </row>
    <row r="250840" spans="8:8">
      <c r="H250840" s="12"/>
    </row>
    <row r="250841" spans="8:8">
      <c r="H250841" s="12"/>
    </row>
    <row r="250842" spans="8:8">
      <c r="H250842" s="12"/>
    </row>
    <row r="250843" spans="8:8">
      <c r="H250843" s="12"/>
    </row>
    <row r="250844" spans="8:8">
      <c r="H250844" s="12"/>
    </row>
    <row r="250845" spans="8:8">
      <c r="H250845" s="12"/>
    </row>
    <row r="250846" spans="8:8">
      <c r="H250846" s="12"/>
    </row>
    <row r="250847" spans="8:8">
      <c r="H250847" s="12"/>
    </row>
    <row r="250848" spans="8:8">
      <c r="H250848" s="12"/>
    </row>
    <row r="250849" spans="8:8">
      <c r="H250849" s="12"/>
    </row>
    <row r="250850" spans="8:8">
      <c r="H250850" s="12"/>
    </row>
    <row r="250851" spans="8:8">
      <c r="H250851" s="12"/>
    </row>
    <row r="250852" spans="8:8">
      <c r="H250852" s="12"/>
    </row>
    <row r="250853" spans="8:8">
      <c r="H250853" s="12"/>
    </row>
    <row r="250854" spans="8:8">
      <c r="H250854" s="12"/>
    </row>
    <row r="250855" spans="8:8">
      <c r="H250855" s="12"/>
    </row>
    <row r="250856" spans="8:8">
      <c r="H250856" s="12"/>
    </row>
    <row r="250857" spans="8:8">
      <c r="H250857" s="12"/>
    </row>
    <row r="250858" spans="8:8">
      <c r="H250858" s="12"/>
    </row>
    <row r="250859" spans="8:8">
      <c r="H250859" s="12"/>
    </row>
    <row r="250860" spans="8:8">
      <c r="H250860" s="12"/>
    </row>
    <row r="250861" spans="8:8">
      <c r="H250861" s="12"/>
    </row>
    <row r="250862" spans="8:8">
      <c r="H250862" s="12"/>
    </row>
    <row r="250863" spans="8:8">
      <c r="H250863" s="12"/>
    </row>
    <row r="250864" spans="8:8">
      <c r="H250864" s="12"/>
    </row>
    <row r="250865" spans="8:8">
      <c r="H250865" s="12"/>
    </row>
    <row r="250866" spans="8:8">
      <c r="H250866" s="12"/>
    </row>
    <row r="250867" spans="8:8">
      <c r="H250867" s="12"/>
    </row>
    <row r="250868" spans="8:8">
      <c r="H250868" s="12"/>
    </row>
    <row r="250869" spans="8:8">
      <c r="H250869" s="12"/>
    </row>
    <row r="250870" spans="8:8">
      <c r="H250870" s="12"/>
    </row>
    <row r="250871" spans="8:8">
      <c r="H250871" s="12"/>
    </row>
    <row r="250872" spans="8:8">
      <c r="H250872" s="12"/>
    </row>
    <row r="250873" spans="8:8">
      <c r="H250873" s="12"/>
    </row>
    <row r="250874" spans="8:8">
      <c r="H250874" s="12"/>
    </row>
    <row r="250875" spans="8:8">
      <c r="H250875" s="12"/>
    </row>
    <row r="250876" spans="8:8">
      <c r="H250876" s="12"/>
    </row>
    <row r="250877" spans="8:8">
      <c r="H250877" s="12"/>
    </row>
    <row r="250878" spans="8:8">
      <c r="H250878" s="12"/>
    </row>
    <row r="250879" spans="8:8">
      <c r="H250879" s="12"/>
    </row>
    <row r="250880" spans="8:8">
      <c r="H250880" s="12"/>
    </row>
    <row r="250881" spans="8:8">
      <c r="H250881" s="12"/>
    </row>
    <row r="250882" spans="8:8">
      <c r="H250882" s="12"/>
    </row>
    <row r="250883" spans="8:8">
      <c r="H250883" s="12"/>
    </row>
    <row r="250884" spans="8:8">
      <c r="H250884" s="12"/>
    </row>
    <row r="250885" spans="8:8">
      <c r="H250885" s="12"/>
    </row>
    <row r="250886" spans="8:8">
      <c r="H250886" s="12"/>
    </row>
    <row r="250887" spans="8:8">
      <c r="H250887" s="12"/>
    </row>
    <row r="250888" spans="8:8">
      <c r="H250888" s="12"/>
    </row>
    <row r="250889" spans="8:8">
      <c r="H250889" s="12"/>
    </row>
    <row r="250890" spans="8:8">
      <c r="H250890" s="12"/>
    </row>
    <row r="250891" spans="8:8">
      <c r="H250891" s="12"/>
    </row>
    <row r="250892" spans="8:8">
      <c r="H250892" s="12"/>
    </row>
    <row r="250893" spans="8:8">
      <c r="H250893" s="12"/>
    </row>
    <row r="250894" spans="8:8">
      <c r="H250894" s="12"/>
    </row>
    <row r="250895" spans="8:8">
      <c r="H250895" s="12"/>
    </row>
    <row r="250896" spans="8:8">
      <c r="H250896" s="12"/>
    </row>
    <row r="250897" spans="8:8">
      <c r="H250897" s="12"/>
    </row>
    <row r="250898" spans="8:8">
      <c r="H250898" s="12"/>
    </row>
    <row r="250899" spans="8:8">
      <c r="H250899" s="12"/>
    </row>
    <row r="250900" spans="8:8">
      <c r="H250900" s="12"/>
    </row>
    <row r="250901" spans="8:8">
      <c r="H250901" s="12"/>
    </row>
    <row r="250902" spans="8:8">
      <c r="H250902" s="12"/>
    </row>
    <row r="250903" spans="8:8">
      <c r="H250903" s="12"/>
    </row>
    <row r="250904" spans="8:8">
      <c r="H250904" s="12"/>
    </row>
    <row r="250905" spans="8:8">
      <c r="H250905" s="12"/>
    </row>
    <row r="250906" spans="8:8">
      <c r="H250906" s="12"/>
    </row>
    <row r="250907" spans="8:8">
      <c r="H250907" s="12"/>
    </row>
    <row r="250908" spans="8:8">
      <c r="H250908" s="12"/>
    </row>
    <row r="250909" spans="8:8">
      <c r="H250909" s="12"/>
    </row>
    <row r="250910" spans="8:8">
      <c r="H250910" s="12"/>
    </row>
    <row r="250911" spans="8:8">
      <c r="H250911" s="12"/>
    </row>
    <row r="250912" spans="8:8">
      <c r="H250912" s="12"/>
    </row>
    <row r="250913" spans="8:8">
      <c r="H250913" s="12"/>
    </row>
    <row r="250914" spans="8:8">
      <c r="H250914" s="12"/>
    </row>
    <row r="250915" spans="8:8">
      <c r="H250915" s="12"/>
    </row>
    <row r="250916" spans="8:8">
      <c r="H250916" s="12"/>
    </row>
    <row r="250917" spans="8:8">
      <c r="H250917" s="12"/>
    </row>
    <row r="250918" spans="8:8">
      <c r="H250918" s="12"/>
    </row>
    <row r="250919" spans="8:8">
      <c r="H250919" s="12"/>
    </row>
    <row r="250920" spans="8:8">
      <c r="H250920" s="12"/>
    </row>
    <row r="250921" spans="8:8">
      <c r="H250921" s="12"/>
    </row>
    <row r="250922" spans="8:8">
      <c r="H250922" s="12"/>
    </row>
    <row r="250923" spans="8:8">
      <c r="H250923" s="12"/>
    </row>
    <row r="250924" spans="8:8">
      <c r="H250924" s="12"/>
    </row>
    <row r="250925" spans="8:8">
      <c r="H250925" s="12"/>
    </row>
    <row r="250926" spans="8:8">
      <c r="H250926" s="12"/>
    </row>
    <row r="250927" spans="8:8">
      <c r="H250927" s="12"/>
    </row>
    <row r="250928" spans="8:8">
      <c r="H250928" s="12"/>
    </row>
    <row r="250929" spans="8:8">
      <c r="H250929" s="12"/>
    </row>
    <row r="250930" spans="8:8">
      <c r="H250930" s="12"/>
    </row>
    <row r="250931" spans="8:8">
      <c r="H250931" s="12"/>
    </row>
    <row r="250932" spans="8:8">
      <c r="H250932" s="12"/>
    </row>
    <row r="250933" spans="8:8">
      <c r="H250933" s="12"/>
    </row>
    <row r="250934" spans="8:8">
      <c r="H250934" s="12"/>
    </row>
    <row r="250935" spans="8:8">
      <c r="H250935" s="12"/>
    </row>
    <row r="250936" spans="8:8">
      <c r="H250936" s="12"/>
    </row>
    <row r="250937" spans="8:8">
      <c r="H250937" s="12"/>
    </row>
    <row r="250938" spans="8:8">
      <c r="H250938" s="12"/>
    </row>
    <row r="250939" spans="8:8">
      <c r="H250939" s="12"/>
    </row>
    <row r="250940" spans="8:8">
      <c r="H250940" s="12"/>
    </row>
    <row r="250941" spans="8:8">
      <c r="H250941" s="12"/>
    </row>
    <row r="250942" spans="8:8">
      <c r="H250942" s="12"/>
    </row>
    <row r="250943" spans="8:8">
      <c r="H250943" s="12"/>
    </row>
    <row r="250944" spans="8:8">
      <c r="H250944" s="12"/>
    </row>
    <row r="250945" spans="8:8">
      <c r="H250945" s="12"/>
    </row>
    <row r="250946" spans="8:8">
      <c r="H250946" s="12"/>
    </row>
    <row r="250947" spans="8:8">
      <c r="H250947" s="12"/>
    </row>
    <row r="250948" spans="8:8">
      <c r="H250948" s="12"/>
    </row>
    <row r="250949" spans="8:8">
      <c r="H250949" s="12"/>
    </row>
    <row r="250950" spans="8:8">
      <c r="H250950" s="12"/>
    </row>
    <row r="250951" spans="8:8">
      <c r="H250951" s="12"/>
    </row>
    <row r="250952" spans="8:8">
      <c r="H250952" s="12"/>
    </row>
    <row r="250953" spans="8:8">
      <c r="H250953" s="12"/>
    </row>
    <row r="250954" spans="8:8">
      <c r="H250954" s="12"/>
    </row>
    <row r="250955" spans="8:8">
      <c r="H250955" s="12"/>
    </row>
    <row r="250956" spans="8:8">
      <c r="H250956" s="12"/>
    </row>
    <row r="250957" spans="8:8">
      <c r="H250957" s="12"/>
    </row>
    <row r="250958" spans="8:8">
      <c r="H250958" s="12"/>
    </row>
    <row r="250959" spans="8:8">
      <c r="H250959" s="12"/>
    </row>
    <row r="250960" spans="8:8">
      <c r="H250960" s="12"/>
    </row>
    <row r="250961" spans="8:8">
      <c r="H250961" s="12"/>
    </row>
    <row r="250962" spans="8:8">
      <c r="H250962" s="12"/>
    </row>
    <row r="250963" spans="8:8">
      <c r="H250963" s="12"/>
    </row>
    <row r="250964" spans="8:8">
      <c r="H250964" s="12"/>
    </row>
    <row r="250965" spans="8:8">
      <c r="H250965" s="12"/>
    </row>
    <row r="250966" spans="8:8">
      <c r="H250966" s="12"/>
    </row>
    <row r="250967" spans="8:8">
      <c r="H250967" s="12"/>
    </row>
    <row r="250968" spans="8:8">
      <c r="H250968" s="12"/>
    </row>
    <row r="250969" spans="8:8">
      <c r="H250969" s="12"/>
    </row>
    <row r="250970" spans="8:8">
      <c r="H250970" s="12"/>
    </row>
    <row r="250971" spans="8:8">
      <c r="H250971" s="12"/>
    </row>
    <row r="250972" spans="8:8">
      <c r="H250972" s="12"/>
    </row>
    <row r="250973" spans="8:8">
      <c r="H250973" s="12"/>
    </row>
    <row r="250974" spans="8:8">
      <c r="H250974" s="12"/>
    </row>
    <row r="250975" spans="8:8">
      <c r="H250975" s="12"/>
    </row>
    <row r="250976" spans="8:8">
      <c r="H250976" s="12"/>
    </row>
    <row r="250977" spans="8:8">
      <c r="H250977" s="12"/>
    </row>
    <row r="250978" spans="8:8">
      <c r="H250978" s="12"/>
    </row>
    <row r="250979" spans="8:8">
      <c r="H250979" s="12"/>
    </row>
    <row r="250980" spans="8:8">
      <c r="H250980" s="12"/>
    </row>
    <row r="250981" spans="8:8">
      <c r="H250981" s="12"/>
    </row>
    <row r="250982" spans="8:8">
      <c r="H250982" s="12"/>
    </row>
    <row r="250983" spans="8:8">
      <c r="H250983" s="12"/>
    </row>
    <row r="250984" spans="8:8">
      <c r="H250984" s="12"/>
    </row>
    <row r="250985" spans="8:8">
      <c r="H250985" s="12"/>
    </row>
    <row r="250986" spans="8:8">
      <c r="H250986" s="12"/>
    </row>
    <row r="250987" spans="8:8">
      <c r="H250987" s="12"/>
    </row>
    <row r="250988" spans="8:8">
      <c r="H250988" s="12"/>
    </row>
    <row r="250989" spans="8:8">
      <c r="H250989" s="12"/>
    </row>
    <row r="250990" spans="8:8">
      <c r="H250990" s="12"/>
    </row>
    <row r="250991" spans="8:8">
      <c r="H250991" s="12"/>
    </row>
    <row r="250992" spans="8:8">
      <c r="H250992" s="12"/>
    </row>
    <row r="250993" spans="8:8">
      <c r="H250993" s="12"/>
    </row>
    <row r="250994" spans="8:8">
      <c r="H250994" s="12"/>
    </row>
    <row r="250995" spans="8:8">
      <c r="H250995" s="12"/>
    </row>
    <row r="250996" spans="8:8">
      <c r="H250996" s="12"/>
    </row>
    <row r="250997" spans="8:8">
      <c r="H250997" s="12"/>
    </row>
    <row r="250998" spans="8:8">
      <c r="H250998" s="12"/>
    </row>
    <row r="250999" spans="8:8">
      <c r="H250999" s="12"/>
    </row>
    <row r="251000" spans="8:8">
      <c r="H251000" s="12"/>
    </row>
    <row r="251001" spans="8:8">
      <c r="H251001" s="12"/>
    </row>
    <row r="251002" spans="8:8">
      <c r="H251002" s="12"/>
    </row>
    <row r="251003" spans="8:8">
      <c r="H251003" s="12"/>
    </row>
    <row r="251004" spans="8:8">
      <c r="H251004" s="12"/>
    </row>
    <row r="251005" spans="8:8">
      <c r="H251005" s="12"/>
    </row>
    <row r="251006" spans="8:8">
      <c r="H251006" s="12"/>
    </row>
    <row r="251007" spans="8:8">
      <c r="H251007" s="12"/>
    </row>
    <row r="251008" spans="8:8">
      <c r="H251008" s="12"/>
    </row>
    <row r="251009" spans="8:8">
      <c r="H251009" s="12"/>
    </row>
    <row r="251010" spans="8:8">
      <c r="H251010" s="12"/>
    </row>
    <row r="251011" spans="8:8">
      <c r="H251011" s="12"/>
    </row>
    <row r="251012" spans="8:8">
      <c r="H251012" s="12"/>
    </row>
    <row r="251013" spans="8:8">
      <c r="H251013" s="12"/>
    </row>
    <row r="251014" spans="8:8">
      <c r="H251014" s="12"/>
    </row>
    <row r="251015" spans="8:8">
      <c r="H251015" s="12"/>
    </row>
    <row r="251016" spans="8:8">
      <c r="H251016" s="12"/>
    </row>
    <row r="251017" spans="8:8">
      <c r="H251017" s="12"/>
    </row>
    <row r="251018" spans="8:8">
      <c r="H251018" s="12"/>
    </row>
    <row r="251019" spans="8:8">
      <c r="H251019" s="12"/>
    </row>
    <row r="251020" spans="8:8">
      <c r="H251020" s="12"/>
    </row>
    <row r="251021" spans="8:8">
      <c r="H251021" s="12"/>
    </row>
    <row r="251022" spans="8:8">
      <c r="H251022" s="12"/>
    </row>
    <row r="251023" spans="8:8">
      <c r="H251023" s="12"/>
    </row>
    <row r="251024" spans="8:8">
      <c r="H251024" s="12"/>
    </row>
    <row r="251025" spans="8:8">
      <c r="H251025" s="12"/>
    </row>
    <row r="251026" spans="8:8">
      <c r="H251026" s="12"/>
    </row>
    <row r="251027" spans="8:8">
      <c r="H251027" s="12"/>
    </row>
    <row r="251028" spans="8:8">
      <c r="H251028" s="12"/>
    </row>
    <row r="251029" spans="8:8">
      <c r="H251029" s="12"/>
    </row>
    <row r="251030" spans="8:8">
      <c r="H251030" s="12"/>
    </row>
    <row r="251031" spans="8:8">
      <c r="H251031" s="12"/>
    </row>
    <row r="251032" spans="8:8">
      <c r="H251032" s="12"/>
    </row>
    <row r="251033" spans="8:8">
      <c r="H251033" s="12"/>
    </row>
    <row r="251034" spans="8:8">
      <c r="H251034" s="12"/>
    </row>
    <row r="251035" spans="8:8">
      <c r="H251035" s="12"/>
    </row>
    <row r="251036" spans="8:8">
      <c r="H251036" s="12"/>
    </row>
    <row r="251037" spans="8:8">
      <c r="H251037" s="12"/>
    </row>
    <row r="251038" spans="8:8">
      <c r="H251038" s="12"/>
    </row>
    <row r="251039" spans="8:8">
      <c r="H251039" s="12"/>
    </row>
    <row r="251040" spans="8:8">
      <c r="H251040" s="12"/>
    </row>
    <row r="251041" spans="8:8">
      <c r="H251041" s="12"/>
    </row>
    <row r="251042" spans="8:8">
      <c r="H251042" s="12"/>
    </row>
    <row r="251043" spans="8:8">
      <c r="H251043" s="12"/>
    </row>
    <row r="251044" spans="8:8">
      <c r="H251044" s="12"/>
    </row>
    <row r="251045" spans="8:8">
      <c r="H251045" s="12"/>
    </row>
    <row r="251046" spans="8:8">
      <c r="H251046" s="12"/>
    </row>
    <row r="251047" spans="8:8">
      <c r="H251047" s="12"/>
    </row>
    <row r="251048" spans="8:8">
      <c r="H251048" s="12"/>
    </row>
    <row r="251049" spans="8:8">
      <c r="H251049" s="12"/>
    </row>
    <row r="251050" spans="8:8">
      <c r="H251050" s="12"/>
    </row>
    <row r="251051" spans="8:8">
      <c r="H251051" s="12"/>
    </row>
    <row r="251052" spans="8:8">
      <c r="H251052" s="12"/>
    </row>
    <row r="251053" spans="8:8">
      <c r="H251053" s="12"/>
    </row>
    <row r="251054" spans="8:8">
      <c r="H251054" s="12"/>
    </row>
    <row r="251055" spans="8:8">
      <c r="H251055" s="12"/>
    </row>
    <row r="251056" spans="8:8">
      <c r="H251056" s="12"/>
    </row>
    <row r="251057" spans="8:8">
      <c r="H251057" s="12"/>
    </row>
    <row r="251058" spans="8:8">
      <c r="H251058" s="12"/>
    </row>
    <row r="251059" spans="8:8">
      <c r="H251059" s="12"/>
    </row>
    <row r="251060" spans="8:8">
      <c r="H251060" s="12"/>
    </row>
    <row r="251061" spans="8:8">
      <c r="H251061" s="12"/>
    </row>
    <row r="251062" spans="8:8">
      <c r="H251062" s="12"/>
    </row>
    <row r="251063" spans="8:8">
      <c r="H251063" s="12"/>
    </row>
    <row r="251064" spans="8:8">
      <c r="H251064" s="12"/>
    </row>
    <row r="251065" spans="8:8">
      <c r="H251065" s="12"/>
    </row>
    <row r="251066" spans="8:8">
      <c r="H251066" s="12"/>
    </row>
    <row r="251067" spans="8:8">
      <c r="H251067" s="12"/>
    </row>
    <row r="251068" spans="8:8">
      <c r="H251068" s="12"/>
    </row>
    <row r="251069" spans="8:8">
      <c r="H251069" s="12"/>
    </row>
    <row r="251070" spans="8:8">
      <c r="H251070" s="12"/>
    </row>
    <row r="251071" spans="8:8">
      <c r="H251071" s="12"/>
    </row>
    <row r="251072" spans="8:8">
      <c r="H251072" s="12"/>
    </row>
    <row r="251073" spans="8:8">
      <c r="H251073" s="12"/>
    </row>
    <row r="251074" spans="8:8">
      <c r="H251074" s="12"/>
    </row>
    <row r="251075" spans="8:8">
      <c r="H251075" s="12"/>
    </row>
    <row r="251076" spans="8:8">
      <c r="H251076" s="12"/>
    </row>
    <row r="251077" spans="8:8">
      <c r="H251077" s="12"/>
    </row>
    <row r="251078" spans="8:8">
      <c r="H251078" s="12"/>
    </row>
    <row r="251079" spans="8:8">
      <c r="H251079" s="12"/>
    </row>
    <row r="251080" spans="8:8">
      <c r="H251080" s="12"/>
    </row>
    <row r="251081" spans="8:8">
      <c r="H251081" s="12"/>
    </row>
    <row r="251082" spans="8:8">
      <c r="H251082" s="12"/>
    </row>
    <row r="251083" spans="8:8">
      <c r="H251083" s="12"/>
    </row>
    <row r="251084" spans="8:8">
      <c r="H251084" s="12"/>
    </row>
    <row r="251085" spans="8:8">
      <c r="H251085" s="12"/>
    </row>
    <row r="251086" spans="8:8">
      <c r="H251086" s="12"/>
    </row>
    <row r="251087" spans="8:8">
      <c r="H251087" s="12"/>
    </row>
    <row r="251088" spans="8:8">
      <c r="H251088" s="12"/>
    </row>
    <row r="251089" spans="8:8">
      <c r="H251089" s="12"/>
    </row>
    <row r="251090" spans="8:8">
      <c r="H251090" s="12"/>
    </row>
    <row r="251091" spans="8:8">
      <c r="H251091" s="12"/>
    </row>
    <row r="251092" spans="8:8">
      <c r="H251092" s="12"/>
    </row>
    <row r="251093" spans="8:8">
      <c r="H251093" s="12"/>
    </row>
    <row r="251094" spans="8:8">
      <c r="H251094" s="12"/>
    </row>
    <row r="251095" spans="8:8">
      <c r="H251095" s="12"/>
    </row>
    <row r="251096" spans="8:8">
      <c r="H251096" s="12"/>
    </row>
    <row r="251097" spans="8:8">
      <c r="H251097" s="12"/>
    </row>
    <row r="251098" spans="8:8">
      <c r="H251098" s="12"/>
    </row>
    <row r="251099" spans="8:8">
      <c r="H251099" s="12"/>
    </row>
    <row r="251100" spans="8:8">
      <c r="H251100" s="12"/>
    </row>
    <row r="251101" spans="8:8">
      <c r="H251101" s="12"/>
    </row>
    <row r="251102" spans="8:8">
      <c r="H251102" s="12"/>
    </row>
    <row r="251103" spans="8:8">
      <c r="H251103" s="12"/>
    </row>
    <row r="251104" spans="8:8">
      <c r="H251104" s="12"/>
    </row>
    <row r="251105" spans="8:8">
      <c r="H251105" s="12"/>
    </row>
    <row r="251106" spans="8:8">
      <c r="H251106" s="12"/>
    </row>
    <row r="251107" spans="8:8">
      <c r="H251107" s="12"/>
    </row>
    <row r="251108" spans="8:8">
      <c r="H251108" s="12"/>
    </row>
    <row r="251109" spans="8:8">
      <c r="H251109" s="12"/>
    </row>
    <row r="251110" spans="8:8">
      <c r="H251110" s="12"/>
    </row>
    <row r="251111" spans="8:8">
      <c r="H251111" s="12"/>
    </row>
    <row r="251112" spans="8:8">
      <c r="H251112" s="12"/>
    </row>
    <row r="251113" spans="8:8">
      <c r="H251113" s="12"/>
    </row>
    <row r="251114" spans="8:8">
      <c r="H251114" s="12"/>
    </row>
    <row r="251115" spans="8:8">
      <c r="H251115" s="12"/>
    </row>
    <row r="251116" spans="8:8">
      <c r="H251116" s="12"/>
    </row>
    <row r="251117" spans="8:8">
      <c r="H251117" s="12"/>
    </row>
    <row r="251118" spans="8:8">
      <c r="H251118" s="12"/>
    </row>
    <row r="251119" spans="8:8">
      <c r="H251119" s="12"/>
    </row>
    <row r="251120" spans="8:8">
      <c r="H251120" s="12"/>
    </row>
    <row r="251121" spans="8:8">
      <c r="H251121" s="12"/>
    </row>
    <row r="251122" spans="8:8">
      <c r="H251122" s="12"/>
    </row>
    <row r="251123" spans="8:8">
      <c r="H251123" s="12"/>
    </row>
    <row r="251124" spans="8:8">
      <c r="H251124" s="12"/>
    </row>
    <row r="251125" spans="8:8">
      <c r="H251125" s="12"/>
    </row>
    <row r="251126" spans="8:8">
      <c r="H251126" s="12"/>
    </row>
    <row r="251127" spans="8:8">
      <c r="H251127" s="12"/>
    </row>
    <row r="251128" spans="8:8">
      <c r="H251128" s="12"/>
    </row>
    <row r="251129" spans="8:8">
      <c r="H251129" s="12"/>
    </row>
    <row r="251130" spans="8:8">
      <c r="H251130" s="12"/>
    </row>
    <row r="251131" spans="8:8">
      <c r="H251131" s="12"/>
    </row>
    <row r="251132" spans="8:8">
      <c r="H251132" s="12"/>
    </row>
    <row r="251133" spans="8:8">
      <c r="H251133" s="12"/>
    </row>
    <row r="251134" spans="8:8">
      <c r="H251134" s="12"/>
    </row>
    <row r="251135" spans="8:8">
      <c r="H251135" s="12"/>
    </row>
    <row r="251136" spans="8:8">
      <c r="H251136" s="12"/>
    </row>
    <row r="251137" spans="8:8">
      <c r="H251137" s="12"/>
    </row>
    <row r="251138" spans="8:8">
      <c r="H251138" s="12"/>
    </row>
    <row r="251139" spans="8:8">
      <c r="H251139" s="12"/>
    </row>
    <row r="251140" spans="8:8">
      <c r="H251140" s="12"/>
    </row>
    <row r="251141" spans="8:8">
      <c r="H251141" s="12"/>
    </row>
    <row r="251142" spans="8:8">
      <c r="H251142" s="12"/>
    </row>
    <row r="251143" spans="8:8">
      <c r="H251143" s="12"/>
    </row>
    <row r="251144" spans="8:8">
      <c r="H251144" s="12"/>
    </row>
    <row r="251145" spans="8:8">
      <c r="H251145" s="12"/>
    </row>
    <row r="251146" spans="8:8">
      <c r="H251146" s="12"/>
    </row>
    <row r="251147" spans="8:8">
      <c r="H251147" s="12"/>
    </row>
    <row r="251148" spans="8:8">
      <c r="H251148" s="12"/>
    </row>
    <row r="251149" spans="8:8">
      <c r="H251149" s="12"/>
    </row>
    <row r="251150" spans="8:8">
      <c r="H251150" s="12"/>
    </row>
    <row r="251151" spans="8:8">
      <c r="H251151" s="12"/>
    </row>
    <row r="251152" spans="8:8">
      <c r="H251152" s="12"/>
    </row>
    <row r="251153" spans="8:8">
      <c r="H251153" s="12"/>
    </row>
    <row r="251154" spans="8:8">
      <c r="H251154" s="12"/>
    </row>
    <row r="251155" spans="8:8">
      <c r="H251155" s="12"/>
    </row>
    <row r="251156" spans="8:8">
      <c r="H251156" s="12"/>
    </row>
    <row r="251157" spans="8:8">
      <c r="H251157" s="12"/>
    </row>
    <row r="251158" spans="8:8">
      <c r="H251158" s="12"/>
    </row>
    <row r="251159" spans="8:8">
      <c r="H251159" s="12"/>
    </row>
    <row r="251160" spans="8:8">
      <c r="H251160" s="12"/>
    </row>
    <row r="251161" spans="8:8">
      <c r="H251161" s="12"/>
    </row>
    <row r="251162" spans="8:8">
      <c r="H251162" s="12"/>
    </row>
    <row r="251163" spans="8:8">
      <c r="H251163" s="12"/>
    </row>
    <row r="251164" spans="8:8">
      <c r="H251164" s="12"/>
    </row>
    <row r="251165" spans="8:8">
      <c r="H251165" s="12"/>
    </row>
    <row r="251166" spans="8:8">
      <c r="H251166" s="12"/>
    </row>
    <row r="251167" spans="8:8">
      <c r="H251167" s="12"/>
    </row>
    <row r="251168" spans="8:8">
      <c r="H251168" s="12"/>
    </row>
    <row r="251169" spans="8:8">
      <c r="H251169" s="12"/>
    </row>
    <row r="251170" spans="8:8">
      <c r="H251170" s="12"/>
    </row>
    <row r="251171" spans="8:8">
      <c r="H251171" s="12"/>
    </row>
    <row r="251172" spans="8:8">
      <c r="H251172" s="12"/>
    </row>
    <row r="251173" spans="8:8">
      <c r="H251173" s="12"/>
    </row>
    <row r="251174" spans="8:8">
      <c r="H251174" s="12"/>
    </row>
    <row r="251175" spans="8:8">
      <c r="H251175" s="12"/>
    </row>
    <row r="251176" spans="8:8">
      <c r="H251176" s="12"/>
    </row>
    <row r="251177" spans="8:8">
      <c r="H251177" s="12"/>
    </row>
    <row r="251178" spans="8:8">
      <c r="H251178" s="12"/>
    </row>
    <row r="251179" spans="8:8">
      <c r="H251179" s="12"/>
    </row>
    <row r="251180" spans="8:8">
      <c r="H251180" s="12"/>
    </row>
    <row r="251181" spans="8:8">
      <c r="H251181" s="12"/>
    </row>
    <row r="251182" spans="8:8">
      <c r="H251182" s="12"/>
    </row>
    <row r="251183" spans="8:8">
      <c r="H251183" s="12"/>
    </row>
    <row r="251184" spans="8:8">
      <c r="H251184" s="12"/>
    </row>
    <row r="251185" spans="8:8">
      <c r="H251185" s="12"/>
    </row>
    <row r="251186" spans="8:8">
      <c r="H251186" s="12"/>
    </row>
    <row r="251187" spans="8:8">
      <c r="H251187" s="12"/>
    </row>
    <row r="251188" spans="8:8">
      <c r="H251188" s="12"/>
    </row>
    <row r="251189" spans="8:8">
      <c r="H251189" s="12"/>
    </row>
    <row r="251190" spans="8:8">
      <c r="H251190" s="12"/>
    </row>
    <row r="251191" spans="8:8">
      <c r="H251191" s="12"/>
    </row>
    <row r="251192" spans="8:8">
      <c r="H251192" s="12"/>
    </row>
    <row r="251193" spans="8:8">
      <c r="H251193" s="12"/>
    </row>
    <row r="251194" spans="8:8">
      <c r="H251194" s="12"/>
    </row>
    <row r="251195" spans="8:8">
      <c r="H251195" s="12"/>
    </row>
    <row r="251196" spans="8:8">
      <c r="H251196" s="12"/>
    </row>
    <row r="251197" spans="8:8">
      <c r="H251197" s="12"/>
    </row>
    <row r="251198" spans="8:8">
      <c r="H251198" s="12"/>
    </row>
    <row r="251199" spans="8:8">
      <c r="H251199" s="12"/>
    </row>
    <row r="251200" spans="8:8">
      <c r="H251200" s="12"/>
    </row>
    <row r="251201" spans="8:8">
      <c r="H251201" s="12"/>
    </row>
    <row r="251202" spans="8:8">
      <c r="H251202" s="12"/>
    </row>
    <row r="251203" spans="8:8">
      <c r="H251203" s="12"/>
    </row>
    <row r="251204" spans="8:8">
      <c r="H251204" s="12"/>
    </row>
    <row r="251205" spans="8:8">
      <c r="H251205" s="12"/>
    </row>
    <row r="251206" spans="8:8">
      <c r="H251206" s="12"/>
    </row>
    <row r="251207" spans="8:8">
      <c r="H251207" s="12"/>
    </row>
    <row r="251208" spans="8:8">
      <c r="H251208" s="12"/>
    </row>
    <row r="251209" spans="8:8">
      <c r="H251209" s="12"/>
    </row>
    <row r="251210" spans="8:8">
      <c r="H251210" s="12"/>
    </row>
    <row r="251211" spans="8:8">
      <c r="H251211" s="12"/>
    </row>
    <row r="251212" spans="8:8">
      <c r="H251212" s="12"/>
    </row>
    <row r="251213" spans="8:8">
      <c r="H251213" s="12"/>
    </row>
    <row r="251214" spans="8:8">
      <c r="H251214" s="12"/>
    </row>
    <row r="251215" spans="8:8">
      <c r="H251215" s="12"/>
    </row>
    <row r="251216" spans="8:8">
      <c r="H251216" s="12"/>
    </row>
    <row r="251217" spans="8:8">
      <c r="H251217" s="12"/>
    </row>
    <row r="251218" spans="8:8">
      <c r="H251218" s="12"/>
    </row>
    <row r="251219" spans="8:8">
      <c r="H251219" s="12"/>
    </row>
    <row r="251220" spans="8:8">
      <c r="H251220" s="12"/>
    </row>
    <row r="251221" spans="8:8">
      <c r="H251221" s="12"/>
    </row>
    <row r="251222" spans="8:8">
      <c r="H251222" s="12"/>
    </row>
    <row r="251223" spans="8:8">
      <c r="H251223" s="12"/>
    </row>
    <row r="251224" spans="8:8">
      <c r="H251224" s="12"/>
    </row>
    <row r="251225" spans="8:8">
      <c r="H251225" s="12"/>
    </row>
    <row r="251226" spans="8:8">
      <c r="H251226" s="12"/>
    </row>
    <row r="251227" spans="8:8">
      <c r="H251227" s="12"/>
    </row>
    <row r="251228" spans="8:8">
      <c r="H251228" s="12"/>
    </row>
    <row r="251229" spans="8:8">
      <c r="H251229" s="12"/>
    </row>
    <row r="251230" spans="8:8">
      <c r="H251230" s="12"/>
    </row>
    <row r="251231" spans="8:8">
      <c r="H251231" s="12"/>
    </row>
    <row r="251232" spans="8:8">
      <c r="H251232" s="12"/>
    </row>
    <row r="251233" spans="8:8">
      <c r="H251233" s="12"/>
    </row>
    <row r="251234" spans="8:8">
      <c r="H251234" s="12"/>
    </row>
    <row r="251235" spans="8:8">
      <c r="H251235" s="12"/>
    </row>
    <row r="251236" spans="8:8">
      <c r="H251236" s="12"/>
    </row>
    <row r="251237" spans="8:8">
      <c r="H251237" s="12"/>
    </row>
    <row r="251238" spans="8:8">
      <c r="H251238" s="12"/>
    </row>
    <row r="251239" spans="8:8">
      <c r="H251239" s="12"/>
    </row>
    <row r="251240" spans="8:8">
      <c r="H251240" s="12"/>
    </row>
    <row r="251241" spans="8:8">
      <c r="H251241" s="12"/>
    </row>
    <row r="251242" spans="8:8">
      <c r="H251242" s="12"/>
    </row>
    <row r="251243" spans="8:8">
      <c r="H251243" s="12"/>
    </row>
    <row r="251244" spans="8:8">
      <c r="H251244" s="12"/>
    </row>
    <row r="251245" spans="8:8">
      <c r="H251245" s="12"/>
    </row>
    <row r="251246" spans="8:8">
      <c r="H251246" s="12"/>
    </row>
    <row r="251247" spans="8:8">
      <c r="H251247" s="12"/>
    </row>
    <row r="251248" spans="8:8">
      <c r="H251248" s="12"/>
    </row>
    <row r="251249" spans="8:8">
      <c r="H251249" s="12"/>
    </row>
    <row r="251250" spans="8:8">
      <c r="H251250" s="12"/>
    </row>
    <row r="251251" spans="8:8">
      <c r="H251251" s="12"/>
    </row>
    <row r="251252" spans="8:8">
      <c r="H251252" s="12"/>
    </row>
    <row r="251253" spans="8:8">
      <c r="H251253" s="12"/>
    </row>
    <row r="251254" spans="8:8">
      <c r="H251254" s="12"/>
    </row>
    <row r="251255" spans="8:8">
      <c r="H251255" s="12"/>
    </row>
    <row r="251256" spans="8:8">
      <c r="H251256" s="12"/>
    </row>
    <row r="251257" spans="8:8">
      <c r="H251257" s="12"/>
    </row>
    <row r="251258" spans="8:8">
      <c r="H251258" s="12"/>
    </row>
    <row r="251259" spans="8:8">
      <c r="H251259" s="12"/>
    </row>
    <row r="251260" spans="8:8">
      <c r="H251260" s="12"/>
    </row>
    <row r="251261" spans="8:8">
      <c r="H251261" s="12"/>
    </row>
    <row r="251262" spans="8:8">
      <c r="H251262" s="12"/>
    </row>
    <row r="251263" spans="8:8">
      <c r="H251263" s="12"/>
    </row>
    <row r="251264" spans="8:8">
      <c r="H251264" s="12"/>
    </row>
    <row r="251265" spans="8:8">
      <c r="H251265" s="12"/>
    </row>
    <row r="251266" spans="8:8">
      <c r="H251266" s="12"/>
    </row>
    <row r="251267" spans="8:8">
      <c r="H251267" s="12"/>
    </row>
    <row r="251268" spans="8:8">
      <c r="H251268" s="12"/>
    </row>
    <row r="251269" spans="8:8">
      <c r="H251269" s="12"/>
    </row>
    <row r="251270" spans="8:8">
      <c r="H251270" s="12"/>
    </row>
    <row r="251271" spans="8:8">
      <c r="H251271" s="12"/>
    </row>
    <row r="251272" spans="8:8">
      <c r="H251272" s="12"/>
    </row>
    <row r="251273" spans="8:8">
      <c r="H251273" s="12"/>
    </row>
    <row r="251274" spans="8:8">
      <c r="H251274" s="12"/>
    </row>
    <row r="251275" spans="8:8">
      <c r="H251275" s="12"/>
    </row>
    <row r="251276" spans="8:8">
      <c r="H251276" s="12"/>
    </row>
    <row r="251277" spans="8:8">
      <c r="H251277" s="12"/>
    </row>
    <row r="251278" spans="8:8">
      <c r="H251278" s="12"/>
    </row>
    <row r="251279" spans="8:8">
      <c r="H251279" s="12"/>
    </row>
    <row r="251280" spans="8:8">
      <c r="H251280" s="12"/>
    </row>
    <row r="251281" spans="8:8">
      <c r="H251281" s="12"/>
    </row>
    <row r="251282" spans="8:8">
      <c r="H251282" s="12"/>
    </row>
    <row r="251283" spans="8:8">
      <c r="H251283" s="12"/>
    </row>
    <row r="251284" spans="8:8">
      <c r="H251284" s="12"/>
    </row>
    <row r="251285" spans="8:8">
      <c r="H251285" s="12"/>
    </row>
    <row r="251286" spans="8:8">
      <c r="H251286" s="12"/>
    </row>
    <row r="251287" spans="8:8">
      <c r="H251287" s="12"/>
    </row>
    <row r="251288" spans="8:8">
      <c r="H251288" s="12"/>
    </row>
    <row r="251289" spans="8:8">
      <c r="H251289" s="12"/>
    </row>
    <row r="251290" spans="8:8">
      <c r="H251290" s="12"/>
    </row>
    <row r="251291" spans="8:8">
      <c r="H251291" s="12"/>
    </row>
    <row r="251292" spans="8:8">
      <c r="H251292" s="12"/>
    </row>
    <row r="251293" spans="8:8">
      <c r="H251293" s="12"/>
    </row>
    <row r="251294" spans="8:8">
      <c r="H251294" s="12"/>
    </row>
    <row r="251295" spans="8:8">
      <c r="H251295" s="12"/>
    </row>
    <row r="251296" spans="8:8">
      <c r="H251296" s="12"/>
    </row>
    <row r="251297" spans="8:8">
      <c r="H251297" s="12"/>
    </row>
    <row r="251298" spans="8:8">
      <c r="H251298" s="12"/>
    </row>
    <row r="251299" spans="8:8">
      <c r="H251299" s="12"/>
    </row>
    <row r="251300" spans="8:8">
      <c r="H251300" s="12"/>
    </row>
    <row r="251301" spans="8:8">
      <c r="H251301" s="12"/>
    </row>
    <row r="251302" spans="8:8">
      <c r="H251302" s="12"/>
    </row>
    <row r="251303" spans="8:8">
      <c r="H251303" s="12"/>
    </row>
    <row r="251304" spans="8:8">
      <c r="H251304" s="12"/>
    </row>
    <row r="251305" spans="8:8">
      <c r="H251305" s="12"/>
    </row>
    <row r="251306" spans="8:8">
      <c r="H251306" s="12"/>
    </row>
    <row r="251307" spans="8:8">
      <c r="H251307" s="12"/>
    </row>
    <row r="251308" spans="8:8">
      <c r="H251308" s="12"/>
    </row>
    <row r="251309" spans="8:8">
      <c r="H251309" s="12"/>
    </row>
    <row r="251310" spans="8:8">
      <c r="H251310" s="12"/>
    </row>
    <row r="251311" spans="8:8">
      <c r="H251311" s="12"/>
    </row>
    <row r="251312" spans="8:8">
      <c r="H251312" s="12"/>
    </row>
    <row r="251313" spans="8:8">
      <c r="H251313" s="12"/>
    </row>
    <row r="251314" spans="8:8">
      <c r="H251314" s="12"/>
    </row>
    <row r="251315" spans="8:8">
      <c r="H251315" s="12"/>
    </row>
    <row r="251316" spans="8:8">
      <c r="H251316" s="12"/>
    </row>
    <row r="251317" spans="8:8">
      <c r="H251317" s="12"/>
    </row>
    <row r="251318" spans="8:8">
      <c r="H251318" s="12"/>
    </row>
    <row r="251319" spans="8:8">
      <c r="H251319" s="12"/>
    </row>
    <row r="251320" spans="8:8">
      <c r="H251320" s="12"/>
    </row>
    <row r="251321" spans="8:8">
      <c r="H251321" s="12"/>
    </row>
    <row r="251322" spans="8:8">
      <c r="H251322" s="12"/>
    </row>
    <row r="251323" spans="8:8">
      <c r="H251323" s="12"/>
    </row>
    <row r="251324" spans="8:8">
      <c r="H251324" s="12"/>
    </row>
    <row r="251325" spans="8:8">
      <c r="H251325" s="12"/>
    </row>
    <row r="251326" spans="8:8">
      <c r="H251326" s="12"/>
    </row>
    <row r="251327" spans="8:8">
      <c r="H251327" s="12"/>
    </row>
    <row r="251328" spans="8:8">
      <c r="H251328" s="12"/>
    </row>
    <row r="251329" spans="8:8">
      <c r="H251329" s="12"/>
    </row>
    <row r="251330" spans="8:8">
      <c r="H251330" s="12"/>
    </row>
    <row r="251331" spans="8:8">
      <c r="H251331" s="12"/>
    </row>
    <row r="251332" spans="8:8">
      <c r="H251332" s="12"/>
    </row>
    <row r="251333" spans="8:8">
      <c r="H251333" s="12"/>
    </row>
    <row r="251334" spans="8:8">
      <c r="H251334" s="12"/>
    </row>
    <row r="251335" spans="8:8">
      <c r="H251335" s="12"/>
    </row>
    <row r="251336" spans="8:8">
      <c r="H251336" s="12"/>
    </row>
    <row r="251337" spans="8:8">
      <c r="H251337" s="12"/>
    </row>
    <row r="251338" spans="8:8">
      <c r="H251338" s="12"/>
    </row>
    <row r="251339" spans="8:8">
      <c r="H251339" s="12"/>
    </row>
    <row r="251340" spans="8:8">
      <c r="H251340" s="12"/>
    </row>
    <row r="251341" spans="8:8">
      <c r="H251341" s="12"/>
    </row>
    <row r="251342" spans="8:8">
      <c r="H251342" s="12"/>
    </row>
    <row r="251343" spans="8:8">
      <c r="H251343" s="12"/>
    </row>
    <row r="251344" spans="8:8">
      <c r="H251344" s="12"/>
    </row>
    <row r="251345" spans="8:8">
      <c r="H251345" s="12"/>
    </row>
    <row r="251346" spans="8:8">
      <c r="H251346" s="12"/>
    </row>
    <row r="251347" spans="8:8">
      <c r="H251347" s="12"/>
    </row>
    <row r="251348" spans="8:8">
      <c r="H251348" s="12"/>
    </row>
    <row r="251349" spans="8:8">
      <c r="H251349" s="12"/>
    </row>
    <row r="251350" spans="8:8">
      <c r="H251350" s="12"/>
    </row>
    <row r="251351" spans="8:8">
      <c r="H251351" s="12"/>
    </row>
    <row r="251352" spans="8:8">
      <c r="H251352" s="12"/>
    </row>
    <row r="251353" spans="8:8">
      <c r="H251353" s="12"/>
    </row>
    <row r="251354" spans="8:8">
      <c r="H251354" s="12"/>
    </row>
    <row r="251355" spans="8:8">
      <c r="H251355" s="12"/>
    </row>
    <row r="251356" spans="8:8">
      <c r="H251356" s="12"/>
    </row>
    <row r="251357" spans="8:8">
      <c r="H251357" s="12"/>
    </row>
    <row r="251358" spans="8:8">
      <c r="H251358" s="12"/>
    </row>
    <row r="251359" spans="8:8">
      <c r="H251359" s="12"/>
    </row>
    <row r="251360" spans="8:8">
      <c r="H251360" s="12"/>
    </row>
    <row r="251361" spans="8:8">
      <c r="H251361" s="12"/>
    </row>
    <row r="251362" spans="8:8">
      <c r="H251362" s="12"/>
    </row>
    <row r="251363" spans="8:8">
      <c r="H251363" s="12"/>
    </row>
    <row r="251364" spans="8:8">
      <c r="H251364" s="12"/>
    </row>
    <row r="251365" spans="8:8">
      <c r="H251365" s="12"/>
    </row>
    <row r="251366" spans="8:8">
      <c r="H251366" s="12"/>
    </row>
    <row r="251367" spans="8:8">
      <c r="H251367" s="12"/>
    </row>
    <row r="251368" spans="8:8">
      <c r="H251368" s="12"/>
    </row>
    <row r="251369" spans="8:8">
      <c r="H251369" s="12"/>
    </row>
    <row r="251370" spans="8:8">
      <c r="H251370" s="12"/>
    </row>
    <row r="251371" spans="8:8">
      <c r="H251371" s="12"/>
    </row>
    <row r="251372" spans="8:8">
      <c r="H251372" s="12"/>
    </row>
    <row r="251373" spans="8:8">
      <c r="H251373" s="12"/>
    </row>
    <row r="251374" spans="8:8">
      <c r="H251374" s="12"/>
    </row>
    <row r="251375" spans="8:8">
      <c r="H251375" s="12"/>
    </row>
    <row r="251376" spans="8:8">
      <c r="H251376" s="12"/>
    </row>
    <row r="251377" spans="8:8">
      <c r="H251377" s="12"/>
    </row>
    <row r="251378" spans="8:8">
      <c r="H251378" s="12"/>
    </row>
    <row r="251379" spans="8:8">
      <c r="H251379" s="12"/>
    </row>
    <row r="251380" spans="8:8">
      <c r="H251380" s="12"/>
    </row>
    <row r="251381" spans="8:8">
      <c r="H251381" s="12"/>
    </row>
    <row r="251382" spans="8:8">
      <c r="H251382" s="12"/>
    </row>
    <row r="251383" spans="8:8">
      <c r="H251383" s="12"/>
    </row>
    <row r="251384" spans="8:8">
      <c r="H251384" s="12"/>
    </row>
    <row r="251385" spans="8:8">
      <c r="H251385" s="12"/>
    </row>
    <row r="251386" spans="8:8">
      <c r="H251386" s="12"/>
    </row>
    <row r="251387" spans="8:8">
      <c r="H251387" s="12"/>
    </row>
    <row r="251388" spans="8:8">
      <c r="H251388" s="12"/>
    </row>
    <row r="251389" spans="8:8">
      <c r="H251389" s="12"/>
    </row>
    <row r="251390" spans="8:8">
      <c r="H251390" s="12"/>
    </row>
    <row r="251391" spans="8:8">
      <c r="H251391" s="12"/>
    </row>
    <row r="251392" spans="8:8">
      <c r="H251392" s="12"/>
    </row>
    <row r="251393" spans="8:8">
      <c r="H251393" s="12"/>
    </row>
    <row r="251394" spans="8:8">
      <c r="H251394" s="12"/>
    </row>
    <row r="251395" spans="8:8">
      <c r="H251395" s="12"/>
    </row>
    <row r="251396" spans="8:8">
      <c r="H251396" s="12"/>
    </row>
    <row r="251397" spans="8:8">
      <c r="H251397" s="12"/>
    </row>
    <row r="251398" spans="8:8">
      <c r="H251398" s="12"/>
    </row>
    <row r="251399" spans="8:8">
      <c r="H251399" s="12"/>
    </row>
    <row r="251400" spans="8:8">
      <c r="H251400" s="12"/>
    </row>
    <row r="251401" spans="8:8">
      <c r="H251401" s="12"/>
    </row>
    <row r="251402" spans="8:8">
      <c r="H251402" s="12"/>
    </row>
    <row r="251403" spans="8:8">
      <c r="H251403" s="12"/>
    </row>
    <row r="251404" spans="8:8">
      <c r="H251404" s="12"/>
    </row>
    <row r="251405" spans="8:8">
      <c r="H251405" s="12"/>
    </row>
    <row r="251406" spans="8:8">
      <c r="H251406" s="12"/>
    </row>
    <row r="251407" spans="8:8">
      <c r="H251407" s="12"/>
    </row>
    <row r="251408" spans="8:8">
      <c r="H251408" s="12"/>
    </row>
    <row r="251409" spans="8:8">
      <c r="H251409" s="12"/>
    </row>
    <row r="251410" spans="8:8">
      <c r="H251410" s="12"/>
    </row>
    <row r="251411" spans="8:8">
      <c r="H251411" s="12"/>
    </row>
    <row r="251412" spans="8:8">
      <c r="H251412" s="12"/>
    </row>
    <row r="251413" spans="8:8">
      <c r="H251413" s="12"/>
    </row>
    <row r="251414" spans="8:8">
      <c r="H251414" s="12"/>
    </row>
    <row r="251415" spans="8:8">
      <c r="H251415" s="12"/>
    </row>
    <row r="251416" spans="8:8">
      <c r="H251416" s="12"/>
    </row>
    <row r="251417" spans="8:8">
      <c r="H251417" s="12"/>
    </row>
    <row r="251418" spans="8:8">
      <c r="H251418" s="12"/>
    </row>
    <row r="251419" spans="8:8">
      <c r="H251419" s="12"/>
    </row>
    <row r="251420" spans="8:8">
      <c r="H251420" s="12"/>
    </row>
    <row r="251421" spans="8:8">
      <c r="H251421" s="12"/>
    </row>
    <row r="251422" spans="8:8">
      <c r="H251422" s="12"/>
    </row>
    <row r="251423" spans="8:8">
      <c r="H251423" s="12"/>
    </row>
    <row r="251424" spans="8:8">
      <c r="H251424" s="12"/>
    </row>
    <row r="251425" spans="8:8">
      <c r="H251425" s="12"/>
    </row>
    <row r="251426" spans="8:8">
      <c r="H251426" s="12"/>
    </row>
    <row r="251427" spans="8:8">
      <c r="H251427" s="12"/>
    </row>
    <row r="251428" spans="8:8">
      <c r="H251428" s="12"/>
    </row>
    <row r="251429" spans="8:8">
      <c r="H251429" s="12"/>
    </row>
    <row r="251430" spans="8:8">
      <c r="H251430" s="12"/>
    </row>
    <row r="251431" spans="8:8">
      <c r="H251431" s="12"/>
    </row>
    <row r="251432" spans="8:8">
      <c r="H251432" s="12"/>
    </row>
    <row r="251433" spans="8:8">
      <c r="H251433" s="12"/>
    </row>
    <row r="251434" spans="8:8">
      <c r="H251434" s="12"/>
    </row>
    <row r="251435" spans="8:8">
      <c r="H251435" s="12"/>
    </row>
    <row r="251436" spans="8:8">
      <c r="H251436" s="12"/>
    </row>
    <row r="251437" spans="8:8">
      <c r="H251437" s="12"/>
    </row>
    <row r="251438" spans="8:8">
      <c r="H251438" s="12"/>
    </row>
    <row r="251439" spans="8:8">
      <c r="H251439" s="12"/>
    </row>
    <row r="251440" spans="8:8">
      <c r="H251440" s="12"/>
    </row>
    <row r="251441" spans="8:8">
      <c r="H251441" s="12"/>
    </row>
    <row r="251442" spans="8:8">
      <c r="H251442" s="12"/>
    </row>
    <row r="251443" spans="8:8">
      <c r="H251443" s="12"/>
    </row>
    <row r="251444" spans="8:8">
      <c r="H251444" s="12"/>
    </row>
    <row r="251445" spans="8:8">
      <c r="H251445" s="12"/>
    </row>
    <row r="251446" spans="8:8">
      <c r="H251446" s="12"/>
    </row>
    <row r="251447" spans="8:8">
      <c r="H251447" s="12"/>
    </row>
    <row r="251448" spans="8:8">
      <c r="H251448" s="12"/>
    </row>
    <row r="251449" spans="8:8">
      <c r="H251449" s="12"/>
    </row>
    <row r="251450" spans="8:8">
      <c r="H251450" s="12"/>
    </row>
    <row r="251451" spans="8:8">
      <c r="H251451" s="12"/>
    </row>
    <row r="251452" spans="8:8">
      <c r="H251452" s="12"/>
    </row>
    <row r="251453" spans="8:8">
      <c r="H251453" s="12"/>
    </row>
    <row r="251454" spans="8:8">
      <c r="H251454" s="12"/>
    </row>
    <row r="251455" spans="8:8">
      <c r="H251455" s="12"/>
    </row>
    <row r="251456" spans="8:8">
      <c r="H251456" s="12"/>
    </row>
    <row r="251457" spans="8:8">
      <c r="H251457" s="12"/>
    </row>
    <row r="251458" spans="8:8">
      <c r="H251458" s="12"/>
    </row>
    <row r="251459" spans="8:8">
      <c r="H251459" s="12"/>
    </row>
    <row r="251460" spans="8:8">
      <c r="H251460" s="12"/>
    </row>
    <row r="251461" spans="8:8">
      <c r="H251461" s="12"/>
    </row>
    <row r="251462" spans="8:8">
      <c r="H251462" s="12"/>
    </row>
    <row r="251463" spans="8:8">
      <c r="H251463" s="12"/>
    </row>
    <row r="251464" spans="8:8">
      <c r="H251464" s="12"/>
    </row>
    <row r="251465" spans="8:8">
      <c r="H251465" s="12"/>
    </row>
    <row r="251466" spans="8:8">
      <c r="H251466" s="12"/>
    </row>
    <row r="251467" spans="8:8">
      <c r="H251467" s="12"/>
    </row>
    <row r="251468" spans="8:8">
      <c r="H251468" s="12"/>
    </row>
    <row r="251469" spans="8:8">
      <c r="H251469" s="12"/>
    </row>
    <row r="251470" spans="8:8">
      <c r="H251470" s="12"/>
    </row>
    <row r="251471" spans="8:8">
      <c r="H251471" s="12"/>
    </row>
    <row r="251472" spans="8:8">
      <c r="H251472" s="12"/>
    </row>
    <row r="251473" spans="8:8">
      <c r="H251473" s="12"/>
    </row>
    <row r="251474" spans="8:8">
      <c r="H251474" s="12"/>
    </row>
    <row r="251475" spans="8:8">
      <c r="H251475" s="12"/>
    </row>
    <row r="251476" spans="8:8">
      <c r="H251476" s="12"/>
    </row>
    <row r="251477" spans="8:8">
      <c r="H251477" s="12"/>
    </row>
    <row r="251478" spans="8:8">
      <c r="H251478" s="12"/>
    </row>
    <row r="251479" spans="8:8">
      <c r="H251479" s="12"/>
    </row>
    <row r="251480" spans="8:8">
      <c r="H251480" s="12"/>
    </row>
    <row r="251481" spans="8:8">
      <c r="H251481" s="12"/>
    </row>
    <row r="251482" spans="8:8">
      <c r="H251482" s="12"/>
    </row>
    <row r="251483" spans="8:8">
      <c r="H251483" s="12"/>
    </row>
    <row r="251484" spans="8:8">
      <c r="H251484" s="12"/>
    </row>
    <row r="251485" spans="8:8">
      <c r="H251485" s="12"/>
    </row>
    <row r="251486" spans="8:8">
      <c r="H251486" s="12"/>
    </row>
    <row r="251487" spans="8:8">
      <c r="H251487" s="12"/>
    </row>
    <row r="251488" spans="8:8">
      <c r="H251488" s="12"/>
    </row>
    <row r="251489" spans="8:8">
      <c r="H251489" s="12"/>
    </row>
    <row r="251490" spans="8:8">
      <c r="H251490" s="12"/>
    </row>
    <row r="251491" spans="8:8">
      <c r="H251491" s="12"/>
    </row>
    <row r="251492" spans="8:8">
      <c r="H251492" s="12"/>
    </row>
    <row r="251493" spans="8:8">
      <c r="H251493" s="12"/>
    </row>
    <row r="251494" spans="8:8">
      <c r="H251494" s="12"/>
    </row>
    <row r="251495" spans="8:8">
      <c r="H251495" s="12"/>
    </row>
    <row r="251496" spans="8:8">
      <c r="H251496" s="12"/>
    </row>
    <row r="251497" spans="8:8">
      <c r="H251497" s="12"/>
    </row>
    <row r="251498" spans="8:8">
      <c r="H251498" s="12"/>
    </row>
    <row r="251499" spans="8:8">
      <c r="H251499" s="12"/>
    </row>
    <row r="251500" spans="8:8">
      <c r="H251500" s="12"/>
    </row>
    <row r="251501" spans="8:8">
      <c r="H251501" s="12"/>
    </row>
    <row r="251502" spans="8:8">
      <c r="H251502" s="12"/>
    </row>
    <row r="251503" spans="8:8">
      <c r="H251503" s="12"/>
    </row>
    <row r="251504" spans="8:8">
      <c r="H251504" s="12"/>
    </row>
    <row r="251505" spans="8:8">
      <c r="H251505" s="12"/>
    </row>
    <row r="251506" spans="8:8">
      <c r="H251506" s="12"/>
    </row>
    <row r="251507" spans="8:8">
      <c r="H251507" s="12"/>
    </row>
    <row r="251508" spans="8:8">
      <c r="H251508" s="12"/>
    </row>
    <row r="251509" spans="8:8">
      <c r="H251509" s="12"/>
    </row>
    <row r="251510" spans="8:8">
      <c r="H251510" s="12"/>
    </row>
    <row r="251511" spans="8:8">
      <c r="H251511" s="12"/>
    </row>
    <row r="251512" spans="8:8">
      <c r="H251512" s="12"/>
    </row>
    <row r="251513" spans="8:8">
      <c r="H251513" s="12"/>
    </row>
    <row r="251514" spans="8:8">
      <c r="H251514" s="12"/>
    </row>
    <row r="251515" spans="8:8">
      <c r="H251515" s="12"/>
    </row>
    <row r="251516" spans="8:8">
      <c r="H251516" s="12"/>
    </row>
    <row r="251517" spans="8:8">
      <c r="H251517" s="12"/>
    </row>
    <row r="251518" spans="8:8">
      <c r="H251518" s="12"/>
    </row>
    <row r="251519" spans="8:8">
      <c r="H251519" s="12"/>
    </row>
    <row r="251520" spans="8:8">
      <c r="H251520" s="12"/>
    </row>
    <row r="251521" spans="8:8">
      <c r="H251521" s="12"/>
    </row>
    <row r="251522" spans="8:8">
      <c r="H251522" s="12"/>
    </row>
    <row r="251523" spans="8:8">
      <c r="H251523" s="12"/>
    </row>
    <row r="251524" spans="8:8">
      <c r="H251524" s="12"/>
    </row>
    <row r="251525" spans="8:8">
      <c r="H251525" s="12"/>
    </row>
    <row r="251526" spans="8:8">
      <c r="H251526" s="12"/>
    </row>
    <row r="251527" spans="8:8">
      <c r="H251527" s="12"/>
    </row>
    <row r="251528" spans="8:8">
      <c r="H251528" s="12"/>
    </row>
    <row r="251529" spans="8:8">
      <c r="H251529" s="12"/>
    </row>
    <row r="251530" spans="8:8">
      <c r="H251530" s="12"/>
    </row>
    <row r="251531" spans="8:8">
      <c r="H251531" s="12"/>
    </row>
    <row r="251532" spans="8:8">
      <c r="H251532" s="12"/>
    </row>
    <row r="251533" spans="8:8">
      <c r="H251533" s="12"/>
    </row>
    <row r="251534" spans="8:8">
      <c r="H251534" s="12"/>
    </row>
    <row r="251535" spans="8:8">
      <c r="H251535" s="12"/>
    </row>
    <row r="251536" spans="8:8">
      <c r="H251536" s="12"/>
    </row>
    <row r="251537" spans="8:8">
      <c r="H251537" s="12"/>
    </row>
    <row r="251538" spans="8:8">
      <c r="H251538" s="12"/>
    </row>
    <row r="251539" spans="8:8">
      <c r="H251539" s="12"/>
    </row>
    <row r="251540" spans="8:8">
      <c r="H251540" s="12"/>
    </row>
    <row r="251541" spans="8:8">
      <c r="H251541" s="12"/>
    </row>
    <row r="251542" spans="8:8">
      <c r="H251542" s="12"/>
    </row>
    <row r="251543" spans="8:8">
      <c r="H251543" s="12"/>
    </row>
    <row r="251544" spans="8:8">
      <c r="H251544" s="12"/>
    </row>
    <row r="251545" spans="8:8">
      <c r="H251545" s="12"/>
    </row>
    <row r="251546" spans="8:8">
      <c r="H251546" s="12"/>
    </row>
    <row r="251547" spans="8:8">
      <c r="H251547" s="12"/>
    </row>
    <row r="251548" spans="8:8">
      <c r="H251548" s="12"/>
    </row>
    <row r="251549" spans="8:8">
      <c r="H251549" s="12"/>
    </row>
    <row r="251550" spans="8:8">
      <c r="H251550" s="12"/>
    </row>
    <row r="251551" spans="8:8">
      <c r="H251551" s="12"/>
    </row>
    <row r="251552" spans="8:8">
      <c r="H251552" s="12"/>
    </row>
    <row r="251553" spans="8:8">
      <c r="H251553" s="12"/>
    </row>
    <row r="251554" spans="8:8">
      <c r="H251554" s="12"/>
    </row>
    <row r="251555" spans="8:8">
      <c r="H251555" s="12"/>
    </row>
    <row r="251556" spans="8:8">
      <c r="H251556" s="12"/>
    </row>
    <row r="251557" spans="8:8">
      <c r="H251557" s="12"/>
    </row>
    <row r="251558" spans="8:8">
      <c r="H251558" s="12"/>
    </row>
    <row r="251559" spans="8:8">
      <c r="H251559" s="12"/>
    </row>
    <row r="251560" spans="8:8">
      <c r="H251560" s="12"/>
    </row>
    <row r="251561" spans="8:8">
      <c r="H251561" s="12"/>
    </row>
    <row r="251562" spans="8:8">
      <c r="H251562" s="12"/>
    </row>
    <row r="251563" spans="8:8">
      <c r="H251563" s="12"/>
    </row>
    <row r="251564" spans="8:8">
      <c r="H251564" s="12"/>
    </row>
    <row r="251565" spans="8:8">
      <c r="H251565" s="12"/>
    </row>
    <row r="251566" spans="8:8">
      <c r="H251566" s="12"/>
    </row>
    <row r="251567" spans="8:8">
      <c r="H251567" s="12"/>
    </row>
    <row r="251568" spans="8:8">
      <c r="H251568" s="12"/>
    </row>
    <row r="251569" spans="8:8">
      <c r="H251569" s="12"/>
    </row>
    <row r="251570" spans="8:8">
      <c r="H251570" s="12"/>
    </row>
    <row r="251571" spans="8:8">
      <c r="H251571" s="12"/>
    </row>
    <row r="251572" spans="8:8">
      <c r="H251572" s="12"/>
    </row>
    <row r="251573" spans="8:8">
      <c r="H251573" s="12"/>
    </row>
    <row r="251574" spans="8:8">
      <c r="H251574" s="12"/>
    </row>
    <row r="251575" spans="8:8">
      <c r="H251575" s="12"/>
    </row>
    <row r="251576" spans="8:8">
      <c r="H251576" s="12"/>
    </row>
    <row r="251577" spans="8:8">
      <c r="H251577" s="12"/>
    </row>
    <row r="251578" spans="8:8">
      <c r="H251578" s="12"/>
    </row>
    <row r="251579" spans="8:8">
      <c r="H251579" s="12"/>
    </row>
    <row r="251580" spans="8:8">
      <c r="H251580" s="12"/>
    </row>
    <row r="251581" spans="8:8">
      <c r="H251581" s="12"/>
    </row>
    <row r="251582" spans="8:8">
      <c r="H251582" s="12"/>
    </row>
    <row r="251583" spans="8:8">
      <c r="H251583" s="12"/>
    </row>
    <row r="251584" spans="8:8">
      <c r="H251584" s="12"/>
    </row>
    <row r="251585" spans="8:8">
      <c r="H251585" s="12"/>
    </row>
    <row r="251586" spans="8:8">
      <c r="H251586" s="12"/>
    </row>
    <row r="251587" spans="8:8">
      <c r="H251587" s="12"/>
    </row>
    <row r="251588" spans="8:8">
      <c r="H251588" s="12"/>
    </row>
    <row r="251589" spans="8:8">
      <c r="H251589" s="12"/>
    </row>
    <row r="251590" spans="8:8">
      <c r="H251590" s="12"/>
    </row>
    <row r="251591" spans="8:8">
      <c r="H251591" s="12"/>
    </row>
    <row r="251592" spans="8:8">
      <c r="H251592" s="12"/>
    </row>
    <row r="251593" spans="8:8">
      <c r="H251593" s="12"/>
    </row>
    <row r="251594" spans="8:8">
      <c r="H251594" s="12"/>
    </row>
    <row r="251595" spans="8:8">
      <c r="H251595" s="12"/>
    </row>
    <row r="251596" spans="8:8">
      <c r="H251596" s="12"/>
    </row>
    <row r="251597" spans="8:8">
      <c r="H251597" s="12"/>
    </row>
    <row r="251598" spans="8:8">
      <c r="H251598" s="12"/>
    </row>
    <row r="251599" spans="8:8">
      <c r="H251599" s="12"/>
    </row>
    <row r="251600" spans="8:8">
      <c r="H251600" s="12"/>
    </row>
    <row r="251601" spans="8:8">
      <c r="H251601" s="12"/>
    </row>
    <row r="251602" spans="8:8">
      <c r="H251602" s="12"/>
    </row>
    <row r="251603" spans="8:8">
      <c r="H251603" s="12"/>
    </row>
    <row r="251604" spans="8:8">
      <c r="H251604" s="12"/>
    </row>
    <row r="251605" spans="8:8">
      <c r="H251605" s="12"/>
    </row>
    <row r="251606" spans="8:8">
      <c r="H251606" s="12"/>
    </row>
    <row r="251607" spans="8:8">
      <c r="H251607" s="12"/>
    </row>
    <row r="251608" spans="8:8">
      <c r="H251608" s="12"/>
    </row>
    <row r="251609" spans="8:8">
      <c r="H251609" s="12"/>
    </row>
    <row r="251610" spans="8:8">
      <c r="H251610" s="12"/>
    </row>
    <row r="251611" spans="8:8">
      <c r="H251611" s="12"/>
    </row>
    <row r="251612" spans="8:8">
      <c r="H251612" s="12"/>
    </row>
    <row r="251613" spans="8:8">
      <c r="H251613" s="12"/>
    </row>
    <row r="251614" spans="8:8">
      <c r="H251614" s="12"/>
    </row>
    <row r="251615" spans="8:8">
      <c r="H251615" s="12"/>
    </row>
    <row r="251616" spans="8:8">
      <c r="H251616" s="12"/>
    </row>
    <row r="251617" spans="8:8">
      <c r="H251617" s="12"/>
    </row>
    <row r="251618" spans="8:8">
      <c r="H251618" s="12"/>
    </row>
    <row r="251619" spans="8:8">
      <c r="H251619" s="12"/>
    </row>
    <row r="251620" spans="8:8">
      <c r="H251620" s="12"/>
    </row>
    <row r="251621" spans="8:8">
      <c r="H251621" s="12"/>
    </row>
    <row r="251622" spans="8:8">
      <c r="H251622" s="12"/>
    </row>
    <row r="251623" spans="8:8">
      <c r="H251623" s="12"/>
    </row>
    <row r="251624" spans="8:8">
      <c r="H251624" s="12"/>
    </row>
    <row r="251625" spans="8:8">
      <c r="H251625" s="12"/>
    </row>
    <row r="251626" spans="8:8">
      <c r="H251626" s="12"/>
    </row>
    <row r="251627" spans="8:8">
      <c r="H251627" s="12"/>
    </row>
    <row r="251628" spans="8:8">
      <c r="H251628" s="12"/>
    </row>
    <row r="251629" spans="8:8">
      <c r="H251629" s="12"/>
    </row>
    <row r="251630" spans="8:8">
      <c r="H251630" s="12"/>
    </row>
    <row r="251631" spans="8:8">
      <c r="H251631" s="12"/>
    </row>
    <row r="251632" spans="8:8">
      <c r="H251632" s="12"/>
    </row>
    <row r="251633" spans="8:8">
      <c r="H251633" s="12"/>
    </row>
    <row r="251634" spans="8:8">
      <c r="H251634" s="12"/>
    </row>
    <row r="251635" spans="8:8">
      <c r="H251635" s="12"/>
    </row>
    <row r="251636" spans="8:8">
      <c r="H251636" s="12"/>
    </row>
    <row r="251637" spans="8:8">
      <c r="H251637" s="12"/>
    </row>
    <row r="251638" spans="8:8">
      <c r="H251638" s="12"/>
    </row>
    <row r="251639" spans="8:8">
      <c r="H251639" s="12"/>
    </row>
    <row r="251640" spans="8:8">
      <c r="H251640" s="12"/>
    </row>
    <row r="251641" spans="8:8">
      <c r="H251641" s="12"/>
    </row>
    <row r="251642" spans="8:8">
      <c r="H251642" s="12"/>
    </row>
    <row r="251643" spans="8:8">
      <c r="H251643" s="12"/>
    </row>
    <row r="251644" spans="8:8">
      <c r="H251644" s="12"/>
    </row>
    <row r="251645" spans="8:8">
      <c r="H251645" s="12"/>
    </row>
    <row r="251646" spans="8:8">
      <c r="H251646" s="12"/>
    </row>
    <row r="251647" spans="8:8">
      <c r="H251647" s="12"/>
    </row>
    <row r="251648" spans="8:8">
      <c r="H251648" s="12"/>
    </row>
    <row r="251649" spans="8:8">
      <c r="H251649" s="12"/>
    </row>
    <row r="251650" spans="8:8">
      <c r="H251650" s="12"/>
    </row>
    <row r="251651" spans="8:8">
      <c r="H251651" s="12"/>
    </row>
    <row r="251652" spans="8:8">
      <c r="H251652" s="12"/>
    </row>
    <row r="251653" spans="8:8">
      <c r="H251653" s="12"/>
    </row>
    <row r="251654" spans="8:8">
      <c r="H251654" s="12"/>
    </row>
    <row r="251655" spans="8:8">
      <c r="H251655" s="12"/>
    </row>
    <row r="251656" spans="8:8">
      <c r="H251656" s="12"/>
    </row>
    <row r="251657" spans="8:8">
      <c r="H251657" s="12"/>
    </row>
    <row r="251658" spans="8:8">
      <c r="H251658" s="12"/>
    </row>
    <row r="251659" spans="8:8">
      <c r="H251659" s="12"/>
    </row>
    <row r="251660" spans="8:8">
      <c r="H251660" s="12"/>
    </row>
    <row r="251661" spans="8:8">
      <c r="H251661" s="12"/>
    </row>
    <row r="251662" spans="8:8">
      <c r="H251662" s="12"/>
    </row>
    <row r="251663" spans="8:8">
      <c r="H251663" s="12"/>
    </row>
    <row r="251664" spans="8:8">
      <c r="H251664" s="12"/>
    </row>
    <row r="251665" spans="8:8">
      <c r="H251665" s="12"/>
    </row>
    <row r="251666" spans="8:8">
      <c r="H251666" s="12"/>
    </row>
    <row r="251667" spans="8:8">
      <c r="H251667" s="12"/>
    </row>
    <row r="251668" spans="8:8">
      <c r="H251668" s="12"/>
    </row>
    <row r="251669" spans="8:8">
      <c r="H251669" s="12"/>
    </row>
    <row r="251670" spans="8:8">
      <c r="H251670" s="12"/>
    </row>
    <row r="251671" spans="8:8">
      <c r="H251671" s="12"/>
    </row>
    <row r="251672" spans="8:8">
      <c r="H251672" s="12"/>
    </row>
    <row r="251673" spans="8:8">
      <c r="H251673" s="12"/>
    </row>
    <row r="251674" spans="8:8">
      <c r="H251674" s="12"/>
    </row>
    <row r="251675" spans="8:8">
      <c r="H251675" s="12"/>
    </row>
    <row r="251676" spans="8:8">
      <c r="H251676" s="12"/>
    </row>
    <row r="251677" spans="8:8">
      <c r="H251677" s="12"/>
    </row>
    <row r="251678" spans="8:8">
      <c r="H251678" s="12"/>
    </row>
    <row r="251679" spans="8:8">
      <c r="H251679" s="12"/>
    </row>
    <row r="251680" spans="8:8">
      <c r="H251680" s="12"/>
    </row>
    <row r="251681" spans="8:8">
      <c r="H251681" s="12"/>
    </row>
    <row r="251682" spans="8:8">
      <c r="H251682" s="12"/>
    </row>
    <row r="251683" spans="8:8">
      <c r="H251683" s="12"/>
    </row>
    <row r="251684" spans="8:8">
      <c r="H251684" s="12"/>
    </row>
    <row r="251685" spans="8:8">
      <c r="H251685" s="12"/>
    </row>
    <row r="251686" spans="8:8">
      <c r="H251686" s="12"/>
    </row>
    <row r="251687" spans="8:8">
      <c r="H251687" s="12"/>
    </row>
    <row r="251688" spans="8:8">
      <c r="H251688" s="12"/>
    </row>
    <row r="251689" spans="8:8">
      <c r="H251689" s="12"/>
    </row>
    <row r="251690" spans="8:8">
      <c r="H251690" s="12"/>
    </row>
    <row r="251691" spans="8:8">
      <c r="H251691" s="12"/>
    </row>
    <row r="251692" spans="8:8">
      <c r="H251692" s="12"/>
    </row>
    <row r="251693" spans="8:8">
      <c r="H251693" s="12"/>
    </row>
    <row r="251694" spans="8:8">
      <c r="H251694" s="12"/>
    </row>
    <row r="251695" spans="8:8">
      <c r="H251695" s="12"/>
    </row>
    <row r="251696" spans="8:8">
      <c r="H251696" s="12"/>
    </row>
    <row r="251697" spans="8:8">
      <c r="H251697" s="12"/>
    </row>
    <row r="251698" spans="8:8">
      <c r="H251698" s="12"/>
    </row>
    <row r="251699" spans="8:8">
      <c r="H251699" s="12"/>
    </row>
    <row r="251700" spans="8:8">
      <c r="H251700" s="12"/>
    </row>
    <row r="251701" spans="8:8">
      <c r="H251701" s="12"/>
    </row>
    <row r="251702" spans="8:8">
      <c r="H251702" s="12"/>
    </row>
    <row r="251703" spans="8:8">
      <c r="H251703" s="12"/>
    </row>
    <row r="251704" spans="8:8">
      <c r="H251704" s="12"/>
    </row>
    <row r="251705" spans="8:8">
      <c r="H251705" s="12"/>
    </row>
    <row r="251706" spans="8:8">
      <c r="H251706" s="12"/>
    </row>
    <row r="251707" spans="8:8">
      <c r="H251707" s="12"/>
    </row>
    <row r="251708" spans="8:8">
      <c r="H251708" s="12"/>
    </row>
    <row r="251709" spans="8:8">
      <c r="H251709" s="12"/>
    </row>
    <row r="251710" spans="8:8">
      <c r="H251710" s="12"/>
    </row>
    <row r="251711" spans="8:8">
      <c r="H251711" s="12"/>
    </row>
    <row r="251712" spans="8:8">
      <c r="H251712" s="12"/>
    </row>
    <row r="251713" spans="8:8">
      <c r="H251713" s="12"/>
    </row>
    <row r="251714" spans="8:8">
      <c r="H251714" s="12"/>
    </row>
    <row r="251715" spans="8:8">
      <c r="H251715" s="12"/>
    </row>
    <row r="251716" spans="8:8">
      <c r="H251716" s="12"/>
    </row>
    <row r="251717" spans="8:8">
      <c r="H251717" s="12"/>
    </row>
    <row r="251718" spans="8:8">
      <c r="H251718" s="12"/>
    </row>
    <row r="251719" spans="8:8">
      <c r="H251719" s="12"/>
    </row>
    <row r="251720" spans="8:8">
      <c r="H251720" s="12"/>
    </row>
    <row r="251721" spans="8:8">
      <c r="H251721" s="12"/>
    </row>
    <row r="251722" spans="8:8">
      <c r="H251722" s="12"/>
    </row>
    <row r="251723" spans="8:8">
      <c r="H251723" s="12"/>
    </row>
    <row r="251724" spans="8:8">
      <c r="H251724" s="12"/>
    </row>
    <row r="251725" spans="8:8">
      <c r="H251725" s="12"/>
    </row>
    <row r="251726" spans="8:8">
      <c r="H251726" s="12"/>
    </row>
    <row r="251727" spans="8:8">
      <c r="H251727" s="12"/>
    </row>
    <row r="251728" spans="8:8">
      <c r="H251728" s="12"/>
    </row>
    <row r="251729" spans="8:8">
      <c r="H251729" s="12"/>
    </row>
    <row r="251730" spans="8:8">
      <c r="H251730" s="12"/>
    </row>
    <row r="251731" spans="8:8">
      <c r="H251731" s="12"/>
    </row>
    <row r="251732" spans="8:8">
      <c r="H251732" s="12"/>
    </row>
    <row r="251733" spans="8:8">
      <c r="H251733" s="12"/>
    </row>
    <row r="251734" spans="8:8">
      <c r="H251734" s="12"/>
    </row>
    <row r="251735" spans="8:8">
      <c r="H251735" s="12"/>
    </row>
    <row r="251736" spans="8:8">
      <c r="H251736" s="12"/>
    </row>
    <row r="251737" spans="8:8">
      <c r="H251737" s="12"/>
    </row>
    <row r="251738" spans="8:8">
      <c r="H251738" s="12"/>
    </row>
    <row r="251739" spans="8:8">
      <c r="H251739" s="12"/>
    </row>
    <row r="251740" spans="8:8">
      <c r="H251740" s="12"/>
    </row>
    <row r="251741" spans="8:8">
      <c r="H251741" s="12"/>
    </row>
    <row r="251742" spans="8:8">
      <c r="H251742" s="12"/>
    </row>
    <row r="251743" spans="8:8">
      <c r="H251743" s="12"/>
    </row>
    <row r="251744" spans="8:8">
      <c r="H251744" s="12"/>
    </row>
    <row r="251745" spans="8:8">
      <c r="H251745" s="12"/>
    </row>
    <row r="251746" spans="8:8">
      <c r="H251746" s="12"/>
    </row>
    <row r="251747" spans="8:8">
      <c r="H251747" s="12"/>
    </row>
    <row r="251748" spans="8:8">
      <c r="H251748" s="12"/>
    </row>
    <row r="251749" spans="8:8">
      <c r="H251749" s="12"/>
    </row>
    <row r="251750" spans="8:8">
      <c r="H251750" s="12"/>
    </row>
    <row r="251751" spans="8:8">
      <c r="H251751" s="12"/>
    </row>
    <row r="251752" spans="8:8">
      <c r="H251752" s="12"/>
    </row>
    <row r="251753" spans="8:8">
      <c r="H251753" s="12"/>
    </row>
    <row r="251754" spans="8:8">
      <c r="H251754" s="12"/>
    </row>
    <row r="251755" spans="8:8">
      <c r="H251755" s="12"/>
    </row>
    <row r="251756" spans="8:8">
      <c r="H251756" s="12"/>
    </row>
    <row r="251757" spans="8:8">
      <c r="H251757" s="12"/>
    </row>
    <row r="251758" spans="8:8">
      <c r="H251758" s="12"/>
    </row>
    <row r="251759" spans="8:8">
      <c r="H251759" s="12"/>
    </row>
    <row r="251760" spans="8:8">
      <c r="H251760" s="12"/>
    </row>
    <row r="251761" spans="8:8">
      <c r="H251761" s="12"/>
    </row>
    <row r="251762" spans="8:8">
      <c r="H251762" s="12"/>
    </row>
    <row r="251763" spans="8:8">
      <c r="H251763" s="12"/>
    </row>
    <row r="251764" spans="8:8">
      <c r="H251764" s="12"/>
    </row>
    <row r="251765" spans="8:8">
      <c r="H251765" s="12"/>
    </row>
    <row r="251766" spans="8:8">
      <c r="H251766" s="12"/>
    </row>
    <row r="251767" spans="8:8">
      <c r="H251767" s="12"/>
    </row>
    <row r="251768" spans="8:8">
      <c r="H251768" s="12"/>
    </row>
    <row r="251769" spans="8:8">
      <c r="H251769" s="12"/>
    </row>
    <row r="251770" spans="8:8">
      <c r="H251770" s="12"/>
    </row>
    <row r="251771" spans="8:8">
      <c r="H251771" s="12"/>
    </row>
    <row r="251772" spans="8:8">
      <c r="H251772" s="12"/>
    </row>
    <row r="251773" spans="8:8">
      <c r="H251773" s="12"/>
    </row>
    <row r="251774" spans="8:8">
      <c r="H251774" s="12"/>
    </row>
    <row r="251775" spans="8:8">
      <c r="H251775" s="12"/>
    </row>
    <row r="251776" spans="8:8">
      <c r="H251776" s="12"/>
    </row>
    <row r="251777" spans="8:8">
      <c r="H251777" s="12"/>
    </row>
    <row r="251778" spans="8:8">
      <c r="H251778" s="12"/>
    </row>
    <row r="251779" spans="8:8">
      <c r="H251779" s="12"/>
    </row>
    <row r="251780" spans="8:8">
      <c r="H251780" s="12"/>
    </row>
    <row r="251781" spans="8:8">
      <c r="H251781" s="12"/>
    </row>
    <row r="251782" spans="8:8">
      <c r="H251782" s="12"/>
    </row>
    <row r="251783" spans="8:8">
      <c r="H251783" s="12"/>
    </row>
    <row r="251784" spans="8:8">
      <c r="H251784" s="12"/>
    </row>
    <row r="251785" spans="8:8">
      <c r="H251785" s="12"/>
    </row>
    <row r="251786" spans="8:8">
      <c r="H251786" s="12"/>
    </row>
    <row r="251787" spans="8:8">
      <c r="H251787" s="12"/>
    </row>
    <row r="251788" spans="8:8">
      <c r="H251788" s="12"/>
    </row>
    <row r="251789" spans="8:8">
      <c r="H251789" s="12"/>
    </row>
    <row r="251790" spans="8:8">
      <c r="H251790" s="12"/>
    </row>
    <row r="251791" spans="8:8">
      <c r="H251791" s="12"/>
    </row>
    <row r="251792" spans="8:8">
      <c r="H251792" s="12"/>
    </row>
    <row r="251793" spans="8:8">
      <c r="H251793" s="12"/>
    </row>
    <row r="251794" spans="8:8">
      <c r="H251794" s="12"/>
    </row>
    <row r="251795" spans="8:8">
      <c r="H251795" s="12"/>
    </row>
    <row r="251796" spans="8:8">
      <c r="H251796" s="12"/>
    </row>
    <row r="251797" spans="8:8">
      <c r="H251797" s="12"/>
    </row>
    <row r="251798" spans="8:8">
      <c r="H251798" s="12"/>
    </row>
    <row r="251799" spans="8:8">
      <c r="H251799" s="12"/>
    </row>
    <row r="251800" spans="8:8">
      <c r="H251800" s="12"/>
    </row>
    <row r="251801" spans="8:8">
      <c r="H251801" s="12"/>
    </row>
    <row r="251802" spans="8:8">
      <c r="H251802" s="12"/>
    </row>
    <row r="251803" spans="8:8">
      <c r="H251803" s="12"/>
    </row>
    <row r="251804" spans="8:8">
      <c r="H251804" s="12"/>
    </row>
    <row r="251805" spans="8:8">
      <c r="H251805" s="12"/>
    </row>
    <row r="251806" spans="8:8">
      <c r="H251806" s="12"/>
    </row>
    <row r="251807" spans="8:8">
      <c r="H251807" s="12"/>
    </row>
    <row r="251808" spans="8:8">
      <c r="H251808" s="12"/>
    </row>
    <row r="251809" spans="8:8">
      <c r="H251809" s="12"/>
    </row>
    <row r="251810" spans="8:8">
      <c r="H251810" s="12"/>
    </row>
    <row r="251811" spans="8:8">
      <c r="H251811" s="12"/>
    </row>
    <row r="251812" spans="8:8">
      <c r="H251812" s="12"/>
    </row>
    <row r="251813" spans="8:8">
      <c r="H251813" s="12"/>
    </row>
    <row r="251814" spans="8:8">
      <c r="H251814" s="12"/>
    </row>
    <row r="251815" spans="8:8">
      <c r="H251815" s="12"/>
    </row>
    <row r="251816" spans="8:8">
      <c r="H251816" s="12"/>
    </row>
    <row r="251817" spans="8:8">
      <c r="H251817" s="12"/>
    </row>
    <row r="251818" spans="8:8">
      <c r="H251818" s="12"/>
    </row>
    <row r="251819" spans="8:8">
      <c r="H251819" s="12"/>
    </row>
    <row r="251820" spans="8:8">
      <c r="H251820" s="12"/>
    </row>
    <row r="251821" spans="8:8">
      <c r="H251821" s="12"/>
    </row>
    <row r="251822" spans="8:8">
      <c r="H251822" s="12"/>
    </row>
    <row r="251823" spans="8:8">
      <c r="H251823" s="12"/>
    </row>
    <row r="251824" spans="8:8">
      <c r="H251824" s="12"/>
    </row>
    <row r="251825" spans="8:8">
      <c r="H251825" s="12"/>
    </row>
    <row r="251826" spans="8:8">
      <c r="H251826" s="12"/>
    </row>
    <row r="251827" spans="8:8">
      <c r="H251827" s="12"/>
    </row>
    <row r="251828" spans="8:8">
      <c r="H251828" s="12"/>
    </row>
    <row r="251829" spans="8:8">
      <c r="H251829" s="12"/>
    </row>
    <row r="251830" spans="8:8">
      <c r="H251830" s="12"/>
    </row>
    <row r="251831" spans="8:8">
      <c r="H251831" s="12"/>
    </row>
    <row r="251832" spans="8:8">
      <c r="H251832" s="12"/>
    </row>
    <row r="251833" spans="8:8">
      <c r="H251833" s="12"/>
    </row>
    <row r="251834" spans="8:8">
      <c r="H251834" s="12"/>
    </row>
    <row r="251835" spans="8:8">
      <c r="H251835" s="12"/>
    </row>
    <row r="251836" spans="8:8">
      <c r="H251836" s="12"/>
    </row>
    <row r="251837" spans="8:8">
      <c r="H251837" s="12"/>
    </row>
    <row r="251838" spans="8:8">
      <c r="H251838" s="12"/>
    </row>
    <row r="251839" spans="8:8">
      <c r="H251839" s="12"/>
    </row>
    <row r="251840" spans="8:8">
      <c r="H251840" s="12"/>
    </row>
    <row r="251841" spans="8:8">
      <c r="H251841" s="12"/>
    </row>
    <row r="251842" spans="8:8">
      <c r="H251842" s="12"/>
    </row>
    <row r="251843" spans="8:8">
      <c r="H251843" s="12"/>
    </row>
    <row r="251844" spans="8:8">
      <c r="H251844" s="12"/>
    </row>
    <row r="251845" spans="8:8">
      <c r="H251845" s="12"/>
    </row>
    <row r="251846" spans="8:8">
      <c r="H251846" s="12"/>
    </row>
    <row r="251847" spans="8:8">
      <c r="H251847" s="12"/>
    </row>
    <row r="251848" spans="8:8">
      <c r="H251848" s="12"/>
    </row>
    <row r="251849" spans="8:8">
      <c r="H251849" s="12"/>
    </row>
    <row r="251850" spans="8:8">
      <c r="H251850" s="12"/>
    </row>
    <row r="251851" spans="8:8">
      <c r="H251851" s="12"/>
    </row>
    <row r="251852" spans="8:8">
      <c r="H251852" s="12"/>
    </row>
    <row r="251853" spans="8:8">
      <c r="H251853" s="12"/>
    </row>
    <row r="251854" spans="8:8">
      <c r="H251854" s="12"/>
    </row>
    <row r="251855" spans="8:8">
      <c r="H251855" s="12"/>
    </row>
    <row r="251856" spans="8:8">
      <c r="H251856" s="12"/>
    </row>
    <row r="251857" spans="8:8">
      <c r="H251857" s="12"/>
    </row>
    <row r="251858" spans="8:8">
      <c r="H251858" s="12"/>
    </row>
    <row r="251859" spans="8:8">
      <c r="H251859" s="12"/>
    </row>
    <row r="251860" spans="8:8">
      <c r="H251860" s="12"/>
    </row>
    <row r="251861" spans="8:8">
      <c r="H251861" s="12"/>
    </row>
    <row r="251862" spans="8:8">
      <c r="H251862" s="12"/>
    </row>
    <row r="251863" spans="8:8">
      <c r="H251863" s="12"/>
    </row>
    <row r="251864" spans="8:8">
      <c r="H251864" s="12"/>
    </row>
    <row r="251865" spans="8:8">
      <c r="H251865" s="12"/>
    </row>
    <row r="251866" spans="8:8">
      <c r="H251866" s="12"/>
    </row>
    <row r="251867" spans="8:8">
      <c r="H251867" s="12"/>
    </row>
    <row r="251868" spans="8:8">
      <c r="H251868" s="12"/>
    </row>
    <row r="251869" spans="8:8">
      <c r="H251869" s="12"/>
    </row>
    <row r="251870" spans="8:8">
      <c r="H251870" s="12"/>
    </row>
    <row r="251871" spans="8:8">
      <c r="H251871" s="12"/>
    </row>
    <row r="251872" spans="8:8">
      <c r="H251872" s="12"/>
    </row>
    <row r="251873" spans="8:8">
      <c r="H251873" s="12"/>
    </row>
    <row r="251874" spans="8:8">
      <c r="H251874" s="12"/>
    </row>
    <row r="251875" spans="8:8">
      <c r="H251875" s="12"/>
    </row>
    <row r="251876" spans="8:8">
      <c r="H251876" s="12"/>
    </row>
    <row r="251877" spans="8:8">
      <c r="H251877" s="12"/>
    </row>
    <row r="251878" spans="8:8">
      <c r="H251878" s="12"/>
    </row>
    <row r="251879" spans="8:8">
      <c r="H251879" s="12"/>
    </row>
    <row r="251880" spans="8:8">
      <c r="H251880" s="12"/>
    </row>
    <row r="251881" spans="8:8">
      <c r="H251881" s="12"/>
    </row>
    <row r="251882" spans="8:8">
      <c r="H251882" s="12"/>
    </row>
    <row r="251883" spans="8:8">
      <c r="H251883" s="12"/>
    </row>
    <row r="251884" spans="8:8">
      <c r="H251884" s="12"/>
    </row>
    <row r="251885" spans="8:8">
      <c r="H251885" s="12"/>
    </row>
    <row r="251886" spans="8:8">
      <c r="H251886" s="12"/>
    </row>
    <row r="251887" spans="8:8">
      <c r="H251887" s="12"/>
    </row>
    <row r="251888" spans="8:8">
      <c r="H251888" s="12"/>
    </row>
    <row r="251889" spans="8:8">
      <c r="H251889" s="12"/>
    </row>
    <row r="251890" spans="8:8">
      <c r="H251890" s="12"/>
    </row>
    <row r="251891" spans="8:8">
      <c r="H251891" s="12"/>
    </row>
    <row r="251892" spans="8:8">
      <c r="H251892" s="12"/>
    </row>
    <row r="251893" spans="8:8">
      <c r="H251893" s="12"/>
    </row>
    <row r="251894" spans="8:8">
      <c r="H251894" s="12"/>
    </row>
    <row r="251895" spans="8:8">
      <c r="H251895" s="12"/>
    </row>
    <row r="251896" spans="8:8">
      <c r="H251896" s="12"/>
    </row>
    <row r="251897" spans="8:8">
      <c r="H251897" s="12"/>
    </row>
    <row r="251898" spans="8:8">
      <c r="H251898" s="12"/>
    </row>
    <row r="251899" spans="8:8">
      <c r="H251899" s="12"/>
    </row>
    <row r="251900" spans="8:8">
      <c r="H251900" s="12"/>
    </row>
    <row r="251901" spans="8:8">
      <c r="H251901" s="12"/>
    </row>
    <row r="251902" spans="8:8">
      <c r="H251902" s="12"/>
    </row>
    <row r="251903" spans="8:8">
      <c r="H251903" s="12"/>
    </row>
    <row r="251904" spans="8:8">
      <c r="H251904" s="12"/>
    </row>
    <row r="251905" spans="8:8">
      <c r="H251905" s="12"/>
    </row>
    <row r="251906" spans="8:8">
      <c r="H251906" s="12"/>
    </row>
    <row r="251907" spans="8:8">
      <c r="H251907" s="12"/>
    </row>
    <row r="251908" spans="8:8">
      <c r="H251908" s="12"/>
    </row>
    <row r="251909" spans="8:8">
      <c r="H251909" s="12"/>
    </row>
    <row r="251910" spans="8:8">
      <c r="H251910" s="12"/>
    </row>
    <row r="251911" spans="8:8">
      <c r="H251911" s="12"/>
    </row>
    <row r="251912" spans="8:8">
      <c r="H251912" s="12"/>
    </row>
    <row r="251913" spans="8:8">
      <c r="H251913" s="12"/>
    </row>
    <row r="251914" spans="8:8">
      <c r="H251914" s="12"/>
    </row>
    <row r="251915" spans="8:8">
      <c r="H251915" s="12"/>
    </row>
    <row r="251916" spans="8:8">
      <c r="H251916" s="12"/>
    </row>
    <row r="251917" spans="8:8">
      <c r="H251917" s="12"/>
    </row>
    <row r="251918" spans="8:8">
      <c r="H251918" s="12"/>
    </row>
    <row r="251919" spans="8:8">
      <c r="H251919" s="12"/>
    </row>
    <row r="251920" spans="8:8">
      <c r="H251920" s="12"/>
    </row>
    <row r="251921" spans="8:8">
      <c r="H251921" s="12"/>
    </row>
    <row r="251922" spans="8:8">
      <c r="H251922" s="12"/>
    </row>
    <row r="251923" spans="8:8">
      <c r="H251923" s="12"/>
    </row>
    <row r="251924" spans="8:8">
      <c r="H251924" s="12"/>
    </row>
    <row r="251925" spans="8:8">
      <c r="H251925" s="12"/>
    </row>
    <row r="251926" spans="8:8">
      <c r="H251926" s="12"/>
    </row>
    <row r="251927" spans="8:8">
      <c r="H251927" s="12"/>
    </row>
    <row r="251928" spans="8:8">
      <c r="H251928" s="12"/>
    </row>
    <row r="251929" spans="8:8">
      <c r="H251929" s="12"/>
    </row>
    <row r="251930" spans="8:8">
      <c r="H251930" s="12"/>
    </row>
    <row r="251931" spans="8:8">
      <c r="H251931" s="12"/>
    </row>
    <row r="251932" spans="8:8">
      <c r="H251932" s="12"/>
    </row>
    <row r="251933" spans="8:8">
      <c r="H251933" s="12"/>
    </row>
    <row r="251934" spans="8:8">
      <c r="H251934" s="12"/>
    </row>
    <row r="251935" spans="8:8">
      <c r="H251935" s="12"/>
    </row>
    <row r="251936" spans="8:8">
      <c r="H251936" s="12"/>
    </row>
    <row r="251937" spans="8:8">
      <c r="H251937" s="12"/>
    </row>
    <row r="251938" spans="8:8">
      <c r="H251938" s="12"/>
    </row>
    <row r="251939" spans="8:8">
      <c r="H251939" s="12"/>
    </row>
    <row r="251940" spans="8:8">
      <c r="H251940" s="12"/>
    </row>
    <row r="251941" spans="8:8">
      <c r="H251941" s="12"/>
    </row>
    <row r="251942" spans="8:8">
      <c r="H251942" s="12"/>
    </row>
    <row r="251943" spans="8:8">
      <c r="H251943" s="12"/>
    </row>
    <row r="251944" spans="8:8">
      <c r="H251944" s="12"/>
    </row>
    <row r="251945" spans="8:8">
      <c r="H251945" s="12"/>
    </row>
    <row r="251946" spans="8:8">
      <c r="H251946" s="12"/>
    </row>
    <row r="251947" spans="8:8">
      <c r="H251947" s="12"/>
    </row>
    <row r="251948" spans="8:8">
      <c r="H251948" s="12"/>
    </row>
    <row r="251949" spans="8:8">
      <c r="H251949" s="12"/>
    </row>
    <row r="251950" spans="8:8">
      <c r="H251950" s="12"/>
    </row>
    <row r="251951" spans="8:8">
      <c r="H251951" s="12"/>
    </row>
    <row r="251952" spans="8:8">
      <c r="H251952" s="12"/>
    </row>
    <row r="251953" spans="8:8">
      <c r="H251953" s="12"/>
    </row>
    <row r="251954" spans="8:8">
      <c r="H251954" s="12"/>
    </row>
    <row r="251955" spans="8:8">
      <c r="H251955" s="12"/>
    </row>
    <row r="251956" spans="8:8">
      <c r="H251956" s="12"/>
    </row>
    <row r="251957" spans="8:8">
      <c r="H251957" s="12"/>
    </row>
    <row r="251958" spans="8:8">
      <c r="H251958" s="12"/>
    </row>
    <row r="251959" spans="8:8">
      <c r="H251959" s="12"/>
    </row>
    <row r="251960" spans="8:8">
      <c r="H251960" s="12"/>
    </row>
    <row r="251961" spans="8:8">
      <c r="H251961" s="12"/>
    </row>
    <row r="251962" spans="8:8">
      <c r="H251962" s="12"/>
    </row>
    <row r="251963" spans="8:8">
      <c r="H251963" s="12"/>
    </row>
    <row r="251964" spans="8:8">
      <c r="H251964" s="12"/>
    </row>
    <row r="251965" spans="8:8">
      <c r="H251965" s="12"/>
    </row>
    <row r="251966" spans="8:8">
      <c r="H251966" s="12"/>
    </row>
    <row r="251967" spans="8:8">
      <c r="H251967" s="12"/>
    </row>
    <row r="251968" spans="8:8">
      <c r="H251968" s="12"/>
    </row>
    <row r="251969" spans="8:8">
      <c r="H251969" s="12"/>
    </row>
    <row r="251970" spans="8:8">
      <c r="H251970" s="12"/>
    </row>
    <row r="251971" spans="8:8">
      <c r="H251971" s="12"/>
    </row>
    <row r="251972" spans="8:8">
      <c r="H251972" s="12"/>
    </row>
    <row r="251973" spans="8:8">
      <c r="H251973" s="12"/>
    </row>
    <row r="251974" spans="8:8">
      <c r="H251974" s="12"/>
    </row>
    <row r="251975" spans="8:8">
      <c r="H251975" s="12"/>
    </row>
    <row r="251976" spans="8:8">
      <c r="H251976" s="12"/>
    </row>
    <row r="251977" spans="8:8">
      <c r="H251977" s="12"/>
    </row>
    <row r="251978" spans="8:8">
      <c r="H251978" s="12"/>
    </row>
    <row r="251979" spans="8:8">
      <c r="H251979" s="12"/>
    </row>
    <row r="251980" spans="8:8">
      <c r="H251980" s="12"/>
    </row>
    <row r="251981" spans="8:8">
      <c r="H251981" s="12"/>
    </row>
    <row r="251982" spans="8:8">
      <c r="H251982" s="12"/>
    </row>
    <row r="251983" spans="8:8">
      <c r="H251983" s="12"/>
    </row>
    <row r="251984" spans="8:8">
      <c r="H251984" s="12"/>
    </row>
    <row r="251985" spans="8:8">
      <c r="H251985" s="12"/>
    </row>
    <row r="251986" spans="8:8">
      <c r="H251986" s="12"/>
    </row>
    <row r="251987" spans="8:8">
      <c r="H251987" s="12"/>
    </row>
    <row r="251988" spans="8:8">
      <c r="H251988" s="12"/>
    </row>
    <row r="251989" spans="8:8">
      <c r="H251989" s="12"/>
    </row>
    <row r="251990" spans="8:8">
      <c r="H251990" s="12"/>
    </row>
    <row r="251991" spans="8:8">
      <c r="H251991" s="12"/>
    </row>
    <row r="251992" spans="8:8">
      <c r="H251992" s="12"/>
    </row>
    <row r="251993" spans="8:8">
      <c r="H251993" s="12"/>
    </row>
    <row r="251994" spans="8:8">
      <c r="H251994" s="12"/>
    </row>
    <row r="251995" spans="8:8">
      <c r="H251995" s="12"/>
    </row>
    <row r="251996" spans="8:8">
      <c r="H251996" s="12"/>
    </row>
    <row r="251997" spans="8:8">
      <c r="H251997" s="12"/>
    </row>
    <row r="251998" spans="8:8">
      <c r="H251998" s="12"/>
    </row>
    <row r="251999" spans="8:8">
      <c r="H251999" s="12"/>
    </row>
    <row r="252000" spans="8:8">
      <c r="H252000" s="12"/>
    </row>
    <row r="252001" spans="8:8">
      <c r="H252001" s="12"/>
    </row>
    <row r="252002" spans="8:8">
      <c r="H252002" s="12"/>
    </row>
    <row r="252003" spans="8:8">
      <c r="H252003" s="12"/>
    </row>
    <row r="252004" spans="8:8">
      <c r="H252004" s="12"/>
    </row>
    <row r="252005" spans="8:8">
      <c r="H252005" s="12"/>
    </row>
    <row r="252006" spans="8:8">
      <c r="H252006" s="12"/>
    </row>
    <row r="252007" spans="8:8">
      <c r="H252007" s="12"/>
    </row>
    <row r="252008" spans="8:8">
      <c r="H252008" s="12"/>
    </row>
    <row r="252009" spans="8:8">
      <c r="H252009" s="12"/>
    </row>
    <row r="252010" spans="8:8">
      <c r="H252010" s="12"/>
    </row>
    <row r="252011" spans="8:8">
      <c r="H252011" s="12"/>
    </row>
    <row r="252012" spans="8:8">
      <c r="H252012" s="12"/>
    </row>
    <row r="252013" spans="8:8">
      <c r="H252013" s="12"/>
    </row>
    <row r="252014" spans="8:8">
      <c r="H252014" s="12"/>
    </row>
    <row r="252015" spans="8:8">
      <c r="H252015" s="12"/>
    </row>
    <row r="252016" spans="8:8">
      <c r="H252016" s="12"/>
    </row>
    <row r="252017" spans="8:8">
      <c r="H252017" s="12"/>
    </row>
    <row r="252018" spans="8:8">
      <c r="H252018" s="12"/>
    </row>
    <row r="252019" spans="8:8">
      <c r="H252019" s="12"/>
    </row>
    <row r="252020" spans="8:8">
      <c r="H252020" s="12"/>
    </row>
    <row r="252021" spans="8:8">
      <c r="H252021" s="12"/>
    </row>
    <row r="252022" spans="8:8">
      <c r="H252022" s="12"/>
    </row>
    <row r="252023" spans="8:8">
      <c r="H252023" s="12"/>
    </row>
    <row r="252024" spans="8:8">
      <c r="H252024" s="12"/>
    </row>
    <row r="252025" spans="8:8">
      <c r="H252025" s="12"/>
    </row>
    <row r="252026" spans="8:8">
      <c r="H252026" s="12"/>
    </row>
    <row r="252027" spans="8:8">
      <c r="H252027" s="12"/>
    </row>
    <row r="252028" spans="8:8">
      <c r="H252028" s="12"/>
    </row>
    <row r="252029" spans="8:8">
      <c r="H252029" s="12"/>
    </row>
    <row r="252030" spans="8:8">
      <c r="H252030" s="12"/>
    </row>
    <row r="252031" spans="8:8">
      <c r="H252031" s="12"/>
    </row>
    <row r="252032" spans="8:8">
      <c r="H252032" s="12"/>
    </row>
    <row r="252033" spans="8:8">
      <c r="H252033" s="12"/>
    </row>
    <row r="252034" spans="8:8">
      <c r="H252034" s="12"/>
    </row>
    <row r="252035" spans="8:8">
      <c r="H252035" s="12"/>
    </row>
    <row r="252036" spans="8:8">
      <c r="H252036" s="12"/>
    </row>
    <row r="252037" spans="8:8">
      <c r="H252037" s="12"/>
    </row>
    <row r="252038" spans="8:8">
      <c r="H252038" s="12"/>
    </row>
    <row r="252039" spans="8:8">
      <c r="H252039" s="12"/>
    </row>
    <row r="252040" spans="8:8">
      <c r="H252040" s="12"/>
    </row>
    <row r="252041" spans="8:8">
      <c r="H252041" s="12"/>
    </row>
    <row r="252042" spans="8:8">
      <c r="H252042" s="12"/>
    </row>
    <row r="252043" spans="8:8">
      <c r="H252043" s="12"/>
    </row>
    <row r="252044" spans="8:8">
      <c r="H252044" s="12"/>
    </row>
    <row r="252045" spans="8:8">
      <c r="H252045" s="12"/>
    </row>
    <row r="252046" spans="8:8">
      <c r="H252046" s="12"/>
    </row>
    <row r="252047" spans="8:8">
      <c r="H252047" s="12"/>
    </row>
    <row r="252048" spans="8:8">
      <c r="H252048" s="12"/>
    </row>
    <row r="252049" spans="8:8">
      <c r="H252049" s="12"/>
    </row>
    <row r="252050" spans="8:8">
      <c r="H252050" s="12"/>
    </row>
    <row r="252051" spans="8:8">
      <c r="H252051" s="12"/>
    </row>
    <row r="252052" spans="8:8">
      <c r="H252052" s="12"/>
    </row>
    <row r="252053" spans="8:8">
      <c r="H252053" s="12"/>
    </row>
    <row r="252054" spans="8:8">
      <c r="H252054" s="12"/>
    </row>
    <row r="252055" spans="8:8">
      <c r="H252055" s="12"/>
    </row>
    <row r="252056" spans="8:8">
      <c r="H252056" s="12"/>
    </row>
    <row r="252057" spans="8:8">
      <c r="H252057" s="12"/>
    </row>
    <row r="252058" spans="8:8">
      <c r="H252058" s="12"/>
    </row>
    <row r="252059" spans="8:8">
      <c r="H252059" s="12"/>
    </row>
    <row r="252060" spans="8:8">
      <c r="H252060" s="12"/>
    </row>
    <row r="252061" spans="8:8">
      <c r="H252061" s="12"/>
    </row>
    <row r="252062" spans="8:8">
      <c r="H252062" s="12"/>
    </row>
    <row r="252063" spans="8:8">
      <c r="H252063" s="12"/>
    </row>
    <row r="252064" spans="8:8">
      <c r="H252064" s="12"/>
    </row>
    <row r="252065" spans="8:8">
      <c r="H252065" s="12"/>
    </row>
    <row r="252066" spans="8:8">
      <c r="H252066" s="12"/>
    </row>
    <row r="252067" spans="8:8">
      <c r="H252067" s="12"/>
    </row>
    <row r="252068" spans="8:8">
      <c r="H252068" s="12"/>
    </row>
    <row r="252069" spans="8:8">
      <c r="H252069" s="12"/>
    </row>
    <row r="252070" spans="8:8">
      <c r="H252070" s="12"/>
    </row>
    <row r="252071" spans="8:8">
      <c r="H252071" s="12"/>
    </row>
    <row r="252072" spans="8:8">
      <c r="H252072" s="12"/>
    </row>
    <row r="252073" spans="8:8">
      <c r="H252073" s="12"/>
    </row>
    <row r="252074" spans="8:8">
      <c r="H252074" s="12"/>
    </row>
    <row r="252075" spans="8:8">
      <c r="H252075" s="12"/>
    </row>
    <row r="252076" spans="8:8">
      <c r="H252076" s="12"/>
    </row>
    <row r="252077" spans="8:8">
      <c r="H252077" s="12"/>
    </row>
    <row r="252078" spans="8:8">
      <c r="H252078" s="12"/>
    </row>
    <row r="252079" spans="8:8">
      <c r="H252079" s="12"/>
    </row>
    <row r="252080" spans="8:8">
      <c r="H252080" s="12"/>
    </row>
    <row r="252081" spans="8:8">
      <c r="H252081" s="12"/>
    </row>
    <row r="252082" spans="8:8">
      <c r="H252082" s="12"/>
    </row>
    <row r="252083" spans="8:8">
      <c r="H252083" s="12"/>
    </row>
    <row r="252084" spans="8:8">
      <c r="H252084" s="12"/>
    </row>
    <row r="252085" spans="8:8">
      <c r="H252085" s="12"/>
    </row>
    <row r="252086" spans="8:8">
      <c r="H252086" s="12"/>
    </row>
    <row r="252087" spans="8:8">
      <c r="H252087" s="12"/>
    </row>
    <row r="252088" spans="8:8">
      <c r="H252088" s="12"/>
    </row>
    <row r="252089" spans="8:8">
      <c r="H252089" s="12"/>
    </row>
    <row r="252090" spans="8:8">
      <c r="H252090" s="12"/>
    </row>
    <row r="252091" spans="8:8">
      <c r="H252091" s="12"/>
    </row>
    <row r="252092" spans="8:8">
      <c r="H252092" s="12"/>
    </row>
    <row r="252093" spans="8:8">
      <c r="H252093" s="12"/>
    </row>
    <row r="252094" spans="8:8">
      <c r="H252094" s="12"/>
    </row>
    <row r="252095" spans="8:8">
      <c r="H252095" s="12"/>
    </row>
    <row r="252096" spans="8:8">
      <c r="H252096" s="12"/>
    </row>
    <row r="252097" spans="8:8">
      <c r="H252097" s="12"/>
    </row>
    <row r="252098" spans="8:8">
      <c r="H252098" s="12"/>
    </row>
    <row r="252099" spans="8:8">
      <c r="H252099" s="12"/>
    </row>
    <row r="252100" spans="8:8">
      <c r="H252100" s="12"/>
    </row>
    <row r="252101" spans="8:8">
      <c r="H252101" s="12"/>
    </row>
    <row r="252102" spans="8:8">
      <c r="H252102" s="12"/>
    </row>
    <row r="252103" spans="8:8">
      <c r="H252103" s="12"/>
    </row>
    <row r="252104" spans="8:8">
      <c r="H252104" s="12"/>
    </row>
    <row r="252105" spans="8:8">
      <c r="H252105" s="12"/>
    </row>
    <row r="252106" spans="8:8">
      <c r="H252106" s="12"/>
    </row>
    <row r="252107" spans="8:8">
      <c r="H252107" s="12"/>
    </row>
    <row r="252108" spans="8:8">
      <c r="H252108" s="12"/>
    </row>
    <row r="252109" spans="8:8">
      <c r="H252109" s="12"/>
    </row>
    <row r="252110" spans="8:8">
      <c r="H252110" s="12"/>
    </row>
    <row r="252111" spans="8:8">
      <c r="H252111" s="12"/>
    </row>
    <row r="252112" spans="8:8">
      <c r="H252112" s="12"/>
    </row>
    <row r="252113" spans="8:8">
      <c r="H252113" s="12"/>
    </row>
    <row r="252114" spans="8:8">
      <c r="H252114" s="12"/>
    </row>
    <row r="252115" spans="8:8">
      <c r="H252115" s="12"/>
    </row>
    <row r="252116" spans="8:8">
      <c r="H252116" s="12"/>
    </row>
    <row r="252117" spans="8:8">
      <c r="H252117" s="12"/>
    </row>
    <row r="252118" spans="8:8">
      <c r="H252118" s="12"/>
    </row>
    <row r="252119" spans="8:8">
      <c r="H252119" s="12"/>
    </row>
    <row r="252120" spans="8:8">
      <c r="H252120" s="12"/>
    </row>
    <row r="252121" spans="8:8">
      <c r="H252121" s="12"/>
    </row>
    <row r="252122" spans="8:8">
      <c r="H252122" s="12"/>
    </row>
    <row r="252123" spans="8:8">
      <c r="H252123" s="12"/>
    </row>
    <row r="252124" spans="8:8">
      <c r="H252124" s="12"/>
    </row>
    <row r="252125" spans="8:8">
      <c r="H252125" s="12"/>
    </row>
    <row r="252126" spans="8:8">
      <c r="H252126" s="12"/>
    </row>
    <row r="252127" spans="8:8">
      <c r="H252127" s="12"/>
    </row>
    <row r="252128" spans="8:8">
      <c r="H252128" s="12"/>
    </row>
    <row r="252129" spans="8:8">
      <c r="H252129" s="12"/>
    </row>
    <row r="252130" spans="8:8">
      <c r="H252130" s="12"/>
    </row>
    <row r="252131" spans="8:8">
      <c r="H252131" s="12"/>
    </row>
    <row r="252132" spans="8:8">
      <c r="H252132" s="12"/>
    </row>
    <row r="252133" spans="8:8">
      <c r="H252133" s="12"/>
    </row>
    <row r="252134" spans="8:8">
      <c r="H252134" s="12"/>
    </row>
    <row r="252135" spans="8:8">
      <c r="H252135" s="12"/>
    </row>
    <row r="252136" spans="8:8">
      <c r="H252136" s="12"/>
    </row>
    <row r="252137" spans="8:8">
      <c r="H252137" s="12"/>
    </row>
    <row r="252138" spans="8:8">
      <c r="H252138" s="12"/>
    </row>
    <row r="252139" spans="8:8">
      <c r="H252139" s="12"/>
    </row>
    <row r="252140" spans="8:8">
      <c r="H252140" s="12"/>
    </row>
    <row r="252141" spans="8:8">
      <c r="H252141" s="12"/>
    </row>
    <row r="252142" spans="8:8">
      <c r="H252142" s="12"/>
    </row>
    <row r="252143" spans="8:8">
      <c r="H252143" s="12"/>
    </row>
    <row r="252144" spans="8:8">
      <c r="H252144" s="12"/>
    </row>
    <row r="252145" spans="8:8">
      <c r="H252145" s="12"/>
    </row>
    <row r="252146" spans="8:8">
      <c r="H252146" s="12"/>
    </row>
    <row r="252147" spans="8:8">
      <c r="H252147" s="12"/>
    </row>
    <row r="252148" spans="8:8">
      <c r="H252148" s="12"/>
    </row>
    <row r="252149" spans="8:8">
      <c r="H252149" s="12"/>
    </row>
    <row r="252150" spans="8:8">
      <c r="H252150" s="12"/>
    </row>
    <row r="252151" spans="8:8">
      <c r="H252151" s="12"/>
    </row>
    <row r="252152" spans="8:8">
      <c r="H252152" s="12"/>
    </row>
    <row r="252153" spans="8:8">
      <c r="H252153" s="12"/>
    </row>
    <row r="252154" spans="8:8">
      <c r="H252154" s="12"/>
    </row>
    <row r="252155" spans="8:8">
      <c r="H252155" s="12"/>
    </row>
    <row r="252156" spans="8:8">
      <c r="H252156" s="12"/>
    </row>
    <row r="252157" spans="8:8">
      <c r="H252157" s="12"/>
    </row>
    <row r="252158" spans="8:8">
      <c r="H252158" s="12"/>
    </row>
    <row r="252159" spans="8:8">
      <c r="H252159" s="12"/>
    </row>
    <row r="252160" spans="8:8">
      <c r="H252160" s="12"/>
    </row>
    <row r="252161" spans="8:8">
      <c r="H252161" s="12"/>
    </row>
    <row r="252162" spans="8:8">
      <c r="H252162" s="12"/>
    </row>
    <row r="252163" spans="8:8">
      <c r="H252163" s="12"/>
    </row>
    <row r="252164" spans="8:8">
      <c r="H252164" s="12"/>
    </row>
    <row r="252165" spans="8:8">
      <c r="H252165" s="12"/>
    </row>
    <row r="252166" spans="8:8">
      <c r="H252166" s="12"/>
    </row>
    <row r="252167" spans="8:8">
      <c r="H252167" s="12"/>
    </row>
    <row r="252168" spans="8:8">
      <c r="H252168" s="12"/>
    </row>
    <row r="252169" spans="8:8">
      <c r="H252169" s="12"/>
    </row>
    <row r="252170" spans="8:8">
      <c r="H252170" s="12"/>
    </row>
    <row r="252171" spans="8:8">
      <c r="H252171" s="12"/>
    </row>
    <row r="252172" spans="8:8">
      <c r="H252172" s="12"/>
    </row>
    <row r="252173" spans="8:8">
      <c r="H252173" s="12"/>
    </row>
    <row r="252174" spans="8:8">
      <c r="H252174" s="12"/>
    </row>
    <row r="252175" spans="8:8">
      <c r="H252175" s="12"/>
    </row>
    <row r="252176" spans="8:8">
      <c r="H252176" s="12"/>
    </row>
    <row r="252177" spans="8:8">
      <c r="H252177" s="12"/>
    </row>
    <row r="252178" spans="8:8">
      <c r="H252178" s="12"/>
    </row>
    <row r="252179" spans="8:8">
      <c r="H252179" s="12"/>
    </row>
    <row r="252180" spans="8:8">
      <c r="H252180" s="12"/>
    </row>
    <row r="252181" spans="8:8">
      <c r="H252181" s="12"/>
    </row>
    <row r="252182" spans="8:8">
      <c r="H252182" s="12"/>
    </row>
    <row r="252183" spans="8:8">
      <c r="H252183" s="12"/>
    </row>
    <row r="252184" spans="8:8">
      <c r="H252184" s="12"/>
    </row>
    <row r="252185" spans="8:8">
      <c r="H252185" s="12"/>
    </row>
    <row r="252186" spans="8:8">
      <c r="H252186" s="12"/>
    </row>
    <row r="252187" spans="8:8">
      <c r="H252187" s="12"/>
    </row>
    <row r="252188" spans="8:8">
      <c r="H252188" s="12"/>
    </row>
    <row r="252189" spans="8:8">
      <c r="H252189" s="12"/>
    </row>
    <row r="252190" spans="8:8">
      <c r="H252190" s="12"/>
    </row>
    <row r="252191" spans="8:8">
      <c r="H252191" s="12"/>
    </row>
    <row r="252192" spans="8:8">
      <c r="H252192" s="12"/>
    </row>
    <row r="252193" spans="8:8">
      <c r="H252193" s="12"/>
    </row>
    <row r="252194" spans="8:8">
      <c r="H252194" s="12"/>
    </row>
    <row r="252195" spans="8:8">
      <c r="H252195" s="12"/>
    </row>
    <row r="252196" spans="8:8">
      <c r="H252196" s="12"/>
    </row>
    <row r="252197" spans="8:8">
      <c r="H252197" s="12"/>
    </row>
    <row r="252198" spans="8:8">
      <c r="H252198" s="12"/>
    </row>
    <row r="252199" spans="8:8">
      <c r="H252199" s="12"/>
    </row>
    <row r="252200" spans="8:8">
      <c r="H252200" s="12"/>
    </row>
    <row r="252201" spans="8:8">
      <c r="H252201" s="12"/>
    </row>
    <row r="252202" spans="8:8">
      <c r="H252202" s="12"/>
    </row>
    <row r="252203" spans="8:8">
      <c r="H252203" s="12"/>
    </row>
    <row r="252204" spans="8:8">
      <c r="H252204" s="12"/>
    </row>
    <row r="252205" spans="8:8">
      <c r="H252205" s="12"/>
    </row>
    <row r="252206" spans="8:8">
      <c r="H252206" s="12"/>
    </row>
    <row r="252207" spans="8:8">
      <c r="H252207" s="12"/>
    </row>
    <row r="252208" spans="8:8">
      <c r="H252208" s="12"/>
    </row>
    <row r="252209" spans="8:8">
      <c r="H252209" s="12"/>
    </row>
    <row r="252210" spans="8:8">
      <c r="H252210" s="12"/>
    </row>
    <row r="252211" spans="8:8">
      <c r="H252211" s="12"/>
    </row>
    <row r="252212" spans="8:8">
      <c r="H252212" s="12"/>
    </row>
    <row r="252213" spans="8:8">
      <c r="H252213" s="12"/>
    </row>
    <row r="252214" spans="8:8">
      <c r="H252214" s="12"/>
    </row>
    <row r="252215" spans="8:8">
      <c r="H252215" s="12"/>
    </row>
    <row r="252216" spans="8:8">
      <c r="H252216" s="12"/>
    </row>
    <row r="252217" spans="8:8">
      <c r="H252217" s="12"/>
    </row>
    <row r="252218" spans="8:8">
      <c r="H252218" s="12"/>
    </row>
    <row r="252219" spans="8:8">
      <c r="H252219" s="12"/>
    </row>
    <row r="252220" spans="8:8">
      <c r="H252220" s="12"/>
    </row>
    <row r="252221" spans="8:8">
      <c r="H252221" s="12"/>
    </row>
    <row r="252222" spans="8:8">
      <c r="H252222" s="12"/>
    </row>
    <row r="252223" spans="8:8">
      <c r="H252223" s="12"/>
    </row>
    <row r="252224" spans="8:8">
      <c r="H252224" s="12"/>
    </row>
    <row r="252225" spans="8:8">
      <c r="H252225" s="12"/>
    </row>
    <row r="252226" spans="8:8">
      <c r="H252226" s="12"/>
    </row>
    <row r="252227" spans="8:8">
      <c r="H252227" s="12"/>
    </row>
    <row r="252228" spans="8:8">
      <c r="H252228" s="12"/>
    </row>
    <row r="252229" spans="8:8">
      <c r="H252229" s="12"/>
    </row>
    <row r="252230" spans="8:8">
      <c r="H252230" s="12"/>
    </row>
    <row r="252231" spans="8:8">
      <c r="H252231" s="12"/>
    </row>
    <row r="252232" spans="8:8">
      <c r="H252232" s="12"/>
    </row>
    <row r="252233" spans="8:8">
      <c r="H252233" s="12"/>
    </row>
    <row r="252234" spans="8:8">
      <c r="H252234" s="12"/>
    </row>
    <row r="252235" spans="8:8">
      <c r="H252235" s="12"/>
    </row>
    <row r="252236" spans="8:8">
      <c r="H252236" s="12"/>
    </row>
    <row r="252237" spans="8:8">
      <c r="H252237" s="12"/>
    </row>
    <row r="252238" spans="8:8">
      <c r="H252238" s="12"/>
    </row>
    <row r="252239" spans="8:8">
      <c r="H252239" s="12"/>
    </row>
    <row r="252240" spans="8:8">
      <c r="H252240" s="12"/>
    </row>
    <row r="252241" spans="8:8">
      <c r="H252241" s="12"/>
    </row>
    <row r="252242" spans="8:8">
      <c r="H252242" s="12"/>
    </row>
    <row r="252243" spans="8:8">
      <c r="H252243" s="12"/>
    </row>
    <row r="252244" spans="8:8">
      <c r="H252244" s="12"/>
    </row>
    <row r="252245" spans="8:8">
      <c r="H252245" s="12"/>
    </row>
    <row r="252246" spans="8:8">
      <c r="H252246" s="12"/>
    </row>
    <row r="252247" spans="8:8">
      <c r="H252247" s="12"/>
    </row>
    <row r="252248" spans="8:8">
      <c r="H252248" s="12"/>
    </row>
    <row r="252249" spans="8:8">
      <c r="H252249" s="12"/>
    </row>
    <row r="252250" spans="8:8">
      <c r="H252250" s="12"/>
    </row>
    <row r="252251" spans="8:8">
      <c r="H252251" s="12"/>
    </row>
    <row r="252252" spans="8:8">
      <c r="H252252" s="12"/>
    </row>
    <row r="252253" spans="8:8">
      <c r="H252253" s="12"/>
    </row>
    <row r="252254" spans="8:8">
      <c r="H252254" s="12"/>
    </row>
    <row r="252255" spans="8:8">
      <c r="H252255" s="12"/>
    </row>
    <row r="252256" spans="8:8">
      <c r="H252256" s="12"/>
    </row>
    <row r="252257" spans="8:8">
      <c r="H252257" s="12"/>
    </row>
    <row r="252258" spans="8:8">
      <c r="H252258" s="12"/>
    </row>
    <row r="252259" spans="8:8">
      <c r="H252259" s="12"/>
    </row>
    <row r="252260" spans="8:8">
      <c r="H252260" s="12"/>
    </row>
    <row r="252261" spans="8:8">
      <c r="H252261" s="12"/>
    </row>
    <row r="252262" spans="8:8">
      <c r="H252262" s="12"/>
    </row>
    <row r="252263" spans="8:8">
      <c r="H252263" s="12"/>
    </row>
    <row r="252264" spans="8:8">
      <c r="H252264" s="12"/>
    </row>
    <row r="252265" spans="8:8">
      <c r="H252265" s="12"/>
    </row>
    <row r="252266" spans="8:8">
      <c r="H252266" s="12"/>
    </row>
    <row r="252267" spans="8:8">
      <c r="H252267" s="12"/>
    </row>
    <row r="252268" spans="8:8">
      <c r="H252268" s="12"/>
    </row>
    <row r="252269" spans="8:8">
      <c r="H252269" s="12"/>
    </row>
    <row r="252270" spans="8:8">
      <c r="H252270" s="12"/>
    </row>
    <row r="252271" spans="8:8">
      <c r="H252271" s="12"/>
    </row>
    <row r="252272" spans="8:8">
      <c r="H252272" s="12"/>
    </row>
    <row r="252273" spans="8:8">
      <c r="H252273" s="12"/>
    </row>
    <row r="252274" spans="8:8">
      <c r="H252274" s="12"/>
    </row>
    <row r="252275" spans="8:8">
      <c r="H252275" s="12"/>
    </row>
    <row r="252276" spans="8:8">
      <c r="H252276" s="12"/>
    </row>
    <row r="252277" spans="8:8">
      <c r="H252277" s="12"/>
    </row>
    <row r="252278" spans="8:8">
      <c r="H252278" s="12"/>
    </row>
    <row r="252279" spans="8:8">
      <c r="H252279" s="12"/>
    </row>
    <row r="252280" spans="8:8">
      <c r="H252280" s="12"/>
    </row>
    <row r="252281" spans="8:8">
      <c r="H252281" s="12"/>
    </row>
    <row r="252282" spans="8:8">
      <c r="H252282" s="12"/>
    </row>
    <row r="252283" spans="8:8">
      <c r="H252283" s="12"/>
    </row>
    <row r="252284" spans="8:8">
      <c r="H252284" s="12"/>
    </row>
    <row r="252285" spans="8:8">
      <c r="H252285" s="12"/>
    </row>
    <row r="252286" spans="8:8">
      <c r="H252286" s="12"/>
    </row>
    <row r="252287" spans="8:8">
      <c r="H252287" s="12"/>
    </row>
    <row r="252288" spans="8:8">
      <c r="H252288" s="12"/>
    </row>
    <row r="252289" spans="8:8">
      <c r="H252289" s="12"/>
    </row>
    <row r="252290" spans="8:8">
      <c r="H252290" s="12"/>
    </row>
    <row r="252291" spans="8:8">
      <c r="H252291" s="12"/>
    </row>
    <row r="252292" spans="8:8">
      <c r="H252292" s="12"/>
    </row>
    <row r="252293" spans="8:8">
      <c r="H252293" s="12"/>
    </row>
    <row r="252294" spans="8:8">
      <c r="H252294" s="12"/>
    </row>
    <row r="252295" spans="8:8">
      <c r="H252295" s="12"/>
    </row>
    <row r="252296" spans="8:8">
      <c r="H252296" s="12"/>
    </row>
    <row r="252297" spans="8:8">
      <c r="H252297" s="12"/>
    </row>
    <row r="252298" spans="8:8">
      <c r="H252298" s="12"/>
    </row>
    <row r="252299" spans="8:8">
      <c r="H252299" s="12"/>
    </row>
    <row r="252300" spans="8:8">
      <c r="H252300" s="12"/>
    </row>
    <row r="252301" spans="8:8">
      <c r="H252301" s="12"/>
    </row>
    <row r="252302" spans="8:8">
      <c r="H252302" s="12"/>
    </row>
    <row r="252303" spans="8:8">
      <c r="H252303" s="12"/>
    </row>
    <row r="252304" spans="8:8">
      <c r="H252304" s="12"/>
    </row>
    <row r="252305" spans="8:8">
      <c r="H252305" s="12"/>
    </row>
    <row r="252306" spans="8:8">
      <c r="H252306" s="12"/>
    </row>
    <row r="252307" spans="8:8">
      <c r="H252307" s="12"/>
    </row>
    <row r="252308" spans="8:8">
      <c r="H252308" s="12"/>
    </row>
    <row r="252309" spans="8:8">
      <c r="H252309" s="12"/>
    </row>
    <row r="252310" spans="8:8">
      <c r="H252310" s="12"/>
    </row>
    <row r="252311" spans="8:8">
      <c r="H252311" s="12"/>
    </row>
    <row r="252312" spans="8:8">
      <c r="H252312" s="12"/>
    </row>
    <row r="252313" spans="8:8">
      <c r="H252313" s="12"/>
    </row>
    <row r="252314" spans="8:8">
      <c r="H252314" s="12"/>
    </row>
    <row r="252315" spans="8:8">
      <c r="H252315" s="12"/>
    </row>
    <row r="252316" spans="8:8">
      <c r="H252316" s="12"/>
    </row>
    <row r="252317" spans="8:8">
      <c r="H252317" s="12"/>
    </row>
    <row r="252318" spans="8:8">
      <c r="H252318" s="12"/>
    </row>
    <row r="252319" spans="8:8">
      <c r="H252319" s="12"/>
    </row>
    <row r="252320" spans="8:8">
      <c r="H252320" s="12"/>
    </row>
    <row r="252321" spans="8:8">
      <c r="H252321" s="12"/>
    </row>
    <row r="252322" spans="8:8">
      <c r="H252322" s="12"/>
    </row>
    <row r="252323" spans="8:8">
      <c r="H252323" s="12"/>
    </row>
    <row r="252324" spans="8:8">
      <c r="H252324" s="12"/>
    </row>
    <row r="252325" spans="8:8">
      <c r="H252325" s="12"/>
    </row>
    <row r="252326" spans="8:8">
      <c r="H252326" s="12"/>
    </row>
    <row r="252327" spans="8:8">
      <c r="H252327" s="12"/>
    </row>
    <row r="252328" spans="8:8">
      <c r="H252328" s="12"/>
    </row>
    <row r="252329" spans="8:8">
      <c r="H252329" s="12"/>
    </row>
    <row r="252330" spans="8:8">
      <c r="H252330" s="12"/>
    </row>
    <row r="252331" spans="8:8">
      <c r="H252331" s="12"/>
    </row>
    <row r="252332" spans="8:8">
      <c r="H252332" s="12"/>
    </row>
    <row r="252333" spans="8:8">
      <c r="H252333" s="12"/>
    </row>
    <row r="252334" spans="8:8">
      <c r="H252334" s="12"/>
    </row>
    <row r="252335" spans="8:8">
      <c r="H252335" s="12"/>
    </row>
    <row r="252336" spans="8:8">
      <c r="H252336" s="12"/>
    </row>
    <row r="252337" spans="8:8">
      <c r="H252337" s="12"/>
    </row>
    <row r="252338" spans="8:8">
      <c r="H252338" s="12"/>
    </row>
    <row r="252339" spans="8:8">
      <c r="H252339" s="12"/>
    </row>
    <row r="252340" spans="8:8">
      <c r="H252340" s="12"/>
    </row>
    <row r="252341" spans="8:8">
      <c r="H252341" s="12"/>
    </row>
    <row r="252342" spans="8:8">
      <c r="H252342" s="12"/>
    </row>
    <row r="252343" spans="8:8">
      <c r="H252343" s="12"/>
    </row>
    <row r="252344" spans="8:8">
      <c r="H252344" s="12"/>
    </row>
    <row r="252345" spans="8:8">
      <c r="H252345" s="12"/>
    </row>
    <row r="252346" spans="8:8">
      <c r="H252346" s="12"/>
    </row>
    <row r="252347" spans="8:8">
      <c r="H252347" s="12"/>
    </row>
    <row r="252348" spans="8:8">
      <c r="H252348" s="12"/>
    </row>
    <row r="252349" spans="8:8">
      <c r="H252349" s="12"/>
    </row>
    <row r="252350" spans="8:8">
      <c r="H252350" s="12"/>
    </row>
    <row r="252351" spans="8:8">
      <c r="H252351" s="12"/>
    </row>
    <row r="252352" spans="8:8">
      <c r="H252352" s="12"/>
    </row>
    <row r="252353" spans="8:8">
      <c r="H252353" s="12"/>
    </row>
    <row r="252354" spans="8:8">
      <c r="H252354" s="12"/>
    </row>
    <row r="252355" spans="8:8">
      <c r="H252355" s="12"/>
    </row>
    <row r="252356" spans="8:8">
      <c r="H252356" s="12"/>
    </row>
    <row r="252357" spans="8:8">
      <c r="H252357" s="12"/>
    </row>
    <row r="252358" spans="8:8">
      <c r="H252358" s="12"/>
    </row>
    <row r="252359" spans="8:8">
      <c r="H252359" s="12"/>
    </row>
    <row r="252360" spans="8:8">
      <c r="H252360" s="12"/>
    </row>
    <row r="252361" spans="8:8">
      <c r="H252361" s="12"/>
    </row>
    <row r="252362" spans="8:8">
      <c r="H252362" s="12"/>
    </row>
    <row r="252363" spans="8:8">
      <c r="H252363" s="12"/>
    </row>
    <row r="252364" spans="8:8">
      <c r="H252364" s="12"/>
    </row>
    <row r="252365" spans="8:8">
      <c r="H252365" s="12"/>
    </row>
    <row r="252366" spans="8:8">
      <c r="H252366" s="12"/>
    </row>
    <row r="252367" spans="8:8">
      <c r="H252367" s="12"/>
    </row>
    <row r="252368" spans="8:8">
      <c r="H252368" s="12"/>
    </row>
    <row r="252369" spans="8:8">
      <c r="H252369" s="12"/>
    </row>
    <row r="252370" spans="8:8">
      <c r="H252370" s="12"/>
    </row>
    <row r="252371" spans="8:8">
      <c r="H252371" s="12"/>
    </row>
    <row r="252372" spans="8:8">
      <c r="H252372" s="12"/>
    </row>
    <row r="252373" spans="8:8">
      <c r="H252373" s="12"/>
    </row>
    <row r="252374" spans="8:8">
      <c r="H252374" s="12"/>
    </row>
    <row r="252375" spans="8:8">
      <c r="H252375" s="12"/>
    </row>
    <row r="252376" spans="8:8">
      <c r="H252376" s="12"/>
    </row>
    <row r="252377" spans="8:8">
      <c r="H252377" s="12"/>
    </row>
    <row r="252378" spans="8:8">
      <c r="H252378" s="12"/>
    </row>
    <row r="252379" spans="8:8">
      <c r="H252379" s="12"/>
    </row>
    <row r="252380" spans="8:8">
      <c r="H252380" s="12"/>
    </row>
    <row r="252381" spans="8:8">
      <c r="H252381" s="12"/>
    </row>
    <row r="252382" spans="8:8">
      <c r="H252382" s="12"/>
    </row>
    <row r="252383" spans="8:8">
      <c r="H252383" s="12"/>
    </row>
    <row r="252384" spans="8:8">
      <c r="H252384" s="12"/>
    </row>
    <row r="252385" spans="8:8">
      <c r="H252385" s="12"/>
    </row>
    <row r="252386" spans="8:8">
      <c r="H252386" s="12"/>
    </row>
    <row r="252387" spans="8:8">
      <c r="H252387" s="12"/>
    </row>
    <row r="252388" spans="8:8">
      <c r="H252388" s="12"/>
    </row>
    <row r="252389" spans="8:8">
      <c r="H252389" s="12"/>
    </row>
    <row r="252390" spans="8:8">
      <c r="H252390" s="12"/>
    </row>
    <row r="252391" spans="8:8">
      <c r="H252391" s="12"/>
    </row>
    <row r="252392" spans="8:8">
      <c r="H252392" s="12"/>
    </row>
    <row r="252393" spans="8:8">
      <c r="H252393" s="12"/>
    </row>
    <row r="252394" spans="8:8">
      <c r="H252394" s="12"/>
    </row>
    <row r="252395" spans="8:8">
      <c r="H252395" s="12"/>
    </row>
    <row r="252396" spans="8:8">
      <c r="H252396" s="12"/>
    </row>
    <row r="252397" spans="8:8">
      <c r="H252397" s="12"/>
    </row>
    <row r="252398" spans="8:8">
      <c r="H252398" s="12"/>
    </row>
    <row r="252399" spans="8:8">
      <c r="H252399" s="12"/>
    </row>
    <row r="252400" spans="8:8">
      <c r="H252400" s="12"/>
    </row>
    <row r="252401" spans="8:8">
      <c r="H252401" s="12"/>
    </row>
    <row r="252402" spans="8:8">
      <c r="H252402" s="12"/>
    </row>
    <row r="252403" spans="8:8">
      <c r="H252403" s="12"/>
    </row>
    <row r="252404" spans="8:8">
      <c r="H252404" s="12"/>
    </row>
    <row r="252405" spans="8:8">
      <c r="H252405" s="12"/>
    </row>
    <row r="252406" spans="8:8">
      <c r="H252406" s="12"/>
    </row>
    <row r="252407" spans="8:8">
      <c r="H252407" s="12"/>
    </row>
    <row r="252408" spans="8:8">
      <c r="H252408" s="12"/>
    </row>
    <row r="252409" spans="8:8">
      <c r="H252409" s="12"/>
    </row>
    <row r="252410" spans="8:8">
      <c r="H252410" s="12"/>
    </row>
    <row r="252411" spans="8:8">
      <c r="H252411" s="12"/>
    </row>
    <row r="252412" spans="8:8">
      <c r="H252412" s="12"/>
    </row>
    <row r="252413" spans="8:8">
      <c r="H252413" s="12"/>
    </row>
    <row r="252414" spans="8:8">
      <c r="H252414" s="12"/>
    </row>
    <row r="252415" spans="8:8">
      <c r="H252415" s="12"/>
    </row>
    <row r="252416" spans="8:8">
      <c r="H252416" s="12"/>
    </row>
    <row r="252417" spans="8:8">
      <c r="H252417" s="12"/>
    </row>
    <row r="252418" spans="8:8">
      <c r="H252418" s="12"/>
    </row>
    <row r="252419" spans="8:8">
      <c r="H252419" s="12"/>
    </row>
    <row r="252420" spans="8:8">
      <c r="H252420" s="12"/>
    </row>
    <row r="252421" spans="8:8">
      <c r="H252421" s="12"/>
    </row>
    <row r="252422" spans="8:8">
      <c r="H252422" s="12"/>
    </row>
    <row r="252423" spans="8:8">
      <c r="H252423" s="12"/>
    </row>
    <row r="252424" spans="8:8">
      <c r="H252424" s="12"/>
    </row>
    <row r="252425" spans="8:8">
      <c r="H252425" s="12"/>
    </row>
    <row r="252426" spans="8:8">
      <c r="H252426" s="12"/>
    </row>
    <row r="252427" spans="8:8">
      <c r="H252427" s="12"/>
    </row>
    <row r="252428" spans="8:8">
      <c r="H252428" s="12"/>
    </row>
    <row r="252429" spans="8:8">
      <c r="H252429" s="12"/>
    </row>
    <row r="252430" spans="8:8">
      <c r="H252430" s="12"/>
    </row>
    <row r="252431" spans="8:8">
      <c r="H252431" s="12"/>
    </row>
    <row r="252432" spans="8:8">
      <c r="H252432" s="12"/>
    </row>
    <row r="252433" spans="8:8">
      <c r="H252433" s="12"/>
    </row>
    <row r="252434" spans="8:8">
      <c r="H252434" s="12"/>
    </row>
    <row r="252435" spans="8:8">
      <c r="H252435" s="12"/>
    </row>
    <row r="252436" spans="8:8">
      <c r="H252436" s="12"/>
    </row>
    <row r="252437" spans="8:8">
      <c r="H252437" s="12"/>
    </row>
    <row r="252438" spans="8:8">
      <c r="H252438" s="12"/>
    </row>
    <row r="252439" spans="8:8">
      <c r="H252439" s="12"/>
    </row>
    <row r="252440" spans="8:8">
      <c r="H252440" s="12"/>
    </row>
    <row r="252441" spans="8:8">
      <c r="H252441" s="12"/>
    </row>
    <row r="252442" spans="8:8">
      <c r="H252442" s="12"/>
    </row>
    <row r="252443" spans="8:8">
      <c r="H252443" s="12"/>
    </row>
    <row r="252444" spans="8:8">
      <c r="H252444" s="12"/>
    </row>
    <row r="252445" spans="8:8">
      <c r="H252445" s="12"/>
    </row>
    <row r="252446" spans="8:8">
      <c r="H252446" s="12"/>
    </row>
    <row r="252447" spans="8:8">
      <c r="H252447" s="12"/>
    </row>
    <row r="252448" spans="8:8">
      <c r="H252448" s="12"/>
    </row>
    <row r="252449" spans="8:8">
      <c r="H252449" s="12"/>
    </row>
    <row r="252450" spans="8:8">
      <c r="H252450" s="12"/>
    </row>
    <row r="252451" spans="8:8">
      <c r="H252451" s="12"/>
    </row>
    <row r="252452" spans="8:8">
      <c r="H252452" s="12"/>
    </row>
    <row r="252453" spans="8:8">
      <c r="H252453" s="12"/>
    </row>
    <row r="252454" spans="8:8">
      <c r="H252454" s="12"/>
    </row>
    <row r="252455" spans="8:8">
      <c r="H252455" s="12"/>
    </row>
    <row r="252456" spans="8:8">
      <c r="H252456" s="12"/>
    </row>
    <row r="252457" spans="8:8">
      <c r="H252457" s="12"/>
    </row>
    <row r="252458" spans="8:8">
      <c r="H252458" s="12"/>
    </row>
    <row r="252459" spans="8:8">
      <c r="H252459" s="12"/>
    </row>
    <row r="252460" spans="8:8">
      <c r="H252460" s="12"/>
    </row>
    <row r="252461" spans="8:8">
      <c r="H252461" s="12"/>
    </row>
    <row r="252462" spans="8:8">
      <c r="H252462" s="12"/>
    </row>
    <row r="252463" spans="8:8">
      <c r="H252463" s="12"/>
    </row>
    <row r="252464" spans="8:8">
      <c r="H252464" s="12"/>
    </row>
    <row r="252465" spans="8:8">
      <c r="H252465" s="12"/>
    </row>
    <row r="252466" spans="8:8">
      <c r="H252466" s="12"/>
    </row>
    <row r="252467" spans="8:8">
      <c r="H252467" s="12"/>
    </row>
    <row r="252468" spans="8:8">
      <c r="H252468" s="12"/>
    </row>
    <row r="252469" spans="8:8">
      <c r="H252469" s="12"/>
    </row>
    <row r="252470" spans="8:8">
      <c r="H252470" s="12"/>
    </row>
    <row r="252471" spans="8:8">
      <c r="H252471" s="12"/>
    </row>
    <row r="252472" spans="8:8">
      <c r="H252472" s="12"/>
    </row>
    <row r="252473" spans="8:8">
      <c r="H252473" s="12"/>
    </row>
    <row r="252474" spans="8:8">
      <c r="H252474" s="12"/>
    </row>
    <row r="252475" spans="8:8">
      <c r="H252475" s="12"/>
    </row>
    <row r="252476" spans="8:8">
      <c r="H252476" s="12"/>
    </row>
    <row r="252477" spans="8:8">
      <c r="H252477" s="12"/>
    </row>
    <row r="252478" spans="8:8">
      <c r="H252478" s="12"/>
    </row>
    <row r="252479" spans="8:8">
      <c r="H252479" s="12"/>
    </row>
    <row r="252480" spans="8:8">
      <c r="H252480" s="12"/>
    </row>
    <row r="252481" spans="8:8">
      <c r="H252481" s="12"/>
    </row>
    <row r="252482" spans="8:8">
      <c r="H252482" s="12"/>
    </row>
    <row r="252483" spans="8:8">
      <c r="H252483" s="12"/>
    </row>
    <row r="252484" spans="8:8">
      <c r="H252484" s="12"/>
    </row>
    <row r="252485" spans="8:8">
      <c r="H252485" s="12"/>
    </row>
    <row r="252486" spans="8:8">
      <c r="H252486" s="12"/>
    </row>
    <row r="252487" spans="8:8">
      <c r="H252487" s="12"/>
    </row>
    <row r="252488" spans="8:8">
      <c r="H252488" s="12"/>
    </row>
    <row r="252489" spans="8:8">
      <c r="H252489" s="12"/>
    </row>
    <row r="252490" spans="8:8">
      <c r="H252490" s="12"/>
    </row>
    <row r="252491" spans="8:8">
      <c r="H252491" s="12"/>
    </row>
    <row r="252492" spans="8:8">
      <c r="H252492" s="12"/>
    </row>
    <row r="252493" spans="8:8">
      <c r="H252493" s="12"/>
    </row>
    <row r="252494" spans="8:8">
      <c r="H252494" s="12"/>
    </row>
    <row r="252495" spans="8:8">
      <c r="H252495" s="12"/>
    </row>
    <row r="252496" spans="8:8">
      <c r="H252496" s="12"/>
    </row>
    <row r="252497" spans="8:8">
      <c r="H252497" s="12"/>
    </row>
    <row r="252498" spans="8:8">
      <c r="H252498" s="12"/>
    </row>
    <row r="252499" spans="8:8">
      <c r="H252499" s="12"/>
    </row>
    <row r="252500" spans="8:8">
      <c r="H252500" s="12"/>
    </row>
    <row r="252501" spans="8:8">
      <c r="H252501" s="12"/>
    </row>
    <row r="252502" spans="8:8">
      <c r="H252502" s="12"/>
    </row>
    <row r="252503" spans="8:8">
      <c r="H252503" s="12"/>
    </row>
    <row r="252504" spans="8:8">
      <c r="H252504" s="12"/>
    </row>
    <row r="252505" spans="8:8">
      <c r="H252505" s="12"/>
    </row>
    <row r="252506" spans="8:8">
      <c r="H252506" s="12"/>
    </row>
    <row r="252507" spans="8:8">
      <c r="H252507" s="12"/>
    </row>
    <row r="252508" spans="8:8">
      <c r="H252508" s="12"/>
    </row>
    <row r="252509" spans="8:8">
      <c r="H252509" s="12"/>
    </row>
    <row r="252510" spans="8:8">
      <c r="H252510" s="12"/>
    </row>
    <row r="252511" spans="8:8">
      <c r="H252511" s="12"/>
    </row>
    <row r="252512" spans="8:8">
      <c r="H252512" s="12"/>
    </row>
    <row r="252513" spans="8:8">
      <c r="H252513" s="12"/>
    </row>
    <row r="252514" spans="8:8">
      <c r="H252514" s="12"/>
    </row>
    <row r="252515" spans="8:8">
      <c r="H252515" s="12"/>
    </row>
    <row r="252516" spans="8:8">
      <c r="H252516" s="12"/>
    </row>
    <row r="252517" spans="8:8">
      <c r="H252517" s="12"/>
    </row>
    <row r="252518" spans="8:8">
      <c r="H252518" s="12"/>
    </row>
    <row r="252519" spans="8:8">
      <c r="H252519" s="12"/>
    </row>
    <row r="252520" spans="8:8">
      <c r="H252520" s="12"/>
    </row>
    <row r="252521" spans="8:8">
      <c r="H252521" s="12"/>
    </row>
    <row r="252522" spans="8:8">
      <c r="H252522" s="12"/>
    </row>
    <row r="252523" spans="8:8">
      <c r="H252523" s="12"/>
    </row>
    <row r="252524" spans="8:8">
      <c r="H252524" s="12"/>
    </row>
    <row r="252525" spans="8:8">
      <c r="H252525" s="12"/>
    </row>
    <row r="252526" spans="8:8">
      <c r="H252526" s="12"/>
    </row>
    <row r="252527" spans="8:8">
      <c r="H252527" s="12"/>
    </row>
    <row r="252528" spans="8:8">
      <c r="H252528" s="12"/>
    </row>
    <row r="252529" spans="8:8">
      <c r="H252529" s="12"/>
    </row>
    <row r="252530" spans="8:8">
      <c r="H252530" s="12"/>
    </row>
    <row r="252531" spans="8:8">
      <c r="H252531" s="12"/>
    </row>
    <row r="252532" spans="8:8">
      <c r="H252532" s="12"/>
    </row>
    <row r="252533" spans="8:8">
      <c r="H252533" s="12"/>
    </row>
    <row r="252534" spans="8:8">
      <c r="H252534" s="12"/>
    </row>
    <row r="252535" spans="8:8">
      <c r="H252535" s="12"/>
    </row>
    <row r="252536" spans="8:8">
      <c r="H252536" s="12"/>
    </row>
    <row r="252537" spans="8:8">
      <c r="H252537" s="12"/>
    </row>
    <row r="252538" spans="8:8">
      <c r="H252538" s="12"/>
    </row>
    <row r="252539" spans="8:8">
      <c r="H252539" s="12"/>
    </row>
    <row r="252540" spans="8:8">
      <c r="H252540" s="12"/>
    </row>
    <row r="252541" spans="8:8">
      <c r="H252541" s="12"/>
    </row>
    <row r="252542" spans="8:8">
      <c r="H252542" s="12"/>
    </row>
    <row r="252543" spans="8:8">
      <c r="H252543" s="12"/>
    </row>
    <row r="252544" spans="8:8">
      <c r="H252544" s="12"/>
    </row>
    <row r="252545" spans="8:8">
      <c r="H252545" s="12"/>
    </row>
    <row r="252546" spans="8:8">
      <c r="H252546" s="12"/>
    </row>
    <row r="252547" spans="8:8">
      <c r="H252547" s="12"/>
    </row>
    <row r="252548" spans="8:8">
      <c r="H252548" s="12"/>
    </row>
    <row r="252549" spans="8:8">
      <c r="H252549" s="12"/>
    </row>
    <row r="252550" spans="8:8">
      <c r="H252550" s="12"/>
    </row>
    <row r="252551" spans="8:8">
      <c r="H252551" s="12"/>
    </row>
    <row r="252552" spans="8:8">
      <c r="H252552" s="12"/>
    </row>
    <row r="252553" spans="8:8">
      <c r="H252553" s="12"/>
    </row>
    <row r="252554" spans="8:8">
      <c r="H252554" s="12"/>
    </row>
    <row r="252555" spans="8:8">
      <c r="H252555" s="12"/>
    </row>
    <row r="252556" spans="8:8">
      <c r="H252556" s="12"/>
    </row>
    <row r="252557" spans="8:8">
      <c r="H252557" s="12"/>
    </row>
    <row r="252558" spans="8:8">
      <c r="H252558" s="12"/>
    </row>
    <row r="252559" spans="8:8">
      <c r="H252559" s="12"/>
    </row>
    <row r="252560" spans="8:8">
      <c r="H252560" s="12"/>
    </row>
    <row r="252561" spans="8:8">
      <c r="H252561" s="12"/>
    </row>
    <row r="252562" spans="8:8">
      <c r="H252562" s="12"/>
    </row>
    <row r="252563" spans="8:8">
      <c r="H252563" s="12"/>
    </row>
    <row r="252564" spans="8:8">
      <c r="H252564" s="12"/>
    </row>
    <row r="252565" spans="8:8">
      <c r="H252565" s="12"/>
    </row>
    <row r="252566" spans="8:8">
      <c r="H252566" s="12"/>
    </row>
    <row r="252567" spans="8:8">
      <c r="H252567" s="12"/>
    </row>
    <row r="252568" spans="8:8">
      <c r="H252568" s="12"/>
    </row>
    <row r="252569" spans="8:8">
      <c r="H252569" s="12"/>
    </row>
    <row r="252570" spans="8:8">
      <c r="H252570" s="12"/>
    </row>
    <row r="252571" spans="8:8">
      <c r="H252571" s="12"/>
    </row>
    <row r="252572" spans="8:8">
      <c r="H252572" s="12"/>
    </row>
    <row r="252573" spans="8:8">
      <c r="H252573" s="12"/>
    </row>
    <row r="252574" spans="8:8">
      <c r="H252574" s="12"/>
    </row>
    <row r="252575" spans="8:8">
      <c r="H252575" s="12"/>
    </row>
    <row r="252576" spans="8:8">
      <c r="H252576" s="12"/>
    </row>
    <row r="252577" spans="8:8">
      <c r="H252577" s="12"/>
    </row>
    <row r="252578" spans="8:8">
      <c r="H252578" s="12"/>
    </row>
    <row r="252579" spans="8:8">
      <c r="H252579" s="12"/>
    </row>
    <row r="252580" spans="8:8">
      <c r="H252580" s="12"/>
    </row>
    <row r="252581" spans="8:8">
      <c r="H252581" s="12"/>
    </row>
    <row r="252582" spans="8:8">
      <c r="H252582" s="12"/>
    </row>
    <row r="252583" spans="8:8">
      <c r="H252583" s="12"/>
    </row>
    <row r="252584" spans="8:8">
      <c r="H252584" s="12"/>
    </row>
    <row r="252585" spans="8:8">
      <c r="H252585" s="12"/>
    </row>
    <row r="252586" spans="8:8">
      <c r="H252586" s="12"/>
    </row>
    <row r="252587" spans="8:8">
      <c r="H252587" s="12"/>
    </row>
    <row r="252588" spans="8:8">
      <c r="H252588" s="12"/>
    </row>
    <row r="252589" spans="8:8">
      <c r="H252589" s="12"/>
    </row>
    <row r="252590" spans="8:8">
      <c r="H252590" s="12"/>
    </row>
    <row r="252591" spans="8:8">
      <c r="H252591" s="12"/>
    </row>
    <row r="252592" spans="8:8">
      <c r="H252592" s="12"/>
    </row>
    <row r="252593" spans="8:8">
      <c r="H252593" s="12"/>
    </row>
    <row r="252594" spans="8:8">
      <c r="H252594" s="12"/>
    </row>
    <row r="252595" spans="8:8">
      <c r="H252595" s="12"/>
    </row>
    <row r="252596" spans="8:8">
      <c r="H252596" s="12"/>
    </row>
    <row r="252597" spans="8:8">
      <c r="H252597" s="12"/>
    </row>
    <row r="252598" spans="8:8">
      <c r="H252598" s="12"/>
    </row>
    <row r="252599" spans="8:8">
      <c r="H252599" s="12"/>
    </row>
    <row r="252600" spans="8:8">
      <c r="H252600" s="12"/>
    </row>
    <row r="252601" spans="8:8">
      <c r="H252601" s="12"/>
    </row>
    <row r="252602" spans="8:8">
      <c r="H252602" s="12"/>
    </row>
    <row r="252603" spans="8:8">
      <c r="H252603" s="12"/>
    </row>
    <row r="252604" spans="8:8">
      <c r="H252604" s="12"/>
    </row>
    <row r="252605" spans="8:8">
      <c r="H252605" s="12"/>
    </row>
    <row r="252606" spans="8:8">
      <c r="H252606" s="12"/>
    </row>
    <row r="252607" spans="8:8">
      <c r="H252607" s="12"/>
    </row>
    <row r="252608" spans="8:8">
      <c r="H252608" s="12"/>
    </row>
    <row r="252609" spans="8:8">
      <c r="H252609" s="12"/>
    </row>
    <row r="252610" spans="8:8">
      <c r="H252610" s="12"/>
    </row>
    <row r="252611" spans="8:8">
      <c r="H252611" s="12"/>
    </row>
    <row r="252612" spans="8:8">
      <c r="H252612" s="12"/>
    </row>
    <row r="252613" spans="8:8">
      <c r="H252613" s="12"/>
    </row>
    <row r="252614" spans="8:8">
      <c r="H252614" s="12"/>
    </row>
    <row r="252615" spans="8:8">
      <c r="H252615" s="12"/>
    </row>
    <row r="252616" spans="8:8">
      <c r="H252616" s="12"/>
    </row>
    <row r="252617" spans="8:8">
      <c r="H252617" s="12"/>
    </row>
    <row r="252618" spans="8:8">
      <c r="H252618" s="12"/>
    </row>
    <row r="252619" spans="8:8">
      <c r="H252619" s="12"/>
    </row>
    <row r="252620" spans="8:8">
      <c r="H252620" s="12"/>
    </row>
    <row r="252621" spans="8:8">
      <c r="H252621" s="12"/>
    </row>
    <row r="252622" spans="8:8">
      <c r="H252622" s="12"/>
    </row>
    <row r="252623" spans="8:8">
      <c r="H252623" s="12"/>
    </row>
    <row r="252624" spans="8:8">
      <c r="H252624" s="12"/>
    </row>
    <row r="252625" spans="8:8">
      <c r="H252625" s="12"/>
    </row>
    <row r="252626" spans="8:8">
      <c r="H252626" s="12"/>
    </row>
    <row r="252627" spans="8:8">
      <c r="H252627" s="12"/>
    </row>
    <row r="252628" spans="8:8">
      <c r="H252628" s="12"/>
    </row>
    <row r="252629" spans="8:8">
      <c r="H252629" s="12"/>
    </row>
    <row r="252630" spans="8:8">
      <c r="H252630" s="12"/>
    </row>
    <row r="252631" spans="8:8">
      <c r="H252631" s="12"/>
    </row>
    <row r="252632" spans="8:8">
      <c r="H252632" s="12"/>
    </row>
    <row r="252633" spans="8:8">
      <c r="H252633" s="12"/>
    </row>
    <row r="252634" spans="8:8">
      <c r="H252634" s="12"/>
    </row>
    <row r="252635" spans="8:8">
      <c r="H252635" s="12"/>
    </row>
    <row r="252636" spans="8:8">
      <c r="H252636" s="12"/>
    </row>
    <row r="252637" spans="8:8">
      <c r="H252637" s="12"/>
    </row>
    <row r="252638" spans="8:8">
      <c r="H252638" s="12"/>
    </row>
    <row r="252639" spans="8:8">
      <c r="H252639" s="12"/>
    </row>
    <row r="252640" spans="8:8">
      <c r="H252640" s="12"/>
    </row>
    <row r="252641" spans="8:8">
      <c r="H252641" s="12"/>
    </row>
    <row r="252642" spans="8:8">
      <c r="H252642" s="12"/>
    </row>
    <row r="252643" spans="8:8">
      <c r="H252643" s="12"/>
    </row>
    <row r="252644" spans="8:8">
      <c r="H252644" s="12"/>
    </row>
    <row r="252645" spans="8:8">
      <c r="H252645" s="12"/>
    </row>
    <row r="252646" spans="8:8">
      <c r="H252646" s="12"/>
    </row>
    <row r="252647" spans="8:8">
      <c r="H252647" s="12"/>
    </row>
    <row r="252648" spans="8:8">
      <c r="H252648" s="12"/>
    </row>
    <row r="252649" spans="8:8">
      <c r="H252649" s="12"/>
    </row>
    <row r="252650" spans="8:8">
      <c r="H252650" s="12"/>
    </row>
    <row r="252651" spans="8:8">
      <c r="H252651" s="12"/>
    </row>
    <row r="252652" spans="8:8">
      <c r="H252652" s="12"/>
    </row>
    <row r="252653" spans="8:8">
      <c r="H252653" s="12"/>
    </row>
    <row r="252654" spans="8:8">
      <c r="H252654" s="12"/>
    </row>
    <row r="252655" spans="8:8">
      <c r="H252655" s="12"/>
    </row>
    <row r="252656" spans="8:8">
      <c r="H252656" s="12"/>
    </row>
    <row r="252657" spans="8:8">
      <c r="H252657" s="12"/>
    </row>
    <row r="252658" spans="8:8">
      <c r="H252658" s="12"/>
    </row>
    <row r="252659" spans="8:8">
      <c r="H252659" s="12"/>
    </row>
    <row r="252660" spans="8:8">
      <c r="H252660" s="12"/>
    </row>
    <row r="252661" spans="8:8">
      <c r="H252661" s="12"/>
    </row>
    <row r="252662" spans="8:8">
      <c r="H252662" s="12"/>
    </row>
    <row r="252663" spans="8:8">
      <c r="H252663" s="12"/>
    </row>
    <row r="252664" spans="8:8">
      <c r="H252664" s="12"/>
    </row>
    <row r="252665" spans="8:8">
      <c r="H252665" s="12"/>
    </row>
    <row r="252666" spans="8:8">
      <c r="H252666" s="12"/>
    </row>
    <row r="252667" spans="8:8">
      <c r="H252667" s="12"/>
    </row>
    <row r="252668" spans="8:8">
      <c r="H252668" s="12"/>
    </row>
    <row r="252669" spans="8:8">
      <c r="H252669" s="12"/>
    </row>
    <row r="252670" spans="8:8">
      <c r="H252670" s="12"/>
    </row>
    <row r="252671" spans="8:8">
      <c r="H252671" s="12"/>
    </row>
    <row r="252672" spans="8:8">
      <c r="H252672" s="12"/>
    </row>
    <row r="252673" spans="8:8">
      <c r="H252673" s="12"/>
    </row>
    <row r="252674" spans="8:8">
      <c r="H252674" s="12"/>
    </row>
    <row r="252675" spans="8:8">
      <c r="H252675" s="12"/>
    </row>
    <row r="252676" spans="8:8">
      <c r="H252676" s="12"/>
    </row>
    <row r="252677" spans="8:8">
      <c r="H252677" s="12"/>
    </row>
    <row r="252678" spans="8:8">
      <c r="H252678" s="12"/>
    </row>
    <row r="252679" spans="8:8">
      <c r="H252679" s="12"/>
    </row>
    <row r="252680" spans="8:8">
      <c r="H252680" s="12"/>
    </row>
    <row r="252681" spans="8:8">
      <c r="H252681" s="12"/>
    </row>
    <row r="252682" spans="8:8">
      <c r="H252682" s="12"/>
    </row>
    <row r="252683" spans="8:8">
      <c r="H252683" s="12"/>
    </row>
    <row r="252684" spans="8:8">
      <c r="H252684" s="12"/>
    </row>
    <row r="252685" spans="8:8">
      <c r="H252685" s="12"/>
    </row>
    <row r="252686" spans="8:8">
      <c r="H252686" s="12"/>
    </row>
    <row r="252687" spans="8:8">
      <c r="H252687" s="12"/>
    </row>
    <row r="252688" spans="8:8">
      <c r="H252688" s="12"/>
    </row>
    <row r="252689" spans="8:8">
      <c r="H252689" s="12"/>
    </row>
    <row r="252690" spans="8:8">
      <c r="H252690" s="12"/>
    </row>
    <row r="252691" spans="8:8">
      <c r="H252691" s="12"/>
    </row>
    <row r="252692" spans="8:8">
      <c r="H252692" s="12"/>
    </row>
    <row r="252693" spans="8:8">
      <c r="H252693" s="12"/>
    </row>
    <row r="252694" spans="8:8">
      <c r="H252694" s="12"/>
    </row>
    <row r="252695" spans="8:8">
      <c r="H252695" s="12"/>
    </row>
    <row r="252696" spans="8:8">
      <c r="H252696" s="12"/>
    </row>
    <row r="252697" spans="8:8">
      <c r="H252697" s="12"/>
    </row>
    <row r="252698" spans="8:8">
      <c r="H252698" s="12"/>
    </row>
    <row r="252699" spans="8:8">
      <c r="H252699" s="12"/>
    </row>
    <row r="252700" spans="8:8">
      <c r="H252700" s="12"/>
    </row>
    <row r="252701" spans="8:8">
      <c r="H252701" s="12"/>
    </row>
    <row r="252702" spans="8:8">
      <c r="H252702" s="12"/>
    </row>
    <row r="252703" spans="8:8">
      <c r="H252703" s="12"/>
    </row>
    <row r="252704" spans="8:8">
      <c r="H252704" s="12"/>
    </row>
    <row r="252705" spans="8:8">
      <c r="H252705" s="12"/>
    </row>
    <row r="252706" spans="8:8">
      <c r="H252706" s="12"/>
    </row>
    <row r="252707" spans="8:8">
      <c r="H252707" s="12"/>
    </row>
    <row r="252708" spans="8:8">
      <c r="H252708" s="12"/>
    </row>
    <row r="252709" spans="8:8">
      <c r="H252709" s="12"/>
    </row>
    <row r="252710" spans="8:8">
      <c r="H252710" s="12"/>
    </row>
    <row r="252711" spans="8:8">
      <c r="H252711" s="12"/>
    </row>
    <row r="252712" spans="8:8">
      <c r="H252712" s="12"/>
    </row>
    <row r="252713" spans="8:8">
      <c r="H252713" s="12"/>
    </row>
    <row r="252714" spans="8:8">
      <c r="H252714" s="12"/>
    </row>
    <row r="252715" spans="8:8">
      <c r="H252715" s="12"/>
    </row>
    <row r="252716" spans="8:8">
      <c r="H252716" s="12"/>
    </row>
    <row r="252717" spans="8:8">
      <c r="H252717" s="12"/>
    </row>
    <row r="252718" spans="8:8">
      <c r="H252718" s="12"/>
    </row>
    <row r="252719" spans="8:8">
      <c r="H252719" s="12"/>
    </row>
    <row r="252720" spans="8:8">
      <c r="H252720" s="12"/>
    </row>
    <row r="252721" spans="8:8">
      <c r="H252721" s="12"/>
    </row>
    <row r="252722" spans="8:8">
      <c r="H252722" s="12"/>
    </row>
    <row r="252723" spans="8:8">
      <c r="H252723" s="12"/>
    </row>
    <row r="252724" spans="8:8">
      <c r="H252724" s="12"/>
    </row>
    <row r="252725" spans="8:8">
      <c r="H252725" s="12"/>
    </row>
    <row r="252726" spans="8:8">
      <c r="H252726" s="12"/>
    </row>
    <row r="252727" spans="8:8">
      <c r="H252727" s="12"/>
    </row>
    <row r="252728" spans="8:8">
      <c r="H252728" s="12"/>
    </row>
    <row r="252729" spans="8:8">
      <c r="H252729" s="12"/>
    </row>
    <row r="252730" spans="8:8">
      <c r="H252730" s="12"/>
    </row>
    <row r="252731" spans="8:8">
      <c r="H252731" s="12"/>
    </row>
    <row r="252732" spans="8:8">
      <c r="H252732" s="12"/>
    </row>
    <row r="252733" spans="8:8">
      <c r="H252733" s="12"/>
    </row>
    <row r="252734" spans="8:8">
      <c r="H252734" s="12"/>
    </row>
    <row r="252735" spans="8:8">
      <c r="H252735" s="12"/>
    </row>
    <row r="252736" spans="8:8">
      <c r="H252736" s="12"/>
    </row>
    <row r="252737" spans="8:8">
      <c r="H252737" s="12"/>
    </row>
    <row r="252738" spans="8:8">
      <c r="H252738" s="12"/>
    </row>
    <row r="252739" spans="8:8">
      <c r="H252739" s="12"/>
    </row>
    <row r="252740" spans="8:8">
      <c r="H252740" s="12"/>
    </row>
    <row r="252741" spans="8:8">
      <c r="H252741" s="12"/>
    </row>
    <row r="252742" spans="8:8">
      <c r="H252742" s="12"/>
    </row>
    <row r="252743" spans="8:8">
      <c r="H252743" s="12"/>
    </row>
    <row r="252744" spans="8:8">
      <c r="H252744" s="12"/>
    </row>
    <row r="252745" spans="8:8">
      <c r="H252745" s="12"/>
    </row>
    <row r="252746" spans="8:8">
      <c r="H252746" s="12"/>
    </row>
    <row r="252747" spans="8:8">
      <c r="H252747" s="12"/>
    </row>
    <row r="252748" spans="8:8">
      <c r="H252748" s="12"/>
    </row>
    <row r="252749" spans="8:8">
      <c r="H252749" s="12"/>
    </row>
    <row r="252750" spans="8:8">
      <c r="H252750" s="12"/>
    </row>
    <row r="252751" spans="8:8">
      <c r="H252751" s="12"/>
    </row>
    <row r="252752" spans="8:8">
      <c r="H252752" s="12"/>
    </row>
    <row r="252753" spans="8:8">
      <c r="H252753" s="12"/>
    </row>
    <row r="252754" spans="8:8">
      <c r="H252754" s="12"/>
    </row>
    <row r="252755" spans="8:8">
      <c r="H252755" s="12"/>
    </row>
    <row r="252756" spans="8:8">
      <c r="H252756" s="12"/>
    </row>
    <row r="252757" spans="8:8">
      <c r="H252757" s="12"/>
    </row>
    <row r="252758" spans="8:8">
      <c r="H252758" s="12"/>
    </row>
    <row r="252759" spans="8:8">
      <c r="H252759" s="12"/>
    </row>
    <row r="252760" spans="8:8">
      <c r="H252760" s="12"/>
    </row>
    <row r="252761" spans="8:8">
      <c r="H252761" s="12"/>
    </row>
    <row r="252762" spans="8:8">
      <c r="H252762" s="12"/>
    </row>
    <row r="252763" spans="8:8">
      <c r="H252763" s="12"/>
    </row>
    <row r="252764" spans="8:8">
      <c r="H252764" s="12"/>
    </row>
    <row r="252765" spans="8:8">
      <c r="H252765" s="12"/>
    </row>
    <row r="252766" spans="8:8">
      <c r="H252766" s="12"/>
    </row>
    <row r="252767" spans="8:8">
      <c r="H252767" s="12"/>
    </row>
    <row r="252768" spans="8:8">
      <c r="H252768" s="12"/>
    </row>
    <row r="252769" spans="8:8">
      <c r="H252769" s="12"/>
    </row>
    <row r="252770" spans="8:8">
      <c r="H252770" s="12"/>
    </row>
    <row r="252771" spans="8:8">
      <c r="H252771" s="12"/>
    </row>
    <row r="252772" spans="8:8">
      <c r="H252772" s="12"/>
    </row>
    <row r="252773" spans="8:8">
      <c r="H252773" s="12"/>
    </row>
    <row r="252774" spans="8:8">
      <c r="H252774" s="12"/>
    </row>
    <row r="252775" spans="8:8">
      <c r="H252775" s="12"/>
    </row>
    <row r="252776" spans="8:8">
      <c r="H252776" s="12"/>
    </row>
    <row r="252777" spans="8:8">
      <c r="H252777" s="12"/>
    </row>
    <row r="252778" spans="8:8">
      <c r="H252778" s="12"/>
    </row>
    <row r="252779" spans="8:8">
      <c r="H252779" s="12"/>
    </row>
    <row r="252780" spans="8:8">
      <c r="H252780" s="12"/>
    </row>
    <row r="252781" spans="8:8">
      <c r="H252781" s="12"/>
    </row>
    <row r="252782" spans="8:8">
      <c r="H252782" s="12"/>
    </row>
    <row r="252783" spans="8:8">
      <c r="H252783" s="12"/>
    </row>
    <row r="252784" spans="8:8">
      <c r="H252784" s="12"/>
    </row>
    <row r="252785" spans="8:8">
      <c r="H252785" s="12"/>
    </row>
    <row r="252786" spans="8:8">
      <c r="H252786" s="12"/>
    </row>
    <row r="252787" spans="8:8">
      <c r="H252787" s="12"/>
    </row>
    <row r="252788" spans="8:8">
      <c r="H252788" s="12"/>
    </row>
    <row r="252789" spans="8:8">
      <c r="H252789" s="12"/>
    </row>
    <row r="252790" spans="8:8">
      <c r="H252790" s="12"/>
    </row>
    <row r="252791" spans="8:8">
      <c r="H252791" s="12"/>
    </row>
    <row r="252792" spans="8:8">
      <c r="H252792" s="12"/>
    </row>
    <row r="252793" spans="8:8">
      <c r="H252793" s="12"/>
    </row>
    <row r="252794" spans="8:8">
      <c r="H252794" s="12"/>
    </row>
    <row r="252795" spans="8:8">
      <c r="H252795" s="12"/>
    </row>
    <row r="252796" spans="8:8">
      <c r="H252796" s="12"/>
    </row>
    <row r="252797" spans="8:8">
      <c r="H252797" s="12"/>
    </row>
    <row r="252798" spans="8:8">
      <c r="H252798" s="12"/>
    </row>
    <row r="252799" spans="8:8">
      <c r="H252799" s="12"/>
    </row>
    <row r="252800" spans="8:8">
      <c r="H252800" s="12"/>
    </row>
    <row r="252801" spans="8:8">
      <c r="H252801" s="12"/>
    </row>
    <row r="252802" spans="8:8">
      <c r="H252802" s="12"/>
    </row>
    <row r="252803" spans="8:8">
      <c r="H252803" s="12"/>
    </row>
    <row r="252804" spans="8:8">
      <c r="H252804" s="12"/>
    </row>
    <row r="252805" spans="8:8">
      <c r="H252805" s="12"/>
    </row>
    <row r="252806" spans="8:8">
      <c r="H252806" s="12"/>
    </row>
    <row r="252807" spans="8:8">
      <c r="H252807" s="12"/>
    </row>
    <row r="252808" spans="8:8">
      <c r="H252808" s="12"/>
    </row>
    <row r="252809" spans="8:8">
      <c r="H252809" s="12"/>
    </row>
    <row r="252810" spans="8:8">
      <c r="H252810" s="12"/>
    </row>
    <row r="252811" spans="8:8">
      <c r="H252811" s="12"/>
    </row>
    <row r="252812" spans="8:8">
      <c r="H252812" s="12"/>
    </row>
    <row r="252813" spans="8:8">
      <c r="H252813" s="12"/>
    </row>
    <row r="252814" spans="8:8">
      <c r="H252814" s="12"/>
    </row>
    <row r="252815" spans="8:8">
      <c r="H252815" s="12"/>
    </row>
    <row r="252816" spans="8:8">
      <c r="H252816" s="12"/>
    </row>
    <row r="252817" spans="8:8">
      <c r="H252817" s="12"/>
    </row>
    <row r="252818" spans="8:8">
      <c r="H252818" s="12"/>
    </row>
    <row r="252819" spans="8:8">
      <c r="H252819" s="12"/>
    </row>
    <row r="252820" spans="8:8">
      <c r="H252820" s="12"/>
    </row>
    <row r="252821" spans="8:8">
      <c r="H252821" s="12"/>
    </row>
    <row r="252822" spans="8:8">
      <c r="H252822" s="12"/>
    </row>
    <row r="252823" spans="8:8">
      <c r="H252823" s="12"/>
    </row>
    <row r="252824" spans="8:8">
      <c r="H252824" s="12"/>
    </row>
    <row r="252825" spans="8:8">
      <c r="H252825" s="12"/>
    </row>
    <row r="252826" spans="8:8">
      <c r="H252826" s="12"/>
    </row>
    <row r="252827" spans="8:8">
      <c r="H252827" s="12"/>
    </row>
    <row r="252828" spans="8:8">
      <c r="H252828" s="12"/>
    </row>
    <row r="252829" spans="8:8">
      <c r="H252829" s="12"/>
    </row>
    <row r="252830" spans="8:8">
      <c r="H252830" s="12"/>
    </row>
    <row r="252831" spans="8:8">
      <c r="H252831" s="12"/>
    </row>
    <row r="252832" spans="8:8">
      <c r="H252832" s="12"/>
    </row>
    <row r="252833" spans="8:8">
      <c r="H252833" s="12"/>
    </row>
    <row r="252834" spans="8:8">
      <c r="H252834" s="12"/>
    </row>
    <row r="252835" spans="8:8">
      <c r="H252835" s="12"/>
    </row>
    <row r="252836" spans="8:8">
      <c r="H252836" s="12"/>
    </row>
    <row r="252837" spans="8:8">
      <c r="H252837" s="12"/>
    </row>
    <row r="252838" spans="8:8">
      <c r="H252838" s="12"/>
    </row>
    <row r="252839" spans="8:8">
      <c r="H252839" s="12"/>
    </row>
    <row r="252840" spans="8:8">
      <c r="H252840" s="12"/>
    </row>
    <row r="252841" spans="8:8">
      <c r="H252841" s="12"/>
    </row>
    <row r="252842" spans="8:8">
      <c r="H252842" s="12"/>
    </row>
    <row r="252843" spans="8:8">
      <c r="H252843" s="12"/>
    </row>
    <row r="252844" spans="8:8">
      <c r="H252844" s="12"/>
    </row>
    <row r="252845" spans="8:8">
      <c r="H252845" s="12"/>
    </row>
    <row r="252846" spans="8:8">
      <c r="H252846" s="12"/>
    </row>
    <row r="252847" spans="8:8">
      <c r="H252847" s="12"/>
    </row>
    <row r="252848" spans="8:8">
      <c r="H252848" s="12"/>
    </row>
    <row r="252849" spans="8:8">
      <c r="H252849" s="12"/>
    </row>
    <row r="252850" spans="8:8">
      <c r="H252850" s="12"/>
    </row>
    <row r="252851" spans="8:8">
      <c r="H252851" s="12"/>
    </row>
    <row r="252852" spans="8:8">
      <c r="H252852" s="12"/>
    </row>
    <row r="252853" spans="8:8">
      <c r="H252853" s="12"/>
    </row>
    <row r="252854" spans="8:8">
      <c r="H252854" s="12"/>
    </row>
    <row r="252855" spans="8:8">
      <c r="H252855" s="12"/>
    </row>
    <row r="252856" spans="8:8">
      <c r="H252856" s="12"/>
    </row>
    <row r="252857" spans="8:8">
      <c r="H252857" s="12"/>
    </row>
    <row r="252858" spans="8:8">
      <c r="H252858" s="12"/>
    </row>
    <row r="252859" spans="8:8">
      <c r="H252859" s="12"/>
    </row>
    <row r="252860" spans="8:8">
      <c r="H252860" s="12"/>
    </row>
    <row r="252861" spans="8:8">
      <c r="H252861" s="12"/>
    </row>
    <row r="252862" spans="8:8">
      <c r="H252862" s="12"/>
    </row>
    <row r="252863" spans="8:8">
      <c r="H252863" s="12"/>
    </row>
    <row r="252864" spans="8:8">
      <c r="H252864" s="12"/>
    </row>
    <row r="252865" spans="8:8">
      <c r="H252865" s="12"/>
    </row>
    <row r="252866" spans="8:8">
      <c r="H252866" s="12"/>
    </row>
    <row r="252867" spans="8:8">
      <c r="H252867" s="12"/>
    </row>
    <row r="252868" spans="8:8">
      <c r="H252868" s="12"/>
    </row>
    <row r="252869" spans="8:8">
      <c r="H252869" s="12"/>
    </row>
    <row r="252870" spans="8:8">
      <c r="H252870" s="12"/>
    </row>
    <row r="252871" spans="8:8">
      <c r="H252871" s="12"/>
    </row>
    <row r="252872" spans="8:8">
      <c r="H252872" s="12"/>
    </row>
    <row r="252873" spans="8:8">
      <c r="H252873" s="12"/>
    </row>
    <row r="252874" spans="8:8">
      <c r="H252874" s="12"/>
    </row>
    <row r="252875" spans="8:8">
      <c r="H252875" s="12"/>
    </row>
    <row r="252876" spans="8:8">
      <c r="H252876" s="12"/>
    </row>
    <row r="252877" spans="8:8">
      <c r="H252877" s="12"/>
    </row>
    <row r="252878" spans="8:8">
      <c r="H252878" s="12"/>
    </row>
    <row r="252879" spans="8:8">
      <c r="H252879" s="12"/>
    </row>
    <row r="252880" spans="8:8">
      <c r="H252880" s="12"/>
    </row>
    <row r="252881" spans="8:8">
      <c r="H252881" s="12"/>
    </row>
    <row r="252882" spans="8:8">
      <c r="H252882" s="12"/>
    </row>
    <row r="252883" spans="8:8">
      <c r="H252883" s="12"/>
    </row>
    <row r="252884" spans="8:8">
      <c r="H252884" s="12"/>
    </row>
    <row r="252885" spans="8:8">
      <c r="H252885" s="12"/>
    </row>
    <row r="252886" spans="8:8">
      <c r="H252886" s="12"/>
    </row>
    <row r="252887" spans="8:8">
      <c r="H252887" s="12"/>
    </row>
    <row r="252888" spans="8:8">
      <c r="H252888" s="12"/>
    </row>
    <row r="252889" spans="8:8">
      <c r="H252889" s="12"/>
    </row>
    <row r="252890" spans="8:8">
      <c r="H252890" s="12"/>
    </row>
    <row r="252891" spans="8:8">
      <c r="H252891" s="12"/>
    </row>
    <row r="252892" spans="8:8">
      <c r="H252892" s="12"/>
    </row>
    <row r="252893" spans="8:8">
      <c r="H252893" s="12"/>
    </row>
    <row r="252894" spans="8:8">
      <c r="H252894" s="12"/>
    </row>
    <row r="252895" spans="8:8">
      <c r="H252895" s="12"/>
    </row>
    <row r="252896" spans="8:8">
      <c r="H252896" s="12"/>
    </row>
    <row r="252897" spans="8:8">
      <c r="H252897" s="12"/>
    </row>
    <row r="252898" spans="8:8">
      <c r="H252898" s="12"/>
    </row>
    <row r="252899" spans="8:8">
      <c r="H252899" s="12"/>
    </row>
    <row r="252900" spans="8:8">
      <c r="H252900" s="12"/>
    </row>
    <row r="252901" spans="8:8">
      <c r="H252901" s="12"/>
    </row>
    <row r="252902" spans="8:8">
      <c r="H252902" s="12"/>
    </row>
    <row r="252903" spans="8:8">
      <c r="H252903" s="12"/>
    </row>
    <row r="252904" spans="8:8">
      <c r="H252904" s="12"/>
    </row>
    <row r="252905" spans="8:8">
      <c r="H252905" s="12"/>
    </row>
    <row r="252906" spans="8:8">
      <c r="H252906" s="12"/>
    </row>
    <row r="252907" spans="8:8">
      <c r="H252907" s="12"/>
    </row>
    <row r="252908" spans="8:8">
      <c r="H252908" s="12"/>
    </row>
    <row r="252909" spans="8:8">
      <c r="H252909" s="12"/>
    </row>
    <row r="252910" spans="8:8">
      <c r="H252910" s="12"/>
    </row>
    <row r="252911" spans="8:8">
      <c r="H252911" s="12"/>
    </row>
    <row r="252912" spans="8:8">
      <c r="H252912" s="12"/>
    </row>
    <row r="252913" spans="8:8">
      <c r="H252913" s="12"/>
    </row>
    <row r="252914" spans="8:8">
      <c r="H252914" s="12"/>
    </row>
    <row r="252915" spans="8:8">
      <c r="H252915" s="12"/>
    </row>
    <row r="252916" spans="8:8">
      <c r="H252916" s="12"/>
    </row>
    <row r="252917" spans="8:8">
      <c r="H252917" s="12"/>
    </row>
    <row r="252918" spans="8:8">
      <c r="H252918" s="12"/>
    </row>
    <row r="252919" spans="8:8">
      <c r="H252919" s="12"/>
    </row>
    <row r="252920" spans="8:8">
      <c r="H252920" s="12"/>
    </row>
    <row r="252921" spans="8:8">
      <c r="H252921" s="12"/>
    </row>
    <row r="252922" spans="8:8">
      <c r="H252922" s="12"/>
    </row>
    <row r="252923" spans="8:8">
      <c r="H252923" s="12"/>
    </row>
    <row r="252924" spans="8:8">
      <c r="H252924" s="12"/>
    </row>
    <row r="252925" spans="8:8">
      <c r="H252925" s="12"/>
    </row>
    <row r="252926" spans="8:8">
      <c r="H252926" s="12"/>
    </row>
    <row r="252927" spans="8:8">
      <c r="H252927" s="12"/>
    </row>
    <row r="252928" spans="8:8">
      <c r="H252928" s="12"/>
    </row>
    <row r="252929" spans="8:8">
      <c r="H252929" s="12"/>
    </row>
    <row r="252930" spans="8:8">
      <c r="H252930" s="12"/>
    </row>
    <row r="252931" spans="8:8">
      <c r="H252931" s="12"/>
    </row>
    <row r="252932" spans="8:8">
      <c r="H252932" s="12"/>
    </row>
    <row r="252933" spans="8:8">
      <c r="H252933" s="12"/>
    </row>
    <row r="252934" spans="8:8">
      <c r="H252934" s="12"/>
    </row>
    <row r="252935" spans="8:8">
      <c r="H252935" s="12"/>
    </row>
    <row r="252936" spans="8:8">
      <c r="H252936" s="12"/>
    </row>
    <row r="252937" spans="8:8">
      <c r="H252937" s="12"/>
    </row>
    <row r="252938" spans="8:8">
      <c r="H252938" s="12"/>
    </row>
    <row r="252939" spans="8:8">
      <c r="H252939" s="12"/>
    </row>
    <row r="252940" spans="8:8">
      <c r="H252940" s="12"/>
    </row>
    <row r="252941" spans="8:8">
      <c r="H252941" s="12"/>
    </row>
    <row r="252942" spans="8:8">
      <c r="H252942" s="12"/>
    </row>
    <row r="252943" spans="8:8">
      <c r="H252943" s="12"/>
    </row>
    <row r="252944" spans="8:8">
      <c r="H252944" s="12"/>
    </row>
    <row r="252945" spans="8:8">
      <c r="H252945" s="12"/>
    </row>
    <row r="252946" spans="8:8">
      <c r="H252946" s="12"/>
    </row>
    <row r="252947" spans="8:8">
      <c r="H252947" s="12"/>
    </row>
    <row r="252948" spans="8:8">
      <c r="H252948" s="12"/>
    </row>
    <row r="252949" spans="8:8">
      <c r="H252949" s="12"/>
    </row>
    <row r="252950" spans="8:8">
      <c r="H252950" s="12"/>
    </row>
    <row r="252951" spans="8:8">
      <c r="H252951" s="12"/>
    </row>
    <row r="252952" spans="8:8">
      <c r="H252952" s="12"/>
    </row>
    <row r="252953" spans="8:8">
      <c r="H252953" s="12"/>
    </row>
    <row r="252954" spans="8:8">
      <c r="H252954" s="12"/>
    </row>
    <row r="252955" spans="8:8">
      <c r="H252955" s="12"/>
    </row>
    <row r="252956" spans="8:8">
      <c r="H252956" s="12"/>
    </row>
    <row r="252957" spans="8:8">
      <c r="H252957" s="12"/>
    </row>
    <row r="252958" spans="8:8">
      <c r="H252958" s="12"/>
    </row>
    <row r="252959" spans="8:8">
      <c r="H252959" s="12"/>
    </row>
    <row r="252960" spans="8:8">
      <c r="H252960" s="12"/>
    </row>
    <row r="252961" spans="8:8">
      <c r="H252961" s="12"/>
    </row>
    <row r="252962" spans="8:8">
      <c r="H252962" s="12"/>
    </row>
    <row r="252963" spans="8:8">
      <c r="H252963" s="12"/>
    </row>
    <row r="252964" spans="8:8">
      <c r="H252964" s="12"/>
    </row>
    <row r="252965" spans="8:8">
      <c r="H252965" s="12"/>
    </row>
    <row r="252966" spans="8:8">
      <c r="H252966" s="12"/>
    </row>
    <row r="252967" spans="8:8">
      <c r="H252967" s="12"/>
    </row>
    <row r="252968" spans="8:8">
      <c r="H252968" s="12"/>
    </row>
    <row r="252969" spans="8:8">
      <c r="H252969" s="12"/>
    </row>
    <row r="252970" spans="8:8">
      <c r="H252970" s="12"/>
    </row>
    <row r="252971" spans="8:8">
      <c r="H252971" s="12"/>
    </row>
    <row r="252972" spans="8:8">
      <c r="H252972" s="12"/>
    </row>
    <row r="252973" spans="8:8">
      <c r="H252973" s="12"/>
    </row>
    <row r="252974" spans="8:8">
      <c r="H252974" s="12"/>
    </row>
    <row r="252975" spans="8:8">
      <c r="H252975" s="12"/>
    </row>
    <row r="252976" spans="8:8">
      <c r="H252976" s="12"/>
    </row>
    <row r="252977" spans="8:8">
      <c r="H252977" s="12"/>
    </row>
    <row r="252978" spans="8:8">
      <c r="H252978" s="12"/>
    </row>
    <row r="252979" spans="8:8">
      <c r="H252979" s="12"/>
    </row>
    <row r="252980" spans="8:8">
      <c r="H252980" s="12"/>
    </row>
    <row r="252981" spans="8:8">
      <c r="H252981" s="12"/>
    </row>
    <row r="252982" spans="8:8">
      <c r="H252982" s="12"/>
    </row>
    <row r="252983" spans="8:8">
      <c r="H252983" s="12"/>
    </row>
    <row r="252984" spans="8:8">
      <c r="H252984" s="12"/>
    </row>
    <row r="252985" spans="8:8">
      <c r="H252985" s="12"/>
    </row>
    <row r="252986" spans="8:8">
      <c r="H252986" s="12"/>
    </row>
    <row r="252987" spans="8:8">
      <c r="H252987" s="12"/>
    </row>
    <row r="252988" spans="8:8">
      <c r="H252988" s="12"/>
    </row>
    <row r="252989" spans="8:8">
      <c r="H252989" s="12"/>
    </row>
    <row r="252990" spans="8:8">
      <c r="H252990" s="12"/>
    </row>
    <row r="252991" spans="8:8">
      <c r="H252991" s="12"/>
    </row>
    <row r="252992" spans="8:8">
      <c r="H252992" s="12"/>
    </row>
    <row r="252993" spans="8:8">
      <c r="H252993" s="12"/>
    </row>
    <row r="252994" spans="8:8">
      <c r="H252994" s="12"/>
    </row>
    <row r="252995" spans="8:8">
      <c r="H252995" s="12"/>
    </row>
    <row r="252996" spans="8:8">
      <c r="H252996" s="12"/>
    </row>
    <row r="252997" spans="8:8">
      <c r="H252997" s="12"/>
    </row>
    <row r="252998" spans="8:8">
      <c r="H252998" s="12"/>
    </row>
    <row r="252999" spans="8:8">
      <c r="H252999" s="12"/>
    </row>
    <row r="253000" spans="8:8">
      <c r="H253000" s="12"/>
    </row>
    <row r="253001" spans="8:8">
      <c r="H253001" s="12"/>
    </row>
    <row r="253002" spans="8:8">
      <c r="H253002" s="12"/>
    </row>
    <row r="253003" spans="8:8">
      <c r="H253003" s="12"/>
    </row>
    <row r="253004" spans="8:8">
      <c r="H253004" s="12"/>
    </row>
    <row r="253005" spans="8:8">
      <c r="H253005" s="12"/>
    </row>
    <row r="253006" spans="8:8">
      <c r="H253006" s="12"/>
    </row>
    <row r="253007" spans="8:8">
      <c r="H253007" s="12"/>
    </row>
    <row r="253008" spans="8:8">
      <c r="H253008" s="12"/>
    </row>
    <row r="253009" spans="8:8">
      <c r="H253009" s="12"/>
    </row>
    <row r="253010" spans="8:8">
      <c r="H253010" s="12"/>
    </row>
    <row r="253011" spans="8:8">
      <c r="H253011" s="12"/>
    </row>
    <row r="253012" spans="8:8">
      <c r="H253012" s="12"/>
    </row>
    <row r="253013" spans="8:8">
      <c r="H253013" s="12"/>
    </row>
    <row r="253014" spans="8:8">
      <c r="H253014" s="12"/>
    </row>
    <row r="253015" spans="8:8">
      <c r="H253015" s="12"/>
    </row>
    <row r="253016" spans="8:8">
      <c r="H253016" s="12"/>
    </row>
    <row r="253017" spans="8:8">
      <c r="H253017" s="12"/>
    </row>
    <row r="253018" spans="8:8">
      <c r="H253018" s="12"/>
    </row>
    <row r="253019" spans="8:8">
      <c r="H253019" s="12"/>
    </row>
    <row r="253020" spans="8:8">
      <c r="H253020" s="12"/>
    </row>
    <row r="253021" spans="8:8">
      <c r="H253021" s="12"/>
    </row>
    <row r="253022" spans="8:8">
      <c r="H253022" s="12"/>
    </row>
    <row r="253023" spans="8:8">
      <c r="H253023" s="12"/>
    </row>
    <row r="253024" spans="8:8">
      <c r="H253024" s="12"/>
    </row>
    <row r="253025" spans="8:8">
      <c r="H253025" s="12"/>
    </row>
    <row r="253026" spans="8:8">
      <c r="H253026" s="12"/>
    </row>
    <row r="253027" spans="8:8">
      <c r="H253027" s="12"/>
    </row>
    <row r="253028" spans="8:8">
      <c r="H253028" s="12"/>
    </row>
    <row r="253029" spans="8:8">
      <c r="H253029" s="12"/>
    </row>
    <row r="253030" spans="8:8">
      <c r="H253030" s="12"/>
    </row>
    <row r="253031" spans="8:8">
      <c r="H253031" s="12"/>
    </row>
    <row r="253032" spans="8:8">
      <c r="H253032" s="12"/>
    </row>
    <row r="253033" spans="8:8">
      <c r="H253033" s="12"/>
    </row>
    <row r="253034" spans="8:8">
      <c r="H253034" s="12"/>
    </row>
    <row r="253035" spans="8:8">
      <c r="H253035" s="12"/>
    </row>
    <row r="253036" spans="8:8">
      <c r="H253036" s="12"/>
    </row>
    <row r="253037" spans="8:8">
      <c r="H253037" s="12"/>
    </row>
    <row r="253038" spans="8:8">
      <c r="H253038" s="12"/>
    </row>
    <row r="253039" spans="8:8">
      <c r="H253039" s="12"/>
    </row>
    <row r="253040" spans="8:8">
      <c r="H253040" s="12"/>
    </row>
    <row r="253041" spans="8:8">
      <c r="H253041" s="12"/>
    </row>
    <row r="253042" spans="8:8">
      <c r="H253042" s="12"/>
    </row>
    <row r="253043" spans="8:8">
      <c r="H253043" s="12"/>
    </row>
    <row r="253044" spans="8:8">
      <c r="H253044" s="12"/>
    </row>
    <row r="253045" spans="8:8">
      <c r="H253045" s="12"/>
    </row>
    <row r="253046" spans="8:8">
      <c r="H253046" s="12"/>
    </row>
    <row r="253047" spans="8:8">
      <c r="H253047" s="12"/>
    </row>
    <row r="253048" spans="8:8">
      <c r="H253048" s="12"/>
    </row>
    <row r="253049" spans="8:8">
      <c r="H253049" s="12"/>
    </row>
    <row r="253050" spans="8:8">
      <c r="H253050" s="12"/>
    </row>
    <row r="253051" spans="8:8">
      <c r="H253051" s="12"/>
    </row>
    <row r="253052" spans="8:8">
      <c r="H253052" s="12"/>
    </row>
    <row r="253053" spans="8:8">
      <c r="H253053" s="12"/>
    </row>
    <row r="253054" spans="8:8">
      <c r="H253054" s="12"/>
    </row>
    <row r="253055" spans="8:8">
      <c r="H253055" s="12"/>
    </row>
    <row r="253056" spans="8:8">
      <c r="H253056" s="12"/>
    </row>
    <row r="253057" spans="8:8">
      <c r="H253057" s="12"/>
    </row>
    <row r="253058" spans="8:8">
      <c r="H253058" s="12"/>
    </row>
    <row r="253059" spans="8:8">
      <c r="H253059" s="12"/>
    </row>
    <row r="253060" spans="8:8">
      <c r="H253060" s="12"/>
    </row>
    <row r="253061" spans="8:8">
      <c r="H253061" s="12"/>
    </row>
    <row r="253062" spans="8:8">
      <c r="H253062" s="12"/>
    </row>
    <row r="253063" spans="8:8">
      <c r="H253063" s="12"/>
    </row>
    <row r="253064" spans="8:8">
      <c r="H253064" s="12"/>
    </row>
    <row r="253065" spans="8:8">
      <c r="H253065" s="12"/>
    </row>
    <row r="253066" spans="8:8">
      <c r="H253066" s="12"/>
    </row>
    <row r="253067" spans="8:8">
      <c r="H253067" s="12"/>
    </row>
    <row r="253068" spans="8:8">
      <c r="H253068" s="12"/>
    </row>
    <row r="253069" spans="8:8">
      <c r="H253069" s="12"/>
    </row>
    <row r="253070" spans="8:8">
      <c r="H253070" s="12"/>
    </row>
    <row r="253071" spans="8:8">
      <c r="H253071" s="12"/>
    </row>
    <row r="253072" spans="8:8">
      <c r="H253072" s="12"/>
    </row>
    <row r="253073" spans="8:8">
      <c r="H253073" s="12"/>
    </row>
    <row r="253074" spans="8:8">
      <c r="H253074" s="12"/>
    </row>
    <row r="253075" spans="8:8">
      <c r="H253075" s="12"/>
    </row>
    <row r="253076" spans="8:8">
      <c r="H253076" s="12"/>
    </row>
    <row r="253077" spans="8:8">
      <c r="H253077" s="12"/>
    </row>
    <row r="253078" spans="8:8">
      <c r="H253078" s="12"/>
    </row>
    <row r="253079" spans="8:8">
      <c r="H253079" s="12"/>
    </row>
    <row r="253080" spans="8:8">
      <c r="H253080" s="12"/>
    </row>
    <row r="253081" spans="8:8">
      <c r="H253081" s="12"/>
    </row>
    <row r="253082" spans="8:8">
      <c r="H253082" s="12"/>
    </row>
    <row r="253083" spans="8:8">
      <c r="H253083" s="12"/>
    </row>
    <row r="253084" spans="8:8">
      <c r="H253084" s="12"/>
    </row>
    <row r="253085" spans="8:8">
      <c r="H253085" s="12"/>
    </row>
    <row r="253086" spans="8:8">
      <c r="H253086" s="12"/>
    </row>
    <row r="253087" spans="8:8">
      <c r="H253087" s="12"/>
    </row>
    <row r="253088" spans="8:8">
      <c r="H253088" s="12"/>
    </row>
    <row r="253089" spans="8:8">
      <c r="H253089" s="12"/>
    </row>
    <row r="253090" spans="8:8">
      <c r="H253090" s="12"/>
    </row>
    <row r="253091" spans="8:8">
      <c r="H253091" s="12"/>
    </row>
    <row r="253092" spans="8:8">
      <c r="H253092" s="12"/>
    </row>
    <row r="253093" spans="8:8">
      <c r="H253093" s="12"/>
    </row>
    <row r="253094" spans="8:8">
      <c r="H253094" s="12"/>
    </row>
    <row r="253095" spans="8:8">
      <c r="H253095" s="12"/>
    </row>
    <row r="253096" spans="8:8">
      <c r="H253096" s="12"/>
    </row>
    <row r="253097" spans="8:8">
      <c r="H253097" s="12"/>
    </row>
    <row r="253098" spans="8:8">
      <c r="H253098" s="12"/>
    </row>
    <row r="253099" spans="8:8">
      <c r="H253099" s="12"/>
    </row>
    <row r="253100" spans="8:8">
      <c r="H253100" s="12"/>
    </row>
    <row r="253101" spans="8:8">
      <c r="H253101" s="12"/>
    </row>
    <row r="253102" spans="8:8">
      <c r="H253102" s="12"/>
    </row>
    <row r="253103" spans="8:8">
      <c r="H253103" s="12"/>
    </row>
    <row r="253104" spans="8:8">
      <c r="H253104" s="12"/>
    </row>
    <row r="253105" spans="8:8">
      <c r="H253105" s="12"/>
    </row>
    <row r="253106" spans="8:8">
      <c r="H253106" s="12"/>
    </row>
    <row r="253107" spans="8:8">
      <c r="H253107" s="12"/>
    </row>
    <row r="253108" spans="8:8">
      <c r="H253108" s="12"/>
    </row>
    <row r="253109" spans="8:8">
      <c r="H253109" s="12"/>
    </row>
    <row r="253110" spans="8:8">
      <c r="H253110" s="12"/>
    </row>
    <row r="253111" spans="8:8">
      <c r="H253111" s="12"/>
    </row>
    <row r="253112" spans="8:8">
      <c r="H253112" s="12"/>
    </row>
    <row r="253113" spans="8:8">
      <c r="H253113" s="12"/>
    </row>
    <row r="253114" spans="8:8">
      <c r="H253114" s="12"/>
    </row>
    <row r="253115" spans="8:8">
      <c r="H253115" s="12"/>
    </row>
    <row r="253116" spans="8:8">
      <c r="H253116" s="12"/>
    </row>
    <row r="253117" spans="8:8">
      <c r="H253117" s="12"/>
    </row>
    <row r="253118" spans="8:8">
      <c r="H253118" s="12"/>
    </row>
    <row r="253119" spans="8:8">
      <c r="H253119" s="12"/>
    </row>
    <row r="253120" spans="8:8">
      <c r="H253120" s="12"/>
    </row>
    <row r="253121" spans="8:8">
      <c r="H253121" s="12"/>
    </row>
    <row r="253122" spans="8:8">
      <c r="H253122" s="12"/>
    </row>
    <row r="253123" spans="8:8">
      <c r="H253123" s="12"/>
    </row>
    <row r="253124" spans="8:8">
      <c r="H253124" s="12"/>
    </row>
    <row r="253125" spans="8:8">
      <c r="H253125" s="12"/>
    </row>
    <row r="253126" spans="8:8">
      <c r="H253126" s="12"/>
    </row>
    <row r="253127" spans="8:8">
      <c r="H253127" s="12"/>
    </row>
    <row r="253128" spans="8:8">
      <c r="H253128" s="12"/>
    </row>
    <row r="253129" spans="8:8">
      <c r="H253129" s="12"/>
    </row>
    <row r="253130" spans="8:8">
      <c r="H253130" s="12"/>
    </row>
    <row r="253131" spans="8:8">
      <c r="H253131" s="12"/>
    </row>
    <row r="253132" spans="8:8">
      <c r="H253132" s="12"/>
    </row>
    <row r="253133" spans="8:8">
      <c r="H253133" s="12"/>
    </row>
    <row r="253134" spans="8:8">
      <c r="H253134" s="12"/>
    </row>
    <row r="253135" spans="8:8">
      <c r="H253135" s="12"/>
    </row>
    <row r="253136" spans="8:8">
      <c r="H253136" s="12"/>
    </row>
    <row r="253137" spans="8:8">
      <c r="H253137" s="12"/>
    </row>
    <row r="253138" spans="8:8">
      <c r="H253138" s="12"/>
    </row>
    <row r="253139" spans="8:8">
      <c r="H253139" s="12"/>
    </row>
    <row r="253140" spans="8:8">
      <c r="H253140" s="12"/>
    </row>
    <row r="253141" spans="8:8">
      <c r="H253141" s="12"/>
    </row>
    <row r="253142" spans="8:8">
      <c r="H253142" s="12"/>
    </row>
    <row r="253143" spans="8:8">
      <c r="H253143" s="12"/>
    </row>
    <row r="253144" spans="8:8">
      <c r="H253144" s="12"/>
    </row>
    <row r="253145" spans="8:8">
      <c r="H253145" s="12"/>
    </row>
    <row r="253146" spans="8:8">
      <c r="H253146" s="12"/>
    </row>
    <row r="253147" spans="8:8">
      <c r="H253147" s="12"/>
    </row>
    <row r="253148" spans="8:8">
      <c r="H253148" s="12"/>
    </row>
    <row r="253149" spans="8:8">
      <c r="H253149" s="12"/>
    </row>
    <row r="253150" spans="8:8">
      <c r="H253150" s="12"/>
    </row>
    <row r="253151" spans="8:8">
      <c r="H253151" s="12"/>
    </row>
    <row r="253152" spans="8:8">
      <c r="H253152" s="12"/>
    </row>
    <row r="253153" spans="8:8">
      <c r="H253153" s="12"/>
    </row>
    <row r="253154" spans="8:8">
      <c r="H253154" s="12"/>
    </row>
    <row r="253155" spans="8:8">
      <c r="H253155" s="12"/>
    </row>
    <row r="253156" spans="8:8">
      <c r="H253156" s="12"/>
    </row>
    <row r="253157" spans="8:8">
      <c r="H253157" s="12"/>
    </row>
    <row r="253158" spans="8:8">
      <c r="H253158" s="12"/>
    </row>
    <row r="253159" spans="8:8">
      <c r="H253159" s="12"/>
    </row>
    <row r="253160" spans="8:8">
      <c r="H253160" s="12"/>
    </row>
    <row r="253161" spans="8:8">
      <c r="H253161" s="12"/>
    </row>
    <row r="253162" spans="8:8">
      <c r="H253162" s="12"/>
    </row>
    <row r="253163" spans="8:8">
      <c r="H253163" s="12"/>
    </row>
    <row r="253164" spans="8:8">
      <c r="H253164" s="12"/>
    </row>
    <row r="253165" spans="8:8">
      <c r="H253165" s="12"/>
    </row>
    <row r="253166" spans="8:8">
      <c r="H253166" s="12"/>
    </row>
    <row r="253167" spans="8:8">
      <c r="H253167" s="12"/>
    </row>
    <row r="253168" spans="8:8">
      <c r="H253168" s="12"/>
    </row>
    <row r="253169" spans="8:8">
      <c r="H253169" s="12"/>
    </row>
    <row r="253170" spans="8:8">
      <c r="H253170" s="12"/>
    </row>
    <row r="253171" spans="8:8">
      <c r="H253171" s="12"/>
    </row>
    <row r="253172" spans="8:8">
      <c r="H253172" s="12"/>
    </row>
    <row r="253173" spans="8:8">
      <c r="H253173" s="12"/>
    </row>
    <row r="253174" spans="8:8">
      <c r="H253174" s="12"/>
    </row>
    <row r="253175" spans="8:8">
      <c r="H253175" s="12"/>
    </row>
    <row r="253176" spans="8:8">
      <c r="H253176" s="12"/>
    </row>
    <row r="253177" spans="8:8">
      <c r="H253177" s="12"/>
    </row>
    <row r="253178" spans="8:8">
      <c r="H253178" s="12"/>
    </row>
    <row r="253179" spans="8:8">
      <c r="H253179" s="12"/>
    </row>
    <row r="253180" spans="8:8">
      <c r="H253180" s="12"/>
    </row>
    <row r="253181" spans="8:8">
      <c r="H253181" s="12"/>
    </row>
    <row r="253182" spans="8:8">
      <c r="H253182" s="12"/>
    </row>
    <row r="253183" spans="8:8">
      <c r="H253183" s="12"/>
    </row>
    <row r="253184" spans="8:8">
      <c r="H253184" s="12"/>
    </row>
    <row r="253185" spans="8:8">
      <c r="H253185" s="12"/>
    </row>
    <row r="253186" spans="8:8">
      <c r="H253186" s="12"/>
    </row>
    <row r="253187" spans="8:8">
      <c r="H253187" s="12"/>
    </row>
    <row r="253188" spans="8:8">
      <c r="H253188" s="12"/>
    </row>
    <row r="253189" spans="8:8">
      <c r="H253189" s="12"/>
    </row>
    <row r="253190" spans="8:8">
      <c r="H253190" s="12"/>
    </row>
    <row r="253191" spans="8:8">
      <c r="H253191" s="12"/>
    </row>
    <row r="253192" spans="8:8">
      <c r="H253192" s="12"/>
    </row>
    <row r="253193" spans="8:8">
      <c r="H253193" s="12"/>
    </row>
    <row r="253194" spans="8:8">
      <c r="H253194" s="12"/>
    </row>
    <row r="253195" spans="8:8">
      <c r="H253195" s="12"/>
    </row>
    <row r="253196" spans="8:8">
      <c r="H253196" s="12"/>
    </row>
    <row r="253197" spans="8:8">
      <c r="H253197" s="12"/>
    </row>
    <row r="253198" spans="8:8">
      <c r="H253198" s="12"/>
    </row>
    <row r="253199" spans="8:8">
      <c r="H253199" s="12"/>
    </row>
    <row r="253200" spans="8:8">
      <c r="H253200" s="12"/>
    </row>
    <row r="253201" spans="8:8">
      <c r="H253201" s="12"/>
    </row>
    <row r="253202" spans="8:8">
      <c r="H253202" s="12"/>
    </row>
    <row r="253203" spans="8:8">
      <c r="H253203" s="12"/>
    </row>
    <row r="253204" spans="8:8">
      <c r="H253204" s="12"/>
    </row>
    <row r="253205" spans="8:8">
      <c r="H253205" s="12"/>
    </row>
    <row r="253206" spans="8:8">
      <c r="H253206" s="12"/>
    </row>
    <row r="253207" spans="8:8">
      <c r="H253207" s="12"/>
    </row>
    <row r="253208" spans="8:8">
      <c r="H253208" s="12"/>
    </row>
    <row r="253209" spans="8:8">
      <c r="H253209" s="12"/>
    </row>
    <row r="253210" spans="8:8">
      <c r="H253210" s="12"/>
    </row>
    <row r="253211" spans="8:8">
      <c r="H253211" s="12"/>
    </row>
    <row r="253212" spans="8:8">
      <c r="H253212" s="12"/>
    </row>
    <row r="253213" spans="8:8">
      <c r="H253213" s="12"/>
    </row>
    <row r="253214" spans="8:8">
      <c r="H253214" s="12"/>
    </row>
    <row r="253215" spans="8:8">
      <c r="H253215" s="12"/>
    </row>
    <row r="253216" spans="8:8">
      <c r="H253216" s="12"/>
    </row>
    <row r="253217" spans="8:8">
      <c r="H253217" s="12"/>
    </row>
    <row r="253218" spans="8:8">
      <c r="H253218" s="12"/>
    </row>
    <row r="253219" spans="8:8">
      <c r="H253219" s="12"/>
    </row>
    <row r="253220" spans="8:8">
      <c r="H253220" s="12"/>
    </row>
    <row r="253221" spans="8:8">
      <c r="H253221" s="12"/>
    </row>
    <row r="253222" spans="8:8">
      <c r="H253222" s="12"/>
    </row>
    <row r="253223" spans="8:8">
      <c r="H253223" s="12"/>
    </row>
    <row r="253224" spans="8:8">
      <c r="H253224" s="12"/>
    </row>
    <row r="253225" spans="8:8">
      <c r="H253225" s="12"/>
    </row>
    <row r="253226" spans="8:8">
      <c r="H253226" s="12"/>
    </row>
    <row r="253227" spans="8:8">
      <c r="H253227" s="12"/>
    </row>
    <row r="253228" spans="8:8">
      <c r="H253228" s="12"/>
    </row>
    <row r="253229" spans="8:8">
      <c r="H253229" s="12"/>
    </row>
    <row r="253230" spans="8:8">
      <c r="H253230" s="12"/>
    </row>
    <row r="253231" spans="8:8">
      <c r="H253231" s="12"/>
    </row>
    <row r="253232" spans="8:8">
      <c r="H253232" s="12"/>
    </row>
    <row r="253233" spans="8:8">
      <c r="H253233" s="12"/>
    </row>
    <row r="253234" spans="8:8">
      <c r="H253234" s="12"/>
    </row>
    <row r="253235" spans="8:8">
      <c r="H253235" s="12"/>
    </row>
    <row r="253236" spans="8:8">
      <c r="H253236" s="12"/>
    </row>
    <row r="253237" spans="8:8">
      <c r="H253237" s="12"/>
    </row>
    <row r="253238" spans="8:8">
      <c r="H253238" s="12"/>
    </row>
    <row r="253239" spans="8:8">
      <c r="H253239" s="12"/>
    </row>
    <row r="253240" spans="8:8">
      <c r="H253240" s="12"/>
    </row>
    <row r="253241" spans="8:8">
      <c r="H253241" s="12"/>
    </row>
    <row r="253242" spans="8:8">
      <c r="H253242" s="12"/>
    </row>
    <row r="253243" spans="8:8">
      <c r="H253243" s="12"/>
    </row>
    <row r="253244" spans="8:8">
      <c r="H253244" s="12"/>
    </row>
    <row r="253245" spans="8:8">
      <c r="H253245" s="12"/>
    </row>
    <row r="253246" spans="8:8">
      <c r="H253246" s="12"/>
    </row>
    <row r="253247" spans="8:8">
      <c r="H253247" s="12"/>
    </row>
    <row r="253248" spans="8:8">
      <c r="H253248" s="12"/>
    </row>
    <row r="253249" spans="8:8">
      <c r="H253249" s="12"/>
    </row>
    <row r="253250" spans="8:8">
      <c r="H253250" s="12"/>
    </row>
    <row r="253251" spans="8:8">
      <c r="H253251" s="12"/>
    </row>
    <row r="253252" spans="8:8">
      <c r="H253252" s="12"/>
    </row>
    <row r="253253" spans="8:8">
      <c r="H253253" s="12"/>
    </row>
    <row r="253254" spans="8:8">
      <c r="H253254" s="12"/>
    </row>
    <row r="253255" spans="8:8">
      <c r="H253255" s="12"/>
    </row>
    <row r="253256" spans="8:8">
      <c r="H253256" s="12"/>
    </row>
    <row r="253257" spans="8:8">
      <c r="H253257" s="12"/>
    </row>
    <row r="253258" spans="8:8">
      <c r="H253258" s="12"/>
    </row>
    <row r="253259" spans="8:8">
      <c r="H253259" s="12"/>
    </row>
    <row r="253260" spans="8:8">
      <c r="H253260" s="12"/>
    </row>
    <row r="253261" spans="8:8">
      <c r="H253261" s="12"/>
    </row>
    <row r="253262" spans="8:8">
      <c r="H253262" s="12"/>
    </row>
    <row r="253263" spans="8:8">
      <c r="H253263" s="12"/>
    </row>
    <row r="253264" spans="8:8">
      <c r="H253264" s="12"/>
    </row>
    <row r="253265" spans="8:8">
      <c r="H253265" s="12"/>
    </row>
    <row r="253266" spans="8:8">
      <c r="H253266" s="12"/>
    </row>
    <row r="253267" spans="8:8">
      <c r="H253267" s="12"/>
    </row>
    <row r="253268" spans="8:8">
      <c r="H253268" s="12"/>
    </row>
    <row r="253269" spans="8:8">
      <c r="H253269" s="12"/>
    </row>
    <row r="253270" spans="8:8">
      <c r="H253270" s="12"/>
    </row>
    <row r="253271" spans="8:8">
      <c r="H253271" s="12"/>
    </row>
    <row r="253272" spans="8:8">
      <c r="H253272" s="12"/>
    </row>
    <row r="253273" spans="8:8">
      <c r="H253273" s="12"/>
    </row>
    <row r="253274" spans="8:8">
      <c r="H253274" s="12"/>
    </row>
    <row r="253275" spans="8:8">
      <c r="H253275" s="12"/>
    </row>
    <row r="253276" spans="8:8">
      <c r="H253276" s="12"/>
    </row>
    <row r="253277" spans="8:8">
      <c r="H253277" s="12"/>
    </row>
    <row r="253278" spans="8:8">
      <c r="H253278" s="12"/>
    </row>
    <row r="253279" spans="8:8">
      <c r="H253279" s="12"/>
    </row>
    <row r="253280" spans="8:8">
      <c r="H253280" s="12"/>
    </row>
    <row r="253281" spans="8:8">
      <c r="H253281" s="12"/>
    </row>
    <row r="253282" spans="8:8">
      <c r="H253282" s="12"/>
    </row>
    <row r="253283" spans="8:8">
      <c r="H253283" s="12"/>
    </row>
    <row r="253284" spans="8:8">
      <c r="H253284" s="12"/>
    </row>
    <row r="253285" spans="8:8">
      <c r="H253285" s="12"/>
    </row>
    <row r="253286" spans="8:8">
      <c r="H253286" s="12"/>
    </row>
    <row r="253287" spans="8:8">
      <c r="H253287" s="12"/>
    </row>
    <row r="253288" spans="8:8">
      <c r="H253288" s="12"/>
    </row>
    <row r="253289" spans="8:8">
      <c r="H253289" s="12"/>
    </row>
    <row r="253290" spans="8:8">
      <c r="H253290" s="12"/>
    </row>
    <row r="253291" spans="8:8">
      <c r="H253291" s="12"/>
    </row>
    <row r="253292" spans="8:8">
      <c r="H253292" s="12"/>
    </row>
    <row r="253293" spans="8:8">
      <c r="H253293" s="12"/>
    </row>
    <row r="253294" spans="8:8">
      <c r="H253294" s="12"/>
    </row>
    <row r="253295" spans="8:8">
      <c r="H253295" s="12"/>
    </row>
    <row r="253296" spans="8:8">
      <c r="H253296" s="12"/>
    </row>
    <row r="253297" spans="8:8">
      <c r="H253297" s="12"/>
    </row>
    <row r="253298" spans="8:8">
      <c r="H253298" s="12"/>
    </row>
    <row r="253299" spans="8:8">
      <c r="H253299" s="12"/>
    </row>
    <row r="253300" spans="8:8">
      <c r="H253300" s="12"/>
    </row>
    <row r="253301" spans="8:8">
      <c r="H253301" s="12"/>
    </row>
    <row r="253302" spans="8:8">
      <c r="H253302" s="12"/>
    </row>
    <row r="253303" spans="8:8">
      <c r="H253303" s="12"/>
    </row>
    <row r="253304" spans="8:8">
      <c r="H253304" s="12"/>
    </row>
    <row r="253305" spans="8:8">
      <c r="H253305" s="12"/>
    </row>
    <row r="253306" spans="8:8">
      <c r="H253306" s="12"/>
    </row>
    <row r="253307" spans="8:8">
      <c r="H253307" s="12"/>
    </row>
    <row r="253308" spans="8:8">
      <c r="H253308" s="12"/>
    </row>
    <row r="253309" spans="8:8">
      <c r="H253309" s="12"/>
    </row>
    <row r="253310" spans="8:8">
      <c r="H253310" s="12"/>
    </row>
    <row r="253311" spans="8:8">
      <c r="H253311" s="12"/>
    </row>
    <row r="253312" spans="8:8">
      <c r="H253312" s="12"/>
    </row>
    <row r="253313" spans="8:8">
      <c r="H253313" s="12"/>
    </row>
    <row r="253314" spans="8:8">
      <c r="H253314" s="12"/>
    </row>
    <row r="253315" spans="8:8">
      <c r="H253315" s="12"/>
    </row>
    <row r="253316" spans="8:8">
      <c r="H253316" s="12"/>
    </row>
    <row r="253317" spans="8:8">
      <c r="H253317" s="12"/>
    </row>
    <row r="253318" spans="8:8">
      <c r="H253318" s="12"/>
    </row>
    <row r="253319" spans="8:8">
      <c r="H253319" s="12"/>
    </row>
    <row r="253320" spans="8:8">
      <c r="H253320" s="12"/>
    </row>
    <row r="253321" spans="8:8">
      <c r="H253321" s="12"/>
    </row>
    <row r="253322" spans="8:8">
      <c r="H253322" s="12"/>
    </row>
    <row r="253323" spans="8:8">
      <c r="H253323" s="12"/>
    </row>
    <row r="253324" spans="8:8">
      <c r="H253324" s="12"/>
    </row>
    <row r="253325" spans="8:8">
      <c r="H253325" s="12"/>
    </row>
    <row r="253326" spans="8:8">
      <c r="H253326" s="12"/>
    </row>
    <row r="253327" spans="8:8">
      <c r="H253327" s="12"/>
    </row>
    <row r="253328" spans="8:8">
      <c r="H253328" s="12"/>
    </row>
    <row r="253329" spans="8:8">
      <c r="H253329" s="12"/>
    </row>
    <row r="253330" spans="8:8">
      <c r="H253330" s="12"/>
    </row>
    <row r="253331" spans="8:8">
      <c r="H253331" s="12"/>
    </row>
    <row r="253332" spans="8:8">
      <c r="H253332" s="12"/>
    </row>
    <row r="253333" spans="8:8">
      <c r="H253333" s="12"/>
    </row>
    <row r="253334" spans="8:8">
      <c r="H253334" s="12"/>
    </row>
    <row r="253335" spans="8:8">
      <c r="H253335" s="12"/>
    </row>
    <row r="253336" spans="8:8">
      <c r="H253336" s="12"/>
    </row>
    <row r="253337" spans="8:8">
      <c r="H253337" s="12"/>
    </row>
    <row r="253338" spans="8:8">
      <c r="H253338" s="12"/>
    </row>
    <row r="253339" spans="8:8">
      <c r="H253339" s="12"/>
    </row>
    <row r="253340" spans="8:8">
      <c r="H253340" s="12"/>
    </row>
    <row r="253341" spans="8:8">
      <c r="H253341" s="12"/>
    </row>
    <row r="253342" spans="8:8">
      <c r="H253342" s="12"/>
    </row>
    <row r="253343" spans="8:8">
      <c r="H253343" s="12"/>
    </row>
    <row r="253344" spans="8:8">
      <c r="H253344" s="12"/>
    </row>
    <row r="253345" spans="8:8">
      <c r="H253345" s="12"/>
    </row>
    <row r="253346" spans="8:8">
      <c r="H253346" s="12"/>
    </row>
    <row r="253347" spans="8:8">
      <c r="H253347" s="12"/>
    </row>
    <row r="253348" spans="8:8">
      <c r="H253348" s="12"/>
    </row>
    <row r="253349" spans="8:8">
      <c r="H253349" s="12"/>
    </row>
    <row r="253350" spans="8:8">
      <c r="H253350" s="12"/>
    </row>
    <row r="253351" spans="8:8">
      <c r="H253351" s="12"/>
    </row>
    <row r="253352" spans="8:8">
      <c r="H253352" s="12"/>
    </row>
    <row r="253353" spans="8:8">
      <c r="H253353" s="12"/>
    </row>
    <row r="253354" spans="8:8">
      <c r="H253354" s="12"/>
    </row>
    <row r="253355" spans="8:8">
      <c r="H253355" s="12"/>
    </row>
    <row r="253356" spans="8:8">
      <c r="H253356" s="12"/>
    </row>
    <row r="253357" spans="8:8">
      <c r="H253357" s="12"/>
    </row>
    <row r="253358" spans="8:8">
      <c r="H253358" s="12"/>
    </row>
    <row r="253359" spans="8:8">
      <c r="H253359" s="12"/>
    </row>
    <row r="253360" spans="8:8">
      <c r="H253360" s="12"/>
    </row>
    <row r="253361" spans="8:8">
      <c r="H253361" s="12"/>
    </row>
    <row r="253362" spans="8:8">
      <c r="H253362" s="12"/>
    </row>
    <row r="253363" spans="8:8">
      <c r="H253363" s="12"/>
    </row>
    <row r="253364" spans="8:8">
      <c r="H253364" s="12"/>
    </row>
    <row r="253365" spans="8:8">
      <c r="H253365" s="12"/>
    </row>
    <row r="253366" spans="8:8">
      <c r="H253366" s="12"/>
    </row>
    <row r="253367" spans="8:8">
      <c r="H253367" s="12"/>
    </row>
    <row r="253368" spans="8:8">
      <c r="H253368" s="12"/>
    </row>
    <row r="253369" spans="8:8">
      <c r="H253369" s="12"/>
    </row>
    <row r="253370" spans="8:8">
      <c r="H253370" s="12"/>
    </row>
    <row r="253371" spans="8:8">
      <c r="H253371" s="12"/>
    </row>
    <row r="253372" spans="8:8">
      <c r="H253372" s="12"/>
    </row>
    <row r="253373" spans="8:8">
      <c r="H253373" s="12"/>
    </row>
    <row r="253374" spans="8:8">
      <c r="H253374" s="12"/>
    </row>
    <row r="253375" spans="8:8">
      <c r="H253375" s="12"/>
    </row>
    <row r="253376" spans="8:8">
      <c r="H253376" s="12"/>
    </row>
    <row r="253377" spans="8:8">
      <c r="H253377" s="12"/>
    </row>
    <row r="253378" spans="8:8">
      <c r="H253378" s="12"/>
    </row>
    <row r="253379" spans="8:8">
      <c r="H253379" s="12"/>
    </row>
    <row r="253380" spans="8:8">
      <c r="H253380" s="12"/>
    </row>
    <row r="253381" spans="8:8">
      <c r="H253381" s="12"/>
    </row>
    <row r="253382" spans="8:8">
      <c r="H253382" s="12"/>
    </row>
    <row r="253383" spans="8:8">
      <c r="H253383" s="12"/>
    </row>
    <row r="253384" spans="8:8">
      <c r="H253384" s="12"/>
    </row>
    <row r="253385" spans="8:8">
      <c r="H253385" s="12"/>
    </row>
    <row r="253386" spans="8:8">
      <c r="H253386" s="12"/>
    </row>
    <row r="253387" spans="8:8">
      <c r="H253387" s="12"/>
    </row>
    <row r="253388" spans="8:8">
      <c r="H253388" s="12"/>
    </row>
    <row r="253389" spans="8:8">
      <c r="H253389" s="12"/>
    </row>
    <row r="253390" spans="8:8">
      <c r="H253390" s="12"/>
    </row>
    <row r="253391" spans="8:8">
      <c r="H253391" s="12"/>
    </row>
    <row r="253392" spans="8:8">
      <c r="H253392" s="12"/>
    </row>
    <row r="253393" spans="8:8">
      <c r="H253393" s="12"/>
    </row>
    <row r="253394" spans="8:8">
      <c r="H253394" s="12"/>
    </row>
    <row r="253395" spans="8:8">
      <c r="H253395" s="12"/>
    </row>
    <row r="253396" spans="8:8">
      <c r="H253396" s="12"/>
    </row>
    <row r="253397" spans="8:8">
      <c r="H253397" s="12"/>
    </row>
    <row r="253398" spans="8:8">
      <c r="H253398" s="12"/>
    </row>
    <row r="253399" spans="8:8">
      <c r="H253399" s="12"/>
    </row>
    <row r="253400" spans="8:8">
      <c r="H253400" s="12"/>
    </row>
    <row r="253401" spans="8:8">
      <c r="H253401" s="12"/>
    </row>
    <row r="253402" spans="8:8">
      <c r="H253402" s="12"/>
    </row>
    <row r="253403" spans="8:8">
      <c r="H253403" s="12"/>
    </row>
    <row r="253404" spans="8:8">
      <c r="H253404" s="12"/>
    </row>
    <row r="253405" spans="8:8">
      <c r="H253405" s="12"/>
    </row>
    <row r="253406" spans="8:8">
      <c r="H253406" s="12"/>
    </row>
    <row r="253407" spans="8:8">
      <c r="H253407" s="12"/>
    </row>
    <row r="253408" spans="8:8">
      <c r="H253408" s="12"/>
    </row>
    <row r="253409" spans="8:8">
      <c r="H253409" s="12"/>
    </row>
    <row r="253410" spans="8:8">
      <c r="H253410" s="12"/>
    </row>
    <row r="253411" spans="8:8">
      <c r="H253411" s="12"/>
    </row>
    <row r="253412" spans="8:8">
      <c r="H253412" s="12"/>
    </row>
    <row r="253413" spans="8:8">
      <c r="H253413" s="12"/>
    </row>
    <row r="253414" spans="8:8">
      <c r="H253414" s="12"/>
    </row>
    <row r="253415" spans="8:8">
      <c r="H253415" s="12"/>
    </row>
    <row r="253416" spans="8:8">
      <c r="H253416" s="12"/>
    </row>
    <row r="253417" spans="8:8">
      <c r="H253417" s="12"/>
    </row>
    <row r="253418" spans="8:8">
      <c r="H253418" s="12"/>
    </row>
    <row r="253419" spans="8:8">
      <c r="H253419" s="12"/>
    </row>
    <row r="253420" spans="8:8">
      <c r="H253420" s="12"/>
    </row>
    <row r="253421" spans="8:8">
      <c r="H253421" s="12"/>
    </row>
    <row r="253422" spans="8:8">
      <c r="H253422" s="12"/>
    </row>
    <row r="253423" spans="8:8">
      <c r="H253423" s="12"/>
    </row>
    <row r="253424" spans="8:8">
      <c r="H253424" s="12"/>
    </row>
    <row r="253425" spans="8:8">
      <c r="H253425" s="12"/>
    </row>
    <row r="253426" spans="8:8">
      <c r="H253426" s="12"/>
    </row>
    <row r="253427" spans="8:8">
      <c r="H253427" s="12"/>
    </row>
    <row r="253428" spans="8:8">
      <c r="H253428" s="12"/>
    </row>
    <row r="253429" spans="8:8">
      <c r="H253429" s="12"/>
    </row>
    <row r="253430" spans="8:8">
      <c r="H253430" s="12"/>
    </row>
    <row r="253431" spans="8:8">
      <c r="H253431" s="12"/>
    </row>
    <row r="253432" spans="8:8">
      <c r="H253432" s="12"/>
    </row>
    <row r="253433" spans="8:8">
      <c r="H253433" s="12"/>
    </row>
    <row r="253434" spans="8:8">
      <c r="H253434" s="12"/>
    </row>
    <row r="253435" spans="8:8">
      <c r="H253435" s="12"/>
    </row>
    <row r="253436" spans="8:8">
      <c r="H253436" s="12"/>
    </row>
    <row r="253437" spans="8:8">
      <c r="H253437" s="12"/>
    </row>
    <row r="253438" spans="8:8">
      <c r="H253438" s="12"/>
    </row>
    <row r="253439" spans="8:8">
      <c r="H253439" s="12"/>
    </row>
    <row r="253440" spans="8:8">
      <c r="H253440" s="12"/>
    </row>
    <row r="253441" spans="8:8">
      <c r="H253441" s="12"/>
    </row>
    <row r="253442" spans="8:8">
      <c r="H253442" s="12"/>
    </row>
    <row r="253443" spans="8:8">
      <c r="H253443" s="12"/>
    </row>
    <row r="253444" spans="8:8">
      <c r="H253444" s="12"/>
    </row>
    <row r="253445" spans="8:8">
      <c r="H253445" s="12"/>
    </row>
    <row r="253446" spans="8:8">
      <c r="H253446" s="12"/>
    </row>
    <row r="253447" spans="8:8">
      <c r="H253447" s="12"/>
    </row>
    <row r="253448" spans="8:8">
      <c r="H253448" s="12"/>
    </row>
    <row r="253449" spans="8:8">
      <c r="H253449" s="12"/>
    </row>
    <row r="253450" spans="8:8">
      <c r="H253450" s="12"/>
    </row>
    <row r="253451" spans="8:8">
      <c r="H253451" s="12"/>
    </row>
    <row r="253452" spans="8:8">
      <c r="H253452" s="12"/>
    </row>
    <row r="253453" spans="8:8">
      <c r="H253453" s="12"/>
    </row>
    <row r="253454" spans="8:8">
      <c r="H253454" s="12"/>
    </row>
    <row r="253455" spans="8:8">
      <c r="H253455" s="12"/>
    </row>
    <row r="253456" spans="8:8">
      <c r="H253456" s="12"/>
    </row>
    <row r="253457" spans="8:8">
      <c r="H253457" s="12"/>
    </row>
    <row r="253458" spans="8:8">
      <c r="H253458" s="12"/>
    </row>
    <row r="253459" spans="8:8">
      <c r="H253459" s="12"/>
    </row>
    <row r="253460" spans="8:8">
      <c r="H253460" s="12"/>
    </row>
    <row r="253461" spans="8:8">
      <c r="H253461" s="12"/>
    </row>
    <row r="253462" spans="8:8">
      <c r="H253462" s="12"/>
    </row>
    <row r="253463" spans="8:8">
      <c r="H253463" s="12"/>
    </row>
    <row r="253464" spans="8:8">
      <c r="H253464" s="12"/>
    </row>
    <row r="253465" spans="8:8">
      <c r="H253465" s="12"/>
    </row>
    <row r="253466" spans="8:8">
      <c r="H253466" s="12"/>
    </row>
    <row r="253467" spans="8:8">
      <c r="H253467" s="12"/>
    </row>
    <row r="253468" spans="8:8">
      <c r="H253468" s="12"/>
    </row>
    <row r="253469" spans="8:8">
      <c r="H253469" s="12"/>
    </row>
    <row r="253470" spans="8:8">
      <c r="H253470" s="12"/>
    </row>
    <row r="253471" spans="8:8">
      <c r="H253471" s="12"/>
    </row>
    <row r="253472" spans="8:8">
      <c r="H253472" s="12"/>
    </row>
    <row r="253473" spans="8:8">
      <c r="H253473" s="12"/>
    </row>
    <row r="253474" spans="8:8">
      <c r="H253474" s="12"/>
    </row>
    <row r="253475" spans="8:8">
      <c r="H253475" s="12"/>
    </row>
    <row r="253476" spans="8:8">
      <c r="H253476" s="12"/>
    </row>
    <row r="253477" spans="8:8">
      <c r="H253477" s="12"/>
    </row>
    <row r="253478" spans="8:8">
      <c r="H253478" s="12"/>
    </row>
    <row r="253479" spans="8:8">
      <c r="H253479" s="12"/>
    </row>
    <row r="253480" spans="8:8">
      <c r="H253480" s="12"/>
    </row>
    <row r="253481" spans="8:8">
      <c r="H253481" s="12"/>
    </row>
    <row r="253482" spans="8:8">
      <c r="H253482" s="12"/>
    </row>
    <row r="253483" spans="8:8">
      <c r="H253483" s="12"/>
    </row>
    <row r="253484" spans="8:8">
      <c r="H253484" s="12"/>
    </row>
    <row r="253485" spans="8:8">
      <c r="H253485" s="12"/>
    </row>
    <row r="253486" spans="8:8">
      <c r="H253486" s="12"/>
    </row>
    <row r="253487" spans="8:8">
      <c r="H253487" s="12"/>
    </row>
    <row r="253488" spans="8:8">
      <c r="H253488" s="12"/>
    </row>
    <row r="253489" spans="8:8">
      <c r="H253489" s="12"/>
    </row>
    <row r="253490" spans="8:8">
      <c r="H253490" s="12"/>
    </row>
    <row r="253491" spans="8:8">
      <c r="H253491" s="12"/>
    </row>
    <row r="253492" spans="8:8">
      <c r="H253492" s="12"/>
    </row>
    <row r="253493" spans="8:8">
      <c r="H253493" s="12"/>
    </row>
    <row r="253494" spans="8:8">
      <c r="H253494" s="12"/>
    </row>
    <row r="253495" spans="8:8">
      <c r="H253495" s="12"/>
    </row>
    <row r="253496" spans="8:8">
      <c r="H253496" s="12"/>
    </row>
    <row r="253497" spans="8:8">
      <c r="H253497" s="12"/>
    </row>
    <row r="253498" spans="8:8">
      <c r="H253498" s="12"/>
    </row>
    <row r="253499" spans="8:8">
      <c r="H253499" s="12"/>
    </row>
    <row r="253500" spans="8:8">
      <c r="H253500" s="12"/>
    </row>
    <row r="253501" spans="8:8">
      <c r="H253501" s="12"/>
    </row>
    <row r="253502" spans="8:8">
      <c r="H253502" s="12"/>
    </row>
    <row r="253503" spans="8:8">
      <c r="H253503" s="12"/>
    </row>
    <row r="253504" spans="8:8">
      <c r="H253504" s="12"/>
    </row>
    <row r="253505" spans="8:8">
      <c r="H253505" s="12"/>
    </row>
    <row r="253506" spans="8:8">
      <c r="H253506" s="12"/>
    </row>
    <row r="253507" spans="8:8">
      <c r="H253507" s="12"/>
    </row>
    <row r="253508" spans="8:8">
      <c r="H253508" s="12"/>
    </row>
    <row r="253509" spans="8:8">
      <c r="H253509" s="12"/>
    </row>
    <row r="253510" spans="8:8">
      <c r="H253510" s="12"/>
    </row>
    <row r="253511" spans="8:8">
      <c r="H253511" s="12"/>
    </row>
    <row r="253512" spans="8:8">
      <c r="H253512" s="12"/>
    </row>
    <row r="253513" spans="8:8">
      <c r="H253513" s="12"/>
    </row>
    <row r="253514" spans="8:8">
      <c r="H253514" s="12"/>
    </row>
    <row r="253515" spans="8:8">
      <c r="H253515" s="12"/>
    </row>
    <row r="253516" spans="8:8">
      <c r="H253516" s="12"/>
    </row>
    <row r="253517" spans="8:8">
      <c r="H253517" s="12"/>
    </row>
    <row r="253518" spans="8:8">
      <c r="H253518" s="12"/>
    </row>
    <row r="253519" spans="8:8">
      <c r="H253519" s="12"/>
    </row>
    <row r="253520" spans="8:8">
      <c r="H253520" s="12"/>
    </row>
    <row r="253521" spans="8:8">
      <c r="H253521" s="12"/>
    </row>
    <row r="253522" spans="8:8">
      <c r="H253522" s="12"/>
    </row>
    <row r="253523" spans="8:8">
      <c r="H253523" s="12"/>
    </row>
    <row r="253524" spans="8:8">
      <c r="H253524" s="12"/>
    </row>
    <row r="253525" spans="8:8">
      <c r="H253525" s="12"/>
    </row>
    <row r="253526" spans="8:8">
      <c r="H253526" s="12"/>
    </row>
    <row r="253527" spans="8:8">
      <c r="H253527" s="12"/>
    </row>
    <row r="253528" spans="8:8">
      <c r="H253528" s="12"/>
    </row>
    <row r="253529" spans="8:8">
      <c r="H253529" s="12"/>
    </row>
    <row r="253530" spans="8:8">
      <c r="H253530" s="12"/>
    </row>
    <row r="253531" spans="8:8">
      <c r="H253531" s="12"/>
    </row>
    <row r="253532" spans="8:8">
      <c r="H253532" s="12"/>
    </row>
    <row r="253533" spans="8:8">
      <c r="H253533" s="12"/>
    </row>
    <row r="253534" spans="8:8">
      <c r="H253534" s="12"/>
    </row>
    <row r="253535" spans="8:8">
      <c r="H253535" s="12"/>
    </row>
    <row r="253536" spans="8:8">
      <c r="H253536" s="12"/>
    </row>
    <row r="253537" spans="8:8">
      <c r="H253537" s="12"/>
    </row>
    <row r="253538" spans="8:8">
      <c r="H253538" s="12"/>
    </row>
    <row r="253539" spans="8:8">
      <c r="H253539" s="12"/>
    </row>
    <row r="253540" spans="8:8">
      <c r="H253540" s="12"/>
    </row>
    <row r="253541" spans="8:8">
      <c r="H253541" s="12"/>
    </row>
    <row r="253542" spans="8:8">
      <c r="H253542" s="12"/>
    </row>
    <row r="253543" spans="8:8">
      <c r="H253543" s="12"/>
    </row>
    <row r="253544" spans="8:8">
      <c r="H253544" s="12"/>
    </row>
    <row r="253545" spans="8:8">
      <c r="H253545" s="12"/>
    </row>
    <row r="253546" spans="8:8">
      <c r="H253546" s="12"/>
    </row>
    <row r="253547" spans="8:8">
      <c r="H253547" s="12"/>
    </row>
    <row r="253548" spans="8:8">
      <c r="H253548" s="12"/>
    </row>
    <row r="253549" spans="8:8">
      <c r="H253549" s="12"/>
    </row>
    <row r="253550" spans="8:8">
      <c r="H253550" s="12"/>
    </row>
    <row r="253551" spans="8:8">
      <c r="H253551" s="12"/>
    </row>
    <row r="253552" spans="8:8">
      <c r="H253552" s="12"/>
    </row>
    <row r="253553" spans="8:8">
      <c r="H253553" s="12"/>
    </row>
    <row r="253554" spans="8:8">
      <c r="H253554" s="12"/>
    </row>
    <row r="253555" spans="8:8">
      <c r="H253555" s="12"/>
    </row>
    <row r="253556" spans="8:8">
      <c r="H253556" s="12"/>
    </row>
    <row r="253557" spans="8:8">
      <c r="H253557" s="12"/>
    </row>
    <row r="253558" spans="8:8">
      <c r="H253558" s="12"/>
    </row>
    <row r="253559" spans="8:8">
      <c r="H253559" s="12"/>
    </row>
    <row r="253560" spans="8:8">
      <c r="H253560" s="12"/>
    </row>
    <row r="253561" spans="8:8">
      <c r="H253561" s="12"/>
    </row>
    <row r="253562" spans="8:8">
      <c r="H253562" s="12"/>
    </row>
    <row r="253563" spans="8:8">
      <c r="H253563" s="12"/>
    </row>
    <row r="253564" spans="8:8">
      <c r="H253564" s="12"/>
    </row>
    <row r="253565" spans="8:8">
      <c r="H253565" s="12"/>
    </row>
    <row r="253566" spans="8:8">
      <c r="H253566" s="12"/>
    </row>
    <row r="253567" spans="8:8">
      <c r="H253567" s="12"/>
    </row>
    <row r="253568" spans="8:8">
      <c r="H253568" s="12"/>
    </row>
    <row r="253569" spans="8:8">
      <c r="H253569" s="12"/>
    </row>
    <row r="253570" spans="8:8">
      <c r="H253570" s="12"/>
    </row>
    <row r="253571" spans="8:8">
      <c r="H253571" s="12"/>
    </row>
    <row r="253572" spans="8:8">
      <c r="H253572" s="12"/>
    </row>
    <row r="253573" spans="8:8">
      <c r="H253573" s="12"/>
    </row>
    <row r="253574" spans="8:8">
      <c r="H253574" s="12"/>
    </row>
    <row r="253575" spans="8:8">
      <c r="H253575" s="12"/>
    </row>
    <row r="253576" spans="8:8">
      <c r="H253576" s="12"/>
    </row>
    <row r="253577" spans="8:8">
      <c r="H253577" s="12"/>
    </row>
    <row r="253578" spans="8:8">
      <c r="H253578" s="12"/>
    </row>
    <row r="253579" spans="8:8">
      <c r="H253579" s="12"/>
    </row>
    <row r="253580" spans="8:8">
      <c r="H253580" s="12"/>
    </row>
    <row r="253581" spans="8:8">
      <c r="H253581" s="12"/>
    </row>
    <row r="253582" spans="8:8">
      <c r="H253582" s="12"/>
    </row>
    <row r="253583" spans="8:8">
      <c r="H253583" s="12"/>
    </row>
    <row r="253584" spans="8:8">
      <c r="H253584" s="12"/>
    </row>
    <row r="253585" spans="8:8">
      <c r="H253585" s="12"/>
    </row>
    <row r="253586" spans="8:8">
      <c r="H253586" s="12"/>
    </row>
    <row r="253587" spans="8:8">
      <c r="H253587" s="12"/>
    </row>
    <row r="253588" spans="8:8">
      <c r="H253588" s="12"/>
    </row>
    <row r="253589" spans="8:8">
      <c r="H253589" s="12"/>
    </row>
    <row r="253590" spans="8:8">
      <c r="H253590" s="12"/>
    </row>
    <row r="253591" spans="8:8">
      <c r="H253591" s="12"/>
    </row>
    <row r="253592" spans="8:8">
      <c r="H253592" s="12"/>
    </row>
    <row r="253593" spans="8:8">
      <c r="H253593" s="12"/>
    </row>
    <row r="253594" spans="8:8">
      <c r="H253594" s="12"/>
    </row>
    <row r="253595" spans="8:8">
      <c r="H253595" s="12"/>
    </row>
    <row r="253596" spans="8:8">
      <c r="H253596" s="12"/>
    </row>
    <row r="253597" spans="8:8">
      <c r="H253597" s="12"/>
    </row>
    <row r="253598" spans="8:8">
      <c r="H253598" s="12"/>
    </row>
    <row r="253599" spans="8:8">
      <c r="H253599" s="12"/>
    </row>
    <row r="253600" spans="8:8">
      <c r="H253600" s="12"/>
    </row>
    <row r="253601" spans="8:8">
      <c r="H253601" s="12"/>
    </row>
    <row r="253602" spans="8:8">
      <c r="H253602" s="12"/>
    </row>
    <row r="253603" spans="8:8">
      <c r="H253603" s="12"/>
    </row>
    <row r="253604" spans="8:8">
      <c r="H253604" s="12"/>
    </row>
    <row r="253605" spans="8:8">
      <c r="H253605" s="12"/>
    </row>
    <row r="253606" spans="8:8">
      <c r="H253606" s="12"/>
    </row>
    <row r="253607" spans="8:8">
      <c r="H253607" s="12"/>
    </row>
    <row r="253608" spans="8:8">
      <c r="H253608" s="12"/>
    </row>
    <row r="253609" spans="8:8">
      <c r="H253609" s="12"/>
    </row>
    <row r="253610" spans="8:8">
      <c r="H253610" s="12"/>
    </row>
    <row r="253611" spans="8:8">
      <c r="H253611" s="12"/>
    </row>
    <row r="253612" spans="8:8">
      <c r="H253612" s="12"/>
    </row>
    <row r="253613" spans="8:8">
      <c r="H253613" s="12"/>
    </row>
    <row r="253614" spans="8:8">
      <c r="H253614" s="12"/>
    </row>
    <row r="253615" spans="8:8">
      <c r="H253615" s="12"/>
    </row>
    <row r="253616" spans="8:8">
      <c r="H253616" s="12"/>
    </row>
    <row r="253617" spans="8:8">
      <c r="H253617" s="12"/>
    </row>
    <row r="253618" spans="8:8">
      <c r="H253618" s="12"/>
    </row>
    <row r="253619" spans="8:8">
      <c r="H253619" s="12"/>
    </row>
    <row r="253620" spans="8:8">
      <c r="H253620" s="12"/>
    </row>
    <row r="253621" spans="8:8">
      <c r="H253621" s="12"/>
    </row>
    <row r="253622" spans="8:8">
      <c r="H253622" s="12"/>
    </row>
    <row r="253623" spans="8:8">
      <c r="H253623" s="12"/>
    </row>
    <row r="253624" spans="8:8">
      <c r="H253624" s="12"/>
    </row>
    <row r="253625" spans="8:8">
      <c r="H253625" s="12"/>
    </row>
    <row r="253626" spans="8:8">
      <c r="H253626" s="12"/>
    </row>
    <row r="253627" spans="8:8">
      <c r="H253627" s="12"/>
    </row>
    <row r="253628" spans="8:8">
      <c r="H253628" s="12"/>
    </row>
    <row r="253629" spans="8:8">
      <c r="H253629" s="12"/>
    </row>
    <row r="253630" spans="8:8">
      <c r="H253630" s="12"/>
    </row>
    <row r="253631" spans="8:8">
      <c r="H253631" s="12"/>
    </row>
    <row r="253632" spans="8:8">
      <c r="H253632" s="12"/>
    </row>
    <row r="253633" spans="8:8">
      <c r="H253633" s="12"/>
    </row>
    <row r="253634" spans="8:8">
      <c r="H253634" s="12"/>
    </row>
    <row r="253635" spans="8:8">
      <c r="H253635" s="12"/>
    </row>
    <row r="253636" spans="8:8">
      <c r="H253636" s="12"/>
    </row>
    <row r="253637" spans="8:8">
      <c r="H253637" s="12"/>
    </row>
    <row r="253638" spans="8:8">
      <c r="H253638" s="12"/>
    </row>
    <row r="253639" spans="8:8">
      <c r="H253639" s="12"/>
    </row>
    <row r="253640" spans="8:8">
      <c r="H253640" s="12"/>
    </row>
    <row r="253641" spans="8:8">
      <c r="H253641" s="12"/>
    </row>
    <row r="253642" spans="8:8">
      <c r="H253642" s="12"/>
    </row>
    <row r="253643" spans="8:8">
      <c r="H253643" s="12"/>
    </row>
    <row r="253644" spans="8:8">
      <c r="H253644" s="12"/>
    </row>
    <row r="253645" spans="8:8">
      <c r="H253645" s="12"/>
    </row>
    <row r="253646" spans="8:8">
      <c r="H253646" s="12"/>
    </row>
    <row r="253647" spans="8:8">
      <c r="H253647" s="12"/>
    </row>
    <row r="253648" spans="8:8">
      <c r="H253648" s="12"/>
    </row>
    <row r="253649" spans="8:8">
      <c r="H253649" s="12"/>
    </row>
    <row r="253650" spans="8:8">
      <c r="H253650" s="12"/>
    </row>
    <row r="253651" spans="8:8">
      <c r="H253651" s="12"/>
    </row>
    <row r="253652" spans="8:8">
      <c r="H253652" s="12"/>
    </row>
    <row r="253653" spans="8:8">
      <c r="H253653" s="12"/>
    </row>
    <row r="253654" spans="8:8">
      <c r="H253654" s="12"/>
    </row>
    <row r="253655" spans="8:8">
      <c r="H253655" s="12"/>
    </row>
    <row r="253656" spans="8:8">
      <c r="H253656" s="12"/>
    </row>
    <row r="253657" spans="8:8">
      <c r="H253657" s="12"/>
    </row>
    <row r="253658" spans="8:8">
      <c r="H253658" s="12"/>
    </row>
    <row r="253659" spans="8:8">
      <c r="H253659" s="12"/>
    </row>
    <row r="253660" spans="8:8">
      <c r="H253660" s="12"/>
    </row>
    <row r="253661" spans="8:8">
      <c r="H253661" s="12"/>
    </row>
    <row r="253662" spans="8:8">
      <c r="H253662" s="12"/>
    </row>
    <row r="253663" spans="8:8">
      <c r="H253663" s="12"/>
    </row>
    <row r="253664" spans="8:8">
      <c r="H253664" s="12"/>
    </row>
    <row r="253665" spans="8:8">
      <c r="H253665" s="12"/>
    </row>
    <row r="253666" spans="8:8">
      <c r="H253666" s="12"/>
    </row>
    <row r="253667" spans="8:8">
      <c r="H253667" s="12"/>
    </row>
    <row r="253668" spans="8:8">
      <c r="H253668" s="12"/>
    </row>
    <row r="253669" spans="8:8">
      <c r="H253669" s="12"/>
    </row>
    <row r="253670" spans="8:8">
      <c r="H253670" s="12"/>
    </row>
    <row r="253671" spans="8:8">
      <c r="H253671" s="12"/>
    </row>
    <row r="253672" spans="8:8">
      <c r="H253672" s="12"/>
    </row>
    <row r="253673" spans="8:8">
      <c r="H253673" s="12"/>
    </row>
    <row r="253674" spans="8:8">
      <c r="H253674" s="12"/>
    </row>
    <row r="253675" spans="8:8">
      <c r="H253675" s="12"/>
    </row>
    <row r="253676" spans="8:8">
      <c r="H253676" s="12"/>
    </row>
    <row r="253677" spans="8:8">
      <c r="H253677" s="12"/>
    </row>
    <row r="253678" spans="8:8">
      <c r="H253678" s="12"/>
    </row>
    <row r="253679" spans="8:8">
      <c r="H253679" s="12"/>
    </row>
    <row r="253680" spans="8:8">
      <c r="H253680" s="12"/>
    </row>
    <row r="253681" spans="8:8">
      <c r="H253681" s="12"/>
    </row>
    <row r="253682" spans="8:8">
      <c r="H253682" s="12"/>
    </row>
    <row r="253683" spans="8:8">
      <c r="H253683" s="12"/>
    </row>
    <row r="253684" spans="8:8">
      <c r="H253684" s="12"/>
    </row>
    <row r="253685" spans="8:8">
      <c r="H253685" s="12"/>
    </row>
    <row r="253686" spans="8:8">
      <c r="H253686" s="12"/>
    </row>
    <row r="253687" spans="8:8">
      <c r="H253687" s="12"/>
    </row>
    <row r="253688" spans="8:8">
      <c r="H253688" s="12"/>
    </row>
    <row r="253689" spans="8:8">
      <c r="H253689" s="12"/>
    </row>
    <row r="253690" spans="8:8">
      <c r="H253690" s="12"/>
    </row>
    <row r="253691" spans="8:8">
      <c r="H253691" s="12"/>
    </row>
    <row r="253692" spans="8:8">
      <c r="H253692" s="12"/>
    </row>
    <row r="253693" spans="8:8">
      <c r="H253693" s="12"/>
    </row>
    <row r="253694" spans="8:8">
      <c r="H253694" s="12"/>
    </row>
    <row r="253695" spans="8:8">
      <c r="H253695" s="12"/>
    </row>
    <row r="253696" spans="8:8">
      <c r="H253696" s="12"/>
    </row>
    <row r="253697" spans="8:8">
      <c r="H253697" s="12"/>
    </row>
    <row r="253698" spans="8:8">
      <c r="H253698" s="12"/>
    </row>
    <row r="253699" spans="8:8">
      <c r="H253699" s="12"/>
    </row>
    <row r="253700" spans="8:8">
      <c r="H253700" s="12"/>
    </row>
    <row r="253701" spans="8:8">
      <c r="H253701" s="12"/>
    </row>
    <row r="253702" spans="8:8">
      <c r="H253702" s="12"/>
    </row>
    <row r="253703" spans="8:8">
      <c r="H253703" s="12"/>
    </row>
    <row r="253704" spans="8:8">
      <c r="H253704" s="12"/>
    </row>
    <row r="253705" spans="8:8">
      <c r="H253705" s="12"/>
    </row>
    <row r="253706" spans="8:8">
      <c r="H253706" s="12"/>
    </row>
    <row r="253707" spans="8:8">
      <c r="H253707" s="12"/>
    </row>
    <row r="253708" spans="8:8">
      <c r="H253708" s="12"/>
    </row>
    <row r="253709" spans="8:8">
      <c r="H253709" s="12"/>
    </row>
    <row r="253710" spans="8:8">
      <c r="H253710" s="12"/>
    </row>
    <row r="253711" spans="8:8">
      <c r="H253711" s="12"/>
    </row>
    <row r="253712" spans="8:8">
      <c r="H253712" s="12"/>
    </row>
    <row r="253713" spans="8:8">
      <c r="H253713" s="12"/>
    </row>
    <row r="253714" spans="8:8">
      <c r="H253714" s="12"/>
    </row>
    <row r="253715" spans="8:8">
      <c r="H253715" s="12"/>
    </row>
    <row r="253716" spans="8:8">
      <c r="H253716" s="12"/>
    </row>
    <row r="253717" spans="8:8">
      <c r="H253717" s="12"/>
    </row>
    <row r="253718" spans="8:8">
      <c r="H253718" s="12"/>
    </row>
    <row r="253719" spans="8:8">
      <c r="H253719" s="12"/>
    </row>
    <row r="253720" spans="8:8">
      <c r="H253720" s="12"/>
    </row>
    <row r="253721" spans="8:8">
      <c r="H253721" s="12"/>
    </row>
    <row r="253722" spans="8:8">
      <c r="H253722" s="12"/>
    </row>
    <row r="253723" spans="8:8">
      <c r="H253723" s="12"/>
    </row>
    <row r="253724" spans="8:8">
      <c r="H253724" s="12"/>
    </row>
    <row r="253725" spans="8:8">
      <c r="H253725" s="12"/>
    </row>
    <row r="253726" spans="8:8">
      <c r="H253726" s="12"/>
    </row>
    <row r="253727" spans="8:8">
      <c r="H253727" s="12"/>
    </row>
    <row r="253728" spans="8:8">
      <c r="H253728" s="12"/>
    </row>
    <row r="253729" spans="8:8">
      <c r="H253729" s="12"/>
    </row>
    <row r="253730" spans="8:8">
      <c r="H253730" s="12"/>
    </row>
    <row r="253731" spans="8:8">
      <c r="H253731" s="12"/>
    </row>
    <row r="253732" spans="8:8">
      <c r="H253732" s="12"/>
    </row>
    <row r="253733" spans="8:8">
      <c r="H253733" s="12"/>
    </row>
    <row r="253734" spans="8:8">
      <c r="H253734" s="12"/>
    </row>
    <row r="253735" spans="8:8">
      <c r="H253735" s="12"/>
    </row>
    <row r="253736" spans="8:8">
      <c r="H253736" s="12"/>
    </row>
    <row r="253737" spans="8:8">
      <c r="H253737" s="12"/>
    </row>
    <row r="253738" spans="8:8">
      <c r="H253738" s="12"/>
    </row>
    <row r="253739" spans="8:8">
      <c r="H253739" s="12"/>
    </row>
    <row r="253740" spans="8:8">
      <c r="H253740" s="12"/>
    </row>
    <row r="253741" spans="8:8">
      <c r="H253741" s="12"/>
    </row>
    <row r="253742" spans="8:8">
      <c r="H253742" s="12"/>
    </row>
    <row r="253743" spans="8:8">
      <c r="H253743" s="12"/>
    </row>
    <row r="253744" spans="8:8">
      <c r="H253744" s="12"/>
    </row>
    <row r="253745" spans="8:8">
      <c r="H253745" s="12"/>
    </row>
    <row r="253746" spans="8:8">
      <c r="H253746" s="12"/>
    </row>
    <row r="253747" spans="8:8">
      <c r="H253747" s="12"/>
    </row>
    <row r="253748" spans="8:8">
      <c r="H253748" s="12"/>
    </row>
    <row r="253749" spans="8:8">
      <c r="H253749" s="12"/>
    </row>
    <row r="253750" spans="8:8">
      <c r="H253750" s="12"/>
    </row>
    <row r="253751" spans="8:8">
      <c r="H253751" s="12"/>
    </row>
    <row r="253752" spans="8:8">
      <c r="H253752" s="12"/>
    </row>
    <row r="253753" spans="8:8">
      <c r="H253753" s="12"/>
    </row>
    <row r="253754" spans="8:8">
      <c r="H253754" s="12"/>
    </row>
    <row r="253755" spans="8:8">
      <c r="H253755" s="12"/>
    </row>
    <row r="253756" spans="8:8">
      <c r="H253756" s="12"/>
    </row>
    <row r="253757" spans="8:8">
      <c r="H253757" s="12"/>
    </row>
    <row r="253758" spans="8:8">
      <c r="H253758" s="12"/>
    </row>
    <row r="253759" spans="8:8">
      <c r="H253759" s="12"/>
    </row>
    <row r="253760" spans="8:8">
      <c r="H253760" s="12"/>
    </row>
    <row r="253761" spans="8:8">
      <c r="H253761" s="12"/>
    </row>
    <row r="253762" spans="8:8">
      <c r="H253762" s="12"/>
    </row>
    <row r="253763" spans="8:8">
      <c r="H253763" s="12"/>
    </row>
    <row r="253764" spans="8:8">
      <c r="H253764" s="12"/>
    </row>
    <row r="253765" spans="8:8">
      <c r="H253765" s="12"/>
    </row>
    <row r="253766" spans="8:8">
      <c r="H253766" s="12"/>
    </row>
    <row r="253767" spans="8:8">
      <c r="H253767" s="12"/>
    </row>
    <row r="253768" spans="8:8">
      <c r="H253768" s="12"/>
    </row>
    <row r="253769" spans="8:8">
      <c r="H253769" s="12"/>
    </row>
    <row r="253770" spans="8:8">
      <c r="H253770" s="12"/>
    </row>
    <row r="253771" spans="8:8">
      <c r="H253771" s="12"/>
    </row>
    <row r="253772" spans="8:8">
      <c r="H253772" s="12"/>
    </row>
    <row r="253773" spans="8:8">
      <c r="H253773" s="12"/>
    </row>
    <row r="253774" spans="8:8">
      <c r="H253774" s="12"/>
    </row>
    <row r="253775" spans="8:8">
      <c r="H253775" s="12"/>
    </row>
    <row r="253776" spans="8:8">
      <c r="H253776" s="12"/>
    </row>
    <row r="253777" spans="8:8">
      <c r="H253777" s="12"/>
    </row>
    <row r="253778" spans="8:8">
      <c r="H253778" s="12"/>
    </row>
    <row r="253779" spans="8:8">
      <c r="H253779" s="12"/>
    </row>
    <row r="253780" spans="8:8">
      <c r="H253780" s="12"/>
    </row>
    <row r="253781" spans="8:8">
      <c r="H253781" s="12"/>
    </row>
    <row r="253782" spans="8:8">
      <c r="H253782" s="12"/>
    </row>
    <row r="253783" spans="8:8">
      <c r="H253783" s="12"/>
    </row>
    <row r="253784" spans="8:8">
      <c r="H253784" s="12"/>
    </row>
    <row r="253785" spans="8:8">
      <c r="H253785" s="12"/>
    </row>
    <row r="253786" spans="8:8">
      <c r="H253786" s="12"/>
    </row>
    <row r="253787" spans="8:8">
      <c r="H253787" s="12"/>
    </row>
    <row r="253788" spans="8:8">
      <c r="H253788" s="12"/>
    </row>
    <row r="253789" spans="8:8">
      <c r="H253789" s="12"/>
    </row>
    <row r="253790" spans="8:8">
      <c r="H253790" s="12"/>
    </row>
    <row r="253791" spans="8:8">
      <c r="H253791" s="12"/>
    </row>
    <row r="253792" spans="8:8">
      <c r="H253792" s="12"/>
    </row>
    <row r="253793" spans="8:8">
      <c r="H253793" s="12"/>
    </row>
    <row r="253794" spans="8:8">
      <c r="H253794" s="12"/>
    </row>
    <row r="253795" spans="8:8">
      <c r="H253795" s="12"/>
    </row>
    <row r="253796" spans="8:8">
      <c r="H253796" s="12"/>
    </row>
    <row r="253797" spans="8:8">
      <c r="H253797" s="12"/>
    </row>
    <row r="253798" spans="8:8">
      <c r="H253798" s="12"/>
    </row>
    <row r="253799" spans="8:8">
      <c r="H253799" s="12"/>
    </row>
    <row r="253800" spans="8:8">
      <c r="H253800" s="12"/>
    </row>
    <row r="253801" spans="8:8">
      <c r="H253801" s="12"/>
    </row>
    <row r="253802" spans="8:8">
      <c r="H253802" s="12"/>
    </row>
    <row r="253803" spans="8:8">
      <c r="H253803" s="12"/>
    </row>
    <row r="253804" spans="8:8">
      <c r="H253804" s="12"/>
    </row>
    <row r="253805" spans="8:8">
      <c r="H253805" s="12"/>
    </row>
    <row r="253806" spans="8:8">
      <c r="H253806" s="12"/>
    </row>
    <row r="253807" spans="8:8">
      <c r="H253807" s="12"/>
    </row>
    <row r="253808" spans="8:8">
      <c r="H253808" s="12"/>
    </row>
    <row r="253809" spans="8:8">
      <c r="H253809" s="12"/>
    </row>
    <row r="253810" spans="8:8">
      <c r="H253810" s="12"/>
    </row>
    <row r="253811" spans="8:8">
      <c r="H253811" s="12"/>
    </row>
    <row r="253812" spans="8:8">
      <c r="H253812" s="12"/>
    </row>
    <row r="253813" spans="8:8">
      <c r="H253813" s="12"/>
    </row>
    <row r="253814" spans="8:8">
      <c r="H253814" s="12"/>
    </row>
    <row r="253815" spans="8:8">
      <c r="H253815" s="12"/>
    </row>
    <row r="253816" spans="8:8">
      <c r="H253816" s="12"/>
    </row>
    <row r="253817" spans="8:8">
      <c r="H253817" s="12"/>
    </row>
    <row r="253818" spans="8:8">
      <c r="H253818" s="12"/>
    </row>
    <row r="253819" spans="8:8">
      <c r="H253819" s="12"/>
    </row>
    <row r="253820" spans="8:8">
      <c r="H253820" s="12"/>
    </row>
    <row r="253821" spans="8:8">
      <c r="H253821" s="12"/>
    </row>
    <row r="253822" spans="8:8">
      <c r="H253822" s="12"/>
    </row>
    <row r="253823" spans="8:8">
      <c r="H253823" s="12"/>
    </row>
    <row r="253824" spans="8:8">
      <c r="H253824" s="12"/>
    </row>
    <row r="253825" spans="8:8">
      <c r="H253825" s="12"/>
    </row>
    <row r="253826" spans="8:8">
      <c r="H253826" s="12"/>
    </row>
    <row r="253827" spans="8:8">
      <c r="H253827" s="12"/>
    </row>
    <row r="253828" spans="8:8">
      <c r="H253828" s="12"/>
    </row>
    <row r="253829" spans="8:8">
      <c r="H253829" s="12"/>
    </row>
    <row r="253830" spans="8:8">
      <c r="H253830" s="12"/>
    </row>
    <row r="253831" spans="8:8">
      <c r="H253831" s="12"/>
    </row>
    <row r="253832" spans="8:8">
      <c r="H253832" s="12"/>
    </row>
    <row r="253833" spans="8:8">
      <c r="H253833" s="12"/>
    </row>
    <row r="253834" spans="8:8">
      <c r="H253834" s="12"/>
    </row>
    <row r="253835" spans="8:8">
      <c r="H253835" s="12"/>
    </row>
    <row r="253836" spans="8:8">
      <c r="H253836" s="12"/>
    </row>
    <row r="253837" spans="8:8">
      <c r="H253837" s="12"/>
    </row>
    <row r="253838" spans="8:8">
      <c r="H253838" s="12"/>
    </row>
    <row r="253839" spans="8:8">
      <c r="H253839" s="12"/>
    </row>
    <row r="253840" spans="8:8">
      <c r="H253840" s="12"/>
    </row>
    <row r="253841" spans="8:8">
      <c r="H253841" s="12"/>
    </row>
    <row r="253842" spans="8:8">
      <c r="H253842" s="12"/>
    </row>
    <row r="253843" spans="8:8">
      <c r="H253843" s="12"/>
    </row>
    <row r="253844" spans="8:8">
      <c r="H253844" s="12"/>
    </row>
    <row r="253845" spans="8:8">
      <c r="H253845" s="12"/>
    </row>
    <row r="253846" spans="8:8">
      <c r="H253846" s="12"/>
    </row>
    <row r="253847" spans="8:8">
      <c r="H253847" s="12"/>
    </row>
    <row r="253848" spans="8:8">
      <c r="H253848" s="12"/>
    </row>
    <row r="253849" spans="8:8">
      <c r="H253849" s="12"/>
    </row>
    <row r="253850" spans="8:8">
      <c r="H253850" s="12"/>
    </row>
    <row r="253851" spans="8:8">
      <c r="H253851" s="12"/>
    </row>
    <row r="253852" spans="8:8">
      <c r="H253852" s="12"/>
    </row>
    <row r="253853" spans="8:8">
      <c r="H253853" s="12"/>
    </row>
    <row r="253854" spans="8:8">
      <c r="H253854" s="12"/>
    </row>
    <row r="253855" spans="8:8">
      <c r="H253855" s="12"/>
    </row>
    <row r="253856" spans="8:8">
      <c r="H253856" s="12"/>
    </row>
    <row r="253857" spans="8:8">
      <c r="H253857" s="12"/>
    </row>
    <row r="253858" spans="8:8">
      <c r="H253858" s="12"/>
    </row>
    <row r="253859" spans="8:8">
      <c r="H253859" s="12"/>
    </row>
    <row r="253860" spans="8:8">
      <c r="H253860" s="12"/>
    </row>
    <row r="253861" spans="8:8">
      <c r="H253861" s="12"/>
    </row>
    <row r="253862" spans="8:8">
      <c r="H253862" s="12"/>
    </row>
    <row r="253863" spans="8:8">
      <c r="H253863" s="12"/>
    </row>
    <row r="253864" spans="8:8">
      <c r="H253864" s="12"/>
    </row>
    <row r="253865" spans="8:8">
      <c r="H253865" s="12"/>
    </row>
    <row r="253866" spans="8:8">
      <c r="H253866" s="12"/>
    </row>
    <row r="253867" spans="8:8">
      <c r="H253867" s="12"/>
    </row>
    <row r="253868" spans="8:8">
      <c r="H253868" s="12"/>
    </row>
    <row r="253869" spans="8:8">
      <c r="H253869" s="12"/>
    </row>
    <row r="253870" spans="8:8">
      <c r="H253870" s="12"/>
    </row>
    <row r="253871" spans="8:8">
      <c r="H253871" s="12"/>
    </row>
    <row r="253872" spans="8:8">
      <c r="H253872" s="12"/>
    </row>
    <row r="253873" spans="8:8">
      <c r="H253873" s="12"/>
    </row>
    <row r="253874" spans="8:8">
      <c r="H253874" s="12"/>
    </row>
    <row r="253875" spans="8:8">
      <c r="H253875" s="12"/>
    </row>
    <row r="253876" spans="8:8">
      <c r="H253876" s="12"/>
    </row>
    <row r="253877" spans="8:8">
      <c r="H253877" s="12"/>
    </row>
    <row r="253878" spans="8:8">
      <c r="H253878" s="12"/>
    </row>
    <row r="253879" spans="8:8">
      <c r="H253879" s="12"/>
    </row>
    <row r="253880" spans="8:8">
      <c r="H253880" s="12"/>
    </row>
    <row r="253881" spans="8:8">
      <c r="H253881" s="12"/>
    </row>
    <row r="253882" spans="8:8">
      <c r="H253882" s="12"/>
    </row>
    <row r="253883" spans="8:8">
      <c r="H253883" s="12"/>
    </row>
    <row r="253884" spans="8:8">
      <c r="H253884" s="12"/>
    </row>
    <row r="253885" spans="8:8">
      <c r="H253885" s="12"/>
    </row>
    <row r="253886" spans="8:8">
      <c r="H253886" s="12"/>
    </row>
    <row r="253887" spans="8:8">
      <c r="H253887" s="12"/>
    </row>
    <row r="253888" spans="8:8">
      <c r="H253888" s="12"/>
    </row>
    <row r="253889" spans="8:8">
      <c r="H253889" s="12"/>
    </row>
    <row r="253890" spans="8:8">
      <c r="H253890" s="12"/>
    </row>
    <row r="253891" spans="8:8">
      <c r="H253891" s="12"/>
    </row>
    <row r="253892" spans="8:8">
      <c r="H253892" s="12"/>
    </row>
    <row r="253893" spans="8:8">
      <c r="H253893" s="12"/>
    </row>
    <row r="253894" spans="8:8">
      <c r="H253894" s="12"/>
    </row>
    <row r="253895" spans="8:8">
      <c r="H253895" s="12"/>
    </row>
    <row r="253896" spans="8:8">
      <c r="H253896" s="12"/>
    </row>
    <row r="253897" spans="8:8">
      <c r="H253897" s="12"/>
    </row>
    <row r="253898" spans="8:8">
      <c r="H253898" s="12"/>
    </row>
    <row r="253899" spans="8:8">
      <c r="H253899" s="12"/>
    </row>
    <row r="253900" spans="8:8">
      <c r="H253900" s="12"/>
    </row>
    <row r="253901" spans="8:8">
      <c r="H253901" s="12"/>
    </row>
    <row r="253902" spans="8:8">
      <c r="H253902" s="12"/>
    </row>
    <row r="253903" spans="8:8">
      <c r="H253903" s="12"/>
    </row>
    <row r="253904" spans="8:8">
      <c r="H253904" s="12"/>
    </row>
    <row r="253905" spans="8:8">
      <c r="H253905" s="12"/>
    </row>
    <row r="253906" spans="8:8">
      <c r="H253906" s="12"/>
    </row>
    <row r="253907" spans="8:8">
      <c r="H253907" s="12"/>
    </row>
    <row r="253908" spans="8:8">
      <c r="H253908" s="12"/>
    </row>
    <row r="253909" spans="8:8">
      <c r="H253909" s="12"/>
    </row>
    <row r="253910" spans="8:8">
      <c r="H253910" s="12"/>
    </row>
    <row r="253911" spans="8:8">
      <c r="H253911" s="12"/>
    </row>
    <row r="253912" spans="8:8">
      <c r="H253912" s="12"/>
    </row>
    <row r="253913" spans="8:8">
      <c r="H253913" s="12"/>
    </row>
    <row r="253914" spans="8:8">
      <c r="H253914" s="12"/>
    </row>
    <row r="253915" spans="8:8">
      <c r="H253915" s="12"/>
    </row>
    <row r="253916" spans="8:8">
      <c r="H253916" s="12"/>
    </row>
    <row r="253917" spans="8:8">
      <c r="H253917" s="12"/>
    </row>
    <row r="253918" spans="8:8">
      <c r="H253918" s="12"/>
    </row>
    <row r="253919" spans="8:8">
      <c r="H253919" s="12"/>
    </row>
    <row r="253920" spans="8:8">
      <c r="H253920" s="12"/>
    </row>
    <row r="253921" spans="8:8">
      <c r="H253921" s="12"/>
    </row>
    <row r="253922" spans="8:8">
      <c r="H253922" s="12"/>
    </row>
    <row r="253923" spans="8:8">
      <c r="H253923" s="12"/>
    </row>
    <row r="253924" spans="8:8">
      <c r="H253924" s="12"/>
    </row>
    <row r="253925" spans="8:8">
      <c r="H253925" s="12"/>
    </row>
    <row r="253926" spans="8:8">
      <c r="H253926" s="12"/>
    </row>
    <row r="253927" spans="8:8">
      <c r="H253927" s="12"/>
    </row>
    <row r="253928" spans="8:8">
      <c r="H253928" s="12"/>
    </row>
    <row r="253929" spans="8:8">
      <c r="H253929" s="12"/>
    </row>
    <row r="253930" spans="8:8">
      <c r="H253930" s="12"/>
    </row>
    <row r="253931" spans="8:8">
      <c r="H253931" s="12"/>
    </row>
    <row r="253932" spans="8:8">
      <c r="H253932" s="12"/>
    </row>
    <row r="253933" spans="8:8">
      <c r="H253933" s="12"/>
    </row>
    <row r="253934" spans="8:8">
      <c r="H253934" s="12"/>
    </row>
    <row r="253935" spans="8:8">
      <c r="H253935" s="12"/>
    </row>
    <row r="253936" spans="8:8">
      <c r="H253936" s="12"/>
    </row>
    <row r="253937" spans="8:8">
      <c r="H253937" s="12"/>
    </row>
    <row r="253938" spans="8:8">
      <c r="H253938" s="12"/>
    </row>
    <row r="253939" spans="8:8">
      <c r="H253939" s="12"/>
    </row>
    <row r="253940" spans="8:8">
      <c r="H253940" s="12"/>
    </row>
    <row r="253941" spans="8:8">
      <c r="H253941" s="12"/>
    </row>
    <row r="253942" spans="8:8">
      <c r="H253942" s="12"/>
    </row>
    <row r="253943" spans="8:8">
      <c r="H253943" s="12"/>
    </row>
    <row r="253944" spans="8:8">
      <c r="H253944" s="12"/>
    </row>
    <row r="253945" spans="8:8">
      <c r="H253945" s="12"/>
    </row>
    <row r="253946" spans="8:8">
      <c r="H253946" s="12"/>
    </row>
    <row r="253947" spans="8:8">
      <c r="H253947" s="12"/>
    </row>
    <row r="253948" spans="8:8">
      <c r="H253948" s="12"/>
    </row>
    <row r="253949" spans="8:8">
      <c r="H253949" s="12"/>
    </row>
    <row r="253950" spans="8:8">
      <c r="H253950" s="12"/>
    </row>
    <row r="253951" spans="8:8">
      <c r="H253951" s="12"/>
    </row>
    <row r="253952" spans="8:8">
      <c r="H253952" s="12"/>
    </row>
    <row r="253953" spans="8:8">
      <c r="H253953" s="12"/>
    </row>
    <row r="253954" spans="8:8">
      <c r="H253954" s="12"/>
    </row>
    <row r="253955" spans="8:8">
      <c r="H253955" s="12"/>
    </row>
    <row r="253956" spans="8:8">
      <c r="H253956" s="12"/>
    </row>
    <row r="253957" spans="8:8">
      <c r="H253957" s="12"/>
    </row>
    <row r="253958" spans="8:8">
      <c r="H253958" s="12"/>
    </row>
    <row r="253959" spans="8:8">
      <c r="H253959" s="12"/>
    </row>
    <row r="253960" spans="8:8">
      <c r="H253960" s="12"/>
    </row>
    <row r="253961" spans="8:8">
      <c r="H253961" s="12"/>
    </row>
    <row r="253962" spans="8:8">
      <c r="H253962" s="12"/>
    </row>
    <row r="253963" spans="8:8">
      <c r="H253963" s="12"/>
    </row>
    <row r="253964" spans="8:8">
      <c r="H253964" s="12"/>
    </row>
    <row r="253965" spans="8:8">
      <c r="H253965" s="12"/>
    </row>
    <row r="253966" spans="8:8">
      <c r="H253966" s="12"/>
    </row>
    <row r="253967" spans="8:8">
      <c r="H253967" s="12"/>
    </row>
    <row r="253968" spans="8:8">
      <c r="H253968" s="12"/>
    </row>
    <row r="253969" spans="8:8">
      <c r="H253969" s="12"/>
    </row>
    <row r="253970" spans="8:8">
      <c r="H253970" s="12"/>
    </row>
    <row r="253971" spans="8:8">
      <c r="H253971" s="12"/>
    </row>
    <row r="253972" spans="8:8">
      <c r="H253972" s="12"/>
    </row>
    <row r="253973" spans="8:8">
      <c r="H253973" s="12"/>
    </row>
    <row r="253974" spans="8:8">
      <c r="H253974" s="12"/>
    </row>
    <row r="253975" spans="8:8">
      <c r="H253975" s="12"/>
    </row>
    <row r="253976" spans="8:8">
      <c r="H253976" s="12"/>
    </row>
    <row r="253977" spans="8:8">
      <c r="H253977" s="12"/>
    </row>
    <row r="253978" spans="8:8">
      <c r="H253978" s="12"/>
    </row>
    <row r="253979" spans="8:8">
      <c r="H253979" s="12"/>
    </row>
    <row r="253980" spans="8:8">
      <c r="H253980" s="12"/>
    </row>
    <row r="253981" spans="8:8">
      <c r="H253981" s="12"/>
    </row>
    <row r="253982" spans="8:8">
      <c r="H253982" s="12"/>
    </row>
    <row r="253983" spans="8:8">
      <c r="H253983" s="12"/>
    </row>
    <row r="253984" spans="8:8">
      <c r="H253984" s="12"/>
    </row>
    <row r="253985" spans="8:8">
      <c r="H253985" s="12"/>
    </row>
    <row r="253986" spans="8:8">
      <c r="H253986" s="12"/>
    </row>
    <row r="253987" spans="8:8">
      <c r="H253987" s="12"/>
    </row>
    <row r="253988" spans="8:8">
      <c r="H253988" s="12"/>
    </row>
    <row r="253989" spans="8:8">
      <c r="H253989" s="12"/>
    </row>
    <row r="253990" spans="8:8">
      <c r="H253990" s="12"/>
    </row>
    <row r="253991" spans="8:8">
      <c r="H253991" s="12"/>
    </row>
    <row r="253992" spans="8:8">
      <c r="H253992" s="12"/>
    </row>
    <row r="253993" spans="8:8">
      <c r="H253993" s="12"/>
    </row>
    <row r="253994" spans="8:8">
      <c r="H253994" s="12"/>
    </row>
    <row r="253995" spans="8:8">
      <c r="H253995" s="12"/>
    </row>
    <row r="253996" spans="8:8">
      <c r="H253996" s="12"/>
    </row>
    <row r="253997" spans="8:8">
      <c r="H253997" s="12"/>
    </row>
    <row r="253998" spans="8:8">
      <c r="H253998" s="12"/>
    </row>
    <row r="253999" spans="8:8">
      <c r="H253999" s="12"/>
    </row>
    <row r="254000" spans="8:8">
      <c r="H254000" s="12"/>
    </row>
    <row r="254001" spans="8:8">
      <c r="H254001" s="12"/>
    </row>
    <row r="254002" spans="8:8">
      <c r="H254002" s="12"/>
    </row>
    <row r="254003" spans="8:8">
      <c r="H254003" s="12"/>
    </row>
    <row r="254004" spans="8:8">
      <c r="H254004" s="12"/>
    </row>
    <row r="254005" spans="8:8">
      <c r="H254005" s="12"/>
    </row>
    <row r="254006" spans="8:8">
      <c r="H254006" s="12"/>
    </row>
    <row r="254007" spans="8:8">
      <c r="H254007" s="12"/>
    </row>
    <row r="254008" spans="8:8">
      <c r="H254008" s="12"/>
    </row>
    <row r="254009" spans="8:8">
      <c r="H254009" s="12"/>
    </row>
    <row r="254010" spans="8:8">
      <c r="H254010" s="12"/>
    </row>
    <row r="254011" spans="8:8">
      <c r="H254011" s="12"/>
    </row>
    <row r="254012" spans="8:8">
      <c r="H254012" s="12"/>
    </row>
    <row r="254013" spans="8:8">
      <c r="H254013" s="12"/>
    </row>
    <row r="254014" spans="8:8">
      <c r="H254014" s="12"/>
    </row>
    <row r="254015" spans="8:8">
      <c r="H254015" s="12"/>
    </row>
    <row r="254016" spans="8:8">
      <c r="H254016" s="12"/>
    </row>
    <row r="254017" spans="8:8">
      <c r="H254017" s="12"/>
    </row>
    <row r="254018" spans="8:8">
      <c r="H254018" s="12"/>
    </row>
    <row r="254019" spans="8:8">
      <c r="H254019" s="12"/>
    </row>
    <row r="254020" spans="8:8">
      <c r="H254020" s="12"/>
    </row>
    <row r="254021" spans="8:8">
      <c r="H254021" s="12"/>
    </row>
    <row r="254022" spans="8:8">
      <c r="H254022" s="12"/>
    </row>
    <row r="254023" spans="8:8">
      <c r="H254023" s="12"/>
    </row>
    <row r="254024" spans="8:8">
      <c r="H254024" s="12"/>
    </row>
    <row r="254025" spans="8:8">
      <c r="H254025" s="12"/>
    </row>
    <row r="254026" spans="8:8">
      <c r="H254026" s="12"/>
    </row>
    <row r="254027" spans="8:8">
      <c r="H254027" s="12"/>
    </row>
    <row r="254028" spans="8:8">
      <c r="H254028" s="12"/>
    </row>
    <row r="254029" spans="8:8">
      <c r="H254029" s="12"/>
    </row>
    <row r="254030" spans="8:8">
      <c r="H254030" s="12"/>
    </row>
    <row r="254031" spans="8:8">
      <c r="H254031" s="12"/>
    </row>
    <row r="254032" spans="8:8">
      <c r="H254032" s="12"/>
    </row>
    <row r="254033" spans="8:8">
      <c r="H254033" s="12"/>
    </row>
    <row r="254034" spans="8:8">
      <c r="H254034" s="12"/>
    </row>
    <row r="254035" spans="8:8">
      <c r="H254035" s="12"/>
    </row>
    <row r="254036" spans="8:8">
      <c r="H254036" s="12"/>
    </row>
    <row r="254037" spans="8:8">
      <c r="H254037" s="12"/>
    </row>
    <row r="254038" spans="8:8">
      <c r="H254038" s="12"/>
    </row>
    <row r="254039" spans="8:8">
      <c r="H254039" s="12"/>
    </row>
    <row r="254040" spans="8:8">
      <c r="H254040" s="12"/>
    </row>
    <row r="254041" spans="8:8">
      <c r="H254041" s="12"/>
    </row>
    <row r="254042" spans="8:8">
      <c r="H254042" s="12"/>
    </row>
    <row r="254043" spans="8:8">
      <c r="H254043" s="12"/>
    </row>
    <row r="254044" spans="8:8">
      <c r="H254044" s="12"/>
    </row>
    <row r="254045" spans="8:8">
      <c r="H254045" s="12"/>
    </row>
    <row r="254046" spans="8:8">
      <c r="H254046" s="12"/>
    </row>
    <row r="254047" spans="8:8">
      <c r="H254047" s="12"/>
    </row>
    <row r="254048" spans="8:8">
      <c r="H254048" s="12"/>
    </row>
    <row r="254049" spans="8:8">
      <c r="H254049" s="12"/>
    </row>
    <row r="254050" spans="8:8">
      <c r="H254050" s="12"/>
    </row>
    <row r="254051" spans="8:8">
      <c r="H254051" s="12"/>
    </row>
    <row r="254052" spans="8:8">
      <c r="H254052" s="12"/>
    </row>
    <row r="254053" spans="8:8">
      <c r="H254053" s="12"/>
    </row>
    <row r="254054" spans="8:8">
      <c r="H254054" s="12"/>
    </row>
    <row r="254055" spans="8:8">
      <c r="H254055" s="12"/>
    </row>
    <row r="254056" spans="8:8">
      <c r="H254056" s="12"/>
    </row>
    <row r="254057" spans="8:8">
      <c r="H254057" s="12"/>
    </row>
    <row r="254058" spans="8:8">
      <c r="H254058" s="12"/>
    </row>
    <row r="254059" spans="8:8">
      <c r="H254059" s="12"/>
    </row>
    <row r="254060" spans="8:8">
      <c r="H254060" s="12"/>
    </row>
    <row r="254061" spans="8:8">
      <c r="H254061" s="12"/>
    </row>
    <row r="254062" spans="8:8">
      <c r="H254062" s="12"/>
    </row>
    <row r="254063" spans="8:8">
      <c r="H254063" s="12"/>
    </row>
    <row r="254064" spans="8:8">
      <c r="H254064" s="12"/>
    </row>
    <row r="254065" spans="8:8">
      <c r="H254065" s="12"/>
    </row>
    <row r="254066" spans="8:8">
      <c r="H254066" s="12"/>
    </row>
    <row r="254067" spans="8:8">
      <c r="H254067" s="12"/>
    </row>
    <row r="254068" spans="8:8">
      <c r="H254068" s="12"/>
    </row>
    <row r="254069" spans="8:8">
      <c r="H254069" s="12"/>
    </row>
    <row r="254070" spans="8:8">
      <c r="H254070" s="12"/>
    </row>
    <row r="254071" spans="8:8">
      <c r="H254071" s="12"/>
    </row>
    <row r="254072" spans="8:8">
      <c r="H254072" s="12"/>
    </row>
    <row r="254073" spans="8:8">
      <c r="H254073" s="12"/>
    </row>
    <row r="254074" spans="8:8">
      <c r="H254074" s="12"/>
    </row>
    <row r="254075" spans="8:8">
      <c r="H254075" s="12"/>
    </row>
    <row r="254076" spans="8:8">
      <c r="H254076" s="12"/>
    </row>
    <row r="254077" spans="8:8">
      <c r="H254077" s="12"/>
    </row>
    <row r="254078" spans="8:8">
      <c r="H254078" s="12"/>
    </row>
    <row r="254079" spans="8:8">
      <c r="H254079" s="12"/>
    </row>
    <row r="254080" spans="8:8">
      <c r="H254080" s="12"/>
    </row>
    <row r="254081" spans="8:8">
      <c r="H254081" s="12"/>
    </row>
    <row r="254082" spans="8:8">
      <c r="H254082" s="12"/>
    </row>
    <row r="254083" spans="8:8">
      <c r="H254083" s="12"/>
    </row>
    <row r="254084" spans="8:8">
      <c r="H254084" s="12"/>
    </row>
    <row r="254085" spans="8:8">
      <c r="H254085" s="12"/>
    </row>
    <row r="254086" spans="8:8">
      <c r="H254086" s="12"/>
    </row>
    <row r="254087" spans="8:8">
      <c r="H254087" s="12"/>
    </row>
    <row r="254088" spans="8:8">
      <c r="H254088" s="12"/>
    </row>
    <row r="254089" spans="8:8">
      <c r="H254089" s="12"/>
    </row>
    <row r="254090" spans="8:8">
      <c r="H254090" s="12"/>
    </row>
    <row r="254091" spans="8:8">
      <c r="H254091" s="12"/>
    </row>
    <row r="254092" spans="8:8">
      <c r="H254092" s="12"/>
    </row>
    <row r="254093" spans="8:8">
      <c r="H254093" s="12"/>
    </row>
    <row r="254094" spans="8:8">
      <c r="H254094" s="12"/>
    </row>
    <row r="254095" spans="8:8">
      <c r="H254095" s="12"/>
    </row>
    <row r="254096" spans="8:8">
      <c r="H254096" s="12"/>
    </row>
    <row r="254097" spans="8:8">
      <c r="H254097" s="12"/>
    </row>
    <row r="254098" spans="8:8">
      <c r="H254098" s="12"/>
    </row>
    <row r="254099" spans="8:8">
      <c r="H254099" s="12"/>
    </row>
    <row r="254100" spans="8:8">
      <c r="H254100" s="12"/>
    </row>
    <row r="254101" spans="8:8">
      <c r="H254101" s="12"/>
    </row>
    <row r="254102" spans="8:8">
      <c r="H254102" s="12"/>
    </row>
    <row r="254103" spans="8:8">
      <c r="H254103" s="12"/>
    </row>
    <row r="254104" spans="8:8">
      <c r="H254104" s="12"/>
    </row>
    <row r="254105" spans="8:8">
      <c r="H254105" s="12"/>
    </row>
    <row r="254106" spans="8:8">
      <c r="H254106" s="12"/>
    </row>
    <row r="254107" spans="8:8">
      <c r="H254107" s="12"/>
    </row>
    <row r="254108" spans="8:8">
      <c r="H254108" s="12"/>
    </row>
    <row r="254109" spans="8:8">
      <c r="H254109" s="12"/>
    </row>
    <row r="254110" spans="8:8">
      <c r="H254110" s="12"/>
    </row>
    <row r="254111" spans="8:8">
      <c r="H254111" s="12"/>
    </row>
    <row r="254112" spans="8:8">
      <c r="H254112" s="12"/>
    </row>
    <row r="254113" spans="8:8">
      <c r="H254113" s="12"/>
    </row>
    <row r="254114" spans="8:8">
      <c r="H254114" s="12"/>
    </row>
    <row r="254115" spans="8:8">
      <c r="H254115" s="12"/>
    </row>
    <row r="254116" spans="8:8">
      <c r="H254116" s="12"/>
    </row>
    <row r="254117" spans="8:8">
      <c r="H254117" s="12"/>
    </row>
    <row r="254118" spans="8:8">
      <c r="H254118" s="12"/>
    </row>
    <row r="254119" spans="8:8">
      <c r="H254119" s="12"/>
    </row>
    <row r="254120" spans="8:8">
      <c r="H254120" s="12"/>
    </row>
    <row r="254121" spans="8:8">
      <c r="H254121" s="12"/>
    </row>
    <row r="254122" spans="8:8">
      <c r="H254122" s="12"/>
    </row>
    <row r="254123" spans="8:8">
      <c r="H254123" s="12"/>
    </row>
    <row r="254124" spans="8:8">
      <c r="H254124" s="12"/>
    </row>
    <row r="254125" spans="8:8">
      <c r="H254125" s="12"/>
    </row>
    <row r="254126" spans="8:8">
      <c r="H254126" s="12"/>
    </row>
    <row r="254127" spans="8:8">
      <c r="H254127" s="12"/>
    </row>
    <row r="254128" spans="8:8">
      <c r="H254128" s="12"/>
    </row>
    <row r="254129" spans="8:8">
      <c r="H254129" s="12"/>
    </row>
    <row r="254130" spans="8:8">
      <c r="H254130" s="12"/>
    </row>
    <row r="254131" spans="8:8">
      <c r="H254131" s="12"/>
    </row>
    <row r="254132" spans="8:8">
      <c r="H254132" s="12"/>
    </row>
    <row r="254133" spans="8:8">
      <c r="H254133" s="12"/>
    </row>
    <row r="254134" spans="8:8">
      <c r="H254134" s="12"/>
    </row>
    <row r="254135" spans="8:8">
      <c r="H254135" s="12"/>
    </row>
    <row r="254136" spans="8:8">
      <c r="H254136" s="12"/>
    </row>
    <row r="254137" spans="8:8">
      <c r="H254137" s="12"/>
    </row>
    <row r="254138" spans="8:8">
      <c r="H254138" s="12"/>
    </row>
    <row r="254139" spans="8:8">
      <c r="H254139" s="12"/>
    </row>
    <row r="254140" spans="8:8">
      <c r="H254140" s="12"/>
    </row>
    <row r="254141" spans="8:8">
      <c r="H254141" s="12"/>
    </row>
    <row r="254142" spans="8:8">
      <c r="H254142" s="12"/>
    </row>
    <row r="254143" spans="8:8">
      <c r="H254143" s="12"/>
    </row>
    <row r="254144" spans="8:8">
      <c r="H254144" s="12"/>
    </row>
    <row r="254145" spans="8:8">
      <c r="H254145" s="12"/>
    </row>
    <row r="254146" spans="8:8">
      <c r="H254146" s="12"/>
    </row>
    <row r="254147" spans="8:8">
      <c r="H254147" s="12"/>
    </row>
    <row r="254148" spans="8:8">
      <c r="H254148" s="12"/>
    </row>
    <row r="254149" spans="8:8">
      <c r="H254149" s="12"/>
    </row>
    <row r="254150" spans="8:8">
      <c r="H254150" s="12"/>
    </row>
    <row r="254151" spans="8:8">
      <c r="H254151" s="12"/>
    </row>
    <row r="254152" spans="8:8">
      <c r="H254152" s="12"/>
    </row>
    <row r="254153" spans="8:8">
      <c r="H254153" s="12"/>
    </row>
    <row r="254154" spans="8:8">
      <c r="H254154" s="12"/>
    </row>
    <row r="254155" spans="8:8">
      <c r="H254155" s="12"/>
    </row>
    <row r="254156" spans="8:8">
      <c r="H254156" s="12"/>
    </row>
    <row r="254157" spans="8:8">
      <c r="H254157" s="12"/>
    </row>
    <row r="254158" spans="8:8">
      <c r="H254158" s="12"/>
    </row>
    <row r="254159" spans="8:8">
      <c r="H254159" s="12"/>
    </row>
    <row r="254160" spans="8:8">
      <c r="H254160" s="12"/>
    </row>
    <row r="254161" spans="8:8">
      <c r="H254161" s="12"/>
    </row>
    <row r="254162" spans="8:8">
      <c r="H254162" s="12"/>
    </row>
    <row r="254163" spans="8:8">
      <c r="H254163" s="12"/>
    </row>
    <row r="254164" spans="8:8">
      <c r="H254164" s="12"/>
    </row>
    <row r="254165" spans="8:8">
      <c r="H254165" s="12"/>
    </row>
    <row r="254166" spans="8:8">
      <c r="H254166" s="12"/>
    </row>
    <row r="254167" spans="8:8">
      <c r="H254167" s="12"/>
    </row>
    <row r="254168" spans="8:8">
      <c r="H254168" s="12"/>
    </row>
    <row r="254169" spans="8:8">
      <c r="H254169" s="12"/>
    </row>
    <row r="254170" spans="8:8">
      <c r="H254170" s="12"/>
    </row>
    <row r="254171" spans="8:8">
      <c r="H254171" s="12"/>
    </row>
    <row r="254172" spans="8:8">
      <c r="H254172" s="12"/>
    </row>
    <row r="254173" spans="8:8">
      <c r="H254173" s="12"/>
    </row>
    <row r="254174" spans="8:8">
      <c r="H254174" s="12"/>
    </row>
    <row r="254175" spans="8:8">
      <c r="H254175" s="12"/>
    </row>
    <row r="254176" spans="8:8">
      <c r="H254176" s="12"/>
    </row>
    <row r="254177" spans="8:8">
      <c r="H254177" s="12"/>
    </row>
    <row r="254178" spans="8:8">
      <c r="H254178" s="12"/>
    </row>
    <row r="254179" spans="8:8">
      <c r="H254179" s="12"/>
    </row>
    <row r="254180" spans="8:8">
      <c r="H254180" s="12"/>
    </row>
    <row r="254181" spans="8:8">
      <c r="H254181" s="12"/>
    </row>
    <row r="254182" spans="8:8">
      <c r="H254182" s="12"/>
    </row>
    <row r="254183" spans="8:8">
      <c r="H254183" s="12"/>
    </row>
    <row r="254184" spans="8:8">
      <c r="H254184" s="12"/>
    </row>
    <row r="254185" spans="8:8">
      <c r="H254185" s="12"/>
    </row>
    <row r="254186" spans="8:8">
      <c r="H254186" s="12"/>
    </row>
    <row r="254187" spans="8:8">
      <c r="H254187" s="12"/>
    </row>
    <row r="254188" spans="8:8">
      <c r="H254188" s="12"/>
    </row>
    <row r="254189" spans="8:8">
      <c r="H254189" s="12"/>
    </row>
    <row r="254190" spans="8:8">
      <c r="H254190" s="12"/>
    </row>
    <row r="254191" spans="8:8">
      <c r="H254191" s="12"/>
    </row>
    <row r="254192" spans="8:8">
      <c r="H254192" s="12"/>
    </row>
    <row r="254193" spans="8:8">
      <c r="H254193" s="12"/>
    </row>
    <row r="254194" spans="8:8">
      <c r="H254194" s="12"/>
    </row>
    <row r="254195" spans="8:8">
      <c r="H254195" s="12"/>
    </row>
    <row r="254196" spans="8:8">
      <c r="H254196" s="12"/>
    </row>
    <row r="254197" spans="8:8">
      <c r="H254197" s="12"/>
    </row>
    <row r="254198" spans="8:8">
      <c r="H254198" s="12"/>
    </row>
    <row r="254199" spans="8:8">
      <c r="H254199" s="12"/>
    </row>
    <row r="254200" spans="8:8">
      <c r="H254200" s="12"/>
    </row>
    <row r="254201" spans="8:8">
      <c r="H254201" s="12"/>
    </row>
    <row r="254202" spans="8:8">
      <c r="H254202" s="12"/>
    </row>
    <row r="254203" spans="8:8">
      <c r="H254203" s="12"/>
    </row>
    <row r="254204" spans="8:8">
      <c r="H254204" s="12"/>
    </row>
    <row r="254205" spans="8:8">
      <c r="H254205" s="12"/>
    </row>
    <row r="254206" spans="8:8">
      <c r="H254206" s="12"/>
    </row>
    <row r="254207" spans="8:8">
      <c r="H254207" s="12"/>
    </row>
    <row r="254208" spans="8:8">
      <c r="H254208" s="12"/>
    </row>
    <row r="254209" spans="8:8">
      <c r="H254209" s="12"/>
    </row>
    <row r="254210" spans="8:8">
      <c r="H254210" s="12"/>
    </row>
    <row r="254211" spans="8:8">
      <c r="H254211" s="12"/>
    </row>
    <row r="254212" spans="8:8">
      <c r="H254212" s="12"/>
    </row>
    <row r="254213" spans="8:8">
      <c r="H254213" s="12"/>
    </row>
    <row r="254214" spans="8:8">
      <c r="H254214" s="12"/>
    </row>
    <row r="254215" spans="8:8">
      <c r="H254215" s="12"/>
    </row>
    <row r="254216" spans="8:8">
      <c r="H254216" s="12"/>
    </row>
    <row r="254217" spans="8:8">
      <c r="H254217" s="12"/>
    </row>
    <row r="254218" spans="8:8">
      <c r="H254218" s="12"/>
    </row>
    <row r="254219" spans="8:8">
      <c r="H254219" s="12"/>
    </row>
    <row r="254220" spans="8:8">
      <c r="H254220" s="12"/>
    </row>
    <row r="254221" spans="8:8">
      <c r="H254221" s="12"/>
    </row>
    <row r="254222" spans="8:8">
      <c r="H254222" s="12"/>
    </row>
    <row r="254223" spans="8:8">
      <c r="H254223" s="12"/>
    </row>
    <row r="254224" spans="8:8">
      <c r="H254224" s="12"/>
    </row>
    <row r="254225" spans="8:8">
      <c r="H254225" s="12"/>
    </row>
    <row r="254226" spans="8:8">
      <c r="H254226" s="12"/>
    </row>
    <row r="254227" spans="8:8">
      <c r="H254227" s="12"/>
    </row>
    <row r="254228" spans="8:8">
      <c r="H254228" s="12"/>
    </row>
    <row r="254229" spans="8:8">
      <c r="H254229" s="12"/>
    </row>
    <row r="254230" spans="8:8">
      <c r="H254230" s="12"/>
    </row>
    <row r="254231" spans="8:8">
      <c r="H254231" s="12"/>
    </row>
    <row r="254232" spans="8:8">
      <c r="H254232" s="12"/>
    </row>
    <row r="254233" spans="8:8">
      <c r="H254233" s="12"/>
    </row>
    <row r="254234" spans="8:8">
      <c r="H254234" s="12"/>
    </row>
    <row r="254235" spans="8:8">
      <c r="H254235" s="12"/>
    </row>
    <row r="254236" spans="8:8">
      <c r="H254236" s="12"/>
    </row>
    <row r="254237" spans="8:8">
      <c r="H254237" s="12"/>
    </row>
    <row r="254238" spans="8:8">
      <c r="H254238" s="12"/>
    </row>
    <row r="254239" spans="8:8">
      <c r="H254239" s="12"/>
    </row>
    <row r="254240" spans="8:8">
      <c r="H254240" s="12"/>
    </row>
    <row r="254241" spans="8:8">
      <c r="H254241" s="12"/>
    </row>
    <row r="254242" spans="8:8">
      <c r="H254242" s="12"/>
    </row>
    <row r="254243" spans="8:8">
      <c r="H254243" s="12"/>
    </row>
    <row r="254244" spans="8:8">
      <c r="H254244" s="12"/>
    </row>
    <row r="254245" spans="8:8">
      <c r="H254245" s="12"/>
    </row>
    <row r="254246" spans="8:8">
      <c r="H254246" s="12"/>
    </row>
    <row r="254247" spans="8:8">
      <c r="H254247" s="12"/>
    </row>
    <row r="254248" spans="8:8">
      <c r="H254248" s="12"/>
    </row>
    <row r="254249" spans="8:8">
      <c r="H254249" s="12"/>
    </row>
    <row r="254250" spans="8:8">
      <c r="H254250" s="12"/>
    </row>
    <row r="254251" spans="8:8">
      <c r="H254251" s="12"/>
    </row>
    <row r="254252" spans="8:8">
      <c r="H254252" s="12"/>
    </row>
    <row r="254253" spans="8:8">
      <c r="H254253" s="12"/>
    </row>
    <row r="254254" spans="8:8">
      <c r="H254254" s="12"/>
    </row>
    <row r="254255" spans="8:8">
      <c r="H254255" s="12"/>
    </row>
    <row r="254256" spans="8:8">
      <c r="H254256" s="12"/>
    </row>
    <row r="254257" spans="8:8">
      <c r="H254257" s="12"/>
    </row>
    <row r="254258" spans="8:8">
      <c r="H254258" s="12"/>
    </row>
    <row r="254259" spans="8:8">
      <c r="H254259" s="12"/>
    </row>
    <row r="254260" spans="8:8">
      <c r="H254260" s="12"/>
    </row>
    <row r="254261" spans="8:8">
      <c r="H254261" s="12"/>
    </row>
    <row r="254262" spans="8:8">
      <c r="H254262" s="12"/>
    </row>
    <row r="254263" spans="8:8">
      <c r="H254263" s="12"/>
    </row>
    <row r="254264" spans="8:8">
      <c r="H254264" s="12"/>
    </row>
    <row r="254265" spans="8:8">
      <c r="H254265" s="12"/>
    </row>
    <row r="254266" spans="8:8">
      <c r="H254266" s="12"/>
    </row>
    <row r="254267" spans="8:8">
      <c r="H254267" s="12"/>
    </row>
    <row r="254268" spans="8:8">
      <c r="H254268" s="12"/>
    </row>
    <row r="254269" spans="8:8">
      <c r="H254269" s="12"/>
    </row>
    <row r="254270" spans="8:8">
      <c r="H254270" s="12"/>
    </row>
    <row r="254271" spans="8:8">
      <c r="H254271" s="12"/>
    </row>
    <row r="254272" spans="8:8">
      <c r="H254272" s="12"/>
    </row>
    <row r="254273" spans="8:8">
      <c r="H254273" s="12"/>
    </row>
    <row r="254274" spans="8:8">
      <c r="H254274" s="12"/>
    </row>
    <row r="254275" spans="8:8">
      <c r="H254275" s="12"/>
    </row>
    <row r="254276" spans="8:8">
      <c r="H254276" s="12"/>
    </row>
    <row r="254277" spans="8:8">
      <c r="H254277" s="12"/>
    </row>
    <row r="254278" spans="8:8">
      <c r="H254278" s="12"/>
    </row>
    <row r="254279" spans="8:8">
      <c r="H254279" s="12"/>
    </row>
    <row r="254280" spans="8:8">
      <c r="H254280" s="12"/>
    </row>
    <row r="254281" spans="8:8">
      <c r="H254281" s="12"/>
    </row>
    <row r="254282" spans="8:8">
      <c r="H254282" s="12"/>
    </row>
    <row r="254283" spans="8:8">
      <c r="H254283" s="12"/>
    </row>
    <row r="254284" spans="8:8">
      <c r="H254284" s="12"/>
    </row>
    <row r="254285" spans="8:8">
      <c r="H254285" s="12"/>
    </row>
    <row r="254286" spans="8:8">
      <c r="H254286" s="12"/>
    </row>
    <row r="254287" spans="8:8">
      <c r="H254287" s="12"/>
    </row>
    <row r="254288" spans="8:8">
      <c r="H254288" s="12"/>
    </row>
    <row r="254289" spans="8:8">
      <c r="H254289" s="12"/>
    </row>
    <row r="254290" spans="8:8">
      <c r="H254290" s="12"/>
    </row>
    <row r="254291" spans="8:8">
      <c r="H254291" s="12"/>
    </row>
    <row r="254292" spans="8:8">
      <c r="H254292" s="12"/>
    </row>
    <row r="254293" spans="8:8">
      <c r="H254293" s="12"/>
    </row>
    <row r="254294" spans="8:8">
      <c r="H254294" s="12"/>
    </row>
    <row r="254295" spans="8:8">
      <c r="H254295" s="12"/>
    </row>
    <row r="254296" spans="8:8">
      <c r="H254296" s="12"/>
    </row>
    <row r="254297" spans="8:8">
      <c r="H254297" s="12"/>
    </row>
    <row r="254298" spans="8:8">
      <c r="H254298" s="12"/>
    </row>
    <row r="254299" spans="8:8">
      <c r="H254299" s="12"/>
    </row>
    <row r="254300" spans="8:8">
      <c r="H254300" s="12"/>
    </row>
    <row r="254301" spans="8:8">
      <c r="H254301" s="12"/>
    </row>
    <row r="254302" spans="8:8">
      <c r="H254302" s="12"/>
    </row>
    <row r="254303" spans="8:8">
      <c r="H254303" s="12"/>
    </row>
    <row r="254304" spans="8:8">
      <c r="H254304" s="12"/>
    </row>
    <row r="254305" spans="8:8">
      <c r="H254305" s="12"/>
    </row>
    <row r="254306" spans="8:8">
      <c r="H254306" s="12"/>
    </row>
    <row r="254307" spans="8:8">
      <c r="H254307" s="12"/>
    </row>
    <row r="254308" spans="8:8">
      <c r="H254308" s="12"/>
    </row>
    <row r="254309" spans="8:8">
      <c r="H254309" s="12"/>
    </row>
    <row r="254310" spans="8:8">
      <c r="H254310" s="12"/>
    </row>
    <row r="254311" spans="8:8">
      <c r="H254311" s="12"/>
    </row>
    <row r="254312" spans="8:8">
      <c r="H254312" s="12"/>
    </row>
    <row r="254313" spans="8:8">
      <c r="H254313" s="12"/>
    </row>
    <row r="254314" spans="8:8">
      <c r="H254314" s="12"/>
    </row>
    <row r="254315" spans="8:8">
      <c r="H254315" s="12"/>
    </row>
    <row r="254316" spans="8:8">
      <c r="H254316" s="12"/>
    </row>
    <row r="254317" spans="8:8">
      <c r="H254317" s="12"/>
    </row>
    <row r="254318" spans="8:8">
      <c r="H254318" s="12"/>
    </row>
    <row r="254319" spans="8:8">
      <c r="H254319" s="12"/>
    </row>
    <row r="254320" spans="8:8">
      <c r="H254320" s="12"/>
    </row>
    <row r="254321" spans="8:8">
      <c r="H254321" s="12"/>
    </row>
    <row r="254322" spans="8:8">
      <c r="H254322" s="12"/>
    </row>
    <row r="254323" spans="8:8">
      <c r="H254323" s="12"/>
    </row>
    <row r="254324" spans="8:8">
      <c r="H254324" s="12"/>
    </row>
    <row r="254325" spans="8:8">
      <c r="H254325" s="12"/>
    </row>
    <row r="254326" spans="8:8">
      <c r="H254326" s="12"/>
    </row>
    <row r="254327" spans="8:8">
      <c r="H254327" s="12"/>
    </row>
    <row r="254328" spans="8:8">
      <c r="H254328" s="12"/>
    </row>
    <row r="254329" spans="8:8">
      <c r="H254329" s="12"/>
    </row>
    <row r="254330" spans="8:8">
      <c r="H254330" s="12"/>
    </row>
    <row r="254331" spans="8:8">
      <c r="H254331" s="12"/>
    </row>
    <row r="254332" spans="8:8">
      <c r="H254332" s="12"/>
    </row>
    <row r="254333" spans="8:8">
      <c r="H254333" s="12"/>
    </row>
    <row r="254334" spans="8:8">
      <c r="H254334" s="12"/>
    </row>
    <row r="254335" spans="8:8">
      <c r="H254335" s="12"/>
    </row>
    <row r="254336" spans="8:8">
      <c r="H254336" s="12"/>
    </row>
    <row r="254337" spans="8:8">
      <c r="H254337" s="12"/>
    </row>
    <row r="254338" spans="8:8">
      <c r="H254338" s="12"/>
    </row>
    <row r="254339" spans="8:8">
      <c r="H254339" s="12"/>
    </row>
    <row r="254340" spans="8:8">
      <c r="H254340" s="12"/>
    </row>
    <row r="254341" spans="8:8">
      <c r="H254341" s="12"/>
    </row>
    <row r="254342" spans="8:8">
      <c r="H254342" s="12"/>
    </row>
    <row r="254343" spans="8:8">
      <c r="H254343" s="12"/>
    </row>
    <row r="254344" spans="8:8">
      <c r="H254344" s="12"/>
    </row>
    <row r="254345" spans="8:8">
      <c r="H254345" s="12"/>
    </row>
    <row r="254346" spans="8:8">
      <c r="H254346" s="12"/>
    </row>
    <row r="254347" spans="8:8">
      <c r="H254347" s="12"/>
    </row>
    <row r="254348" spans="8:8">
      <c r="H254348" s="12"/>
    </row>
    <row r="254349" spans="8:8">
      <c r="H254349" s="12"/>
    </row>
    <row r="254350" spans="8:8">
      <c r="H254350" s="12"/>
    </row>
    <row r="254351" spans="8:8">
      <c r="H254351" s="12"/>
    </row>
    <row r="254352" spans="8:8">
      <c r="H254352" s="12"/>
    </row>
    <row r="254353" spans="8:8">
      <c r="H254353" s="12"/>
    </row>
    <row r="254354" spans="8:8">
      <c r="H254354" s="12"/>
    </row>
    <row r="254355" spans="8:8">
      <c r="H254355" s="12"/>
    </row>
    <row r="254356" spans="8:8">
      <c r="H254356" s="12"/>
    </row>
    <row r="254357" spans="8:8">
      <c r="H254357" s="12"/>
    </row>
    <row r="254358" spans="8:8">
      <c r="H254358" s="12"/>
    </row>
    <row r="254359" spans="8:8">
      <c r="H254359" s="12"/>
    </row>
    <row r="254360" spans="8:8">
      <c r="H254360" s="12"/>
    </row>
    <row r="254361" spans="8:8">
      <c r="H254361" s="12"/>
    </row>
    <row r="254362" spans="8:8">
      <c r="H254362" s="12"/>
    </row>
    <row r="254363" spans="8:8">
      <c r="H254363" s="12"/>
    </row>
    <row r="254364" spans="8:8">
      <c r="H254364" s="12"/>
    </row>
    <row r="254365" spans="8:8">
      <c r="H254365" s="12"/>
    </row>
    <row r="254366" spans="8:8">
      <c r="H254366" s="12"/>
    </row>
    <row r="254367" spans="8:8">
      <c r="H254367" s="12"/>
    </row>
    <row r="254368" spans="8:8">
      <c r="H254368" s="12"/>
    </row>
    <row r="254369" spans="8:8">
      <c r="H254369" s="12"/>
    </row>
    <row r="254370" spans="8:8">
      <c r="H254370" s="12"/>
    </row>
    <row r="254371" spans="8:8">
      <c r="H254371" s="12"/>
    </row>
    <row r="254372" spans="8:8">
      <c r="H254372" s="12"/>
    </row>
    <row r="254373" spans="8:8">
      <c r="H254373" s="12"/>
    </row>
    <row r="254374" spans="8:8">
      <c r="H254374" s="12"/>
    </row>
    <row r="254375" spans="8:8">
      <c r="H254375" s="12"/>
    </row>
    <row r="254376" spans="8:8">
      <c r="H254376" s="12"/>
    </row>
    <row r="254377" spans="8:8">
      <c r="H254377" s="12"/>
    </row>
    <row r="254378" spans="8:8">
      <c r="H254378" s="12"/>
    </row>
    <row r="254379" spans="8:8">
      <c r="H254379" s="12"/>
    </row>
    <row r="254380" spans="8:8">
      <c r="H254380" s="12"/>
    </row>
    <row r="254381" spans="8:8">
      <c r="H254381" s="12"/>
    </row>
    <row r="254382" spans="8:8">
      <c r="H254382" s="12"/>
    </row>
    <row r="254383" spans="8:8">
      <c r="H254383" s="12"/>
    </row>
    <row r="254384" spans="8:8">
      <c r="H254384" s="12"/>
    </row>
    <row r="254385" spans="8:8">
      <c r="H254385" s="12"/>
    </row>
    <row r="254386" spans="8:8">
      <c r="H254386" s="12"/>
    </row>
    <row r="254387" spans="8:8">
      <c r="H254387" s="12"/>
    </row>
    <row r="254388" spans="8:8">
      <c r="H254388" s="12"/>
    </row>
    <row r="254389" spans="8:8">
      <c r="H254389" s="12"/>
    </row>
    <row r="254390" spans="8:8">
      <c r="H254390" s="12"/>
    </row>
    <row r="254391" spans="8:8">
      <c r="H254391" s="12"/>
    </row>
    <row r="254392" spans="8:8">
      <c r="H254392" s="12"/>
    </row>
    <row r="254393" spans="8:8">
      <c r="H254393" s="12"/>
    </row>
    <row r="254394" spans="8:8">
      <c r="H254394" s="12"/>
    </row>
    <row r="254395" spans="8:8">
      <c r="H254395" s="12"/>
    </row>
    <row r="254396" spans="8:8">
      <c r="H254396" s="12"/>
    </row>
    <row r="254397" spans="8:8">
      <c r="H254397" s="12"/>
    </row>
    <row r="254398" spans="8:8">
      <c r="H254398" s="12"/>
    </row>
    <row r="254399" spans="8:8">
      <c r="H254399" s="12"/>
    </row>
    <row r="254400" spans="8:8">
      <c r="H254400" s="12"/>
    </row>
    <row r="254401" spans="8:8">
      <c r="H254401" s="12"/>
    </row>
    <row r="254402" spans="8:8">
      <c r="H254402" s="12"/>
    </row>
    <row r="254403" spans="8:8">
      <c r="H254403" s="12"/>
    </row>
    <row r="254404" spans="8:8">
      <c r="H254404" s="12"/>
    </row>
    <row r="254405" spans="8:8">
      <c r="H254405" s="12"/>
    </row>
    <row r="254406" spans="8:8">
      <c r="H254406" s="12"/>
    </row>
    <row r="254407" spans="8:8">
      <c r="H254407" s="12"/>
    </row>
    <row r="254408" spans="8:8">
      <c r="H254408" s="12"/>
    </row>
    <row r="254409" spans="8:8">
      <c r="H254409" s="12"/>
    </row>
    <row r="254410" spans="8:8">
      <c r="H254410" s="12"/>
    </row>
    <row r="254411" spans="8:8">
      <c r="H254411" s="12"/>
    </row>
    <row r="254412" spans="8:8">
      <c r="H254412" s="12"/>
    </row>
    <row r="254413" spans="8:8">
      <c r="H254413" s="12"/>
    </row>
    <row r="254414" spans="8:8">
      <c r="H254414" s="12"/>
    </row>
    <row r="254415" spans="8:8">
      <c r="H254415" s="12"/>
    </row>
    <row r="254416" spans="8:8">
      <c r="H254416" s="12"/>
    </row>
    <row r="254417" spans="8:8">
      <c r="H254417" s="12"/>
    </row>
    <row r="254418" spans="8:8">
      <c r="H254418" s="12"/>
    </row>
    <row r="254419" spans="8:8">
      <c r="H254419" s="12"/>
    </row>
    <row r="254420" spans="8:8">
      <c r="H254420" s="12"/>
    </row>
    <row r="254421" spans="8:8">
      <c r="H254421" s="12"/>
    </row>
    <row r="254422" spans="8:8">
      <c r="H254422" s="12"/>
    </row>
    <row r="254423" spans="8:8">
      <c r="H254423" s="12"/>
    </row>
    <row r="254424" spans="8:8">
      <c r="H254424" s="12"/>
    </row>
    <row r="254425" spans="8:8">
      <c r="H254425" s="12"/>
    </row>
    <row r="254426" spans="8:8">
      <c r="H254426" s="12"/>
    </row>
    <row r="254427" spans="8:8">
      <c r="H254427" s="12"/>
    </row>
    <row r="254428" spans="8:8">
      <c r="H254428" s="12"/>
    </row>
    <row r="254429" spans="8:8">
      <c r="H254429" s="12"/>
    </row>
    <row r="254430" spans="8:8">
      <c r="H254430" s="12"/>
    </row>
    <row r="254431" spans="8:8">
      <c r="H254431" s="12"/>
    </row>
    <row r="254432" spans="8:8">
      <c r="H254432" s="12"/>
    </row>
    <row r="254433" spans="8:8">
      <c r="H254433" s="12"/>
    </row>
    <row r="254434" spans="8:8">
      <c r="H254434" s="12"/>
    </row>
    <row r="254435" spans="8:8">
      <c r="H254435" s="12"/>
    </row>
    <row r="254436" spans="8:8">
      <c r="H254436" s="12"/>
    </row>
    <row r="254437" spans="8:8">
      <c r="H254437" s="12"/>
    </row>
    <row r="254438" spans="8:8">
      <c r="H254438" s="12"/>
    </row>
    <row r="254439" spans="8:8">
      <c r="H254439" s="12"/>
    </row>
    <row r="254440" spans="8:8">
      <c r="H254440" s="12"/>
    </row>
    <row r="254441" spans="8:8">
      <c r="H254441" s="12"/>
    </row>
    <row r="254442" spans="8:8">
      <c r="H254442" s="12"/>
    </row>
    <row r="254443" spans="8:8">
      <c r="H254443" s="12"/>
    </row>
    <row r="254444" spans="8:8">
      <c r="H254444" s="12"/>
    </row>
    <row r="254445" spans="8:8">
      <c r="H254445" s="12"/>
    </row>
    <row r="254446" spans="8:8">
      <c r="H254446" s="12"/>
    </row>
    <row r="254447" spans="8:8">
      <c r="H254447" s="12"/>
    </row>
    <row r="254448" spans="8:8">
      <c r="H254448" s="12"/>
    </row>
    <row r="254449" spans="8:8">
      <c r="H254449" s="12"/>
    </row>
    <row r="254450" spans="8:8">
      <c r="H254450" s="12"/>
    </row>
    <row r="254451" spans="8:8">
      <c r="H254451" s="12"/>
    </row>
    <row r="254452" spans="8:8">
      <c r="H254452" s="12"/>
    </row>
    <row r="254453" spans="8:8">
      <c r="H254453" s="12"/>
    </row>
    <row r="254454" spans="8:8">
      <c r="H254454" s="12"/>
    </row>
    <row r="254455" spans="8:8">
      <c r="H254455" s="12"/>
    </row>
    <row r="254456" spans="8:8">
      <c r="H254456" s="12"/>
    </row>
    <row r="254457" spans="8:8">
      <c r="H254457" s="12"/>
    </row>
    <row r="254458" spans="8:8">
      <c r="H254458" s="12"/>
    </row>
    <row r="254459" spans="8:8">
      <c r="H254459" s="12"/>
    </row>
    <row r="254460" spans="8:8">
      <c r="H254460" s="12"/>
    </row>
    <row r="254461" spans="8:8">
      <c r="H254461" s="12"/>
    </row>
    <row r="254462" spans="8:8">
      <c r="H254462" s="12"/>
    </row>
    <row r="254463" spans="8:8">
      <c r="H254463" s="12"/>
    </row>
    <row r="254464" spans="8:8">
      <c r="H254464" s="12"/>
    </row>
    <row r="254465" spans="8:8">
      <c r="H254465" s="12"/>
    </row>
    <row r="254466" spans="8:8">
      <c r="H254466" s="12"/>
    </row>
    <row r="254467" spans="8:8">
      <c r="H254467" s="12"/>
    </row>
    <row r="254468" spans="8:8">
      <c r="H254468" s="12"/>
    </row>
    <row r="254469" spans="8:8">
      <c r="H254469" s="12"/>
    </row>
    <row r="254470" spans="8:8">
      <c r="H254470" s="12"/>
    </row>
    <row r="254471" spans="8:8">
      <c r="H254471" s="12"/>
    </row>
    <row r="254472" spans="8:8">
      <c r="H254472" s="12"/>
    </row>
    <row r="254473" spans="8:8">
      <c r="H254473" s="12"/>
    </row>
    <row r="254474" spans="8:8">
      <c r="H254474" s="12"/>
    </row>
    <row r="254475" spans="8:8">
      <c r="H254475" s="12"/>
    </row>
    <row r="254476" spans="8:8">
      <c r="H254476" s="12"/>
    </row>
    <row r="254477" spans="8:8">
      <c r="H254477" s="12"/>
    </row>
    <row r="254478" spans="8:8">
      <c r="H254478" s="12"/>
    </row>
    <row r="254479" spans="8:8">
      <c r="H254479" s="12"/>
    </row>
    <row r="254480" spans="8:8">
      <c r="H254480" s="12"/>
    </row>
    <row r="254481" spans="8:8">
      <c r="H254481" s="12"/>
    </row>
    <row r="254482" spans="8:8">
      <c r="H254482" s="12"/>
    </row>
    <row r="254483" spans="8:8">
      <c r="H254483" s="12"/>
    </row>
    <row r="254484" spans="8:8">
      <c r="H254484" s="12"/>
    </row>
    <row r="254485" spans="8:8">
      <c r="H254485" s="12"/>
    </row>
    <row r="254486" spans="8:8">
      <c r="H254486" s="12"/>
    </row>
    <row r="254487" spans="8:8">
      <c r="H254487" s="12"/>
    </row>
    <row r="254488" spans="8:8">
      <c r="H254488" s="12"/>
    </row>
    <row r="254489" spans="8:8">
      <c r="H254489" s="12"/>
    </row>
    <row r="254490" spans="8:8">
      <c r="H254490" s="12"/>
    </row>
    <row r="254491" spans="8:8">
      <c r="H254491" s="12"/>
    </row>
    <row r="254492" spans="8:8">
      <c r="H254492" s="12"/>
    </row>
    <row r="254493" spans="8:8">
      <c r="H254493" s="12"/>
    </row>
    <row r="254494" spans="8:8">
      <c r="H254494" s="12"/>
    </row>
    <row r="254495" spans="8:8">
      <c r="H254495" s="12"/>
    </row>
    <row r="254496" spans="8:8">
      <c r="H254496" s="12"/>
    </row>
    <row r="254497" spans="8:8">
      <c r="H254497" s="12"/>
    </row>
    <row r="254498" spans="8:8">
      <c r="H254498" s="12"/>
    </row>
    <row r="254499" spans="8:8">
      <c r="H254499" s="12"/>
    </row>
    <row r="254500" spans="8:8">
      <c r="H254500" s="12"/>
    </row>
    <row r="254501" spans="8:8">
      <c r="H254501" s="12"/>
    </row>
    <row r="254502" spans="8:8">
      <c r="H254502" s="12"/>
    </row>
    <row r="254503" spans="8:8">
      <c r="H254503" s="12"/>
    </row>
    <row r="254504" spans="8:8">
      <c r="H254504" s="12"/>
    </row>
    <row r="254505" spans="8:8">
      <c r="H254505" s="12"/>
    </row>
    <row r="254506" spans="8:8">
      <c r="H254506" s="12"/>
    </row>
    <row r="254507" spans="8:8">
      <c r="H254507" s="12"/>
    </row>
    <row r="254508" spans="8:8">
      <c r="H254508" s="12"/>
    </row>
    <row r="254509" spans="8:8">
      <c r="H254509" s="12"/>
    </row>
    <row r="254510" spans="8:8">
      <c r="H254510" s="12"/>
    </row>
    <row r="254511" spans="8:8">
      <c r="H254511" s="12"/>
    </row>
    <row r="254512" spans="8:8">
      <c r="H254512" s="12"/>
    </row>
    <row r="254513" spans="8:8">
      <c r="H254513" s="12"/>
    </row>
    <row r="254514" spans="8:8">
      <c r="H254514" s="12"/>
    </row>
    <row r="254515" spans="8:8">
      <c r="H254515" s="12"/>
    </row>
    <row r="254516" spans="8:8">
      <c r="H254516" s="12"/>
    </row>
    <row r="254517" spans="8:8">
      <c r="H254517" s="12"/>
    </row>
    <row r="254518" spans="8:8">
      <c r="H254518" s="12"/>
    </row>
    <row r="254519" spans="8:8">
      <c r="H254519" s="12"/>
    </row>
    <row r="254520" spans="8:8">
      <c r="H254520" s="12"/>
    </row>
    <row r="254521" spans="8:8">
      <c r="H254521" s="12"/>
    </row>
    <row r="254522" spans="8:8">
      <c r="H254522" s="12"/>
    </row>
    <row r="254523" spans="8:8">
      <c r="H254523" s="12"/>
    </row>
    <row r="254524" spans="8:8">
      <c r="H254524" s="12"/>
    </row>
    <row r="254525" spans="8:8">
      <c r="H254525" s="12"/>
    </row>
    <row r="254526" spans="8:8">
      <c r="H254526" s="12"/>
    </row>
    <row r="254527" spans="8:8">
      <c r="H254527" s="12"/>
    </row>
    <row r="254528" spans="8:8">
      <c r="H254528" s="12"/>
    </row>
    <row r="254529" spans="8:8">
      <c r="H254529" s="12"/>
    </row>
    <row r="254530" spans="8:8">
      <c r="H254530" s="12"/>
    </row>
    <row r="254531" spans="8:8">
      <c r="H254531" s="12"/>
    </row>
    <row r="254532" spans="8:8">
      <c r="H254532" s="12"/>
    </row>
    <row r="254533" spans="8:8">
      <c r="H254533" s="12"/>
    </row>
    <row r="254534" spans="8:8">
      <c r="H254534" s="12"/>
    </row>
    <row r="254535" spans="8:8">
      <c r="H254535" s="12"/>
    </row>
    <row r="254536" spans="8:8">
      <c r="H254536" s="12"/>
    </row>
    <row r="254537" spans="8:8">
      <c r="H254537" s="12"/>
    </row>
    <row r="254538" spans="8:8">
      <c r="H254538" s="12"/>
    </row>
    <row r="254539" spans="8:8">
      <c r="H254539" s="12"/>
    </row>
    <row r="254540" spans="8:8">
      <c r="H254540" s="12"/>
    </row>
    <row r="254541" spans="8:8">
      <c r="H254541" s="12"/>
    </row>
    <row r="254542" spans="8:8">
      <c r="H254542" s="12"/>
    </row>
    <row r="254543" spans="8:8">
      <c r="H254543" s="12"/>
    </row>
    <row r="254544" spans="8:8">
      <c r="H254544" s="12"/>
    </row>
    <row r="254545" spans="8:8">
      <c r="H254545" s="12"/>
    </row>
    <row r="254546" spans="8:8">
      <c r="H254546" s="12"/>
    </row>
    <row r="254547" spans="8:8">
      <c r="H254547" s="12"/>
    </row>
    <row r="254548" spans="8:8">
      <c r="H254548" s="12"/>
    </row>
    <row r="254549" spans="8:8">
      <c r="H254549" s="12"/>
    </row>
    <row r="254550" spans="8:8">
      <c r="H254550" s="12"/>
    </row>
    <row r="254551" spans="8:8">
      <c r="H254551" s="12"/>
    </row>
    <row r="254552" spans="8:8">
      <c r="H254552" s="12"/>
    </row>
    <row r="254553" spans="8:8">
      <c r="H254553" s="12"/>
    </row>
    <row r="254554" spans="8:8">
      <c r="H254554" s="12"/>
    </row>
    <row r="254555" spans="8:8">
      <c r="H254555" s="12"/>
    </row>
    <row r="254556" spans="8:8">
      <c r="H254556" s="12"/>
    </row>
    <row r="254557" spans="8:8">
      <c r="H254557" s="12"/>
    </row>
    <row r="254558" spans="8:8">
      <c r="H254558" s="12"/>
    </row>
    <row r="254559" spans="8:8">
      <c r="H254559" s="12"/>
    </row>
    <row r="254560" spans="8:8">
      <c r="H254560" s="12"/>
    </row>
    <row r="254561" spans="8:8">
      <c r="H254561" s="12"/>
    </row>
    <row r="254562" spans="8:8">
      <c r="H254562" s="12"/>
    </row>
    <row r="254563" spans="8:8">
      <c r="H254563" s="12"/>
    </row>
    <row r="254564" spans="8:8">
      <c r="H254564" s="12"/>
    </row>
    <row r="254565" spans="8:8">
      <c r="H254565" s="12"/>
    </row>
    <row r="254566" spans="8:8">
      <c r="H254566" s="12"/>
    </row>
    <row r="254567" spans="8:8">
      <c r="H254567" s="12"/>
    </row>
    <row r="254568" spans="8:8">
      <c r="H254568" s="12"/>
    </row>
    <row r="254569" spans="8:8">
      <c r="H254569" s="12"/>
    </row>
    <row r="254570" spans="8:8">
      <c r="H254570" s="12"/>
    </row>
    <row r="254571" spans="8:8">
      <c r="H254571" s="12"/>
    </row>
    <row r="254572" spans="8:8">
      <c r="H254572" s="12"/>
    </row>
    <row r="254573" spans="8:8">
      <c r="H254573" s="12"/>
    </row>
    <row r="254574" spans="8:8">
      <c r="H254574" s="12"/>
    </row>
    <row r="254575" spans="8:8">
      <c r="H254575" s="12"/>
    </row>
    <row r="254576" spans="8:8">
      <c r="H254576" s="12"/>
    </row>
    <row r="254577" spans="8:8">
      <c r="H254577" s="12"/>
    </row>
    <row r="254578" spans="8:8">
      <c r="H254578" s="12"/>
    </row>
    <row r="254579" spans="8:8">
      <c r="H254579" s="12"/>
    </row>
    <row r="254580" spans="8:8">
      <c r="H254580" s="12"/>
    </row>
    <row r="254581" spans="8:8">
      <c r="H254581" s="12"/>
    </row>
    <row r="254582" spans="8:8">
      <c r="H254582" s="12"/>
    </row>
    <row r="254583" spans="8:8">
      <c r="H254583" s="12"/>
    </row>
    <row r="254584" spans="8:8">
      <c r="H254584" s="12"/>
    </row>
    <row r="254585" spans="8:8">
      <c r="H254585" s="12"/>
    </row>
    <row r="254586" spans="8:8">
      <c r="H254586" s="12"/>
    </row>
    <row r="254587" spans="8:8">
      <c r="H254587" s="12"/>
    </row>
    <row r="254588" spans="8:8">
      <c r="H254588" s="12"/>
    </row>
    <row r="254589" spans="8:8">
      <c r="H254589" s="12"/>
    </row>
    <row r="254590" spans="8:8">
      <c r="H254590" s="12"/>
    </row>
    <row r="254591" spans="8:8">
      <c r="H254591" s="12"/>
    </row>
    <row r="254592" spans="8:8">
      <c r="H254592" s="12"/>
    </row>
    <row r="254593" spans="8:8">
      <c r="H254593" s="12"/>
    </row>
    <row r="254594" spans="8:8">
      <c r="H254594" s="12"/>
    </row>
    <row r="254595" spans="8:8">
      <c r="H254595" s="12"/>
    </row>
    <row r="254596" spans="8:8">
      <c r="H254596" s="12"/>
    </row>
    <row r="254597" spans="8:8">
      <c r="H254597" s="12"/>
    </row>
    <row r="254598" spans="8:8">
      <c r="H254598" s="12"/>
    </row>
    <row r="254599" spans="8:8">
      <c r="H254599" s="12"/>
    </row>
    <row r="254600" spans="8:8">
      <c r="H254600" s="12"/>
    </row>
    <row r="254601" spans="8:8">
      <c r="H254601" s="12"/>
    </row>
    <row r="254602" spans="8:8">
      <c r="H254602" s="12"/>
    </row>
    <row r="254603" spans="8:8">
      <c r="H254603" s="12"/>
    </row>
    <row r="254604" spans="8:8">
      <c r="H254604" s="12"/>
    </row>
    <row r="254605" spans="8:8">
      <c r="H254605" s="12"/>
    </row>
    <row r="254606" spans="8:8">
      <c r="H254606" s="12"/>
    </row>
    <row r="254607" spans="8:8">
      <c r="H254607" s="12"/>
    </row>
    <row r="254608" spans="8:8">
      <c r="H254608" s="12"/>
    </row>
    <row r="254609" spans="8:8">
      <c r="H254609" s="12"/>
    </row>
    <row r="254610" spans="8:8">
      <c r="H254610" s="12"/>
    </row>
    <row r="254611" spans="8:8">
      <c r="H254611" s="12"/>
    </row>
    <row r="254612" spans="8:8">
      <c r="H254612" s="12"/>
    </row>
    <row r="254613" spans="8:8">
      <c r="H254613" s="12"/>
    </row>
    <row r="254614" spans="8:8">
      <c r="H254614" s="12"/>
    </row>
    <row r="254615" spans="8:8">
      <c r="H254615" s="12"/>
    </row>
    <row r="254616" spans="8:8">
      <c r="H254616" s="12"/>
    </row>
    <row r="254617" spans="8:8">
      <c r="H254617" s="12"/>
    </row>
    <row r="254618" spans="8:8">
      <c r="H254618" s="12"/>
    </row>
    <row r="254619" spans="8:8">
      <c r="H254619" s="12"/>
    </row>
    <row r="254620" spans="8:8">
      <c r="H254620" s="12"/>
    </row>
    <row r="254621" spans="8:8">
      <c r="H254621" s="12"/>
    </row>
    <row r="254622" spans="8:8">
      <c r="H254622" s="12"/>
    </row>
    <row r="254623" spans="8:8">
      <c r="H254623" s="12"/>
    </row>
    <row r="254624" spans="8:8">
      <c r="H254624" s="12"/>
    </row>
    <row r="254625" spans="8:8">
      <c r="H254625" s="12"/>
    </row>
    <row r="254626" spans="8:8">
      <c r="H254626" s="12"/>
    </row>
    <row r="254627" spans="8:8">
      <c r="H254627" s="12"/>
    </row>
    <row r="254628" spans="8:8">
      <c r="H254628" s="12"/>
    </row>
    <row r="254629" spans="8:8">
      <c r="H254629" s="12"/>
    </row>
    <row r="254630" spans="8:8">
      <c r="H254630" s="12"/>
    </row>
    <row r="254631" spans="8:8">
      <c r="H254631" s="12"/>
    </row>
    <row r="254632" spans="8:8">
      <c r="H254632" s="12"/>
    </row>
    <row r="254633" spans="8:8">
      <c r="H254633" s="12"/>
    </row>
    <row r="254634" spans="8:8">
      <c r="H254634" s="12"/>
    </row>
    <row r="254635" spans="8:8">
      <c r="H254635" s="12"/>
    </row>
    <row r="254636" spans="8:8">
      <c r="H254636" s="12"/>
    </row>
    <row r="254637" spans="8:8">
      <c r="H254637" s="12"/>
    </row>
    <row r="254638" spans="8:8">
      <c r="H254638" s="12"/>
    </row>
    <row r="254639" spans="8:8">
      <c r="H254639" s="12"/>
    </row>
    <row r="254640" spans="8:8">
      <c r="H254640" s="12"/>
    </row>
    <row r="254641" spans="8:8">
      <c r="H254641" s="12"/>
    </row>
    <row r="254642" spans="8:8">
      <c r="H254642" s="12"/>
    </row>
    <row r="254643" spans="8:8">
      <c r="H254643" s="12"/>
    </row>
    <row r="254644" spans="8:8">
      <c r="H254644" s="12"/>
    </row>
    <row r="254645" spans="8:8">
      <c r="H254645" s="12"/>
    </row>
    <row r="254646" spans="8:8">
      <c r="H254646" s="12"/>
    </row>
    <row r="254647" spans="8:8">
      <c r="H254647" s="12"/>
    </row>
    <row r="254648" spans="8:8">
      <c r="H254648" s="12"/>
    </row>
    <row r="254649" spans="8:8">
      <c r="H254649" s="12"/>
    </row>
    <row r="254650" spans="8:8">
      <c r="H254650" s="12"/>
    </row>
    <row r="254651" spans="8:8">
      <c r="H254651" s="12"/>
    </row>
    <row r="254652" spans="8:8">
      <c r="H254652" s="12"/>
    </row>
    <row r="254653" spans="8:8">
      <c r="H254653" s="12"/>
    </row>
    <row r="254654" spans="8:8">
      <c r="H254654" s="12"/>
    </row>
    <row r="254655" spans="8:8">
      <c r="H254655" s="12"/>
    </row>
    <row r="254656" spans="8:8">
      <c r="H254656" s="12"/>
    </row>
    <row r="254657" spans="8:8">
      <c r="H254657" s="12"/>
    </row>
    <row r="254658" spans="8:8">
      <c r="H254658" s="12"/>
    </row>
    <row r="254659" spans="8:8">
      <c r="H254659" s="12"/>
    </row>
    <row r="254660" spans="8:8">
      <c r="H254660" s="12"/>
    </row>
    <row r="254661" spans="8:8">
      <c r="H254661" s="12"/>
    </row>
    <row r="254662" spans="8:8">
      <c r="H254662" s="12"/>
    </row>
    <row r="254663" spans="8:8">
      <c r="H254663" s="12"/>
    </row>
    <row r="254664" spans="8:8">
      <c r="H254664" s="12"/>
    </row>
    <row r="254665" spans="8:8">
      <c r="H254665" s="12"/>
    </row>
    <row r="254666" spans="8:8">
      <c r="H254666" s="12"/>
    </row>
    <row r="254667" spans="8:8">
      <c r="H254667" s="12"/>
    </row>
    <row r="254668" spans="8:8">
      <c r="H254668" s="12"/>
    </row>
    <row r="254669" spans="8:8">
      <c r="H254669" s="12"/>
    </row>
    <row r="254670" spans="8:8">
      <c r="H254670" s="12"/>
    </row>
    <row r="254671" spans="8:8">
      <c r="H254671" s="12"/>
    </row>
    <row r="254672" spans="8:8">
      <c r="H254672" s="12"/>
    </row>
    <row r="254673" spans="8:8">
      <c r="H254673" s="12"/>
    </row>
    <row r="254674" spans="8:8">
      <c r="H254674" s="12"/>
    </row>
    <row r="254675" spans="8:8">
      <c r="H254675" s="12"/>
    </row>
    <row r="254676" spans="8:8">
      <c r="H254676" s="12"/>
    </row>
    <row r="254677" spans="8:8">
      <c r="H254677" s="12"/>
    </row>
    <row r="254678" spans="8:8">
      <c r="H254678" s="12"/>
    </row>
    <row r="254679" spans="8:8">
      <c r="H254679" s="12"/>
    </row>
    <row r="254680" spans="8:8">
      <c r="H254680" s="12"/>
    </row>
    <row r="254681" spans="8:8">
      <c r="H254681" s="12"/>
    </row>
    <row r="254682" spans="8:8">
      <c r="H254682" s="12"/>
    </row>
    <row r="254683" spans="8:8">
      <c r="H254683" s="12"/>
    </row>
    <row r="254684" spans="8:8">
      <c r="H254684" s="12"/>
    </row>
    <row r="254685" spans="8:8">
      <c r="H254685" s="12"/>
    </row>
    <row r="254686" spans="8:8">
      <c r="H254686" s="12"/>
    </row>
    <row r="254687" spans="8:8">
      <c r="H254687" s="12"/>
    </row>
    <row r="254688" spans="8:8">
      <c r="H254688" s="12"/>
    </row>
    <row r="254689" spans="8:8">
      <c r="H254689" s="12"/>
    </row>
    <row r="254690" spans="8:8">
      <c r="H254690" s="12"/>
    </row>
    <row r="254691" spans="8:8">
      <c r="H254691" s="12"/>
    </row>
    <row r="254692" spans="8:8">
      <c r="H254692" s="12"/>
    </row>
    <row r="254693" spans="8:8">
      <c r="H254693" s="12"/>
    </row>
    <row r="254694" spans="8:8">
      <c r="H254694" s="12"/>
    </row>
    <row r="254695" spans="8:8">
      <c r="H254695" s="12"/>
    </row>
    <row r="254696" spans="8:8">
      <c r="H254696" s="12"/>
    </row>
    <row r="254697" spans="8:8">
      <c r="H254697" s="12"/>
    </row>
    <row r="254698" spans="8:8">
      <c r="H254698" s="12"/>
    </row>
    <row r="254699" spans="8:8">
      <c r="H254699" s="12"/>
    </row>
    <row r="254700" spans="8:8">
      <c r="H254700" s="12"/>
    </row>
    <row r="254701" spans="8:8">
      <c r="H254701" s="12"/>
    </row>
    <row r="254702" spans="8:8">
      <c r="H254702" s="12"/>
    </row>
    <row r="254703" spans="8:8">
      <c r="H254703" s="12"/>
    </row>
    <row r="254704" spans="8:8">
      <c r="H254704" s="12"/>
    </row>
    <row r="254705" spans="8:8">
      <c r="H254705" s="12"/>
    </row>
    <row r="254706" spans="8:8">
      <c r="H254706" s="12"/>
    </row>
    <row r="254707" spans="8:8">
      <c r="H254707" s="12"/>
    </row>
    <row r="254708" spans="8:8">
      <c r="H254708" s="12"/>
    </row>
    <row r="254709" spans="8:8">
      <c r="H254709" s="12"/>
    </row>
    <row r="254710" spans="8:8">
      <c r="H254710" s="12"/>
    </row>
    <row r="254711" spans="8:8">
      <c r="H254711" s="12"/>
    </row>
    <row r="254712" spans="8:8">
      <c r="H254712" s="12"/>
    </row>
    <row r="254713" spans="8:8">
      <c r="H254713" s="12"/>
    </row>
    <row r="254714" spans="8:8">
      <c r="H254714" s="12"/>
    </row>
    <row r="254715" spans="8:8">
      <c r="H254715" s="12"/>
    </row>
    <row r="254716" spans="8:8">
      <c r="H254716" s="12"/>
    </row>
    <row r="254717" spans="8:8">
      <c r="H254717" s="12"/>
    </row>
    <row r="254718" spans="8:8">
      <c r="H254718" s="12"/>
    </row>
    <row r="254719" spans="8:8">
      <c r="H254719" s="12"/>
    </row>
    <row r="254720" spans="8:8">
      <c r="H254720" s="12"/>
    </row>
    <row r="254721" spans="8:8">
      <c r="H254721" s="12"/>
    </row>
    <row r="254722" spans="8:8">
      <c r="H254722" s="12"/>
    </row>
    <row r="254723" spans="8:8">
      <c r="H254723" s="12"/>
    </row>
    <row r="254724" spans="8:8">
      <c r="H254724" s="12"/>
    </row>
    <row r="254725" spans="8:8">
      <c r="H254725" s="12"/>
    </row>
    <row r="254726" spans="8:8">
      <c r="H254726" s="12"/>
    </row>
    <row r="254727" spans="8:8">
      <c r="H254727" s="12"/>
    </row>
    <row r="254728" spans="8:8">
      <c r="H254728" s="12"/>
    </row>
    <row r="254729" spans="8:8">
      <c r="H254729" s="12"/>
    </row>
    <row r="254730" spans="8:8">
      <c r="H254730" s="12"/>
    </row>
    <row r="254731" spans="8:8">
      <c r="H254731" s="12"/>
    </row>
    <row r="254732" spans="8:8">
      <c r="H254732" s="12"/>
    </row>
    <row r="254733" spans="8:8">
      <c r="H254733" s="12"/>
    </row>
    <row r="254734" spans="8:8">
      <c r="H254734" s="12"/>
    </row>
    <row r="254735" spans="8:8">
      <c r="H254735" s="12"/>
    </row>
    <row r="254736" spans="8:8">
      <c r="H254736" s="12"/>
    </row>
    <row r="254737" spans="8:8">
      <c r="H254737" s="12"/>
    </row>
    <row r="254738" spans="8:8">
      <c r="H254738" s="12"/>
    </row>
    <row r="254739" spans="8:8">
      <c r="H254739" s="12"/>
    </row>
    <row r="254740" spans="8:8">
      <c r="H254740" s="12"/>
    </row>
    <row r="254741" spans="8:8">
      <c r="H254741" s="12"/>
    </row>
    <row r="254742" spans="8:8">
      <c r="H254742" s="12"/>
    </row>
    <row r="254743" spans="8:8">
      <c r="H254743" s="12"/>
    </row>
    <row r="254744" spans="8:8">
      <c r="H254744" s="12"/>
    </row>
    <row r="254745" spans="8:8">
      <c r="H254745" s="12"/>
    </row>
    <row r="254746" spans="8:8">
      <c r="H254746" s="12"/>
    </row>
    <row r="254747" spans="8:8">
      <c r="H254747" s="12"/>
    </row>
    <row r="254748" spans="8:8">
      <c r="H254748" s="12"/>
    </row>
    <row r="254749" spans="8:8">
      <c r="H254749" s="12"/>
    </row>
    <row r="254750" spans="8:8">
      <c r="H254750" s="12"/>
    </row>
    <row r="254751" spans="8:8">
      <c r="H254751" s="12"/>
    </row>
    <row r="254752" spans="8:8">
      <c r="H254752" s="12"/>
    </row>
    <row r="254753" spans="8:8">
      <c r="H254753" s="12"/>
    </row>
    <row r="254754" spans="8:8">
      <c r="H254754" s="12"/>
    </row>
    <row r="254755" spans="8:8">
      <c r="H254755" s="12"/>
    </row>
    <row r="254756" spans="8:8">
      <c r="H254756" s="12"/>
    </row>
    <row r="254757" spans="8:8">
      <c r="H254757" s="12"/>
    </row>
    <row r="254758" spans="8:8">
      <c r="H254758" s="12"/>
    </row>
    <row r="254759" spans="8:8">
      <c r="H254759" s="12"/>
    </row>
    <row r="254760" spans="8:8">
      <c r="H254760" s="12"/>
    </row>
    <row r="254761" spans="8:8">
      <c r="H254761" s="12"/>
    </row>
    <row r="254762" spans="8:8">
      <c r="H254762" s="12"/>
    </row>
    <row r="254763" spans="8:8">
      <c r="H254763" s="12"/>
    </row>
    <row r="254764" spans="8:8">
      <c r="H254764" s="12"/>
    </row>
    <row r="254765" spans="8:8">
      <c r="H254765" s="12"/>
    </row>
    <row r="254766" spans="8:8">
      <c r="H254766" s="12"/>
    </row>
    <row r="254767" spans="8:8">
      <c r="H254767" s="12"/>
    </row>
    <row r="254768" spans="8:8">
      <c r="H254768" s="12"/>
    </row>
    <row r="254769" spans="8:8">
      <c r="H254769" s="12"/>
    </row>
    <row r="254770" spans="8:8">
      <c r="H254770" s="12"/>
    </row>
    <row r="254771" spans="8:8">
      <c r="H254771" s="12"/>
    </row>
    <row r="254772" spans="8:8">
      <c r="H254772" s="12"/>
    </row>
    <row r="254773" spans="8:8">
      <c r="H254773" s="12"/>
    </row>
    <row r="254774" spans="8:8">
      <c r="H254774" s="12"/>
    </row>
    <row r="254775" spans="8:8">
      <c r="H254775" s="12"/>
    </row>
    <row r="254776" spans="8:8">
      <c r="H254776" s="12"/>
    </row>
    <row r="254777" spans="8:8">
      <c r="H254777" s="12"/>
    </row>
    <row r="254778" spans="8:8">
      <c r="H254778" s="12"/>
    </row>
    <row r="254779" spans="8:8">
      <c r="H254779" s="12"/>
    </row>
    <row r="254780" spans="8:8">
      <c r="H254780" s="12"/>
    </row>
    <row r="254781" spans="8:8">
      <c r="H254781" s="12"/>
    </row>
    <row r="254782" spans="8:8">
      <c r="H254782" s="12"/>
    </row>
    <row r="254783" spans="8:8">
      <c r="H254783" s="12"/>
    </row>
    <row r="254784" spans="8:8">
      <c r="H254784" s="12"/>
    </row>
    <row r="254785" spans="8:8">
      <c r="H254785" s="12"/>
    </row>
    <row r="254786" spans="8:8">
      <c r="H254786" s="12"/>
    </row>
    <row r="254787" spans="8:8">
      <c r="H254787" s="12"/>
    </row>
    <row r="254788" spans="8:8">
      <c r="H254788" s="12"/>
    </row>
    <row r="254789" spans="8:8">
      <c r="H254789" s="12"/>
    </row>
    <row r="254790" spans="8:8">
      <c r="H254790" s="12"/>
    </row>
    <row r="254791" spans="8:8">
      <c r="H254791" s="12"/>
    </row>
    <row r="254792" spans="8:8">
      <c r="H254792" s="12"/>
    </row>
    <row r="254793" spans="8:8">
      <c r="H254793" s="12"/>
    </row>
    <row r="254794" spans="8:8">
      <c r="H254794" s="12"/>
    </row>
    <row r="254795" spans="8:8">
      <c r="H254795" s="12"/>
    </row>
    <row r="254796" spans="8:8">
      <c r="H254796" s="12"/>
    </row>
    <row r="254797" spans="8:8">
      <c r="H254797" s="12"/>
    </row>
    <row r="254798" spans="8:8">
      <c r="H254798" s="12"/>
    </row>
    <row r="254799" spans="8:8">
      <c r="H254799" s="12"/>
    </row>
    <row r="254800" spans="8:8">
      <c r="H254800" s="12"/>
    </row>
    <row r="254801" spans="8:8">
      <c r="H254801" s="12"/>
    </row>
    <row r="254802" spans="8:8">
      <c r="H254802" s="12"/>
    </row>
    <row r="254803" spans="8:8">
      <c r="H254803" s="12"/>
    </row>
    <row r="254804" spans="8:8">
      <c r="H254804" s="12"/>
    </row>
    <row r="254805" spans="8:8">
      <c r="H254805" s="12"/>
    </row>
    <row r="254806" spans="8:8">
      <c r="H254806" s="12"/>
    </row>
    <row r="254807" spans="8:8">
      <c r="H254807" s="12"/>
    </row>
    <row r="254808" spans="8:8">
      <c r="H254808" s="12"/>
    </row>
    <row r="254809" spans="8:8">
      <c r="H254809" s="12"/>
    </row>
    <row r="254810" spans="8:8">
      <c r="H254810" s="12"/>
    </row>
    <row r="254811" spans="8:8">
      <c r="H254811" s="12"/>
    </row>
    <row r="254812" spans="8:8">
      <c r="H254812" s="12"/>
    </row>
    <row r="254813" spans="8:8">
      <c r="H254813" s="12"/>
    </row>
    <row r="254814" spans="8:8">
      <c r="H254814" s="12"/>
    </row>
    <row r="254815" spans="8:8">
      <c r="H254815" s="12"/>
    </row>
    <row r="254816" spans="8:8">
      <c r="H254816" s="12"/>
    </row>
    <row r="254817" spans="8:8">
      <c r="H254817" s="12"/>
    </row>
    <row r="254818" spans="8:8">
      <c r="H254818" s="12"/>
    </row>
    <row r="254819" spans="8:8">
      <c r="H254819" s="12"/>
    </row>
    <row r="254820" spans="8:8">
      <c r="H254820" s="12"/>
    </row>
    <row r="254821" spans="8:8">
      <c r="H254821" s="12"/>
    </row>
    <row r="254822" spans="8:8">
      <c r="H254822" s="12"/>
    </row>
    <row r="254823" spans="8:8">
      <c r="H254823" s="12"/>
    </row>
    <row r="254824" spans="8:8">
      <c r="H254824" s="12"/>
    </row>
    <row r="254825" spans="8:8">
      <c r="H254825" s="12"/>
    </row>
    <row r="254826" spans="8:8">
      <c r="H254826" s="12"/>
    </row>
    <row r="254827" spans="8:8">
      <c r="H254827" s="12"/>
    </row>
    <row r="254828" spans="8:8">
      <c r="H254828" s="12"/>
    </row>
    <row r="254829" spans="8:8">
      <c r="H254829" s="12"/>
    </row>
    <row r="254830" spans="8:8">
      <c r="H254830" s="12"/>
    </row>
    <row r="254831" spans="8:8">
      <c r="H254831" s="12"/>
    </row>
    <row r="254832" spans="8:8">
      <c r="H254832" s="12"/>
    </row>
    <row r="254833" spans="8:8">
      <c r="H254833" s="12"/>
    </row>
    <row r="254834" spans="8:8">
      <c r="H254834" s="12"/>
    </row>
    <row r="254835" spans="8:8">
      <c r="H254835" s="12"/>
    </row>
    <row r="254836" spans="8:8">
      <c r="H254836" s="12"/>
    </row>
    <row r="254837" spans="8:8">
      <c r="H254837" s="12"/>
    </row>
    <row r="254838" spans="8:8">
      <c r="H254838" s="12"/>
    </row>
    <row r="254839" spans="8:8">
      <c r="H254839" s="12"/>
    </row>
    <row r="254840" spans="8:8">
      <c r="H254840" s="12"/>
    </row>
    <row r="254841" spans="8:8">
      <c r="H254841" s="12"/>
    </row>
    <row r="254842" spans="8:8">
      <c r="H254842" s="12"/>
    </row>
    <row r="254843" spans="8:8">
      <c r="H254843" s="12"/>
    </row>
    <row r="254844" spans="8:8">
      <c r="H254844" s="12"/>
    </row>
    <row r="254845" spans="8:8">
      <c r="H254845" s="12"/>
    </row>
    <row r="254846" spans="8:8">
      <c r="H254846" s="12"/>
    </row>
    <row r="254847" spans="8:8">
      <c r="H254847" s="12"/>
    </row>
    <row r="254848" spans="8:8">
      <c r="H254848" s="12"/>
    </row>
    <row r="254849" spans="8:8">
      <c r="H254849" s="12"/>
    </row>
    <row r="254850" spans="8:8">
      <c r="H254850" s="12"/>
    </row>
    <row r="254851" spans="8:8">
      <c r="H254851" s="12"/>
    </row>
    <row r="254852" spans="8:8">
      <c r="H254852" s="12"/>
    </row>
    <row r="254853" spans="8:8">
      <c r="H254853" s="12"/>
    </row>
    <row r="254854" spans="8:8">
      <c r="H254854" s="12"/>
    </row>
    <row r="254855" spans="8:8">
      <c r="H254855" s="12"/>
    </row>
    <row r="254856" spans="8:8">
      <c r="H254856" s="12"/>
    </row>
    <row r="254857" spans="8:8">
      <c r="H254857" s="12"/>
    </row>
    <row r="254858" spans="8:8">
      <c r="H254858" s="12"/>
    </row>
    <row r="254859" spans="8:8">
      <c r="H254859" s="12"/>
    </row>
    <row r="254860" spans="8:8">
      <c r="H254860" s="12"/>
    </row>
    <row r="254861" spans="8:8">
      <c r="H254861" s="12"/>
    </row>
    <row r="254862" spans="8:8">
      <c r="H254862" s="12"/>
    </row>
    <row r="254863" spans="8:8">
      <c r="H254863" s="12"/>
    </row>
    <row r="254864" spans="8:8">
      <c r="H254864" s="12"/>
    </row>
    <row r="254865" spans="8:8">
      <c r="H254865" s="12"/>
    </row>
    <row r="254866" spans="8:8">
      <c r="H254866" s="12"/>
    </row>
    <row r="254867" spans="8:8">
      <c r="H254867" s="12"/>
    </row>
    <row r="254868" spans="8:8">
      <c r="H254868" s="12"/>
    </row>
    <row r="254869" spans="8:8">
      <c r="H254869" s="12"/>
    </row>
    <row r="254870" spans="8:8">
      <c r="H254870" s="12"/>
    </row>
    <row r="254871" spans="8:8">
      <c r="H254871" s="12"/>
    </row>
    <row r="254872" spans="8:8">
      <c r="H254872" s="12"/>
    </row>
    <row r="254873" spans="8:8">
      <c r="H254873" s="12"/>
    </row>
    <row r="254874" spans="8:8">
      <c r="H254874" s="12"/>
    </row>
    <row r="254875" spans="8:8">
      <c r="H254875" s="12"/>
    </row>
    <row r="254876" spans="8:8">
      <c r="H254876" s="12"/>
    </row>
    <row r="254877" spans="8:8">
      <c r="H254877" s="12"/>
    </row>
    <row r="254878" spans="8:8">
      <c r="H254878" s="12"/>
    </row>
    <row r="254879" spans="8:8">
      <c r="H254879" s="12"/>
    </row>
    <row r="254880" spans="8:8">
      <c r="H254880" s="12"/>
    </row>
    <row r="254881" spans="8:8">
      <c r="H254881" s="12"/>
    </row>
    <row r="254882" spans="8:8">
      <c r="H254882" s="12"/>
    </row>
    <row r="254883" spans="8:8">
      <c r="H254883" s="12"/>
    </row>
    <row r="254884" spans="8:8">
      <c r="H254884" s="12"/>
    </row>
    <row r="254885" spans="8:8">
      <c r="H254885" s="12"/>
    </row>
    <row r="254886" spans="8:8">
      <c r="H254886" s="12"/>
    </row>
    <row r="254887" spans="8:8">
      <c r="H254887" s="12"/>
    </row>
    <row r="254888" spans="8:8">
      <c r="H254888" s="12"/>
    </row>
    <row r="254889" spans="8:8">
      <c r="H254889" s="12"/>
    </row>
    <row r="254890" spans="8:8">
      <c r="H254890" s="12"/>
    </row>
    <row r="254891" spans="8:8">
      <c r="H254891" s="12"/>
    </row>
    <row r="254892" spans="8:8">
      <c r="H254892" s="12"/>
    </row>
    <row r="254893" spans="8:8">
      <c r="H254893" s="12"/>
    </row>
    <row r="254894" spans="8:8">
      <c r="H254894" s="12"/>
    </row>
    <row r="254895" spans="8:8">
      <c r="H254895" s="12"/>
    </row>
    <row r="254896" spans="8:8">
      <c r="H254896" s="12"/>
    </row>
    <row r="254897" spans="8:8">
      <c r="H254897" s="12"/>
    </row>
    <row r="254898" spans="8:8">
      <c r="H254898" s="12"/>
    </row>
    <row r="254899" spans="8:8">
      <c r="H254899" s="12"/>
    </row>
    <row r="254900" spans="8:8">
      <c r="H254900" s="12"/>
    </row>
    <row r="254901" spans="8:8">
      <c r="H254901" s="12"/>
    </row>
    <row r="254902" spans="8:8">
      <c r="H254902" s="12"/>
    </row>
    <row r="254903" spans="8:8">
      <c r="H254903" s="12"/>
    </row>
    <row r="254904" spans="8:8">
      <c r="H254904" s="12"/>
    </row>
    <row r="254905" spans="8:8">
      <c r="H254905" s="12"/>
    </row>
    <row r="254906" spans="8:8">
      <c r="H254906" s="12"/>
    </row>
    <row r="254907" spans="8:8">
      <c r="H254907" s="12"/>
    </row>
    <row r="254908" spans="8:8">
      <c r="H254908" s="12"/>
    </row>
    <row r="254909" spans="8:8">
      <c r="H254909" s="12"/>
    </row>
    <row r="254910" spans="8:8">
      <c r="H254910" s="12"/>
    </row>
    <row r="254911" spans="8:8">
      <c r="H254911" s="12"/>
    </row>
    <row r="254912" spans="8:8">
      <c r="H254912" s="12"/>
    </row>
    <row r="254913" spans="8:8">
      <c r="H254913" s="12"/>
    </row>
    <row r="254914" spans="8:8">
      <c r="H254914" s="12"/>
    </row>
    <row r="254915" spans="8:8">
      <c r="H254915" s="12"/>
    </row>
    <row r="254916" spans="8:8">
      <c r="H254916" s="12"/>
    </row>
    <row r="254917" spans="8:8">
      <c r="H254917" s="12"/>
    </row>
    <row r="254918" spans="8:8">
      <c r="H254918" s="12"/>
    </row>
    <row r="254919" spans="8:8">
      <c r="H254919" s="12"/>
    </row>
    <row r="254920" spans="8:8">
      <c r="H254920" s="12"/>
    </row>
    <row r="254921" spans="8:8">
      <c r="H254921" s="12"/>
    </row>
    <row r="254922" spans="8:8">
      <c r="H254922" s="12"/>
    </row>
    <row r="254923" spans="8:8">
      <c r="H254923" s="12"/>
    </row>
    <row r="254924" spans="8:8">
      <c r="H254924" s="12"/>
    </row>
    <row r="254925" spans="8:8">
      <c r="H254925" s="12"/>
    </row>
    <row r="254926" spans="8:8">
      <c r="H254926" s="12"/>
    </row>
    <row r="254927" spans="8:8">
      <c r="H254927" s="12"/>
    </row>
    <row r="254928" spans="8:8">
      <c r="H254928" s="12"/>
    </row>
    <row r="254929" spans="8:8">
      <c r="H254929" s="12"/>
    </row>
    <row r="254930" spans="8:8">
      <c r="H254930" s="12"/>
    </row>
    <row r="254931" spans="8:8">
      <c r="H254931" s="12"/>
    </row>
    <row r="254932" spans="8:8">
      <c r="H254932" s="12"/>
    </row>
    <row r="254933" spans="8:8">
      <c r="H254933" s="12"/>
    </row>
    <row r="254934" spans="8:8">
      <c r="H254934" s="12"/>
    </row>
    <row r="254935" spans="8:8">
      <c r="H254935" s="12"/>
    </row>
    <row r="254936" spans="8:8">
      <c r="H254936" s="12"/>
    </row>
    <row r="254937" spans="8:8">
      <c r="H254937" s="12"/>
    </row>
    <row r="254938" spans="8:8">
      <c r="H254938" s="12"/>
    </row>
    <row r="254939" spans="8:8">
      <c r="H254939" s="12"/>
    </row>
    <row r="254940" spans="8:8">
      <c r="H254940" s="12"/>
    </row>
    <row r="254941" spans="8:8">
      <c r="H254941" s="12"/>
    </row>
    <row r="254942" spans="8:8">
      <c r="H254942" s="12"/>
    </row>
    <row r="254943" spans="8:8">
      <c r="H254943" s="12"/>
    </row>
    <row r="254944" spans="8:8">
      <c r="H254944" s="12"/>
    </row>
    <row r="254945" spans="8:8">
      <c r="H254945" s="12"/>
    </row>
    <row r="254946" spans="8:8">
      <c r="H254946" s="12"/>
    </row>
    <row r="254947" spans="8:8">
      <c r="H254947" s="12"/>
    </row>
    <row r="254948" spans="8:8">
      <c r="H254948" s="12"/>
    </row>
    <row r="254949" spans="8:8">
      <c r="H254949" s="12"/>
    </row>
    <row r="254950" spans="8:8">
      <c r="H254950" s="12"/>
    </row>
    <row r="254951" spans="8:8">
      <c r="H254951" s="12"/>
    </row>
    <row r="254952" spans="8:8">
      <c r="H254952" s="12"/>
    </row>
    <row r="254953" spans="8:8">
      <c r="H254953" s="12"/>
    </row>
    <row r="254954" spans="8:8">
      <c r="H254954" s="12"/>
    </row>
    <row r="254955" spans="8:8">
      <c r="H254955" s="12"/>
    </row>
    <row r="254956" spans="8:8">
      <c r="H254956" s="12"/>
    </row>
    <row r="254957" spans="8:8">
      <c r="H254957" s="12"/>
    </row>
    <row r="254958" spans="8:8">
      <c r="H254958" s="12"/>
    </row>
    <row r="254959" spans="8:8">
      <c r="H254959" s="12"/>
    </row>
    <row r="254960" spans="8:8">
      <c r="H254960" s="12"/>
    </row>
    <row r="254961" spans="8:8">
      <c r="H254961" s="12"/>
    </row>
    <row r="254962" spans="8:8">
      <c r="H254962" s="12"/>
    </row>
    <row r="254963" spans="8:8">
      <c r="H254963" s="12"/>
    </row>
    <row r="254964" spans="8:8">
      <c r="H254964" s="12"/>
    </row>
    <row r="254965" spans="8:8">
      <c r="H254965" s="12"/>
    </row>
    <row r="254966" spans="8:8">
      <c r="H254966" s="12"/>
    </row>
    <row r="254967" spans="8:8">
      <c r="H254967" s="12"/>
    </row>
    <row r="254968" spans="8:8">
      <c r="H254968" s="12"/>
    </row>
    <row r="254969" spans="8:8">
      <c r="H254969" s="12"/>
    </row>
    <row r="254970" spans="8:8">
      <c r="H254970" s="12"/>
    </row>
    <row r="254971" spans="8:8">
      <c r="H254971" s="12"/>
    </row>
    <row r="254972" spans="8:8">
      <c r="H254972" s="12"/>
    </row>
    <row r="254973" spans="8:8">
      <c r="H254973" s="12"/>
    </row>
    <row r="254974" spans="8:8">
      <c r="H254974" s="12"/>
    </row>
    <row r="254975" spans="8:8">
      <c r="H254975" s="12"/>
    </row>
    <row r="254976" spans="8:8">
      <c r="H254976" s="12"/>
    </row>
    <row r="254977" spans="8:8">
      <c r="H254977" s="12"/>
    </row>
    <row r="254978" spans="8:8">
      <c r="H254978" s="12"/>
    </row>
    <row r="254979" spans="8:8">
      <c r="H254979" s="12"/>
    </row>
    <row r="254980" spans="8:8">
      <c r="H254980" s="12"/>
    </row>
    <row r="254981" spans="8:8">
      <c r="H254981" s="12"/>
    </row>
    <row r="254982" spans="8:8">
      <c r="H254982" s="12"/>
    </row>
    <row r="254983" spans="8:8">
      <c r="H254983" s="12"/>
    </row>
    <row r="254984" spans="8:8">
      <c r="H254984" s="12"/>
    </row>
    <row r="254985" spans="8:8">
      <c r="H254985" s="12"/>
    </row>
    <row r="254986" spans="8:8">
      <c r="H254986" s="12"/>
    </row>
    <row r="254987" spans="8:8">
      <c r="H254987" s="12"/>
    </row>
    <row r="254988" spans="8:8">
      <c r="H254988" s="12"/>
    </row>
    <row r="254989" spans="8:8">
      <c r="H254989" s="12"/>
    </row>
    <row r="254990" spans="8:8">
      <c r="H254990" s="12"/>
    </row>
    <row r="254991" spans="8:8">
      <c r="H254991" s="12"/>
    </row>
    <row r="254992" spans="8:8">
      <c r="H254992" s="12"/>
    </row>
    <row r="254993" spans="8:8">
      <c r="H254993" s="12"/>
    </row>
    <row r="254994" spans="8:8">
      <c r="H254994" s="12"/>
    </row>
    <row r="254995" spans="8:8">
      <c r="H254995" s="12"/>
    </row>
    <row r="254996" spans="8:8">
      <c r="H254996" s="12"/>
    </row>
    <row r="254997" spans="8:8">
      <c r="H254997" s="12"/>
    </row>
    <row r="254998" spans="8:8">
      <c r="H254998" s="12"/>
    </row>
    <row r="254999" spans="8:8">
      <c r="H254999" s="12"/>
    </row>
    <row r="255000" spans="8:8">
      <c r="H255000" s="12"/>
    </row>
    <row r="255001" spans="8:8">
      <c r="H255001" s="12"/>
    </row>
    <row r="255002" spans="8:8">
      <c r="H255002" s="12"/>
    </row>
    <row r="255003" spans="8:8">
      <c r="H255003" s="12"/>
    </row>
    <row r="255004" spans="8:8">
      <c r="H255004" s="12"/>
    </row>
    <row r="255005" spans="8:8">
      <c r="H255005" s="12"/>
    </row>
    <row r="255006" spans="8:8">
      <c r="H255006" s="12"/>
    </row>
    <row r="255007" spans="8:8">
      <c r="H255007" s="12"/>
    </row>
    <row r="255008" spans="8:8">
      <c r="H255008" s="12"/>
    </row>
    <row r="255009" spans="8:8">
      <c r="H255009" s="12"/>
    </row>
    <row r="255010" spans="8:8">
      <c r="H255010" s="12"/>
    </row>
    <row r="255011" spans="8:8">
      <c r="H255011" s="12"/>
    </row>
    <row r="255012" spans="8:8">
      <c r="H255012" s="12"/>
    </row>
    <row r="255013" spans="8:8">
      <c r="H255013" s="12"/>
    </row>
    <row r="255014" spans="8:8">
      <c r="H255014" s="12"/>
    </row>
    <row r="255015" spans="8:8">
      <c r="H255015" s="12"/>
    </row>
    <row r="255016" spans="8:8">
      <c r="H255016" s="12"/>
    </row>
    <row r="255017" spans="8:8">
      <c r="H255017" s="12"/>
    </row>
    <row r="255018" spans="8:8">
      <c r="H255018" s="12"/>
    </row>
    <row r="255019" spans="8:8">
      <c r="H255019" s="12"/>
    </row>
    <row r="255020" spans="8:8">
      <c r="H255020" s="12"/>
    </row>
    <row r="255021" spans="8:8">
      <c r="H255021" s="12"/>
    </row>
    <row r="255022" spans="8:8">
      <c r="H255022" s="12"/>
    </row>
    <row r="255023" spans="8:8">
      <c r="H255023" s="12"/>
    </row>
    <row r="255024" spans="8:8">
      <c r="H255024" s="12"/>
    </row>
    <row r="255025" spans="8:8">
      <c r="H255025" s="12"/>
    </row>
    <row r="255026" spans="8:8">
      <c r="H255026" s="12"/>
    </row>
    <row r="255027" spans="8:8">
      <c r="H255027" s="12"/>
    </row>
    <row r="255028" spans="8:8">
      <c r="H255028" s="12"/>
    </row>
    <row r="255029" spans="8:8">
      <c r="H255029" s="12"/>
    </row>
    <row r="255030" spans="8:8">
      <c r="H255030" s="12"/>
    </row>
    <row r="255031" spans="8:8">
      <c r="H255031" s="12"/>
    </row>
    <row r="255032" spans="8:8">
      <c r="H255032" s="12"/>
    </row>
    <row r="255033" spans="8:8">
      <c r="H255033" s="12"/>
    </row>
    <row r="255034" spans="8:8">
      <c r="H255034" s="12"/>
    </row>
    <row r="255035" spans="8:8">
      <c r="H255035" s="12"/>
    </row>
    <row r="255036" spans="8:8">
      <c r="H255036" s="12"/>
    </row>
    <row r="255037" spans="8:8">
      <c r="H255037" s="12"/>
    </row>
    <row r="255038" spans="8:8">
      <c r="H255038" s="12"/>
    </row>
    <row r="255039" spans="8:8">
      <c r="H255039" s="12"/>
    </row>
    <row r="255040" spans="8:8">
      <c r="H255040" s="12"/>
    </row>
    <row r="255041" spans="8:8">
      <c r="H255041" s="12"/>
    </row>
    <row r="255042" spans="8:8">
      <c r="H255042" s="12"/>
    </row>
    <row r="255043" spans="8:8">
      <c r="H255043" s="12"/>
    </row>
    <row r="255044" spans="8:8">
      <c r="H255044" s="12"/>
    </row>
    <row r="255045" spans="8:8">
      <c r="H255045" s="12"/>
    </row>
    <row r="255046" spans="8:8">
      <c r="H255046" s="12"/>
    </row>
    <row r="255047" spans="8:8">
      <c r="H255047" s="12"/>
    </row>
    <row r="255048" spans="8:8">
      <c r="H255048" s="12"/>
    </row>
    <row r="255049" spans="8:8">
      <c r="H255049" s="12"/>
    </row>
    <row r="255050" spans="8:8">
      <c r="H255050" s="12"/>
    </row>
    <row r="255051" spans="8:8">
      <c r="H255051" s="12"/>
    </row>
    <row r="255052" spans="8:8">
      <c r="H255052" s="12"/>
    </row>
    <row r="255053" spans="8:8">
      <c r="H255053" s="12"/>
    </row>
    <row r="255054" spans="8:8">
      <c r="H255054" s="12"/>
    </row>
    <row r="255055" spans="8:8">
      <c r="H255055" s="12"/>
    </row>
    <row r="255056" spans="8:8">
      <c r="H255056" s="12"/>
    </row>
    <row r="255057" spans="8:8">
      <c r="H255057" s="12"/>
    </row>
    <row r="255058" spans="8:8">
      <c r="H255058" s="12"/>
    </row>
    <row r="255059" spans="8:8">
      <c r="H255059" s="12"/>
    </row>
    <row r="255060" spans="8:8">
      <c r="H255060" s="12"/>
    </row>
    <row r="255061" spans="8:8">
      <c r="H255061" s="12"/>
    </row>
    <row r="255062" spans="8:8">
      <c r="H255062" s="12"/>
    </row>
    <row r="255063" spans="8:8">
      <c r="H255063" s="12"/>
    </row>
    <row r="255064" spans="8:8">
      <c r="H255064" s="12"/>
    </row>
    <row r="255065" spans="8:8">
      <c r="H255065" s="12"/>
    </row>
    <row r="255066" spans="8:8">
      <c r="H255066" s="12"/>
    </row>
    <row r="255067" spans="8:8">
      <c r="H255067" s="12"/>
    </row>
    <row r="255068" spans="8:8">
      <c r="H255068" s="12"/>
    </row>
    <row r="255069" spans="8:8">
      <c r="H255069" s="12"/>
    </row>
    <row r="255070" spans="8:8">
      <c r="H255070" s="12"/>
    </row>
    <row r="255071" spans="8:8">
      <c r="H255071" s="12"/>
    </row>
    <row r="255072" spans="8:8">
      <c r="H255072" s="12"/>
    </row>
    <row r="255073" spans="8:8">
      <c r="H255073" s="12"/>
    </row>
    <row r="255074" spans="8:8">
      <c r="H255074" s="12"/>
    </row>
    <row r="255075" spans="8:8">
      <c r="H255075" s="12"/>
    </row>
    <row r="255076" spans="8:8">
      <c r="H255076" s="12"/>
    </row>
    <row r="255077" spans="8:8">
      <c r="H255077" s="12"/>
    </row>
    <row r="255078" spans="8:8">
      <c r="H255078" s="12"/>
    </row>
    <row r="255079" spans="8:8">
      <c r="H255079" s="12"/>
    </row>
    <row r="255080" spans="8:8">
      <c r="H255080" s="12"/>
    </row>
    <row r="255081" spans="8:8">
      <c r="H255081" s="12"/>
    </row>
    <row r="255082" spans="8:8">
      <c r="H255082" s="12"/>
    </row>
    <row r="255083" spans="8:8">
      <c r="H255083" s="12"/>
    </row>
    <row r="255084" spans="8:8">
      <c r="H255084" s="12"/>
    </row>
    <row r="255085" spans="8:8">
      <c r="H255085" s="12"/>
    </row>
    <row r="255086" spans="8:8">
      <c r="H255086" s="12"/>
    </row>
    <row r="255087" spans="8:8">
      <c r="H255087" s="12"/>
    </row>
    <row r="255088" spans="8:8">
      <c r="H255088" s="12"/>
    </row>
    <row r="255089" spans="8:8">
      <c r="H255089" s="12"/>
    </row>
    <row r="255090" spans="8:8">
      <c r="H255090" s="12"/>
    </row>
    <row r="255091" spans="8:8">
      <c r="H255091" s="12"/>
    </row>
    <row r="255092" spans="8:8">
      <c r="H255092" s="12"/>
    </row>
    <row r="255093" spans="8:8">
      <c r="H255093" s="12"/>
    </row>
    <row r="255094" spans="8:8">
      <c r="H255094" s="12"/>
    </row>
    <row r="255095" spans="8:8">
      <c r="H255095" s="12"/>
    </row>
    <row r="255096" spans="8:8">
      <c r="H255096" s="12"/>
    </row>
    <row r="255097" spans="8:8">
      <c r="H255097" s="12"/>
    </row>
    <row r="255098" spans="8:8">
      <c r="H255098" s="12"/>
    </row>
    <row r="255099" spans="8:8">
      <c r="H255099" s="12"/>
    </row>
    <row r="255100" spans="8:8">
      <c r="H255100" s="12"/>
    </row>
    <row r="255101" spans="8:8">
      <c r="H255101" s="12"/>
    </row>
    <row r="255102" spans="8:8">
      <c r="H255102" s="12"/>
    </row>
    <row r="255103" spans="8:8">
      <c r="H255103" s="12"/>
    </row>
    <row r="255104" spans="8:8">
      <c r="H255104" s="12"/>
    </row>
    <row r="255105" spans="8:8">
      <c r="H255105" s="12"/>
    </row>
    <row r="255106" spans="8:8">
      <c r="H255106" s="12"/>
    </row>
    <row r="255107" spans="8:8">
      <c r="H255107" s="12"/>
    </row>
    <row r="255108" spans="8:8">
      <c r="H255108" s="12"/>
    </row>
    <row r="255109" spans="8:8">
      <c r="H255109" s="12"/>
    </row>
    <row r="255110" spans="8:8">
      <c r="H255110" s="12"/>
    </row>
    <row r="255111" spans="8:8">
      <c r="H255111" s="12"/>
    </row>
    <row r="255112" spans="8:8">
      <c r="H255112" s="12"/>
    </row>
    <row r="255113" spans="8:8">
      <c r="H255113" s="12"/>
    </row>
    <row r="255114" spans="8:8">
      <c r="H255114" s="12"/>
    </row>
    <row r="255115" spans="8:8">
      <c r="H255115" s="12"/>
    </row>
    <row r="255116" spans="8:8">
      <c r="H255116" s="12"/>
    </row>
    <row r="255117" spans="8:8">
      <c r="H255117" s="12"/>
    </row>
    <row r="255118" spans="8:8">
      <c r="H255118" s="12"/>
    </row>
    <row r="255119" spans="8:8">
      <c r="H255119" s="12"/>
    </row>
    <row r="255120" spans="8:8">
      <c r="H255120" s="12"/>
    </row>
    <row r="255121" spans="8:8">
      <c r="H255121" s="12"/>
    </row>
    <row r="255122" spans="8:8">
      <c r="H255122" s="12"/>
    </row>
    <row r="255123" spans="8:8">
      <c r="H255123" s="12"/>
    </row>
    <row r="255124" spans="8:8">
      <c r="H255124" s="12"/>
    </row>
    <row r="255125" spans="8:8">
      <c r="H255125" s="12"/>
    </row>
    <row r="255126" spans="8:8">
      <c r="H255126" s="12"/>
    </row>
    <row r="255127" spans="8:8">
      <c r="H255127" s="12"/>
    </row>
    <row r="255128" spans="8:8">
      <c r="H255128" s="12"/>
    </row>
    <row r="255129" spans="8:8">
      <c r="H255129" s="12"/>
    </row>
    <row r="255130" spans="8:8">
      <c r="H255130" s="12"/>
    </row>
    <row r="255131" spans="8:8">
      <c r="H255131" s="12"/>
    </row>
    <row r="255132" spans="8:8">
      <c r="H255132" s="12"/>
    </row>
    <row r="255133" spans="8:8">
      <c r="H255133" s="12"/>
    </row>
    <row r="255134" spans="8:8">
      <c r="H255134" s="12"/>
    </row>
    <row r="255135" spans="8:8">
      <c r="H255135" s="12"/>
    </row>
    <row r="255136" spans="8:8">
      <c r="H255136" s="12"/>
    </row>
    <row r="255137" spans="8:8">
      <c r="H255137" s="12"/>
    </row>
    <row r="255138" spans="8:8">
      <c r="H255138" s="12"/>
    </row>
    <row r="255139" spans="8:8">
      <c r="H255139" s="12"/>
    </row>
    <row r="255140" spans="8:8">
      <c r="H255140" s="12"/>
    </row>
    <row r="255141" spans="8:8">
      <c r="H255141" s="12"/>
    </row>
    <row r="255142" spans="8:8">
      <c r="H255142" s="12"/>
    </row>
    <row r="255143" spans="8:8">
      <c r="H255143" s="12"/>
    </row>
    <row r="255144" spans="8:8">
      <c r="H255144" s="12"/>
    </row>
    <row r="255145" spans="8:8">
      <c r="H255145" s="12"/>
    </row>
    <row r="255146" spans="8:8">
      <c r="H255146" s="12"/>
    </row>
    <row r="255147" spans="8:8">
      <c r="H255147" s="12"/>
    </row>
    <row r="255148" spans="8:8">
      <c r="H255148" s="12"/>
    </row>
    <row r="255149" spans="8:8">
      <c r="H255149" s="12"/>
    </row>
    <row r="255150" spans="8:8">
      <c r="H255150" s="12"/>
    </row>
    <row r="255151" spans="8:8">
      <c r="H255151" s="12"/>
    </row>
    <row r="255152" spans="8:8">
      <c r="H255152" s="12"/>
    </row>
    <row r="255153" spans="8:8">
      <c r="H255153" s="12"/>
    </row>
    <row r="255154" spans="8:8">
      <c r="H255154" s="12"/>
    </row>
    <row r="255155" spans="8:8">
      <c r="H255155" s="12"/>
    </row>
    <row r="255156" spans="8:8">
      <c r="H255156" s="12"/>
    </row>
    <row r="255157" spans="8:8">
      <c r="H255157" s="12"/>
    </row>
    <row r="255158" spans="8:8">
      <c r="H255158" s="12"/>
    </row>
    <row r="255159" spans="8:8">
      <c r="H255159" s="12"/>
    </row>
    <row r="255160" spans="8:8">
      <c r="H255160" s="12"/>
    </row>
    <row r="255161" spans="8:8">
      <c r="H255161" s="12"/>
    </row>
    <row r="255162" spans="8:8">
      <c r="H255162" s="12"/>
    </row>
    <row r="255163" spans="8:8">
      <c r="H255163" s="12"/>
    </row>
    <row r="255164" spans="8:8">
      <c r="H255164" s="12"/>
    </row>
    <row r="255165" spans="8:8">
      <c r="H255165" s="12"/>
    </row>
    <row r="255166" spans="8:8">
      <c r="H255166" s="12"/>
    </row>
    <row r="255167" spans="8:8">
      <c r="H255167" s="12"/>
    </row>
    <row r="255168" spans="8:8">
      <c r="H255168" s="12"/>
    </row>
    <row r="255169" spans="8:8">
      <c r="H255169" s="12"/>
    </row>
    <row r="255170" spans="8:8">
      <c r="H255170" s="12"/>
    </row>
    <row r="255171" spans="8:8">
      <c r="H255171" s="12"/>
    </row>
    <row r="255172" spans="8:8">
      <c r="H255172" s="12"/>
    </row>
    <row r="255173" spans="8:8">
      <c r="H255173" s="12"/>
    </row>
    <row r="255174" spans="8:8">
      <c r="H255174" s="12"/>
    </row>
    <row r="255175" spans="8:8">
      <c r="H255175" s="12"/>
    </row>
    <row r="255176" spans="8:8">
      <c r="H255176" s="12"/>
    </row>
    <row r="255177" spans="8:8">
      <c r="H255177" s="12"/>
    </row>
    <row r="255178" spans="8:8">
      <c r="H255178" s="12"/>
    </row>
    <row r="255179" spans="8:8">
      <c r="H255179" s="12"/>
    </row>
    <row r="255180" spans="8:8">
      <c r="H255180" s="12"/>
    </row>
    <row r="255181" spans="8:8">
      <c r="H255181" s="12"/>
    </row>
    <row r="255182" spans="8:8">
      <c r="H255182" s="12"/>
    </row>
    <row r="255183" spans="8:8">
      <c r="H255183" s="12"/>
    </row>
    <row r="255184" spans="8:8">
      <c r="H255184" s="12"/>
    </row>
    <row r="255185" spans="8:8">
      <c r="H255185" s="12"/>
    </row>
    <row r="255186" spans="8:8">
      <c r="H255186" s="12"/>
    </row>
    <row r="255187" spans="8:8">
      <c r="H255187" s="12"/>
    </row>
    <row r="255188" spans="8:8">
      <c r="H255188" s="12"/>
    </row>
    <row r="255189" spans="8:8">
      <c r="H255189" s="12"/>
    </row>
    <row r="255190" spans="8:8">
      <c r="H255190" s="12"/>
    </row>
    <row r="255191" spans="8:8">
      <c r="H255191" s="12"/>
    </row>
    <row r="255192" spans="8:8">
      <c r="H255192" s="12"/>
    </row>
    <row r="255193" spans="8:8">
      <c r="H255193" s="12"/>
    </row>
    <row r="255194" spans="8:8">
      <c r="H255194" s="12"/>
    </row>
    <row r="255195" spans="8:8">
      <c r="H255195" s="12"/>
    </row>
    <row r="255196" spans="8:8">
      <c r="H255196" s="12"/>
    </row>
    <row r="255197" spans="8:8">
      <c r="H255197" s="12"/>
    </row>
    <row r="255198" spans="8:8">
      <c r="H255198" s="12"/>
    </row>
    <row r="255199" spans="8:8">
      <c r="H255199" s="12"/>
    </row>
    <row r="255200" spans="8:8">
      <c r="H255200" s="12"/>
    </row>
    <row r="255201" spans="8:8">
      <c r="H255201" s="12"/>
    </row>
    <row r="255202" spans="8:8">
      <c r="H255202" s="12"/>
    </row>
    <row r="255203" spans="8:8">
      <c r="H255203" s="12"/>
    </row>
    <row r="255204" spans="8:8">
      <c r="H255204" s="12"/>
    </row>
    <row r="255205" spans="8:8">
      <c r="H255205" s="12"/>
    </row>
    <row r="255206" spans="8:8">
      <c r="H255206" s="12"/>
    </row>
    <row r="255207" spans="8:8">
      <c r="H255207" s="12"/>
    </row>
    <row r="255208" spans="8:8">
      <c r="H255208" s="12"/>
    </row>
    <row r="255209" spans="8:8">
      <c r="H255209" s="12"/>
    </row>
    <row r="255210" spans="8:8">
      <c r="H255210" s="12"/>
    </row>
    <row r="255211" spans="8:8">
      <c r="H255211" s="12"/>
    </row>
    <row r="255212" spans="8:8">
      <c r="H255212" s="12"/>
    </row>
    <row r="255213" spans="8:8">
      <c r="H255213" s="12"/>
    </row>
    <row r="255214" spans="8:8">
      <c r="H255214" s="12"/>
    </row>
    <row r="255215" spans="8:8">
      <c r="H255215" s="12"/>
    </row>
    <row r="255216" spans="8:8">
      <c r="H255216" s="12"/>
    </row>
    <row r="255217" spans="8:8">
      <c r="H255217" s="12"/>
    </row>
    <row r="255218" spans="8:8">
      <c r="H255218" s="12"/>
    </row>
    <row r="255219" spans="8:8">
      <c r="H255219" s="12"/>
    </row>
    <row r="255220" spans="8:8">
      <c r="H255220" s="12"/>
    </row>
    <row r="255221" spans="8:8">
      <c r="H255221" s="12"/>
    </row>
    <row r="255222" spans="8:8">
      <c r="H255222" s="12"/>
    </row>
    <row r="255223" spans="8:8">
      <c r="H255223" s="12"/>
    </row>
    <row r="255224" spans="8:8">
      <c r="H255224" s="12"/>
    </row>
    <row r="255225" spans="8:8">
      <c r="H255225" s="12"/>
    </row>
    <row r="255226" spans="8:8">
      <c r="H255226" s="12"/>
    </row>
    <row r="255227" spans="8:8">
      <c r="H255227" s="12"/>
    </row>
    <row r="255228" spans="8:8">
      <c r="H255228" s="12"/>
    </row>
    <row r="255229" spans="8:8">
      <c r="H255229" s="12"/>
    </row>
    <row r="255230" spans="8:8">
      <c r="H255230" s="12"/>
    </row>
    <row r="255231" spans="8:8">
      <c r="H255231" s="12"/>
    </row>
    <row r="255232" spans="8:8">
      <c r="H255232" s="12"/>
    </row>
    <row r="255233" spans="8:8">
      <c r="H255233" s="12"/>
    </row>
    <row r="255234" spans="8:8">
      <c r="H255234" s="12"/>
    </row>
    <row r="255235" spans="8:8">
      <c r="H255235" s="12"/>
    </row>
    <row r="255236" spans="8:8">
      <c r="H255236" s="12"/>
    </row>
    <row r="255237" spans="8:8">
      <c r="H255237" s="12"/>
    </row>
    <row r="255238" spans="8:8">
      <c r="H255238" s="12"/>
    </row>
    <row r="255239" spans="8:8">
      <c r="H255239" s="12"/>
    </row>
    <row r="255240" spans="8:8">
      <c r="H255240" s="12"/>
    </row>
    <row r="255241" spans="8:8">
      <c r="H255241" s="12"/>
    </row>
    <row r="255242" spans="8:8">
      <c r="H255242" s="12"/>
    </row>
    <row r="255243" spans="8:8">
      <c r="H255243" s="12"/>
    </row>
    <row r="255244" spans="8:8">
      <c r="H255244" s="12"/>
    </row>
    <row r="255245" spans="8:8">
      <c r="H255245" s="12"/>
    </row>
    <row r="255246" spans="8:8">
      <c r="H255246" s="12"/>
    </row>
    <row r="255247" spans="8:8">
      <c r="H255247" s="12"/>
    </row>
    <row r="255248" spans="8:8">
      <c r="H255248" s="12"/>
    </row>
    <row r="255249" spans="8:8">
      <c r="H255249" s="12"/>
    </row>
    <row r="255250" spans="8:8">
      <c r="H255250" s="12"/>
    </row>
    <row r="255251" spans="8:8">
      <c r="H255251" s="12"/>
    </row>
    <row r="255252" spans="8:8">
      <c r="H255252" s="12"/>
    </row>
    <row r="255253" spans="8:8">
      <c r="H255253" s="12"/>
    </row>
    <row r="255254" spans="8:8">
      <c r="H255254" s="12"/>
    </row>
    <row r="255255" spans="8:8">
      <c r="H255255" s="12"/>
    </row>
    <row r="255256" spans="8:8">
      <c r="H255256" s="12"/>
    </row>
    <row r="255257" spans="8:8">
      <c r="H255257" s="12"/>
    </row>
    <row r="255258" spans="8:8">
      <c r="H255258" s="12"/>
    </row>
    <row r="255259" spans="8:8">
      <c r="H255259" s="12"/>
    </row>
    <row r="255260" spans="8:8">
      <c r="H255260" s="12"/>
    </row>
    <row r="255261" spans="8:8">
      <c r="H255261" s="12"/>
    </row>
    <row r="255262" spans="8:8">
      <c r="H255262" s="12"/>
    </row>
    <row r="255263" spans="8:8">
      <c r="H255263" s="12"/>
    </row>
    <row r="255264" spans="8:8">
      <c r="H255264" s="12"/>
    </row>
    <row r="255265" spans="8:8">
      <c r="H255265" s="12"/>
    </row>
    <row r="255266" spans="8:8">
      <c r="H255266" s="12"/>
    </row>
    <row r="255267" spans="8:8">
      <c r="H255267" s="12"/>
    </row>
    <row r="255268" spans="8:8">
      <c r="H255268" s="12"/>
    </row>
    <row r="255269" spans="8:8">
      <c r="H255269" s="12"/>
    </row>
    <row r="255270" spans="8:8">
      <c r="H255270" s="12"/>
    </row>
    <row r="255271" spans="8:8">
      <c r="H255271" s="12"/>
    </row>
    <row r="255272" spans="8:8">
      <c r="H255272" s="12"/>
    </row>
    <row r="255273" spans="8:8">
      <c r="H255273" s="12"/>
    </row>
    <row r="255274" spans="8:8">
      <c r="H255274" s="12"/>
    </row>
    <row r="255275" spans="8:8">
      <c r="H255275" s="12"/>
    </row>
    <row r="255276" spans="8:8">
      <c r="H255276" s="12"/>
    </row>
    <row r="255277" spans="8:8">
      <c r="H255277" s="12"/>
    </row>
    <row r="255278" spans="8:8">
      <c r="H255278" s="12"/>
    </row>
    <row r="255279" spans="8:8">
      <c r="H255279" s="12"/>
    </row>
    <row r="255280" spans="8:8">
      <c r="H255280" s="12"/>
    </row>
    <row r="255281" spans="8:8">
      <c r="H255281" s="12"/>
    </row>
    <row r="255282" spans="8:8">
      <c r="H255282" s="12"/>
    </row>
    <row r="255283" spans="8:8">
      <c r="H255283" s="12"/>
    </row>
    <row r="255284" spans="8:8">
      <c r="H255284" s="12"/>
    </row>
    <row r="255285" spans="8:8">
      <c r="H255285" s="12"/>
    </row>
    <row r="255286" spans="8:8">
      <c r="H255286" s="12"/>
    </row>
    <row r="255287" spans="8:8">
      <c r="H255287" s="12"/>
    </row>
    <row r="255288" spans="8:8">
      <c r="H255288" s="12"/>
    </row>
    <row r="255289" spans="8:8">
      <c r="H255289" s="12"/>
    </row>
    <row r="255290" spans="8:8">
      <c r="H255290" s="12"/>
    </row>
    <row r="255291" spans="8:8">
      <c r="H255291" s="12"/>
    </row>
    <row r="255292" spans="8:8">
      <c r="H255292" s="12"/>
    </row>
    <row r="255293" spans="8:8">
      <c r="H255293" s="12"/>
    </row>
    <row r="255294" spans="8:8">
      <c r="H255294" s="12"/>
    </row>
    <row r="255295" spans="8:8">
      <c r="H255295" s="12"/>
    </row>
    <row r="255296" spans="8:8">
      <c r="H255296" s="12"/>
    </row>
    <row r="255297" spans="8:8">
      <c r="H255297" s="12"/>
    </row>
    <row r="255298" spans="8:8">
      <c r="H255298" s="12"/>
    </row>
    <row r="255299" spans="8:8">
      <c r="H255299" s="12"/>
    </row>
    <row r="255300" spans="8:8">
      <c r="H255300" s="12"/>
    </row>
    <row r="255301" spans="8:8">
      <c r="H255301" s="12"/>
    </row>
    <row r="255302" spans="8:8">
      <c r="H255302" s="12"/>
    </row>
    <row r="255303" spans="8:8">
      <c r="H255303" s="12"/>
    </row>
    <row r="255304" spans="8:8">
      <c r="H255304" s="12"/>
    </row>
    <row r="255305" spans="8:8">
      <c r="H255305" s="12"/>
    </row>
    <row r="255306" spans="8:8">
      <c r="H255306" s="12"/>
    </row>
    <row r="255307" spans="8:8">
      <c r="H255307" s="12"/>
    </row>
    <row r="255308" spans="8:8">
      <c r="H255308" s="12"/>
    </row>
    <row r="255309" spans="8:8">
      <c r="H255309" s="12"/>
    </row>
    <row r="255310" spans="8:8">
      <c r="H255310" s="12"/>
    </row>
    <row r="255311" spans="8:8">
      <c r="H255311" s="12"/>
    </row>
    <row r="255312" spans="8:8">
      <c r="H255312" s="12"/>
    </row>
    <row r="255313" spans="8:8">
      <c r="H255313" s="12"/>
    </row>
    <row r="255314" spans="8:8">
      <c r="H255314" s="12"/>
    </row>
    <row r="255315" spans="8:8">
      <c r="H255315" s="12"/>
    </row>
    <row r="255316" spans="8:8">
      <c r="H255316" s="12"/>
    </row>
    <row r="255317" spans="8:8">
      <c r="H255317" s="12"/>
    </row>
    <row r="255318" spans="8:8">
      <c r="H255318" s="12"/>
    </row>
    <row r="255319" spans="8:8">
      <c r="H255319" s="12"/>
    </row>
    <row r="255320" spans="8:8">
      <c r="H255320" s="12"/>
    </row>
    <row r="255321" spans="8:8">
      <c r="H255321" s="12"/>
    </row>
    <row r="255322" spans="8:8">
      <c r="H255322" s="12"/>
    </row>
    <row r="255323" spans="8:8">
      <c r="H255323" s="12"/>
    </row>
    <row r="255324" spans="8:8">
      <c r="H255324" s="12"/>
    </row>
    <row r="255325" spans="8:8">
      <c r="H255325" s="12"/>
    </row>
    <row r="255326" spans="8:8">
      <c r="H255326" s="12"/>
    </row>
    <row r="255327" spans="8:8">
      <c r="H255327" s="12"/>
    </row>
    <row r="255328" spans="8:8">
      <c r="H255328" s="12"/>
    </row>
    <row r="255329" spans="8:8">
      <c r="H255329" s="12"/>
    </row>
    <row r="255330" spans="8:8">
      <c r="H255330" s="12"/>
    </row>
    <row r="255331" spans="8:8">
      <c r="H255331" s="12"/>
    </row>
    <row r="255332" spans="8:8">
      <c r="H255332" s="12"/>
    </row>
    <row r="255333" spans="8:8">
      <c r="H255333" s="12"/>
    </row>
    <row r="255334" spans="8:8">
      <c r="H255334" s="12"/>
    </row>
    <row r="255335" spans="8:8">
      <c r="H255335" s="12"/>
    </row>
    <row r="255336" spans="8:8">
      <c r="H255336" s="12"/>
    </row>
    <row r="255337" spans="8:8">
      <c r="H255337" s="12"/>
    </row>
    <row r="255338" spans="8:8">
      <c r="H255338" s="12"/>
    </row>
    <row r="255339" spans="8:8">
      <c r="H255339" s="12"/>
    </row>
    <row r="255340" spans="8:8">
      <c r="H255340" s="12"/>
    </row>
    <row r="255341" spans="8:8">
      <c r="H255341" s="12"/>
    </row>
    <row r="255342" spans="8:8">
      <c r="H255342" s="12"/>
    </row>
    <row r="255343" spans="8:8">
      <c r="H255343" s="12"/>
    </row>
    <row r="255344" spans="8:8">
      <c r="H255344" s="12"/>
    </row>
    <row r="255345" spans="8:8">
      <c r="H255345" s="12"/>
    </row>
    <row r="255346" spans="8:8">
      <c r="H255346" s="12"/>
    </row>
    <row r="255347" spans="8:8">
      <c r="H255347" s="12"/>
    </row>
    <row r="255348" spans="8:8">
      <c r="H255348" s="12"/>
    </row>
    <row r="255349" spans="8:8">
      <c r="H255349" s="12"/>
    </row>
    <row r="255350" spans="8:8">
      <c r="H255350" s="12"/>
    </row>
    <row r="255351" spans="8:8">
      <c r="H255351" s="12"/>
    </row>
    <row r="255352" spans="8:8">
      <c r="H255352" s="12"/>
    </row>
    <row r="255353" spans="8:8">
      <c r="H255353" s="12"/>
    </row>
    <row r="255354" spans="8:8">
      <c r="H255354" s="12"/>
    </row>
    <row r="255355" spans="8:8">
      <c r="H255355" s="12"/>
    </row>
    <row r="255356" spans="8:8">
      <c r="H255356" s="12"/>
    </row>
    <row r="255357" spans="8:8">
      <c r="H255357" s="12"/>
    </row>
    <row r="255358" spans="8:8">
      <c r="H255358" s="12"/>
    </row>
    <row r="255359" spans="8:8">
      <c r="H255359" s="12"/>
    </row>
    <row r="255360" spans="8:8">
      <c r="H255360" s="12"/>
    </row>
    <row r="255361" spans="8:8">
      <c r="H255361" s="12"/>
    </row>
    <row r="255362" spans="8:8">
      <c r="H255362" s="12"/>
    </row>
    <row r="255363" spans="8:8">
      <c r="H255363" s="12"/>
    </row>
    <row r="255364" spans="8:8">
      <c r="H255364" s="12"/>
    </row>
    <row r="255365" spans="8:8">
      <c r="H255365" s="12"/>
    </row>
    <row r="255366" spans="8:8">
      <c r="H255366" s="12"/>
    </row>
    <row r="255367" spans="8:8">
      <c r="H255367" s="12"/>
    </row>
    <row r="255368" spans="8:8">
      <c r="H255368" s="12"/>
    </row>
    <row r="255369" spans="8:8">
      <c r="H255369" s="12"/>
    </row>
    <row r="255370" spans="8:8">
      <c r="H255370" s="12"/>
    </row>
    <row r="255371" spans="8:8">
      <c r="H255371" s="12"/>
    </row>
    <row r="255372" spans="8:8">
      <c r="H255372" s="12"/>
    </row>
    <row r="255373" spans="8:8">
      <c r="H255373" s="12"/>
    </row>
    <row r="255374" spans="8:8">
      <c r="H255374" s="12"/>
    </row>
    <row r="255375" spans="8:8">
      <c r="H255375" s="12"/>
    </row>
    <row r="255376" spans="8:8">
      <c r="H255376" s="12"/>
    </row>
    <row r="255377" spans="8:8">
      <c r="H255377" s="12"/>
    </row>
    <row r="255378" spans="8:8">
      <c r="H255378" s="12"/>
    </row>
    <row r="255379" spans="8:8">
      <c r="H255379" s="12"/>
    </row>
    <row r="255380" spans="8:8">
      <c r="H255380" s="12"/>
    </row>
    <row r="255381" spans="8:8">
      <c r="H255381" s="12"/>
    </row>
    <row r="255382" spans="8:8">
      <c r="H255382" s="12"/>
    </row>
    <row r="255383" spans="8:8">
      <c r="H255383" s="12"/>
    </row>
    <row r="255384" spans="8:8">
      <c r="H255384" s="12"/>
    </row>
    <row r="255385" spans="8:8">
      <c r="H255385" s="12"/>
    </row>
    <row r="255386" spans="8:8">
      <c r="H255386" s="12"/>
    </row>
    <row r="255387" spans="8:8">
      <c r="H255387" s="12"/>
    </row>
    <row r="255388" spans="8:8">
      <c r="H255388" s="12"/>
    </row>
    <row r="255389" spans="8:8">
      <c r="H255389" s="12"/>
    </row>
    <row r="255390" spans="8:8">
      <c r="H255390" s="12"/>
    </row>
    <row r="255391" spans="8:8">
      <c r="H255391" s="12"/>
    </row>
    <row r="255392" spans="8:8">
      <c r="H255392" s="12"/>
    </row>
    <row r="255393" spans="8:8">
      <c r="H255393" s="12"/>
    </row>
    <row r="255394" spans="8:8">
      <c r="H255394" s="12"/>
    </row>
    <row r="255395" spans="8:8">
      <c r="H255395" s="12"/>
    </row>
    <row r="255396" spans="8:8">
      <c r="H255396" s="12"/>
    </row>
    <row r="255397" spans="8:8">
      <c r="H255397" s="12"/>
    </row>
    <row r="255398" spans="8:8">
      <c r="H255398" s="12"/>
    </row>
    <row r="255399" spans="8:8">
      <c r="H255399" s="12"/>
    </row>
    <row r="255400" spans="8:8">
      <c r="H255400" s="12"/>
    </row>
    <row r="255401" spans="8:8">
      <c r="H255401" s="12"/>
    </row>
    <row r="255402" spans="8:8">
      <c r="H255402" s="12"/>
    </row>
    <row r="255403" spans="8:8">
      <c r="H255403" s="12"/>
    </row>
    <row r="255404" spans="8:8">
      <c r="H255404" s="12"/>
    </row>
    <row r="255405" spans="8:8">
      <c r="H255405" s="12"/>
    </row>
    <row r="255406" spans="8:8">
      <c r="H255406" s="12"/>
    </row>
    <row r="255407" spans="8:8">
      <c r="H255407" s="12"/>
    </row>
    <row r="255408" spans="8:8">
      <c r="H255408" s="12"/>
    </row>
    <row r="255409" spans="8:8">
      <c r="H255409" s="12"/>
    </row>
    <row r="255410" spans="8:8">
      <c r="H255410" s="12"/>
    </row>
    <row r="255411" spans="8:8">
      <c r="H255411" s="12"/>
    </row>
    <row r="255412" spans="8:8">
      <c r="H255412" s="12"/>
    </row>
    <row r="255413" spans="8:8">
      <c r="H255413" s="12"/>
    </row>
    <row r="255414" spans="8:8">
      <c r="H255414" s="12"/>
    </row>
    <row r="255415" spans="8:8">
      <c r="H255415" s="12"/>
    </row>
    <row r="255416" spans="8:8">
      <c r="H255416" s="12"/>
    </row>
    <row r="255417" spans="8:8">
      <c r="H255417" s="12"/>
    </row>
    <row r="255418" spans="8:8">
      <c r="H255418" s="12"/>
    </row>
    <row r="255419" spans="8:8">
      <c r="H255419" s="12"/>
    </row>
    <row r="255420" spans="8:8">
      <c r="H255420" s="12"/>
    </row>
    <row r="255421" spans="8:8">
      <c r="H255421" s="12"/>
    </row>
    <row r="255422" spans="8:8">
      <c r="H255422" s="12"/>
    </row>
    <row r="255423" spans="8:8">
      <c r="H255423" s="12"/>
    </row>
    <row r="255424" spans="8:8">
      <c r="H255424" s="12"/>
    </row>
    <row r="255425" spans="8:8">
      <c r="H255425" s="12"/>
    </row>
    <row r="255426" spans="8:8">
      <c r="H255426" s="12"/>
    </row>
    <row r="255427" spans="8:8">
      <c r="H255427" s="12"/>
    </row>
    <row r="255428" spans="8:8">
      <c r="H255428" s="12"/>
    </row>
    <row r="255429" spans="8:8">
      <c r="H255429" s="12"/>
    </row>
    <row r="255430" spans="8:8">
      <c r="H255430" s="12"/>
    </row>
    <row r="255431" spans="8:8">
      <c r="H255431" s="12"/>
    </row>
    <row r="255432" spans="8:8">
      <c r="H255432" s="12"/>
    </row>
    <row r="255433" spans="8:8">
      <c r="H255433" s="12"/>
    </row>
    <row r="255434" spans="8:8">
      <c r="H255434" s="12"/>
    </row>
    <row r="255435" spans="8:8">
      <c r="H255435" s="12"/>
    </row>
    <row r="255436" spans="8:8">
      <c r="H255436" s="12"/>
    </row>
    <row r="255437" spans="8:8">
      <c r="H255437" s="12"/>
    </row>
    <row r="255438" spans="8:8">
      <c r="H255438" s="12"/>
    </row>
    <row r="255439" spans="8:8">
      <c r="H255439" s="12"/>
    </row>
    <row r="255440" spans="8:8">
      <c r="H255440" s="12"/>
    </row>
    <row r="255441" spans="8:8">
      <c r="H255441" s="12"/>
    </row>
    <row r="255442" spans="8:8">
      <c r="H255442" s="12"/>
    </row>
    <row r="255443" spans="8:8">
      <c r="H255443" s="12"/>
    </row>
    <row r="255444" spans="8:8">
      <c r="H255444" s="12"/>
    </row>
    <row r="255445" spans="8:8">
      <c r="H255445" s="12"/>
    </row>
    <row r="255446" spans="8:8">
      <c r="H255446" s="12"/>
    </row>
    <row r="255447" spans="8:8">
      <c r="H255447" s="12"/>
    </row>
    <row r="255448" spans="8:8">
      <c r="H255448" s="12"/>
    </row>
    <row r="255449" spans="8:8">
      <c r="H255449" s="12"/>
    </row>
    <row r="255450" spans="8:8">
      <c r="H255450" s="12"/>
    </row>
    <row r="255451" spans="8:8">
      <c r="H255451" s="12"/>
    </row>
    <row r="255452" spans="8:8">
      <c r="H255452" s="12"/>
    </row>
    <row r="255453" spans="8:8">
      <c r="H255453" s="12"/>
    </row>
    <row r="255454" spans="8:8">
      <c r="H255454" s="12"/>
    </row>
    <row r="255455" spans="8:8">
      <c r="H255455" s="12"/>
    </row>
    <row r="255456" spans="8:8">
      <c r="H255456" s="12"/>
    </row>
    <row r="255457" spans="8:8">
      <c r="H255457" s="12"/>
    </row>
    <row r="255458" spans="8:8">
      <c r="H255458" s="12"/>
    </row>
    <row r="255459" spans="8:8">
      <c r="H255459" s="12"/>
    </row>
    <row r="255460" spans="8:8">
      <c r="H255460" s="12"/>
    </row>
    <row r="255461" spans="8:8">
      <c r="H255461" s="12"/>
    </row>
    <row r="255462" spans="8:8">
      <c r="H255462" s="12"/>
    </row>
    <row r="255463" spans="8:8">
      <c r="H255463" s="12"/>
    </row>
    <row r="255464" spans="8:8">
      <c r="H255464" s="12"/>
    </row>
    <row r="255465" spans="8:8">
      <c r="H255465" s="12"/>
    </row>
    <row r="255466" spans="8:8">
      <c r="H255466" s="12"/>
    </row>
    <row r="255467" spans="8:8">
      <c r="H255467" s="12"/>
    </row>
    <row r="255468" spans="8:8">
      <c r="H255468" s="12"/>
    </row>
    <row r="255469" spans="8:8">
      <c r="H255469" s="12"/>
    </row>
    <row r="255470" spans="8:8">
      <c r="H255470" s="12"/>
    </row>
    <row r="255471" spans="8:8">
      <c r="H255471" s="12"/>
    </row>
    <row r="255472" spans="8:8">
      <c r="H255472" s="12"/>
    </row>
    <row r="255473" spans="8:8">
      <c r="H255473" s="12"/>
    </row>
    <row r="255474" spans="8:8">
      <c r="H255474" s="12"/>
    </row>
    <row r="255475" spans="8:8">
      <c r="H255475" s="12"/>
    </row>
    <row r="255476" spans="8:8">
      <c r="H255476" s="12"/>
    </row>
    <row r="255477" spans="8:8">
      <c r="H255477" s="12"/>
    </row>
    <row r="255478" spans="8:8">
      <c r="H255478" s="12"/>
    </row>
    <row r="255479" spans="8:8">
      <c r="H255479" s="12"/>
    </row>
    <row r="255480" spans="8:8">
      <c r="H255480" s="12"/>
    </row>
    <row r="255481" spans="8:8">
      <c r="H255481" s="12"/>
    </row>
    <row r="255482" spans="8:8">
      <c r="H255482" s="12"/>
    </row>
    <row r="255483" spans="8:8">
      <c r="H255483" s="12"/>
    </row>
    <row r="255484" spans="8:8">
      <c r="H255484" s="12"/>
    </row>
    <row r="255485" spans="8:8">
      <c r="H255485" s="12"/>
    </row>
    <row r="255486" spans="8:8">
      <c r="H255486" s="12"/>
    </row>
    <row r="255487" spans="8:8">
      <c r="H255487" s="12"/>
    </row>
    <row r="255488" spans="8:8">
      <c r="H255488" s="12"/>
    </row>
    <row r="255489" spans="8:8">
      <c r="H255489" s="12"/>
    </row>
    <row r="255490" spans="8:8">
      <c r="H255490" s="12"/>
    </row>
    <row r="255491" spans="8:8">
      <c r="H255491" s="12"/>
    </row>
    <row r="255492" spans="8:8">
      <c r="H255492" s="12"/>
    </row>
    <row r="255493" spans="8:8">
      <c r="H255493" s="12"/>
    </row>
    <row r="255494" spans="8:8">
      <c r="H255494" s="12"/>
    </row>
    <row r="255495" spans="8:8">
      <c r="H255495" s="12"/>
    </row>
    <row r="255496" spans="8:8">
      <c r="H255496" s="12"/>
    </row>
    <row r="255497" spans="8:8">
      <c r="H255497" s="12"/>
    </row>
    <row r="255498" spans="8:8">
      <c r="H255498" s="12"/>
    </row>
    <row r="255499" spans="8:8">
      <c r="H255499" s="12"/>
    </row>
    <row r="255500" spans="8:8">
      <c r="H255500" s="12"/>
    </row>
    <row r="255501" spans="8:8">
      <c r="H255501" s="12"/>
    </row>
    <row r="255502" spans="8:8">
      <c r="H255502" s="12"/>
    </row>
    <row r="255503" spans="8:8">
      <c r="H255503" s="12"/>
    </row>
    <row r="255504" spans="8:8">
      <c r="H255504" s="12"/>
    </row>
    <row r="255505" spans="8:8">
      <c r="H255505" s="12"/>
    </row>
    <row r="255506" spans="8:8">
      <c r="H255506" s="12"/>
    </row>
    <row r="255507" spans="8:8">
      <c r="H255507" s="12"/>
    </row>
    <row r="255508" spans="8:8">
      <c r="H255508" s="12"/>
    </row>
    <row r="255509" spans="8:8">
      <c r="H255509" s="12"/>
    </row>
    <row r="255510" spans="8:8">
      <c r="H255510" s="12"/>
    </row>
    <row r="255511" spans="8:8">
      <c r="H255511" s="12"/>
    </row>
    <row r="255512" spans="8:8">
      <c r="H255512" s="12"/>
    </row>
    <row r="255513" spans="8:8">
      <c r="H255513" s="12"/>
    </row>
    <row r="255514" spans="8:8">
      <c r="H255514" s="12"/>
    </row>
    <row r="255515" spans="8:8">
      <c r="H255515" s="12"/>
    </row>
    <row r="255516" spans="8:8">
      <c r="H255516" s="12"/>
    </row>
    <row r="255517" spans="8:8">
      <c r="H255517" s="12"/>
    </row>
    <row r="255518" spans="8:8">
      <c r="H255518" s="12"/>
    </row>
    <row r="255519" spans="8:8">
      <c r="H255519" s="12"/>
    </row>
    <row r="255520" spans="8:8">
      <c r="H255520" s="12"/>
    </row>
    <row r="255521" spans="8:8">
      <c r="H255521" s="12"/>
    </row>
    <row r="255522" spans="8:8">
      <c r="H255522" s="12"/>
    </row>
    <row r="255523" spans="8:8">
      <c r="H255523" s="12"/>
    </row>
    <row r="255524" spans="8:8">
      <c r="H255524" s="12"/>
    </row>
    <row r="255525" spans="8:8">
      <c r="H255525" s="12"/>
    </row>
    <row r="255526" spans="8:8">
      <c r="H255526" s="12"/>
    </row>
    <row r="255527" spans="8:8">
      <c r="H255527" s="12"/>
    </row>
    <row r="255528" spans="8:8">
      <c r="H255528" s="12"/>
    </row>
    <row r="255529" spans="8:8">
      <c r="H255529" s="12"/>
    </row>
    <row r="255530" spans="8:8">
      <c r="H255530" s="12"/>
    </row>
    <row r="255531" spans="8:8">
      <c r="H255531" s="12"/>
    </row>
    <row r="255532" spans="8:8">
      <c r="H255532" s="12"/>
    </row>
    <row r="255533" spans="8:8">
      <c r="H255533" s="12"/>
    </row>
    <row r="255534" spans="8:8">
      <c r="H255534" s="12"/>
    </row>
    <row r="255535" spans="8:8">
      <c r="H255535" s="12"/>
    </row>
    <row r="255536" spans="8:8">
      <c r="H255536" s="12"/>
    </row>
    <row r="255537" spans="8:8">
      <c r="H255537" s="12"/>
    </row>
    <row r="255538" spans="8:8">
      <c r="H255538" s="12"/>
    </row>
    <row r="255539" spans="8:8">
      <c r="H255539" s="12"/>
    </row>
    <row r="255540" spans="8:8">
      <c r="H255540" s="12"/>
    </row>
    <row r="255541" spans="8:8">
      <c r="H255541" s="12"/>
    </row>
    <row r="255542" spans="8:8">
      <c r="H255542" s="12"/>
    </row>
    <row r="255543" spans="8:8">
      <c r="H255543" s="12"/>
    </row>
    <row r="255544" spans="8:8">
      <c r="H255544" s="12"/>
    </row>
    <row r="255545" spans="8:8">
      <c r="H255545" s="12"/>
    </row>
    <row r="255546" spans="8:8">
      <c r="H255546" s="12"/>
    </row>
    <row r="255547" spans="8:8">
      <c r="H255547" s="12"/>
    </row>
    <row r="255548" spans="8:8">
      <c r="H255548" s="12"/>
    </row>
    <row r="255549" spans="8:8">
      <c r="H255549" s="12"/>
    </row>
    <row r="255550" spans="8:8">
      <c r="H255550" s="12"/>
    </row>
    <row r="255551" spans="8:8">
      <c r="H255551" s="12"/>
    </row>
    <row r="255552" spans="8:8">
      <c r="H255552" s="12"/>
    </row>
    <row r="255553" spans="8:8">
      <c r="H255553" s="12"/>
    </row>
    <row r="255554" spans="8:8">
      <c r="H255554" s="12"/>
    </row>
    <row r="255555" spans="8:8">
      <c r="H255555" s="12"/>
    </row>
    <row r="255556" spans="8:8">
      <c r="H255556" s="12"/>
    </row>
    <row r="255557" spans="8:8">
      <c r="H255557" s="12"/>
    </row>
    <row r="255558" spans="8:8">
      <c r="H255558" s="12"/>
    </row>
    <row r="255559" spans="8:8">
      <c r="H255559" s="12"/>
    </row>
    <row r="255560" spans="8:8">
      <c r="H255560" s="12"/>
    </row>
    <row r="255561" spans="8:8">
      <c r="H255561" s="12"/>
    </row>
    <row r="255562" spans="8:8">
      <c r="H255562" s="12"/>
    </row>
    <row r="255563" spans="8:8">
      <c r="H255563" s="12"/>
    </row>
    <row r="255564" spans="8:8">
      <c r="H255564" s="12"/>
    </row>
    <row r="255565" spans="8:8">
      <c r="H255565" s="12"/>
    </row>
    <row r="255566" spans="8:8">
      <c r="H255566" s="12"/>
    </row>
    <row r="255567" spans="8:8">
      <c r="H255567" s="12"/>
    </row>
    <row r="255568" spans="8:8">
      <c r="H255568" s="12"/>
    </row>
    <row r="255569" spans="8:8">
      <c r="H255569" s="12"/>
    </row>
    <row r="255570" spans="8:8">
      <c r="H255570" s="12"/>
    </row>
    <row r="255571" spans="8:8">
      <c r="H255571" s="12"/>
    </row>
    <row r="255572" spans="8:8">
      <c r="H255572" s="12"/>
    </row>
    <row r="255573" spans="8:8">
      <c r="H255573" s="12"/>
    </row>
    <row r="255574" spans="8:8">
      <c r="H255574" s="12"/>
    </row>
    <row r="255575" spans="8:8">
      <c r="H255575" s="12"/>
    </row>
    <row r="255576" spans="8:8">
      <c r="H255576" s="12"/>
    </row>
    <row r="255577" spans="8:8">
      <c r="H255577" s="12"/>
    </row>
    <row r="255578" spans="8:8">
      <c r="H255578" s="12"/>
    </row>
    <row r="255579" spans="8:8">
      <c r="H255579" s="12"/>
    </row>
    <row r="255580" spans="8:8">
      <c r="H255580" s="12"/>
    </row>
    <row r="255581" spans="8:8">
      <c r="H255581" s="12"/>
    </row>
    <row r="255582" spans="8:8">
      <c r="H255582" s="12"/>
    </row>
    <row r="255583" spans="8:8">
      <c r="H255583" s="12"/>
    </row>
    <row r="255584" spans="8:8">
      <c r="H255584" s="12"/>
    </row>
    <row r="255585" spans="8:8">
      <c r="H255585" s="12"/>
    </row>
    <row r="255586" spans="8:8">
      <c r="H255586" s="12"/>
    </row>
    <row r="255587" spans="8:8">
      <c r="H255587" s="12"/>
    </row>
    <row r="255588" spans="8:8">
      <c r="H255588" s="12"/>
    </row>
    <row r="255589" spans="8:8">
      <c r="H255589" s="12"/>
    </row>
    <row r="255590" spans="8:8">
      <c r="H255590" s="12"/>
    </row>
    <row r="255591" spans="8:8">
      <c r="H255591" s="12"/>
    </row>
    <row r="255592" spans="8:8">
      <c r="H255592" s="12"/>
    </row>
    <row r="255593" spans="8:8">
      <c r="H255593" s="12"/>
    </row>
    <row r="255594" spans="8:8">
      <c r="H255594" s="12"/>
    </row>
    <row r="255595" spans="8:8">
      <c r="H255595" s="12"/>
    </row>
    <row r="255596" spans="8:8">
      <c r="H255596" s="12"/>
    </row>
    <row r="255597" spans="8:8">
      <c r="H255597" s="12"/>
    </row>
    <row r="255598" spans="8:8">
      <c r="H255598" s="12"/>
    </row>
    <row r="255599" spans="8:8">
      <c r="H255599" s="12"/>
    </row>
    <row r="255600" spans="8:8">
      <c r="H255600" s="12"/>
    </row>
    <row r="255601" spans="8:8">
      <c r="H255601" s="12"/>
    </row>
    <row r="255602" spans="8:8">
      <c r="H255602" s="12"/>
    </row>
    <row r="255603" spans="8:8">
      <c r="H255603" s="12"/>
    </row>
    <row r="255604" spans="8:8">
      <c r="H255604" s="12"/>
    </row>
    <row r="255605" spans="8:8">
      <c r="H255605" s="12"/>
    </row>
    <row r="255606" spans="8:8">
      <c r="H255606" s="12"/>
    </row>
    <row r="255607" spans="8:8">
      <c r="H255607" s="12"/>
    </row>
    <row r="255608" spans="8:8">
      <c r="H255608" s="12"/>
    </row>
    <row r="255609" spans="8:8">
      <c r="H255609" s="12"/>
    </row>
    <row r="255610" spans="8:8">
      <c r="H255610" s="12"/>
    </row>
    <row r="255611" spans="8:8">
      <c r="H255611" s="12"/>
    </row>
    <row r="255612" spans="8:8">
      <c r="H255612" s="12"/>
    </row>
    <row r="255613" spans="8:8">
      <c r="H255613" s="12"/>
    </row>
    <row r="255614" spans="8:8">
      <c r="H255614" s="12"/>
    </row>
    <row r="255615" spans="8:8">
      <c r="H255615" s="12"/>
    </row>
    <row r="255616" spans="8:8">
      <c r="H255616" s="12"/>
    </row>
    <row r="255617" spans="8:8">
      <c r="H255617" s="12"/>
    </row>
    <row r="255618" spans="8:8">
      <c r="H255618" s="12"/>
    </row>
    <row r="255619" spans="8:8">
      <c r="H255619" s="12"/>
    </row>
    <row r="255620" spans="8:8">
      <c r="H255620" s="12"/>
    </row>
    <row r="255621" spans="8:8">
      <c r="H255621" s="12"/>
    </row>
    <row r="255622" spans="8:8">
      <c r="H255622" s="12"/>
    </row>
    <row r="255623" spans="8:8">
      <c r="H255623" s="12"/>
    </row>
    <row r="255624" spans="8:8">
      <c r="H255624" s="12"/>
    </row>
    <row r="255625" spans="8:8">
      <c r="H255625" s="12"/>
    </row>
    <row r="255626" spans="8:8">
      <c r="H255626" s="12"/>
    </row>
    <row r="255627" spans="8:8">
      <c r="H255627" s="12"/>
    </row>
    <row r="255628" spans="8:8">
      <c r="H255628" s="12"/>
    </row>
    <row r="255629" spans="8:8">
      <c r="H255629" s="12"/>
    </row>
    <row r="255630" spans="8:8">
      <c r="H255630" s="12"/>
    </row>
    <row r="255631" spans="8:8">
      <c r="H255631" s="12"/>
    </row>
    <row r="255632" spans="8:8">
      <c r="H255632" s="12"/>
    </row>
    <row r="255633" spans="8:8">
      <c r="H255633" s="12"/>
    </row>
    <row r="255634" spans="8:8">
      <c r="H255634" s="12"/>
    </row>
    <row r="255635" spans="8:8">
      <c r="H255635" s="12"/>
    </row>
    <row r="255636" spans="8:8">
      <c r="H255636" s="12"/>
    </row>
    <row r="255637" spans="8:8">
      <c r="H255637" s="12"/>
    </row>
    <row r="255638" spans="8:8">
      <c r="H255638" s="12"/>
    </row>
    <row r="255639" spans="8:8">
      <c r="H255639" s="12"/>
    </row>
    <row r="255640" spans="8:8">
      <c r="H255640" s="12"/>
    </row>
    <row r="255641" spans="8:8">
      <c r="H255641" s="12"/>
    </row>
    <row r="255642" spans="8:8">
      <c r="H255642" s="12"/>
    </row>
    <row r="255643" spans="8:8">
      <c r="H255643" s="12"/>
    </row>
    <row r="255644" spans="8:8">
      <c r="H255644" s="12"/>
    </row>
    <row r="255645" spans="8:8">
      <c r="H255645" s="12"/>
    </row>
    <row r="255646" spans="8:8">
      <c r="H255646" s="12"/>
    </row>
    <row r="255647" spans="8:8">
      <c r="H255647" s="12"/>
    </row>
    <row r="255648" spans="8:8">
      <c r="H255648" s="12"/>
    </row>
    <row r="255649" spans="8:8">
      <c r="H255649" s="12"/>
    </row>
    <row r="255650" spans="8:8">
      <c r="H255650" s="12"/>
    </row>
    <row r="255651" spans="8:8">
      <c r="H255651" s="12"/>
    </row>
    <row r="255652" spans="8:8">
      <c r="H255652" s="12"/>
    </row>
    <row r="255653" spans="8:8">
      <c r="H255653" s="12"/>
    </row>
    <row r="255654" spans="8:8">
      <c r="H255654" s="12"/>
    </row>
    <row r="255655" spans="8:8">
      <c r="H255655" s="12"/>
    </row>
    <row r="255656" spans="8:8">
      <c r="H255656" s="12"/>
    </row>
    <row r="255657" spans="8:8">
      <c r="H255657" s="12"/>
    </row>
    <row r="255658" spans="8:8">
      <c r="H255658" s="12"/>
    </row>
    <row r="255659" spans="8:8">
      <c r="H255659" s="12"/>
    </row>
    <row r="255660" spans="8:8">
      <c r="H255660" s="12"/>
    </row>
    <row r="255661" spans="8:8">
      <c r="H255661" s="12"/>
    </row>
    <row r="255662" spans="8:8">
      <c r="H255662" s="12"/>
    </row>
    <row r="255663" spans="8:8">
      <c r="H255663" s="12"/>
    </row>
    <row r="255664" spans="8:8">
      <c r="H255664" s="12"/>
    </row>
    <row r="255665" spans="8:8">
      <c r="H255665" s="12"/>
    </row>
    <row r="255666" spans="8:8">
      <c r="H255666" s="12"/>
    </row>
    <row r="255667" spans="8:8">
      <c r="H255667" s="12"/>
    </row>
    <row r="255668" spans="8:8">
      <c r="H255668" s="12"/>
    </row>
    <row r="255669" spans="8:8">
      <c r="H255669" s="12"/>
    </row>
    <row r="255670" spans="8:8">
      <c r="H255670" s="12"/>
    </row>
    <row r="255671" spans="8:8">
      <c r="H255671" s="12"/>
    </row>
    <row r="255672" spans="8:8">
      <c r="H255672" s="12"/>
    </row>
    <row r="255673" spans="8:8">
      <c r="H255673" s="12"/>
    </row>
    <row r="255674" spans="8:8">
      <c r="H255674" s="12"/>
    </row>
    <row r="255675" spans="8:8">
      <c r="H255675" s="12"/>
    </row>
    <row r="255676" spans="8:8">
      <c r="H255676" s="12"/>
    </row>
    <row r="255677" spans="8:8">
      <c r="H255677" s="12"/>
    </row>
    <row r="255678" spans="8:8">
      <c r="H255678" s="12"/>
    </row>
    <row r="255679" spans="8:8">
      <c r="H255679" s="12"/>
    </row>
    <row r="255680" spans="8:8">
      <c r="H255680" s="12"/>
    </row>
    <row r="255681" spans="8:8">
      <c r="H255681" s="12"/>
    </row>
    <row r="255682" spans="8:8">
      <c r="H255682" s="12"/>
    </row>
    <row r="255683" spans="8:8">
      <c r="H255683" s="12"/>
    </row>
    <row r="255684" spans="8:8">
      <c r="H255684" s="12"/>
    </row>
    <row r="255685" spans="8:8">
      <c r="H255685" s="12"/>
    </row>
    <row r="255686" spans="8:8">
      <c r="H255686" s="12"/>
    </row>
    <row r="255687" spans="8:8">
      <c r="H255687" s="12"/>
    </row>
    <row r="255688" spans="8:8">
      <c r="H255688" s="12"/>
    </row>
    <row r="255689" spans="8:8">
      <c r="H255689" s="12"/>
    </row>
    <row r="255690" spans="8:8">
      <c r="H255690" s="12"/>
    </row>
    <row r="255691" spans="8:8">
      <c r="H255691" s="12"/>
    </row>
    <row r="255692" spans="8:8">
      <c r="H255692" s="12"/>
    </row>
    <row r="255693" spans="8:8">
      <c r="H255693" s="12"/>
    </row>
    <row r="255694" spans="8:8">
      <c r="H255694" s="12"/>
    </row>
    <row r="255695" spans="8:8">
      <c r="H255695" s="12"/>
    </row>
    <row r="255696" spans="8:8">
      <c r="H255696" s="12"/>
    </row>
    <row r="255697" spans="8:8">
      <c r="H255697" s="12"/>
    </row>
    <row r="255698" spans="8:8">
      <c r="H255698" s="12"/>
    </row>
    <row r="255699" spans="8:8">
      <c r="H255699" s="12"/>
    </row>
    <row r="255700" spans="8:8">
      <c r="H255700" s="12"/>
    </row>
    <row r="255701" spans="8:8">
      <c r="H255701" s="12"/>
    </row>
    <row r="255702" spans="8:8">
      <c r="H255702" s="12"/>
    </row>
    <row r="255703" spans="8:8">
      <c r="H255703" s="12"/>
    </row>
    <row r="255704" spans="8:8">
      <c r="H255704" s="12"/>
    </row>
    <row r="255705" spans="8:8">
      <c r="H255705" s="12"/>
    </row>
    <row r="255706" spans="8:8">
      <c r="H255706" s="12"/>
    </row>
    <row r="255707" spans="8:8">
      <c r="H255707" s="12"/>
    </row>
    <row r="255708" spans="8:8">
      <c r="H255708" s="12"/>
    </row>
    <row r="255709" spans="8:8">
      <c r="H255709" s="12"/>
    </row>
    <row r="255710" spans="8:8">
      <c r="H255710" s="12"/>
    </row>
    <row r="255711" spans="8:8">
      <c r="H255711" s="12"/>
    </row>
    <row r="255712" spans="8:8">
      <c r="H255712" s="12"/>
    </row>
    <row r="255713" spans="8:8">
      <c r="H255713" s="12"/>
    </row>
    <row r="255714" spans="8:8">
      <c r="H255714" s="12"/>
    </row>
    <row r="255715" spans="8:8">
      <c r="H255715" s="12"/>
    </row>
    <row r="255716" spans="8:8">
      <c r="H255716" s="12"/>
    </row>
    <row r="255717" spans="8:8">
      <c r="H255717" s="12"/>
    </row>
    <row r="255718" spans="8:8">
      <c r="H255718" s="12"/>
    </row>
    <row r="255719" spans="8:8">
      <c r="H255719" s="12"/>
    </row>
    <row r="255720" spans="8:8">
      <c r="H255720" s="12"/>
    </row>
    <row r="255721" spans="8:8">
      <c r="H255721" s="12"/>
    </row>
    <row r="255722" spans="8:8">
      <c r="H255722" s="12"/>
    </row>
    <row r="255723" spans="8:8">
      <c r="H255723" s="12"/>
    </row>
    <row r="255724" spans="8:8">
      <c r="H255724" s="12"/>
    </row>
    <row r="255725" spans="8:8">
      <c r="H255725" s="12"/>
    </row>
    <row r="255726" spans="8:8">
      <c r="H255726" s="12"/>
    </row>
    <row r="255727" spans="8:8">
      <c r="H255727" s="12"/>
    </row>
    <row r="255728" spans="8:8">
      <c r="H255728" s="12"/>
    </row>
    <row r="255729" spans="8:8">
      <c r="H255729" s="12"/>
    </row>
    <row r="255730" spans="8:8">
      <c r="H255730" s="12"/>
    </row>
    <row r="255731" spans="8:8">
      <c r="H255731" s="12"/>
    </row>
    <row r="255732" spans="8:8">
      <c r="H255732" s="12"/>
    </row>
    <row r="255733" spans="8:8">
      <c r="H255733" s="12"/>
    </row>
    <row r="255734" spans="8:8">
      <c r="H255734" s="12"/>
    </row>
    <row r="255735" spans="8:8">
      <c r="H255735" s="12"/>
    </row>
    <row r="255736" spans="8:8">
      <c r="H255736" s="12"/>
    </row>
    <row r="255737" spans="8:8">
      <c r="H255737" s="12"/>
    </row>
    <row r="255738" spans="8:8">
      <c r="H255738" s="12"/>
    </row>
    <row r="255739" spans="8:8">
      <c r="H255739" s="12"/>
    </row>
    <row r="255740" spans="8:8">
      <c r="H255740" s="12"/>
    </row>
    <row r="255741" spans="8:8">
      <c r="H255741" s="12"/>
    </row>
    <row r="255742" spans="8:8">
      <c r="H255742" s="12"/>
    </row>
    <row r="255743" spans="8:8">
      <c r="H255743" s="12"/>
    </row>
    <row r="255744" spans="8:8">
      <c r="H255744" s="12"/>
    </row>
    <row r="255745" spans="8:8">
      <c r="H255745" s="12"/>
    </row>
    <row r="255746" spans="8:8">
      <c r="H255746" s="12"/>
    </row>
    <row r="255747" spans="8:8">
      <c r="H255747" s="12"/>
    </row>
    <row r="255748" spans="8:8">
      <c r="H255748" s="12"/>
    </row>
    <row r="255749" spans="8:8">
      <c r="H255749" s="12"/>
    </row>
    <row r="255750" spans="8:8">
      <c r="H255750" s="12"/>
    </row>
    <row r="255751" spans="8:8">
      <c r="H255751" s="12"/>
    </row>
    <row r="255752" spans="8:8">
      <c r="H255752" s="12"/>
    </row>
    <row r="255753" spans="8:8">
      <c r="H255753" s="12"/>
    </row>
    <row r="255754" spans="8:8">
      <c r="H255754" s="12"/>
    </row>
    <row r="255755" spans="8:8">
      <c r="H255755" s="12"/>
    </row>
    <row r="255756" spans="8:8">
      <c r="H255756" s="12"/>
    </row>
    <row r="255757" spans="8:8">
      <c r="H255757" s="12"/>
    </row>
    <row r="255758" spans="8:8">
      <c r="H255758" s="12"/>
    </row>
    <row r="255759" spans="8:8">
      <c r="H255759" s="12"/>
    </row>
    <row r="255760" spans="8:8">
      <c r="H255760" s="12"/>
    </row>
    <row r="255761" spans="8:8">
      <c r="H255761" s="12"/>
    </row>
    <row r="255762" spans="8:8">
      <c r="H255762" s="12"/>
    </row>
    <row r="255763" spans="8:8">
      <c r="H255763" s="12"/>
    </row>
    <row r="255764" spans="8:8">
      <c r="H255764" s="12"/>
    </row>
    <row r="255765" spans="8:8">
      <c r="H255765" s="12"/>
    </row>
    <row r="255766" spans="8:8">
      <c r="H255766" s="12"/>
    </row>
    <row r="255767" spans="8:8">
      <c r="H255767" s="12"/>
    </row>
    <row r="255768" spans="8:8">
      <c r="H255768" s="12"/>
    </row>
    <row r="255769" spans="8:8">
      <c r="H255769" s="12"/>
    </row>
    <row r="255770" spans="8:8">
      <c r="H255770" s="12"/>
    </row>
    <row r="255771" spans="8:8">
      <c r="H255771" s="12"/>
    </row>
    <row r="255772" spans="8:8">
      <c r="H255772" s="12"/>
    </row>
    <row r="255773" spans="8:8">
      <c r="H255773" s="12"/>
    </row>
    <row r="255774" spans="8:8">
      <c r="H255774" s="12"/>
    </row>
    <row r="255775" spans="8:8">
      <c r="H255775" s="12"/>
    </row>
    <row r="255776" spans="8:8">
      <c r="H255776" s="12"/>
    </row>
    <row r="255777" spans="8:8">
      <c r="H255777" s="12"/>
    </row>
    <row r="255778" spans="8:8">
      <c r="H255778" s="12"/>
    </row>
    <row r="255779" spans="8:8">
      <c r="H255779" s="12"/>
    </row>
    <row r="255780" spans="8:8">
      <c r="H255780" s="12"/>
    </row>
    <row r="255781" spans="8:8">
      <c r="H255781" s="12"/>
    </row>
    <row r="255782" spans="8:8">
      <c r="H255782" s="12"/>
    </row>
    <row r="255783" spans="8:8">
      <c r="H255783" s="12"/>
    </row>
    <row r="255784" spans="8:8">
      <c r="H255784" s="12"/>
    </row>
    <row r="255785" spans="8:8">
      <c r="H255785" s="12"/>
    </row>
    <row r="255786" spans="8:8">
      <c r="H255786" s="12"/>
    </row>
    <row r="255787" spans="8:8">
      <c r="H255787" s="12"/>
    </row>
    <row r="255788" spans="8:8">
      <c r="H255788" s="12"/>
    </row>
    <row r="255789" spans="8:8">
      <c r="H255789" s="12"/>
    </row>
    <row r="255790" spans="8:8">
      <c r="H255790" s="12"/>
    </row>
    <row r="255791" spans="8:8">
      <c r="H255791" s="12"/>
    </row>
    <row r="255792" spans="8:8">
      <c r="H255792" s="12"/>
    </row>
    <row r="255793" spans="8:8">
      <c r="H255793" s="12"/>
    </row>
    <row r="255794" spans="8:8">
      <c r="H255794" s="12"/>
    </row>
    <row r="255795" spans="8:8">
      <c r="H255795" s="12"/>
    </row>
    <row r="255796" spans="8:8">
      <c r="H255796" s="12"/>
    </row>
    <row r="255797" spans="8:8">
      <c r="H255797" s="12"/>
    </row>
    <row r="255798" spans="8:8">
      <c r="H255798" s="12"/>
    </row>
    <row r="255799" spans="8:8">
      <c r="H255799" s="12"/>
    </row>
    <row r="255800" spans="8:8">
      <c r="H255800" s="12"/>
    </row>
    <row r="255801" spans="8:8">
      <c r="H255801" s="12"/>
    </row>
    <row r="255802" spans="8:8">
      <c r="H255802" s="12"/>
    </row>
    <row r="255803" spans="8:8">
      <c r="H255803" s="12"/>
    </row>
    <row r="255804" spans="8:8">
      <c r="H255804" s="12"/>
    </row>
    <row r="255805" spans="8:8">
      <c r="H255805" s="12"/>
    </row>
    <row r="255806" spans="8:8">
      <c r="H255806" s="12"/>
    </row>
    <row r="255807" spans="8:8">
      <c r="H255807" s="12"/>
    </row>
    <row r="255808" spans="8:8">
      <c r="H255808" s="12"/>
    </row>
    <row r="255809" spans="8:8">
      <c r="H255809" s="12"/>
    </row>
    <row r="255810" spans="8:8">
      <c r="H255810" s="12"/>
    </row>
    <row r="255811" spans="8:8">
      <c r="H255811" s="12"/>
    </row>
    <row r="255812" spans="8:8">
      <c r="H255812" s="12"/>
    </row>
    <row r="255813" spans="8:8">
      <c r="H255813" s="12"/>
    </row>
    <row r="255814" spans="8:8">
      <c r="H255814" s="12"/>
    </row>
    <row r="255815" spans="8:8">
      <c r="H255815" s="12"/>
    </row>
    <row r="255816" spans="8:8">
      <c r="H255816" s="12"/>
    </row>
    <row r="255817" spans="8:8">
      <c r="H255817" s="12"/>
    </row>
    <row r="255818" spans="8:8">
      <c r="H255818" s="12"/>
    </row>
    <row r="255819" spans="8:8">
      <c r="H255819" s="12"/>
    </row>
    <row r="255820" spans="8:8">
      <c r="H255820" s="12"/>
    </row>
    <row r="255821" spans="8:8">
      <c r="H255821" s="12"/>
    </row>
    <row r="255822" spans="8:8">
      <c r="H255822" s="12"/>
    </row>
    <row r="255823" spans="8:8">
      <c r="H255823" s="12"/>
    </row>
    <row r="255824" spans="8:8">
      <c r="H255824" s="12"/>
    </row>
    <row r="255825" spans="8:8">
      <c r="H255825" s="12"/>
    </row>
    <row r="255826" spans="8:8">
      <c r="H255826" s="12"/>
    </row>
    <row r="255827" spans="8:8">
      <c r="H255827" s="12"/>
    </row>
    <row r="255828" spans="8:8">
      <c r="H255828" s="12"/>
    </row>
    <row r="255829" spans="8:8">
      <c r="H255829" s="12"/>
    </row>
    <row r="255830" spans="8:8">
      <c r="H255830" s="12"/>
    </row>
    <row r="255831" spans="8:8">
      <c r="H255831" s="12"/>
    </row>
    <row r="255832" spans="8:8">
      <c r="H255832" s="12"/>
    </row>
    <row r="255833" spans="8:8">
      <c r="H255833" s="12"/>
    </row>
    <row r="255834" spans="8:8">
      <c r="H255834" s="12"/>
    </row>
    <row r="255835" spans="8:8">
      <c r="H255835" s="12"/>
    </row>
    <row r="255836" spans="8:8">
      <c r="H255836" s="12"/>
    </row>
    <row r="255837" spans="8:8">
      <c r="H255837" s="12"/>
    </row>
    <row r="255838" spans="8:8">
      <c r="H255838" s="12"/>
    </row>
    <row r="255839" spans="8:8">
      <c r="H255839" s="12"/>
    </row>
    <row r="255840" spans="8:8">
      <c r="H255840" s="12"/>
    </row>
    <row r="255841" spans="8:8">
      <c r="H255841" s="12"/>
    </row>
    <row r="255842" spans="8:8">
      <c r="H255842" s="12"/>
    </row>
    <row r="255843" spans="8:8">
      <c r="H255843" s="12"/>
    </row>
    <row r="255844" spans="8:8">
      <c r="H255844" s="12"/>
    </row>
    <row r="255845" spans="8:8">
      <c r="H255845" s="12"/>
    </row>
    <row r="255846" spans="8:8">
      <c r="H255846" s="12"/>
    </row>
    <row r="255847" spans="8:8">
      <c r="H255847" s="12"/>
    </row>
    <row r="255848" spans="8:8">
      <c r="H255848" s="12"/>
    </row>
    <row r="255849" spans="8:8">
      <c r="H255849" s="12"/>
    </row>
    <row r="255850" spans="8:8">
      <c r="H255850" s="12"/>
    </row>
    <row r="255851" spans="8:8">
      <c r="H255851" s="12"/>
    </row>
    <row r="255852" spans="8:8">
      <c r="H255852" s="12"/>
    </row>
    <row r="255853" spans="8:8">
      <c r="H255853" s="12"/>
    </row>
    <row r="255854" spans="8:8">
      <c r="H255854" s="12"/>
    </row>
    <row r="255855" spans="8:8">
      <c r="H255855" s="12"/>
    </row>
    <row r="255856" spans="8:8">
      <c r="H255856" s="12"/>
    </row>
    <row r="255857" spans="8:8">
      <c r="H255857" s="12"/>
    </row>
    <row r="255858" spans="8:8">
      <c r="H255858" s="12"/>
    </row>
    <row r="255859" spans="8:8">
      <c r="H255859" s="12"/>
    </row>
    <row r="255860" spans="8:8">
      <c r="H255860" s="12"/>
    </row>
    <row r="255861" spans="8:8">
      <c r="H255861" s="12"/>
    </row>
    <row r="255862" spans="8:8">
      <c r="H255862" s="12"/>
    </row>
    <row r="255863" spans="8:8">
      <c r="H255863" s="12"/>
    </row>
    <row r="255864" spans="8:8">
      <c r="H255864" s="12"/>
    </row>
    <row r="255865" spans="8:8">
      <c r="H255865" s="12"/>
    </row>
    <row r="255866" spans="8:8">
      <c r="H255866" s="12"/>
    </row>
    <row r="255867" spans="8:8">
      <c r="H255867" s="12"/>
    </row>
    <row r="255868" spans="8:8">
      <c r="H255868" s="12"/>
    </row>
    <row r="255869" spans="8:8">
      <c r="H255869" s="12"/>
    </row>
    <row r="255870" spans="8:8">
      <c r="H255870" s="12"/>
    </row>
    <row r="255871" spans="8:8">
      <c r="H255871" s="12"/>
    </row>
    <row r="255872" spans="8:8">
      <c r="H255872" s="12"/>
    </row>
    <row r="255873" spans="8:8">
      <c r="H255873" s="12"/>
    </row>
    <row r="255874" spans="8:8">
      <c r="H255874" s="12"/>
    </row>
    <row r="255875" spans="8:8">
      <c r="H255875" s="12"/>
    </row>
    <row r="255876" spans="8:8">
      <c r="H255876" s="12"/>
    </row>
    <row r="255877" spans="8:8">
      <c r="H255877" s="12"/>
    </row>
    <row r="255878" spans="8:8">
      <c r="H255878" s="12"/>
    </row>
    <row r="255879" spans="8:8">
      <c r="H255879" s="12"/>
    </row>
    <row r="255880" spans="8:8">
      <c r="H255880" s="12"/>
    </row>
    <row r="255881" spans="8:8">
      <c r="H255881" s="12"/>
    </row>
    <row r="255882" spans="8:8">
      <c r="H255882" s="12"/>
    </row>
    <row r="255883" spans="8:8">
      <c r="H255883" s="12"/>
    </row>
    <row r="255884" spans="8:8">
      <c r="H255884" s="12"/>
    </row>
    <row r="255885" spans="8:8">
      <c r="H255885" s="12"/>
    </row>
    <row r="255886" spans="8:8">
      <c r="H255886" s="12"/>
    </row>
    <row r="255887" spans="8:8">
      <c r="H255887" s="12"/>
    </row>
    <row r="255888" spans="8:8">
      <c r="H255888" s="12"/>
    </row>
    <row r="255889" spans="8:8">
      <c r="H255889" s="12"/>
    </row>
    <row r="255890" spans="8:8">
      <c r="H255890" s="12"/>
    </row>
    <row r="255891" spans="8:8">
      <c r="H255891" s="12"/>
    </row>
    <row r="255892" spans="8:8">
      <c r="H255892" s="12"/>
    </row>
    <row r="255893" spans="8:8">
      <c r="H255893" s="12"/>
    </row>
    <row r="255894" spans="8:8">
      <c r="H255894" s="12"/>
    </row>
    <row r="255895" spans="8:8">
      <c r="H255895" s="12"/>
    </row>
    <row r="255896" spans="8:8">
      <c r="H255896" s="12"/>
    </row>
    <row r="255897" spans="8:8">
      <c r="H255897" s="12"/>
    </row>
    <row r="255898" spans="8:8">
      <c r="H255898" s="12"/>
    </row>
    <row r="255899" spans="8:8">
      <c r="H255899" s="12"/>
    </row>
    <row r="255900" spans="8:8">
      <c r="H255900" s="12"/>
    </row>
    <row r="255901" spans="8:8">
      <c r="H255901" s="12"/>
    </row>
    <row r="255902" spans="8:8">
      <c r="H255902" s="12"/>
    </row>
    <row r="255903" spans="8:8">
      <c r="H255903" s="12"/>
    </row>
    <row r="255904" spans="8:8">
      <c r="H255904" s="12"/>
    </row>
    <row r="255905" spans="8:8">
      <c r="H255905" s="12"/>
    </row>
    <row r="255906" spans="8:8">
      <c r="H255906" s="12"/>
    </row>
    <row r="255907" spans="8:8">
      <c r="H255907" s="12"/>
    </row>
    <row r="255908" spans="8:8">
      <c r="H255908" s="12"/>
    </row>
    <row r="255909" spans="8:8">
      <c r="H255909" s="12"/>
    </row>
    <row r="255910" spans="8:8">
      <c r="H255910" s="12"/>
    </row>
    <row r="255911" spans="8:8">
      <c r="H255911" s="12"/>
    </row>
    <row r="255912" spans="8:8">
      <c r="H255912" s="12"/>
    </row>
    <row r="255913" spans="8:8">
      <c r="H255913" s="12"/>
    </row>
    <row r="255914" spans="8:8">
      <c r="H255914" s="12"/>
    </row>
    <row r="255915" spans="8:8">
      <c r="H255915" s="12"/>
    </row>
    <row r="255916" spans="8:8">
      <c r="H255916" s="12"/>
    </row>
    <row r="255917" spans="8:8">
      <c r="H255917" s="12"/>
    </row>
    <row r="255918" spans="8:8">
      <c r="H255918" s="12"/>
    </row>
    <row r="255919" spans="8:8">
      <c r="H255919" s="12"/>
    </row>
    <row r="255920" spans="8:8">
      <c r="H255920" s="12"/>
    </row>
    <row r="255921" spans="8:8">
      <c r="H255921" s="12"/>
    </row>
    <row r="255922" spans="8:8">
      <c r="H255922" s="12"/>
    </row>
    <row r="255923" spans="8:8">
      <c r="H255923" s="12"/>
    </row>
    <row r="255924" spans="8:8">
      <c r="H255924" s="12"/>
    </row>
    <row r="255925" spans="8:8">
      <c r="H255925" s="12"/>
    </row>
    <row r="255926" spans="8:8">
      <c r="H255926" s="12"/>
    </row>
    <row r="255927" spans="8:8">
      <c r="H255927" s="12"/>
    </row>
    <row r="255928" spans="8:8">
      <c r="H255928" s="12"/>
    </row>
    <row r="255929" spans="8:8">
      <c r="H255929" s="12"/>
    </row>
    <row r="255930" spans="8:8">
      <c r="H255930" s="12"/>
    </row>
    <row r="255931" spans="8:8">
      <c r="H255931" s="12"/>
    </row>
    <row r="255932" spans="8:8">
      <c r="H255932" s="12"/>
    </row>
    <row r="255933" spans="8:8">
      <c r="H255933" s="12"/>
    </row>
    <row r="255934" spans="8:8">
      <c r="H255934" s="12"/>
    </row>
    <row r="255935" spans="8:8">
      <c r="H255935" s="12"/>
    </row>
    <row r="255936" spans="8:8">
      <c r="H255936" s="12"/>
    </row>
    <row r="255937" spans="8:8">
      <c r="H255937" s="12"/>
    </row>
    <row r="255938" spans="8:8">
      <c r="H255938" s="12"/>
    </row>
    <row r="255939" spans="8:8">
      <c r="H255939" s="12"/>
    </row>
    <row r="255940" spans="8:8">
      <c r="H255940" s="12"/>
    </row>
    <row r="255941" spans="8:8">
      <c r="H255941" s="12"/>
    </row>
    <row r="255942" spans="8:8">
      <c r="H255942" s="12"/>
    </row>
    <row r="255943" spans="8:8">
      <c r="H255943" s="12"/>
    </row>
    <row r="255944" spans="8:8">
      <c r="H255944" s="12"/>
    </row>
    <row r="255945" spans="8:8">
      <c r="H255945" s="12"/>
    </row>
    <row r="255946" spans="8:8">
      <c r="H255946" s="12"/>
    </row>
    <row r="255947" spans="8:8">
      <c r="H255947" s="12"/>
    </row>
    <row r="255948" spans="8:8">
      <c r="H255948" s="12"/>
    </row>
    <row r="255949" spans="8:8">
      <c r="H255949" s="12"/>
    </row>
    <row r="255950" spans="8:8">
      <c r="H255950" s="12"/>
    </row>
    <row r="255951" spans="8:8">
      <c r="H255951" s="12"/>
    </row>
    <row r="255952" spans="8:8">
      <c r="H255952" s="12"/>
    </row>
    <row r="255953" spans="8:8">
      <c r="H255953" s="12"/>
    </row>
    <row r="255954" spans="8:8">
      <c r="H255954" s="12"/>
    </row>
    <row r="255955" spans="8:8">
      <c r="H255955" s="12"/>
    </row>
    <row r="255956" spans="8:8">
      <c r="H255956" s="12"/>
    </row>
    <row r="255957" spans="8:8">
      <c r="H255957" s="12"/>
    </row>
    <row r="255958" spans="8:8">
      <c r="H255958" s="12"/>
    </row>
    <row r="255959" spans="8:8">
      <c r="H255959" s="12"/>
    </row>
    <row r="255960" spans="8:8">
      <c r="H255960" s="12"/>
    </row>
    <row r="255961" spans="8:8">
      <c r="H255961" s="12"/>
    </row>
    <row r="255962" spans="8:8">
      <c r="H255962" s="12"/>
    </row>
    <row r="255963" spans="8:8">
      <c r="H255963" s="12"/>
    </row>
    <row r="255964" spans="8:8">
      <c r="H255964" s="12"/>
    </row>
    <row r="255965" spans="8:8">
      <c r="H255965" s="12"/>
    </row>
    <row r="255966" spans="8:8">
      <c r="H255966" s="12"/>
    </row>
    <row r="255967" spans="8:8">
      <c r="H255967" s="12"/>
    </row>
    <row r="255968" spans="8:8">
      <c r="H255968" s="12"/>
    </row>
    <row r="255969" spans="8:8">
      <c r="H255969" s="12"/>
    </row>
    <row r="255970" spans="8:8">
      <c r="H255970" s="12"/>
    </row>
    <row r="255971" spans="8:8">
      <c r="H255971" s="12"/>
    </row>
    <row r="255972" spans="8:8">
      <c r="H255972" s="12"/>
    </row>
    <row r="255973" spans="8:8">
      <c r="H255973" s="12"/>
    </row>
    <row r="255974" spans="8:8">
      <c r="H255974" s="12"/>
    </row>
    <row r="255975" spans="8:8">
      <c r="H255975" s="12"/>
    </row>
    <row r="255976" spans="8:8">
      <c r="H255976" s="12"/>
    </row>
    <row r="255977" spans="8:8">
      <c r="H255977" s="12"/>
    </row>
    <row r="255978" spans="8:8">
      <c r="H255978" s="12"/>
    </row>
    <row r="255979" spans="8:8">
      <c r="H255979" s="12"/>
    </row>
    <row r="255980" spans="8:8">
      <c r="H255980" s="12"/>
    </row>
    <row r="255981" spans="8:8">
      <c r="H255981" s="12"/>
    </row>
    <row r="255982" spans="8:8">
      <c r="H255982" s="12"/>
    </row>
    <row r="255983" spans="8:8">
      <c r="H255983" s="12"/>
    </row>
    <row r="255984" spans="8:8">
      <c r="H255984" s="12"/>
    </row>
    <row r="255985" spans="8:8">
      <c r="H255985" s="12"/>
    </row>
    <row r="255986" spans="8:8">
      <c r="H255986" s="12"/>
    </row>
    <row r="255987" spans="8:8">
      <c r="H255987" s="12"/>
    </row>
    <row r="255988" spans="8:8">
      <c r="H255988" s="12"/>
    </row>
    <row r="255989" spans="8:8">
      <c r="H255989" s="12"/>
    </row>
    <row r="255990" spans="8:8">
      <c r="H255990" s="12"/>
    </row>
    <row r="255991" spans="8:8">
      <c r="H255991" s="12"/>
    </row>
    <row r="255992" spans="8:8">
      <c r="H255992" s="12"/>
    </row>
    <row r="255993" spans="8:8">
      <c r="H255993" s="12"/>
    </row>
    <row r="255994" spans="8:8">
      <c r="H255994" s="12"/>
    </row>
    <row r="255995" spans="8:8">
      <c r="H255995" s="12"/>
    </row>
    <row r="255996" spans="8:8">
      <c r="H255996" s="12"/>
    </row>
    <row r="255997" spans="8:8">
      <c r="H255997" s="12"/>
    </row>
    <row r="255998" spans="8:8">
      <c r="H255998" s="12"/>
    </row>
    <row r="255999" spans="8:8">
      <c r="H255999" s="12"/>
    </row>
    <row r="256000" spans="8:8">
      <c r="H256000" s="12"/>
    </row>
    <row r="256001" spans="8:8">
      <c r="H256001" s="12"/>
    </row>
    <row r="256002" spans="8:8">
      <c r="H256002" s="12"/>
    </row>
    <row r="256003" spans="8:8">
      <c r="H256003" s="12"/>
    </row>
    <row r="256004" spans="8:8">
      <c r="H256004" s="12"/>
    </row>
    <row r="256005" spans="8:8">
      <c r="H256005" s="12"/>
    </row>
    <row r="256006" spans="8:8">
      <c r="H256006" s="12"/>
    </row>
    <row r="256007" spans="8:8">
      <c r="H256007" s="12"/>
    </row>
    <row r="256008" spans="8:8">
      <c r="H256008" s="12"/>
    </row>
    <row r="256009" spans="8:8">
      <c r="H256009" s="12"/>
    </row>
    <row r="256010" spans="8:8">
      <c r="H256010" s="12"/>
    </row>
    <row r="256011" spans="8:8">
      <c r="H256011" s="12"/>
    </row>
    <row r="256012" spans="8:8">
      <c r="H256012" s="12"/>
    </row>
    <row r="256013" spans="8:8">
      <c r="H256013" s="12"/>
    </row>
    <row r="256014" spans="8:8">
      <c r="H256014" s="12"/>
    </row>
    <row r="256015" spans="8:8">
      <c r="H256015" s="12"/>
    </row>
    <row r="256016" spans="8:8">
      <c r="H256016" s="12"/>
    </row>
    <row r="256017" spans="8:8">
      <c r="H256017" s="12"/>
    </row>
    <row r="256018" spans="8:8">
      <c r="H256018" s="12"/>
    </row>
    <row r="256019" spans="8:8">
      <c r="H256019" s="12"/>
    </row>
    <row r="256020" spans="8:8">
      <c r="H256020" s="12"/>
    </row>
    <row r="256021" spans="8:8">
      <c r="H256021" s="12"/>
    </row>
    <row r="256022" spans="8:8">
      <c r="H256022" s="12"/>
    </row>
    <row r="256023" spans="8:8">
      <c r="H256023" s="12"/>
    </row>
    <row r="256024" spans="8:8">
      <c r="H256024" s="12"/>
    </row>
    <row r="256025" spans="8:8">
      <c r="H256025" s="12"/>
    </row>
    <row r="256026" spans="8:8">
      <c r="H256026" s="12"/>
    </row>
    <row r="256027" spans="8:8">
      <c r="H256027" s="12"/>
    </row>
    <row r="256028" spans="8:8">
      <c r="H256028" s="12"/>
    </row>
    <row r="256029" spans="8:8">
      <c r="H256029" s="12"/>
    </row>
    <row r="256030" spans="8:8">
      <c r="H256030" s="12"/>
    </row>
    <row r="256031" spans="8:8">
      <c r="H256031" s="12"/>
    </row>
    <row r="256032" spans="8:8">
      <c r="H256032" s="12"/>
    </row>
    <row r="256033" spans="8:8">
      <c r="H256033" s="12"/>
    </row>
    <row r="256034" spans="8:8">
      <c r="H256034" s="12"/>
    </row>
    <row r="256035" spans="8:8">
      <c r="H256035" s="12"/>
    </row>
    <row r="256036" spans="8:8">
      <c r="H256036" s="12"/>
    </row>
    <row r="256037" spans="8:8">
      <c r="H256037" s="12"/>
    </row>
    <row r="256038" spans="8:8">
      <c r="H256038" s="12"/>
    </row>
    <row r="256039" spans="8:8">
      <c r="H256039" s="12"/>
    </row>
    <row r="256040" spans="8:8">
      <c r="H256040" s="12"/>
    </row>
    <row r="256041" spans="8:8">
      <c r="H256041" s="12"/>
    </row>
    <row r="256042" spans="8:8">
      <c r="H256042" s="12"/>
    </row>
    <row r="256043" spans="8:8">
      <c r="H256043" s="12"/>
    </row>
    <row r="256044" spans="8:8">
      <c r="H256044" s="12"/>
    </row>
    <row r="256045" spans="8:8">
      <c r="H256045" s="12"/>
    </row>
    <row r="256046" spans="8:8">
      <c r="H256046" s="12"/>
    </row>
    <row r="256047" spans="8:8">
      <c r="H256047" s="12"/>
    </row>
    <row r="256048" spans="8:8">
      <c r="H256048" s="12"/>
    </row>
    <row r="256049" spans="8:8">
      <c r="H256049" s="12"/>
    </row>
    <row r="256050" spans="8:8">
      <c r="H256050" s="12"/>
    </row>
    <row r="256051" spans="8:8">
      <c r="H256051" s="12"/>
    </row>
    <row r="256052" spans="8:8">
      <c r="H256052" s="12"/>
    </row>
    <row r="256053" spans="8:8">
      <c r="H256053" s="12"/>
    </row>
    <row r="256054" spans="8:8">
      <c r="H256054" s="12"/>
    </row>
    <row r="256055" spans="8:8">
      <c r="H256055" s="12"/>
    </row>
    <row r="256056" spans="8:8">
      <c r="H256056" s="12"/>
    </row>
    <row r="256057" spans="8:8">
      <c r="H256057" s="12"/>
    </row>
    <row r="256058" spans="8:8">
      <c r="H256058" s="12"/>
    </row>
    <row r="256059" spans="8:8">
      <c r="H256059" s="12"/>
    </row>
    <row r="256060" spans="8:8">
      <c r="H256060" s="12"/>
    </row>
    <row r="256061" spans="8:8">
      <c r="H256061" s="12"/>
    </row>
    <row r="256062" spans="8:8">
      <c r="H256062" s="12"/>
    </row>
    <row r="256063" spans="8:8">
      <c r="H256063" s="12"/>
    </row>
    <row r="256064" spans="8:8">
      <c r="H256064" s="12"/>
    </row>
    <row r="256065" spans="8:8">
      <c r="H256065" s="12"/>
    </row>
    <row r="256066" spans="8:8">
      <c r="H256066" s="12"/>
    </row>
    <row r="256067" spans="8:8">
      <c r="H256067" s="12"/>
    </row>
    <row r="256068" spans="8:8">
      <c r="H256068" s="12"/>
    </row>
    <row r="256069" spans="8:8">
      <c r="H256069" s="12"/>
    </row>
    <row r="256070" spans="8:8">
      <c r="H256070" s="12"/>
    </row>
    <row r="256071" spans="8:8">
      <c r="H256071" s="12"/>
    </row>
    <row r="256072" spans="8:8">
      <c r="H256072" s="12"/>
    </row>
    <row r="256073" spans="8:8">
      <c r="H256073" s="12"/>
    </row>
    <row r="256074" spans="8:8">
      <c r="H256074" s="12"/>
    </row>
    <row r="256075" spans="8:8">
      <c r="H256075" s="12"/>
    </row>
    <row r="256076" spans="8:8">
      <c r="H256076" s="12"/>
    </row>
    <row r="256077" spans="8:8">
      <c r="H256077" s="12"/>
    </row>
    <row r="256078" spans="8:8">
      <c r="H256078" s="12"/>
    </row>
    <row r="256079" spans="8:8">
      <c r="H256079" s="12"/>
    </row>
    <row r="256080" spans="8:8">
      <c r="H256080" s="12"/>
    </row>
    <row r="256081" spans="8:8">
      <c r="H256081" s="12"/>
    </row>
    <row r="256082" spans="8:8">
      <c r="H256082" s="12"/>
    </row>
    <row r="256083" spans="8:8">
      <c r="H256083" s="12"/>
    </row>
    <row r="256084" spans="8:8">
      <c r="H256084" s="12"/>
    </row>
    <row r="256085" spans="8:8">
      <c r="H256085" s="12"/>
    </row>
    <row r="256086" spans="8:8">
      <c r="H256086" s="12"/>
    </row>
    <row r="256087" spans="8:8">
      <c r="H256087" s="12"/>
    </row>
    <row r="256088" spans="8:8">
      <c r="H256088" s="12"/>
    </row>
    <row r="256089" spans="8:8">
      <c r="H256089" s="12"/>
    </row>
    <row r="256090" spans="8:8">
      <c r="H256090" s="12"/>
    </row>
    <row r="256091" spans="8:8">
      <c r="H256091" s="12"/>
    </row>
    <row r="256092" spans="8:8">
      <c r="H256092" s="12"/>
    </row>
    <row r="256093" spans="8:8">
      <c r="H256093" s="12"/>
    </row>
    <row r="256094" spans="8:8">
      <c r="H256094" s="12"/>
    </row>
    <row r="256095" spans="8:8">
      <c r="H256095" s="12"/>
    </row>
    <row r="256096" spans="8:8">
      <c r="H256096" s="12"/>
    </row>
    <row r="256097" spans="8:8">
      <c r="H256097" s="12"/>
    </row>
    <row r="256098" spans="8:8">
      <c r="H256098" s="12"/>
    </row>
    <row r="256099" spans="8:8">
      <c r="H256099" s="12"/>
    </row>
    <row r="256100" spans="8:8">
      <c r="H256100" s="12"/>
    </row>
    <row r="256101" spans="8:8">
      <c r="H256101" s="12"/>
    </row>
    <row r="256102" spans="8:8">
      <c r="H256102" s="12"/>
    </row>
    <row r="256103" spans="8:8">
      <c r="H256103" s="12"/>
    </row>
    <row r="256104" spans="8:8">
      <c r="H256104" s="12"/>
    </row>
    <row r="256105" spans="8:8">
      <c r="H256105" s="12"/>
    </row>
    <row r="256106" spans="8:8">
      <c r="H256106" s="12"/>
    </row>
    <row r="256107" spans="8:8">
      <c r="H256107" s="12"/>
    </row>
    <row r="256108" spans="8:8">
      <c r="H256108" s="12"/>
    </row>
    <row r="256109" spans="8:8">
      <c r="H256109" s="12"/>
    </row>
    <row r="256110" spans="8:8">
      <c r="H256110" s="12"/>
    </row>
    <row r="256111" spans="8:8">
      <c r="H256111" s="12"/>
    </row>
    <row r="256112" spans="8:8">
      <c r="H256112" s="12"/>
    </row>
    <row r="256113" spans="8:8">
      <c r="H256113" s="12"/>
    </row>
    <row r="256114" spans="8:8">
      <c r="H256114" s="12"/>
    </row>
    <row r="256115" spans="8:8">
      <c r="H256115" s="12"/>
    </row>
    <row r="256116" spans="8:8">
      <c r="H256116" s="12"/>
    </row>
    <row r="256117" spans="8:8">
      <c r="H256117" s="12"/>
    </row>
    <row r="256118" spans="8:8">
      <c r="H256118" s="12"/>
    </row>
    <row r="256119" spans="8:8">
      <c r="H256119" s="12"/>
    </row>
    <row r="256120" spans="8:8">
      <c r="H256120" s="12"/>
    </row>
    <row r="256121" spans="8:8">
      <c r="H256121" s="12"/>
    </row>
    <row r="256122" spans="8:8">
      <c r="H256122" s="12"/>
    </row>
    <row r="256123" spans="8:8">
      <c r="H256123" s="12"/>
    </row>
    <row r="256124" spans="8:8">
      <c r="H256124" s="12"/>
    </row>
    <row r="256125" spans="8:8">
      <c r="H256125" s="12"/>
    </row>
    <row r="256126" spans="8:8">
      <c r="H256126" s="12"/>
    </row>
    <row r="256127" spans="8:8">
      <c r="H256127" s="12"/>
    </row>
    <row r="256128" spans="8:8">
      <c r="H256128" s="12"/>
    </row>
    <row r="256129" spans="8:8">
      <c r="H256129" s="12"/>
    </row>
    <row r="256130" spans="8:8">
      <c r="H256130" s="12"/>
    </row>
    <row r="256131" spans="8:8">
      <c r="H256131" s="12"/>
    </row>
    <row r="256132" spans="8:8">
      <c r="H256132" s="12"/>
    </row>
    <row r="256133" spans="8:8">
      <c r="H256133" s="12"/>
    </row>
    <row r="256134" spans="8:8">
      <c r="H256134" s="12"/>
    </row>
    <row r="256135" spans="8:8">
      <c r="H256135" s="12"/>
    </row>
    <row r="256136" spans="8:8">
      <c r="H256136" s="12"/>
    </row>
    <row r="256137" spans="8:8">
      <c r="H256137" s="12"/>
    </row>
    <row r="256138" spans="8:8">
      <c r="H256138" s="12"/>
    </row>
    <row r="256139" spans="8:8">
      <c r="H256139" s="12"/>
    </row>
    <row r="256140" spans="8:8">
      <c r="H256140" s="12"/>
    </row>
    <row r="256141" spans="8:8">
      <c r="H256141" s="12"/>
    </row>
    <row r="256142" spans="8:8">
      <c r="H256142" s="12"/>
    </row>
    <row r="256143" spans="8:8">
      <c r="H256143" s="12"/>
    </row>
    <row r="256144" spans="8:8">
      <c r="H256144" s="12"/>
    </row>
    <row r="256145" spans="8:8">
      <c r="H256145" s="12"/>
    </row>
    <row r="256146" spans="8:8">
      <c r="H256146" s="12"/>
    </row>
    <row r="256147" spans="8:8">
      <c r="H256147" s="12"/>
    </row>
    <row r="256148" spans="8:8">
      <c r="H256148" s="12"/>
    </row>
    <row r="256149" spans="8:8">
      <c r="H256149" s="12"/>
    </row>
    <row r="256150" spans="8:8">
      <c r="H256150" s="12"/>
    </row>
    <row r="256151" spans="8:8">
      <c r="H256151" s="12"/>
    </row>
    <row r="256152" spans="8:8">
      <c r="H256152" s="12"/>
    </row>
    <row r="256153" spans="8:8">
      <c r="H256153" s="12"/>
    </row>
    <row r="256154" spans="8:8">
      <c r="H256154" s="12"/>
    </row>
    <row r="256155" spans="8:8">
      <c r="H256155" s="12"/>
    </row>
    <row r="256156" spans="8:8">
      <c r="H256156" s="12"/>
    </row>
    <row r="256157" spans="8:8">
      <c r="H256157" s="12"/>
    </row>
    <row r="256158" spans="8:8">
      <c r="H256158" s="12"/>
    </row>
    <row r="256159" spans="8:8">
      <c r="H256159" s="12"/>
    </row>
    <row r="256160" spans="8:8">
      <c r="H256160" s="12"/>
    </row>
    <row r="256161" spans="8:8">
      <c r="H256161" s="12"/>
    </row>
    <row r="256162" spans="8:8">
      <c r="H256162" s="12"/>
    </row>
    <row r="256163" spans="8:8">
      <c r="H256163" s="12"/>
    </row>
    <row r="256164" spans="8:8">
      <c r="H256164" s="12"/>
    </row>
    <row r="256165" spans="8:8">
      <c r="H256165" s="12"/>
    </row>
    <row r="256166" spans="8:8">
      <c r="H256166" s="12"/>
    </row>
    <row r="256167" spans="8:8">
      <c r="H256167" s="12"/>
    </row>
    <row r="256168" spans="8:8">
      <c r="H256168" s="12"/>
    </row>
    <row r="256169" spans="8:8">
      <c r="H256169" s="12"/>
    </row>
    <row r="256170" spans="8:8">
      <c r="H256170" s="12"/>
    </row>
    <row r="256171" spans="8:8">
      <c r="H256171" s="12"/>
    </row>
    <row r="256172" spans="8:8">
      <c r="H256172" s="12"/>
    </row>
    <row r="256173" spans="8:8">
      <c r="H256173" s="12"/>
    </row>
    <row r="256174" spans="8:8">
      <c r="H256174" s="12"/>
    </row>
    <row r="256175" spans="8:8">
      <c r="H256175" s="12"/>
    </row>
    <row r="256176" spans="8:8">
      <c r="H256176" s="12"/>
    </row>
    <row r="256177" spans="8:8">
      <c r="H256177" s="12"/>
    </row>
    <row r="256178" spans="8:8">
      <c r="H256178" s="12"/>
    </row>
    <row r="256179" spans="8:8">
      <c r="H256179" s="12"/>
    </row>
    <row r="256180" spans="8:8">
      <c r="H256180" s="12"/>
    </row>
    <row r="256181" spans="8:8">
      <c r="H256181" s="12"/>
    </row>
    <row r="256182" spans="8:8">
      <c r="H256182" s="12"/>
    </row>
    <row r="256183" spans="8:8">
      <c r="H256183" s="12"/>
    </row>
    <row r="256184" spans="8:8">
      <c r="H256184" s="12"/>
    </row>
    <row r="256185" spans="8:8">
      <c r="H256185" s="12"/>
    </row>
    <row r="256186" spans="8:8">
      <c r="H256186" s="12"/>
    </row>
    <row r="256187" spans="8:8">
      <c r="H256187" s="12"/>
    </row>
    <row r="256188" spans="8:8">
      <c r="H256188" s="12"/>
    </row>
    <row r="256189" spans="8:8">
      <c r="H256189" s="12"/>
    </row>
    <row r="256190" spans="8:8">
      <c r="H256190" s="12"/>
    </row>
    <row r="256191" spans="8:8">
      <c r="H256191" s="12"/>
    </row>
    <row r="256192" spans="8:8">
      <c r="H256192" s="12"/>
    </row>
    <row r="256193" spans="8:8">
      <c r="H256193" s="12"/>
    </row>
    <row r="256194" spans="8:8">
      <c r="H256194" s="12"/>
    </row>
    <row r="256195" spans="8:8">
      <c r="H256195" s="12"/>
    </row>
    <row r="256196" spans="8:8">
      <c r="H256196" s="12"/>
    </row>
    <row r="256197" spans="8:8">
      <c r="H256197" s="12"/>
    </row>
    <row r="256198" spans="8:8">
      <c r="H256198" s="12"/>
    </row>
    <row r="256199" spans="8:8">
      <c r="H256199" s="12"/>
    </row>
    <row r="256200" spans="8:8">
      <c r="H256200" s="12"/>
    </row>
    <row r="256201" spans="8:8">
      <c r="H256201" s="12"/>
    </row>
    <row r="256202" spans="8:8">
      <c r="H256202" s="12"/>
    </row>
    <row r="256203" spans="8:8">
      <c r="H256203" s="12"/>
    </row>
    <row r="256204" spans="8:8">
      <c r="H256204" s="12"/>
    </row>
    <row r="256205" spans="8:8">
      <c r="H256205" s="12"/>
    </row>
    <row r="256206" spans="8:8">
      <c r="H256206" s="12"/>
    </row>
    <row r="256207" spans="8:8">
      <c r="H256207" s="12"/>
    </row>
    <row r="256208" spans="8:8">
      <c r="H256208" s="12"/>
    </row>
    <row r="256209" spans="8:8">
      <c r="H256209" s="12"/>
    </row>
    <row r="256210" spans="8:8">
      <c r="H256210" s="12"/>
    </row>
    <row r="256211" spans="8:8">
      <c r="H256211" s="12"/>
    </row>
    <row r="256212" spans="8:8">
      <c r="H256212" s="12"/>
    </row>
    <row r="256213" spans="8:8">
      <c r="H256213" s="12"/>
    </row>
    <row r="256214" spans="8:8">
      <c r="H256214" s="12"/>
    </row>
    <row r="256215" spans="8:8">
      <c r="H256215" s="12"/>
    </row>
    <row r="256216" spans="8:8">
      <c r="H256216" s="12"/>
    </row>
    <row r="256217" spans="8:8">
      <c r="H256217" s="12"/>
    </row>
    <row r="256218" spans="8:8">
      <c r="H256218" s="12"/>
    </row>
    <row r="256219" spans="8:8">
      <c r="H256219" s="12"/>
    </row>
    <row r="256220" spans="8:8">
      <c r="H256220" s="12"/>
    </row>
    <row r="256221" spans="8:8">
      <c r="H256221" s="12"/>
    </row>
    <row r="256222" spans="8:8">
      <c r="H256222" s="12"/>
    </row>
    <row r="256223" spans="8:8">
      <c r="H256223" s="12"/>
    </row>
    <row r="256224" spans="8:8">
      <c r="H256224" s="12"/>
    </row>
    <row r="256225" spans="8:8">
      <c r="H256225" s="12"/>
    </row>
    <row r="256226" spans="8:8">
      <c r="H256226" s="12"/>
    </row>
    <row r="256227" spans="8:8">
      <c r="H256227" s="12"/>
    </row>
    <row r="256228" spans="8:8">
      <c r="H256228" s="12"/>
    </row>
    <row r="256229" spans="8:8">
      <c r="H256229" s="12"/>
    </row>
    <row r="256230" spans="8:8">
      <c r="H256230" s="12"/>
    </row>
    <row r="256231" spans="8:8">
      <c r="H256231" s="12"/>
    </row>
    <row r="256232" spans="8:8">
      <c r="H256232" s="12"/>
    </row>
    <row r="256233" spans="8:8">
      <c r="H256233" s="12"/>
    </row>
    <row r="256234" spans="8:8">
      <c r="H256234" s="12"/>
    </row>
    <row r="256235" spans="8:8">
      <c r="H256235" s="12"/>
    </row>
    <row r="256236" spans="8:8">
      <c r="H256236" s="12"/>
    </row>
    <row r="256237" spans="8:8">
      <c r="H256237" s="12"/>
    </row>
    <row r="256238" spans="8:8">
      <c r="H256238" s="12"/>
    </row>
    <row r="256239" spans="8:8">
      <c r="H256239" s="12"/>
    </row>
    <row r="256240" spans="8:8">
      <c r="H256240" s="12"/>
    </row>
    <row r="256241" spans="8:8">
      <c r="H256241" s="12"/>
    </row>
    <row r="256242" spans="8:8">
      <c r="H256242" s="12"/>
    </row>
    <row r="256243" spans="8:8">
      <c r="H256243" s="12"/>
    </row>
    <row r="256244" spans="8:8">
      <c r="H256244" s="12"/>
    </row>
    <row r="256245" spans="8:8">
      <c r="H256245" s="12"/>
    </row>
    <row r="256246" spans="8:8">
      <c r="H256246" s="12"/>
    </row>
    <row r="256247" spans="8:8">
      <c r="H256247" s="12"/>
    </row>
    <row r="256248" spans="8:8">
      <c r="H256248" s="12"/>
    </row>
    <row r="256249" spans="8:8">
      <c r="H256249" s="12"/>
    </row>
    <row r="256250" spans="8:8">
      <c r="H256250" s="12"/>
    </row>
    <row r="256251" spans="8:8">
      <c r="H256251" s="12"/>
    </row>
    <row r="256252" spans="8:8">
      <c r="H256252" s="12"/>
    </row>
    <row r="256253" spans="8:8">
      <c r="H256253" s="12"/>
    </row>
    <row r="256254" spans="8:8">
      <c r="H256254" s="12"/>
    </row>
    <row r="256255" spans="8:8">
      <c r="H256255" s="12"/>
    </row>
    <row r="256256" spans="8:8">
      <c r="H256256" s="12"/>
    </row>
    <row r="256257" spans="8:8">
      <c r="H256257" s="12"/>
    </row>
    <row r="256258" spans="8:8">
      <c r="H256258" s="12"/>
    </row>
    <row r="256259" spans="8:8">
      <c r="H256259" s="12"/>
    </row>
    <row r="256260" spans="8:8">
      <c r="H256260" s="12"/>
    </row>
    <row r="256261" spans="8:8">
      <c r="H256261" s="12"/>
    </row>
    <row r="256262" spans="8:8">
      <c r="H256262" s="12"/>
    </row>
    <row r="256263" spans="8:8">
      <c r="H256263" s="12"/>
    </row>
    <row r="256264" spans="8:8">
      <c r="H256264" s="12"/>
    </row>
    <row r="256265" spans="8:8">
      <c r="H256265" s="12"/>
    </row>
    <row r="256266" spans="8:8">
      <c r="H256266" s="12"/>
    </row>
    <row r="256267" spans="8:8">
      <c r="H256267" s="12"/>
    </row>
    <row r="256268" spans="8:8">
      <c r="H256268" s="12"/>
    </row>
    <row r="256269" spans="8:8">
      <c r="H256269" s="12"/>
    </row>
    <row r="256270" spans="8:8">
      <c r="H256270" s="12"/>
    </row>
    <row r="256271" spans="8:8">
      <c r="H256271" s="12"/>
    </row>
    <row r="256272" spans="8:8">
      <c r="H256272" s="12"/>
    </row>
    <row r="256273" spans="8:8">
      <c r="H256273" s="12"/>
    </row>
    <row r="256274" spans="8:8">
      <c r="H256274" s="12"/>
    </row>
    <row r="256275" spans="8:8">
      <c r="H256275" s="12"/>
    </row>
    <row r="256276" spans="8:8">
      <c r="H256276" s="12"/>
    </row>
    <row r="256277" spans="8:8">
      <c r="H256277" s="12"/>
    </row>
    <row r="256278" spans="8:8">
      <c r="H256278" s="12"/>
    </row>
    <row r="256279" spans="8:8">
      <c r="H256279" s="12"/>
    </row>
    <row r="256280" spans="8:8">
      <c r="H256280" s="12"/>
    </row>
    <row r="256281" spans="8:8">
      <c r="H256281" s="12"/>
    </row>
    <row r="256282" spans="8:8">
      <c r="H256282" s="12"/>
    </row>
    <row r="256283" spans="8:8">
      <c r="H256283" s="12"/>
    </row>
    <row r="256284" spans="8:8">
      <c r="H256284" s="12"/>
    </row>
    <row r="256285" spans="8:8">
      <c r="H256285" s="12"/>
    </row>
    <row r="256286" spans="8:8">
      <c r="H256286" s="12"/>
    </row>
    <row r="256287" spans="8:8">
      <c r="H256287" s="12"/>
    </row>
    <row r="256288" spans="8:8">
      <c r="H256288" s="12"/>
    </row>
    <row r="256289" spans="8:8">
      <c r="H256289" s="12"/>
    </row>
    <row r="256290" spans="8:8">
      <c r="H256290" s="12"/>
    </row>
    <row r="256291" spans="8:8">
      <c r="H256291" s="12"/>
    </row>
    <row r="256292" spans="8:8">
      <c r="H256292" s="12"/>
    </row>
    <row r="256293" spans="8:8">
      <c r="H256293" s="12"/>
    </row>
    <row r="256294" spans="8:8">
      <c r="H256294" s="12"/>
    </row>
    <row r="256295" spans="8:8">
      <c r="H256295" s="12"/>
    </row>
    <row r="256296" spans="8:8">
      <c r="H256296" s="12"/>
    </row>
    <row r="256297" spans="8:8">
      <c r="H256297" s="12"/>
    </row>
    <row r="256298" spans="8:8">
      <c r="H256298" s="12"/>
    </row>
    <row r="256299" spans="8:8">
      <c r="H256299" s="12"/>
    </row>
    <row r="256300" spans="8:8">
      <c r="H256300" s="12"/>
    </row>
    <row r="256301" spans="8:8">
      <c r="H256301" s="12"/>
    </row>
    <row r="256302" spans="8:8">
      <c r="H256302" s="12"/>
    </row>
    <row r="256303" spans="8:8">
      <c r="H256303" s="12"/>
    </row>
    <row r="256304" spans="8:8">
      <c r="H256304" s="12"/>
    </row>
    <row r="256305" spans="8:8">
      <c r="H256305" s="12"/>
    </row>
    <row r="256306" spans="8:8">
      <c r="H256306" s="12"/>
    </row>
    <row r="256307" spans="8:8">
      <c r="H256307" s="12"/>
    </row>
    <row r="256308" spans="8:8">
      <c r="H256308" s="12"/>
    </row>
    <row r="256309" spans="8:8">
      <c r="H256309" s="12"/>
    </row>
    <row r="256310" spans="8:8">
      <c r="H256310" s="12"/>
    </row>
    <row r="256311" spans="8:8">
      <c r="H256311" s="12"/>
    </row>
    <row r="256312" spans="8:8">
      <c r="H256312" s="12"/>
    </row>
    <row r="256313" spans="8:8">
      <c r="H256313" s="12"/>
    </row>
    <row r="256314" spans="8:8">
      <c r="H256314" s="12"/>
    </row>
    <row r="256315" spans="8:8">
      <c r="H256315" s="12"/>
    </row>
    <row r="256316" spans="8:8">
      <c r="H256316" s="12"/>
    </row>
    <row r="256317" spans="8:8">
      <c r="H256317" s="12"/>
    </row>
    <row r="256318" spans="8:8">
      <c r="H256318" s="12"/>
    </row>
    <row r="256319" spans="8:8">
      <c r="H256319" s="12"/>
    </row>
    <row r="256320" spans="8:8">
      <c r="H256320" s="12"/>
    </row>
    <row r="256321" spans="8:8">
      <c r="H256321" s="12"/>
    </row>
    <row r="256322" spans="8:8">
      <c r="H256322" s="12"/>
    </row>
    <row r="256323" spans="8:8">
      <c r="H256323" s="12"/>
    </row>
    <row r="256324" spans="8:8">
      <c r="H256324" s="12"/>
    </row>
    <row r="256325" spans="8:8">
      <c r="H256325" s="12"/>
    </row>
    <row r="256326" spans="8:8">
      <c r="H256326" s="12"/>
    </row>
    <row r="256327" spans="8:8">
      <c r="H256327" s="12"/>
    </row>
    <row r="256328" spans="8:8">
      <c r="H256328" s="12"/>
    </row>
    <row r="256329" spans="8:8">
      <c r="H256329" s="12"/>
    </row>
    <row r="256330" spans="8:8">
      <c r="H256330" s="12"/>
    </row>
    <row r="256331" spans="8:8">
      <c r="H256331" s="12"/>
    </row>
    <row r="256332" spans="8:8">
      <c r="H256332" s="12"/>
    </row>
    <row r="256333" spans="8:8">
      <c r="H256333" s="12"/>
    </row>
    <row r="256334" spans="8:8">
      <c r="H256334" s="12"/>
    </row>
    <row r="256335" spans="8:8">
      <c r="H256335" s="12"/>
    </row>
    <row r="256336" spans="8:8">
      <c r="H256336" s="12"/>
    </row>
    <row r="256337" spans="8:8">
      <c r="H256337" s="12"/>
    </row>
    <row r="256338" spans="8:8">
      <c r="H256338" s="12"/>
    </row>
    <row r="256339" spans="8:8">
      <c r="H256339" s="12"/>
    </row>
    <row r="256340" spans="8:8">
      <c r="H256340" s="12"/>
    </row>
    <row r="256341" spans="8:8">
      <c r="H256341" s="12"/>
    </row>
    <row r="256342" spans="8:8">
      <c r="H256342" s="12"/>
    </row>
    <row r="256343" spans="8:8">
      <c r="H256343" s="12"/>
    </row>
    <row r="256344" spans="8:8">
      <c r="H256344" s="12"/>
    </row>
    <row r="256345" spans="8:8">
      <c r="H256345" s="12"/>
    </row>
    <row r="256346" spans="8:8">
      <c r="H256346" s="12"/>
    </row>
    <row r="256347" spans="8:8">
      <c r="H256347" s="12"/>
    </row>
    <row r="256348" spans="8:8">
      <c r="H256348" s="12"/>
    </row>
    <row r="256349" spans="8:8">
      <c r="H256349" s="12"/>
    </row>
    <row r="256350" spans="8:8">
      <c r="H256350" s="12"/>
    </row>
    <row r="256351" spans="8:8">
      <c r="H256351" s="12"/>
    </row>
    <row r="256352" spans="8:8">
      <c r="H256352" s="12"/>
    </row>
    <row r="256353" spans="8:8">
      <c r="H256353" s="12"/>
    </row>
    <row r="256354" spans="8:8">
      <c r="H256354" s="12"/>
    </row>
    <row r="256355" spans="8:8">
      <c r="H256355" s="12"/>
    </row>
    <row r="256356" spans="8:8">
      <c r="H256356" s="12"/>
    </row>
    <row r="256357" spans="8:8">
      <c r="H256357" s="12"/>
    </row>
    <row r="256358" spans="8:8">
      <c r="H256358" s="12"/>
    </row>
    <row r="256359" spans="8:8">
      <c r="H256359" s="12"/>
    </row>
    <row r="256360" spans="8:8">
      <c r="H256360" s="12"/>
    </row>
    <row r="256361" spans="8:8">
      <c r="H256361" s="12"/>
    </row>
    <row r="256362" spans="8:8">
      <c r="H256362" s="12"/>
    </row>
    <row r="256363" spans="8:8">
      <c r="H256363" s="12"/>
    </row>
    <row r="256364" spans="8:8">
      <c r="H256364" s="12"/>
    </row>
    <row r="256365" spans="8:8">
      <c r="H256365" s="12"/>
    </row>
    <row r="256366" spans="8:8">
      <c r="H256366" s="12"/>
    </row>
    <row r="256367" spans="8:8">
      <c r="H256367" s="12"/>
    </row>
    <row r="256368" spans="8:8">
      <c r="H256368" s="12"/>
    </row>
    <row r="256369" spans="8:8">
      <c r="H256369" s="12"/>
    </row>
    <row r="256370" spans="8:8">
      <c r="H256370" s="12"/>
    </row>
    <row r="256371" spans="8:8">
      <c r="H256371" s="12"/>
    </row>
    <row r="256372" spans="8:8">
      <c r="H256372" s="12"/>
    </row>
    <row r="256373" spans="8:8">
      <c r="H256373" s="12"/>
    </row>
    <row r="256374" spans="8:8">
      <c r="H256374" s="12"/>
    </row>
    <row r="256375" spans="8:8">
      <c r="H256375" s="12"/>
    </row>
    <row r="256376" spans="8:8">
      <c r="H256376" s="12"/>
    </row>
    <row r="256377" spans="8:8">
      <c r="H256377" s="12"/>
    </row>
    <row r="256378" spans="8:8">
      <c r="H256378" s="12"/>
    </row>
    <row r="256379" spans="8:8">
      <c r="H256379" s="12"/>
    </row>
    <row r="256380" spans="8:8">
      <c r="H256380" s="12"/>
    </row>
    <row r="256381" spans="8:8">
      <c r="H256381" s="12"/>
    </row>
    <row r="256382" spans="8:8">
      <c r="H256382" s="12"/>
    </row>
    <row r="256383" spans="8:8">
      <c r="H256383" s="12"/>
    </row>
    <row r="256384" spans="8:8">
      <c r="H256384" s="12"/>
    </row>
    <row r="256385" spans="8:8">
      <c r="H256385" s="12"/>
    </row>
    <row r="256386" spans="8:8">
      <c r="H256386" s="12"/>
    </row>
    <row r="256387" spans="8:8">
      <c r="H256387" s="12"/>
    </row>
    <row r="256388" spans="8:8">
      <c r="H256388" s="12"/>
    </row>
    <row r="256389" spans="8:8">
      <c r="H256389" s="12"/>
    </row>
    <row r="256390" spans="8:8">
      <c r="H256390" s="12"/>
    </row>
    <row r="256391" spans="8:8">
      <c r="H256391" s="12"/>
    </row>
    <row r="256392" spans="8:8">
      <c r="H256392" s="12"/>
    </row>
    <row r="256393" spans="8:8">
      <c r="H256393" s="12"/>
    </row>
    <row r="256394" spans="8:8">
      <c r="H256394" s="12"/>
    </row>
    <row r="256395" spans="8:8">
      <c r="H256395" s="12"/>
    </row>
    <row r="256396" spans="8:8">
      <c r="H256396" s="12"/>
    </row>
    <row r="256397" spans="8:8">
      <c r="H256397" s="12"/>
    </row>
    <row r="256398" spans="8:8">
      <c r="H256398" s="12"/>
    </row>
    <row r="256399" spans="8:8">
      <c r="H256399" s="12"/>
    </row>
    <row r="256400" spans="8:8">
      <c r="H256400" s="12"/>
    </row>
    <row r="256401" spans="8:8">
      <c r="H256401" s="12"/>
    </row>
    <row r="256402" spans="8:8">
      <c r="H256402" s="12"/>
    </row>
    <row r="256403" spans="8:8">
      <c r="H256403" s="12"/>
    </row>
    <row r="256404" spans="8:8">
      <c r="H256404" s="12"/>
    </row>
    <row r="256405" spans="8:8">
      <c r="H256405" s="12"/>
    </row>
    <row r="256406" spans="8:8">
      <c r="H256406" s="12"/>
    </row>
    <row r="256407" spans="8:8">
      <c r="H256407" s="12"/>
    </row>
    <row r="256408" spans="8:8">
      <c r="H256408" s="12"/>
    </row>
    <row r="256409" spans="8:8">
      <c r="H256409" s="12"/>
    </row>
    <row r="256410" spans="8:8">
      <c r="H256410" s="12"/>
    </row>
    <row r="256411" spans="8:8">
      <c r="H256411" s="12"/>
    </row>
    <row r="256412" spans="8:8">
      <c r="H256412" s="12"/>
    </row>
    <row r="256413" spans="8:8">
      <c r="H256413" s="12"/>
    </row>
    <row r="256414" spans="8:8">
      <c r="H256414" s="12"/>
    </row>
    <row r="256415" spans="8:8">
      <c r="H256415" s="12"/>
    </row>
    <row r="256416" spans="8:8">
      <c r="H256416" s="12"/>
    </row>
    <row r="256417" spans="8:8">
      <c r="H256417" s="12"/>
    </row>
    <row r="256418" spans="8:8">
      <c r="H256418" s="12"/>
    </row>
    <row r="256419" spans="8:8">
      <c r="H256419" s="12"/>
    </row>
    <row r="256420" spans="8:8">
      <c r="H256420" s="12"/>
    </row>
    <row r="256421" spans="8:8">
      <c r="H256421" s="12"/>
    </row>
    <row r="256422" spans="8:8">
      <c r="H256422" s="12"/>
    </row>
    <row r="256423" spans="8:8">
      <c r="H256423" s="12"/>
    </row>
    <row r="256424" spans="8:8">
      <c r="H256424" s="12"/>
    </row>
    <row r="256425" spans="8:8">
      <c r="H256425" s="12"/>
    </row>
    <row r="256426" spans="8:8">
      <c r="H256426" s="12"/>
    </row>
    <row r="256427" spans="8:8">
      <c r="H256427" s="12"/>
    </row>
    <row r="256428" spans="8:8">
      <c r="H256428" s="12"/>
    </row>
    <row r="256429" spans="8:8">
      <c r="H256429" s="12"/>
    </row>
    <row r="256430" spans="8:8">
      <c r="H256430" s="12"/>
    </row>
    <row r="256431" spans="8:8">
      <c r="H256431" s="12"/>
    </row>
    <row r="256432" spans="8:8">
      <c r="H256432" s="12"/>
    </row>
    <row r="256433" spans="8:8">
      <c r="H256433" s="12"/>
    </row>
    <row r="256434" spans="8:8">
      <c r="H256434" s="12"/>
    </row>
    <row r="256435" spans="8:8">
      <c r="H256435" s="12"/>
    </row>
    <row r="256436" spans="8:8">
      <c r="H256436" s="12"/>
    </row>
    <row r="256437" spans="8:8">
      <c r="H256437" s="12"/>
    </row>
    <row r="256438" spans="8:8">
      <c r="H256438" s="12"/>
    </row>
    <row r="256439" spans="8:8">
      <c r="H256439" s="12"/>
    </row>
    <row r="256440" spans="8:8">
      <c r="H256440" s="12"/>
    </row>
    <row r="256441" spans="8:8">
      <c r="H256441" s="12"/>
    </row>
    <row r="256442" spans="8:8">
      <c r="H256442" s="12"/>
    </row>
    <row r="256443" spans="8:8">
      <c r="H256443" s="12"/>
    </row>
    <row r="256444" spans="8:8">
      <c r="H256444" s="12"/>
    </row>
    <row r="256445" spans="8:8">
      <c r="H256445" s="12"/>
    </row>
    <row r="256446" spans="8:8">
      <c r="H256446" s="12"/>
    </row>
    <row r="256447" spans="8:8">
      <c r="H256447" s="12"/>
    </row>
    <row r="256448" spans="8:8">
      <c r="H256448" s="12"/>
    </row>
    <row r="256449" spans="8:8">
      <c r="H256449" s="12"/>
    </row>
    <row r="256450" spans="8:8">
      <c r="H256450" s="12"/>
    </row>
    <row r="256451" spans="8:8">
      <c r="H256451" s="12"/>
    </row>
    <row r="256452" spans="8:8">
      <c r="H256452" s="12"/>
    </row>
    <row r="256453" spans="8:8">
      <c r="H256453" s="12"/>
    </row>
    <row r="256454" spans="8:8">
      <c r="H256454" s="12"/>
    </row>
    <row r="256455" spans="8:8">
      <c r="H256455" s="12"/>
    </row>
    <row r="256456" spans="8:8">
      <c r="H256456" s="12"/>
    </row>
    <row r="256457" spans="8:8">
      <c r="H256457" s="12"/>
    </row>
    <row r="256458" spans="8:8">
      <c r="H256458" s="12"/>
    </row>
    <row r="256459" spans="8:8">
      <c r="H256459" s="12"/>
    </row>
    <row r="256460" spans="8:8">
      <c r="H256460" s="12"/>
    </row>
    <row r="256461" spans="8:8">
      <c r="H256461" s="12"/>
    </row>
    <row r="256462" spans="8:8">
      <c r="H256462" s="12"/>
    </row>
    <row r="256463" spans="8:8">
      <c r="H256463" s="12"/>
    </row>
    <row r="256464" spans="8:8">
      <c r="H256464" s="12"/>
    </row>
    <row r="256465" spans="8:8">
      <c r="H256465" s="12"/>
    </row>
    <row r="256466" spans="8:8">
      <c r="H256466" s="12"/>
    </row>
    <row r="256467" spans="8:8">
      <c r="H256467" s="12"/>
    </row>
    <row r="256468" spans="8:8">
      <c r="H256468" s="12"/>
    </row>
    <row r="256469" spans="8:8">
      <c r="H256469" s="12"/>
    </row>
    <row r="256470" spans="8:8">
      <c r="H256470" s="12"/>
    </row>
    <row r="256471" spans="8:8">
      <c r="H256471" s="12"/>
    </row>
    <row r="256472" spans="8:8">
      <c r="H256472" s="12"/>
    </row>
    <row r="256473" spans="8:8">
      <c r="H256473" s="12"/>
    </row>
    <row r="256474" spans="8:8">
      <c r="H256474" s="12"/>
    </row>
    <row r="256475" spans="8:8">
      <c r="H256475" s="12"/>
    </row>
    <row r="256476" spans="8:8">
      <c r="H256476" s="12"/>
    </row>
    <row r="256477" spans="8:8">
      <c r="H256477" s="12"/>
    </row>
    <row r="256478" spans="8:8">
      <c r="H256478" s="12"/>
    </row>
    <row r="256479" spans="8:8">
      <c r="H256479" s="12"/>
    </row>
    <row r="256480" spans="8:8">
      <c r="H256480" s="12"/>
    </row>
    <row r="256481" spans="8:8">
      <c r="H256481" s="12"/>
    </row>
    <row r="256482" spans="8:8">
      <c r="H256482" s="12"/>
    </row>
    <row r="256483" spans="8:8">
      <c r="H256483" s="12"/>
    </row>
    <row r="256484" spans="8:8">
      <c r="H256484" s="12"/>
    </row>
    <row r="256485" spans="8:8">
      <c r="H256485" s="12"/>
    </row>
    <row r="256486" spans="8:8">
      <c r="H256486" s="12"/>
    </row>
    <row r="256487" spans="8:8">
      <c r="H256487" s="12"/>
    </row>
    <row r="256488" spans="8:8">
      <c r="H256488" s="12"/>
    </row>
    <row r="256489" spans="8:8">
      <c r="H256489" s="12"/>
    </row>
    <row r="256490" spans="8:8">
      <c r="H256490" s="12"/>
    </row>
    <row r="256491" spans="8:8">
      <c r="H256491" s="12"/>
    </row>
    <row r="256492" spans="8:8">
      <c r="H256492" s="12"/>
    </row>
    <row r="256493" spans="8:8">
      <c r="H256493" s="12"/>
    </row>
    <row r="256494" spans="8:8">
      <c r="H256494" s="12"/>
    </row>
    <row r="256495" spans="8:8">
      <c r="H256495" s="12"/>
    </row>
    <row r="256496" spans="8:8">
      <c r="H256496" s="12"/>
    </row>
    <row r="256497" spans="8:8">
      <c r="H256497" s="12"/>
    </row>
    <row r="256498" spans="8:8">
      <c r="H256498" s="12"/>
    </row>
    <row r="256499" spans="8:8">
      <c r="H256499" s="12"/>
    </row>
    <row r="256500" spans="8:8">
      <c r="H256500" s="12"/>
    </row>
    <row r="256501" spans="8:8">
      <c r="H256501" s="12"/>
    </row>
    <row r="256502" spans="8:8">
      <c r="H256502" s="12"/>
    </row>
    <row r="256503" spans="8:8">
      <c r="H256503" s="12"/>
    </row>
    <row r="256504" spans="8:8">
      <c r="H256504" s="12"/>
    </row>
    <row r="256505" spans="8:8">
      <c r="H256505" s="12"/>
    </row>
    <row r="256506" spans="8:8">
      <c r="H256506" s="12"/>
    </row>
    <row r="256507" spans="8:8">
      <c r="H256507" s="12"/>
    </row>
    <row r="256508" spans="8:8">
      <c r="H256508" s="12"/>
    </row>
    <row r="256509" spans="8:8">
      <c r="H256509" s="12"/>
    </row>
    <row r="256510" spans="8:8">
      <c r="H256510" s="12"/>
    </row>
    <row r="256511" spans="8:8">
      <c r="H256511" s="12"/>
    </row>
    <row r="256512" spans="8:8">
      <c r="H256512" s="12"/>
    </row>
    <row r="256513" spans="8:8">
      <c r="H256513" s="12"/>
    </row>
    <row r="256514" spans="8:8">
      <c r="H256514" s="12"/>
    </row>
    <row r="256515" spans="8:8">
      <c r="H256515" s="12"/>
    </row>
    <row r="256516" spans="8:8">
      <c r="H256516" s="12"/>
    </row>
    <row r="256517" spans="8:8">
      <c r="H256517" s="12"/>
    </row>
    <row r="256518" spans="8:8">
      <c r="H256518" s="12"/>
    </row>
    <row r="256519" spans="8:8">
      <c r="H256519" s="12"/>
    </row>
    <row r="256520" spans="8:8">
      <c r="H256520" s="12"/>
    </row>
    <row r="256521" spans="8:8">
      <c r="H256521" s="12"/>
    </row>
    <row r="256522" spans="8:8">
      <c r="H256522" s="12"/>
    </row>
    <row r="256523" spans="8:8">
      <c r="H256523" s="12"/>
    </row>
    <row r="256524" spans="8:8">
      <c r="H256524" s="12"/>
    </row>
    <row r="256525" spans="8:8">
      <c r="H256525" s="12"/>
    </row>
    <row r="256526" spans="8:8">
      <c r="H256526" s="12"/>
    </row>
    <row r="256527" spans="8:8">
      <c r="H256527" s="12"/>
    </row>
    <row r="256528" spans="8:8">
      <c r="H256528" s="12"/>
    </row>
    <row r="256529" spans="8:8">
      <c r="H256529" s="12"/>
    </row>
    <row r="256530" spans="8:8">
      <c r="H256530" s="12"/>
    </row>
    <row r="256531" spans="8:8">
      <c r="H256531" s="12"/>
    </row>
    <row r="256532" spans="8:8">
      <c r="H256532" s="12"/>
    </row>
    <row r="256533" spans="8:8">
      <c r="H256533" s="12"/>
    </row>
    <row r="256534" spans="8:8">
      <c r="H256534" s="12"/>
    </row>
    <row r="256535" spans="8:8">
      <c r="H256535" s="12"/>
    </row>
    <row r="256536" spans="8:8">
      <c r="H256536" s="12"/>
    </row>
    <row r="256537" spans="8:8">
      <c r="H256537" s="12"/>
    </row>
    <row r="256538" spans="8:8">
      <c r="H256538" s="12"/>
    </row>
    <row r="256539" spans="8:8">
      <c r="H256539" s="12"/>
    </row>
    <row r="256540" spans="8:8">
      <c r="H256540" s="12"/>
    </row>
    <row r="256541" spans="8:8">
      <c r="H256541" s="12"/>
    </row>
    <row r="256542" spans="8:8">
      <c r="H256542" s="12"/>
    </row>
    <row r="256543" spans="8:8">
      <c r="H256543" s="12"/>
    </row>
    <row r="256544" spans="8:8">
      <c r="H256544" s="12"/>
    </row>
    <row r="256545" spans="8:8">
      <c r="H256545" s="12"/>
    </row>
    <row r="256546" spans="8:8">
      <c r="H256546" s="12"/>
    </row>
    <row r="256547" spans="8:8">
      <c r="H256547" s="12"/>
    </row>
    <row r="256548" spans="8:8">
      <c r="H256548" s="12"/>
    </row>
    <row r="256549" spans="8:8">
      <c r="H256549" s="12"/>
    </row>
    <row r="256550" spans="8:8">
      <c r="H256550" s="12"/>
    </row>
    <row r="256551" spans="8:8">
      <c r="H256551" s="12"/>
    </row>
    <row r="256552" spans="8:8">
      <c r="H256552" s="12"/>
    </row>
    <row r="256553" spans="8:8">
      <c r="H256553" s="12"/>
    </row>
    <row r="256554" spans="8:8">
      <c r="H256554" s="12"/>
    </row>
    <row r="256555" spans="8:8">
      <c r="H256555" s="12"/>
    </row>
    <row r="256556" spans="8:8">
      <c r="H256556" s="12"/>
    </row>
    <row r="256557" spans="8:8">
      <c r="H256557" s="12"/>
    </row>
    <row r="256558" spans="8:8">
      <c r="H256558" s="12"/>
    </row>
    <row r="256559" spans="8:8">
      <c r="H256559" s="12"/>
    </row>
    <row r="256560" spans="8:8">
      <c r="H256560" s="12"/>
    </row>
    <row r="256561" spans="8:8">
      <c r="H256561" s="12"/>
    </row>
    <row r="256562" spans="8:8">
      <c r="H256562" s="12"/>
    </row>
    <row r="256563" spans="8:8">
      <c r="H256563" s="12"/>
    </row>
    <row r="256564" spans="8:8">
      <c r="H256564" s="12"/>
    </row>
    <row r="256565" spans="8:8">
      <c r="H256565" s="12"/>
    </row>
    <row r="256566" spans="8:8">
      <c r="H256566" s="12"/>
    </row>
    <row r="256567" spans="8:8">
      <c r="H256567" s="12"/>
    </row>
    <row r="256568" spans="8:8">
      <c r="H256568" s="12"/>
    </row>
    <row r="256569" spans="8:8">
      <c r="H256569" s="12"/>
    </row>
    <row r="256570" spans="8:8">
      <c r="H256570" s="12"/>
    </row>
    <row r="256571" spans="8:8">
      <c r="H256571" s="12"/>
    </row>
    <row r="256572" spans="8:8">
      <c r="H256572" s="12"/>
    </row>
    <row r="256573" spans="8:8">
      <c r="H256573" s="12"/>
    </row>
    <row r="256574" spans="8:8">
      <c r="H256574" s="12"/>
    </row>
    <row r="256575" spans="8:8">
      <c r="H256575" s="12"/>
    </row>
    <row r="256576" spans="8:8">
      <c r="H256576" s="12"/>
    </row>
    <row r="256577" spans="8:8">
      <c r="H256577" s="12"/>
    </row>
    <row r="256578" spans="8:8">
      <c r="H256578" s="12"/>
    </row>
    <row r="256579" spans="8:8">
      <c r="H256579" s="12"/>
    </row>
    <row r="256580" spans="8:8">
      <c r="H256580" s="12"/>
    </row>
    <row r="256581" spans="8:8">
      <c r="H256581" s="12"/>
    </row>
    <row r="256582" spans="8:8">
      <c r="H256582" s="12"/>
    </row>
    <row r="256583" spans="8:8">
      <c r="H256583" s="12"/>
    </row>
    <row r="256584" spans="8:8">
      <c r="H256584" s="12"/>
    </row>
    <row r="256585" spans="8:8">
      <c r="H256585" s="12"/>
    </row>
    <row r="256586" spans="8:8">
      <c r="H256586" s="12"/>
    </row>
    <row r="256587" spans="8:8">
      <c r="H256587" s="12"/>
    </row>
    <row r="256588" spans="8:8">
      <c r="H256588" s="12"/>
    </row>
    <row r="256589" spans="8:8">
      <c r="H256589" s="12"/>
    </row>
    <row r="256590" spans="8:8">
      <c r="H256590" s="12"/>
    </row>
    <row r="256591" spans="8:8">
      <c r="H256591" s="12"/>
    </row>
    <row r="256592" spans="8:8">
      <c r="H256592" s="12"/>
    </row>
    <row r="256593" spans="8:8">
      <c r="H256593" s="12"/>
    </row>
    <row r="256594" spans="8:8">
      <c r="H256594" s="12"/>
    </row>
    <row r="256595" spans="8:8">
      <c r="H256595" s="12"/>
    </row>
    <row r="256596" spans="8:8">
      <c r="H256596" s="12"/>
    </row>
    <row r="256597" spans="8:8">
      <c r="H256597" s="12"/>
    </row>
    <row r="256598" spans="8:8">
      <c r="H256598" s="12"/>
    </row>
    <row r="256599" spans="8:8">
      <c r="H256599" s="12"/>
    </row>
    <row r="256600" spans="8:8">
      <c r="H256600" s="12"/>
    </row>
    <row r="256601" spans="8:8">
      <c r="H256601" s="12"/>
    </row>
    <row r="256602" spans="8:8">
      <c r="H256602" s="12"/>
    </row>
    <row r="256603" spans="8:8">
      <c r="H256603" s="12"/>
    </row>
    <row r="256604" spans="8:8">
      <c r="H256604" s="12"/>
    </row>
    <row r="256605" spans="8:8">
      <c r="H256605" s="12"/>
    </row>
    <row r="256606" spans="8:8">
      <c r="H256606" s="12"/>
    </row>
    <row r="256607" spans="8:8">
      <c r="H256607" s="12"/>
    </row>
    <row r="256608" spans="8:8">
      <c r="H256608" s="12"/>
    </row>
    <row r="256609" spans="8:8">
      <c r="H256609" s="12"/>
    </row>
    <row r="256610" spans="8:8">
      <c r="H256610" s="12"/>
    </row>
    <row r="256611" spans="8:8">
      <c r="H256611" s="12"/>
    </row>
    <row r="256612" spans="8:8">
      <c r="H256612" s="12"/>
    </row>
    <row r="256613" spans="8:8">
      <c r="H256613" s="12"/>
    </row>
    <row r="256614" spans="8:8">
      <c r="H256614" s="12"/>
    </row>
    <row r="256615" spans="8:8">
      <c r="H256615" s="12"/>
    </row>
    <row r="256616" spans="8:8">
      <c r="H256616" s="12"/>
    </row>
    <row r="256617" spans="8:8">
      <c r="H256617" s="12"/>
    </row>
    <row r="256618" spans="8:8">
      <c r="H256618" s="12"/>
    </row>
    <row r="256619" spans="8:8">
      <c r="H256619" s="12"/>
    </row>
    <row r="256620" spans="8:8">
      <c r="H256620" s="12"/>
    </row>
    <row r="256621" spans="8:8">
      <c r="H256621" s="12"/>
    </row>
    <row r="256622" spans="8:8">
      <c r="H256622" s="12"/>
    </row>
    <row r="256623" spans="8:8">
      <c r="H256623" s="12"/>
    </row>
    <row r="256624" spans="8:8">
      <c r="H256624" s="12"/>
    </row>
    <row r="256625" spans="8:8">
      <c r="H256625" s="12"/>
    </row>
    <row r="256626" spans="8:8">
      <c r="H256626" s="12"/>
    </row>
    <row r="256627" spans="8:8">
      <c r="H256627" s="12"/>
    </row>
    <row r="256628" spans="8:8">
      <c r="H256628" s="12"/>
    </row>
    <row r="256629" spans="8:8">
      <c r="H256629" s="12"/>
    </row>
    <row r="256630" spans="8:8">
      <c r="H256630" s="12"/>
    </row>
    <row r="256631" spans="8:8">
      <c r="H256631" s="12"/>
    </row>
    <row r="256632" spans="8:8">
      <c r="H256632" s="12"/>
    </row>
    <row r="256633" spans="8:8">
      <c r="H256633" s="12"/>
    </row>
    <row r="256634" spans="8:8">
      <c r="H256634" s="12"/>
    </row>
    <row r="256635" spans="8:8">
      <c r="H256635" s="12"/>
    </row>
    <row r="256636" spans="8:8">
      <c r="H256636" s="12"/>
    </row>
    <row r="256637" spans="8:8">
      <c r="H256637" s="12"/>
    </row>
    <row r="256638" spans="8:8">
      <c r="H256638" s="12"/>
    </row>
    <row r="256639" spans="8:8">
      <c r="H256639" s="12"/>
    </row>
    <row r="256640" spans="8:8">
      <c r="H256640" s="12"/>
    </row>
    <row r="256641" spans="8:8">
      <c r="H256641" s="12"/>
    </row>
    <row r="256642" spans="8:8">
      <c r="H256642" s="12"/>
    </row>
    <row r="256643" spans="8:8">
      <c r="H256643" s="12"/>
    </row>
    <row r="256644" spans="8:8">
      <c r="H256644" s="12"/>
    </row>
    <row r="256645" spans="8:8">
      <c r="H256645" s="12"/>
    </row>
    <row r="256646" spans="8:8">
      <c r="H256646" s="12"/>
    </row>
    <row r="256647" spans="8:8">
      <c r="H256647" s="12"/>
    </row>
    <row r="256648" spans="8:8">
      <c r="H256648" s="12"/>
    </row>
    <row r="256649" spans="8:8">
      <c r="H256649" s="12"/>
    </row>
    <row r="256650" spans="8:8">
      <c r="H256650" s="12"/>
    </row>
    <row r="256651" spans="8:8">
      <c r="H256651" s="12"/>
    </row>
    <row r="256652" spans="8:8">
      <c r="H256652" s="12"/>
    </row>
    <row r="256653" spans="8:8">
      <c r="H256653" s="12"/>
    </row>
    <row r="256654" spans="8:8">
      <c r="H256654" s="12"/>
    </row>
    <row r="256655" spans="8:8">
      <c r="H256655" s="12"/>
    </row>
    <row r="256656" spans="8:8">
      <c r="H256656" s="12"/>
    </row>
    <row r="256657" spans="8:8">
      <c r="H256657" s="12"/>
    </row>
    <row r="256658" spans="8:8">
      <c r="H256658" s="12"/>
    </row>
    <row r="256659" spans="8:8">
      <c r="H256659" s="12"/>
    </row>
    <row r="256660" spans="8:8">
      <c r="H256660" s="12"/>
    </row>
    <row r="256661" spans="8:8">
      <c r="H256661" s="12"/>
    </row>
    <row r="256662" spans="8:8">
      <c r="H256662" s="12"/>
    </row>
    <row r="256663" spans="8:8">
      <c r="H256663" s="12"/>
    </row>
    <row r="256664" spans="8:8">
      <c r="H256664" s="12"/>
    </row>
    <row r="256665" spans="8:8">
      <c r="H256665" s="12"/>
    </row>
    <row r="256666" spans="8:8">
      <c r="H256666" s="12"/>
    </row>
    <row r="256667" spans="8:8">
      <c r="H256667" s="12"/>
    </row>
    <row r="256668" spans="8:8">
      <c r="H256668" s="12"/>
    </row>
    <row r="256669" spans="8:8">
      <c r="H256669" s="12"/>
    </row>
    <row r="256670" spans="8:8">
      <c r="H256670" s="12"/>
    </row>
    <row r="256671" spans="8:8">
      <c r="H256671" s="12"/>
    </row>
    <row r="256672" spans="8:8">
      <c r="H256672" s="12"/>
    </row>
    <row r="256673" spans="8:8">
      <c r="H256673" s="12"/>
    </row>
    <row r="256674" spans="8:8">
      <c r="H256674" s="12"/>
    </row>
    <row r="256675" spans="8:8">
      <c r="H256675" s="12"/>
    </row>
    <row r="256676" spans="8:8">
      <c r="H256676" s="12"/>
    </row>
    <row r="256677" spans="8:8">
      <c r="H256677" s="12"/>
    </row>
    <row r="256678" spans="8:8">
      <c r="H256678" s="12"/>
    </row>
    <row r="256679" spans="8:8">
      <c r="H256679" s="12"/>
    </row>
    <row r="256680" spans="8:8">
      <c r="H256680" s="12"/>
    </row>
    <row r="256681" spans="8:8">
      <c r="H256681" s="12"/>
    </row>
    <row r="256682" spans="8:8">
      <c r="H256682" s="12"/>
    </row>
    <row r="256683" spans="8:8">
      <c r="H256683" s="12"/>
    </row>
    <row r="256684" spans="8:8">
      <c r="H256684" s="12"/>
    </row>
    <row r="256685" spans="8:8">
      <c r="H256685" s="12"/>
    </row>
    <row r="256686" spans="8:8">
      <c r="H256686" s="12"/>
    </row>
    <row r="256687" spans="8:8">
      <c r="H256687" s="12"/>
    </row>
    <row r="256688" spans="8:8">
      <c r="H256688" s="12"/>
    </row>
    <row r="256689" spans="8:8">
      <c r="H256689" s="12"/>
    </row>
    <row r="256690" spans="8:8">
      <c r="H256690" s="12"/>
    </row>
    <row r="256691" spans="8:8">
      <c r="H256691" s="12"/>
    </row>
    <row r="256692" spans="8:8">
      <c r="H256692" s="12"/>
    </row>
    <row r="256693" spans="8:8">
      <c r="H256693" s="12"/>
    </row>
    <row r="256694" spans="8:8">
      <c r="H256694" s="12"/>
    </row>
    <row r="256695" spans="8:8">
      <c r="H256695" s="12"/>
    </row>
    <row r="256696" spans="8:8">
      <c r="H256696" s="12"/>
    </row>
    <row r="256697" spans="8:8">
      <c r="H256697" s="12"/>
    </row>
    <row r="256698" spans="8:8">
      <c r="H256698" s="12"/>
    </row>
    <row r="256699" spans="8:8">
      <c r="H256699" s="12"/>
    </row>
    <row r="256700" spans="8:8">
      <c r="H256700" s="12"/>
    </row>
    <row r="256701" spans="8:8">
      <c r="H256701" s="12"/>
    </row>
    <row r="256702" spans="8:8">
      <c r="H256702" s="12"/>
    </row>
    <row r="256703" spans="8:8">
      <c r="H256703" s="12"/>
    </row>
    <row r="256704" spans="8:8">
      <c r="H256704" s="12"/>
    </row>
    <row r="256705" spans="8:8">
      <c r="H256705" s="12"/>
    </row>
    <row r="256706" spans="8:8">
      <c r="H256706" s="12"/>
    </row>
    <row r="256707" spans="8:8">
      <c r="H256707" s="12"/>
    </row>
    <row r="256708" spans="8:8">
      <c r="H256708" s="12"/>
    </row>
    <row r="256709" spans="8:8">
      <c r="H256709" s="12"/>
    </row>
    <row r="256710" spans="8:8">
      <c r="H256710" s="12"/>
    </row>
    <row r="256711" spans="8:8">
      <c r="H256711" s="12"/>
    </row>
    <row r="256712" spans="8:8">
      <c r="H256712" s="12"/>
    </row>
    <row r="256713" spans="8:8">
      <c r="H256713" s="12"/>
    </row>
    <row r="256714" spans="8:8">
      <c r="H256714" s="12"/>
    </row>
    <row r="256715" spans="8:8">
      <c r="H256715" s="12"/>
    </row>
    <row r="256716" spans="8:8">
      <c r="H256716" s="12"/>
    </row>
    <row r="256717" spans="8:8">
      <c r="H256717" s="12"/>
    </row>
    <row r="256718" spans="8:8">
      <c r="H256718" s="12"/>
    </row>
    <row r="256719" spans="8:8">
      <c r="H256719" s="12"/>
    </row>
    <row r="256720" spans="8:8">
      <c r="H256720" s="12"/>
    </row>
    <row r="256721" spans="8:8">
      <c r="H256721" s="12"/>
    </row>
    <row r="256722" spans="8:8">
      <c r="H256722" s="12"/>
    </row>
    <row r="256723" spans="8:8">
      <c r="H256723" s="12"/>
    </row>
    <row r="256724" spans="8:8">
      <c r="H256724" s="12"/>
    </row>
    <row r="256725" spans="8:8">
      <c r="H256725" s="12"/>
    </row>
    <row r="256726" spans="8:8">
      <c r="H256726" s="12"/>
    </row>
    <row r="256727" spans="8:8">
      <c r="H256727" s="12"/>
    </row>
    <row r="256728" spans="8:8">
      <c r="H256728" s="12"/>
    </row>
    <row r="256729" spans="8:8">
      <c r="H256729" s="12"/>
    </row>
    <row r="256730" spans="8:8">
      <c r="H256730" s="12"/>
    </row>
    <row r="256731" spans="8:8">
      <c r="H256731" s="12"/>
    </row>
    <row r="256732" spans="8:8">
      <c r="H256732" s="12"/>
    </row>
    <row r="256733" spans="8:8">
      <c r="H256733" s="12"/>
    </row>
    <row r="256734" spans="8:8">
      <c r="H256734" s="12"/>
    </row>
    <row r="256735" spans="8:8">
      <c r="H256735" s="12"/>
    </row>
    <row r="256736" spans="8:8">
      <c r="H256736" s="12"/>
    </row>
    <row r="256737" spans="8:8">
      <c r="H256737" s="12"/>
    </row>
    <row r="256738" spans="8:8">
      <c r="H256738" s="12"/>
    </row>
    <row r="256739" spans="8:8">
      <c r="H256739" s="12"/>
    </row>
    <row r="256740" spans="8:8">
      <c r="H256740" s="12"/>
    </row>
    <row r="256741" spans="8:8">
      <c r="H256741" s="12"/>
    </row>
    <row r="256742" spans="8:8">
      <c r="H256742" s="12"/>
    </row>
    <row r="256743" spans="8:8">
      <c r="H256743" s="12"/>
    </row>
    <row r="256744" spans="8:8">
      <c r="H256744" s="12"/>
    </row>
    <row r="256745" spans="8:8">
      <c r="H256745" s="12"/>
    </row>
    <row r="256746" spans="8:8">
      <c r="H256746" s="12"/>
    </row>
    <row r="256747" spans="8:8">
      <c r="H256747" s="12"/>
    </row>
    <row r="256748" spans="8:8">
      <c r="H256748" s="12"/>
    </row>
    <row r="256749" spans="8:8">
      <c r="H256749" s="12"/>
    </row>
    <row r="256750" spans="8:8">
      <c r="H256750" s="12"/>
    </row>
    <row r="256751" spans="8:8">
      <c r="H256751" s="12"/>
    </row>
    <row r="256752" spans="8:8">
      <c r="H256752" s="12"/>
    </row>
    <row r="256753" spans="8:8">
      <c r="H256753" s="12"/>
    </row>
    <row r="256754" spans="8:8">
      <c r="H256754" s="12"/>
    </row>
    <row r="256755" spans="8:8">
      <c r="H256755" s="12"/>
    </row>
    <row r="256756" spans="8:8">
      <c r="H256756" s="12"/>
    </row>
    <row r="256757" spans="8:8">
      <c r="H256757" s="12"/>
    </row>
    <row r="256758" spans="8:8">
      <c r="H256758" s="12"/>
    </row>
    <row r="256759" spans="8:8">
      <c r="H256759" s="12"/>
    </row>
    <row r="256760" spans="8:8">
      <c r="H256760" s="12"/>
    </row>
    <row r="256761" spans="8:8">
      <c r="H256761" s="12"/>
    </row>
    <row r="256762" spans="8:8">
      <c r="H256762" s="12"/>
    </row>
    <row r="256763" spans="8:8">
      <c r="H256763" s="12"/>
    </row>
    <row r="256764" spans="8:8">
      <c r="H256764" s="12"/>
    </row>
    <row r="256765" spans="8:8">
      <c r="H256765" s="12"/>
    </row>
    <row r="256766" spans="8:8">
      <c r="H256766" s="12"/>
    </row>
    <row r="256767" spans="8:8">
      <c r="H256767" s="12"/>
    </row>
    <row r="256768" spans="8:8">
      <c r="H256768" s="12"/>
    </row>
    <row r="256769" spans="8:8">
      <c r="H256769" s="12"/>
    </row>
    <row r="256770" spans="8:8">
      <c r="H256770" s="12"/>
    </row>
    <row r="256771" spans="8:8">
      <c r="H256771" s="12"/>
    </row>
    <row r="256772" spans="8:8">
      <c r="H256772" s="12"/>
    </row>
    <row r="256773" spans="8:8">
      <c r="H256773" s="12"/>
    </row>
    <row r="256774" spans="8:8">
      <c r="H256774" s="12"/>
    </row>
    <row r="256775" spans="8:8">
      <c r="H256775" s="12"/>
    </row>
    <row r="256776" spans="8:8">
      <c r="H256776" s="12"/>
    </row>
    <row r="256777" spans="8:8">
      <c r="H256777" s="12"/>
    </row>
    <row r="256778" spans="8:8">
      <c r="H256778" s="12"/>
    </row>
    <row r="256779" spans="8:8">
      <c r="H256779" s="12"/>
    </row>
    <row r="256780" spans="8:8">
      <c r="H256780" s="12"/>
    </row>
    <row r="256781" spans="8:8">
      <c r="H256781" s="12"/>
    </row>
    <row r="256782" spans="8:8">
      <c r="H256782" s="12"/>
    </row>
    <row r="256783" spans="8:8">
      <c r="H256783" s="12"/>
    </row>
    <row r="256784" spans="8:8">
      <c r="H256784" s="12"/>
    </row>
    <row r="256785" spans="8:8">
      <c r="H256785" s="12"/>
    </row>
    <row r="256786" spans="8:8">
      <c r="H256786" s="12"/>
    </row>
    <row r="256787" spans="8:8">
      <c r="H256787" s="12"/>
    </row>
    <row r="256788" spans="8:8">
      <c r="H256788" s="12"/>
    </row>
    <row r="256789" spans="8:8">
      <c r="H256789" s="12"/>
    </row>
    <row r="256790" spans="8:8">
      <c r="H256790" s="12"/>
    </row>
    <row r="256791" spans="8:8">
      <c r="H256791" s="12"/>
    </row>
    <row r="256792" spans="8:8">
      <c r="H256792" s="12"/>
    </row>
    <row r="256793" spans="8:8">
      <c r="H256793" s="12"/>
    </row>
    <row r="256794" spans="8:8">
      <c r="H256794" s="12"/>
    </row>
    <row r="256795" spans="8:8">
      <c r="H256795" s="12"/>
    </row>
    <row r="256796" spans="8:8">
      <c r="H256796" s="12"/>
    </row>
    <row r="256797" spans="8:8">
      <c r="H256797" s="12"/>
    </row>
    <row r="256798" spans="8:8">
      <c r="H256798" s="12"/>
    </row>
    <row r="256799" spans="8:8">
      <c r="H256799" s="12"/>
    </row>
    <row r="256800" spans="8:8">
      <c r="H256800" s="12"/>
    </row>
    <row r="256801" spans="8:8">
      <c r="H256801" s="12"/>
    </row>
    <row r="256802" spans="8:8">
      <c r="H256802" s="12"/>
    </row>
    <row r="256803" spans="8:8">
      <c r="H256803" s="12"/>
    </row>
    <row r="256804" spans="8:8">
      <c r="H256804" s="12"/>
    </row>
    <row r="256805" spans="8:8">
      <c r="H256805" s="12"/>
    </row>
    <row r="256806" spans="8:8">
      <c r="H256806" s="12"/>
    </row>
    <row r="256807" spans="8:8">
      <c r="H256807" s="12"/>
    </row>
    <row r="256808" spans="8:8">
      <c r="H256808" s="12"/>
    </row>
    <row r="256809" spans="8:8">
      <c r="H256809" s="12"/>
    </row>
    <row r="256810" spans="8:8">
      <c r="H256810" s="12"/>
    </row>
    <row r="256811" spans="8:8">
      <c r="H256811" s="12"/>
    </row>
    <row r="256812" spans="8:8">
      <c r="H256812" s="12"/>
    </row>
    <row r="256813" spans="8:8">
      <c r="H256813" s="12"/>
    </row>
    <row r="256814" spans="8:8">
      <c r="H256814" s="12"/>
    </row>
    <row r="256815" spans="8:8">
      <c r="H256815" s="12"/>
    </row>
    <row r="256816" spans="8:8">
      <c r="H256816" s="12"/>
    </row>
    <row r="256817" spans="8:8">
      <c r="H256817" s="12"/>
    </row>
    <row r="256818" spans="8:8">
      <c r="H256818" s="12"/>
    </row>
    <row r="256819" spans="8:8">
      <c r="H256819" s="12"/>
    </row>
    <row r="256820" spans="8:8">
      <c r="H256820" s="12"/>
    </row>
    <row r="256821" spans="8:8">
      <c r="H256821" s="12"/>
    </row>
    <row r="256822" spans="8:8">
      <c r="H256822" s="12"/>
    </row>
    <row r="256823" spans="8:8">
      <c r="H256823" s="12"/>
    </row>
    <row r="256824" spans="8:8">
      <c r="H256824" s="12"/>
    </row>
    <row r="256825" spans="8:8">
      <c r="H256825" s="12"/>
    </row>
    <row r="256826" spans="8:8">
      <c r="H256826" s="12"/>
    </row>
    <row r="256827" spans="8:8">
      <c r="H256827" s="12"/>
    </row>
    <row r="256828" spans="8:8">
      <c r="H256828" s="12"/>
    </row>
    <row r="256829" spans="8:8">
      <c r="H256829" s="12"/>
    </row>
    <row r="256830" spans="8:8">
      <c r="H256830" s="12"/>
    </row>
    <row r="256831" spans="8:8">
      <c r="H256831" s="12"/>
    </row>
    <row r="256832" spans="8:8">
      <c r="H256832" s="12"/>
    </row>
    <row r="256833" spans="8:8">
      <c r="H256833" s="12"/>
    </row>
    <row r="256834" spans="8:8">
      <c r="H256834" s="12"/>
    </row>
    <row r="256835" spans="8:8">
      <c r="H256835" s="12"/>
    </row>
    <row r="256836" spans="8:8">
      <c r="H256836" s="12"/>
    </row>
    <row r="256837" spans="8:8">
      <c r="H256837" s="12"/>
    </row>
    <row r="256838" spans="8:8">
      <c r="H256838" s="12"/>
    </row>
    <row r="256839" spans="8:8">
      <c r="H256839" s="12"/>
    </row>
    <row r="256840" spans="8:8">
      <c r="H256840" s="12"/>
    </row>
    <row r="256841" spans="8:8">
      <c r="H256841" s="12"/>
    </row>
    <row r="256842" spans="8:8">
      <c r="H256842" s="12"/>
    </row>
    <row r="256843" spans="8:8">
      <c r="H256843" s="12"/>
    </row>
    <row r="256844" spans="8:8">
      <c r="H256844" s="12"/>
    </row>
    <row r="256845" spans="8:8">
      <c r="H256845" s="12"/>
    </row>
    <row r="256846" spans="8:8">
      <c r="H256846" s="12"/>
    </row>
    <row r="256847" spans="8:8">
      <c r="H256847" s="12"/>
    </row>
    <row r="256848" spans="8:8">
      <c r="H256848" s="12"/>
    </row>
    <row r="256849" spans="8:8">
      <c r="H256849" s="12"/>
    </row>
    <row r="256850" spans="8:8">
      <c r="H256850" s="12"/>
    </row>
    <row r="256851" spans="8:8">
      <c r="H256851" s="12"/>
    </row>
    <row r="256852" spans="8:8">
      <c r="H256852" s="12"/>
    </row>
    <row r="256853" spans="8:8">
      <c r="H256853" s="12"/>
    </row>
    <row r="256854" spans="8:8">
      <c r="H256854" s="12"/>
    </row>
    <row r="256855" spans="8:8">
      <c r="H256855" s="12"/>
    </row>
    <row r="256856" spans="8:8">
      <c r="H256856" s="12"/>
    </row>
    <row r="256857" spans="8:8">
      <c r="H256857" s="12"/>
    </row>
    <row r="256858" spans="8:8">
      <c r="H256858" s="12"/>
    </row>
    <row r="256859" spans="8:8">
      <c r="H256859" s="12"/>
    </row>
    <row r="256860" spans="8:8">
      <c r="H256860" s="12"/>
    </row>
    <row r="256861" spans="8:8">
      <c r="H256861" s="12"/>
    </row>
    <row r="256862" spans="8:8">
      <c r="H256862" s="12"/>
    </row>
    <row r="256863" spans="8:8">
      <c r="H256863" s="12"/>
    </row>
    <row r="256864" spans="8:8">
      <c r="H256864" s="12"/>
    </row>
    <row r="256865" spans="8:8">
      <c r="H256865" s="12"/>
    </row>
    <row r="256866" spans="8:8">
      <c r="H256866" s="12"/>
    </row>
    <row r="256867" spans="8:8">
      <c r="H256867" s="12"/>
    </row>
    <row r="256868" spans="8:8">
      <c r="H256868" s="12"/>
    </row>
    <row r="256869" spans="8:8">
      <c r="H256869" s="12"/>
    </row>
    <row r="256870" spans="8:8">
      <c r="H256870" s="12"/>
    </row>
    <row r="256871" spans="8:8">
      <c r="H256871" s="12"/>
    </row>
    <row r="256872" spans="8:8">
      <c r="H256872" s="12"/>
    </row>
    <row r="256873" spans="8:8">
      <c r="H256873" s="12"/>
    </row>
    <row r="256874" spans="8:8">
      <c r="H256874" s="12"/>
    </row>
    <row r="256875" spans="8:8">
      <c r="H256875" s="12"/>
    </row>
    <row r="256876" spans="8:8">
      <c r="H256876" s="12"/>
    </row>
    <row r="256877" spans="8:8">
      <c r="H256877" s="12"/>
    </row>
    <row r="256878" spans="8:8">
      <c r="H256878" s="12"/>
    </row>
    <row r="256879" spans="8:8">
      <c r="H256879" s="12"/>
    </row>
    <row r="256880" spans="8:8">
      <c r="H256880" s="12"/>
    </row>
    <row r="256881" spans="8:8">
      <c r="H256881" s="12"/>
    </row>
    <row r="256882" spans="8:8">
      <c r="H256882" s="12"/>
    </row>
    <row r="256883" spans="8:8">
      <c r="H256883" s="12"/>
    </row>
    <row r="256884" spans="8:8">
      <c r="H256884" s="12"/>
    </row>
    <row r="256885" spans="8:8">
      <c r="H256885" s="12"/>
    </row>
    <row r="256886" spans="8:8">
      <c r="H256886" s="12"/>
    </row>
    <row r="256887" spans="8:8">
      <c r="H256887" s="12"/>
    </row>
    <row r="256888" spans="8:8">
      <c r="H256888" s="12"/>
    </row>
    <row r="256889" spans="8:8">
      <c r="H256889" s="12"/>
    </row>
    <row r="256890" spans="8:8">
      <c r="H256890" s="12"/>
    </row>
    <row r="256891" spans="8:8">
      <c r="H256891" s="12"/>
    </row>
    <row r="256892" spans="8:8">
      <c r="H256892" s="12"/>
    </row>
    <row r="256893" spans="8:8">
      <c r="H256893" s="12"/>
    </row>
    <row r="256894" spans="8:8">
      <c r="H256894" s="12"/>
    </row>
    <row r="256895" spans="8:8">
      <c r="H256895" s="12"/>
    </row>
    <row r="256896" spans="8:8">
      <c r="H256896" s="12"/>
    </row>
    <row r="256897" spans="8:8">
      <c r="H256897" s="12"/>
    </row>
    <row r="256898" spans="8:8">
      <c r="H256898" s="12"/>
    </row>
    <row r="256899" spans="8:8">
      <c r="H256899" s="12"/>
    </row>
    <row r="256900" spans="8:8">
      <c r="H256900" s="12"/>
    </row>
    <row r="256901" spans="8:8">
      <c r="H256901" s="12"/>
    </row>
    <row r="256902" spans="8:8">
      <c r="H256902" s="12"/>
    </row>
    <row r="256903" spans="8:8">
      <c r="H256903" s="12"/>
    </row>
    <row r="256904" spans="8:8">
      <c r="H256904" s="12"/>
    </row>
    <row r="256905" spans="8:8">
      <c r="H256905" s="12"/>
    </row>
    <row r="256906" spans="8:8">
      <c r="H256906" s="12"/>
    </row>
    <row r="256907" spans="8:8">
      <c r="H256907" s="12"/>
    </row>
    <row r="256908" spans="8:8">
      <c r="H256908" s="12"/>
    </row>
    <row r="256909" spans="8:8">
      <c r="H256909" s="12"/>
    </row>
    <row r="256910" spans="8:8">
      <c r="H256910" s="12"/>
    </row>
    <row r="256911" spans="8:8">
      <c r="H256911" s="12"/>
    </row>
    <row r="256912" spans="8:8">
      <c r="H256912" s="12"/>
    </row>
    <row r="256913" spans="8:8">
      <c r="H256913" s="12"/>
    </row>
    <row r="256914" spans="8:8">
      <c r="H256914" s="12"/>
    </row>
    <row r="256915" spans="8:8">
      <c r="H256915" s="12"/>
    </row>
    <row r="256916" spans="8:8">
      <c r="H256916" s="12"/>
    </row>
    <row r="256917" spans="8:8">
      <c r="H256917" s="12"/>
    </row>
    <row r="256918" spans="8:8">
      <c r="H256918" s="12"/>
    </row>
    <row r="256919" spans="8:8">
      <c r="H256919" s="12"/>
    </row>
    <row r="256920" spans="8:8">
      <c r="H256920" s="12"/>
    </row>
    <row r="256921" spans="8:8">
      <c r="H256921" s="12"/>
    </row>
    <row r="256922" spans="8:8">
      <c r="H256922" s="12"/>
    </row>
    <row r="256923" spans="8:8">
      <c r="H256923" s="12"/>
    </row>
    <row r="256924" spans="8:8">
      <c r="H256924" s="12"/>
    </row>
    <row r="256925" spans="8:8">
      <c r="H256925" s="12"/>
    </row>
    <row r="256926" spans="8:8">
      <c r="H256926" s="12"/>
    </row>
    <row r="256927" spans="8:8">
      <c r="H256927" s="12"/>
    </row>
    <row r="256928" spans="8:8">
      <c r="H256928" s="12"/>
    </row>
    <row r="256929" spans="8:8">
      <c r="H256929" s="12"/>
    </row>
    <row r="256930" spans="8:8">
      <c r="H256930" s="12"/>
    </row>
    <row r="256931" spans="8:8">
      <c r="H256931" s="12"/>
    </row>
    <row r="256932" spans="8:8">
      <c r="H256932" s="12"/>
    </row>
    <row r="256933" spans="8:8">
      <c r="H256933" s="12"/>
    </row>
    <row r="256934" spans="8:8">
      <c r="H256934" s="12"/>
    </row>
    <row r="256935" spans="8:8">
      <c r="H256935" s="12"/>
    </row>
    <row r="256936" spans="8:8">
      <c r="H256936" s="12"/>
    </row>
    <row r="256937" spans="8:8">
      <c r="H256937" s="12"/>
    </row>
    <row r="256938" spans="8:8">
      <c r="H256938" s="12"/>
    </row>
    <row r="256939" spans="8:8">
      <c r="H256939" s="12"/>
    </row>
    <row r="256940" spans="8:8">
      <c r="H256940" s="12"/>
    </row>
    <row r="256941" spans="8:8">
      <c r="H256941" s="12"/>
    </row>
    <row r="256942" spans="8:8">
      <c r="H256942" s="12"/>
    </row>
    <row r="256943" spans="8:8">
      <c r="H256943" s="12"/>
    </row>
    <row r="256944" spans="8:8">
      <c r="H256944" s="12"/>
    </row>
    <row r="256945" spans="8:8">
      <c r="H256945" s="12"/>
    </row>
    <row r="256946" spans="8:8">
      <c r="H256946" s="12"/>
    </row>
    <row r="256947" spans="8:8">
      <c r="H256947" s="12"/>
    </row>
    <row r="256948" spans="8:8">
      <c r="H256948" s="12"/>
    </row>
    <row r="256949" spans="8:8">
      <c r="H256949" s="12"/>
    </row>
    <row r="256950" spans="8:8">
      <c r="H256950" s="12"/>
    </row>
    <row r="256951" spans="8:8">
      <c r="H256951" s="12"/>
    </row>
    <row r="256952" spans="8:8">
      <c r="H256952" s="12"/>
    </row>
    <row r="256953" spans="8:8">
      <c r="H256953" s="12"/>
    </row>
    <row r="256954" spans="8:8">
      <c r="H256954" s="12"/>
    </row>
    <row r="256955" spans="8:8">
      <c r="H256955" s="12"/>
    </row>
    <row r="256956" spans="8:8">
      <c r="H256956" s="12"/>
    </row>
    <row r="256957" spans="8:8">
      <c r="H256957" s="12"/>
    </row>
    <row r="256958" spans="8:8">
      <c r="H256958" s="12"/>
    </row>
    <row r="256959" spans="8:8">
      <c r="H256959" s="12"/>
    </row>
    <row r="256960" spans="8:8">
      <c r="H256960" s="12"/>
    </row>
    <row r="256961" spans="8:8">
      <c r="H256961" s="12"/>
    </row>
    <row r="256962" spans="8:8">
      <c r="H256962" s="12"/>
    </row>
    <row r="256963" spans="8:8">
      <c r="H256963" s="12"/>
    </row>
    <row r="256964" spans="8:8">
      <c r="H256964" s="12"/>
    </row>
    <row r="256965" spans="8:8">
      <c r="H256965" s="12"/>
    </row>
    <row r="256966" spans="8:8">
      <c r="H256966" s="12"/>
    </row>
    <row r="256967" spans="8:8">
      <c r="H256967" s="12"/>
    </row>
    <row r="256968" spans="8:8">
      <c r="H256968" s="12"/>
    </row>
    <row r="256969" spans="8:8">
      <c r="H256969" s="12"/>
    </row>
    <row r="256970" spans="8:8">
      <c r="H256970" s="12"/>
    </row>
    <row r="256971" spans="8:8">
      <c r="H256971" s="12"/>
    </row>
    <row r="256972" spans="8:8">
      <c r="H256972" s="12"/>
    </row>
    <row r="256973" spans="8:8">
      <c r="H256973" s="12"/>
    </row>
    <row r="256974" spans="8:8">
      <c r="H256974" s="12"/>
    </row>
    <row r="256975" spans="8:8">
      <c r="H256975" s="12"/>
    </row>
    <row r="256976" spans="8:8">
      <c r="H256976" s="12"/>
    </row>
    <row r="256977" spans="8:8">
      <c r="H256977" s="12"/>
    </row>
    <row r="256978" spans="8:8">
      <c r="H256978" s="12"/>
    </row>
    <row r="256979" spans="8:8">
      <c r="H256979" s="12"/>
    </row>
    <row r="256980" spans="8:8">
      <c r="H256980" s="12"/>
    </row>
    <row r="256981" spans="8:8">
      <c r="H256981" s="12"/>
    </row>
    <row r="256982" spans="8:8">
      <c r="H256982" s="12"/>
    </row>
    <row r="256983" spans="8:8">
      <c r="H256983" s="12"/>
    </row>
    <row r="256984" spans="8:8">
      <c r="H256984" s="12"/>
    </row>
    <row r="256985" spans="8:8">
      <c r="H256985" s="12"/>
    </row>
    <row r="256986" spans="8:8">
      <c r="H256986" s="12"/>
    </row>
    <row r="256987" spans="8:8">
      <c r="H256987" s="12"/>
    </row>
    <row r="256988" spans="8:8">
      <c r="H256988" s="12"/>
    </row>
    <row r="256989" spans="8:8">
      <c r="H256989" s="12"/>
    </row>
    <row r="256990" spans="8:8">
      <c r="H256990" s="12"/>
    </row>
    <row r="256991" spans="8:8">
      <c r="H256991" s="12"/>
    </row>
    <row r="256992" spans="8:8">
      <c r="H256992" s="12"/>
    </row>
    <row r="256993" spans="8:8">
      <c r="H256993" s="12"/>
    </row>
    <row r="256994" spans="8:8">
      <c r="H256994" s="12"/>
    </row>
    <row r="256995" spans="8:8">
      <c r="H256995" s="12"/>
    </row>
    <row r="256996" spans="8:8">
      <c r="H256996" s="12"/>
    </row>
    <row r="256997" spans="8:8">
      <c r="H256997" s="12"/>
    </row>
    <row r="256998" spans="8:8">
      <c r="H256998" s="12"/>
    </row>
    <row r="256999" spans="8:8">
      <c r="H256999" s="12"/>
    </row>
    <row r="257000" spans="8:8">
      <c r="H257000" s="12"/>
    </row>
    <row r="257001" spans="8:8">
      <c r="H257001" s="12"/>
    </row>
    <row r="257002" spans="8:8">
      <c r="H257002" s="12"/>
    </row>
    <row r="257003" spans="8:8">
      <c r="H257003" s="12"/>
    </row>
    <row r="257004" spans="8:8">
      <c r="H257004" s="12"/>
    </row>
    <row r="257005" spans="8:8">
      <c r="H257005" s="12"/>
    </row>
    <row r="257006" spans="8:8">
      <c r="H257006" s="12"/>
    </row>
    <row r="257007" spans="8:8">
      <c r="H257007" s="12"/>
    </row>
    <row r="257008" spans="8:8">
      <c r="H257008" s="12"/>
    </row>
    <row r="257009" spans="8:8">
      <c r="H257009" s="12"/>
    </row>
    <row r="257010" spans="8:8">
      <c r="H257010" s="12"/>
    </row>
    <row r="257011" spans="8:8">
      <c r="H257011" s="12"/>
    </row>
    <row r="257012" spans="8:8">
      <c r="H257012" s="12"/>
    </row>
    <row r="257013" spans="8:8">
      <c r="H257013" s="12"/>
    </row>
    <row r="257014" spans="8:8">
      <c r="H257014" s="12"/>
    </row>
    <row r="257015" spans="8:8">
      <c r="H257015" s="12"/>
    </row>
    <row r="257016" spans="8:8">
      <c r="H257016" s="12"/>
    </row>
    <row r="257017" spans="8:8">
      <c r="H257017" s="12"/>
    </row>
    <row r="257018" spans="8:8">
      <c r="H257018" s="12"/>
    </row>
    <row r="257019" spans="8:8">
      <c r="H257019" s="12"/>
    </row>
    <row r="257020" spans="8:8">
      <c r="H257020" s="12"/>
    </row>
    <row r="257021" spans="8:8">
      <c r="H257021" s="12"/>
    </row>
    <row r="257022" spans="8:8">
      <c r="H257022" s="12"/>
    </row>
    <row r="257023" spans="8:8">
      <c r="H257023" s="12"/>
    </row>
    <row r="257024" spans="8:8">
      <c r="H257024" s="12"/>
    </row>
    <row r="257025" spans="8:8">
      <c r="H257025" s="12"/>
    </row>
    <row r="257026" spans="8:8">
      <c r="H257026" s="12"/>
    </row>
    <row r="257027" spans="8:8">
      <c r="H257027" s="12"/>
    </row>
    <row r="257028" spans="8:8">
      <c r="H257028" s="12"/>
    </row>
    <row r="257029" spans="8:8">
      <c r="H257029" s="12"/>
    </row>
    <row r="257030" spans="8:8">
      <c r="H257030" s="12"/>
    </row>
    <row r="257031" spans="8:8">
      <c r="H257031" s="12"/>
    </row>
    <row r="257032" spans="8:8">
      <c r="H257032" s="12"/>
    </row>
    <row r="257033" spans="8:8">
      <c r="H257033" s="12"/>
    </row>
    <row r="257034" spans="8:8">
      <c r="H257034" s="12"/>
    </row>
    <row r="257035" spans="8:8">
      <c r="H257035" s="12"/>
    </row>
    <row r="257036" spans="8:8">
      <c r="H257036" s="12"/>
    </row>
    <row r="257037" spans="8:8">
      <c r="H257037" s="12"/>
    </row>
    <row r="257038" spans="8:8">
      <c r="H257038" s="12"/>
    </row>
    <row r="257039" spans="8:8">
      <c r="H257039" s="12"/>
    </row>
    <row r="257040" spans="8:8">
      <c r="H257040" s="12"/>
    </row>
    <row r="257041" spans="8:8">
      <c r="H257041" s="12"/>
    </row>
    <row r="257042" spans="8:8">
      <c r="H257042" s="12"/>
    </row>
    <row r="257043" spans="8:8">
      <c r="H257043" s="12"/>
    </row>
    <row r="257044" spans="8:8">
      <c r="H257044" s="12"/>
    </row>
    <row r="257045" spans="8:8">
      <c r="H257045" s="12"/>
    </row>
    <row r="257046" spans="8:8">
      <c r="H257046" s="12"/>
    </row>
    <row r="257047" spans="8:8">
      <c r="H257047" s="12"/>
    </row>
    <row r="257048" spans="8:8">
      <c r="H257048" s="12"/>
    </row>
    <row r="257049" spans="8:8">
      <c r="H257049" s="12"/>
    </row>
    <row r="257050" spans="8:8">
      <c r="H257050" s="12"/>
    </row>
    <row r="257051" spans="8:8">
      <c r="H257051" s="12"/>
    </row>
    <row r="257052" spans="8:8">
      <c r="H257052" s="12"/>
    </row>
    <row r="257053" spans="8:8">
      <c r="H257053" s="12"/>
    </row>
    <row r="257054" spans="8:8">
      <c r="H257054" s="12"/>
    </row>
    <row r="257055" spans="8:8">
      <c r="H257055" s="12"/>
    </row>
    <row r="257056" spans="8:8">
      <c r="H257056" s="12"/>
    </row>
    <row r="257057" spans="8:8">
      <c r="H257057" s="12"/>
    </row>
    <row r="257058" spans="8:8">
      <c r="H257058" s="12"/>
    </row>
    <row r="257059" spans="8:8">
      <c r="H257059" s="12"/>
    </row>
    <row r="257060" spans="8:8">
      <c r="H257060" s="12"/>
    </row>
    <row r="257061" spans="8:8">
      <c r="H257061" s="12"/>
    </row>
    <row r="257062" spans="8:8">
      <c r="H257062" s="12"/>
    </row>
    <row r="257063" spans="8:8">
      <c r="H257063" s="12"/>
    </row>
    <row r="257064" spans="8:8">
      <c r="H257064" s="12"/>
    </row>
    <row r="257065" spans="8:8">
      <c r="H257065" s="12"/>
    </row>
    <row r="257066" spans="8:8">
      <c r="H257066" s="12"/>
    </row>
    <row r="257067" spans="8:8">
      <c r="H257067" s="12"/>
    </row>
    <row r="257068" spans="8:8">
      <c r="H257068" s="12"/>
    </row>
    <row r="257069" spans="8:8">
      <c r="H257069" s="12"/>
    </row>
    <row r="257070" spans="8:8">
      <c r="H257070" s="12"/>
    </row>
    <row r="257071" spans="8:8">
      <c r="H257071" s="12"/>
    </row>
    <row r="257072" spans="8:8">
      <c r="H257072" s="12"/>
    </row>
    <row r="257073" spans="8:8">
      <c r="H257073" s="12"/>
    </row>
    <row r="257074" spans="8:8">
      <c r="H257074" s="12"/>
    </row>
    <row r="257075" spans="8:8">
      <c r="H257075" s="12"/>
    </row>
    <row r="257076" spans="8:8">
      <c r="H257076" s="12"/>
    </row>
    <row r="257077" spans="8:8">
      <c r="H257077" s="12"/>
    </row>
    <row r="257078" spans="8:8">
      <c r="H257078" s="12"/>
    </row>
    <row r="257079" spans="8:8">
      <c r="H257079" s="12"/>
    </row>
    <row r="257080" spans="8:8">
      <c r="H257080" s="12"/>
    </row>
    <row r="257081" spans="8:8">
      <c r="H257081" s="12"/>
    </row>
    <row r="257082" spans="8:8">
      <c r="H257082" s="12"/>
    </row>
    <row r="257083" spans="8:8">
      <c r="H257083" s="12"/>
    </row>
    <row r="257084" spans="8:8">
      <c r="H257084" s="12"/>
    </row>
    <row r="257085" spans="8:8">
      <c r="H257085" s="12"/>
    </row>
    <row r="257086" spans="8:8">
      <c r="H257086" s="12"/>
    </row>
    <row r="257087" spans="8:8">
      <c r="H257087" s="12"/>
    </row>
    <row r="257088" spans="8:8">
      <c r="H257088" s="12"/>
    </row>
    <row r="257089" spans="8:8">
      <c r="H257089" s="12"/>
    </row>
    <row r="257090" spans="8:8">
      <c r="H257090" s="12"/>
    </row>
    <row r="257091" spans="8:8">
      <c r="H257091" s="12"/>
    </row>
    <row r="257092" spans="8:8">
      <c r="H257092" s="12"/>
    </row>
    <row r="257093" spans="8:8">
      <c r="H257093" s="12"/>
    </row>
    <row r="257094" spans="8:8">
      <c r="H257094" s="12"/>
    </row>
    <row r="257095" spans="8:8">
      <c r="H257095" s="12"/>
    </row>
    <row r="257096" spans="8:8">
      <c r="H257096" s="12"/>
    </row>
    <row r="257097" spans="8:8">
      <c r="H257097" s="12"/>
    </row>
    <row r="257098" spans="8:8">
      <c r="H257098" s="12"/>
    </row>
    <row r="257099" spans="8:8">
      <c r="H257099" s="12"/>
    </row>
    <row r="257100" spans="8:8">
      <c r="H257100" s="12"/>
    </row>
    <row r="257101" spans="8:8">
      <c r="H257101" s="12"/>
    </row>
    <row r="257102" spans="8:8">
      <c r="H257102" s="12"/>
    </row>
    <row r="257103" spans="8:8">
      <c r="H257103" s="12"/>
    </row>
    <row r="257104" spans="8:8">
      <c r="H257104" s="12"/>
    </row>
    <row r="257105" spans="8:8">
      <c r="H257105" s="12"/>
    </row>
    <row r="257106" spans="8:8">
      <c r="H257106" s="12"/>
    </row>
    <row r="257107" spans="8:8">
      <c r="H257107" s="12"/>
    </row>
    <row r="257108" spans="8:8">
      <c r="H257108" s="12"/>
    </row>
    <row r="257109" spans="8:8">
      <c r="H257109" s="12"/>
    </row>
    <row r="257110" spans="8:8">
      <c r="H257110" s="12"/>
    </row>
    <row r="257111" spans="8:8">
      <c r="H257111" s="12"/>
    </row>
    <row r="257112" spans="8:8">
      <c r="H257112" s="12"/>
    </row>
    <row r="257113" spans="8:8">
      <c r="H257113" s="12"/>
    </row>
    <row r="257114" spans="8:8">
      <c r="H257114" s="12"/>
    </row>
    <row r="257115" spans="8:8">
      <c r="H257115" s="12"/>
    </row>
    <row r="257116" spans="8:8">
      <c r="H257116" s="12"/>
    </row>
    <row r="257117" spans="8:8">
      <c r="H257117" s="12"/>
    </row>
    <row r="257118" spans="8:8">
      <c r="H257118" s="12"/>
    </row>
    <row r="257119" spans="8:8">
      <c r="H257119" s="12"/>
    </row>
    <row r="257120" spans="8:8">
      <c r="H257120" s="12"/>
    </row>
    <row r="257121" spans="8:8">
      <c r="H257121" s="12"/>
    </row>
    <row r="257122" spans="8:8">
      <c r="H257122" s="12"/>
    </row>
    <row r="257123" spans="8:8">
      <c r="H257123" s="12"/>
    </row>
    <row r="257124" spans="8:8">
      <c r="H257124" s="12"/>
    </row>
    <row r="257125" spans="8:8">
      <c r="H257125" s="12"/>
    </row>
    <row r="257126" spans="8:8">
      <c r="H257126" s="12"/>
    </row>
    <row r="257127" spans="8:8">
      <c r="H257127" s="12"/>
    </row>
    <row r="257128" spans="8:8">
      <c r="H257128" s="12"/>
    </row>
    <row r="257129" spans="8:8">
      <c r="H257129" s="12"/>
    </row>
    <row r="257130" spans="8:8">
      <c r="H257130" s="12"/>
    </row>
    <row r="257131" spans="8:8">
      <c r="H257131" s="12"/>
    </row>
    <row r="257132" spans="8:8">
      <c r="H257132" s="12"/>
    </row>
    <row r="257133" spans="8:8">
      <c r="H257133" s="12"/>
    </row>
    <row r="257134" spans="8:8">
      <c r="H257134" s="12"/>
    </row>
    <row r="257135" spans="8:8">
      <c r="H257135" s="12"/>
    </row>
    <row r="257136" spans="8:8">
      <c r="H257136" s="12"/>
    </row>
    <row r="257137" spans="8:8">
      <c r="H257137" s="12"/>
    </row>
    <row r="257138" spans="8:8">
      <c r="H257138" s="12"/>
    </row>
    <row r="257139" spans="8:8">
      <c r="H257139" s="12"/>
    </row>
    <row r="257140" spans="8:8">
      <c r="H257140" s="12"/>
    </row>
    <row r="257141" spans="8:8">
      <c r="H257141" s="12"/>
    </row>
    <row r="257142" spans="8:8">
      <c r="H257142" s="12"/>
    </row>
    <row r="257143" spans="8:8">
      <c r="H257143" s="12"/>
    </row>
    <row r="257144" spans="8:8">
      <c r="H257144" s="12"/>
    </row>
    <row r="257145" spans="8:8">
      <c r="H257145" s="12"/>
    </row>
    <row r="257146" spans="8:8">
      <c r="H257146" s="12"/>
    </row>
    <row r="257147" spans="8:8">
      <c r="H257147" s="12"/>
    </row>
    <row r="257148" spans="8:8">
      <c r="H257148" s="12"/>
    </row>
    <row r="257149" spans="8:8">
      <c r="H257149" s="12"/>
    </row>
    <row r="257150" spans="8:8">
      <c r="H257150" s="12"/>
    </row>
    <row r="257151" spans="8:8">
      <c r="H257151" s="12"/>
    </row>
    <row r="257152" spans="8:8">
      <c r="H257152" s="12"/>
    </row>
    <row r="257153" spans="8:8">
      <c r="H257153" s="12"/>
    </row>
    <row r="257154" spans="8:8">
      <c r="H257154" s="12"/>
    </row>
    <row r="257155" spans="8:8">
      <c r="H257155" s="12"/>
    </row>
    <row r="257156" spans="8:8">
      <c r="H257156" s="12"/>
    </row>
    <row r="257157" spans="8:8">
      <c r="H257157" s="12"/>
    </row>
    <row r="257158" spans="8:8">
      <c r="H257158" s="12"/>
    </row>
    <row r="257159" spans="8:8">
      <c r="H257159" s="12"/>
    </row>
    <row r="257160" spans="8:8">
      <c r="H257160" s="12"/>
    </row>
    <row r="257161" spans="8:8">
      <c r="H257161" s="12"/>
    </row>
    <row r="257162" spans="8:8">
      <c r="H257162" s="12"/>
    </row>
    <row r="257163" spans="8:8">
      <c r="H257163" s="12"/>
    </row>
    <row r="257164" spans="8:8">
      <c r="H257164" s="12"/>
    </row>
    <row r="257165" spans="8:8">
      <c r="H257165" s="12"/>
    </row>
    <row r="257166" spans="8:8">
      <c r="H257166" s="12"/>
    </row>
    <row r="257167" spans="8:8">
      <c r="H257167" s="12"/>
    </row>
    <row r="257168" spans="8:8">
      <c r="H257168" s="12"/>
    </row>
    <row r="257169" spans="8:8">
      <c r="H257169" s="12"/>
    </row>
    <row r="257170" spans="8:8">
      <c r="H257170" s="12"/>
    </row>
    <row r="257171" spans="8:8">
      <c r="H257171" s="12"/>
    </row>
    <row r="257172" spans="8:8">
      <c r="H257172" s="12"/>
    </row>
    <row r="257173" spans="8:8">
      <c r="H257173" s="12"/>
    </row>
    <row r="257174" spans="8:8">
      <c r="H257174" s="12"/>
    </row>
    <row r="257175" spans="8:8">
      <c r="H257175" s="12"/>
    </row>
    <row r="257176" spans="8:8">
      <c r="H257176" s="12"/>
    </row>
    <row r="257177" spans="8:8">
      <c r="H257177" s="12"/>
    </row>
    <row r="257178" spans="8:8">
      <c r="H257178" s="12"/>
    </row>
    <row r="257179" spans="8:8">
      <c r="H257179" s="12"/>
    </row>
    <row r="257180" spans="8:8">
      <c r="H257180" s="12"/>
    </row>
    <row r="257181" spans="8:8">
      <c r="H257181" s="12"/>
    </row>
    <row r="257182" spans="8:8">
      <c r="H257182" s="12"/>
    </row>
    <row r="257183" spans="8:8">
      <c r="H257183" s="12"/>
    </row>
    <row r="257184" spans="8:8">
      <c r="H257184" s="12"/>
    </row>
    <row r="257185" spans="8:8">
      <c r="H257185" s="12"/>
    </row>
    <row r="257186" spans="8:8">
      <c r="H257186" s="12"/>
    </row>
    <row r="257187" spans="8:8">
      <c r="H257187" s="12"/>
    </row>
    <row r="257188" spans="8:8">
      <c r="H257188" s="12"/>
    </row>
    <row r="257189" spans="8:8">
      <c r="H257189" s="12"/>
    </row>
    <row r="257190" spans="8:8">
      <c r="H257190" s="12"/>
    </row>
    <row r="257191" spans="8:8">
      <c r="H257191" s="12"/>
    </row>
    <row r="257192" spans="8:8">
      <c r="H257192" s="12"/>
    </row>
    <row r="257193" spans="8:8">
      <c r="H257193" s="12"/>
    </row>
    <row r="257194" spans="8:8">
      <c r="H257194" s="12"/>
    </row>
    <row r="257195" spans="8:8">
      <c r="H257195" s="12"/>
    </row>
    <row r="257196" spans="8:8">
      <c r="H257196" s="12"/>
    </row>
    <row r="257197" spans="8:8">
      <c r="H257197" s="12"/>
    </row>
    <row r="257198" spans="8:8">
      <c r="H257198" s="12"/>
    </row>
    <row r="257199" spans="8:8">
      <c r="H257199" s="12"/>
    </row>
    <row r="257200" spans="8:8">
      <c r="H257200" s="12"/>
    </row>
    <row r="257201" spans="8:8">
      <c r="H257201" s="12"/>
    </row>
    <row r="257202" spans="8:8">
      <c r="H257202" s="12"/>
    </row>
    <row r="257203" spans="8:8">
      <c r="H257203" s="12"/>
    </row>
    <row r="257204" spans="8:8">
      <c r="H257204" s="12"/>
    </row>
    <row r="257205" spans="8:8">
      <c r="H257205" s="12"/>
    </row>
    <row r="257206" spans="8:8">
      <c r="H257206" s="12"/>
    </row>
    <row r="257207" spans="8:8">
      <c r="H257207" s="12"/>
    </row>
    <row r="257208" spans="8:8">
      <c r="H257208" s="12"/>
    </row>
    <row r="257209" spans="8:8">
      <c r="H257209" s="12"/>
    </row>
    <row r="257210" spans="8:8">
      <c r="H257210" s="12"/>
    </row>
    <row r="257211" spans="8:8">
      <c r="H257211" s="12"/>
    </row>
    <row r="257212" spans="8:8">
      <c r="H257212" s="12"/>
    </row>
    <row r="257213" spans="8:8">
      <c r="H257213" s="12"/>
    </row>
    <row r="257214" spans="8:8">
      <c r="H257214" s="12"/>
    </row>
    <row r="257215" spans="8:8">
      <c r="H257215" s="12"/>
    </row>
    <row r="257216" spans="8:8">
      <c r="H257216" s="12"/>
    </row>
    <row r="257217" spans="8:8">
      <c r="H257217" s="12"/>
    </row>
    <row r="257218" spans="8:8">
      <c r="H257218" s="12"/>
    </row>
    <row r="257219" spans="8:8">
      <c r="H257219" s="12"/>
    </row>
    <row r="257220" spans="8:8">
      <c r="H257220" s="12"/>
    </row>
    <row r="257221" spans="8:8">
      <c r="H257221" s="12"/>
    </row>
    <row r="257222" spans="8:8">
      <c r="H257222" s="12"/>
    </row>
    <row r="257223" spans="8:8">
      <c r="H257223" s="12"/>
    </row>
    <row r="257224" spans="8:8">
      <c r="H257224" s="12"/>
    </row>
    <row r="257225" spans="8:8">
      <c r="H257225" s="12"/>
    </row>
    <row r="257226" spans="8:8">
      <c r="H257226" s="12"/>
    </row>
    <row r="257227" spans="8:8">
      <c r="H257227" s="12"/>
    </row>
    <row r="257228" spans="8:8">
      <c r="H257228" s="12"/>
    </row>
    <row r="257229" spans="8:8">
      <c r="H257229" s="12"/>
    </row>
    <row r="257230" spans="8:8">
      <c r="H257230" s="12"/>
    </row>
    <row r="257231" spans="8:8">
      <c r="H257231" s="12"/>
    </row>
    <row r="257232" spans="8:8">
      <c r="H257232" s="12"/>
    </row>
    <row r="257233" spans="8:8">
      <c r="H257233" s="12"/>
    </row>
    <row r="257234" spans="8:8">
      <c r="H257234" s="12"/>
    </row>
    <row r="257235" spans="8:8">
      <c r="H257235" s="12"/>
    </row>
    <row r="257236" spans="8:8">
      <c r="H257236" s="12"/>
    </row>
    <row r="257237" spans="8:8">
      <c r="H257237" s="12"/>
    </row>
    <row r="257238" spans="8:8">
      <c r="H257238" s="12"/>
    </row>
    <row r="257239" spans="8:8">
      <c r="H257239" s="12"/>
    </row>
    <row r="257240" spans="8:8">
      <c r="H257240" s="12"/>
    </row>
    <row r="257241" spans="8:8">
      <c r="H257241" s="12"/>
    </row>
    <row r="257242" spans="8:8">
      <c r="H257242" s="12"/>
    </row>
    <row r="257243" spans="8:8">
      <c r="H257243" s="12"/>
    </row>
    <row r="257244" spans="8:8">
      <c r="H257244" s="12"/>
    </row>
    <row r="257245" spans="8:8">
      <c r="H257245" s="12"/>
    </row>
    <row r="257246" spans="8:8">
      <c r="H257246" s="12"/>
    </row>
    <row r="257247" spans="8:8">
      <c r="H257247" s="12"/>
    </row>
    <row r="257248" spans="8:8">
      <c r="H257248" s="12"/>
    </row>
    <row r="257249" spans="8:8">
      <c r="H257249" s="12"/>
    </row>
    <row r="257250" spans="8:8">
      <c r="H257250" s="12"/>
    </row>
    <row r="257251" spans="8:8">
      <c r="H257251" s="12"/>
    </row>
    <row r="257252" spans="8:8">
      <c r="H257252" s="12"/>
    </row>
    <row r="257253" spans="8:8">
      <c r="H257253" s="12"/>
    </row>
    <row r="257254" spans="8:8">
      <c r="H257254" s="12"/>
    </row>
    <row r="257255" spans="8:8">
      <c r="H257255" s="12"/>
    </row>
    <row r="257256" spans="8:8">
      <c r="H257256" s="12"/>
    </row>
    <row r="257257" spans="8:8">
      <c r="H257257" s="12"/>
    </row>
    <row r="257258" spans="8:8">
      <c r="H257258" s="12"/>
    </row>
    <row r="257259" spans="8:8">
      <c r="H257259" s="12"/>
    </row>
    <row r="257260" spans="8:8">
      <c r="H257260" s="12"/>
    </row>
    <row r="257261" spans="8:8">
      <c r="H257261" s="12"/>
    </row>
    <row r="257262" spans="8:8">
      <c r="H257262" s="12"/>
    </row>
    <row r="257263" spans="8:8">
      <c r="H257263" s="12"/>
    </row>
    <row r="257264" spans="8:8">
      <c r="H257264" s="12"/>
    </row>
    <row r="257265" spans="8:8">
      <c r="H257265" s="12"/>
    </row>
    <row r="257266" spans="8:8">
      <c r="H257266" s="12"/>
    </row>
    <row r="257267" spans="8:8">
      <c r="H257267" s="12"/>
    </row>
    <row r="257268" spans="8:8">
      <c r="H257268" s="12"/>
    </row>
    <row r="257269" spans="8:8">
      <c r="H257269" s="12"/>
    </row>
    <row r="257270" spans="8:8">
      <c r="H257270" s="12"/>
    </row>
    <row r="257271" spans="8:8">
      <c r="H257271" s="12"/>
    </row>
    <row r="257272" spans="8:8">
      <c r="H257272" s="12"/>
    </row>
    <row r="257273" spans="8:8">
      <c r="H257273" s="12"/>
    </row>
    <row r="257274" spans="8:8">
      <c r="H257274" s="12"/>
    </row>
    <row r="257275" spans="8:8">
      <c r="H257275" s="12"/>
    </row>
    <row r="257276" spans="8:8">
      <c r="H257276" s="12"/>
    </row>
    <row r="257277" spans="8:8">
      <c r="H257277" s="12"/>
    </row>
    <row r="257278" spans="8:8">
      <c r="H257278" s="12"/>
    </row>
    <row r="257279" spans="8:8">
      <c r="H257279" s="12"/>
    </row>
    <row r="257280" spans="8:8">
      <c r="H257280" s="12"/>
    </row>
    <row r="257281" spans="8:8">
      <c r="H257281" s="12"/>
    </row>
    <row r="257282" spans="8:8">
      <c r="H257282" s="12"/>
    </row>
    <row r="257283" spans="8:8">
      <c r="H257283" s="12"/>
    </row>
    <row r="257284" spans="8:8">
      <c r="H257284" s="12"/>
    </row>
    <row r="257285" spans="8:8">
      <c r="H257285" s="12"/>
    </row>
    <row r="257286" spans="8:8">
      <c r="H257286" s="12"/>
    </row>
    <row r="257287" spans="8:8">
      <c r="H257287" s="12"/>
    </row>
    <row r="257288" spans="8:8">
      <c r="H257288" s="12"/>
    </row>
    <row r="257289" spans="8:8">
      <c r="H257289" s="12"/>
    </row>
    <row r="257290" spans="8:8">
      <c r="H257290" s="12"/>
    </row>
    <row r="257291" spans="8:8">
      <c r="H257291" s="12"/>
    </row>
    <row r="257292" spans="8:8">
      <c r="H257292" s="12"/>
    </row>
    <row r="257293" spans="8:8">
      <c r="H257293" s="12"/>
    </row>
    <row r="257294" spans="8:8">
      <c r="H257294" s="12"/>
    </row>
    <row r="257295" spans="8:8">
      <c r="H257295" s="12"/>
    </row>
    <row r="257296" spans="8:8">
      <c r="H257296" s="12"/>
    </row>
    <row r="257297" spans="8:8">
      <c r="H257297" s="12"/>
    </row>
    <row r="257298" spans="8:8">
      <c r="H257298" s="12"/>
    </row>
    <row r="257299" spans="8:8">
      <c r="H257299" s="12"/>
    </row>
    <row r="257300" spans="8:8">
      <c r="H257300" s="12"/>
    </row>
    <row r="257301" spans="8:8">
      <c r="H257301" s="12"/>
    </row>
    <row r="257302" spans="8:8">
      <c r="H257302" s="12"/>
    </row>
    <row r="257303" spans="8:8">
      <c r="H257303" s="12"/>
    </row>
    <row r="257304" spans="8:8">
      <c r="H257304" s="12"/>
    </row>
    <row r="257305" spans="8:8">
      <c r="H257305" s="12"/>
    </row>
    <row r="257306" spans="8:8">
      <c r="H257306" s="12"/>
    </row>
    <row r="257307" spans="8:8">
      <c r="H257307" s="12"/>
    </row>
    <row r="257308" spans="8:8">
      <c r="H257308" s="12"/>
    </row>
    <row r="257309" spans="8:8">
      <c r="H257309" s="12"/>
    </row>
    <row r="257310" spans="8:8">
      <c r="H257310" s="12"/>
    </row>
    <row r="257311" spans="8:8">
      <c r="H257311" s="12"/>
    </row>
    <row r="257312" spans="8:8">
      <c r="H257312" s="12"/>
    </row>
    <row r="257313" spans="8:8">
      <c r="H257313" s="12"/>
    </row>
    <row r="257314" spans="8:8">
      <c r="H257314" s="12"/>
    </row>
    <row r="257315" spans="8:8">
      <c r="H257315" s="12"/>
    </row>
    <row r="257316" spans="8:8">
      <c r="H257316" s="12"/>
    </row>
    <row r="257317" spans="8:8">
      <c r="H257317" s="12"/>
    </row>
    <row r="257318" spans="8:8">
      <c r="H257318" s="12"/>
    </row>
    <row r="257319" spans="8:8">
      <c r="H257319" s="12"/>
    </row>
    <row r="257320" spans="8:8">
      <c r="H257320" s="12"/>
    </row>
    <row r="257321" spans="8:8">
      <c r="H257321" s="12"/>
    </row>
    <row r="257322" spans="8:8">
      <c r="H257322" s="12"/>
    </row>
    <row r="257323" spans="8:8">
      <c r="H257323" s="12"/>
    </row>
    <row r="257324" spans="8:8">
      <c r="H257324" s="12"/>
    </row>
    <row r="257325" spans="8:8">
      <c r="H257325" s="12"/>
    </row>
    <row r="257326" spans="8:8">
      <c r="H257326" s="12"/>
    </row>
    <row r="257327" spans="8:8">
      <c r="H257327" s="12"/>
    </row>
    <row r="257328" spans="8:8">
      <c r="H257328" s="12"/>
    </row>
    <row r="257329" spans="8:8">
      <c r="H257329" s="12"/>
    </row>
    <row r="257330" spans="8:8">
      <c r="H257330" s="12"/>
    </row>
    <row r="257331" spans="8:8">
      <c r="H257331" s="12"/>
    </row>
    <row r="257332" spans="8:8">
      <c r="H257332" s="12"/>
    </row>
    <row r="257333" spans="8:8">
      <c r="H257333" s="12"/>
    </row>
    <row r="257334" spans="8:8">
      <c r="H257334" s="12"/>
    </row>
    <row r="257335" spans="8:8">
      <c r="H257335" s="12"/>
    </row>
    <row r="257336" spans="8:8">
      <c r="H257336" s="12"/>
    </row>
    <row r="257337" spans="8:8">
      <c r="H257337" s="12"/>
    </row>
    <row r="257338" spans="8:8">
      <c r="H257338" s="12"/>
    </row>
    <row r="257339" spans="8:8">
      <c r="H257339" s="12"/>
    </row>
    <row r="257340" spans="8:8">
      <c r="H257340" s="12"/>
    </row>
    <row r="257341" spans="8:8">
      <c r="H257341" s="12"/>
    </row>
    <row r="257342" spans="8:8">
      <c r="H257342" s="12"/>
    </row>
    <row r="257343" spans="8:8">
      <c r="H257343" s="12"/>
    </row>
    <row r="257344" spans="8:8">
      <c r="H257344" s="12"/>
    </row>
    <row r="257345" spans="8:8">
      <c r="H257345" s="12"/>
    </row>
    <row r="257346" spans="8:8">
      <c r="H257346" s="12"/>
    </row>
    <row r="257347" spans="8:8">
      <c r="H257347" s="12"/>
    </row>
    <row r="257348" spans="8:8">
      <c r="H257348" s="12"/>
    </row>
    <row r="257349" spans="8:8">
      <c r="H257349" s="12"/>
    </row>
    <row r="257350" spans="8:8">
      <c r="H257350" s="12"/>
    </row>
    <row r="257351" spans="8:8">
      <c r="H257351" s="12"/>
    </row>
    <row r="257352" spans="8:8">
      <c r="H257352" s="12"/>
    </row>
    <row r="257353" spans="8:8">
      <c r="H257353" s="12"/>
    </row>
    <row r="257354" spans="8:8">
      <c r="H257354" s="12"/>
    </row>
    <row r="257355" spans="8:8">
      <c r="H257355" s="12"/>
    </row>
    <row r="257356" spans="8:8">
      <c r="H257356" s="12"/>
    </row>
    <row r="257357" spans="8:8">
      <c r="H257357" s="12"/>
    </row>
    <row r="257358" spans="8:8">
      <c r="H257358" s="12"/>
    </row>
    <row r="257359" spans="8:8">
      <c r="H257359" s="12"/>
    </row>
    <row r="257360" spans="8:8">
      <c r="H257360" s="12"/>
    </row>
    <row r="257361" spans="8:8">
      <c r="H257361" s="12"/>
    </row>
    <row r="257362" spans="8:8">
      <c r="H257362" s="12"/>
    </row>
    <row r="257363" spans="8:8">
      <c r="H257363" s="12"/>
    </row>
    <row r="257364" spans="8:8">
      <c r="H257364" s="12"/>
    </row>
    <row r="257365" spans="8:8">
      <c r="H257365" s="12"/>
    </row>
    <row r="257366" spans="8:8">
      <c r="H257366" s="12"/>
    </row>
    <row r="257367" spans="8:8">
      <c r="H257367" s="12"/>
    </row>
    <row r="257368" spans="8:8">
      <c r="H257368" s="12"/>
    </row>
    <row r="257369" spans="8:8">
      <c r="H257369" s="12"/>
    </row>
    <row r="257370" spans="8:8">
      <c r="H257370" s="12"/>
    </row>
    <row r="257371" spans="8:8">
      <c r="H257371" s="12"/>
    </row>
    <row r="257372" spans="8:8">
      <c r="H257372" s="12"/>
    </row>
    <row r="257373" spans="8:8">
      <c r="H257373" s="12"/>
    </row>
    <row r="257374" spans="8:8">
      <c r="H257374" s="12"/>
    </row>
    <row r="257375" spans="8:8">
      <c r="H257375" s="12"/>
    </row>
    <row r="257376" spans="8:8">
      <c r="H257376" s="12"/>
    </row>
    <row r="257377" spans="8:8">
      <c r="H257377" s="12"/>
    </row>
    <row r="257378" spans="8:8">
      <c r="H257378" s="12"/>
    </row>
    <row r="257379" spans="8:8">
      <c r="H257379" s="12"/>
    </row>
    <row r="257380" spans="8:8">
      <c r="H257380" s="12"/>
    </row>
    <row r="257381" spans="8:8">
      <c r="H257381" s="12"/>
    </row>
    <row r="257382" spans="8:8">
      <c r="H257382" s="12"/>
    </row>
    <row r="257383" spans="8:8">
      <c r="H257383" s="12"/>
    </row>
    <row r="257384" spans="8:8">
      <c r="H257384" s="12"/>
    </row>
    <row r="257385" spans="8:8">
      <c r="H257385" s="12"/>
    </row>
    <row r="257386" spans="8:8">
      <c r="H257386" s="12"/>
    </row>
    <row r="257387" spans="8:8">
      <c r="H257387" s="12"/>
    </row>
    <row r="257388" spans="8:8">
      <c r="H257388" s="12"/>
    </row>
    <row r="257389" spans="8:8">
      <c r="H257389" s="12"/>
    </row>
    <row r="257390" spans="8:8">
      <c r="H257390" s="12"/>
    </row>
    <row r="257391" spans="8:8">
      <c r="H257391" s="12"/>
    </row>
    <row r="257392" spans="8:8">
      <c r="H257392" s="12"/>
    </row>
    <row r="257393" spans="8:8">
      <c r="H257393" s="12"/>
    </row>
    <row r="257394" spans="8:8">
      <c r="H257394" s="12"/>
    </row>
    <row r="257395" spans="8:8">
      <c r="H257395" s="12"/>
    </row>
    <row r="257396" spans="8:8">
      <c r="H257396" s="12"/>
    </row>
    <row r="257397" spans="8:8">
      <c r="H257397" s="12"/>
    </row>
    <row r="257398" spans="8:8">
      <c r="H257398" s="12"/>
    </row>
    <row r="257399" spans="8:8">
      <c r="H257399" s="12"/>
    </row>
    <row r="257400" spans="8:8">
      <c r="H257400" s="12"/>
    </row>
    <row r="257401" spans="8:8">
      <c r="H257401" s="12"/>
    </row>
    <row r="257402" spans="8:8">
      <c r="H257402" s="12"/>
    </row>
    <row r="257403" spans="8:8">
      <c r="H257403" s="12"/>
    </row>
    <row r="257404" spans="8:8">
      <c r="H257404" s="12"/>
    </row>
    <row r="257405" spans="8:8">
      <c r="H257405" s="12"/>
    </row>
    <row r="257406" spans="8:8">
      <c r="H257406" s="12"/>
    </row>
    <row r="257407" spans="8:8">
      <c r="H257407" s="12"/>
    </row>
    <row r="257408" spans="8:8">
      <c r="H257408" s="12"/>
    </row>
    <row r="257409" spans="8:8">
      <c r="H257409" s="12"/>
    </row>
    <row r="257410" spans="8:8">
      <c r="H257410" s="12"/>
    </row>
    <row r="257411" spans="8:8">
      <c r="H257411" s="12"/>
    </row>
    <row r="257412" spans="8:8">
      <c r="H257412" s="12"/>
    </row>
    <row r="257413" spans="8:8">
      <c r="H257413" s="12"/>
    </row>
    <row r="257414" spans="8:8">
      <c r="H257414" s="12"/>
    </row>
    <row r="257415" spans="8:8">
      <c r="H257415" s="12"/>
    </row>
    <row r="257416" spans="8:8">
      <c r="H257416" s="12"/>
    </row>
    <row r="257417" spans="8:8">
      <c r="H257417" s="12"/>
    </row>
    <row r="257418" spans="8:8">
      <c r="H257418" s="12"/>
    </row>
    <row r="257419" spans="8:8">
      <c r="H257419" s="12"/>
    </row>
    <row r="257420" spans="8:8">
      <c r="H257420" s="12"/>
    </row>
    <row r="257421" spans="8:8">
      <c r="H257421" s="12"/>
    </row>
    <row r="257422" spans="8:8">
      <c r="H257422" s="12"/>
    </row>
    <row r="257423" spans="8:8">
      <c r="H257423" s="12"/>
    </row>
    <row r="257424" spans="8:8">
      <c r="H257424" s="12"/>
    </row>
    <row r="257425" spans="8:8">
      <c r="H257425" s="12"/>
    </row>
    <row r="257426" spans="8:8">
      <c r="H257426" s="12"/>
    </row>
    <row r="257427" spans="8:8">
      <c r="H257427" s="12"/>
    </row>
    <row r="257428" spans="8:8">
      <c r="H257428" s="12"/>
    </row>
    <row r="257429" spans="8:8">
      <c r="H257429" s="12"/>
    </row>
    <row r="257430" spans="8:8">
      <c r="H257430" s="12"/>
    </row>
    <row r="257431" spans="8:8">
      <c r="H257431" s="12"/>
    </row>
    <row r="257432" spans="8:8">
      <c r="H257432" s="12"/>
    </row>
    <row r="257433" spans="8:8">
      <c r="H257433" s="12"/>
    </row>
    <row r="257434" spans="8:8">
      <c r="H257434" s="12"/>
    </row>
    <row r="257435" spans="8:8">
      <c r="H257435" s="12"/>
    </row>
    <row r="257436" spans="8:8">
      <c r="H257436" s="12"/>
    </row>
    <row r="257437" spans="8:8">
      <c r="H257437" s="12"/>
    </row>
    <row r="257438" spans="8:8">
      <c r="H257438" s="12"/>
    </row>
    <row r="257439" spans="8:8">
      <c r="H257439" s="12"/>
    </row>
    <row r="257440" spans="8:8">
      <c r="H257440" s="12"/>
    </row>
    <row r="257441" spans="8:8">
      <c r="H257441" s="12"/>
    </row>
    <row r="257442" spans="8:8">
      <c r="H257442" s="12"/>
    </row>
    <row r="257443" spans="8:8">
      <c r="H257443" s="12"/>
    </row>
    <row r="257444" spans="8:8">
      <c r="H257444" s="12"/>
    </row>
    <row r="257445" spans="8:8">
      <c r="H257445" s="12"/>
    </row>
    <row r="257446" spans="8:8">
      <c r="H257446" s="12"/>
    </row>
    <row r="257447" spans="8:8">
      <c r="H257447" s="12"/>
    </row>
    <row r="257448" spans="8:8">
      <c r="H257448" s="12"/>
    </row>
    <row r="257449" spans="8:8">
      <c r="H257449" s="12"/>
    </row>
    <row r="257450" spans="8:8">
      <c r="H257450" s="12"/>
    </row>
    <row r="257451" spans="8:8">
      <c r="H257451" s="12"/>
    </row>
    <row r="257452" spans="8:8">
      <c r="H257452" s="12"/>
    </row>
    <row r="257453" spans="8:8">
      <c r="H257453" s="12"/>
    </row>
    <row r="257454" spans="8:8">
      <c r="H257454" s="12"/>
    </row>
    <row r="257455" spans="8:8">
      <c r="H257455" s="12"/>
    </row>
    <row r="257456" spans="8:8">
      <c r="H257456" s="12"/>
    </row>
    <row r="257457" spans="8:8">
      <c r="H257457" s="12"/>
    </row>
    <row r="257458" spans="8:8">
      <c r="H257458" s="12"/>
    </row>
    <row r="257459" spans="8:8">
      <c r="H257459" s="12"/>
    </row>
    <row r="257460" spans="8:8">
      <c r="H257460" s="12"/>
    </row>
    <row r="257461" spans="8:8">
      <c r="H257461" s="12"/>
    </row>
    <row r="257462" spans="8:8">
      <c r="H257462" s="12"/>
    </row>
    <row r="257463" spans="8:8">
      <c r="H257463" s="12"/>
    </row>
    <row r="257464" spans="8:8">
      <c r="H257464" s="12"/>
    </row>
    <row r="257465" spans="8:8">
      <c r="H257465" s="12"/>
    </row>
    <row r="257466" spans="8:8">
      <c r="H257466" s="12"/>
    </row>
    <row r="257467" spans="8:8">
      <c r="H257467" s="12"/>
    </row>
    <row r="257468" spans="8:8">
      <c r="H257468" s="12"/>
    </row>
    <row r="257469" spans="8:8">
      <c r="H257469" s="12"/>
    </row>
    <row r="257470" spans="8:8">
      <c r="H257470" s="12"/>
    </row>
    <row r="257471" spans="8:8">
      <c r="H257471" s="12"/>
    </row>
    <row r="257472" spans="8:8">
      <c r="H257472" s="12"/>
    </row>
    <row r="257473" spans="8:8">
      <c r="H257473" s="12"/>
    </row>
    <row r="257474" spans="8:8">
      <c r="H257474" s="12"/>
    </row>
    <row r="257475" spans="8:8">
      <c r="H257475" s="12"/>
    </row>
    <row r="257476" spans="8:8">
      <c r="H257476" s="12"/>
    </row>
    <row r="257477" spans="8:8">
      <c r="H257477" s="12"/>
    </row>
    <row r="257478" spans="8:8">
      <c r="H257478" s="12"/>
    </row>
    <row r="257479" spans="8:8">
      <c r="H257479" s="12"/>
    </row>
    <row r="257480" spans="8:8">
      <c r="H257480" s="12"/>
    </row>
    <row r="257481" spans="8:8">
      <c r="H257481" s="12"/>
    </row>
    <row r="257482" spans="8:8">
      <c r="H257482" s="12"/>
    </row>
    <row r="257483" spans="8:8">
      <c r="H257483" s="12"/>
    </row>
    <row r="257484" spans="8:8">
      <c r="H257484" s="12"/>
    </row>
    <row r="257485" spans="8:8">
      <c r="H257485" s="12"/>
    </row>
    <row r="257486" spans="8:8">
      <c r="H257486" s="12"/>
    </row>
    <row r="257487" spans="8:8">
      <c r="H257487" s="12"/>
    </row>
    <row r="257488" spans="8:8">
      <c r="H257488" s="12"/>
    </row>
    <row r="257489" spans="8:8">
      <c r="H257489" s="12"/>
    </row>
    <row r="257490" spans="8:8">
      <c r="H257490" s="12"/>
    </row>
    <row r="257491" spans="8:8">
      <c r="H257491" s="12"/>
    </row>
    <row r="257492" spans="8:8">
      <c r="H257492" s="12"/>
    </row>
    <row r="257493" spans="8:8">
      <c r="H257493" s="12"/>
    </row>
    <row r="257494" spans="8:8">
      <c r="H257494" s="12"/>
    </row>
    <row r="257495" spans="8:8">
      <c r="H257495" s="12"/>
    </row>
    <row r="257496" spans="8:8">
      <c r="H257496" s="12"/>
    </row>
    <row r="257497" spans="8:8">
      <c r="H257497" s="12"/>
    </row>
    <row r="257498" spans="8:8">
      <c r="H257498" s="12"/>
    </row>
    <row r="257499" spans="8:8">
      <c r="H257499" s="12"/>
    </row>
    <row r="257500" spans="8:8">
      <c r="H257500" s="12"/>
    </row>
    <row r="257501" spans="8:8">
      <c r="H257501" s="12"/>
    </row>
    <row r="257502" spans="8:8">
      <c r="H257502" s="12"/>
    </row>
    <row r="257503" spans="8:8">
      <c r="H257503" s="12"/>
    </row>
    <row r="257504" spans="8:8">
      <c r="H257504" s="12"/>
    </row>
    <row r="257505" spans="8:8">
      <c r="H257505" s="12"/>
    </row>
    <row r="257506" spans="8:8">
      <c r="H257506" s="12"/>
    </row>
    <row r="257507" spans="8:8">
      <c r="H257507" s="12"/>
    </row>
    <row r="257508" spans="8:8">
      <c r="H257508" s="12"/>
    </row>
    <row r="257509" spans="8:8">
      <c r="H257509" s="12"/>
    </row>
    <row r="257510" spans="8:8">
      <c r="H257510" s="12"/>
    </row>
    <row r="257511" spans="8:8">
      <c r="H257511" s="12"/>
    </row>
    <row r="257512" spans="8:8">
      <c r="H257512" s="12"/>
    </row>
    <row r="257513" spans="8:8">
      <c r="H257513" s="12"/>
    </row>
    <row r="257514" spans="8:8">
      <c r="H257514" s="12"/>
    </row>
    <row r="257515" spans="8:8">
      <c r="H257515" s="12"/>
    </row>
    <row r="257516" spans="8:8">
      <c r="H257516" s="12"/>
    </row>
    <row r="257517" spans="8:8">
      <c r="H257517" s="12"/>
    </row>
    <row r="257518" spans="8:8">
      <c r="H257518" s="12"/>
    </row>
    <row r="257519" spans="8:8">
      <c r="H257519" s="12"/>
    </row>
    <row r="257520" spans="8:8">
      <c r="H257520" s="12"/>
    </row>
    <row r="257521" spans="8:8">
      <c r="H257521" s="12"/>
    </row>
    <row r="257522" spans="8:8">
      <c r="H257522" s="12"/>
    </row>
    <row r="257523" spans="8:8">
      <c r="H257523" s="12"/>
    </row>
    <row r="257524" spans="8:8">
      <c r="H257524" s="12"/>
    </row>
    <row r="257525" spans="8:8">
      <c r="H257525" s="12"/>
    </row>
    <row r="257526" spans="8:8">
      <c r="H257526" s="12"/>
    </row>
    <row r="257527" spans="8:8">
      <c r="H257527" s="12"/>
    </row>
    <row r="257528" spans="8:8">
      <c r="H257528" s="12"/>
    </row>
    <row r="257529" spans="8:8">
      <c r="H257529" s="12"/>
    </row>
    <row r="257530" spans="8:8">
      <c r="H257530" s="12"/>
    </row>
    <row r="257531" spans="8:8">
      <c r="H257531" s="12"/>
    </row>
    <row r="257532" spans="8:8">
      <c r="H257532" s="12"/>
    </row>
    <row r="257533" spans="8:8">
      <c r="H257533" s="12"/>
    </row>
    <row r="257534" spans="8:8">
      <c r="H257534" s="12"/>
    </row>
    <row r="257535" spans="8:8">
      <c r="H257535" s="12"/>
    </row>
    <row r="257536" spans="8:8">
      <c r="H257536" s="12"/>
    </row>
    <row r="257537" spans="8:8">
      <c r="H257537" s="12"/>
    </row>
    <row r="257538" spans="8:8">
      <c r="H257538" s="12"/>
    </row>
    <row r="257539" spans="8:8">
      <c r="H257539" s="12"/>
    </row>
    <row r="257540" spans="8:8">
      <c r="H257540" s="12"/>
    </row>
    <row r="257541" spans="8:8">
      <c r="H257541" s="12"/>
    </row>
    <row r="257542" spans="8:8">
      <c r="H257542" s="12"/>
    </row>
    <row r="257543" spans="8:8">
      <c r="H257543" s="12"/>
    </row>
    <row r="257544" spans="8:8">
      <c r="H257544" s="12"/>
    </row>
    <row r="257545" spans="8:8">
      <c r="H257545" s="12"/>
    </row>
    <row r="257546" spans="8:8">
      <c r="H257546" s="12"/>
    </row>
    <row r="257547" spans="8:8">
      <c r="H257547" s="12"/>
    </row>
    <row r="257548" spans="8:8">
      <c r="H257548" s="12"/>
    </row>
    <row r="257549" spans="8:8">
      <c r="H257549" s="12"/>
    </row>
    <row r="257550" spans="8:8">
      <c r="H257550" s="12"/>
    </row>
    <row r="257551" spans="8:8">
      <c r="H257551" s="12"/>
    </row>
    <row r="257552" spans="8:8">
      <c r="H257552" s="12"/>
    </row>
    <row r="257553" spans="8:8">
      <c r="H257553" s="12"/>
    </row>
    <row r="257554" spans="8:8">
      <c r="H257554" s="12"/>
    </row>
    <row r="257555" spans="8:8">
      <c r="H257555" s="12"/>
    </row>
    <row r="257556" spans="8:8">
      <c r="H257556" s="12"/>
    </row>
    <row r="257557" spans="8:8">
      <c r="H257557" s="12"/>
    </row>
    <row r="257558" spans="8:8">
      <c r="H257558" s="12"/>
    </row>
    <row r="257559" spans="8:8">
      <c r="H257559" s="12"/>
    </row>
    <row r="257560" spans="8:8">
      <c r="H257560" s="12"/>
    </row>
    <row r="257561" spans="8:8">
      <c r="H257561" s="12"/>
    </row>
    <row r="257562" spans="8:8">
      <c r="H257562" s="12"/>
    </row>
    <row r="257563" spans="8:8">
      <c r="H257563" s="12"/>
    </row>
    <row r="257564" spans="8:8">
      <c r="H257564" s="12"/>
    </row>
    <row r="257565" spans="8:8">
      <c r="H257565" s="12"/>
    </row>
    <row r="257566" spans="8:8">
      <c r="H257566" s="12"/>
    </row>
    <row r="257567" spans="8:8">
      <c r="H257567" s="12"/>
    </row>
    <row r="257568" spans="8:8">
      <c r="H257568" s="12"/>
    </row>
    <row r="257569" spans="8:8">
      <c r="H257569" s="12"/>
    </row>
    <row r="257570" spans="8:8">
      <c r="H257570" s="12"/>
    </row>
    <row r="257571" spans="8:8">
      <c r="H257571" s="12"/>
    </row>
    <row r="257572" spans="8:8">
      <c r="H257572" s="12"/>
    </row>
    <row r="257573" spans="8:8">
      <c r="H257573" s="12"/>
    </row>
    <row r="257574" spans="8:8">
      <c r="H257574" s="12"/>
    </row>
    <row r="257575" spans="8:8">
      <c r="H257575" s="12"/>
    </row>
    <row r="257576" spans="8:8">
      <c r="H257576" s="12"/>
    </row>
    <row r="257577" spans="8:8">
      <c r="H257577" s="12"/>
    </row>
    <row r="257578" spans="8:8">
      <c r="H257578" s="12"/>
    </row>
    <row r="257579" spans="8:8">
      <c r="H257579" s="12"/>
    </row>
    <row r="257580" spans="8:8">
      <c r="H257580" s="12"/>
    </row>
    <row r="257581" spans="8:8">
      <c r="H257581" s="12"/>
    </row>
    <row r="257582" spans="8:8">
      <c r="H257582" s="12"/>
    </row>
    <row r="257583" spans="8:8">
      <c r="H257583" s="12"/>
    </row>
    <row r="257584" spans="8:8">
      <c r="H257584" s="12"/>
    </row>
    <row r="257585" spans="8:8">
      <c r="H257585" s="12"/>
    </row>
    <row r="257586" spans="8:8">
      <c r="H257586" s="12"/>
    </row>
    <row r="257587" spans="8:8">
      <c r="H257587" s="12"/>
    </row>
    <row r="257588" spans="8:8">
      <c r="H257588" s="12"/>
    </row>
    <row r="257589" spans="8:8">
      <c r="H257589" s="12"/>
    </row>
    <row r="257590" spans="8:8">
      <c r="H257590" s="12"/>
    </row>
    <row r="257591" spans="8:8">
      <c r="H257591" s="12"/>
    </row>
    <row r="257592" spans="8:8">
      <c r="H257592" s="12"/>
    </row>
    <row r="257593" spans="8:8">
      <c r="H257593" s="12"/>
    </row>
    <row r="257594" spans="8:8">
      <c r="H257594" s="12"/>
    </row>
    <row r="257595" spans="8:8">
      <c r="H257595" s="12"/>
    </row>
    <row r="257596" spans="8:8">
      <c r="H257596" s="12"/>
    </row>
    <row r="257597" spans="8:8">
      <c r="H257597" s="12"/>
    </row>
    <row r="257598" spans="8:8">
      <c r="H257598" s="12"/>
    </row>
    <row r="257599" spans="8:8">
      <c r="H257599" s="12"/>
    </row>
    <row r="257600" spans="8:8">
      <c r="H257600" s="12"/>
    </row>
    <row r="257601" spans="8:8">
      <c r="H257601" s="12"/>
    </row>
    <row r="257602" spans="8:8">
      <c r="H257602" s="12"/>
    </row>
    <row r="257603" spans="8:8">
      <c r="H257603" s="12"/>
    </row>
    <row r="257604" spans="8:8">
      <c r="H257604" s="12"/>
    </row>
    <row r="257605" spans="8:8">
      <c r="H257605" s="12"/>
    </row>
    <row r="257606" spans="8:8">
      <c r="H257606" s="12"/>
    </row>
    <row r="257607" spans="8:8">
      <c r="H257607" s="12"/>
    </row>
    <row r="257608" spans="8:8">
      <c r="H257608" s="12"/>
    </row>
    <row r="257609" spans="8:8">
      <c r="H257609" s="12"/>
    </row>
    <row r="257610" spans="8:8">
      <c r="H257610" s="12"/>
    </row>
    <row r="257611" spans="8:8">
      <c r="H257611" s="12"/>
    </row>
    <row r="257612" spans="8:8">
      <c r="H257612" s="12"/>
    </row>
    <row r="257613" spans="8:8">
      <c r="H257613" s="12"/>
    </row>
    <row r="257614" spans="8:8">
      <c r="H257614" s="12"/>
    </row>
    <row r="257615" spans="8:8">
      <c r="H257615" s="12"/>
    </row>
    <row r="257616" spans="8:8">
      <c r="H257616" s="12"/>
    </row>
    <row r="257617" spans="8:8">
      <c r="H257617" s="12"/>
    </row>
    <row r="257618" spans="8:8">
      <c r="H257618" s="12"/>
    </row>
    <row r="257619" spans="8:8">
      <c r="H257619" s="12"/>
    </row>
    <row r="257620" spans="8:8">
      <c r="H257620" s="12"/>
    </row>
    <row r="257621" spans="8:8">
      <c r="H257621" s="12"/>
    </row>
    <row r="257622" spans="8:8">
      <c r="H257622" s="12"/>
    </row>
    <row r="257623" spans="8:8">
      <c r="H257623" s="12"/>
    </row>
    <row r="257624" spans="8:8">
      <c r="H257624" s="12"/>
    </row>
    <row r="257625" spans="8:8">
      <c r="H257625" s="12"/>
    </row>
    <row r="257626" spans="8:8">
      <c r="H257626" s="12"/>
    </row>
    <row r="257627" spans="8:8">
      <c r="H257627" s="12"/>
    </row>
    <row r="257628" spans="8:8">
      <c r="H257628" s="12"/>
    </row>
    <row r="257629" spans="8:8">
      <c r="H257629" s="12"/>
    </row>
    <row r="257630" spans="8:8">
      <c r="H257630" s="12"/>
    </row>
    <row r="257631" spans="8:8">
      <c r="H257631" s="12"/>
    </row>
    <row r="257632" spans="8:8">
      <c r="H257632" s="12"/>
    </row>
    <row r="257633" spans="8:8">
      <c r="H257633" s="12"/>
    </row>
    <row r="257634" spans="8:8">
      <c r="H257634" s="12"/>
    </row>
    <row r="257635" spans="8:8">
      <c r="H257635" s="12"/>
    </row>
    <row r="257636" spans="8:8">
      <c r="H257636" s="12"/>
    </row>
    <row r="257637" spans="8:8">
      <c r="H257637" s="12"/>
    </row>
    <row r="257638" spans="8:8">
      <c r="H257638" s="12"/>
    </row>
    <row r="257639" spans="8:8">
      <c r="H257639" s="12"/>
    </row>
    <row r="257640" spans="8:8">
      <c r="H257640" s="12"/>
    </row>
    <row r="257641" spans="8:8">
      <c r="H257641" s="12"/>
    </row>
    <row r="257642" spans="8:8">
      <c r="H257642" s="12"/>
    </row>
    <row r="257643" spans="8:8">
      <c r="H257643" s="12"/>
    </row>
    <row r="257644" spans="8:8">
      <c r="H257644" s="12"/>
    </row>
    <row r="257645" spans="8:8">
      <c r="H257645" s="12"/>
    </row>
    <row r="257646" spans="8:8">
      <c r="H257646" s="12"/>
    </row>
    <row r="257647" spans="8:8">
      <c r="H257647" s="12"/>
    </row>
    <row r="257648" spans="8:8">
      <c r="H257648" s="12"/>
    </row>
    <row r="257649" spans="8:8">
      <c r="H257649" s="12"/>
    </row>
    <row r="257650" spans="8:8">
      <c r="H257650" s="12"/>
    </row>
    <row r="257651" spans="8:8">
      <c r="H257651" s="12"/>
    </row>
    <row r="257652" spans="8:8">
      <c r="H257652" s="12"/>
    </row>
    <row r="257653" spans="8:8">
      <c r="H257653" s="12"/>
    </row>
    <row r="257654" spans="8:8">
      <c r="H257654" s="12"/>
    </row>
    <row r="257655" spans="8:8">
      <c r="H257655" s="12"/>
    </row>
    <row r="257656" spans="8:8">
      <c r="H257656" s="12"/>
    </row>
    <row r="257657" spans="8:8">
      <c r="H257657" s="12"/>
    </row>
    <row r="257658" spans="8:8">
      <c r="H257658" s="12"/>
    </row>
    <row r="257659" spans="8:8">
      <c r="H257659" s="12"/>
    </row>
    <row r="257660" spans="8:8">
      <c r="H257660" s="12"/>
    </row>
    <row r="257661" spans="8:8">
      <c r="H257661" s="12"/>
    </row>
    <row r="257662" spans="8:8">
      <c r="H257662" s="12"/>
    </row>
    <row r="257663" spans="8:8">
      <c r="H257663" s="12"/>
    </row>
    <row r="257664" spans="8:8">
      <c r="H257664" s="12"/>
    </row>
    <row r="257665" spans="8:8">
      <c r="H257665" s="12"/>
    </row>
    <row r="257666" spans="8:8">
      <c r="H257666" s="12"/>
    </row>
    <row r="257667" spans="8:8">
      <c r="H257667" s="12"/>
    </row>
    <row r="257668" spans="8:8">
      <c r="H257668" s="12"/>
    </row>
    <row r="257669" spans="8:8">
      <c r="H257669" s="12"/>
    </row>
    <row r="257670" spans="8:8">
      <c r="H257670" s="12"/>
    </row>
    <row r="257671" spans="8:8">
      <c r="H257671" s="12"/>
    </row>
    <row r="257672" spans="8:8">
      <c r="H257672" s="12"/>
    </row>
    <row r="257673" spans="8:8">
      <c r="H257673" s="12"/>
    </row>
    <row r="257674" spans="8:8">
      <c r="H257674" s="12"/>
    </row>
    <row r="257675" spans="8:8">
      <c r="H257675" s="12"/>
    </row>
    <row r="257676" spans="8:8">
      <c r="H257676" s="12"/>
    </row>
    <row r="257677" spans="8:8">
      <c r="H257677" s="12"/>
    </row>
    <row r="257678" spans="8:8">
      <c r="H257678" s="12"/>
    </row>
    <row r="257679" spans="8:8">
      <c r="H257679" s="12"/>
    </row>
    <row r="257680" spans="8:8">
      <c r="H257680" s="12"/>
    </row>
    <row r="257681" spans="8:8">
      <c r="H257681" s="12"/>
    </row>
    <row r="257682" spans="8:8">
      <c r="H257682" s="12"/>
    </row>
    <row r="257683" spans="8:8">
      <c r="H257683" s="12"/>
    </row>
    <row r="257684" spans="8:8">
      <c r="H257684" s="12"/>
    </row>
    <row r="257685" spans="8:8">
      <c r="H257685" s="12"/>
    </row>
    <row r="257686" spans="8:8">
      <c r="H257686" s="12"/>
    </row>
    <row r="257687" spans="8:8">
      <c r="H257687" s="12"/>
    </row>
    <row r="257688" spans="8:8">
      <c r="H257688" s="12"/>
    </row>
    <row r="257689" spans="8:8">
      <c r="H257689" s="12"/>
    </row>
    <row r="257690" spans="8:8">
      <c r="H257690" s="12"/>
    </row>
    <row r="257691" spans="8:8">
      <c r="H257691" s="12"/>
    </row>
    <row r="257692" spans="8:8">
      <c r="H257692" s="12"/>
    </row>
    <row r="257693" spans="8:8">
      <c r="H257693" s="12"/>
    </row>
    <row r="257694" spans="8:8">
      <c r="H257694" s="12"/>
    </row>
    <row r="257695" spans="8:8">
      <c r="H257695" s="12"/>
    </row>
    <row r="257696" spans="8:8">
      <c r="H257696" s="12"/>
    </row>
    <row r="257697" spans="8:8">
      <c r="H257697" s="12"/>
    </row>
    <row r="257698" spans="8:8">
      <c r="H257698" s="12"/>
    </row>
    <row r="257699" spans="8:8">
      <c r="H257699" s="12"/>
    </row>
    <row r="257700" spans="8:8">
      <c r="H257700" s="12"/>
    </row>
    <row r="257701" spans="8:8">
      <c r="H257701" s="12"/>
    </row>
    <row r="257702" spans="8:8">
      <c r="H257702" s="12"/>
    </row>
    <row r="257703" spans="8:8">
      <c r="H257703" s="12"/>
    </row>
    <row r="257704" spans="8:8">
      <c r="H257704" s="12"/>
    </row>
    <row r="257705" spans="8:8">
      <c r="H257705" s="12"/>
    </row>
    <row r="257706" spans="8:8">
      <c r="H257706" s="12"/>
    </row>
    <row r="257707" spans="8:8">
      <c r="H257707" s="12"/>
    </row>
    <row r="257708" spans="8:8">
      <c r="H257708" s="12"/>
    </row>
    <row r="257709" spans="8:8">
      <c r="H257709" s="12"/>
    </row>
    <row r="257710" spans="8:8">
      <c r="H257710" s="12"/>
    </row>
    <row r="257711" spans="8:8">
      <c r="H257711" s="12"/>
    </row>
    <row r="257712" spans="8:8">
      <c r="H257712" s="12"/>
    </row>
    <row r="257713" spans="8:8">
      <c r="H257713" s="12"/>
    </row>
    <row r="257714" spans="8:8">
      <c r="H257714" s="12"/>
    </row>
    <row r="257715" spans="8:8">
      <c r="H257715" s="12"/>
    </row>
    <row r="257716" spans="8:8">
      <c r="H257716" s="12"/>
    </row>
    <row r="257717" spans="8:8">
      <c r="H257717" s="12"/>
    </row>
    <row r="257718" spans="8:8">
      <c r="H257718" s="12"/>
    </row>
    <row r="257719" spans="8:8">
      <c r="H257719" s="12"/>
    </row>
    <row r="257720" spans="8:8">
      <c r="H257720" s="12"/>
    </row>
    <row r="257721" spans="8:8">
      <c r="H257721" s="12"/>
    </row>
    <row r="257722" spans="8:8">
      <c r="H257722" s="12"/>
    </row>
    <row r="257723" spans="8:8">
      <c r="H257723" s="12"/>
    </row>
    <row r="257724" spans="8:8">
      <c r="H257724" s="12"/>
    </row>
    <row r="257725" spans="8:8">
      <c r="H257725" s="12"/>
    </row>
    <row r="257726" spans="8:8">
      <c r="H257726" s="12"/>
    </row>
    <row r="257727" spans="8:8">
      <c r="H257727" s="12"/>
    </row>
    <row r="257728" spans="8:8">
      <c r="H257728" s="12"/>
    </row>
    <row r="257729" spans="8:8">
      <c r="H257729" s="12"/>
    </row>
    <row r="257730" spans="8:8">
      <c r="H257730" s="12"/>
    </row>
    <row r="257731" spans="8:8">
      <c r="H257731" s="12"/>
    </row>
    <row r="257732" spans="8:8">
      <c r="H257732" s="12"/>
    </row>
    <row r="257733" spans="8:8">
      <c r="H257733" s="12"/>
    </row>
    <row r="257734" spans="8:8">
      <c r="H257734" s="12"/>
    </row>
    <row r="257735" spans="8:8">
      <c r="H257735" s="12"/>
    </row>
    <row r="257736" spans="8:8">
      <c r="H257736" s="12"/>
    </row>
    <row r="257737" spans="8:8">
      <c r="H257737" s="12"/>
    </row>
    <row r="257738" spans="8:8">
      <c r="H257738" s="12"/>
    </row>
    <row r="257739" spans="8:8">
      <c r="H257739" s="12"/>
    </row>
    <row r="257740" spans="8:8">
      <c r="H257740" s="12"/>
    </row>
    <row r="257741" spans="8:8">
      <c r="H257741" s="12"/>
    </row>
    <row r="257742" spans="8:8">
      <c r="H257742" s="12"/>
    </row>
    <row r="257743" spans="8:8">
      <c r="H257743" s="12"/>
    </row>
    <row r="257744" spans="8:8">
      <c r="H257744" s="12"/>
    </row>
    <row r="257745" spans="8:8">
      <c r="H257745" s="12"/>
    </row>
    <row r="257746" spans="8:8">
      <c r="H257746" s="12"/>
    </row>
    <row r="257747" spans="8:8">
      <c r="H257747" s="12"/>
    </row>
    <row r="257748" spans="8:8">
      <c r="H257748" s="12"/>
    </row>
    <row r="257749" spans="8:8">
      <c r="H257749" s="12"/>
    </row>
    <row r="257750" spans="8:8">
      <c r="H257750" s="12"/>
    </row>
    <row r="257751" spans="8:8">
      <c r="H257751" s="12"/>
    </row>
    <row r="257752" spans="8:8">
      <c r="H257752" s="12"/>
    </row>
    <row r="257753" spans="8:8">
      <c r="H257753" s="12"/>
    </row>
    <row r="257754" spans="8:8">
      <c r="H257754" s="12"/>
    </row>
    <row r="257755" spans="8:8">
      <c r="H257755" s="12"/>
    </row>
    <row r="257756" spans="8:8">
      <c r="H257756" s="12"/>
    </row>
    <row r="257757" spans="8:8">
      <c r="H257757" s="12"/>
    </row>
    <row r="257758" spans="8:8">
      <c r="H257758" s="12"/>
    </row>
    <row r="257759" spans="8:8">
      <c r="H257759" s="12"/>
    </row>
    <row r="257760" spans="8:8">
      <c r="H257760" s="12"/>
    </row>
    <row r="257761" spans="8:8">
      <c r="H257761" s="12"/>
    </row>
    <row r="257762" spans="8:8">
      <c r="H257762" s="12"/>
    </row>
    <row r="257763" spans="8:8">
      <c r="H257763" s="12"/>
    </row>
    <row r="257764" spans="8:8">
      <c r="H257764" s="12"/>
    </row>
    <row r="257765" spans="8:8">
      <c r="H257765" s="12"/>
    </row>
    <row r="257766" spans="8:8">
      <c r="H257766" s="12"/>
    </row>
    <row r="257767" spans="8:8">
      <c r="H257767" s="12"/>
    </row>
    <row r="257768" spans="8:8">
      <c r="H257768" s="12"/>
    </row>
    <row r="257769" spans="8:8">
      <c r="H257769" s="12"/>
    </row>
    <row r="257770" spans="8:8">
      <c r="H257770" s="12"/>
    </row>
    <row r="257771" spans="8:8">
      <c r="H257771" s="12"/>
    </row>
    <row r="257772" spans="8:8">
      <c r="H257772" s="12"/>
    </row>
    <row r="257773" spans="8:8">
      <c r="H257773" s="12"/>
    </row>
    <row r="257774" spans="8:8">
      <c r="H257774" s="12"/>
    </row>
    <row r="257775" spans="8:8">
      <c r="H257775" s="12"/>
    </row>
    <row r="257776" spans="8:8">
      <c r="H257776" s="12"/>
    </row>
    <row r="257777" spans="8:8">
      <c r="H257777" s="12"/>
    </row>
    <row r="257778" spans="8:8">
      <c r="H257778" s="12"/>
    </row>
    <row r="257779" spans="8:8">
      <c r="H257779" s="12"/>
    </row>
    <row r="257780" spans="8:8">
      <c r="H257780" s="12"/>
    </row>
    <row r="257781" spans="8:8">
      <c r="H257781" s="12"/>
    </row>
    <row r="257782" spans="8:8">
      <c r="H257782" s="12"/>
    </row>
    <row r="257783" spans="8:8">
      <c r="H257783" s="12"/>
    </row>
    <row r="257784" spans="8:8">
      <c r="H257784" s="12"/>
    </row>
    <row r="257785" spans="8:8">
      <c r="H257785" s="12"/>
    </row>
    <row r="257786" spans="8:8">
      <c r="H257786" s="12"/>
    </row>
    <row r="257787" spans="8:8">
      <c r="H257787" s="12"/>
    </row>
    <row r="257788" spans="8:8">
      <c r="H257788" s="12"/>
    </row>
    <row r="257789" spans="8:8">
      <c r="H257789" s="12"/>
    </row>
    <row r="257790" spans="8:8">
      <c r="H257790" s="12"/>
    </row>
    <row r="257791" spans="8:8">
      <c r="H257791" s="12"/>
    </row>
    <row r="257792" spans="8:8">
      <c r="H257792" s="12"/>
    </row>
    <row r="257793" spans="8:8">
      <c r="H257793" s="12"/>
    </row>
    <row r="257794" spans="8:8">
      <c r="H257794" s="12"/>
    </row>
    <row r="257795" spans="8:8">
      <c r="H257795" s="12"/>
    </row>
    <row r="257796" spans="8:8">
      <c r="H257796" s="12"/>
    </row>
    <row r="257797" spans="8:8">
      <c r="H257797" s="12"/>
    </row>
    <row r="257798" spans="8:8">
      <c r="H257798" s="12"/>
    </row>
    <row r="257799" spans="8:8">
      <c r="H257799" s="12"/>
    </row>
    <row r="257800" spans="8:8">
      <c r="H257800" s="12"/>
    </row>
    <row r="257801" spans="8:8">
      <c r="H257801" s="12"/>
    </row>
    <row r="257802" spans="8:8">
      <c r="H257802" s="12"/>
    </row>
    <row r="257803" spans="8:8">
      <c r="H257803" s="12"/>
    </row>
    <row r="257804" spans="8:8">
      <c r="H257804" s="12"/>
    </row>
    <row r="257805" spans="8:8">
      <c r="H257805" s="12"/>
    </row>
    <row r="257806" spans="8:8">
      <c r="H257806" s="12"/>
    </row>
    <row r="257807" spans="8:8">
      <c r="H257807" s="12"/>
    </row>
    <row r="257808" spans="8:8">
      <c r="H257808" s="12"/>
    </row>
    <row r="257809" spans="8:8">
      <c r="H257809" s="12"/>
    </row>
    <row r="257810" spans="8:8">
      <c r="H257810" s="12"/>
    </row>
    <row r="257811" spans="8:8">
      <c r="H257811" s="12"/>
    </row>
    <row r="257812" spans="8:8">
      <c r="H257812" s="12"/>
    </row>
    <row r="257813" spans="8:8">
      <c r="H257813" s="12"/>
    </row>
    <row r="257814" spans="8:8">
      <c r="H257814" s="12"/>
    </row>
    <row r="257815" spans="8:8">
      <c r="H257815" s="12"/>
    </row>
    <row r="257816" spans="8:8">
      <c r="H257816" s="12"/>
    </row>
    <row r="257817" spans="8:8">
      <c r="H257817" s="12"/>
    </row>
    <row r="257818" spans="8:8">
      <c r="H257818" s="12"/>
    </row>
    <row r="257819" spans="8:8">
      <c r="H257819" s="12"/>
    </row>
    <row r="257820" spans="8:8">
      <c r="H257820" s="12"/>
    </row>
    <row r="257821" spans="8:8">
      <c r="H257821" s="12"/>
    </row>
    <row r="257822" spans="8:8">
      <c r="H257822" s="12"/>
    </row>
    <row r="257823" spans="8:8">
      <c r="H257823" s="12"/>
    </row>
    <row r="257824" spans="8:8">
      <c r="H257824" s="12"/>
    </row>
    <row r="257825" spans="8:8">
      <c r="H257825" s="12"/>
    </row>
    <row r="257826" spans="8:8">
      <c r="H257826" s="12"/>
    </row>
    <row r="257827" spans="8:8">
      <c r="H257827" s="12"/>
    </row>
    <row r="257828" spans="8:8">
      <c r="H257828" s="12"/>
    </row>
    <row r="257829" spans="8:8">
      <c r="H257829" s="12"/>
    </row>
    <row r="257830" spans="8:8">
      <c r="H257830" s="12"/>
    </row>
    <row r="257831" spans="8:8">
      <c r="H257831" s="12"/>
    </row>
    <row r="257832" spans="8:8">
      <c r="H257832" s="12"/>
    </row>
    <row r="257833" spans="8:8">
      <c r="H257833" s="12"/>
    </row>
    <row r="257834" spans="8:8">
      <c r="H257834" s="12"/>
    </row>
    <row r="257835" spans="8:8">
      <c r="H257835" s="12"/>
    </row>
    <row r="257836" spans="8:8">
      <c r="H257836" s="12"/>
    </row>
    <row r="257837" spans="8:8">
      <c r="H257837" s="12"/>
    </row>
    <row r="257838" spans="8:8">
      <c r="H257838" s="12"/>
    </row>
    <row r="257839" spans="8:8">
      <c r="H257839" s="12"/>
    </row>
    <row r="257840" spans="8:8">
      <c r="H257840" s="12"/>
    </row>
    <row r="257841" spans="8:8">
      <c r="H257841" s="12"/>
    </row>
    <row r="257842" spans="8:8">
      <c r="H257842" s="12"/>
    </row>
    <row r="257843" spans="8:8">
      <c r="H257843" s="12"/>
    </row>
    <row r="257844" spans="8:8">
      <c r="H257844" s="12"/>
    </row>
    <row r="257845" spans="8:8">
      <c r="H257845" s="12"/>
    </row>
    <row r="257846" spans="8:8">
      <c r="H257846" s="12"/>
    </row>
    <row r="257847" spans="8:8">
      <c r="H257847" s="12"/>
    </row>
    <row r="257848" spans="8:8">
      <c r="H257848" s="12"/>
    </row>
    <row r="257849" spans="8:8">
      <c r="H257849" s="12"/>
    </row>
    <row r="257850" spans="8:8">
      <c r="H257850" s="12"/>
    </row>
    <row r="257851" spans="8:8">
      <c r="H257851" s="12"/>
    </row>
    <row r="257852" spans="8:8">
      <c r="H257852" s="12"/>
    </row>
    <row r="257853" spans="8:8">
      <c r="H257853" s="12"/>
    </row>
    <row r="257854" spans="8:8">
      <c r="H257854" s="12"/>
    </row>
    <row r="257855" spans="8:8">
      <c r="H257855" s="12"/>
    </row>
    <row r="257856" spans="8:8">
      <c r="H257856" s="12"/>
    </row>
    <row r="257857" spans="8:8">
      <c r="H257857" s="12"/>
    </row>
    <row r="257858" spans="8:8">
      <c r="H257858" s="12"/>
    </row>
    <row r="257859" spans="8:8">
      <c r="H257859" s="12"/>
    </row>
    <row r="257860" spans="8:8">
      <c r="H257860" s="12"/>
    </row>
    <row r="257861" spans="8:8">
      <c r="H257861" s="12"/>
    </row>
    <row r="257862" spans="8:8">
      <c r="H257862" s="12"/>
    </row>
    <row r="257863" spans="8:8">
      <c r="H257863" s="12"/>
    </row>
    <row r="257864" spans="8:8">
      <c r="H257864" s="12"/>
    </row>
    <row r="257865" spans="8:8">
      <c r="H257865" s="12"/>
    </row>
    <row r="257866" spans="8:8">
      <c r="H257866" s="12"/>
    </row>
    <row r="257867" spans="8:8">
      <c r="H257867" s="12"/>
    </row>
    <row r="257868" spans="8:8">
      <c r="H257868" s="12"/>
    </row>
    <row r="257869" spans="8:8">
      <c r="H257869" s="12"/>
    </row>
    <row r="257870" spans="8:8">
      <c r="H257870" s="12"/>
    </row>
    <row r="257871" spans="8:8">
      <c r="H257871" s="12"/>
    </row>
    <row r="257872" spans="8:8">
      <c r="H257872" s="12"/>
    </row>
    <row r="257873" spans="8:8">
      <c r="H257873" s="12"/>
    </row>
    <row r="257874" spans="8:8">
      <c r="H257874" s="12"/>
    </row>
    <row r="257875" spans="8:8">
      <c r="H257875" s="12"/>
    </row>
    <row r="257876" spans="8:8">
      <c r="H257876" s="12"/>
    </row>
    <row r="257877" spans="8:8">
      <c r="H257877" s="12"/>
    </row>
    <row r="257878" spans="8:8">
      <c r="H257878" s="12"/>
    </row>
    <row r="257879" spans="8:8">
      <c r="H257879" s="12"/>
    </row>
    <row r="257880" spans="8:8">
      <c r="H257880" s="12"/>
    </row>
    <row r="257881" spans="8:8">
      <c r="H257881" s="12"/>
    </row>
    <row r="257882" spans="8:8">
      <c r="H257882" s="12"/>
    </row>
    <row r="257883" spans="8:8">
      <c r="H257883" s="12"/>
    </row>
    <row r="257884" spans="8:8">
      <c r="H257884" s="12"/>
    </row>
    <row r="257885" spans="8:8">
      <c r="H257885" s="12"/>
    </row>
    <row r="257886" spans="8:8">
      <c r="H257886" s="12"/>
    </row>
    <row r="257887" spans="8:8">
      <c r="H257887" s="12"/>
    </row>
    <row r="257888" spans="8:8">
      <c r="H257888" s="12"/>
    </row>
    <row r="257889" spans="8:8">
      <c r="H257889" s="12"/>
    </row>
    <row r="257890" spans="8:8">
      <c r="H257890" s="12"/>
    </row>
    <row r="257891" spans="8:8">
      <c r="H257891" s="12"/>
    </row>
    <row r="257892" spans="8:8">
      <c r="H257892" s="12"/>
    </row>
    <row r="257893" spans="8:8">
      <c r="H257893" s="12"/>
    </row>
    <row r="257894" spans="8:8">
      <c r="H257894" s="12"/>
    </row>
    <row r="257895" spans="8:8">
      <c r="H257895" s="12"/>
    </row>
    <row r="257896" spans="8:8">
      <c r="H257896" s="12"/>
    </row>
    <row r="257897" spans="8:8">
      <c r="H257897" s="12"/>
    </row>
    <row r="257898" spans="8:8">
      <c r="H257898" s="12"/>
    </row>
    <row r="257899" spans="8:8">
      <c r="H257899" s="12"/>
    </row>
    <row r="257900" spans="8:8">
      <c r="H257900" s="12"/>
    </row>
    <row r="257901" spans="8:8">
      <c r="H257901" s="12"/>
    </row>
    <row r="257902" spans="8:8">
      <c r="H257902" s="12"/>
    </row>
    <row r="257903" spans="8:8">
      <c r="H257903" s="12"/>
    </row>
    <row r="257904" spans="8:8">
      <c r="H257904" s="12"/>
    </row>
    <row r="257905" spans="8:8">
      <c r="H257905" s="12"/>
    </row>
    <row r="257906" spans="8:8">
      <c r="H257906" s="12"/>
    </row>
    <row r="257907" spans="8:8">
      <c r="H257907" s="12"/>
    </row>
    <row r="257908" spans="8:8">
      <c r="H257908" s="12"/>
    </row>
    <row r="257909" spans="8:8">
      <c r="H257909" s="12"/>
    </row>
    <row r="257910" spans="8:8">
      <c r="H257910" s="12"/>
    </row>
    <row r="257911" spans="8:8">
      <c r="H257911" s="12"/>
    </row>
    <row r="257912" spans="8:8">
      <c r="H257912" s="12"/>
    </row>
    <row r="257913" spans="8:8">
      <c r="H257913" s="12"/>
    </row>
    <row r="257914" spans="8:8">
      <c r="H257914" s="12"/>
    </row>
    <row r="257915" spans="8:8">
      <c r="H257915" s="12"/>
    </row>
    <row r="257916" spans="8:8">
      <c r="H257916" s="12"/>
    </row>
    <row r="257917" spans="8:8">
      <c r="H257917" s="12"/>
    </row>
    <row r="257918" spans="8:8">
      <c r="H257918" s="12"/>
    </row>
    <row r="257919" spans="8:8">
      <c r="H257919" s="12"/>
    </row>
    <row r="257920" spans="8:8">
      <c r="H257920" s="12"/>
    </row>
    <row r="257921" spans="8:8">
      <c r="H257921" s="12"/>
    </row>
    <row r="257922" spans="8:8">
      <c r="H257922" s="12"/>
    </row>
    <row r="257923" spans="8:8">
      <c r="H257923" s="12"/>
    </row>
    <row r="257924" spans="8:8">
      <c r="H257924" s="12"/>
    </row>
    <row r="257925" spans="8:8">
      <c r="H257925" s="12"/>
    </row>
    <row r="257926" spans="8:8">
      <c r="H257926" s="12"/>
    </row>
    <row r="257927" spans="8:8">
      <c r="H257927" s="12"/>
    </row>
    <row r="257928" spans="8:8">
      <c r="H257928" s="12"/>
    </row>
    <row r="257929" spans="8:8">
      <c r="H257929" s="12"/>
    </row>
    <row r="257930" spans="8:8">
      <c r="H257930" s="12"/>
    </row>
    <row r="257931" spans="8:8">
      <c r="H257931" s="12"/>
    </row>
    <row r="257932" spans="8:8">
      <c r="H257932" s="12"/>
    </row>
    <row r="257933" spans="8:8">
      <c r="H257933" s="12"/>
    </row>
    <row r="257934" spans="8:8">
      <c r="H257934" s="12"/>
    </row>
    <row r="257935" spans="8:8">
      <c r="H257935" s="12"/>
    </row>
    <row r="257936" spans="8:8">
      <c r="H257936" s="12"/>
    </row>
    <row r="257937" spans="8:8">
      <c r="H257937" s="12"/>
    </row>
    <row r="257938" spans="8:8">
      <c r="H257938" s="12"/>
    </row>
    <row r="257939" spans="8:8">
      <c r="H257939" s="12"/>
    </row>
    <row r="257940" spans="8:8">
      <c r="H257940" s="12"/>
    </row>
    <row r="257941" spans="8:8">
      <c r="H257941" s="12"/>
    </row>
    <row r="257942" spans="8:8">
      <c r="H257942" s="12"/>
    </row>
    <row r="257943" spans="8:8">
      <c r="H257943" s="12"/>
    </row>
    <row r="257944" spans="8:8">
      <c r="H257944" s="12"/>
    </row>
    <row r="257945" spans="8:8">
      <c r="H257945" s="12"/>
    </row>
    <row r="257946" spans="8:8">
      <c r="H257946" s="12"/>
    </row>
    <row r="257947" spans="8:8">
      <c r="H257947" s="12"/>
    </row>
    <row r="257948" spans="8:8">
      <c r="H257948" s="12"/>
    </row>
    <row r="257949" spans="8:8">
      <c r="H257949" s="12"/>
    </row>
    <row r="257950" spans="8:8">
      <c r="H257950" s="12"/>
    </row>
    <row r="257951" spans="8:8">
      <c r="H257951" s="12"/>
    </row>
    <row r="257952" spans="8:8">
      <c r="H257952" s="12"/>
    </row>
    <row r="257953" spans="8:8">
      <c r="H257953" s="12"/>
    </row>
    <row r="257954" spans="8:8">
      <c r="H257954" s="12"/>
    </row>
    <row r="257955" spans="8:8">
      <c r="H257955" s="12"/>
    </row>
    <row r="257956" spans="8:8">
      <c r="H257956" s="12"/>
    </row>
    <row r="257957" spans="8:8">
      <c r="H257957" s="12"/>
    </row>
    <row r="257958" spans="8:8">
      <c r="H257958" s="12"/>
    </row>
    <row r="257959" spans="8:8">
      <c r="H257959" s="12"/>
    </row>
    <row r="257960" spans="8:8">
      <c r="H257960" s="12"/>
    </row>
    <row r="257961" spans="8:8">
      <c r="H257961" s="12"/>
    </row>
    <row r="257962" spans="8:8">
      <c r="H257962" s="12"/>
    </row>
    <row r="257963" spans="8:8">
      <c r="H257963" s="12"/>
    </row>
    <row r="257964" spans="8:8">
      <c r="H257964" s="12"/>
    </row>
    <row r="257965" spans="8:8">
      <c r="H257965" s="12"/>
    </row>
    <row r="257966" spans="8:8">
      <c r="H257966" s="12"/>
    </row>
    <row r="257967" spans="8:8">
      <c r="H257967" s="12"/>
    </row>
    <row r="257968" spans="8:8">
      <c r="H257968" s="12"/>
    </row>
    <row r="257969" spans="8:8">
      <c r="H257969" s="12"/>
    </row>
    <row r="257970" spans="8:8">
      <c r="H257970" s="12"/>
    </row>
    <row r="257971" spans="8:8">
      <c r="H257971" s="12"/>
    </row>
    <row r="257972" spans="8:8">
      <c r="H257972" s="12"/>
    </row>
    <row r="257973" spans="8:8">
      <c r="H257973" s="12"/>
    </row>
    <row r="257974" spans="8:8">
      <c r="H257974" s="12"/>
    </row>
    <row r="257975" spans="8:8">
      <c r="H257975" s="12"/>
    </row>
    <row r="257976" spans="8:8">
      <c r="H257976" s="12"/>
    </row>
    <row r="257977" spans="8:8">
      <c r="H257977" s="12"/>
    </row>
    <row r="257978" spans="8:8">
      <c r="H257978" s="12"/>
    </row>
    <row r="257979" spans="8:8">
      <c r="H257979" s="12"/>
    </row>
    <row r="257980" spans="8:8">
      <c r="H257980" s="12"/>
    </row>
    <row r="257981" spans="8:8">
      <c r="H257981" s="12"/>
    </row>
    <row r="257982" spans="8:8">
      <c r="H257982" s="12"/>
    </row>
    <row r="257983" spans="8:8">
      <c r="H257983" s="12"/>
    </row>
    <row r="257984" spans="8:8">
      <c r="H257984" s="12"/>
    </row>
    <row r="257985" spans="8:8">
      <c r="H257985" s="12"/>
    </row>
    <row r="257986" spans="8:8">
      <c r="H257986" s="12"/>
    </row>
    <row r="257987" spans="8:8">
      <c r="H257987" s="12"/>
    </row>
    <row r="257988" spans="8:8">
      <c r="H257988" s="12"/>
    </row>
    <row r="257989" spans="8:8">
      <c r="H257989" s="12"/>
    </row>
    <row r="257990" spans="8:8">
      <c r="H257990" s="12"/>
    </row>
    <row r="257991" spans="8:8">
      <c r="H257991" s="12"/>
    </row>
    <row r="257992" spans="8:8">
      <c r="H257992" s="12"/>
    </row>
    <row r="257993" spans="8:8">
      <c r="H257993" s="12"/>
    </row>
    <row r="257994" spans="8:8">
      <c r="H257994" s="12"/>
    </row>
    <row r="257995" spans="8:8">
      <c r="H257995" s="12"/>
    </row>
    <row r="257996" spans="8:8">
      <c r="H257996" s="12"/>
    </row>
    <row r="257997" spans="8:8">
      <c r="H257997" s="12"/>
    </row>
    <row r="257998" spans="8:8">
      <c r="H257998" s="12"/>
    </row>
    <row r="257999" spans="8:8">
      <c r="H257999" s="12"/>
    </row>
    <row r="258000" spans="8:8">
      <c r="H258000" s="12"/>
    </row>
    <row r="258001" spans="8:8">
      <c r="H258001" s="12"/>
    </row>
    <row r="258002" spans="8:8">
      <c r="H258002" s="12"/>
    </row>
    <row r="258003" spans="8:8">
      <c r="H258003" s="12"/>
    </row>
    <row r="258004" spans="8:8">
      <c r="H258004" s="12"/>
    </row>
    <row r="258005" spans="8:8">
      <c r="H258005" s="12"/>
    </row>
    <row r="258006" spans="8:8">
      <c r="H258006" s="12"/>
    </row>
    <row r="258007" spans="8:8">
      <c r="H258007" s="12"/>
    </row>
    <row r="258008" spans="8:8">
      <c r="H258008" s="12"/>
    </row>
    <row r="258009" spans="8:8">
      <c r="H258009" s="12"/>
    </row>
    <row r="258010" spans="8:8">
      <c r="H258010" s="12"/>
    </row>
    <row r="258011" spans="8:8">
      <c r="H258011" s="12"/>
    </row>
    <row r="258012" spans="8:8">
      <c r="H258012" s="12"/>
    </row>
    <row r="258013" spans="8:8">
      <c r="H258013" s="12"/>
    </row>
    <row r="258014" spans="8:8">
      <c r="H258014" s="12"/>
    </row>
    <row r="258015" spans="8:8">
      <c r="H258015" s="12"/>
    </row>
    <row r="258016" spans="8:8">
      <c r="H258016" s="12"/>
    </row>
    <row r="258017" spans="8:8">
      <c r="H258017" s="12"/>
    </row>
    <row r="258018" spans="8:8">
      <c r="H258018" s="12"/>
    </row>
    <row r="258019" spans="8:8">
      <c r="H258019" s="12"/>
    </row>
    <row r="258020" spans="8:8">
      <c r="H258020" s="12"/>
    </row>
    <row r="258021" spans="8:8">
      <c r="H258021" s="12"/>
    </row>
    <row r="258022" spans="8:8">
      <c r="H258022" s="12"/>
    </row>
    <row r="258023" spans="8:8">
      <c r="H258023" s="12"/>
    </row>
    <row r="258024" spans="8:8">
      <c r="H258024" s="12"/>
    </row>
    <row r="258025" spans="8:8">
      <c r="H258025" s="12"/>
    </row>
    <row r="258026" spans="8:8">
      <c r="H258026" s="12"/>
    </row>
    <row r="258027" spans="8:8">
      <c r="H258027" s="12"/>
    </row>
    <row r="258028" spans="8:8">
      <c r="H258028" s="12"/>
    </row>
    <row r="258029" spans="8:8">
      <c r="H258029" s="12"/>
    </row>
    <row r="258030" spans="8:8">
      <c r="H258030" s="12"/>
    </row>
    <row r="258031" spans="8:8">
      <c r="H258031" s="12"/>
    </row>
    <row r="258032" spans="8:8">
      <c r="H258032" s="12"/>
    </row>
    <row r="258033" spans="8:8">
      <c r="H258033" s="12"/>
    </row>
    <row r="258034" spans="8:8">
      <c r="H258034" s="12"/>
    </row>
    <row r="258035" spans="8:8">
      <c r="H258035" s="12"/>
    </row>
    <row r="258036" spans="8:8">
      <c r="H258036" s="12"/>
    </row>
    <row r="258037" spans="8:8">
      <c r="H258037" s="12"/>
    </row>
    <row r="258038" spans="8:8">
      <c r="H258038" s="12"/>
    </row>
    <row r="258039" spans="8:8">
      <c r="H258039" s="12"/>
    </row>
    <row r="258040" spans="8:8">
      <c r="H258040" s="12"/>
    </row>
    <row r="258041" spans="8:8">
      <c r="H258041" s="12"/>
    </row>
    <row r="258042" spans="8:8">
      <c r="H258042" s="12"/>
    </row>
    <row r="258043" spans="8:8">
      <c r="H258043" s="12"/>
    </row>
    <row r="258044" spans="8:8">
      <c r="H258044" s="12"/>
    </row>
    <row r="258045" spans="8:8">
      <c r="H258045" s="12"/>
    </row>
    <row r="258046" spans="8:8">
      <c r="H258046" s="12"/>
    </row>
    <row r="258047" spans="8:8">
      <c r="H258047" s="12"/>
    </row>
    <row r="258048" spans="8:8">
      <c r="H258048" s="12"/>
    </row>
    <row r="258049" spans="8:8">
      <c r="H258049" s="12"/>
    </row>
    <row r="258050" spans="8:8">
      <c r="H258050" s="12"/>
    </row>
    <row r="258051" spans="8:8">
      <c r="H258051" s="12"/>
    </row>
    <row r="258052" spans="8:8">
      <c r="H258052" s="12"/>
    </row>
    <row r="258053" spans="8:8">
      <c r="H258053" s="12"/>
    </row>
    <row r="258054" spans="8:8">
      <c r="H258054" s="12"/>
    </row>
    <row r="258055" spans="8:8">
      <c r="H258055" s="12"/>
    </row>
    <row r="258056" spans="8:8">
      <c r="H258056" s="12"/>
    </row>
    <row r="258057" spans="8:8">
      <c r="H258057" s="12"/>
    </row>
    <row r="258058" spans="8:8">
      <c r="H258058" s="12"/>
    </row>
    <row r="258059" spans="8:8">
      <c r="H258059" s="12"/>
    </row>
    <row r="258060" spans="8:8">
      <c r="H258060" s="12"/>
    </row>
    <row r="258061" spans="8:8">
      <c r="H258061" s="12"/>
    </row>
    <row r="258062" spans="8:8">
      <c r="H258062" s="12"/>
    </row>
    <row r="258063" spans="8:8">
      <c r="H258063" s="12"/>
    </row>
    <row r="258064" spans="8:8">
      <c r="H258064" s="12"/>
    </row>
    <row r="258065" spans="8:8">
      <c r="H258065" s="12"/>
    </row>
    <row r="258066" spans="8:8">
      <c r="H258066" s="12"/>
    </row>
    <row r="258067" spans="8:8">
      <c r="H258067" s="12"/>
    </row>
    <row r="258068" spans="8:8">
      <c r="H258068" s="12"/>
    </row>
    <row r="258069" spans="8:8">
      <c r="H258069" s="12"/>
    </row>
    <row r="258070" spans="8:8">
      <c r="H258070" s="12"/>
    </row>
    <row r="258071" spans="8:8">
      <c r="H258071" s="12"/>
    </row>
    <row r="258072" spans="8:8">
      <c r="H258072" s="12"/>
    </row>
    <row r="258073" spans="8:8">
      <c r="H258073" s="12"/>
    </row>
    <row r="258074" spans="8:8">
      <c r="H258074" s="12"/>
    </row>
    <row r="258075" spans="8:8">
      <c r="H258075" s="12"/>
    </row>
    <row r="258076" spans="8:8">
      <c r="H258076" s="12"/>
    </row>
    <row r="258077" spans="8:8">
      <c r="H258077" s="12"/>
    </row>
    <row r="258078" spans="8:8">
      <c r="H258078" s="12"/>
    </row>
    <row r="258079" spans="8:8">
      <c r="H258079" s="12"/>
    </row>
    <row r="258080" spans="8:8">
      <c r="H258080" s="12"/>
    </row>
    <row r="258081" spans="8:8">
      <c r="H258081" s="12"/>
    </row>
    <row r="258082" spans="8:8">
      <c r="H258082" s="12"/>
    </row>
    <row r="258083" spans="8:8">
      <c r="H258083" s="12"/>
    </row>
    <row r="258084" spans="8:8">
      <c r="H258084" s="12"/>
    </row>
    <row r="258085" spans="8:8">
      <c r="H258085" s="12"/>
    </row>
    <row r="258086" spans="8:8">
      <c r="H258086" s="12"/>
    </row>
    <row r="258087" spans="8:8">
      <c r="H258087" s="12"/>
    </row>
    <row r="258088" spans="8:8">
      <c r="H258088" s="12"/>
    </row>
    <row r="258089" spans="8:8">
      <c r="H258089" s="12"/>
    </row>
    <row r="258090" spans="8:8">
      <c r="H258090" s="12"/>
    </row>
    <row r="258091" spans="8:8">
      <c r="H258091" s="12"/>
    </row>
    <row r="258092" spans="8:8">
      <c r="H258092" s="12"/>
    </row>
    <row r="258093" spans="8:8">
      <c r="H258093" s="12"/>
    </row>
    <row r="258094" spans="8:8">
      <c r="H258094" s="12"/>
    </row>
    <row r="258095" spans="8:8">
      <c r="H258095" s="12"/>
    </row>
    <row r="258096" spans="8:8">
      <c r="H258096" s="12"/>
    </row>
    <row r="258097" spans="8:8">
      <c r="H258097" s="12"/>
    </row>
    <row r="258098" spans="8:8">
      <c r="H258098" s="12"/>
    </row>
    <row r="258099" spans="8:8">
      <c r="H258099" s="12"/>
    </row>
    <row r="258100" spans="8:8">
      <c r="H258100" s="12"/>
    </row>
    <row r="258101" spans="8:8">
      <c r="H258101" s="12"/>
    </row>
    <row r="258102" spans="8:8">
      <c r="H258102" s="12"/>
    </row>
    <row r="258103" spans="8:8">
      <c r="H258103" s="12"/>
    </row>
    <row r="258104" spans="8:8">
      <c r="H258104" s="12"/>
    </row>
    <row r="258105" spans="8:8">
      <c r="H258105" s="12"/>
    </row>
    <row r="258106" spans="8:8">
      <c r="H258106" s="12"/>
    </row>
    <row r="258107" spans="8:8">
      <c r="H258107" s="12"/>
    </row>
    <row r="258108" spans="8:8">
      <c r="H258108" s="12"/>
    </row>
    <row r="258109" spans="8:8">
      <c r="H258109" s="12"/>
    </row>
    <row r="258110" spans="8:8">
      <c r="H258110" s="12"/>
    </row>
    <row r="258111" spans="8:8">
      <c r="H258111" s="12"/>
    </row>
    <row r="258112" spans="8:8">
      <c r="H258112" s="12"/>
    </row>
    <row r="258113" spans="8:8">
      <c r="H258113" s="12"/>
    </row>
    <row r="258114" spans="8:8">
      <c r="H258114" s="12"/>
    </row>
    <row r="258115" spans="8:8">
      <c r="H258115" s="12"/>
    </row>
    <row r="258116" spans="8:8">
      <c r="H258116" s="12"/>
    </row>
    <row r="258117" spans="8:8">
      <c r="H258117" s="12"/>
    </row>
    <row r="258118" spans="8:8">
      <c r="H258118" s="12"/>
    </row>
    <row r="258119" spans="8:8">
      <c r="H258119" s="12"/>
    </row>
    <row r="258120" spans="8:8">
      <c r="H258120" s="12"/>
    </row>
    <row r="258121" spans="8:8">
      <c r="H258121" s="12"/>
    </row>
    <row r="258122" spans="8:8">
      <c r="H258122" s="12"/>
    </row>
    <row r="258123" spans="8:8">
      <c r="H258123" s="12"/>
    </row>
    <row r="258124" spans="8:8">
      <c r="H258124" s="12"/>
    </row>
    <row r="258125" spans="8:8">
      <c r="H258125" s="12"/>
    </row>
    <row r="258126" spans="8:8">
      <c r="H258126" s="12"/>
    </row>
    <row r="258127" spans="8:8">
      <c r="H258127" s="12"/>
    </row>
    <row r="258128" spans="8:8">
      <c r="H258128" s="12"/>
    </row>
    <row r="258129" spans="8:8">
      <c r="H258129" s="12"/>
    </row>
    <row r="258130" spans="8:8">
      <c r="H258130" s="12"/>
    </row>
    <row r="258131" spans="8:8">
      <c r="H258131" s="12"/>
    </row>
    <row r="258132" spans="8:8">
      <c r="H258132" s="12"/>
    </row>
    <row r="258133" spans="8:8">
      <c r="H258133" s="12"/>
    </row>
    <row r="258134" spans="8:8">
      <c r="H258134" s="12"/>
    </row>
    <row r="258135" spans="8:8">
      <c r="H258135" s="12"/>
    </row>
    <row r="258136" spans="8:8">
      <c r="H258136" s="12"/>
    </row>
    <row r="258137" spans="8:8">
      <c r="H258137" s="12"/>
    </row>
    <row r="258138" spans="8:8">
      <c r="H258138" s="12"/>
    </row>
    <row r="258139" spans="8:8">
      <c r="H258139" s="12"/>
    </row>
    <row r="258140" spans="8:8">
      <c r="H258140" s="12"/>
    </row>
    <row r="258141" spans="8:8">
      <c r="H258141" s="12"/>
    </row>
    <row r="258142" spans="8:8">
      <c r="H258142" s="12"/>
    </row>
    <row r="258143" spans="8:8">
      <c r="H258143" s="12"/>
    </row>
    <row r="258144" spans="8:8">
      <c r="H258144" s="12"/>
    </row>
    <row r="258145" spans="8:8">
      <c r="H258145" s="12"/>
    </row>
    <row r="258146" spans="8:8">
      <c r="H258146" s="12"/>
    </row>
    <row r="258147" spans="8:8">
      <c r="H258147" s="12"/>
    </row>
    <row r="258148" spans="8:8">
      <c r="H258148" s="12"/>
    </row>
    <row r="258149" spans="8:8">
      <c r="H258149" s="12"/>
    </row>
    <row r="258150" spans="8:8">
      <c r="H258150" s="12"/>
    </row>
    <row r="258151" spans="8:8">
      <c r="H258151" s="12"/>
    </row>
    <row r="258152" spans="8:8">
      <c r="H258152" s="12"/>
    </row>
    <row r="258153" spans="8:8">
      <c r="H258153" s="12"/>
    </row>
    <row r="258154" spans="8:8">
      <c r="H258154" s="12"/>
    </row>
    <row r="258155" spans="8:8">
      <c r="H258155" s="12"/>
    </row>
    <row r="258156" spans="8:8">
      <c r="H258156" s="12"/>
    </row>
    <row r="258157" spans="8:8">
      <c r="H258157" s="12"/>
    </row>
    <row r="258158" spans="8:8">
      <c r="H258158" s="12"/>
    </row>
    <row r="258159" spans="8:8">
      <c r="H258159" s="12"/>
    </row>
    <row r="258160" spans="8:8">
      <c r="H258160" s="12"/>
    </row>
    <row r="258161" spans="8:8">
      <c r="H258161" s="12"/>
    </row>
    <row r="258162" spans="8:8">
      <c r="H258162" s="12"/>
    </row>
    <row r="258163" spans="8:8">
      <c r="H258163" s="12"/>
    </row>
    <row r="258164" spans="8:8">
      <c r="H258164" s="12"/>
    </row>
    <row r="258165" spans="8:8">
      <c r="H258165" s="12"/>
    </row>
    <row r="258166" spans="8:8">
      <c r="H258166" s="12"/>
    </row>
    <row r="258167" spans="8:8">
      <c r="H258167" s="12"/>
    </row>
    <row r="258168" spans="8:8">
      <c r="H258168" s="12"/>
    </row>
    <row r="258169" spans="8:8">
      <c r="H258169" s="12"/>
    </row>
    <row r="258170" spans="8:8">
      <c r="H258170" s="12"/>
    </row>
    <row r="258171" spans="8:8">
      <c r="H258171" s="12"/>
    </row>
    <row r="258172" spans="8:8">
      <c r="H258172" s="12"/>
    </row>
    <row r="258173" spans="8:8">
      <c r="H258173" s="12"/>
    </row>
    <row r="258174" spans="8:8">
      <c r="H258174" s="12"/>
    </row>
    <row r="258175" spans="8:8">
      <c r="H258175" s="12"/>
    </row>
    <row r="258176" spans="8:8">
      <c r="H258176" s="12"/>
    </row>
    <row r="258177" spans="8:8">
      <c r="H258177" s="12"/>
    </row>
    <row r="258178" spans="8:8">
      <c r="H258178" s="12"/>
    </row>
    <row r="258179" spans="8:8">
      <c r="H258179" s="12"/>
    </row>
    <row r="258180" spans="8:8">
      <c r="H258180" s="12"/>
    </row>
    <row r="258181" spans="8:8">
      <c r="H258181" s="12"/>
    </row>
    <row r="258182" spans="8:8">
      <c r="H258182" s="12"/>
    </row>
    <row r="258183" spans="8:8">
      <c r="H258183" s="12"/>
    </row>
    <row r="258184" spans="8:8">
      <c r="H258184" s="12"/>
    </row>
    <row r="258185" spans="8:8">
      <c r="H258185" s="12"/>
    </row>
    <row r="258186" spans="8:8">
      <c r="H258186" s="12"/>
    </row>
    <row r="258187" spans="8:8">
      <c r="H258187" s="12"/>
    </row>
    <row r="258188" spans="8:8">
      <c r="H258188" s="12"/>
    </row>
    <row r="258189" spans="8:8">
      <c r="H258189" s="12"/>
    </row>
    <row r="258190" spans="8:8">
      <c r="H258190" s="12"/>
    </row>
    <row r="258191" spans="8:8">
      <c r="H258191" s="12"/>
    </row>
    <row r="258192" spans="8:8">
      <c r="H258192" s="12"/>
    </row>
    <row r="258193" spans="8:8">
      <c r="H258193" s="12"/>
    </row>
    <row r="258194" spans="8:8">
      <c r="H258194" s="12"/>
    </row>
    <row r="258195" spans="8:8">
      <c r="H258195" s="12"/>
    </row>
    <row r="258196" spans="8:8">
      <c r="H258196" s="12"/>
    </row>
    <row r="258197" spans="8:8">
      <c r="H258197" s="12"/>
    </row>
    <row r="258198" spans="8:8">
      <c r="H258198" s="12"/>
    </row>
    <row r="258199" spans="8:8">
      <c r="H258199" s="12"/>
    </row>
    <row r="258200" spans="8:8">
      <c r="H258200" s="12"/>
    </row>
    <row r="258201" spans="8:8">
      <c r="H258201" s="12"/>
    </row>
    <row r="258202" spans="8:8">
      <c r="H258202" s="12"/>
    </row>
    <row r="258203" spans="8:8">
      <c r="H258203" s="12"/>
    </row>
    <row r="258204" spans="8:8">
      <c r="H258204" s="12"/>
    </row>
    <row r="258205" spans="8:8">
      <c r="H258205" s="12"/>
    </row>
    <row r="258206" spans="8:8">
      <c r="H258206" s="12"/>
    </row>
    <row r="258207" spans="8:8">
      <c r="H258207" s="12"/>
    </row>
    <row r="258208" spans="8:8">
      <c r="H258208" s="12"/>
    </row>
    <row r="258209" spans="8:8">
      <c r="H258209" s="12"/>
    </row>
    <row r="258210" spans="8:8">
      <c r="H258210" s="12"/>
    </row>
    <row r="258211" spans="8:8">
      <c r="H258211" s="12"/>
    </row>
    <row r="258212" spans="8:8">
      <c r="H258212" s="12"/>
    </row>
    <row r="258213" spans="8:8">
      <c r="H258213" s="12"/>
    </row>
    <row r="258214" spans="8:8">
      <c r="H258214" s="12"/>
    </row>
    <row r="258215" spans="8:8">
      <c r="H258215" s="12"/>
    </row>
    <row r="258216" spans="8:8">
      <c r="H258216" s="12"/>
    </row>
    <row r="258217" spans="8:8">
      <c r="H258217" s="12"/>
    </row>
    <row r="258218" spans="8:8">
      <c r="H258218" s="12"/>
    </row>
    <row r="258219" spans="8:8">
      <c r="H258219" s="12"/>
    </row>
    <row r="258220" spans="8:8">
      <c r="H258220" s="12"/>
    </row>
    <row r="258221" spans="8:8">
      <c r="H258221" s="12"/>
    </row>
    <row r="258222" spans="8:8">
      <c r="H258222" s="12"/>
    </row>
    <row r="258223" spans="8:8">
      <c r="H258223" s="12"/>
    </row>
    <row r="258224" spans="8:8">
      <c r="H258224" s="12"/>
    </row>
    <row r="258225" spans="8:8">
      <c r="H258225" s="12"/>
    </row>
    <row r="258226" spans="8:8">
      <c r="H258226" s="12"/>
    </row>
    <row r="258227" spans="8:8">
      <c r="H258227" s="12"/>
    </row>
    <row r="258228" spans="8:8">
      <c r="H258228" s="12"/>
    </row>
    <row r="258229" spans="8:8">
      <c r="H258229" s="12"/>
    </row>
    <row r="258230" spans="8:8">
      <c r="H258230" s="12"/>
    </row>
    <row r="258231" spans="8:8">
      <c r="H258231" s="12"/>
    </row>
    <row r="258232" spans="8:8">
      <c r="H258232" s="12"/>
    </row>
    <row r="258233" spans="8:8">
      <c r="H258233" s="12"/>
    </row>
    <row r="258234" spans="8:8">
      <c r="H258234" s="12"/>
    </row>
    <row r="258235" spans="8:8">
      <c r="H258235" s="12"/>
    </row>
    <row r="258236" spans="8:8">
      <c r="H258236" s="12"/>
    </row>
    <row r="258237" spans="8:8">
      <c r="H258237" s="12"/>
    </row>
    <row r="258238" spans="8:8">
      <c r="H258238" s="12"/>
    </row>
    <row r="258239" spans="8:8">
      <c r="H258239" s="12"/>
    </row>
    <row r="258240" spans="8:8">
      <c r="H258240" s="12"/>
    </row>
    <row r="258241" spans="8:8">
      <c r="H258241" s="12"/>
    </row>
    <row r="258242" spans="8:8">
      <c r="H258242" s="12"/>
    </row>
    <row r="258243" spans="8:8">
      <c r="H258243" s="12"/>
    </row>
    <row r="258244" spans="8:8">
      <c r="H258244" s="12"/>
    </row>
    <row r="258245" spans="8:8">
      <c r="H258245" s="12"/>
    </row>
    <row r="258246" spans="8:8">
      <c r="H258246" s="12"/>
    </row>
    <row r="258247" spans="8:8">
      <c r="H258247" s="12"/>
    </row>
    <row r="258248" spans="8:8">
      <c r="H258248" s="12"/>
    </row>
    <row r="258249" spans="8:8">
      <c r="H258249" s="12"/>
    </row>
    <row r="258250" spans="8:8">
      <c r="H258250" s="12"/>
    </row>
    <row r="258251" spans="8:8">
      <c r="H258251" s="12"/>
    </row>
    <row r="258252" spans="8:8">
      <c r="H258252" s="12"/>
    </row>
    <row r="258253" spans="8:8">
      <c r="H258253" s="12"/>
    </row>
    <row r="258254" spans="8:8">
      <c r="H258254" s="12"/>
    </row>
    <row r="258255" spans="8:8">
      <c r="H258255" s="12"/>
    </row>
    <row r="258256" spans="8:8">
      <c r="H258256" s="12"/>
    </row>
    <row r="258257" spans="8:8">
      <c r="H258257" s="12"/>
    </row>
    <row r="258258" spans="8:8">
      <c r="H258258" s="12"/>
    </row>
    <row r="258259" spans="8:8">
      <c r="H258259" s="12"/>
    </row>
    <row r="258260" spans="8:8">
      <c r="H258260" s="12"/>
    </row>
    <row r="258261" spans="8:8">
      <c r="H258261" s="12"/>
    </row>
    <row r="258262" spans="8:8">
      <c r="H258262" s="12"/>
    </row>
    <row r="258263" spans="8:8">
      <c r="H258263" s="12"/>
    </row>
    <row r="258264" spans="8:8">
      <c r="H258264" s="12"/>
    </row>
    <row r="258265" spans="8:8">
      <c r="H258265" s="12"/>
    </row>
    <row r="258266" spans="8:8">
      <c r="H258266" s="12"/>
    </row>
    <row r="258267" spans="8:8">
      <c r="H258267" s="12"/>
    </row>
    <row r="258268" spans="8:8">
      <c r="H258268" s="12"/>
    </row>
    <row r="258269" spans="8:8">
      <c r="H258269" s="12"/>
    </row>
    <row r="258270" spans="8:8">
      <c r="H258270" s="12"/>
    </row>
    <row r="258271" spans="8:8">
      <c r="H258271" s="12"/>
    </row>
    <row r="258272" spans="8:8">
      <c r="H258272" s="12"/>
    </row>
    <row r="258273" spans="8:8">
      <c r="H258273" s="12"/>
    </row>
    <row r="258274" spans="8:8">
      <c r="H258274" s="12"/>
    </row>
    <row r="258275" spans="8:8">
      <c r="H258275" s="12"/>
    </row>
    <row r="258276" spans="8:8">
      <c r="H258276" s="12"/>
    </row>
    <row r="258277" spans="8:8">
      <c r="H258277" s="12"/>
    </row>
    <row r="258278" spans="8:8">
      <c r="H258278" s="12"/>
    </row>
    <row r="258279" spans="8:8">
      <c r="H258279" s="12"/>
    </row>
    <row r="258280" spans="8:8">
      <c r="H258280" s="12"/>
    </row>
    <row r="258281" spans="8:8">
      <c r="H258281" s="12"/>
    </row>
    <row r="258282" spans="8:8">
      <c r="H258282" s="12"/>
    </row>
    <row r="258283" spans="8:8">
      <c r="H258283" s="12"/>
    </row>
    <row r="258284" spans="8:8">
      <c r="H258284" s="12"/>
    </row>
    <row r="258285" spans="8:8">
      <c r="H258285" s="12"/>
    </row>
    <row r="258286" spans="8:8">
      <c r="H258286" s="12"/>
    </row>
    <row r="258287" spans="8:8">
      <c r="H258287" s="12"/>
    </row>
    <row r="258288" spans="8:8">
      <c r="H258288" s="12"/>
    </row>
    <row r="258289" spans="8:8">
      <c r="H258289" s="12"/>
    </row>
    <row r="258290" spans="8:8">
      <c r="H258290" s="12"/>
    </row>
    <row r="258291" spans="8:8">
      <c r="H258291" s="12"/>
    </row>
    <row r="258292" spans="8:8">
      <c r="H258292" s="12"/>
    </row>
    <row r="258293" spans="8:8">
      <c r="H258293" s="12"/>
    </row>
    <row r="258294" spans="8:8">
      <c r="H258294" s="12"/>
    </row>
    <row r="258295" spans="8:8">
      <c r="H258295" s="12"/>
    </row>
    <row r="258296" spans="8:8">
      <c r="H258296" s="12"/>
    </row>
    <row r="258297" spans="8:8">
      <c r="H258297" s="12"/>
    </row>
    <row r="258298" spans="8:8">
      <c r="H258298" s="12"/>
    </row>
    <row r="258299" spans="8:8">
      <c r="H258299" s="12"/>
    </row>
    <row r="258300" spans="8:8">
      <c r="H258300" s="12"/>
    </row>
    <row r="258301" spans="8:8">
      <c r="H258301" s="12"/>
    </row>
    <row r="258302" spans="8:8">
      <c r="H258302" s="12"/>
    </row>
    <row r="258303" spans="8:8">
      <c r="H258303" s="12"/>
    </row>
    <row r="258304" spans="8:8">
      <c r="H258304" s="12"/>
    </row>
    <row r="258305" spans="8:8">
      <c r="H258305" s="12"/>
    </row>
    <row r="258306" spans="8:8">
      <c r="H258306" s="12"/>
    </row>
    <row r="258307" spans="8:8">
      <c r="H258307" s="12"/>
    </row>
    <row r="258308" spans="8:8">
      <c r="H258308" s="12"/>
    </row>
    <row r="258309" spans="8:8">
      <c r="H258309" s="12"/>
    </row>
    <row r="258310" spans="8:8">
      <c r="H258310" s="12"/>
    </row>
    <row r="258311" spans="8:8">
      <c r="H258311" s="12"/>
    </row>
    <row r="258312" spans="8:8">
      <c r="H258312" s="12"/>
    </row>
    <row r="258313" spans="8:8">
      <c r="H258313" s="12"/>
    </row>
    <row r="258314" spans="8:8">
      <c r="H258314" s="12"/>
    </row>
    <row r="258315" spans="8:8">
      <c r="H258315" s="12"/>
    </row>
    <row r="258316" spans="8:8">
      <c r="H258316" s="12"/>
    </row>
    <row r="258317" spans="8:8">
      <c r="H258317" s="12"/>
    </row>
    <row r="258318" spans="8:8">
      <c r="H258318" s="12"/>
    </row>
    <row r="258319" spans="8:8">
      <c r="H258319" s="12"/>
    </row>
    <row r="258320" spans="8:8">
      <c r="H258320" s="12"/>
    </row>
    <row r="258321" spans="8:8">
      <c r="H258321" s="12"/>
    </row>
    <row r="258322" spans="8:8">
      <c r="H258322" s="12"/>
    </row>
    <row r="258323" spans="8:8">
      <c r="H258323" s="12"/>
    </row>
    <row r="258324" spans="8:8">
      <c r="H258324" s="12"/>
    </row>
    <row r="258325" spans="8:8">
      <c r="H258325" s="12"/>
    </row>
    <row r="258326" spans="8:8">
      <c r="H258326" s="12"/>
    </row>
    <row r="258327" spans="8:8">
      <c r="H258327" s="12"/>
    </row>
    <row r="258328" spans="8:8">
      <c r="H258328" s="12"/>
    </row>
    <row r="258329" spans="8:8">
      <c r="H258329" s="12"/>
    </row>
    <row r="258330" spans="8:8">
      <c r="H258330" s="12"/>
    </row>
    <row r="258331" spans="8:8">
      <c r="H258331" s="12"/>
    </row>
    <row r="258332" spans="8:8">
      <c r="H258332" s="12"/>
    </row>
    <row r="258333" spans="8:8">
      <c r="H258333" s="12"/>
    </row>
    <row r="258334" spans="8:8">
      <c r="H258334" s="12"/>
    </row>
    <row r="258335" spans="8:8">
      <c r="H258335" s="12"/>
    </row>
    <row r="258336" spans="8:8">
      <c r="H258336" s="12"/>
    </row>
    <row r="258337" spans="8:8">
      <c r="H258337" s="12"/>
    </row>
    <row r="258338" spans="8:8">
      <c r="H258338" s="12"/>
    </row>
    <row r="258339" spans="8:8">
      <c r="H258339" s="12"/>
    </row>
    <row r="258340" spans="8:8">
      <c r="H258340" s="12"/>
    </row>
    <row r="258341" spans="8:8">
      <c r="H258341" s="12"/>
    </row>
    <row r="258342" spans="8:8">
      <c r="H258342" s="12"/>
    </row>
    <row r="258343" spans="8:8">
      <c r="H258343" s="12"/>
    </row>
    <row r="258344" spans="8:8">
      <c r="H258344" s="12"/>
    </row>
    <row r="258345" spans="8:8">
      <c r="H258345" s="12"/>
    </row>
    <row r="258346" spans="8:8">
      <c r="H258346" s="12"/>
    </row>
    <row r="258347" spans="8:8">
      <c r="H258347" s="12"/>
    </row>
    <row r="258348" spans="8:8">
      <c r="H258348" s="12"/>
    </row>
    <row r="258349" spans="8:8">
      <c r="H258349" s="12"/>
    </row>
    <row r="258350" spans="8:8">
      <c r="H258350" s="12"/>
    </row>
    <row r="258351" spans="8:8">
      <c r="H258351" s="12"/>
    </row>
    <row r="258352" spans="8:8">
      <c r="H258352" s="12"/>
    </row>
    <row r="258353" spans="8:8">
      <c r="H258353" s="12"/>
    </row>
    <row r="258354" spans="8:8">
      <c r="H258354" s="12"/>
    </row>
    <row r="258355" spans="8:8">
      <c r="H258355" s="12"/>
    </row>
    <row r="258356" spans="8:8">
      <c r="H258356" s="12"/>
    </row>
    <row r="258357" spans="8:8">
      <c r="H258357" s="12"/>
    </row>
    <row r="258358" spans="8:8">
      <c r="H258358" s="12"/>
    </row>
    <row r="258359" spans="8:8">
      <c r="H258359" s="12"/>
    </row>
    <row r="258360" spans="8:8">
      <c r="H258360" s="12"/>
    </row>
    <row r="258361" spans="8:8">
      <c r="H258361" s="12"/>
    </row>
    <row r="258362" spans="8:8">
      <c r="H258362" s="12"/>
    </row>
    <row r="258363" spans="8:8">
      <c r="H258363" s="12"/>
    </row>
    <row r="258364" spans="8:8">
      <c r="H258364" s="12"/>
    </row>
    <row r="258365" spans="8:8">
      <c r="H258365" s="12"/>
    </row>
    <row r="258366" spans="8:8">
      <c r="H258366" s="12"/>
    </row>
    <row r="258367" spans="8:8">
      <c r="H258367" s="12"/>
    </row>
    <row r="258368" spans="8:8">
      <c r="H258368" s="12"/>
    </row>
    <row r="258369" spans="8:8">
      <c r="H258369" s="12"/>
    </row>
    <row r="258370" spans="8:8">
      <c r="H258370" s="12"/>
    </row>
    <row r="258371" spans="8:8">
      <c r="H258371" s="12"/>
    </row>
    <row r="258372" spans="8:8">
      <c r="H258372" s="12"/>
    </row>
    <row r="258373" spans="8:8">
      <c r="H258373" s="12"/>
    </row>
    <row r="258374" spans="8:8">
      <c r="H258374" s="12"/>
    </row>
    <row r="258375" spans="8:8">
      <c r="H258375" s="12"/>
    </row>
    <row r="258376" spans="8:8">
      <c r="H258376" s="12"/>
    </row>
    <row r="258377" spans="8:8">
      <c r="H258377" s="12"/>
    </row>
    <row r="258378" spans="8:8">
      <c r="H258378" s="12"/>
    </row>
    <row r="258379" spans="8:8">
      <c r="H258379" s="12"/>
    </row>
    <row r="258380" spans="8:8">
      <c r="H258380" s="12"/>
    </row>
    <row r="258381" spans="8:8">
      <c r="H258381" s="12"/>
    </row>
    <row r="258382" spans="8:8">
      <c r="H258382" s="12"/>
    </row>
    <row r="258383" spans="8:8">
      <c r="H258383" s="12"/>
    </row>
    <row r="258384" spans="8:8">
      <c r="H258384" s="12"/>
    </row>
    <row r="258385" spans="8:8">
      <c r="H258385" s="12"/>
    </row>
    <row r="258386" spans="8:8">
      <c r="H258386" s="12"/>
    </row>
    <row r="258387" spans="8:8">
      <c r="H258387" s="12"/>
    </row>
    <row r="258388" spans="8:8">
      <c r="H258388" s="12"/>
    </row>
    <row r="258389" spans="8:8">
      <c r="H258389" s="12"/>
    </row>
    <row r="258390" spans="8:8">
      <c r="H258390" s="12"/>
    </row>
    <row r="258391" spans="8:8">
      <c r="H258391" s="12"/>
    </row>
    <row r="258392" spans="8:8">
      <c r="H258392" s="12"/>
    </row>
    <row r="258393" spans="8:8">
      <c r="H258393" s="12"/>
    </row>
    <row r="258394" spans="8:8">
      <c r="H258394" s="12"/>
    </row>
    <row r="258395" spans="8:8">
      <c r="H258395" s="12"/>
    </row>
    <row r="258396" spans="8:8">
      <c r="H258396" s="12"/>
    </row>
    <row r="258397" spans="8:8">
      <c r="H258397" s="12"/>
    </row>
    <row r="258398" spans="8:8">
      <c r="H258398" s="12"/>
    </row>
    <row r="258399" spans="8:8">
      <c r="H258399" s="12"/>
    </row>
    <row r="258400" spans="8:8">
      <c r="H258400" s="12"/>
    </row>
    <row r="258401" spans="8:8">
      <c r="H258401" s="12"/>
    </row>
    <row r="258402" spans="8:8">
      <c r="H258402" s="12"/>
    </row>
    <row r="258403" spans="8:8">
      <c r="H258403" s="12"/>
    </row>
    <row r="258404" spans="8:8">
      <c r="H258404" s="12"/>
    </row>
    <row r="258405" spans="8:8">
      <c r="H258405" s="12"/>
    </row>
    <row r="258406" spans="8:8">
      <c r="H258406" s="12"/>
    </row>
    <row r="258407" spans="8:8">
      <c r="H258407" s="12"/>
    </row>
    <row r="258408" spans="8:8">
      <c r="H258408" s="12"/>
    </row>
    <row r="258409" spans="8:8">
      <c r="H258409" s="12"/>
    </row>
    <row r="258410" spans="8:8">
      <c r="H258410" s="12"/>
    </row>
    <row r="258411" spans="8:8">
      <c r="H258411" s="12"/>
    </row>
    <row r="258412" spans="8:8">
      <c r="H258412" s="12"/>
    </row>
    <row r="258413" spans="8:8">
      <c r="H258413" s="12"/>
    </row>
    <row r="258414" spans="8:8">
      <c r="H258414" s="12"/>
    </row>
    <row r="258415" spans="8:8">
      <c r="H258415" s="12"/>
    </row>
    <row r="258416" spans="8:8">
      <c r="H258416" s="12"/>
    </row>
    <row r="258417" spans="8:8">
      <c r="H258417" s="12"/>
    </row>
    <row r="258418" spans="8:8">
      <c r="H258418" s="12"/>
    </row>
    <row r="258419" spans="8:8">
      <c r="H258419" s="12"/>
    </row>
    <row r="258420" spans="8:8">
      <c r="H258420" s="12"/>
    </row>
    <row r="258421" spans="8:8">
      <c r="H258421" s="12"/>
    </row>
    <row r="258422" spans="8:8">
      <c r="H258422" s="12"/>
    </row>
    <row r="258423" spans="8:8">
      <c r="H258423" s="12"/>
    </row>
    <row r="258424" spans="8:8">
      <c r="H258424" s="12"/>
    </row>
    <row r="258425" spans="8:8">
      <c r="H258425" s="12"/>
    </row>
    <row r="258426" spans="8:8">
      <c r="H258426" s="12"/>
    </row>
    <row r="258427" spans="8:8">
      <c r="H258427" s="12"/>
    </row>
    <row r="258428" spans="8:8">
      <c r="H258428" s="12"/>
    </row>
    <row r="258429" spans="8:8">
      <c r="H258429" s="12"/>
    </row>
    <row r="258430" spans="8:8">
      <c r="H258430" s="12"/>
    </row>
    <row r="258431" spans="8:8">
      <c r="H258431" s="12"/>
    </row>
    <row r="258432" spans="8:8">
      <c r="H258432" s="12"/>
    </row>
    <row r="258433" spans="8:8">
      <c r="H258433" s="12"/>
    </row>
    <row r="258434" spans="8:8">
      <c r="H258434" s="12"/>
    </row>
    <row r="258435" spans="8:8">
      <c r="H258435" s="12"/>
    </row>
    <row r="258436" spans="8:8">
      <c r="H258436" s="12"/>
    </row>
    <row r="258437" spans="8:8">
      <c r="H258437" s="12"/>
    </row>
    <row r="258438" spans="8:8">
      <c r="H258438" s="12"/>
    </row>
    <row r="258439" spans="8:8">
      <c r="H258439" s="12"/>
    </row>
    <row r="258440" spans="8:8">
      <c r="H258440" s="12"/>
    </row>
    <row r="258441" spans="8:8">
      <c r="H258441" s="12"/>
    </row>
    <row r="258442" spans="8:8">
      <c r="H258442" s="12"/>
    </row>
    <row r="258443" spans="8:8">
      <c r="H258443" s="12"/>
    </row>
    <row r="258444" spans="8:8">
      <c r="H258444" s="12"/>
    </row>
    <row r="258445" spans="8:8">
      <c r="H258445" s="12"/>
    </row>
    <row r="258446" spans="8:8">
      <c r="H258446" s="12"/>
    </row>
    <row r="258447" spans="8:8">
      <c r="H258447" s="12"/>
    </row>
    <row r="258448" spans="8:8">
      <c r="H258448" s="12"/>
    </row>
    <row r="258449" spans="8:8">
      <c r="H258449" s="12"/>
    </row>
    <row r="258450" spans="8:8">
      <c r="H258450" s="12"/>
    </row>
    <row r="258451" spans="8:8">
      <c r="H258451" s="12"/>
    </row>
    <row r="258452" spans="8:8">
      <c r="H258452" s="12"/>
    </row>
    <row r="258453" spans="8:8">
      <c r="H258453" s="12"/>
    </row>
    <row r="258454" spans="8:8">
      <c r="H258454" s="12"/>
    </row>
    <row r="258455" spans="8:8">
      <c r="H258455" s="12"/>
    </row>
    <row r="258456" spans="8:8">
      <c r="H258456" s="12"/>
    </row>
    <row r="258457" spans="8:8">
      <c r="H258457" s="12"/>
    </row>
    <row r="258458" spans="8:8">
      <c r="H258458" s="12"/>
    </row>
    <row r="258459" spans="8:8">
      <c r="H258459" s="12"/>
    </row>
    <row r="258460" spans="8:8">
      <c r="H258460" s="12"/>
    </row>
    <row r="258461" spans="8:8">
      <c r="H258461" s="12"/>
    </row>
    <row r="258462" spans="8:8">
      <c r="H258462" s="12"/>
    </row>
    <row r="258463" spans="8:8">
      <c r="H258463" s="12"/>
    </row>
    <row r="258464" spans="8:8">
      <c r="H258464" s="12"/>
    </row>
    <row r="258465" spans="8:8">
      <c r="H258465" s="12"/>
    </row>
    <row r="258466" spans="8:8">
      <c r="H258466" s="12"/>
    </row>
    <row r="258467" spans="8:8">
      <c r="H258467" s="12"/>
    </row>
    <row r="258468" spans="8:8">
      <c r="H258468" s="12"/>
    </row>
    <row r="258469" spans="8:8">
      <c r="H258469" s="12"/>
    </row>
    <row r="258470" spans="8:8">
      <c r="H258470" s="12"/>
    </row>
    <row r="258471" spans="8:8">
      <c r="H258471" s="12"/>
    </row>
    <row r="258472" spans="8:8">
      <c r="H258472" s="12"/>
    </row>
    <row r="258473" spans="8:8">
      <c r="H258473" s="12"/>
    </row>
    <row r="258474" spans="8:8">
      <c r="H258474" s="12"/>
    </row>
    <row r="258475" spans="8:8">
      <c r="H258475" s="12"/>
    </row>
    <row r="258476" spans="8:8">
      <c r="H258476" s="12"/>
    </row>
    <row r="258477" spans="8:8">
      <c r="H258477" s="12"/>
    </row>
    <row r="258478" spans="8:8">
      <c r="H258478" s="12"/>
    </row>
    <row r="258479" spans="8:8">
      <c r="H258479" s="12"/>
    </row>
    <row r="258480" spans="8:8">
      <c r="H258480" s="12"/>
    </row>
    <row r="258481" spans="8:8">
      <c r="H258481" s="12"/>
    </row>
    <row r="258482" spans="8:8">
      <c r="H258482" s="12"/>
    </row>
    <row r="258483" spans="8:8">
      <c r="H258483" s="12"/>
    </row>
    <row r="258484" spans="8:8">
      <c r="H258484" s="12"/>
    </row>
    <row r="258485" spans="8:8">
      <c r="H258485" s="12"/>
    </row>
    <row r="258486" spans="8:8">
      <c r="H258486" s="12"/>
    </row>
    <row r="258487" spans="8:8">
      <c r="H258487" s="12"/>
    </row>
    <row r="258488" spans="8:8">
      <c r="H258488" s="12"/>
    </row>
    <row r="258489" spans="8:8">
      <c r="H258489" s="12"/>
    </row>
    <row r="258490" spans="8:8">
      <c r="H258490" s="12"/>
    </row>
    <row r="258491" spans="8:8">
      <c r="H258491" s="12"/>
    </row>
    <row r="258492" spans="8:8">
      <c r="H258492" s="12"/>
    </row>
    <row r="258493" spans="8:8">
      <c r="H258493" s="12"/>
    </row>
    <row r="258494" spans="8:8">
      <c r="H258494" s="12"/>
    </row>
    <row r="258495" spans="8:8">
      <c r="H258495" s="12"/>
    </row>
    <row r="258496" spans="8:8">
      <c r="H258496" s="12"/>
    </row>
    <row r="258497" spans="8:8">
      <c r="H258497" s="12"/>
    </row>
    <row r="258498" spans="8:8">
      <c r="H258498" s="12"/>
    </row>
    <row r="258499" spans="8:8">
      <c r="H258499" s="12"/>
    </row>
    <row r="258500" spans="8:8">
      <c r="H258500" s="12"/>
    </row>
    <row r="258501" spans="8:8">
      <c r="H258501" s="12"/>
    </row>
    <row r="258502" spans="8:8">
      <c r="H258502" s="12"/>
    </row>
    <row r="258503" spans="8:8">
      <c r="H258503" s="12"/>
    </row>
    <row r="258504" spans="8:8">
      <c r="H258504" s="12"/>
    </row>
    <row r="258505" spans="8:8">
      <c r="H258505" s="12"/>
    </row>
    <row r="258506" spans="8:8">
      <c r="H258506" s="12"/>
    </row>
    <row r="258507" spans="8:8">
      <c r="H258507" s="12"/>
    </row>
    <row r="258508" spans="8:8">
      <c r="H258508" s="12"/>
    </row>
    <row r="258509" spans="8:8">
      <c r="H258509" s="12"/>
    </row>
    <row r="258510" spans="8:8">
      <c r="H258510" s="12"/>
    </row>
    <row r="258511" spans="8:8">
      <c r="H258511" s="12"/>
    </row>
    <row r="258512" spans="8:8">
      <c r="H258512" s="12"/>
    </row>
    <row r="258513" spans="8:8">
      <c r="H258513" s="12"/>
    </row>
    <row r="258514" spans="8:8">
      <c r="H258514" s="12"/>
    </row>
    <row r="258515" spans="8:8">
      <c r="H258515" s="12"/>
    </row>
    <row r="258516" spans="8:8">
      <c r="H258516" s="12"/>
    </row>
    <row r="258517" spans="8:8">
      <c r="H258517" s="12"/>
    </row>
    <row r="258518" spans="8:8">
      <c r="H258518" s="12"/>
    </row>
    <row r="258519" spans="8:8">
      <c r="H258519" s="12"/>
    </row>
    <row r="258520" spans="8:8">
      <c r="H258520" s="12"/>
    </row>
    <row r="258521" spans="8:8">
      <c r="H258521" s="12"/>
    </row>
    <row r="258522" spans="8:8">
      <c r="H258522" s="12"/>
    </row>
    <row r="258523" spans="8:8">
      <c r="H258523" s="12"/>
    </row>
    <row r="258524" spans="8:8">
      <c r="H258524" s="12"/>
    </row>
    <row r="258525" spans="8:8">
      <c r="H258525" s="12"/>
    </row>
    <row r="258526" spans="8:8">
      <c r="H258526" s="12"/>
    </row>
    <row r="258527" spans="8:8">
      <c r="H258527" s="12"/>
    </row>
    <row r="258528" spans="8:8">
      <c r="H258528" s="12"/>
    </row>
    <row r="258529" spans="8:8">
      <c r="H258529" s="12"/>
    </row>
    <row r="258530" spans="8:8">
      <c r="H258530" s="12"/>
    </row>
    <row r="258531" spans="8:8">
      <c r="H258531" s="12"/>
    </row>
    <row r="258532" spans="8:8">
      <c r="H258532" s="12"/>
    </row>
    <row r="258533" spans="8:8">
      <c r="H258533" s="12"/>
    </row>
    <row r="258534" spans="8:8">
      <c r="H258534" s="12"/>
    </row>
    <row r="258535" spans="8:8">
      <c r="H258535" s="12"/>
    </row>
    <row r="258536" spans="8:8">
      <c r="H258536" s="12"/>
    </row>
    <row r="258537" spans="8:8">
      <c r="H258537" s="12"/>
    </row>
    <row r="258538" spans="8:8">
      <c r="H258538" s="12"/>
    </row>
    <row r="258539" spans="8:8">
      <c r="H258539" s="12"/>
    </row>
    <row r="258540" spans="8:8">
      <c r="H258540" s="12"/>
    </row>
    <row r="258541" spans="8:8">
      <c r="H258541" s="12"/>
    </row>
    <row r="258542" spans="8:8">
      <c r="H258542" s="12"/>
    </row>
    <row r="258543" spans="8:8">
      <c r="H258543" s="12"/>
    </row>
    <row r="258544" spans="8:8">
      <c r="H258544" s="12"/>
    </row>
    <row r="258545" spans="8:8">
      <c r="H258545" s="12"/>
    </row>
    <row r="258546" spans="8:8">
      <c r="H258546" s="12"/>
    </row>
    <row r="258547" spans="8:8">
      <c r="H258547" s="12"/>
    </row>
    <row r="258548" spans="8:8">
      <c r="H258548" s="12"/>
    </row>
    <row r="258549" spans="8:8">
      <c r="H258549" s="12"/>
    </row>
    <row r="258550" spans="8:8">
      <c r="H258550" s="12"/>
    </row>
    <row r="258551" spans="8:8">
      <c r="H258551" s="12"/>
    </row>
    <row r="258552" spans="8:8">
      <c r="H258552" s="12"/>
    </row>
    <row r="258553" spans="8:8">
      <c r="H258553" s="12"/>
    </row>
    <row r="258554" spans="8:8">
      <c r="H258554" s="12"/>
    </row>
    <row r="258555" spans="8:8">
      <c r="H258555" s="12"/>
    </row>
    <row r="258556" spans="8:8">
      <c r="H258556" s="12"/>
    </row>
    <row r="258557" spans="8:8">
      <c r="H258557" s="12"/>
    </row>
    <row r="258558" spans="8:8">
      <c r="H258558" s="12"/>
    </row>
    <row r="258559" spans="8:8">
      <c r="H258559" s="12"/>
    </row>
    <row r="258560" spans="8:8">
      <c r="H258560" s="12"/>
    </row>
    <row r="258561" spans="8:8">
      <c r="H258561" s="12"/>
    </row>
    <row r="258562" spans="8:8">
      <c r="H258562" s="12"/>
    </row>
    <row r="258563" spans="8:8">
      <c r="H258563" s="12"/>
    </row>
    <row r="258564" spans="8:8">
      <c r="H258564" s="12"/>
    </row>
    <row r="258565" spans="8:8">
      <c r="H258565" s="12"/>
    </row>
    <row r="258566" spans="8:8">
      <c r="H258566" s="12"/>
    </row>
    <row r="258567" spans="8:8">
      <c r="H258567" s="12"/>
    </row>
    <row r="258568" spans="8:8">
      <c r="H258568" s="12"/>
    </row>
    <row r="258569" spans="8:8">
      <c r="H258569" s="12"/>
    </row>
    <row r="258570" spans="8:8">
      <c r="H258570" s="12"/>
    </row>
    <row r="258571" spans="8:8">
      <c r="H258571" s="12"/>
    </row>
    <row r="258572" spans="8:8">
      <c r="H258572" s="12"/>
    </row>
    <row r="258573" spans="8:8">
      <c r="H258573" s="12"/>
    </row>
    <row r="258574" spans="8:8">
      <c r="H258574" s="12"/>
    </row>
    <row r="258575" spans="8:8">
      <c r="H258575" s="12"/>
    </row>
    <row r="258576" spans="8:8">
      <c r="H258576" s="12"/>
    </row>
    <row r="258577" spans="8:8">
      <c r="H258577" s="12"/>
    </row>
    <row r="258578" spans="8:8">
      <c r="H258578" s="12"/>
    </row>
    <row r="258579" spans="8:8">
      <c r="H258579" s="12"/>
    </row>
    <row r="258580" spans="8:8">
      <c r="H258580" s="12"/>
    </row>
    <row r="258581" spans="8:8">
      <c r="H258581" s="12"/>
    </row>
    <row r="258582" spans="8:8">
      <c r="H258582" s="12"/>
    </row>
    <row r="258583" spans="8:8">
      <c r="H258583" s="12"/>
    </row>
    <row r="258584" spans="8:8">
      <c r="H258584" s="12"/>
    </row>
    <row r="258585" spans="8:8">
      <c r="H258585" s="12"/>
    </row>
    <row r="258586" spans="8:8">
      <c r="H258586" s="12"/>
    </row>
    <row r="258587" spans="8:8">
      <c r="H258587" s="12"/>
    </row>
    <row r="258588" spans="8:8">
      <c r="H258588" s="12"/>
    </row>
    <row r="258589" spans="8:8">
      <c r="H258589" s="12"/>
    </row>
    <row r="258590" spans="8:8">
      <c r="H258590" s="12"/>
    </row>
    <row r="258591" spans="8:8">
      <c r="H258591" s="12"/>
    </row>
    <row r="258592" spans="8:8">
      <c r="H258592" s="12"/>
    </row>
    <row r="258593" spans="8:8">
      <c r="H258593" s="12"/>
    </row>
    <row r="258594" spans="8:8">
      <c r="H258594" s="12"/>
    </row>
    <row r="258595" spans="8:8">
      <c r="H258595" s="12"/>
    </row>
    <row r="258596" spans="8:8">
      <c r="H258596" s="12"/>
    </row>
    <row r="258597" spans="8:8">
      <c r="H258597" s="12"/>
    </row>
    <row r="258598" spans="8:8">
      <c r="H258598" s="12"/>
    </row>
    <row r="258599" spans="8:8">
      <c r="H258599" s="12"/>
    </row>
    <row r="258600" spans="8:8">
      <c r="H258600" s="12"/>
    </row>
    <row r="258601" spans="8:8">
      <c r="H258601" s="12"/>
    </row>
    <row r="258602" spans="8:8">
      <c r="H258602" s="12"/>
    </row>
    <row r="258603" spans="8:8">
      <c r="H258603" s="12"/>
    </row>
    <row r="258604" spans="8:8">
      <c r="H258604" s="12"/>
    </row>
    <row r="258605" spans="8:8">
      <c r="H258605" s="12"/>
    </row>
    <row r="258606" spans="8:8">
      <c r="H258606" s="12"/>
    </row>
    <row r="258607" spans="8:8">
      <c r="H258607" s="12"/>
    </row>
    <row r="258608" spans="8:8">
      <c r="H258608" s="12"/>
    </row>
    <row r="258609" spans="8:8">
      <c r="H258609" s="12"/>
    </row>
    <row r="258610" spans="8:8">
      <c r="H258610" s="12"/>
    </row>
    <row r="258611" spans="8:8">
      <c r="H258611" s="12"/>
    </row>
    <row r="258612" spans="8:8">
      <c r="H258612" s="12"/>
    </row>
    <row r="258613" spans="8:8">
      <c r="H258613" s="12"/>
    </row>
    <row r="258614" spans="8:8">
      <c r="H258614" s="12"/>
    </row>
    <row r="258615" spans="8:8">
      <c r="H258615" s="12"/>
    </row>
    <row r="258616" spans="8:8">
      <c r="H258616" s="12"/>
    </row>
    <row r="258617" spans="8:8">
      <c r="H258617" s="12"/>
    </row>
    <row r="258618" spans="8:8">
      <c r="H258618" s="12"/>
    </row>
    <row r="258619" spans="8:8">
      <c r="H258619" s="12"/>
    </row>
    <row r="258620" spans="8:8">
      <c r="H258620" s="12"/>
    </row>
    <row r="258621" spans="8:8">
      <c r="H258621" s="12"/>
    </row>
    <row r="258622" spans="8:8">
      <c r="H258622" s="12"/>
    </row>
    <row r="258623" spans="8:8">
      <c r="H258623" s="12"/>
    </row>
    <row r="258624" spans="8:8">
      <c r="H258624" s="12"/>
    </row>
    <row r="258625" spans="8:8">
      <c r="H258625" s="12"/>
    </row>
    <row r="258626" spans="8:8">
      <c r="H258626" s="12"/>
    </row>
    <row r="258627" spans="8:8">
      <c r="H258627" s="12"/>
    </row>
    <row r="258628" spans="8:8">
      <c r="H258628" s="12"/>
    </row>
    <row r="258629" spans="8:8">
      <c r="H258629" s="12"/>
    </row>
    <row r="258630" spans="8:8">
      <c r="H258630" s="12"/>
    </row>
    <row r="258631" spans="8:8">
      <c r="H258631" s="12"/>
    </row>
    <row r="258632" spans="8:8">
      <c r="H258632" s="12"/>
    </row>
    <row r="258633" spans="8:8">
      <c r="H258633" s="12"/>
    </row>
    <row r="258634" spans="8:8">
      <c r="H258634" s="12"/>
    </row>
    <row r="258635" spans="8:8">
      <c r="H258635" s="12"/>
    </row>
    <row r="258636" spans="8:8">
      <c r="H258636" s="12"/>
    </row>
    <row r="258637" spans="8:8">
      <c r="H258637" s="12"/>
    </row>
    <row r="258638" spans="8:8">
      <c r="H258638" s="12"/>
    </row>
    <row r="258639" spans="8:8">
      <c r="H258639" s="12"/>
    </row>
    <row r="258640" spans="8:8">
      <c r="H258640" s="12"/>
    </row>
    <row r="258641" spans="8:8">
      <c r="H258641" s="12"/>
    </row>
    <row r="258642" spans="8:8">
      <c r="H258642" s="12"/>
    </row>
    <row r="258643" spans="8:8">
      <c r="H258643" s="12"/>
    </row>
    <row r="258644" spans="8:8">
      <c r="H258644" s="12"/>
    </row>
    <row r="258645" spans="8:8">
      <c r="H258645" s="12"/>
    </row>
    <row r="258646" spans="8:8">
      <c r="H258646" s="12"/>
    </row>
    <row r="258647" spans="8:8">
      <c r="H258647" s="12"/>
    </row>
    <row r="258648" spans="8:8">
      <c r="H258648" s="12"/>
    </row>
    <row r="258649" spans="8:8">
      <c r="H258649" s="12"/>
    </row>
    <row r="258650" spans="8:8">
      <c r="H258650" s="12"/>
    </row>
    <row r="258651" spans="8:8">
      <c r="H258651" s="12"/>
    </row>
    <row r="258652" spans="8:8">
      <c r="H258652" s="12"/>
    </row>
    <row r="258653" spans="8:8">
      <c r="H258653" s="12"/>
    </row>
    <row r="258654" spans="8:8">
      <c r="H258654" s="12"/>
    </row>
    <row r="258655" spans="8:8">
      <c r="H258655" s="12"/>
    </row>
    <row r="258656" spans="8:8">
      <c r="H258656" s="12"/>
    </row>
    <row r="258657" spans="8:8">
      <c r="H258657" s="12"/>
    </row>
    <row r="258658" spans="8:8">
      <c r="H258658" s="12"/>
    </row>
    <row r="258659" spans="8:8">
      <c r="H258659" s="12"/>
    </row>
    <row r="258660" spans="8:8">
      <c r="H258660" s="12"/>
    </row>
    <row r="258661" spans="8:8">
      <c r="H258661" s="12"/>
    </row>
    <row r="258662" spans="8:8">
      <c r="H258662" s="12"/>
    </row>
    <row r="258663" spans="8:8">
      <c r="H258663" s="12"/>
    </row>
    <row r="258664" spans="8:8">
      <c r="H258664" s="12"/>
    </row>
    <row r="258665" spans="8:8">
      <c r="H258665" s="12"/>
    </row>
    <row r="258666" spans="8:8">
      <c r="H258666" s="12"/>
    </row>
    <row r="258667" spans="8:8">
      <c r="H258667" s="12"/>
    </row>
    <row r="258668" spans="8:8">
      <c r="H258668" s="12"/>
    </row>
    <row r="258669" spans="8:8">
      <c r="H258669" s="12"/>
    </row>
    <row r="258670" spans="8:8">
      <c r="H258670" s="12"/>
    </row>
    <row r="258671" spans="8:8">
      <c r="H258671" s="12"/>
    </row>
    <row r="258672" spans="8:8">
      <c r="H258672" s="12"/>
    </row>
    <row r="258673" spans="8:8">
      <c r="H258673" s="12"/>
    </row>
    <row r="258674" spans="8:8">
      <c r="H258674" s="12"/>
    </row>
    <row r="258675" spans="8:8">
      <c r="H258675" s="12"/>
    </row>
    <row r="258676" spans="8:8">
      <c r="H258676" s="12"/>
    </row>
    <row r="258677" spans="8:8">
      <c r="H258677" s="12"/>
    </row>
    <row r="258678" spans="8:8">
      <c r="H258678" s="12"/>
    </row>
    <row r="258679" spans="8:8">
      <c r="H258679" s="12"/>
    </row>
    <row r="258680" spans="8:8">
      <c r="H258680" s="12"/>
    </row>
    <row r="258681" spans="8:8">
      <c r="H258681" s="12"/>
    </row>
    <row r="258682" spans="8:8">
      <c r="H258682" s="12"/>
    </row>
    <row r="258683" spans="8:8">
      <c r="H258683" s="12"/>
    </row>
    <row r="258684" spans="8:8">
      <c r="H258684" s="12"/>
    </row>
    <row r="258685" spans="8:8">
      <c r="H258685" s="12"/>
    </row>
    <row r="258686" spans="8:8">
      <c r="H258686" s="12"/>
    </row>
    <row r="258687" spans="8:8">
      <c r="H258687" s="12"/>
    </row>
    <row r="258688" spans="8:8">
      <c r="H258688" s="12"/>
    </row>
    <row r="258689" spans="8:8">
      <c r="H258689" s="12"/>
    </row>
    <row r="258690" spans="8:8">
      <c r="H258690" s="12"/>
    </row>
    <row r="258691" spans="8:8">
      <c r="H258691" s="12"/>
    </row>
    <row r="258692" spans="8:8">
      <c r="H258692" s="12"/>
    </row>
    <row r="258693" spans="8:8">
      <c r="H258693" s="12"/>
    </row>
    <row r="258694" spans="8:8">
      <c r="H258694" s="12"/>
    </row>
    <row r="258695" spans="8:8">
      <c r="H258695" s="12"/>
    </row>
    <row r="258696" spans="8:8">
      <c r="H258696" s="12"/>
    </row>
    <row r="258697" spans="8:8">
      <c r="H258697" s="12"/>
    </row>
    <row r="258698" spans="8:8">
      <c r="H258698" s="12"/>
    </row>
    <row r="258699" spans="8:8">
      <c r="H258699" s="12"/>
    </row>
    <row r="258700" spans="8:8">
      <c r="H258700" s="12"/>
    </row>
    <row r="258701" spans="8:8">
      <c r="H258701" s="12"/>
    </row>
    <row r="258702" spans="8:8">
      <c r="H258702" s="12"/>
    </row>
    <row r="258703" spans="8:8">
      <c r="H258703" s="12"/>
    </row>
    <row r="258704" spans="8:8">
      <c r="H258704" s="12"/>
    </row>
    <row r="258705" spans="8:8">
      <c r="H258705" s="12"/>
    </row>
    <row r="258706" spans="8:8">
      <c r="H258706" s="12"/>
    </row>
    <row r="258707" spans="8:8">
      <c r="H258707" s="12"/>
    </row>
    <row r="258708" spans="8:8">
      <c r="H258708" s="12"/>
    </row>
    <row r="258709" spans="8:8">
      <c r="H258709" s="12"/>
    </row>
    <row r="258710" spans="8:8">
      <c r="H258710" s="12"/>
    </row>
    <row r="258711" spans="8:8">
      <c r="H258711" s="12"/>
    </row>
    <row r="258712" spans="8:8">
      <c r="H258712" s="12"/>
    </row>
    <row r="258713" spans="8:8">
      <c r="H258713" s="12"/>
    </row>
    <row r="258714" spans="8:8">
      <c r="H258714" s="12"/>
    </row>
    <row r="258715" spans="8:8">
      <c r="H258715" s="12"/>
    </row>
    <row r="258716" spans="8:8">
      <c r="H258716" s="12"/>
    </row>
    <row r="258717" spans="8:8">
      <c r="H258717" s="12"/>
    </row>
    <row r="258718" spans="8:8">
      <c r="H258718" s="12"/>
    </row>
    <row r="258719" spans="8:8">
      <c r="H258719" s="12"/>
    </row>
    <row r="258720" spans="8:8">
      <c r="H258720" s="12"/>
    </row>
    <row r="258721" spans="8:8">
      <c r="H258721" s="12"/>
    </row>
    <row r="258722" spans="8:8">
      <c r="H258722" s="12"/>
    </row>
    <row r="258723" spans="8:8">
      <c r="H258723" s="12"/>
    </row>
    <row r="258724" spans="8:8">
      <c r="H258724" s="12"/>
    </row>
    <row r="258725" spans="8:8">
      <c r="H258725" s="12"/>
    </row>
    <row r="258726" spans="8:8">
      <c r="H258726" s="12"/>
    </row>
    <row r="258727" spans="8:8">
      <c r="H258727" s="12"/>
    </row>
    <row r="258728" spans="8:8">
      <c r="H258728" s="12"/>
    </row>
    <row r="258729" spans="8:8">
      <c r="H258729" s="12"/>
    </row>
    <row r="258730" spans="8:8">
      <c r="H258730" s="12"/>
    </row>
    <row r="258731" spans="8:8">
      <c r="H258731" s="12"/>
    </row>
    <row r="258732" spans="8:8">
      <c r="H258732" s="12"/>
    </row>
    <row r="258733" spans="8:8">
      <c r="H258733" s="12"/>
    </row>
    <row r="258734" spans="8:8">
      <c r="H258734" s="12"/>
    </row>
    <row r="258735" spans="8:8">
      <c r="H258735" s="12"/>
    </row>
    <row r="258736" spans="8:8">
      <c r="H258736" s="12"/>
    </row>
    <row r="258737" spans="8:8">
      <c r="H258737" s="12"/>
    </row>
    <row r="258738" spans="8:8">
      <c r="H258738" s="12"/>
    </row>
    <row r="258739" spans="8:8">
      <c r="H258739" s="12"/>
    </row>
    <row r="258740" spans="8:8">
      <c r="H258740" s="12"/>
    </row>
    <row r="258741" spans="8:8">
      <c r="H258741" s="12"/>
    </row>
    <row r="258742" spans="8:8">
      <c r="H258742" s="12"/>
    </row>
    <row r="258743" spans="8:8">
      <c r="H258743" s="12"/>
    </row>
    <row r="258744" spans="8:8">
      <c r="H258744" s="12"/>
    </row>
    <row r="258745" spans="8:8">
      <c r="H258745" s="12"/>
    </row>
    <row r="258746" spans="8:8">
      <c r="H258746" s="12"/>
    </row>
    <row r="258747" spans="8:8">
      <c r="H258747" s="12"/>
    </row>
    <row r="258748" spans="8:8">
      <c r="H258748" s="12"/>
    </row>
    <row r="258749" spans="8:8">
      <c r="H258749" s="12"/>
    </row>
    <row r="258750" spans="8:8">
      <c r="H258750" s="12"/>
    </row>
    <row r="258751" spans="8:8">
      <c r="H258751" s="12"/>
    </row>
    <row r="258752" spans="8:8">
      <c r="H258752" s="12"/>
    </row>
    <row r="258753" spans="8:8">
      <c r="H258753" s="12"/>
    </row>
    <row r="258754" spans="8:8">
      <c r="H258754" s="12"/>
    </row>
    <row r="258755" spans="8:8">
      <c r="H258755" s="12"/>
    </row>
    <row r="258756" spans="8:8">
      <c r="H258756" s="12"/>
    </row>
    <row r="258757" spans="8:8">
      <c r="H258757" s="12"/>
    </row>
    <row r="258758" spans="8:8">
      <c r="H258758" s="12"/>
    </row>
    <row r="258759" spans="8:8">
      <c r="H258759" s="12"/>
    </row>
    <row r="258760" spans="8:8">
      <c r="H258760" s="12"/>
    </row>
    <row r="258761" spans="8:8">
      <c r="H258761" s="12"/>
    </row>
    <row r="258762" spans="8:8">
      <c r="H258762" s="12"/>
    </row>
    <row r="258763" spans="8:8">
      <c r="H258763" s="12"/>
    </row>
    <row r="258764" spans="8:8">
      <c r="H258764" s="12"/>
    </row>
    <row r="258765" spans="8:8">
      <c r="H258765" s="12"/>
    </row>
    <row r="258766" spans="8:8">
      <c r="H258766" s="12"/>
    </row>
    <row r="258767" spans="8:8">
      <c r="H258767" s="12"/>
    </row>
    <row r="258768" spans="8:8">
      <c r="H258768" s="12"/>
    </row>
    <row r="258769" spans="8:8">
      <c r="H258769" s="12"/>
    </row>
    <row r="258770" spans="8:8">
      <c r="H258770" s="12"/>
    </row>
    <row r="258771" spans="8:8">
      <c r="H258771" s="12"/>
    </row>
    <row r="258772" spans="8:8">
      <c r="H258772" s="12"/>
    </row>
    <row r="258773" spans="8:8">
      <c r="H258773" s="12"/>
    </row>
    <row r="258774" spans="8:8">
      <c r="H258774" s="12"/>
    </row>
    <row r="258775" spans="8:8">
      <c r="H258775" s="12"/>
    </row>
    <row r="258776" spans="8:8">
      <c r="H258776" s="12"/>
    </row>
    <row r="258777" spans="8:8">
      <c r="H258777" s="12"/>
    </row>
    <row r="258778" spans="8:8">
      <c r="H258778" s="12"/>
    </row>
    <row r="258779" spans="8:8">
      <c r="H258779" s="12"/>
    </row>
    <row r="258780" spans="8:8">
      <c r="H258780" s="12"/>
    </row>
    <row r="258781" spans="8:8">
      <c r="H258781" s="12"/>
    </row>
    <row r="258782" spans="8:8">
      <c r="H258782" s="12"/>
    </row>
    <row r="258783" spans="8:8">
      <c r="H258783" s="12"/>
    </row>
    <row r="258784" spans="8:8">
      <c r="H258784" s="12"/>
    </row>
    <row r="258785" spans="8:8">
      <c r="H258785" s="12"/>
    </row>
    <row r="258786" spans="8:8">
      <c r="H258786" s="12"/>
    </row>
    <row r="258787" spans="8:8">
      <c r="H258787" s="12"/>
    </row>
    <row r="258788" spans="8:8">
      <c r="H258788" s="12"/>
    </row>
    <row r="258789" spans="8:8">
      <c r="H258789" s="12"/>
    </row>
    <row r="258790" spans="8:8">
      <c r="H258790" s="12"/>
    </row>
    <row r="258791" spans="8:8">
      <c r="H258791" s="12"/>
    </row>
    <row r="258792" spans="8:8">
      <c r="H258792" s="12"/>
    </row>
    <row r="258793" spans="8:8">
      <c r="H258793" s="12"/>
    </row>
    <row r="258794" spans="8:8">
      <c r="H258794" s="12"/>
    </row>
    <row r="258795" spans="8:8">
      <c r="H258795" s="12"/>
    </row>
    <row r="258796" spans="8:8">
      <c r="H258796" s="12"/>
    </row>
    <row r="258797" spans="8:8">
      <c r="H258797" s="12"/>
    </row>
    <row r="258798" spans="8:8">
      <c r="H258798" s="12"/>
    </row>
    <row r="258799" spans="8:8">
      <c r="H258799" s="12"/>
    </row>
    <row r="258800" spans="8:8">
      <c r="H258800" s="12"/>
    </row>
    <row r="258801" spans="8:8">
      <c r="H258801" s="12"/>
    </row>
    <row r="258802" spans="8:8">
      <c r="H258802" s="12"/>
    </row>
    <row r="258803" spans="8:8">
      <c r="H258803" s="12"/>
    </row>
    <row r="258804" spans="8:8">
      <c r="H258804" s="12"/>
    </row>
    <row r="258805" spans="8:8">
      <c r="H258805" s="12"/>
    </row>
    <row r="258806" spans="8:8">
      <c r="H258806" s="12"/>
    </row>
    <row r="258807" spans="8:8">
      <c r="H258807" s="12"/>
    </row>
    <row r="258808" spans="8:8">
      <c r="H258808" s="12"/>
    </row>
    <row r="258809" spans="8:8">
      <c r="H258809" s="12"/>
    </row>
    <row r="258810" spans="8:8">
      <c r="H258810" s="12"/>
    </row>
    <row r="258811" spans="8:8">
      <c r="H258811" s="12"/>
    </row>
    <row r="258812" spans="8:8">
      <c r="H258812" s="12"/>
    </row>
    <row r="258813" spans="8:8">
      <c r="H258813" s="12"/>
    </row>
    <row r="258814" spans="8:8">
      <c r="H258814" s="12"/>
    </row>
    <row r="258815" spans="8:8">
      <c r="H258815" s="12"/>
    </row>
    <row r="258816" spans="8:8">
      <c r="H258816" s="12"/>
    </row>
    <row r="258817" spans="8:8">
      <c r="H258817" s="12"/>
    </row>
    <row r="258818" spans="8:8">
      <c r="H258818" s="12"/>
    </row>
    <row r="258819" spans="8:8">
      <c r="H258819" s="12"/>
    </row>
    <row r="258820" spans="8:8">
      <c r="H258820" s="12"/>
    </row>
    <row r="258821" spans="8:8">
      <c r="H258821" s="12"/>
    </row>
    <row r="258822" spans="8:8">
      <c r="H258822" s="12"/>
    </row>
    <row r="258823" spans="8:8">
      <c r="H258823" s="12"/>
    </row>
    <row r="258824" spans="8:8">
      <c r="H258824" s="12"/>
    </row>
    <row r="258825" spans="8:8">
      <c r="H258825" s="12"/>
    </row>
    <row r="258826" spans="8:8">
      <c r="H258826" s="12"/>
    </row>
    <row r="258827" spans="8:8">
      <c r="H258827" s="12"/>
    </row>
    <row r="258828" spans="8:8">
      <c r="H258828" s="12"/>
    </row>
    <row r="258829" spans="8:8">
      <c r="H258829" s="12"/>
    </row>
    <row r="258830" spans="8:8">
      <c r="H258830" s="12"/>
    </row>
    <row r="258831" spans="8:8">
      <c r="H258831" s="12"/>
    </row>
    <row r="258832" spans="8:8">
      <c r="H258832" s="12"/>
    </row>
    <row r="258833" spans="8:8">
      <c r="H258833" s="12"/>
    </row>
    <row r="258834" spans="8:8">
      <c r="H258834" s="12"/>
    </row>
    <row r="258835" spans="8:8">
      <c r="H258835" s="12"/>
    </row>
    <row r="258836" spans="8:8">
      <c r="H258836" s="12"/>
    </row>
    <row r="258837" spans="8:8">
      <c r="H258837" s="12"/>
    </row>
    <row r="258838" spans="8:8">
      <c r="H258838" s="12"/>
    </row>
    <row r="258839" spans="8:8">
      <c r="H258839" s="12"/>
    </row>
    <row r="258840" spans="8:8">
      <c r="H258840" s="12"/>
    </row>
    <row r="258841" spans="8:8">
      <c r="H258841" s="12"/>
    </row>
    <row r="258842" spans="8:8">
      <c r="H258842" s="12"/>
    </row>
    <row r="258843" spans="8:8">
      <c r="H258843" s="12"/>
    </row>
    <row r="258844" spans="8:8">
      <c r="H258844" s="12"/>
    </row>
    <row r="258845" spans="8:8">
      <c r="H258845" s="12"/>
    </row>
    <row r="258846" spans="8:8">
      <c r="H258846" s="12"/>
    </row>
    <row r="258847" spans="8:8">
      <c r="H258847" s="12"/>
    </row>
    <row r="258848" spans="8:8">
      <c r="H258848" s="12"/>
    </row>
    <row r="258849" spans="8:8">
      <c r="H258849" s="12"/>
    </row>
    <row r="258850" spans="8:8">
      <c r="H258850" s="12"/>
    </row>
    <row r="258851" spans="8:8">
      <c r="H258851" s="12"/>
    </row>
    <row r="258852" spans="8:8">
      <c r="H258852" s="12"/>
    </row>
    <row r="258853" spans="8:8">
      <c r="H258853" s="12"/>
    </row>
    <row r="258854" spans="8:8">
      <c r="H258854" s="12"/>
    </row>
    <row r="258855" spans="8:8">
      <c r="H258855" s="12"/>
    </row>
    <row r="258856" spans="8:8">
      <c r="H258856" s="12"/>
    </row>
    <row r="258857" spans="8:8">
      <c r="H258857" s="12"/>
    </row>
    <row r="258858" spans="8:8">
      <c r="H258858" s="12"/>
    </row>
    <row r="258859" spans="8:8">
      <c r="H258859" s="12"/>
    </row>
    <row r="258860" spans="8:8">
      <c r="H258860" s="12"/>
    </row>
    <row r="258861" spans="8:8">
      <c r="H258861" s="12"/>
    </row>
    <row r="258862" spans="8:8">
      <c r="H258862" s="12"/>
    </row>
    <row r="258863" spans="8:8">
      <c r="H258863" s="12"/>
    </row>
    <row r="258864" spans="8:8">
      <c r="H258864" s="12"/>
    </row>
    <row r="258865" spans="8:8">
      <c r="H258865" s="12"/>
    </row>
    <row r="258866" spans="8:8">
      <c r="H258866" s="12"/>
    </row>
    <row r="258867" spans="8:8">
      <c r="H258867" s="12"/>
    </row>
    <row r="258868" spans="8:8">
      <c r="H258868" s="12"/>
    </row>
    <row r="258869" spans="8:8">
      <c r="H258869" s="12"/>
    </row>
    <row r="258870" spans="8:8">
      <c r="H258870" s="12"/>
    </row>
    <row r="258871" spans="8:8">
      <c r="H258871" s="12"/>
    </row>
    <row r="258872" spans="8:8">
      <c r="H258872" s="12"/>
    </row>
    <row r="258873" spans="8:8">
      <c r="H258873" s="12"/>
    </row>
    <row r="258874" spans="8:8">
      <c r="H258874" s="12"/>
    </row>
    <row r="258875" spans="8:8">
      <c r="H258875" s="12"/>
    </row>
    <row r="258876" spans="8:8">
      <c r="H258876" s="12"/>
    </row>
    <row r="258877" spans="8:8">
      <c r="H258877" s="12"/>
    </row>
    <row r="258878" spans="8:8">
      <c r="H258878" s="12"/>
    </row>
    <row r="258879" spans="8:8">
      <c r="H258879" s="12"/>
    </row>
    <row r="258880" spans="8:8">
      <c r="H258880" s="12"/>
    </row>
    <row r="258881" spans="8:8">
      <c r="H258881" s="12"/>
    </row>
    <row r="258882" spans="8:8">
      <c r="H258882" s="12"/>
    </row>
    <row r="258883" spans="8:8">
      <c r="H258883" s="12"/>
    </row>
    <row r="258884" spans="8:8">
      <c r="H258884" s="12"/>
    </row>
    <row r="258885" spans="8:8">
      <c r="H258885" s="12"/>
    </row>
    <row r="258886" spans="8:8">
      <c r="H258886" s="12"/>
    </row>
    <row r="258887" spans="8:8">
      <c r="H258887" s="12"/>
    </row>
    <row r="258888" spans="8:8">
      <c r="H258888" s="12"/>
    </row>
    <row r="258889" spans="8:8">
      <c r="H258889" s="12"/>
    </row>
    <row r="258890" spans="8:8">
      <c r="H258890" s="12"/>
    </row>
    <row r="258891" spans="8:8">
      <c r="H258891" s="12"/>
    </row>
    <row r="258892" spans="8:8">
      <c r="H258892" s="12"/>
    </row>
    <row r="258893" spans="8:8">
      <c r="H258893" s="12"/>
    </row>
    <row r="258894" spans="8:8">
      <c r="H258894" s="12"/>
    </row>
    <row r="258895" spans="8:8">
      <c r="H258895" s="12"/>
    </row>
    <row r="258896" spans="8:8">
      <c r="H258896" s="12"/>
    </row>
    <row r="258897" spans="8:8">
      <c r="H258897" s="12"/>
    </row>
    <row r="258898" spans="8:8">
      <c r="H258898" s="12"/>
    </row>
    <row r="258899" spans="8:8">
      <c r="H258899" s="12"/>
    </row>
    <row r="258900" spans="8:8">
      <c r="H258900" s="12"/>
    </row>
    <row r="258901" spans="8:8">
      <c r="H258901" s="12"/>
    </row>
    <row r="258902" spans="8:8">
      <c r="H258902" s="12"/>
    </row>
    <row r="258903" spans="8:8">
      <c r="H258903" s="12"/>
    </row>
    <row r="258904" spans="8:8">
      <c r="H258904" s="12"/>
    </row>
    <row r="258905" spans="8:8">
      <c r="H258905" s="12"/>
    </row>
    <row r="258906" spans="8:8">
      <c r="H258906" s="12"/>
    </row>
    <row r="258907" spans="8:8">
      <c r="H258907" s="12"/>
    </row>
    <row r="258908" spans="8:8">
      <c r="H258908" s="12"/>
    </row>
    <row r="258909" spans="8:8">
      <c r="H258909" s="12"/>
    </row>
    <row r="258910" spans="8:8">
      <c r="H258910" s="12"/>
    </row>
    <row r="258911" spans="8:8">
      <c r="H258911" s="12"/>
    </row>
    <row r="258912" spans="8:8">
      <c r="H258912" s="12"/>
    </row>
    <row r="258913" spans="8:8">
      <c r="H258913" s="12"/>
    </row>
    <row r="258914" spans="8:8">
      <c r="H258914" s="12"/>
    </row>
    <row r="258915" spans="8:8">
      <c r="H258915" s="12"/>
    </row>
    <row r="258916" spans="8:8">
      <c r="H258916" s="12"/>
    </row>
    <row r="258917" spans="8:8">
      <c r="H258917" s="12"/>
    </row>
    <row r="258918" spans="8:8">
      <c r="H258918" s="12"/>
    </row>
    <row r="258919" spans="8:8">
      <c r="H258919" s="12"/>
    </row>
    <row r="258920" spans="8:8">
      <c r="H258920" s="12"/>
    </row>
    <row r="258921" spans="8:8">
      <c r="H258921" s="12"/>
    </row>
    <row r="258922" spans="8:8">
      <c r="H258922" s="12"/>
    </row>
    <row r="258923" spans="8:8">
      <c r="H258923" s="12"/>
    </row>
    <row r="258924" spans="8:8">
      <c r="H258924" s="12"/>
    </row>
    <row r="258925" spans="8:8">
      <c r="H258925" s="12"/>
    </row>
    <row r="258926" spans="8:8">
      <c r="H258926" s="12"/>
    </row>
    <row r="258927" spans="8:8">
      <c r="H258927" s="12"/>
    </row>
    <row r="258928" spans="8:8">
      <c r="H258928" s="12"/>
    </row>
    <row r="258929" spans="8:8">
      <c r="H258929" s="12"/>
    </row>
    <row r="258930" spans="8:8">
      <c r="H258930" s="12"/>
    </row>
    <row r="258931" spans="8:8">
      <c r="H258931" s="12"/>
    </row>
    <row r="258932" spans="8:8">
      <c r="H258932" s="12"/>
    </row>
    <row r="258933" spans="8:8">
      <c r="H258933" s="12"/>
    </row>
    <row r="258934" spans="8:8">
      <c r="H258934" s="12"/>
    </row>
    <row r="258935" spans="8:8">
      <c r="H258935" s="12"/>
    </row>
    <row r="258936" spans="8:8">
      <c r="H258936" s="12"/>
    </row>
    <row r="258937" spans="8:8">
      <c r="H258937" s="12"/>
    </row>
    <row r="258938" spans="8:8">
      <c r="H258938" s="12"/>
    </row>
    <row r="258939" spans="8:8">
      <c r="H258939" s="12"/>
    </row>
    <row r="258940" spans="8:8">
      <c r="H258940" s="12"/>
    </row>
    <row r="258941" spans="8:8">
      <c r="H258941" s="12"/>
    </row>
    <row r="258942" spans="8:8">
      <c r="H258942" s="12"/>
    </row>
    <row r="258943" spans="8:8">
      <c r="H258943" s="12"/>
    </row>
    <row r="258944" spans="8:8">
      <c r="H258944" s="12"/>
    </row>
    <row r="258945" spans="8:8">
      <c r="H258945" s="12"/>
    </row>
    <row r="258946" spans="8:8">
      <c r="H258946" s="12"/>
    </row>
    <row r="258947" spans="8:8">
      <c r="H258947" s="12"/>
    </row>
    <row r="258948" spans="8:8">
      <c r="H258948" s="12"/>
    </row>
    <row r="258949" spans="8:8">
      <c r="H258949" s="12"/>
    </row>
    <row r="258950" spans="8:8">
      <c r="H258950" s="12"/>
    </row>
    <row r="258951" spans="8:8">
      <c r="H258951" s="12"/>
    </row>
    <row r="258952" spans="8:8">
      <c r="H258952" s="12"/>
    </row>
    <row r="258953" spans="8:8">
      <c r="H258953" s="12"/>
    </row>
    <row r="258954" spans="8:8">
      <c r="H258954" s="12"/>
    </row>
    <row r="258955" spans="8:8">
      <c r="H258955" s="12"/>
    </row>
    <row r="258956" spans="8:8">
      <c r="H258956" s="12"/>
    </row>
    <row r="258957" spans="8:8">
      <c r="H258957" s="12"/>
    </row>
    <row r="258958" spans="8:8">
      <c r="H258958" s="12"/>
    </row>
    <row r="258959" spans="8:8">
      <c r="H258959" s="12"/>
    </row>
    <row r="258960" spans="8:8">
      <c r="H258960" s="12"/>
    </row>
    <row r="258961" spans="8:8">
      <c r="H258961" s="12"/>
    </row>
    <row r="258962" spans="8:8">
      <c r="H258962" s="12"/>
    </row>
    <row r="258963" spans="8:8">
      <c r="H258963" s="12"/>
    </row>
    <row r="258964" spans="8:8">
      <c r="H258964" s="12"/>
    </row>
    <row r="258965" spans="8:8">
      <c r="H258965" s="12"/>
    </row>
    <row r="258966" spans="8:8">
      <c r="H258966" s="12"/>
    </row>
    <row r="258967" spans="8:8">
      <c r="H258967" s="12"/>
    </row>
    <row r="258968" spans="8:8">
      <c r="H258968" s="12"/>
    </row>
    <row r="258969" spans="8:8">
      <c r="H258969" s="12"/>
    </row>
    <row r="258970" spans="8:8">
      <c r="H258970" s="12"/>
    </row>
    <row r="258971" spans="8:8">
      <c r="H258971" s="12"/>
    </row>
    <row r="258972" spans="8:8">
      <c r="H258972" s="12"/>
    </row>
    <row r="258973" spans="8:8">
      <c r="H258973" s="12"/>
    </row>
    <row r="258974" spans="8:8">
      <c r="H258974" s="12"/>
    </row>
    <row r="258975" spans="8:8">
      <c r="H258975" s="12"/>
    </row>
    <row r="258976" spans="8:8">
      <c r="H258976" s="12"/>
    </row>
    <row r="258977" spans="8:8">
      <c r="H258977" s="12"/>
    </row>
    <row r="258978" spans="8:8">
      <c r="H258978" s="12"/>
    </row>
    <row r="258979" spans="8:8">
      <c r="H258979" s="12"/>
    </row>
    <row r="258980" spans="8:8">
      <c r="H258980" s="12"/>
    </row>
    <row r="258981" spans="8:8">
      <c r="H258981" s="12"/>
    </row>
    <row r="258982" spans="8:8">
      <c r="H258982" s="12"/>
    </row>
    <row r="258983" spans="8:8">
      <c r="H258983" s="12"/>
    </row>
    <row r="258984" spans="8:8">
      <c r="H258984" s="12"/>
    </row>
    <row r="258985" spans="8:8">
      <c r="H258985" s="12"/>
    </row>
    <row r="258986" spans="8:8">
      <c r="H258986" s="12"/>
    </row>
    <row r="258987" spans="8:8">
      <c r="H258987" s="12"/>
    </row>
    <row r="258988" spans="8:8">
      <c r="H258988" s="12"/>
    </row>
    <row r="258989" spans="8:8">
      <c r="H258989" s="12"/>
    </row>
    <row r="258990" spans="8:8">
      <c r="H258990" s="12"/>
    </row>
    <row r="258991" spans="8:8">
      <c r="H258991" s="12"/>
    </row>
    <row r="258992" spans="8:8">
      <c r="H258992" s="12"/>
    </row>
    <row r="258993" spans="8:8">
      <c r="H258993" s="12"/>
    </row>
    <row r="258994" spans="8:8">
      <c r="H258994" s="12"/>
    </row>
    <row r="258995" spans="8:8">
      <c r="H258995" s="12"/>
    </row>
    <row r="258996" spans="8:8">
      <c r="H258996" s="12"/>
    </row>
    <row r="258997" spans="8:8">
      <c r="H258997" s="12"/>
    </row>
    <row r="258998" spans="8:8">
      <c r="H258998" s="12"/>
    </row>
    <row r="258999" spans="8:8">
      <c r="H258999" s="12"/>
    </row>
    <row r="259000" spans="8:8">
      <c r="H259000" s="12"/>
    </row>
    <row r="259001" spans="8:8">
      <c r="H259001" s="12"/>
    </row>
    <row r="259002" spans="8:8">
      <c r="H259002" s="12"/>
    </row>
    <row r="259003" spans="8:8">
      <c r="H259003" s="12"/>
    </row>
    <row r="259004" spans="8:8">
      <c r="H259004" s="12"/>
    </row>
    <row r="259005" spans="8:8">
      <c r="H259005" s="12"/>
    </row>
    <row r="259006" spans="8:8">
      <c r="H259006" s="12"/>
    </row>
    <row r="259007" spans="8:8">
      <c r="H259007" s="12"/>
    </row>
    <row r="259008" spans="8:8">
      <c r="H259008" s="12"/>
    </row>
    <row r="259009" spans="8:8">
      <c r="H259009" s="12"/>
    </row>
    <row r="259010" spans="8:8">
      <c r="H259010" s="12"/>
    </row>
    <row r="259011" spans="8:8">
      <c r="H259011" s="12"/>
    </row>
    <row r="259012" spans="8:8">
      <c r="H259012" s="12"/>
    </row>
    <row r="259013" spans="8:8">
      <c r="H259013" s="12"/>
    </row>
    <row r="259014" spans="8:8">
      <c r="H259014" s="12"/>
    </row>
    <row r="259015" spans="8:8">
      <c r="H259015" s="12"/>
    </row>
    <row r="259016" spans="8:8">
      <c r="H259016" s="12"/>
    </row>
    <row r="259017" spans="8:8">
      <c r="H259017" s="12"/>
    </row>
    <row r="259018" spans="8:8">
      <c r="H259018" s="12"/>
    </row>
    <row r="259019" spans="8:8">
      <c r="H259019" s="12"/>
    </row>
    <row r="259020" spans="8:8">
      <c r="H259020" s="12"/>
    </row>
    <row r="259021" spans="8:8">
      <c r="H259021" s="12"/>
    </row>
    <row r="259022" spans="8:8">
      <c r="H259022" s="12"/>
    </row>
    <row r="259023" spans="8:8">
      <c r="H259023" s="12"/>
    </row>
    <row r="259024" spans="8:8">
      <c r="H259024" s="12"/>
    </row>
    <row r="259025" spans="8:8">
      <c r="H259025" s="12"/>
    </row>
    <row r="259026" spans="8:8">
      <c r="H259026" s="12"/>
    </row>
    <row r="259027" spans="8:8">
      <c r="H259027" s="12"/>
    </row>
    <row r="259028" spans="8:8">
      <c r="H259028" s="12"/>
    </row>
    <row r="259029" spans="8:8">
      <c r="H259029" s="12"/>
    </row>
    <row r="259030" spans="8:8">
      <c r="H259030" s="12"/>
    </row>
    <row r="259031" spans="8:8">
      <c r="H259031" s="12"/>
    </row>
    <row r="259032" spans="8:8">
      <c r="H259032" s="12"/>
    </row>
    <row r="259033" spans="8:8">
      <c r="H259033" s="12"/>
    </row>
    <row r="259034" spans="8:8">
      <c r="H259034" s="12"/>
    </row>
    <row r="259035" spans="8:8">
      <c r="H259035" s="12"/>
    </row>
    <row r="259036" spans="8:8">
      <c r="H259036" s="12"/>
    </row>
    <row r="259037" spans="8:8">
      <c r="H259037" s="12"/>
    </row>
    <row r="259038" spans="8:8">
      <c r="H259038" s="12"/>
    </row>
    <row r="259039" spans="8:8">
      <c r="H259039" s="12"/>
    </row>
    <row r="259040" spans="8:8">
      <c r="H259040" s="12"/>
    </row>
    <row r="259041" spans="8:8">
      <c r="H259041" s="12"/>
    </row>
    <row r="259042" spans="8:8">
      <c r="H259042" s="12"/>
    </row>
    <row r="259043" spans="8:8">
      <c r="H259043" s="12"/>
    </row>
    <row r="259044" spans="8:8">
      <c r="H259044" s="12"/>
    </row>
    <row r="259045" spans="8:8">
      <c r="H259045" s="12"/>
    </row>
    <row r="259046" spans="8:8">
      <c r="H259046" s="12"/>
    </row>
    <row r="259047" spans="8:8">
      <c r="H259047" s="12"/>
    </row>
    <row r="259048" spans="8:8">
      <c r="H259048" s="12"/>
    </row>
    <row r="259049" spans="8:8">
      <c r="H259049" s="12"/>
    </row>
    <row r="259050" spans="8:8">
      <c r="H259050" s="12"/>
    </row>
    <row r="259051" spans="8:8">
      <c r="H259051" s="12"/>
    </row>
    <row r="259052" spans="8:8">
      <c r="H259052" s="12"/>
    </row>
    <row r="259053" spans="8:8">
      <c r="H259053" s="12"/>
    </row>
    <row r="259054" spans="8:8">
      <c r="H259054" s="12"/>
    </row>
    <row r="259055" spans="8:8">
      <c r="H259055" s="12"/>
    </row>
    <row r="259056" spans="8:8">
      <c r="H259056" s="12"/>
    </row>
    <row r="259057" spans="8:8">
      <c r="H259057" s="12"/>
    </row>
    <row r="259058" spans="8:8">
      <c r="H259058" s="12"/>
    </row>
    <row r="259059" spans="8:8">
      <c r="H259059" s="12"/>
    </row>
    <row r="259060" spans="8:8">
      <c r="H259060" s="12"/>
    </row>
    <row r="259061" spans="8:8">
      <c r="H259061" s="12"/>
    </row>
    <row r="259062" spans="8:8">
      <c r="H259062" s="12"/>
    </row>
    <row r="259063" spans="8:8">
      <c r="H259063" s="12"/>
    </row>
    <row r="259064" spans="8:8">
      <c r="H259064" s="12"/>
    </row>
    <row r="259065" spans="8:8">
      <c r="H259065" s="12"/>
    </row>
    <row r="259066" spans="8:8">
      <c r="H259066" s="12"/>
    </row>
    <row r="259067" spans="8:8">
      <c r="H259067" s="12"/>
    </row>
    <row r="259068" spans="8:8">
      <c r="H259068" s="12"/>
    </row>
    <row r="259069" spans="8:8">
      <c r="H259069" s="12"/>
    </row>
    <row r="259070" spans="8:8">
      <c r="H259070" s="12"/>
    </row>
    <row r="259071" spans="8:8">
      <c r="H259071" s="12"/>
    </row>
    <row r="259072" spans="8:8">
      <c r="H259072" s="12"/>
    </row>
    <row r="259073" spans="8:8">
      <c r="H259073" s="12"/>
    </row>
    <row r="259074" spans="8:8">
      <c r="H259074" s="12"/>
    </row>
    <row r="259075" spans="8:8">
      <c r="H259075" s="12"/>
    </row>
    <row r="259076" spans="8:8">
      <c r="H259076" s="12"/>
    </row>
    <row r="259077" spans="8:8">
      <c r="H259077" s="12"/>
    </row>
    <row r="259078" spans="8:8">
      <c r="H259078" s="12"/>
    </row>
    <row r="259079" spans="8:8">
      <c r="H259079" s="12"/>
    </row>
    <row r="259080" spans="8:8">
      <c r="H259080" s="12"/>
    </row>
    <row r="259081" spans="8:8">
      <c r="H259081" s="12"/>
    </row>
    <row r="259082" spans="8:8">
      <c r="H259082" s="12"/>
    </row>
    <row r="259083" spans="8:8">
      <c r="H259083" s="12"/>
    </row>
    <row r="259084" spans="8:8">
      <c r="H259084" s="12"/>
    </row>
    <row r="259085" spans="8:8">
      <c r="H259085" s="12"/>
    </row>
    <row r="259086" spans="8:8">
      <c r="H259086" s="12"/>
    </row>
    <row r="259087" spans="8:8">
      <c r="H259087" s="12"/>
    </row>
    <row r="259088" spans="8:8">
      <c r="H259088" s="12"/>
    </row>
    <row r="259089" spans="8:8">
      <c r="H259089" s="12"/>
    </row>
    <row r="259090" spans="8:8">
      <c r="H259090" s="12"/>
    </row>
    <row r="259091" spans="8:8">
      <c r="H259091" s="12"/>
    </row>
    <row r="259092" spans="8:8">
      <c r="H259092" s="12"/>
    </row>
    <row r="259093" spans="8:8">
      <c r="H259093" s="12"/>
    </row>
    <row r="259094" spans="8:8">
      <c r="H259094" s="12"/>
    </row>
    <row r="259095" spans="8:8">
      <c r="H259095" s="12"/>
    </row>
    <row r="259096" spans="8:8">
      <c r="H259096" s="12"/>
    </row>
    <row r="259097" spans="8:8">
      <c r="H259097" s="12"/>
    </row>
    <row r="259098" spans="8:8">
      <c r="H259098" s="12"/>
    </row>
    <row r="259099" spans="8:8">
      <c r="H259099" s="12"/>
    </row>
    <row r="259100" spans="8:8">
      <c r="H259100" s="12"/>
    </row>
    <row r="259101" spans="8:8">
      <c r="H259101" s="12"/>
    </row>
    <row r="259102" spans="8:8">
      <c r="H259102" s="12"/>
    </row>
    <row r="259103" spans="8:8">
      <c r="H259103" s="12"/>
    </row>
    <row r="259104" spans="8:8">
      <c r="H259104" s="12"/>
    </row>
    <row r="259105" spans="8:8">
      <c r="H259105" s="12"/>
    </row>
    <row r="259106" spans="8:8">
      <c r="H259106" s="12"/>
    </row>
    <row r="259107" spans="8:8">
      <c r="H259107" s="12"/>
    </row>
    <row r="259108" spans="8:8">
      <c r="H259108" s="12"/>
    </row>
    <row r="259109" spans="8:8">
      <c r="H259109" s="12"/>
    </row>
    <row r="259110" spans="8:8">
      <c r="H259110" s="12"/>
    </row>
    <row r="259111" spans="8:8">
      <c r="H259111" s="12"/>
    </row>
    <row r="259112" spans="8:8">
      <c r="H259112" s="12"/>
    </row>
    <row r="259113" spans="8:8">
      <c r="H259113" s="12"/>
    </row>
    <row r="259114" spans="8:8">
      <c r="H259114" s="12"/>
    </row>
    <row r="259115" spans="8:8">
      <c r="H259115" s="12"/>
    </row>
    <row r="259116" spans="8:8">
      <c r="H259116" s="12"/>
    </row>
    <row r="259117" spans="8:8">
      <c r="H259117" s="12"/>
    </row>
    <row r="259118" spans="8:8">
      <c r="H259118" s="12"/>
    </row>
    <row r="259119" spans="8:8">
      <c r="H259119" s="12"/>
    </row>
    <row r="259120" spans="8:8">
      <c r="H259120" s="12"/>
    </row>
    <row r="259121" spans="8:8">
      <c r="H259121" s="12"/>
    </row>
    <row r="259122" spans="8:8">
      <c r="H259122" s="12"/>
    </row>
    <row r="259123" spans="8:8">
      <c r="H259123" s="12"/>
    </row>
    <row r="259124" spans="8:8">
      <c r="H259124" s="12"/>
    </row>
    <row r="259125" spans="8:8">
      <c r="H259125" s="12"/>
    </row>
    <row r="259126" spans="8:8">
      <c r="H259126" s="12"/>
    </row>
    <row r="259127" spans="8:8">
      <c r="H259127" s="12"/>
    </row>
    <row r="259128" spans="8:8">
      <c r="H259128" s="12"/>
    </row>
    <row r="259129" spans="8:8">
      <c r="H259129" s="12"/>
    </row>
    <row r="259130" spans="8:8">
      <c r="H259130" s="12"/>
    </row>
    <row r="259131" spans="8:8">
      <c r="H259131" s="12"/>
    </row>
    <row r="259132" spans="8:8">
      <c r="H259132" s="12"/>
    </row>
    <row r="259133" spans="8:8">
      <c r="H259133" s="12"/>
    </row>
    <row r="259134" spans="8:8">
      <c r="H259134" s="12"/>
    </row>
    <row r="259135" spans="8:8">
      <c r="H259135" s="12"/>
    </row>
    <row r="259136" spans="8:8">
      <c r="H259136" s="12"/>
    </row>
    <row r="259137" spans="8:8">
      <c r="H259137" s="12"/>
    </row>
    <row r="259138" spans="8:8">
      <c r="H259138" s="12"/>
    </row>
    <row r="259139" spans="8:8">
      <c r="H259139" s="12"/>
    </row>
    <row r="259140" spans="8:8">
      <c r="H259140" s="12"/>
    </row>
    <row r="259141" spans="8:8">
      <c r="H259141" s="12"/>
    </row>
    <row r="259142" spans="8:8">
      <c r="H259142" s="12"/>
    </row>
    <row r="259143" spans="8:8">
      <c r="H259143" s="12"/>
    </row>
    <row r="259144" spans="8:8">
      <c r="H259144" s="12"/>
    </row>
    <row r="259145" spans="8:8">
      <c r="H259145" s="12"/>
    </row>
    <row r="259146" spans="8:8">
      <c r="H259146" s="12"/>
    </row>
    <row r="259147" spans="8:8">
      <c r="H259147" s="12"/>
    </row>
    <row r="259148" spans="8:8">
      <c r="H259148" s="12"/>
    </row>
    <row r="259149" spans="8:8">
      <c r="H259149" s="12"/>
    </row>
    <row r="259150" spans="8:8">
      <c r="H259150" s="12"/>
    </row>
    <row r="259151" spans="8:8">
      <c r="H259151" s="12"/>
    </row>
    <row r="259152" spans="8:8">
      <c r="H259152" s="12"/>
    </row>
    <row r="259153" spans="8:8">
      <c r="H259153" s="12"/>
    </row>
    <row r="259154" spans="8:8">
      <c r="H259154" s="12"/>
    </row>
    <row r="259155" spans="8:8">
      <c r="H259155" s="12"/>
    </row>
    <row r="259156" spans="8:8">
      <c r="H259156" s="12"/>
    </row>
    <row r="259157" spans="8:8">
      <c r="H259157" s="12"/>
    </row>
    <row r="259158" spans="8:8">
      <c r="H259158" s="12"/>
    </row>
    <row r="259159" spans="8:8">
      <c r="H259159" s="12"/>
    </row>
    <row r="259160" spans="8:8">
      <c r="H259160" s="12"/>
    </row>
    <row r="259161" spans="8:8">
      <c r="H259161" s="12"/>
    </row>
    <row r="259162" spans="8:8">
      <c r="H259162" s="12"/>
    </row>
    <row r="259163" spans="8:8">
      <c r="H259163" s="12"/>
    </row>
    <row r="259164" spans="8:8">
      <c r="H259164" s="12"/>
    </row>
    <row r="259165" spans="8:8">
      <c r="H259165" s="12"/>
    </row>
    <row r="259166" spans="8:8">
      <c r="H259166" s="12"/>
    </row>
    <row r="259167" spans="8:8">
      <c r="H259167" s="12"/>
    </row>
    <row r="259168" spans="8:8">
      <c r="H259168" s="12"/>
    </row>
    <row r="259169" spans="8:8">
      <c r="H259169" s="12"/>
    </row>
    <row r="259170" spans="8:8">
      <c r="H259170" s="12"/>
    </row>
    <row r="259171" spans="8:8">
      <c r="H259171" s="12"/>
    </row>
    <row r="259172" spans="8:8">
      <c r="H259172" s="12"/>
    </row>
    <row r="259173" spans="8:8">
      <c r="H259173" s="12"/>
    </row>
    <row r="259174" spans="8:8">
      <c r="H259174" s="12"/>
    </row>
    <row r="259175" spans="8:8">
      <c r="H259175" s="12"/>
    </row>
    <row r="259176" spans="8:8">
      <c r="H259176" s="12"/>
    </row>
    <row r="259177" spans="8:8">
      <c r="H259177" s="12"/>
    </row>
    <row r="259178" spans="8:8">
      <c r="H259178" s="12"/>
    </row>
    <row r="259179" spans="8:8">
      <c r="H259179" s="12"/>
    </row>
    <row r="259180" spans="8:8">
      <c r="H259180" s="12"/>
    </row>
    <row r="259181" spans="8:8">
      <c r="H259181" s="12"/>
    </row>
    <row r="259182" spans="8:8">
      <c r="H259182" s="12"/>
    </row>
    <row r="259183" spans="8:8">
      <c r="H259183" s="12"/>
    </row>
    <row r="259184" spans="8:8">
      <c r="H259184" s="12"/>
    </row>
    <row r="259185" spans="8:8">
      <c r="H259185" s="12"/>
    </row>
    <row r="259186" spans="8:8">
      <c r="H259186" s="12"/>
    </row>
    <row r="259187" spans="8:8">
      <c r="H259187" s="12"/>
    </row>
    <row r="259188" spans="8:8">
      <c r="H259188" s="12"/>
    </row>
    <row r="259189" spans="8:8">
      <c r="H259189" s="12"/>
    </row>
    <row r="259190" spans="8:8">
      <c r="H259190" s="12"/>
    </row>
    <row r="259191" spans="8:8">
      <c r="H259191" s="12"/>
    </row>
    <row r="259192" spans="8:8">
      <c r="H259192" s="12"/>
    </row>
    <row r="259193" spans="8:8">
      <c r="H259193" s="12"/>
    </row>
    <row r="259194" spans="8:8">
      <c r="H259194" s="12"/>
    </row>
    <row r="259195" spans="8:8">
      <c r="H259195" s="12"/>
    </row>
    <row r="259196" spans="8:8">
      <c r="H259196" s="12"/>
    </row>
    <row r="259197" spans="8:8">
      <c r="H259197" s="12"/>
    </row>
    <row r="259198" spans="8:8">
      <c r="H259198" s="12"/>
    </row>
    <row r="259199" spans="8:8">
      <c r="H259199" s="12"/>
    </row>
    <row r="259200" spans="8:8">
      <c r="H259200" s="12"/>
    </row>
    <row r="259201" spans="8:8">
      <c r="H259201" s="12"/>
    </row>
    <row r="259202" spans="8:8">
      <c r="H259202" s="12"/>
    </row>
    <row r="259203" spans="8:8">
      <c r="H259203" s="12"/>
    </row>
    <row r="259204" spans="8:8">
      <c r="H259204" s="12"/>
    </row>
    <row r="259205" spans="8:8">
      <c r="H259205" s="12"/>
    </row>
    <row r="259206" spans="8:8">
      <c r="H259206" s="12"/>
    </row>
    <row r="259207" spans="8:8">
      <c r="H259207" s="12"/>
    </row>
    <row r="259208" spans="8:8">
      <c r="H259208" s="12"/>
    </row>
    <row r="259209" spans="8:8">
      <c r="H259209" s="12"/>
    </row>
    <row r="259210" spans="8:8">
      <c r="H259210" s="12"/>
    </row>
    <row r="259211" spans="8:8">
      <c r="H259211" s="12"/>
    </row>
    <row r="259212" spans="8:8">
      <c r="H259212" s="12"/>
    </row>
    <row r="259213" spans="8:8">
      <c r="H259213" s="12"/>
    </row>
    <row r="259214" spans="8:8">
      <c r="H259214" s="12"/>
    </row>
    <row r="259215" spans="8:8">
      <c r="H259215" s="12"/>
    </row>
    <row r="259216" spans="8:8">
      <c r="H259216" s="12"/>
    </row>
    <row r="259217" spans="8:8">
      <c r="H259217" s="12"/>
    </row>
    <row r="259218" spans="8:8">
      <c r="H259218" s="12"/>
    </row>
    <row r="259219" spans="8:8">
      <c r="H259219" s="12"/>
    </row>
    <row r="259220" spans="8:8">
      <c r="H259220" s="12"/>
    </row>
    <row r="259221" spans="8:8">
      <c r="H259221" s="12"/>
    </row>
    <row r="259222" spans="8:8">
      <c r="H259222" s="12"/>
    </row>
    <row r="259223" spans="8:8">
      <c r="H259223" s="12"/>
    </row>
    <row r="259224" spans="8:8">
      <c r="H259224" s="12"/>
    </row>
    <row r="259225" spans="8:8">
      <c r="H259225" s="12"/>
    </row>
    <row r="259226" spans="8:8">
      <c r="H259226" s="12"/>
    </row>
    <row r="259227" spans="8:8">
      <c r="H259227" s="12"/>
    </row>
    <row r="259228" spans="8:8">
      <c r="H259228" s="12"/>
    </row>
    <row r="259229" spans="8:8">
      <c r="H259229" s="12"/>
    </row>
    <row r="259230" spans="8:8">
      <c r="H259230" s="12"/>
    </row>
    <row r="259231" spans="8:8">
      <c r="H259231" s="12"/>
    </row>
    <row r="259232" spans="8:8">
      <c r="H259232" s="12"/>
    </row>
    <row r="259233" spans="8:8">
      <c r="H259233" s="12"/>
    </row>
    <row r="259234" spans="8:8">
      <c r="H259234" s="12"/>
    </row>
    <row r="259235" spans="8:8">
      <c r="H259235" s="12"/>
    </row>
    <row r="259236" spans="8:8">
      <c r="H259236" s="12"/>
    </row>
    <row r="259237" spans="8:8">
      <c r="H259237" s="12"/>
    </row>
    <row r="259238" spans="8:8">
      <c r="H259238" s="12"/>
    </row>
    <row r="259239" spans="8:8">
      <c r="H259239" s="12"/>
    </row>
    <row r="259240" spans="8:8">
      <c r="H259240" s="12"/>
    </row>
    <row r="259241" spans="8:8">
      <c r="H259241" s="12"/>
    </row>
    <row r="259242" spans="8:8">
      <c r="H259242" s="12"/>
    </row>
    <row r="259243" spans="8:8">
      <c r="H259243" s="12"/>
    </row>
    <row r="259244" spans="8:8">
      <c r="H259244" s="12"/>
    </row>
    <row r="259245" spans="8:8">
      <c r="H259245" s="12"/>
    </row>
    <row r="259246" spans="8:8">
      <c r="H259246" s="12"/>
    </row>
    <row r="259247" spans="8:8">
      <c r="H259247" s="12"/>
    </row>
    <row r="259248" spans="8:8">
      <c r="H259248" s="12"/>
    </row>
    <row r="259249" spans="8:8">
      <c r="H259249" s="12"/>
    </row>
    <row r="259250" spans="8:8">
      <c r="H259250" s="12"/>
    </row>
    <row r="259251" spans="8:8">
      <c r="H259251" s="12"/>
    </row>
    <row r="259252" spans="8:8">
      <c r="H259252" s="12"/>
    </row>
    <row r="259253" spans="8:8">
      <c r="H259253" s="12"/>
    </row>
    <row r="259254" spans="8:8">
      <c r="H259254" s="12"/>
    </row>
    <row r="259255" spans="8:8">
      <c r="H259255" s="12"/>
    </row>
    <row r="259256" spans="8:8">
      <c r="H259256" s="12"/>
    </row>
    <row r="259257" spans="8:8">
      <c r="H259257" s="12"/>
    </row>
    <row r="259258" spans="8:8">
      <c r="H259258" s="12"/>
    </row>
    <row r="259259" spans="8:8">
      <c r="H259259" s="12"/>
    </row>
    <row r="259260" spans="8:8">
      <c r="H259260" s="12"/>
    </row>
    <row r="259261" spans="8:8">
      <c r="H259261" s="12"/>
    </row>
    <row r="259262" spans="8:8">
      <c r="H259262" s="12"/>
    </row>
    <row r="259263" spans="8:8">
      <c r="H259263" s="12"/>
    </row>
    <row r="259264" spans="8:8">
      <c r="H259264" s="12"/>
    </row>
    <row r="259265" spans="8:8">
      <c r="H259265" s="12"/>
    </row>
    <row r="259266" spans="8:8">
      <c r="H259266" s="12"/>
    </row>
    <row r="259267" spans="8:8">
      <c r="H259267" s="12"/>
    </row>
    <row r="259268" spans="8:8">
      <c r="H259268" s="12"/>
    </row>
    <row r="259269" spans="8:8">
      <c r="H259269" s="12"/>
    </row>
    <row r="259270" spans="8:8">
      <c r="H259270" s="12"/>
    </row>
    <row r="259271" spans="8:8">
      <c r="H259271" s="12"/>
    </row>
    <row r="259272" spans="8:8">
      <c r="H259272" s="12"/>
    </row>
    <row r="259273" spans="8:8">
      <c r="H259273" s="12"/>
    </row>
    <row r="259274" spans="8:8">
      <c r="H259274" s="12"/>
    </row>
    <row r="259275" spans="8:8">
      <c r="H259275" s="12"/>
    </row>
    <row r="259276" spans="8:8">
      <c r="H259276" s="12"/>
    </row>
    <row r="259277" spans="8:8">
      <c r="H259277" s="12"/>
    </row>
    <row r="259278" spans="8:8">
      <c r="H259278" s="12"/>
    </row>
    <row r="259279" spans="8:8">
      <c r="H259279" s="12"/>
    </row>
    <row r="259280" spans="8:8">
      <c r="H259280" s="12"/>
    </row>
    <row r="259281" spans="8:8">
      <c r="H259281" s="12"/>
    </row>
    <row r="259282" spans="8:8">
      <c r="H259282" s="12"/>
    </row>
    <row r="259283" spans="8:8">
      <c r="H259283" s="12"/>
    </row>
    <row r="259284" spans="8:8">
      <c r="H259284" s="12"/>
    </row>
    <row r="259285" spans="8:8">
      <c r="H259285" s="12"/>
    </row>
    <row r="259286" spans="8:8">
      <c r="H259286" s="12"/>
    </row>
    <row r="259287" spans="8:8">
      <c r="H259287" s="12"/>
    </row>
    <row r="259288" spans="8:8">
      <c r="H259288" s="12"/>
    </row>
    <row r="259289" spans="8:8">
      <c r="H259289" s="12"/>
    </row>
    <row r="259290" spans="8:8">
      <c r="H259290" s="12"/>
    </row>
    <row r="259291" spans="8:8">
      <c r="H259291" s="12"/>
    </row>
    <row r="259292" spans="8:8">
      <c r="H259292" s="12"/>
    </row>
    <row r="259293" spans="8:8">
      <c r="H259293" s="12"/>
    </row>
    <row r="259294" spans="8:8">
      <c r="H259294" s="12"/>
    </row>
    <row r="259295" spans="8:8">
      <c r="H259295" s="12"/>
    </row>
    <row r="259296" spans="8:8">
      <c r="H259296" s="12"/>
    </row>
    <row r="259297" spans="8:8">
      <c r="H259297" s="12"/>
    </row>
    <row r="259298" spans="8:8">
      <c r="H259298" s="12"/>
    </row>
    <row r="259299" spans="8:8">
      <c r="H259299" s="12"/>
    </row>
    <row r="259300" spans="8:8">
      <c r="H259300" s="12"/>
    </row>
    <row r="259301" spans="8:8">
      <c r="H259301" s="12"/>
    </row>
    <row r="259302" spans="8:8">
      <c r="H259302" s="12"/>
    </row>
    <row r="259303" spans="8:8">
      <c r="H259303" s="12"/>
    </row>
    <row r="259304" spans="8:8">
      <c r="H259304" s="12"/>
    </row>
    <row r="259305" spans="8:8">
      <c r="H259305" s="12"/>
    </row>
    <row r="259306" spans="8:8">
      <c r="H259306" s="12"/>
    </row>
    <row r="259307" spans="8:8">
      <c r="H259307" s="12"/>
    </row>
    <row r="259308" spans="8:8">
      <c r="H259308" s="12"/>
    </row>
    <row r="259309" spans="8:8">
      <c r="H259309" s="12"/>
    </row>
    <row r="259310" spans="8:8">
      <c r="H259310" s="12"/>
    </row>
    <row r="259311" spans="8:8">
      <c r="H259311" s="12"/>
    </row>
    <row r="259312" spans="8:8">
      <c r="H259312" s="12"/>
    </row>
    <row r="259313" spans="8:8">
      <c r="H259313" s="12"/>
    </row>
    <row r="259314" spans="8:8">
      <c r="H259314" s="12"/>
    </row>
    <row r="259315" spans="8:8">
      <c r="H259315" s="12"/>
    </row>
    <row r="259316" spans="8:8">
      <c r="H259316" s="12"/>
    </row>
    <row r="259317" spans="8:8">
      <c r="H259317" s="12"/>
    </row>
    <row r="259318" spans="8:8">
      <c r="H259318" s="12"/>
    </row>
    <row r="259319" spans="8:8">
      <c r="H259319" s="12"/>
    </row>
    <row r="259320" spans="8:8">
      <c r="H259320" s="12"/>
    </row>
    <row r="259321" spans="8:8">
      <c r="H259321" s="12"/>
    </row>
    <row r="259322" spans="8:8">
      <c r="H259322" s="12"/>
    </row>
    <row r="259323" spans="8:8">
      <c r="H259323" s="12"/>
    </row>
    <row r="259324" spans="8:8">
      <c r="H259324" s="12"/>
    </row>
    <row r="259325" spans="8:8">
      <c r="H259325" s="12"/>
    </row>
    <row r="259326" spans="8:8">
      <c r="H259326" s="12"/>
    </row>
    <row r="259327" spans="8:8">
      <c r="H259327" s="12"/>
    </row>
    <row r="259328" spans="8:8">
      <c r="H259328" s="12"/>
    </row>
    <row r="259329" spans="8:8">
      <c r="H259329" s="12"/>
    </row>
    <row r="259330" spans="8:8">
      <c r="H259330" s="12"/>
    </row>
    <row r="259331" spans="8:8">
      <c r="H259331" s="12"/>
    </row>
    <row r="259332" spans="8:8">
      <c r="H259332" s="12"/>
    </row>
    <row r="259333" spans="8:8">
      <c r="H259333" s="12"/>
    </row>
    <row r="259334" spans="8:8">
      <c r="H259334" s="12"/>
    </row>
    <row r="259335" spans="8:8">
      <c r="H259335" s="12"/>
    </row>
    <row r="259336" spans="8:8">
      <c r="H259336" s="12"/>
    </row>
    <row r="259337" spans="8:8">
      <c r="H259337" s="12"/>
    </row>
    <row r="259338" spans="8:8">
      <c r="H259338" s="12"/>
    </row>
    <row r="259339" spans="8:8">
      <c r="H259339" s="12"/>
    </row>
    <row r="259340" spans="8:8">
      <c r="H259340" s="12"/>
    </row>
    <row r="259341" spans="8:8">
      <c r="H259341" s="12"/>
    </row>
    <row r="259342" spans="8:8">
      <c r="H259342" s="12"/>
    </row>
    <row r="259343" spans="8:8">
      <c r="H259343" s="12"/>
    </row>
    <row r="259344" spans="8:8">
      <c r="H259344" s="12"/>
    </row>
    <row r="259345" spans="8:8">
      <c r="H259345" s="12"/>
    </row>
    <row r="259346" spans="8:8">
      <c r="H259346" s="12"/>
    </row>
    <row r="259347" spans="8:8">
      <c r="H259347" s="12"/>
    </row>
    <row r="259348" spans="8:8">
      <c r="H259348" s="12"/>
    </row>
    <row r="259349" spans="8:8">
      <c r="H259349" s="12"/>
    </row>
    <row r="259350" spans="8:8">
      <c r="H259350" s="12"/>
    </row>
    <row r="259351" spans="8:8">
      <c r="H259351" s="12"/>
    </row>
    <row r="259352" spans="8:8">
      <c r="H259352" s="12"/>
    </row>
    <row r="259353" spans="8:8">
      <c r="H259353" s="12"/>
    </row>
    <row r="259354" spans="8:8">
      <c r="H259354" s="12"/>
    </row>
    <row r="259355" spans="8:8">
      <c r="H259355" s="12"/>
    </row>
    <row r="259356" spans="8:8">
      <c r="H259356" s="12"/>
    </row>
    <row r="259357" spans="8:8">
      <c r="H259357" s="12"/>
    </row>
    <row r="259358" spans="8:8">
      <c r="H259358" s="12"/>
    </row>
    <row r="259359" spans="8:8">
      <c r="H259359" s="12"/>
    </row>
    <row r="259360" spans="8:8">
      <c r="H259360" s="12"/>
    </row>
    <row r="259361" spans="8:8">
      <c r="H259361" s="12"/>
    </row>
    <row r="259362" spans="8:8">
      <c r="H259362" s="12"/>
    </row>
    <row r="259363" spans="8:8">
      <c r="H259363" s="12"/>
    </row>
    <row r="259364" spans="8:8">
      <c r="H259364" s="12"/>
    </row>
    <row r="259365" spans="8:8">
      <c r="H259365" s="12"/>
    </row>
    <row r="259366" spans="8:8">
      <c r="H259366" s="12"/>
    </row>
    <row r="259367" spans="8:8">
      <c r="H259367" s="12"/>
    </row>
    <row r="259368" spans="8:8">
      <c r="H259368" s="12"/>
    </row>
    <row r="259369" spans="8:8">
      <c r="H259369" s="12"/>
    </row>
    <row r="259370" spans="8:8">
      <c r="H259370" s="12"/>
    </row>
    <row r="259371" spans="8:8">
      <c r="H259371" s="12"/>
    </row>
    <row r="259372" spans="8:8">
      <c r="H259372" s="12"/>
    </row>
    <row r="259373" spans="8:8">
      <c r="H259373" s="12"/>
    </row>
    <row r="259374" spans="8:8">
      <c r="H259374" s="12"/>
    </row>
    <row r="259375" spans="8:8">
      <c r="H259375" s="12"/>
    </row>
    <row r="259376" spans="8:8">
      <c r="H259376" s="12"/>
    </row>
    <row r="259377" spans="8:8">
      <c r="H259377" s="12"/>
    </row>
    <row r="259378" spans="8:8">
      <c r="H259378" s="12"/>
    </row>
    <row r="259379" spans="8:8">
      <c r="H259379" s="12"/>
    </row>
    <row r="259380" spans="8:8">
      <c r="H259380" s="12"/>
    </row>
    <row r="259381" spans="8:8">
      <c r="H259381" s="12"/>
    </row>
    <row r="259382" spans="8:8">
      <c r="H259382" s="12"/>
    </row>
    <row r="259383" spans="8:8">
      <c r="H259383" s="12"/>
    </row>
    <row r="259384" spans="8:8">
      <c r="H259384" s="12"/>
    </row>
    <row r="259385" spans="8:8">
      <c r="H259385" s="12"/>
    </row>
    <row r="259386" spans="8:8">
      <c r="H259386" s="12"/>
    </row>
    <row r="259387" spans="8:8">
      <c r="H259387" s="12"/>
    </row>
    <row r="259388" spans="8:8">
      <c r="H259388" s="12"/>
    </row>
    <row r="259389" spans="8:8">
      <c r="H259389" s="12"/>
    </row>
    <row r="259390" spans="8:8">
      <c r="H259390" s="12"/>
    </row>
    <row r="259391" spans="8:8">
      <c r="H259391" s="12"/>
    </row>
    <row r="259392" spans="8:8">
      <c r="H259392" s="12"/>
    </row>
    <row r="259393" spans="8:8">
      <c r="H259393" s="12"/>
    </row>
    <row r="259394" spans="8:8">
      <c r="H259394" s="12"/>
    </row>
    <row r="259395" spans="8:8">
      <c r="H259395" s="12"/>
    </row>
    <row r="259396" spans="8:8">
      <c r="H259396" s="12"/>
    </row>
    <row r="259397" spans="8:8">
      <c r="H259397" s="12"/>
    </row>
    <row r="259398" spans="8:8">
      <c r="H259398" s="12"/>
    </row>
    <row r="259399" spans="8:8">
      <c r="H259399" s="12"/>
    </row>
    <row r="259400" spans="8:8">
      <c r="H259400" s="12"/>
    </row>
    <row r="259401" spans="8:8">
      <c r="H259401" s="12"/>
    </row>
    <row r="259402" spans="8:8">
      <c r="H259402" s="12"/>
    </row>
    <row r="259403" spans="8:8">
      <c r="H259403" s="12"/>
    </row>
    <row r="259404" spans="8:8">
      <c r="H259404" s="12"/>
    </row>
    <row r="259405" spans="8:8">
      <c r="H259405" s="12"/>
    </row>
    <row r="259406" spans="8:8">
      <c r="H259406" s="12"/>
    </row>
    <row r="259407" spans="8:8">
      <c r="H259407" s="12"/>
    </row>
    <row r="259408" spans="8:8">
      <c r="H259408" s="12"/>
    </row>
    <row r="259409" spans="8:8">
      <c r="H259409" s="12"/>
    </row>
    <row r="259410" spans="8:8">
      <c r="H259410" s="12"/>
    </row>
    <row r="259411" spans="8:8">
      <c r="H259411" s="12"/>
    </row>
    <row r="259412" spans="8:8">
      <c r="H259412" s="12"/>
    </row>
    <row r="259413" spans="8:8">
      <c r="H259413" s="12"/>
    </row>
    <row r="259414" spans="8:8">
      <c r="H259414" s="12"/>
    </row>
    <row r="259415" spans="8:8">
      <c r="H259415" s="12"/>
    </row>
    <row r="259416" spans="8:8">
      <c r="H259416" s="12"/>
    </row>
    <row r="259417" spans="8:8">
      <c r="H259417" s="12"/>
    </row>
    <row r="259418" spans="8:8">
      <c r="H259418" s="12"/>
    </row>
    <row r="259419" spans="8:8">
      <c r="H259419" s="12"/>
    </row>
    <row r="259420" spans="8:8">
      <c r="H259420" s="12"/>
    </row>
    <row r="259421" spans="8:8">
      <c r="H259421" s="12"/>
    </row>
    <row r="259422" spans="8:8">
      <c r="H259422" s="12"/>
    </row>
    <row r="259423" spans="8:8">
      <c r="H259423" s="12"/>
    </row>
    <row r="259424" spans="8:8">
      <c r="H259424" s="12"/>
    </row>
    <row r="259425" spans="8:8">
      <c r="H259425" s="12"/>
    </row>
    <row r="259426" spans="8:8">
      <c r="H259426" s="12"/>
    </row>
    <row r="259427" spans="8:8">
      <c r="H259427" s="12"/>
    </row>
    <row r="259428" spans="8:8">
      <c r="H259428" s="12"/>
    </row>
    <row r="259429" spans="8:8">
      <c r="H259429" s="12"/>
    </row>
    <row r="259430" spans="8:8">
      <c r="H259430" s="12"/>
    </row>
    <row r="259431" spans="8:8">
      <c r="H259431" s="12"/>
    </row>
    <row r="259432" spans="8:8">
      <c r="H259432" s="12"/>
    </row>
    <row r="259433" spans="8:8">
      <c r="H259433" s="12"/>
    </row>
    <row r="259434" spans="8:8">
      <c r="H259434" s="12"/>
    </row>
    <row r="259435" spans="8:8">
      <c r="H259435" s="12"/>
    </row>
    <row r="259436" spans="8:8">
      <c r="H259436" s="12"/>
    </row>
    <row r="259437" spans="8:8">
      <c r="H259437" s="12"/>
    </row>
    <row r="259438" spans="8:8">
      <c r="H259438" s="12"/>
    </row>
    <row r="259439" spans="8:8">
      <c r="H259439" s="12"/>
    </row>
    <row r="259440" spans="8:8">
      <c r="H259440" s="12"/>
    </row>
    <row r="259441" spans="8:8">
      <c r="H259441" s="12"/>
    </row>
    <row r="259442" spans="8:8">
      <c r="H259442" s="12"/>
    </row>
    <row r="259443" spans="8:8">
      <c r="H259443" s="12"/>
    </row>
    <row r="259444" spans="8:8">
      <c r="H259444" s="12"/>
    </row>
    <row r="259445" spans="8:8">
      <c r="H259445" s="12"/>
    </row>
    <row r="259446" spans="8:8">
      <c r="H259446" s="12"/>
    </row>
    <row r="259447" spans="8:8">
      <c r="H259447" s="12"/>
    </row>
    <row r="259448" spans="8:8">
      <c r="H259448" s="12"/>
    </row>
    <row r="259449" spans="8:8">
      <c r="H259449" s="12"/>
    </row>
    <row r="259450" spans="8:8">
      <c r="H259450" s="12"/>
    </row>
    <row r="259451" spans="8:8">
      <c r="H259451" s="12"/>
    </row>
    <row r="259452" spans="8:8">
      <c r="H259452" s="12"/>
    </row>
    <row r="259453" spans="8:8">
      <c r="H259453" s="12"/>
    </row>
    <row r="259454" spans="8:8">
      <c r="H259454" s="12"/>
    </row>
    <row r="259455" spans="8:8">
      <c r="H259455" s="12"/>
    </row>
    <row r="259456" spans="8:8">
      <c r="H259456" s="12"/>
    </row>
    <row r="259457" spans="8:8">
      <c r="H259457" s="12"/>
    </row>
    <row r="259458" spans="8:8">
      <c r="H259458" s="12"/>
    </row>
    <row r="259459" spans="8:8">
      <c r="H259459" s="12"/>
    </row>
    <row r="259460" spans="8:8">
      <c r="H259460" s="12"/>
    </row>
    <row r="259461" spans="8:8">
      <c r="H259461" s="12"/>
    </row>
    <row r="259462" spans="8:8">
      <c r="H259462" s="12"/>
    </row>
    <row r="259463" spans="8:8">
      <c r="H259463" s="12"/>
    </row>
    <row r="259464" spans="8:8">
      <c r="H259464" s="12"/>
    </row>
    <row r="259465" spans="8:8">
      <c r="H259465" s="12"/>
    </row>
    <row r="259466" spans="8:8">
      <c r="H259466" s="12"/>
    </row>
    <row r="259467" spans="8:8">
      <c r="H259467" s="12"/>
    </row>
    <row r="259468" spans="8:8">
      <c r="H259468" s="12"/>
    </row>
    <row r="259469" spans="8:8">
      <c r="H259469" s="12"/>
    </row>
    <row r="259470" spans="8:8">
      <c r="H259470" s="12"/>
    </row>
    <row r="259471" spans="8:8">
      <c r="H259471" s="12"/>
    </row>
    <row r="259472" spans="8:8">
      <c r="H259472" s="12"/>
    </row>
    <row r="259473" spans="8:8">
      <c r="H259473" s="12"/>
    </row>
    <row r="259474" spans="8:8">
      <c r="H259474" s="12"/>
    </row>
    <row r="259475" spans="8:8">
      <c r="H259475" s="12"/>
    </row>
    <row r="259476" spans="8:8">
      <c r="H259476" s="12"/>
    </row>
    <row r="259477" spans="8:8">
      <c r="H259477" s="12"/>
    </row>
    <row r="259478" spans="8:8">
      <c r="H259478" s="12"/>
    </row>
    <row r="259479" spans="8:8">
      <c r="H259479" s="12"/>
    </row>
    <row r="259480" spans="8:8">
      <c r="H259480" s="12"/>
    </row>
    <row r="259481" spans="8:8">
      <c r="H259481" s="12"/>
    </row>
    <row r="259482" spans="8:8">
      <c r="H259482" s="12"/>
    </row>
    <row r="259483" spans="8:8">
      <c r="H259483" s="12"/>
    </row>
    <row r="259484" spans="8:8">
      <c r="H259484" s="12"/>
    </row>
    <row r="259485" spans="8:8">
      <c r="H259485" s="12"/>
    </row>
    <row r="259486" spans="8:8">
      <c r="H259486" s="12"/>
    </row>
    <row r="259487" spans="8:8">
      <c r="H259487" s="12"/>
    </row>
    <row r="259488" spans="8:8">
      <c r="H259488" s="12"/>
    </row>
    <row r="259489" spans="8:8">
      <c r="H259489" s="12"/>
    </row>
    <row r="259490" spans="8:8">
      <c r="H259490" s="12"/>
    </row>
    <row r="259491" spans="8:8">
      <c r="H259491" s="12"/>
    </row>
    <row r="259492" spans="8:8">
      <c r="H259492" s="12"/>
    </row>
    <row r="259493" spans="8:8">
      <c r="H259493" s="12"/>
    </row>
    <row r="259494" spans="8:8">
      <c r="H259494" s="12"/>
    </row>
    <row r="259495" spans="8:8">
      <c r="H259495" s="12"/>
    </row>
    <row r="259496" spans="8:8">
      <c r="H259496" s="12"/>
    </row>
    <row r="259497" spans="8:8">
      <c r="H259497" s="12"/>
    </row>
    <row r="259498" spans="8:8">
      <c r="H259498" s="12"/>
    </row>
    <row r="259499" spans="8:8">
      <c r="H259499" s="12"/>
    </row>
    <row r="259500" spans="8:8">
      <c r="H259500" s="12"/>
    </row>
    <row r="259501" spans="8:8">
      <c r="H259501" s="12"/>
    </row>
    <row r="259502" spans="8:8">
      <c r="H259502" s="12"/>
    </row>
    <row r="259503" spans="8:8">
      <c r="H259503" s="12"/>
    </row>
    <row r="259504" spans="8:8">
      <c r="H259504" s="12"/>
    </row>
    <row r="259505" spans="8:8">
      <c r="H259505" s="12"/>
    </row>
    <row r="259506" spans="8:8">
      <c r="H259506" s="12"/>
    </row>
    <row r="259507" spans="8:8">
      <c r="H259507" s="12"/>
    </row>
    <row r="259508" spans="8:8">
      <c r="H259508" s="12"/>
    </row>
    <row r="259509" spans="8:8">
      <c r="H259509" s="12"/>
    </row>
    <row r="259510" spans="8:8">
      <c r="H259510" s="12"/>
    </row>
    <row r="259511" spans="8:8">
      <c r="H259511" s="12"/>
    </row>
    <row r="259512" spans="8:8">
      <c r="H259512" s="12"/>
    </row>
    <row r="259513" spans="8:8">
      <c r="H259513" s="12"/>
    </row>
    <row r="259514" spans="8:8">
      <c r="H259514" s="12"/>
    </row>
    <row r="259515" spans="8:8">
      <c r="H259515" s="12"/>
    </row>
    <row r="259516" spans="8:8">
      <c r="H259516" s="12"/>
    </row>
    <row r="259517" spans="8:8">
      <c r="H259517" s="12"/>
    </row>
    <row r="259518" spans="8:8">
      <c r="H259518" s="12"/>
    </row>
    <row r="259519" spans="8:8">
      <c r="H259519" s="12"/>
    </row>
    <row r="259520" spans="8:8">
      <c r="H259520" s="12"/>
    </row>
    <row r="259521" spans="8:8">
      <c r="H259521" s="12"/>
    </row>
    <row r="259522" spans="8:8">
      <c r="H259522" s="12"/>
    </row>
    <row r="259523" spans="8:8">
      <c r="H259523" s="12"/>
    </row>
    <row r="259524" spans="8:8">
      <c r="H259524" s="12"/>
    </row>
    <row r="259525" spans="8:8">
      <c r="H259525" s="12"/>
    </row>
    <row r="259526" spans="8:8">
      <c r="H259526" s="12"/>
    </row>
    <row r="259527" spans="8:8">
      <c r="H259527" s="12"/>
    </row>
    <row r="259528" spans="8:8">
      <c r="H259528" s="12"/>
    </row>
    <row r="259529" spans="8:8">
      <c r="H259529" s="12"/>
    </row>
    <row r="259530" spans="8:8">
      <c r="H259530" s="12"/>
    </row>
    <row r="259531" spans="8:8">
      <c r="H259531" s="12"/>
    </row>
    <row r="259532" spans="8:8">
      <c r="H259532" s="12"/>
    </row>
    <row r="259533" spans="8:8">
      <c r="H259533" s="12"/>
    </row>
    <row r="259534" spans="8:8">
      <c r="H259534" s="12"/>
    </row>
    <row r="259535" spans="8:8">
      <c r="H259535" s="12"/>
    </row>
    <row r="259536" spans="8:8">
      <c r="H259536" s="12"/>
    </row>
    <row r="259537" spans="8:8">
      <c r="H259537" s="12"/>
    </row>
    <row r="259538" spans="8:8">
      <c r="H259538" s="12"/>
    </row>
    <row r="259539" spans="8:8">
      <c r="H259539" s="12"/>
    </row>
    <row r="259540" spans="8:8">
      <c r="H259540" s="12"/>
    </row>
    <row r="259541" spans="8:8">
      <c r="H259541" s="12"/>
    </row>
    <row r="259542" spans="8:8">
      <c r="H259542" s="12"/>
    </row>
    <row r="259543" spans="8:8">
      <c r="H259543" s="12"/>
    </row>
    <row r="259544" spans="8:8">
      <c r="H259544" s="12"/>
    </row>
    <row r="259545" spans="8:8">
      <c r="H259545" s="12"/>
    </row>
    <row r="259546" spans="8:8">
      <c r="H259546" s="12"/>
    </row>
    <row r="259547" spans="8:8">
      <c r="H259547" s="12"/>
    </row>
    <row r="259548" spans="8:8">
      <c r="H259548" s="12"/>
    </row>
    <row r="259549" spans="8:8">
      <c r="H259549" s="12"/>
    </row>
    <row r="259550" spans="8:8">
      <c r="H259550" s="12"/>
    </row>
    <row r="259551" spans="8:8">
      <c r="H259551" s="12"/>
    </row>
    <row r="259552" spans="8:8">
      <c r="H259552" s="12"/>
    </row>
    <row r="259553" spans="8:8">
      <c r="H259553" s="12"/>
    </row>
    <row r="259554" spans="8:8">
      <c r="H259554" s="12"/>
    </row>
    <row r="259555" spans="8:8">
      <c r="H259555" s="12"/>
    </row>
    <row r="259556" spans="8:8">
      <c r="H259556" s="12"/>
    </row>
    <row r="259557" spans="8:8">
      <c r="H259557" s="12"/>
    </row>
    <row r="259558" spans="8:8">
      <c r="H259558" s="12"/>
    </row>
    <row r="259559" spans="8:8">
      <c r="H259559" s="12"/>
    </row>
    <row r="259560" spans="8:8">
      <c r="H259560" s="12"/>
    </row>
    <row r="259561" spans="8:8">
      <c r="H259561" s="12"/>
    </row>
    <row r="259562" spans="8:8">
      <c r="H259562" s="12"/>
    </row>
    <row r="259563" spans="8:8">
      <c r="H259563" s="12"/>
    </row>
    <row r="259564" spans="8:8">
      <c r="H259564" s="12"/>
    </row>
    <row r="259565" spans="8:8">
      <c r="H259565" s="12"/>
    </row>
    <row r="259566" spans="8:8">
      <c r="H259566" s="12"/>
    </row>
    <row r="259567" spans="8:8">
      <c r="H259567" s="12"/>
    </row>
    <row r="259568" spans="8:8">
      <c r="H259568" s="12"/>
    </row>
    <row r="259569" spans="8:8">
      <c r="H259569" s="12"/>
    </row>
    <row r="259570" spans="8:8">
      <c r="H259570" s="12"/>
    </row>
    <row r="259571" spans="8:8">
      <c r="H259571" s="12"/>
    </row>
    <row r="259572" spans="8:8">
      <c r="H259572" s="12"/>
    </row>
    <row r="259573" spans="8:8">
      <c r="H259573" s="12"/>
    </row>
    <row r="259574" spans="8:8">
      <c r="H259574" s="12"/>
    </row>
    <row r="259575" spans="8:8">
      <c r="H259575" s="12"/>
    </row>
    <row r="259576" spans="8:8">
      <c r="H259576" s="12"/>
    </row>
    <row r="259577" spans="8:8">
      <c r="H259577" s="12"/>
    </row>
    <row r="259578" spans="8:8">
      <c r="H259578" s="12"/>
    </row>
    <row r="259579" spans="8:8">
      <c r="H259579" s="12"/>
    </row>
    <row r="259580" spans="8:8">
      <c r="H259580" s="12"/>
    </row>
    <row r="259581" spans="8:8">
      <c r="H259581" s="12"/>
    </row>
    <row r="259582" spans="8:8">
      <c r="H259582" s="12"/>
    </row>
    <row r="259583" spans="8:8">
      <c r="H259583" s="12"/>
    </row>
    <row r="259584" spans="8:8">
      <c r="H259584" s="12"/>
    </row>
    <row r="259585" spans="8:8">
      <c r="H259585" s="12"/>
    </row>
    <row r="259586" spans="8:8">
      <c r="H259586" s="12"/>
    </row>
    <row r="259587" spans="8:8">
      <c r="H259587" s="12"/>
    </row>
    <row r="259588" spans="8:8">
      <c r="H259588" s="12"/>
    </row>
    <row r="259589" spans="8:8">
      <c r="H259589" s="12"/>
    </row>
    <row r="259590" spans="8:8">
      <c r="H259590" s="12"/>
    </row>
    <row r="259591" spans="8:8">
      <c r="H259591" s="12"/>
    </row>
    <row r="259592" spans="8:8">
      <c r="H259592" s="12"/>
    </row>
    <row r="259593" spans="8:8">
      <c r="H259593" s="12"/>
    </row>
    <row r="259594" spans="8:8">
      <c r="H259594" s="12"/>
    </row>
    <row r="259595" spans="8:8">
      <c r="H259595" s="12"/>
    </row>
    <row r="259596" spans="8:8">
      <c r="H259596" s="12"/>
    </row>
    <row r="259597" spans="8:8">
      <c r="H259597" s="12"/>
    </row>
    <row r="259598" spans="8:8">
      <c r="H259598" s="12"/>
    </row>
    <row r="259599" spans="8:8">
      <c r="H259599" s="12"/>
    </row>
    <row r="259600" spans="8:8">
      <c r="H259600" s="12"/>
    </row>
    <row r="259601" spans="8:8">
      <c r="H259601" s="12"/>
    </row>
    <row r="259602" spans="8:8">
      <c r="H259602" s="12"/>
    </row>
    <row r="259603" spans="8:8">
      <c r="H259603" s="12"/>
    </row>
    <row r="259604" spans="8:8">
      <c r="H259604" s="12"/>
    </row>
    <row r="259605" spans="8:8">
      <c r="H259605" s="12"/>
    </row>
    <row r="259606" spans="8:8">
      <c r="H259606" s="12"/>
    </row>
    <row r="259607" spans="8:8">
      <c r="H259607" s="12"/>
    </row>
    <row r="259608" spans="8:8">
      <c r="H259608" s="12"/>
    </row>
    <row r="259609" spans="8:8">
      <c r="H259609" s="12"/>
    </row>
    <row r="259610" spans="8:8">
      <c r="H259610" s="12"/>
    </row>
    <row r="259611" spans="8:8">
      <c r="H259611" s="12"/>
    </row>
    <row r="259612" spans="8:8">
      <c r="H259612" s="12"/>
    </row>
    <row r="259613" spans="8:8">
      <c r="H259613" s="12"/>
    </row>
    <row r="259614" spans="8:8">
      <c r="H259614" s="12"/>
    </row>
    <row r="259615" spans="8:8">
      <c r="H259615" s="12"/>
    </row>
    <row r="259616" spans="8:8">
      <c r="H259616" s="12"/>
    </row>
    <row r="259617" spans="8:8">
      <c r="H259617" s="12"/>
    </row>
    <row r="259618" spans="8:8">
      <c r="H259618" s="12"/>
    </row>
    <row r="259619" spans="8:8">
      <c r="H259619" s="12"/>
    </row>
    <row r="259620" spans="8:8">
      <c r="H259620" s="12"/>
    </row>
    <row r="259621" spans="8:8">
      <c r="H259621" s="12"/>
    </row>
    <row r="259622" spans="8:8">
      <c r="H259622" s="12"/>
    </row>
    <row r="259623" spans="8:8">
      <c r="H259623" s="12"/>
    </row>
    <row r="259624" spans="8:8">
      <c r="H259624" s="12"/>
    </row>
    <row r="259625" spans="8:8">
      <c r="H259625" s="12"/>
    </row>
    <row r="259626" spans="8:8">
      <c r="H259626" s="12"/>
    </row>
    <row r="259627" spans="8:8">
      <c r="H259627" s="12"/>
    </row>
    <row r="259628" spans="8:8">
      <c r="H259628" s="12"/>
    </row>
    <row r="259629" spans="8:8">
      <c r="H259629" s="12"/>
    </row>
    <row r="259630" spans="8:8">
      <c r="H259630" s="12"/>
    </row>
    <row r="259631" spans="8:8">
      <c r="H259631" s="12"/>
    </row>
    <row r="259632" spans="8:8">
      <c r="H259632" s="12"/>
    </row>
    <row r="259633" spans="8:8">
      <c r="H259633" s="12"/>
    </row>
    <row r="259634" spans="8:8">
      <c r="H259634" s="12"/>
    </row>
    <row r="259635" spans="8:8">
      <c r="H259635" s="12"/>
    </row>
    <row r="259636" spans="8:8">
      <c r="H259636" s="12"/>
    </row>
    <row r="259637" spans="8:8">
      <c r="H259637" s="12"/>
    </row>
    <row r="259638" spans="8:8">
      <c r="H259638" s="12"/>
    </row>
    <row r="259639" spans="8:8">
      <c r="H259639" s="12"/>
    </row>
    <row r="259640" spans="8:8">
      <c r="H259640" s="12"/>
    </row>
    <row r="259641" spans="8:8">
      <c r="H259641" s="12"/>
    </row>
    <row r="259642" spans="8:8">
      <c r="H259642" s="12"/>
    </row>
    <row r="259643" spans="8:8">
      <c r="H259643" s="12"/>
    </row>
    <row r="259644" spans="8:8">
      <c r="H259644" s="12"/>
    </row>
    <row r="259645" spans="8:8">
      <c r="H259645" s="12"/>
    </row>
    <row r="259646" spans="8:8">
      <c r="H259646" s="12"/>
    </row>
    <row r="259647" spans="8:8">
      <c r="H259647" s="12"/>
    </row>
    <row r="259648" spans="8:8">
      <c r="H259648" s="12"/>
    </row>
    <row r="259649" spans="8:8">
      <c r="H259649" s="12"/>
    </row>
    <row r="259650" spans="8:8">
      <c r="H259650" s="12"/>
    </row>
    <row r="259651" spans="8:8">
      <c r="H259651" s="12"/>
    </row>
    <row r="259652" spans="8:8">
      <c r="H259652" s="12"/>
    </row>
    <row r="259653" spans="8:8">
      <c r="H259653" s="12"/>
    </row>
    <row r="259654" spans="8:8">
      <c r="H259654" s="12"/>
    </row>
    <row r="259655" spans="8:8">
      <c r="H259655" s="12"/>
    </row>
    <row r="259656" spans="8:8">
      <c r="H259656" s="12"/>
    </row>
    <row r="259657" spans="8:8">
      <c r="H259657" s="12"/>
    </row>
    <row r="259658" spans="8:8">
      <c r="H259658" s="12"/>
    </row>
    <row r="259659" spans="8:8">
      <c r="H259659" s="12"/>
    </row>
    <row r="259660" spans="8:8">
      <c r="H259660" s="12"/>
    </row>
    <row r="259661" spans="8:8">
      <c r="H259661" s="12"/>
    </row>
    <row r="259662" spans="8:8">
      <c r="H259662" s="12"/>
    </row>
    <row r="259663" spans="8:8">
      <c r="H259663" s="12"/>
    </row>
    <row r="259664" spans="8:8">
      <c r="H259664" s="12"/>
    </row>
    <row r="259665" spans="8:8">
      <c r="H259665" s="12"/>
    </row>
    <row r="259666" spans="8:8">
      <c r="H259666" s="12"/>
    </row>
    <row r="259667" spans="8:8">
      <c r="H259667" s="12"/>
    </row>
    <row r="259668" spans="8:8">
      <c r="H259668" s="12"/>
    </row>
    <row r="259669" spans="8:8">
      <c r="H259669" s="12"/>
    </row>
    <row r="259670" spans="8:8">
      <c r="H259670" s="12"/>
    </row>
    <row r="259671" spans="8:8">
      <c r="H259671" s="12"/>
    </row>
    <row r="259672" spans="8:8">
      <c r="H259672" s="12"/>
    </row>
    <row r="259673" spans="8:8">
      <c r="H259673" s="12"/>
    </row>
    <row r="259674" spans="8:8">
      <c r="H259674" s="12"/>
    </row>
    <row r="259675" spans="8:8">
      <c r="H259675" s="12"/>
    </row>
    <row r="259676" spans="8:8">
      <c r="H259676" s="12"/>
    </row>
    <row r="259677" spans="8:8">
      <c r="H259677" s="12"/>
    </row>
    <row r="259678" spans="8:8">
      <c r="H259678" s="12"/>
    </row>
    <row r="259679" spans="8:8">
      <c r="H259679" s="12"/>
    </row>
    <row r="259680" spans="8:8">
      <c r="H259680" s="12"/>
    </row>
    <row r="259681" spans="8:8">
      <c r="H259681" s="12"/>
    </row>
    <row r="259682" spans="8:8">
      <c r="H259682" s="12"/>
    </row>
    <row r="259683" spans="8:8">
      <c r="H259683" s="12"/>
    </row>
    <row r="259684" spans="8:8">
      <c r="H259684" s="12"/>
    </row>
    <row r="259685" spans="8:8">
      <c r="H259685" s="12"/>
    </row>
    <row r="259686" spans="8:8">
      <c r="H259686" s="12"/>
    </row>
    <row r="259687" spans="8:8">
      <c r="H259687" s="12"/>
    </row>
    <row r="259688" spans="8:8">
      <c r="H259688" s="12"/>
    </row>
    <row r="259689" spans="8:8">
      <c r="H259689" s="12"/>
    </row>
    <row r="259690" spans="8:8">
      <c r="H259690" s="12"/>
    </row>
    <row r="259691" spans="8:8">
      <c r="H259691" s="12"/>
    </row>
    <row r="259692" spans="8:8">
      <c r="H259692" s="12"/>
    </row>
    <row r="259693" spans="8:8">
      <c r="H259693" s="12"/>
    </row>
    <row r="259694" spans="8:8">
      <c r="H259694" s="12"/>
    </row>
    <row r="259695" spans="8:8">
      <c r="H259695" s="12"/>
    </row>
    <row r="259696" spans="8:8">
      <c r="H259696" s="12"/>
    </row>
    <row r="259697" spans="8:8">
      <c r="H259697" s="12"/>
    </row>
    <row r="259698" spans="8:8">
      <c r="H259698" s="12"/>
    </row>
    <row r="259699" spans="8:8">
      <c r="H259699" s="12"/>
    </row>
    <row r="259700" spans="8:8">
      <c r="H259700" s="12"/>
    </row>
    <row r="259701" spans="8:8">
      <c r="H259701" s="12"/>
    </row>
    <row r="259702" spans="8:8">
      <c r="H259702" s="12"/>
    </row>
    <row r="259703" spans="8:8">
      <c r="H259703" s="12"/>
    </row>
    <row r="259704" spans="8:8">
      <c r="H259704" s="12"/>
    </row>
    <row r="259705" spans="8:8">
      <c r="H259705" s="12"/>
    </row>
    <row r="259706" spans="8:8">
      <c r="H259706" s="12"/>
    </row>
    <row r="259707" spans="8:8">
      <c r="H259707" s="12"/>
    </row>
    <row r="259708" spans="8:8">
      <c r="H259708" s="12"/>
    </row>
    <row r="259709" spans="8:8">
      <c r="H259709" s="12"/>
    </row>
    <row r="259710" spans="8:8">
      <c r="H259710" s="12"/>
    </row>
    <row r="259711" spans="8:8">
      <c r="H259711" s="12"/>
    </row>
    <row r="259712" spans="8:8">
      <c r="H259712" s="12"/>
    </row>
    <row r="259713" spans="8:8">
      <c r="H259713" s="12"/>
    </row>
    <row r="259714" spans="8:8">
      <c r="H259714" s="12"/>
    </row>
    <row r="259715" spans="8:8">
      <c r="H259715" s="12"/>
    </row>
    <row r="259716" spans="8:8">
      <c r="H259716" s="12"/>
    </row>
    <row r="259717" spans="8:8">
      <c r="H259717" s="12"/>
    </row>
    <row r="259718" spans="8:8">
      <c r="H259718" s="12"/>
    </row>
    <row r="259719" spans="8:8">
      <c r="H259719" s="12"/>
    </row>
    <row r="259720" spans="8:8">
      <c r="H259720" s="12"/>
    </row>
    <row r="259721" spans="8:8">
      <c r="H259721" s="12"/>
    </row>
    <row r="259722" spans="8:8">
      <c r="H259722" s="12"/>
    </row>
    <row r="259723" spans="8:8">
      <c r="H259723" s="12"/>
    </row>
    <row r="259724" spans="8:8">
      <c r="H259724" s="12"/>
    </row>
    <row r="259725" spans="8:8">
      <c r="H259725" s="12"/>
    </row>
    <row r="259726" spans="8:8">
      <c r="H259726" s="12"/>
    </row>
    <row r="259727" spans="8:8">
      <c r="H259727" s="12"/>
    </row>
    <row r="259728" spans="8:8">
      <c r="H259728" s="12"/>
    </row>
    <row r="259729" spans="8:8">
      <c r="H259729" s="12"/>
    </row>
    <row r="259730" spans="8:8">
      <c r="H259730" s="12"/>
    </row>
    <row r="259731" spans="8:8">
      <c r="H259731" s="12"/>
    </row>
    <row r="259732" spans="8:8">
      <c r="H259732" s="12"/>
    </row>
    <row r="259733" spans="8:8">
      <c r="H259733" s="12"/>
    </row>
    <row r="259734" spans="8:8">
      <c r="H259734" s="12"/>
    </row>
    <row r="259735" spans="8:8">
      <c r="H259735" s="12"/>
    </row>
    <row r="259736" spans="8:8">
      <c r="H259736" s="12"/>
    </row>
    <row r="259737" spans="8:8">
      <c r="H259737" s="12"/>
    </row>
    <row r="259738" spans="8:8">
      <c r="H259738" s="12"/>
    </row>
    <row r="259739" spans="8:8">
      <c r="H259739" s="12"/>
    </row>
    <row r="259740" spans="8:8">
      <c r="H259740" s="12"/>
    </row>
    <row r="259741" spans="8:8">
      <c r="H259741" s="12"/>
    </row>
    <row r="259742" spans="8:8">
      <c r="H259742" s="12"/>
    </row>
    <row r="259743" spans="8:8">
      <c r="H259743" s="12"/>
    </row>
    <row r="259744" spans="8:8">
      <c r="H259744" s="12"/>
    </row>
    <row r="259745" spans="8:8">
      <c r="H259745" s="12"/>
    </row>
    <row r="259746" spans="8:8">
      <c r="H259746" s="12"/>
    </row>
    <row r="259747" spans="8:8">
      <c r="H259747" s="12"/>
    </row>
    <row r="259748" spans="8:8">
      <c r="H259748" s="12"/>
    </row>
    <row r="259749" spans="8:8">
      <c r="H259749" s="12"/>
    </row>
    <row r="259750" spans="8:8">
      <c r="H259750" s="12"/>
    </row>
    <row r="259751" spans="8:8">
      <c r="H259751" s="12"/>
    </row>
    <row r="259752" spans="8:8">
      <c r="H259752" s="12"/>
    </row>
    <row r="259753" spans="8:8">
      <c r="H259753" s="12"/>
    </row>
    <row r="259754" spans="8:8">
      <c r="H259754" s="12"/>
    </row>
    <row r="259755" spans="8:8">
      <c r="H259755" s="12"/>
    </row>
    <row r="259756" spans="8:8">
      <c r="H259756" s="12"/>
    </row>
    <row r="259757" spans="8:8">
      <c r="H259757" s="12"/>
    </row>
    <row r="259758" spans="8:8">
      <c r="H259758" s="12"/>
    </row>
    <row r="259759" spans="8:8">
      <c r="H259759" s="12"/>
    </row>
    <row r="259760" spans="8:8">
      <c r="H259760" s="12"/>
    </row>
    <row r="259761" spans="8:8">
      <c r="H259761" s="12"/>
    </row>
    <row r="259762" spans="8:8">
      <c r="H259762" s="12"/>
    </row>
    <row r="259763" spans="8:8">
      <c r="H259763" s="12"/>
    </row>
    <row r="259764" spans="8:8">
      <c r="H259764" s="12"/>
    </row>
    <row r="259765" spans="8:8">
      <c r="H259765" s="12"/>
    </row>
    <row r="259766" spans="8:8">
      <c r="H259766" s="12"/>
    </row>
    <row r="259767" spans="8:8">
      <c r="H259767" s="12"/>
    </row>
    <row r="259768" spans="8:8">
      <c r="H259768" s="12"/>
    </row>
    <row r="259769" spans="8:8">
      <c r="H259769" s="12"/>
    </row>
    <row r="259770" spans="8:8">
      <c r="H259770" s="12"/>
    </row>
    <row r="259771" spans="8:8">
      <c r="H259771" s="12"/>
    </row>
    <row r="259772" spans="8:8">
      <c r="H259772" s="12"/>
    </row>
    <row r="259773" spans="8:8">
      <c r="H259773" s="12"/>
    </row>
    <row r="259774" spans="8:8">
      <c r="H259774" s="12"/>
    </row>
    <row r="259775" spans="8:8">
      <c r="H259775" s="12"/>
    </row>
    <row r="259776" spans="8:8">
      <c r="H259776" s="12"/>
    </row>
    <row r="259777" spans="8:8">
      <c r="H259777" s="12"/>
    </row>
    <row r="259778" spans="8:8">
      <c r="H259778" s="12"/>
    </row>
    <row r="259779" spans="8:8">
      <c r="H259779" s="12"/>
    </row>
    <row r="259780" spans="8:8">
      <c r="H259780" s="12"/>
    </row>
    <row r="259781" spans="8:8">
      <c r="H259781" s="12"/>
    </row>
    <row r="259782" spans="8:8">
      <c r="H259782" s="12"/>
    </row>
    <row r="259783" spans="8:8">
      <c r="H259783" s="12"/>
    </row>
    <row r="259784" spans="8:8">
      <c r="H259784" s="12"/>
    </row>
    <row r="259785" spans="8:8">
      <c r="H259785" s="12"/>
    </row>
    <row r="259786" spans="8:8">
      <c r="H259786" s="12"/>
    </row>
    <row r="259787" spans="8:8">
      <c r="H259787" s="12"/>
    </row>
    <row r="259788" spans="8:8">
      <c r="H259788" s="12"/>
    </row>
    <row r="259789" spans="8:8">
      <c r="H259789" s="12"/>
    </row>
    <row r="259790" spans="8:8">
      <c r="H259790" s="12"/>
    </row>
    <row r="259791" spans="8:8">
      <c r="H259791" s="12"/>
    </row>
    <row r="259792" spans="8:8">
      <c r="H259792" s="12"/>
    </row>
    <row r="259793" spans="8:8">
      <c r="H259793" s="12"/>
    </row>
    <row r="259794" spans="8:8">
      <c r="H259794" s="12"/>
    </row>
    <row r="259795" spans="8:8">
      <c r="H259795" s="12"/>
    </row>
    <row r="259796" spans="8:8">
      <c r="H259796" s="12"/>
    </row>
    <row r="259797" spans="8:8">
      <c r="H259797" s="12"/>
    </row>
    <row r="259798" spans="8:8">
      <c r="H259798" s="12"/>
    </row>
    <row r="259799" spans="8:8">
      <c r="H259799" s="12"/>
    </row>
    <row r="259800" spans="8:8">
      <c r="H259800" s="12"/>
    </row>
    <row r="259801" spans="8:8">
      <c r="H259801" s="12"/>
    </row>
    <row r="259802" spans="8:8">
      <c r="H259802" s="12"/>
    </row>
    <row r="259803" spans="8:8">
      <c r="H259803" s="12"/>
    </row>
    <row r="259804" spans="8:8">
      <c r="H259804" s="12"/>
    </row>
    <row r="259805" spans="8:8">
      <c r="H259805" s="12"/>
    </row>
    <row r="259806" spans="8:8">
      <c r="H259806" s="12"/>
    </row>
    <row r="259807" spans="8:8">
      <c r="H259807" s="12"/>
    </row>
    <row r="259808" spans="8:8">
      <c r="H259808" s="12"/>
    </row>
    <row r="259809" spans="8:8">
      <c r="H259809" s="12"/>
    </row>
    <row r="259810" spans="8:8">
      <c r="H259810" s="12"/>
    </row>
    <row r="259811" spans="8:8">
      <c r="H259811" s="12"/>
    </row>
    <row r="259812" spans="8:8">
      <c r="H259812" s="12"/>
    </row>
    <row r="259813" spans="8:8">
      <c r="H259813" s="12"/>
    </row>
    <row r="259814" spans="8:8">
      <c r="H259814" s="12"/>
    </row>
    <row r="259815" spans="8:8">
      <c r="H259815" s="12"/>
    </row>
    <row r="259816" spans="8:8">
      <c r="H259816" s="12"/>
    </row>
    <row r="259817" spans="8:8">
      <c r="H259817" s="12"/>
    </row>
    <row r="259818" spans="8:8">
      <c r="H259818" s="12"/>
    </row>
    <row r="259819" spans="8:8">
      <c r="H259819" s="12"/>
    </row>
    <row r="259820" spans="8:8">
      <c r="H259820" s="12"/>
    </row>
    <row r="259821" spans="8:8">
      <c r="H259821" s="12"/>
    </row>
    <row r="259822" spans="8:8">
      <c r="H259822" s="12"/>
    </row>
    <row r="259823" spans="8:8">
      <c r="H259823" s="12"/>
    </row>
    <row r="259824" spans="8:8">
      <c r="H259824" s="12"/>
    </row>
    <row r="259825" spans="8:8">
      <c r="H259825" s="12"/>
    </row>
    <row r="259826" spans="8:8">
      <c r="H259826" s="12"/>
    </row>
    <row r="259827" spans="8:8">
      <c r="H259827" s="12"/>
    </row>
    <row r="259828" spans="8:8">
      <c r="H259828" s="12"/>
    </row>
    <row r="259829" spans="8:8">
      <c r="H259829" s="12"/>
    </row>
    <row r="259830" spans="8:8">
      <c r="H259830" s="12"/>
    </row>
    <row r="259831" spans="8:8">
      <c r="H259831" s="12"/>
    </row>
    <row r="259832" spans="8:8">
      <c r="H259832" s="12"/>
    </row>
    <row r="259833" spans="8:8">
      <c r="H259833" s="12"/>
    </row>
    <row r="259834" spans="8:8">
      <c r="H259834" s="12"/>
    </row>
    <row r="259835" spans="8:8">
      <c r="H259835" s="12"/>
    </row>
    <row r="259836" spans="8:8">
      <c r="H259836" s="12"/>
    </row>
    <row r="259837" spans="8:8">
      <c r="H259837" s="12"/>
    </row>
    <row r="259838" spans="8:8">
      <c r="H259838" s="12"/>
    </row>
    <row r="259839" spans="8:8">
      <c r="H259839" s="12"/>
    </row>
    <row r="259840" spans="8:8">
      <c r="H259840" s="12"/>
    </row>
    <row r="259841" spans="8:8">
      <c r="H259841" s="12"/>
    </row>
    <row r="259842" spans="8:8">
      <c r="H259842" s="12"/>
    </row>
    <row r="259843" spans="8:8">
      <c r="H259843" s="12"/>
    </row>
    <row r="259844" spans="8:8">
      <c r="H259844" s="12"/>
    </row>
    <row r="259845" spans="8:8">
      <c r="H259845" s="12"/>
    </row>
    <row r="259846" spans="8:8">
      <c r="H259846" s="12"/>
    </row>
    <row r="259847" spans="8:8">
      <c r="H259847" s="12"/>
    </row>
    <row r="259848" spans="8:8">
      <c r="H259848" s="12"/>
    </row>
    <row r="259849" spans="8:8">
      <c r="H259849" s="12"/>
    </row>
    <row r="259850" spans="8:8">
      <c r="H259850" s="12"/>
    </row>
    <row r="259851" spans="8:8">
      <c r="H259851" s="12"/>
    </row>
    <row r="259852" spans="8:8">
      <c r="H259852" s="12"/>
    </row>
    <row r="259853" spans="8:8">
      <c r="H259853" s="12"/>
    </row>
    <row r="259854" spans="8:8">
      <c r="H259854" s="12"/>
    </row>
    <row r="259855" spans="8:8">
      <c r="H259855" s="12"/>
    </row>
    <row r="259856" spans="8:8">
      <c r="H259856" s="12"/>
    </row>
    <row r="259857" spans="8:8">
      <c r="H259857" s="12"/>
    </row>
    <row r="259858" spans="8:8">
      <c r="H259858" s="12"/>
    </row>
    <row r="259859" spans="8:8">
      <c r="H259859" s="12"/>
    </row>
    <row r="259860" spans="8:8">
      <c r="H259860" s="12"/>
    </row>
    <row r="259861" spans="8:8">
      <c r="H259861" s="12"/>
    </row>
    <row r="259862" spans="8:8">
      <c r="H259862" s="12"/>
    </row>
    <row r="259863" spans="8:8">
      <c r="H259863" s="12"/>
    </row>
    <row r="259864" spans="8:8">
      <c r="H259864" s="12"/>
    </row>
    <row r="259865" spans="8:8">
      <c r="H259865" s="12"/>
    </row>
    <row r="259866" spans="8:8">
      <c r="H259866" s="12"/>
    </row>
    <row r="259867" spans="8:8">
      <c r="H259867" s="12"/>
    </row>
    <row r="259868" spans="8:8">
      <c r="H259868" s="12"/>
    </row>
    <row r="259869" spans="8:8">
      <c r="H259869" s="12"/>
    </row>
    <row r="259870" spans="8:8">
      <c r="H259870" s="12"/>
    </row>
    <row r="259871" spans="8:8">
      <c r="H259871" s="12"/>
    </row>
    <row r="259872" spans="8:8">
      <c r="H259872" s="12"/>
    </row>
    <row r="259873" spans="8:8">
      <c r="H259873" s="12"/>
    </row>
    <row r="259874" spans="8:8">
      <c r="H259874" s="12"/>
    </row>
    <row r="259875" spans="8:8">
      <c r="H259875" s="12"/>
    </row>
    <row r="259876" spans="8:8">
      <c r="H259876" s="12"/>
    </row>
    <row r="259877" spans="8:8">
      <c r="H259877" s="12"/>
    </row>
    <row r="259878" spans="8:8">
      <c r="H259878" s="12"/>
    </row>
    <row r="259879" spans="8:8">
      <c r="H259879" s="12"/>
    </row>
    <row r="259880" spans="8:8">
      <c r="H259880" s="12"/>
    </row>
    <row r="259881" spans="8:8">
      <c r="H259881" s="12"/>
    </row>
    <row r="259882" spans="8:8">
      <c r="H259882" s="12"/>
    </row>
    <row r="259883" spans="8:8">
      <c r="H259883" s="12"/>
    </row>
    <row r="259884" spans="8:8">
      <c r="H259884" s="12"/>
    </row>
    <row r="259885" spans="8:8">
      <c r="H259885" s="12"/>
    </row>
    <row r="259886" spans="8:8">
      <c r="H259886" s="12"/>
    </row>
    <row r="259887" spans="8:8">
      <c r="H259887" s="12"/>
    </row>
    <row r="259888" spans="8:8">
      <c r="H259888" s="12"/>
    </row>
    <row r="259889" spans="8:8">
      <c r="H259889" s="12"/>
    </row>
    <row r="259890" spans="8:8">
      <c r="H259890" s="12"/>
    </row>
    <row r="259891" spans="8:8">
      <c r="H259891" s="12"/>
    </row>
    <row r="259892" spans="8:8">
      <c r="H259892" s="12"/>
    </row>
    <row r="259893" spans="8:8">
      <c r="H259893" s="12"/>
    </row>
    <row r="259894" spans="8:8">
      <c r="H259894" s="12"/>
    </row>
    <row r="259895" spans="8:8">
      <c r="H259895" s="12"/>
    </row>
    <row r="259896" spans="8:8">
      <c r="H259896" s="12"/>
    </row>
    <row r="259897" spans="8:8">
      <c r="H259897" s="12"/>
    </row>
    <row r="259898" spans="8:8">
      <c r="H259898" s="12"/>
    </row>
    <row r="259899" spans="8:8">
      <c r="H259899" s="12"/>
    </row>
    <row r="259900" spans="8:8">
      <c r="H259900" s="12"/>
    </row>
    <row r="259901" spans="8:8">
      <c r="H259901" s="12"/>
    </row>
    <row r="259902" spans="8:8">
      <c r="H259902" s="12"/>
    </row>
    <row r="259903" spans="8:8">
      <c r="H259903" s="12"/>
    </row>
    <row r="259904" spans="8:8">
      <c r="H259904" s="12"/>
    </row>
    <row r="259905" spans="8:8">
      <c r="H259905" s="12"/>
    </row>
    <row r="259906" spans="8:8">
      <c r="H259906" s="12"/>
    </row>
    <row r="259907" spans="8:8">
      <c r="H259907" s="12"/>
    </row>
    <row r="259908" spans="8:8">
      <c r="H259908" s="12"/>
    </row>
    <row r="259909" spans="8:8">
      <c r="H259909" s="12"/>
    </row>
    <row r="259910" spans="8:8">
      <c r="H259910" s="12"/>
    </row>
    <row r="259911" spans="8:8">
      <c r="H259911" s="12"/>
    </row>
    <row r="259912" spans="8:8">
      <c r="H259912" s="12"/>
    </row>
    <row r="259913" spans="8:8">
      <c r="H259913" s="12"/>
    </row>
    <row r="259914" spans="8:8">
      <c r="H259914" s="12"/>
    </row>
    <row r="259915" spans="8:8">
      <c r="H259915" s="12"/>
    </row>
    <row r="259916" spans="8:8">
      <c r="H259916" s="12"/>
    </row>
    <row r="259917" spans="8:8">
      <c r="H259917" s="12"/>
    </row>
    <row r="259918" spans="8:8">
      <c r="H259918" s="12"/>
    </row>
    <row r="259919" spans="8:8">
      <c r="H259919" s="12"/>
    </row>
    <row r="259920" spans="8:8">
      <c r="H259920" s="12"/>
    </row>
    <row r="259921" spans="8:8">
      <c r="H259921" s="12"/>
    </row>
    <row r="259922" spans="8:8">
      <c r="H259922" s="12"/>
    </row>
    <row r="259923" spans="8:8">
      <c r="H259923" s="12"/>
    </row>
    <row r="259924" spans="8:8">
      <c r="H259924" s="12"/>
    </row>
    <row r="259925" spans="8:8">
      <c r="H259925" s="12"/>
    </row>
    <row r="259926" spans="8:8">
      <c r="H259926" s="12"/>
    </row>
    <row r="259927" spans="8:8">
      <c r="H259927" s="12"/>
    </row>
    <row r="259928" spans="8:8">
      <c r="H259928" s="12"/>
    </row>
    <row r="259929" spans="8:8">
      <c r="H259929" s="12"/>
    </row>
    <row r="259930" spans="8:8">
      <c r="H259930" s="12"/>
    </row>
    <row r="259931" spans="8:8">
      <c r="H259931" s="12"/>
    </row>
    <row r="259932" spans="8:8">
      <c r="H259932" s="12"/>
    </row>
    <row r="259933" spans="8:8">
      <c r="H259933" s="12"/>
    </row>
    <row r="259934" spans="8:8">
      <c r="H259934" s="12"/>
    </row>
    <row r="259935" spans="8:8">
      <c r="H259935" s="12"/>
    </row>
    <row r="259936" spans="8:8">
      <c r="H259936" s="12"/>
    </row>
    <row r="259937" spans="8:8">
      <c r="H259937" s="12"/>
    </row>
    <row r="259938" spans="8:8">
      <c r="H259938" s="12"/>
    </row>
    <row r="259939" spans="8:8">
      <c r="H259939" s="12"/>
    </row>
    <row r="259940" spans="8:8">
      <c r="H259940" s="12"/>
    </row>
    <row r="259941" spans="8:8">
      <c r="H259941" s="12"/>
    </row>
    <row r="259942" spans="8:8">
      <c r="H259942" s="12"/>
    </row>
    <row r="259943" spans="8:8">
      <c r="H259943" s="12"/>
    </row>
    <row r="259944" spans="8:8">
      <c r="H259944" s="12"/>
    </row>
    <row r="259945" spans="8:8">
      <c r="H259945" s="12"/>
    </row>
    <row r="259946" spans="8:8">
      <c r="H259946" s="12"/>
    </row>
    <row r="259947" spans="8:8">
      <c r="H259947" s="12"/>
    </row>
    <row r="259948" spans="8:8">
      <c r="H259948" s="12"/>
    </row>
    <row r="259949" spans="8:8">
      <c r="H259949" s="12"/>
    </row>
    <row r="259950" spans="8:8">
      <c r="H259950" s="12"/>
    </row>
    <row r="259951" spans="8:8">
      <c r="H259951" s="12"/>
    </row>
    <row r="259952" spans="8:8">
      <c r="H259952" s="12"/>
    </row>
    <row r="259953" spans="8:8">
      <c r="H259953" s="12"/>
    </row>
    <row r="259954" spans="8:8">
      <c r="H259954" s="12"/>
    </row>
    <row r="259955" spans="8:8">
      <c r="H259955" s="12"/>
    </row>
    <row r="259956" spans="8:8">
      <c r="H259956" s="12"/>
    </row>
    <row r="259957" spans="8:8">
      <c r="H259957" s="12"/>
    </row>
    <row r="259958" spans="8:8">
      <c r="H259958" s="12"/>
    </row>
    <row r="259959" spans="8:8">
      <c r="H259959" s="12"/>
    </row>
    <row r="259960" spans="8:8">
      <c r="H259960" s="12"/>
    </row>
    <row r="259961" spans="8:8">
      <c r="H259961" s="12"/>
    </row>
    <row r="259962" spans="8:8">
      <c r="H259962" s="12"/>
    </row>
    <row r="259963" spans="8:8">
      <c r="H259963" s="12"/>
    </row>
    <row r="259964" spans="8:8">
      <c r="H259964" s="12"/>
    </row>
    <row r="259965" spans="8:8">
      <c r="H259965" s="12"/>
    </row>
    <row r="259966" spans="8:8">
      <c r="H259966" s="12"/>
    </row>
    <row r="259967" spans="8:8">
      <c r="H259967" s="12"/>
    </row>
    <row r="259968" spans="8:8">
      <c r="H259968" s="12"/>
    </row>
    <row r="259969" spans="8:8">
      <c r="H259969" s="12"/>
    </row>
    <row r="259970" spans="8:8">
      <c r="H259970" s="12"/>
    </row>
    <row r="259971" spans="8:8">
      <c r="H259971" s="12"/>
    </row>
    <row r="259972" spans="8:8">
      <c r="H259972" s="12"/>
    </row>
    <row r="259973" spans="8:8">
      <c r="H259973" s="12"/>
    </row>
    <row r="259974" spans="8:8">
      <c r="H259974" s="12"/>
    </row>
    <row r="259975" spans="8:8">
      <c r="H259975" s="12"/>
    </row>
    <row r="259976" spans="8:8">
      <c r="H259976" s="12"/>
    </row>
    <row r="259977" spans="8:8">
      <c r="H259977" s="12"/>
    </row>
    <row r="259978" spans="8:8">
      <c r="H259978" s="12"/>
    </row>
    <row r="259979" spans="8:8">
      <c r="H259979" s="12"/>
    </row>
    <row r="259980" spans="8:8">
      <c r="H259980" s="12"/>
    </row>
    <row r="259981" spans="8:8">
      <c r="H259981" s="12"/>
    </row>
    <row r="259982" spans="8:8">
      <c r="H259982" s="12"/>
    </row>
    <row r="259983" spans="8:8">
      <c r="H259983" s="12"/>
    </row>
    <row r="259984" spans="8:8">
      <c r="H259984" s="12"/>
    </row>
    <row r="259985" spans="8:8">
      <c r="H259985" s="12"/>
    </row>
    <row r="259986" spans="8:8">
      <c r="H259986" s="12"/>
    </row>
    <row r="259987" spans="8:8">
      <c r="H259987" s="12"/>
    </row>
    <row r="259988" spans="8:8">
      <c r="H259988" s="12"/>
    </row>
    <row r="259989" spans="8:8">
      <c r="H259989" s="12"/>
    </row>
    <row r="259990" spans="8:8">
      <c r="H259990" s="12"/>
    </row>
    <row r="259991" spans="8:8">
      <c r="H259991" s="12"/>
    </row>
    <row r="259992" spans="8:8">
      <c r="H259992" s="12"/>
    </row>
    <row r="259993" spans="8:8">
      <c r="H259993" s="12"/>
    </row>
    <row r="259994" spans="8:8">
      <c r="H259994" s="12"/>
    </row>
    <row r="259995" spans="8:8">
      <c r="H259995" s="12"/>
    </row>
    <row r="259996" spans="8:8">
      <c r="H259996" s="12"/>
    </row>
    <row r="259997" spans="8:8">
      <c r="H259997" s="12"/>
    </row>
    <row r="259998" spans="8:8">
      <c r="H259998" s="12"/>
    </row>
    <row r="259999" spans="8:8">
      <c r="H259999" s="12"/>
    </row>
    <row r="260000" spans="8:8">
      <c r="H260000" s="12"/>
    </row>
    <row r="260001" spans="8:8">
      <c r="H260001" s="12"/>
    </row>
    <row r="260002" spans="8:8">
      <c r="H260002" s="12"/>
    </row>
    <row r="260003" spans="8:8">
      <c r="H260003" s="12"/>
    </row>
    <row r="260004" spans="8:8">
      <c r="H260004" s="12"/>
    </row>
    <row r="260005" spans="8:8">
      <c r="H260005" s="12"/>
    </row>
    <row r="260006" spans="8:8">
      <c r="H260006" s="12"/>
    </row>
    <row r="260007" spans="8:8">
      <c r="H260007" s="12"/>
    </row>
    <row r="260008" spans="8:8">
      <c r="H260008" s="12"/>
    </row>
    <row r="260009" spans="8:8">
      <c r="H260009" s="12"/>
    </row>
    <row r="260010" spans="8:8">
      <c r="H260010" s="12"/>
    </row>
    <row r="260011" spans="8:8">
      <c r="H260011" s="12"/>
    </row>
    <row r="260012" spans="8:8">
      <c r="H260012" s="12"/>
    </row>
    <row r="260013" spans="8:8">
      <c r="H260013" s="12"/>
    </row>
    <row r="260014" spans="8:8">
      <c r="H260014" s="12"/>
    </row>
    <row r="260015" spans="8:8">
      <c r="H260015" s="12"/>
    </row>
    <row r="260016" spans="8:8">
      <c r="H260016" s="12"/>
    </row>
    <row r="260017" spans="8:8">
      <c r="H260017" s="12"/>
    </row>
    <row r="260018" spans="8:8">
      <c r="H260018" s="12"/>
    </row>
    <row r="260019" spans="8:8">
      <c r="H260019" s="12"/>
    </row>
    <row r="260020" spans="8:8">
      <c r="H260020" s="12"/>
    </row>
    <row r="260021" spans="8:8">
      <c r="H260021" s="12"/>
    </row>
    <row r="260022" spans="8:8">
      <c r="H260022" s="12"/>
    </row>
    <row r="260023" spans="8:8">
      <c r="H260023" s="12"/>
    </row>
    <row r="260024" spans="8:8">
      <c r="H260024" s="12"/>
    </row>
    <row r="260025" spans="8:8">
      <c r="H260025" s="12"/>
    </row>
    <row r="260026" spans="8:8">
      <c r="H260026" s="12"/>
    </row>
    <row r="260027" spans="8:8">
      <c r="H260027" s="12"/>
    </row>
    <row r="260028" spans="8:8">
      <c r="H260028" s="12"/>
    </row>
    <row r="260029" spans="8:8">
      <c r="H260029" s="12"/>
    </row>
    <row r="260030" spans="8:8">
      <c r="H260030" s="12"/>
    </row>
    <row r="260031" spans="8:8">
      <c r="H260031" s="12"/>
    </row>
    <row r="260032" spans="8:8">
      <c r="H260032" s="12"/>
    </row>
    <row r="260033" spans="8:8">
      <c r="H260033" s="12"/>
    </row>
    <row r="260034" spans="8:8">
      <c r="H260034" s="12"/>
    </row>
    <row r="260035" spans="8:8">
      <c r="H260035" s="12"/>
    </row>
    <row r="260036" spans="8:8">
      <c r="H260036" s="12"/>
    </row>
    <row r="260037" spans="8:8">
      <c r="H260037" s="12"/>
    </row>
    <row r="260038" spans="8:8">
      <c r="H260038" s="12"/>
    </row>
    <row r="260039" spans="8:8">
      <c r="H260039" s="12"/>
    </row>
    <row r="260040" spans="8:8">
      <c r="H260040" s="12"/>
    </row>
    <row r="260041" spans="8:8">
      <c r="H260041" s="12"/>
    </row>
    <row r="260042" spans="8:8">
      <c r="H260042" s="12"/>
    </row>
    <row r="260043" spans="8:8">
      <c r="H260043" s="12"/>
    </row>
    <row r="260044" spans="8:8">
      <c r="H260044" s="12"/>
    </row>
    <row r="260045" spans="8:8">
      <c r="H260045" s="12"/>
    </row>
    <row r="260046" spans="8:8">
      <c r="H260046" s="12"/>
    </row>
    <row r="260047" spans="8:8">
      <c r="H260047" s="12"/>
    </row>
    <row r="260048" spans="8:8">
      <c r="H260048" s="12"/>
    </row>
    <row r="260049" spans="8:8">
      <c r="H260049" s="12"/>
    </row>
    <row r="260050" spans="8:8">
      <c r="H260050" s="12"/>
    </row>
    <row r="260051" spans="8:8">
      <c r="H260051" s="12"/>
    </row>
    <row r="260052" spans="8:8">
      <c r="H260052" s="12"/>
    </row>
    <row r="260053" spans="8:8">
      <c r="H260053" s="12"/>
    </row>
    <row r="260054" spans="8:8">
      <c r="H260054" s="12"/>
    </row>
    <row r="260055" spans="8:8">
      <c r="H260055" s="12"/>
    </row>
    <row r="260056" spans="8:8">
      <c r="H260056" s="12"/>
    </row>
    <row r="260057" spans="8:8">
      <c r="H260057" s="12"/>
    </row>
    <row r="260058" spans="8:8">
      <c r="H260058" s="12"/>
    </row>
    <row r="260059" spans="8:8">
      <c r="H260059" s="12"/>
    </row>
    <row r="260060" spans="8:8">
      <c r="H260060" s="12"/>
    </row>
    <row r="260061" spans="8:8">
      <c r="H260061" s="12"/>
    </row>
    <row r="260062" spans="8:8">
      <c r="H260062" s="12"/>
    </row>
    <row r="260063" spans="8:8">
      <c r="H260063" s="12"/>
    </row>
    <row r="260064" spans="8:8">
      <c r="H260064" s="12"/>
    </row>
    <row r="260065" spans="8:8">
      <c r="H260065" s="12"/>
    </row>
    <row r="260066" spans="8:8">
      <c r="H260066" s="12"/>
    </row>
    <row r="260067" spans="8:8">
      <c r="H260067" s="12"/>
    </row>
    <row r="260068" spans="8:8">
      <c r="H260068" s="12"/>
    </row>
    <row r="260069" spans="8:8">
      <c r="H260069" s="12"/>
    </row>
    <row r="260070" spans="8:8">
      <c r="H260070" s="12"/>
    </row>
    <row r="260071" spans="8:8">
      <c r="H260071" s="12"/>
    </row>
    <row r="260072" spans="8:8">
      <c r="H260072" s="12"/>
    </row>
    <row r="260073" spans="8:8">
      <c r="H260073" s="12"/>
    </row>
    <row r="260074" spans="8:8">
      <c r="H260074" s="12"/>
    </row>
    <row r="260075" spans="8:8">
      <c r="H260075" s="12"/>
    </row>
    <row r="260076" spans="8:8">
      <c r="H260076" s="12"/>
    </row>
    <row r="260077" spans="8:8">
      <c r="H260077" s="12"/>
    </row>
    <row r="260078" spans="8:8">
      <c r="H260078" s="12"/>
    </row>
    <row r="260079" spans="8:8">
      <c r="H260079" s="12"/>
    </row>
    <row r="260080" spans="8:8">
      <c r="H260080" s="12"/>
    </row>
    <row r="260081" spans="8:8">
      <c r="H260081" s="12"/>
    </row>
    <row r="260082" spans="8:8">
      <c r="H260082" s="12"/>
    </row>
    <row r="260083" spans="8:8">
      <c r="H260083" s="12"/>
    </row>
    <row r="260084" spans="8:8">
      <c r="H260084" s="12"/>
    </row>
    <row r="260085" spans="8:8">
      <c r="H260085" s="12"/>
    </row>
    <row r="260086" spans="8:8">
      <c r="H260086" s="12"/>
    </row>
    <row r="260087" spans="8:8">
      <c r="H260087" s="12"/>
    </row>
    <row r="260088" spans="8:8">
      <c r="H260088" s="12"/>
    </row>
    <row r="260089" spans="8:8">
      <c r="H260089" s="12"/>
    </row>
    <row r="260090" spans="8:8">
      <c r="H260090" s="12"/>
    </row>
    <row r="260091" spans="8:8">
      <c r="H260091" s="12"/>
    </row>
    <row r="260092" spans="8:8">
      <c r="H260092" s="12"/>
    </row>
    <row r="260093" spans="8:8">
      <c r="H260093" s="12"/>
    </row>
    <row r="260094" spans="8:8">
      <c r="H260094" s="12"/>
    </row>
    <row r="260095" spans="8:8">
      <c r="H260095" s="12"/>
    </row>
    <row r="260096" spans="8:8">
      <c r="H260096" s="12"/>
    </row>
    <row r="260097" spans="8:8">
      <c r="H260097" s="12"/>
    </row>
    <row r="260098" spans="8:8">
      <c r="H260098" s="12"/>
    </row>
    <row r="260099" spans="8:8">
      <c r="H260099" s="12"/>
    </row>
    <row r="260100" spans="8:8">
      <c r="H260100" s="12"/>
    </row>
    <row r="260101" spans="8:8">
      <c r="H260101" s="12"/>
    </row>
    <row r="260102" spans="8:8">
      <c r="H260102" s="12"/>
    </row>
    <row r="260103" spans="8:8">
      <c r="H260103" s="12"/>
    </row>
    <row r="260104" spans="8:8">
      <c r="H260104" s="12"/>
    </row>
    <row r="260105" spans="8:8">
      <c r="H260105" s="12"/>
    </row>
    <row r="260106" spans="8:8">
      <c r="H260106" s="12"/>
    </row>
    <row r="260107" spans="8:8">
      <c r="H260107" s="12"/>
    </row>
    <row r="260108" spans="8:8">
      <c r="H260108" s="12"/>
    </row>
    <row r="260109" spans="8:8">
      <c r="H260109" s="12"/>
    </row>
    <row r="260110" spans="8:8">
      <c r="H260110" s="12"/>
    </row>
    <row r="260111" spans="8:8">
      <c r="H260111" s="12"/>
    </row>
    <row r="260112" spans="8:8">
      <c r="H260112" s="12"/>
    </row>
    <row r="260113" spans="8:8">
      <c r="H260113" s="12"/>
    </row>
    <row r="260114" spans="8:8">
      <c r="H260114" s="12"/>
    </row>
    <row r="260115" spans="8:8">
      <c r="H260115" s="12"/>
    </row>
    <row r="260116" spans="8:8">
      <c r="H260116" s="12"/>
    </row>
    <row r="260117" spans="8:8">
      <c r="H260117" s="12"/>
    </row>
    <row r="260118" spans="8:8">
      <c r="H260118" s="12"/>
    </row>
    <row r="260119" spans="8:8">
      <c r="H260119" s="12"/>
    </row>
    <row r="260120" spans="8:8">
      <c r="H260120" s="12"/>
    </row>
    <row r="260121" spans="8:8">
      <c r="H260121" s="12"/>
    </row>
    <row r="260122" spans="8:8">
      <c r="H260122" s="12"/>
    </row>
    <row r="260123" spans="8:8">
      <c r="H260123" s="12"/>
    </row>
    <row r="260124" spans="8:8">
      <c r="H260124" s="12"/>
    </row>
    <row r="260125" spans="8:8">
      <c r="H260125" s="12"/>
    </row>
    <row r="260126" spans="8:8">
      <c r="H260126" s="12"/>
    </row>
    <row r="260127" spans="8:8">
      <c r="H260127" s="12"/>
    </row>
    <row r="260128" spans="8:8">
      <c r="H260128" s="12"/>
    </row>
    <row r="260129" spans="8:8">
      <c r="H260129" s="12"/>
    </row>
    <row r="260130" spans="8:8">
      <c r="H260130" s="12"/>
    </row>
    <row r="260131" spans="8:8">
      <c r="H260131" s="12"/>
    </row>
    <row r="260132" spans="8:8">
      <c r="H260132" s="12"/>
    </row>
    <row r="260133" spans="8:8">
      <c r="H260133" s="12"/>
    </row>
    <row r="260134" spans="8:8">
      <c r="H260134" s="12"/>
    </row>
    <row r="260135" spans="8:8">
      <c r="H260135" s="12"/>
    </row>
    <row r="260136" spans="8:8">
      <c r="H260136" s="12"/>
    </row>
    <row r="260137" spans="8:8">
      <c r="H260137" s="12"/>
    </row>
    <row r="260138" spans="8:8">
      <c r="H260138" s="12"/>
    </row>
    <row r="260139" spans="8:8">
      <c r="H260139" s="12"/>
    </row>
    <row r="260140" spans="8:8">
      <c r="H260140" s="12"/>
    </row>
    <row r="260141" spans="8:8">
      <c r="H260141" s="12"/>
    </row>
    <row r="260142" spans="8:8">
      <c r="H260142" s="12"/>
    </row>
    <row r="260143" spans="8:8">
      <c r="H260143" s="12"/>
    </row>
    <row r="260144" spans="8:8">
      <c r="H260144" s="12"/>
    </row>
    <row r="260145" spans="8:8">
      <c r="H260145" s="12"/>
    </row>
    <row r="260146" spans="8:8">
      <c r="H260146" s="12"/>
    </row>
    <row r="260147" spans="8:8">
      <c r="H260147" s="12"/>
    </row>
    <row r="260148" spans="8:8">
      <c r="H260148" s="12"/>
    </row>
    <row r="260149" spans="8:8">
      <c r="H260149" s="12"/>
    </row>
    <row r="260150" spans="8:8">
      <c r="H260150" s="12"/>
    </row>
    <row r="260151" spans="8:8">
      <c r="H260151" s="12"/>
    </row>
    <row r="260152" spans="8:8">
      <c r="H260152" s="12"/>
    </row>
    <row r="260153" spans="8:8">
      <c r="H260153" s="12"/>
    </row>
    <row r="260154" spans="8:8">
      <c r="H260154" s="12"/>
    </row>
    <row r="260155" spans="8:8">
      <c r="H260155" s="12"/>
    </row>
    <row r="260156" spans="8:8">
      <c r="H260156" s="12"/>
    </row>
    <row r="260157" spans="8:8">
      <c r="H260157" s="12"/>
    </row>
    <row r="260158" spans="8:8">
      <c r="H260158" s="12"/>
    </row>
    <row r="260159" spans="8:8">
      <c r="H260159" s="12"/>
    </row>
    <row r="260160" spans="8:8">
      <c r="H260160" s="12"/>
    </row>
    <row r="260161" spans="8:8">
      <c r="H260161" s="12"/>
    </row>
    <row r="260162" spans="8:8">
      <c r="H260162" s="12"/>
    </row>
    <row r="260163" spans="8:8">
      <c r="H260163" s="12"/>
    </row>
    <row r="260164" spans="8:8">
      <c r="H260164" s="12"/>
    </row>
    <row r="260165" spans="8:8">
      <c r="H260165" s="12"/>
    </row>
    <row r="260166" spans="8:8">
      <c r="H260166" s="12"/>
    </row>
    <row r="260167" spans="8:8">
      <c r="H260167" s="12"/>
    </row>
    <row r="260168" spans="8:8">
      <c r="H260168" s="12"/>
    </row>
    <row r="260169" spans="8:8">
      <c r="H260169" s="12"/>
    </row>
    <row r="260170" spans="8:8">
      <c r="H260170" s="12"/>
    </row>
    <row r="260171" spans="8:8">
      <c r="H260171" s="12"/>
    </row>
    <row r="260172" spans="8:8">
      <c r="H260172" s="12"/>
    </row>
    <row r="260173" spans="8:8">
      <c r="H260173" s="12"/>
    </row>
    <row r="260174" spans="8:8">
      <c r="H260174" s="12"/>
    </row>
    <row r="260175" spans="8:8">
      <c r="H260175" s="12"/>
    </row>
    <row r="260176" spans="8:8">
      <c r="H260176" s="12"/>
    </row>
    <row r="260177" spans="8:8">
      <c r="H260177" s="12"/>
    </row>
    <row r="260178" spans="8:8">
      <c r="H260178" s="12"/>
    </row>
    <row r="260179" spans="8:8">
      <c r="H260179" s="12"/>
    </row>
    <row r="260180" spans="8:8">
      <c r="H260180" s="12"/>
    </row>
    <row r="260181" spans="8:8">
      <c r="H260181" s="12"/>
    </row>
    <row r="260182" spans="8:8">
      <c r="H260182" s="12"/>
    </row>
    <row r="260183" spans="8:8">
      <c r="H260183" s="12"/>
    </row>
    <row r="260184" spans="8:8">
      <c r="H260184" s="12"/>
    </row>
    <row r="260185" spans="8:8">
      <c r="H260185" s="12"/>
    </row>
    <row r="260186" spans="8:8">
      <c r="H260186" s="12"/>
    </row>
    <row r="260187" spans="8:8">
      <c r="H260187" s="12"/>
    </row>
    <row r="260188" spans="8:8">
      <c r="H260188" s="12"/>
    </row>
    <row r="260189" spans="8:8">
      <c r="H260189" s="12"/>
    </row>
    <row r="260190" spans="8:8">
      <c r="H260190" s="12"/>
    </row>
    <row r="260191" spans="8:8">
      <c r="H260191" s="12"/>
    </row>
    <row r="260192" spans="8:8">
      <c r="H260192" s="12"/>
    </row>
    <row r="260193" spans="8:8">
      <c r="H260193" s="12"/>
    </row>
    <row r="260194" spans="8:8">
      <c r="H260194" s="12"/>
    </row>
    <row r="260195" spans="8:8">
      <c r="H260195" s="12"/>
    </row>
    <row r="260196" spans="8:8">
      <c r="H260196" s="12"/>
    </row>
    <row r="260197" spans="8:8">
      <c r="H260197" s="12"/>
    </row>
    <row r="260198" spans="8:8">
      <c r="H260198" s="12"/>
    </row>
    <row r="260199" spans="8:8">
      <c r="H260199" s="12"/>
    </row>
    <row r="260200" spans="8:8">
      <c r="H260200" s="12"/>
    </row>
    <row r="260201" spans="8:8">
      <c r="H260201" s="12"/>
    </row>
    <row r="260202" spans="8:8">
      <c r="H260202" s="12"/>
    </row>
    <row r="260203" spans="8:8">
      <c r="H260203" s="12"/>
    </row>
    <row r="260204" spans="8:8">
      <c r="H260204" s="12"/>
    </row>
    <row r="260205" spans="8:8">
      <c r="H260205" s="12"/>
    </row>
    <row r="260206" spans="8:8">
      <c r="H260206" s="12"/>
    </row>
    <row r="260207" spans="8:8">
      <c r="H260207" s="12"/>
    </row>
    <row r="260208" spans="8:8">
      <c r="H260208" s="12"/>
    </row>
    <row r="260209" spans="8:8">
      <c r="H260209" s="12"/>
    </row>
    <row r="260210" spans="8:8">
      <c r="H260210" s="12"/>
    </row>
    <row r="260211" spans="8:8">
      <c r="H260211" s="12"/>
    </row>
    <row r="260212" spans="8:8">
      <c r="H260212" s="12"/>
    </row>
    <row r="260213" spans="8:8">
      <c r="H260213" s="12"/>
    </row>
    <row r="260214" spans="8:8">
      <c r="H260214" s="12"/>
    </row>
    <row r="260215" spans="8:8">
      <c r="H260215" s="12"/>
    </row>
    <row r="260216" spans="8:8">
      <c r="H260216" s="12"/>
    </row>
    <row r="260217" spans="8:8">
      <c r="H260217" s="12"/>
    </row>
    <row r="260218" spans="8:8">
      <c r="H260218" s="12"/>
    </row>
    <row r="260219" spans="8:8">
      <c r="H260219" s="12"/>
    </row>
    <row r="260220" spans="8:8">
      <c r="H260220" s="12"/>
    </row>
    <row r="260221" spans="8:8">
      <c r="H260221" s="12"/>
    </row>
    <row r="260222" spans="8:8">
      <c r="H260222" s="12"/>
    </row>
    <row r="260223" spans="8:8">
      <c r="H260223" s="12"/>
    </row>
    <row r="260224" spans="8:8">
      <c r="H260224" s="12"/>
    </row>
    <row r="260225" spans="8:8">
      <c r="H260225" s="12"/>
    </row>
    <row r="260226" spans="8:8">
      <c r="H260226" s="12"/>
    </row>
    <row r="260227" spans="8:8">
      <c r="H260227" s="12"/>
    </row>
    <row r="260228" spans="8:8">
      <c r="H260228" s="12"/>
    </row>
    <row r="260229" spans="8:8">
      <c r="H260229" s="12"/>
    </row>
    <row r="260230" spans="8:8">
      <c r="H260230" s="12"/>
    </row>
    <row r="260231" spans="8:8">
      <c r="H260231" s="12"/>
    </row>
    <row r="260232" spans="8:8">
      <c r="H260232" s="12"/>
    </row>
    <row r="260233" spans="8:8">
      <c r="H260233" s="12"/>
    </row>
    <row r="260234" spans="8:8">
      <c r="H260234" s="12"/>
    </row>
    <row r="260235" spans="8:8">
      <c r="H260235" s="12"/>
    </row>
    <row r="260236" spans="8:8">
      <c r="H260236" s="12"/>
    </row>
    <row r="260237" spans="8:8">
      <c r="H260237" s="12"/>
    </row>
    <row r="260238" spans="8:8">
      <c r="H260238" s="12"/>
    </row>
    <row r="260239" spans="8:8">
      <c r="H260239" s="12"/>
    </row>
    <row r="260240" spans="8:8">
      <c r="H260240" s="12"/>
    </row>
    <row r="260241" spans="8:8">
      <c r="H260241" s="12"/>
    </row>
    <row r="260242" spans="8:8">
      <c r="H260242" s="12"/>
    </row>
    <row r="260243" spans="8:8">
      <c r="H260243" s="12"/>
    </row>
    <row r="260244" spans="8:8">
      <c r="H260244" s="12"/>
    </row>
    <row r="260245" spans="8:8">
      <c r="H260245" s="12"/>
    </row>
    <row r="260246" spans="8:8">
      <c r="H260246" s="12"/>
    </row>
    <row r="260247" spans="8:8">
      <c r="H260247" s="12"/>
    </row>
    <row r="260248" spans="8:8">
      <c r="H260248" s="12"/>
    </row>
    <row r="260249" spans="8:8">
      <c r="H260249" s="12"/>
    </row>
    <row r="260250" spans="8:8">
      <c r="H260250" s="12"/>
    </row>
    <row r="260251" spans="8:8">
      <c r="H260251" s="12"/>
    </row>
    <row r="260252" spans="8:8">
      <c r="H260252" s="12"/>
    </row>
    <row r="260253" spans="8:8">
      <c r="H260253" s="12"/>
    </row>
    <row r="260254" spans="8:8">
      <c r="H260254" s="12"/>
    </row>
    <row r="260255" spans="8:8">
      <c r="H260255" s="12"/>
    </row>
    <row r="260256" spans="8:8">
      <c r="H260256" s="12"/>
    </row>
    <row r="260257" spans="8:8">
      <c r="H260257" s="12"/>
    </row>
    <row r="260258" spans="8:8">
      <c r="H260258" s="12"/>
    </row>
    <row r="260259" spans="8:8">
      <c r="H260259" s="12"/>
    </row>
    <row r="260260" spans="8:8">
      <c r="H260260" s="12"/>
    </row>
    <row r="260261" spans="8:8">
      <c r="H260261" s="12"/>
    </row>
    <row r="260262" spans="8:8">
      <c r="H260262" s="12"/>
    </row>
    <row r="260263" spans="8:8">
      <c r="H260263" s="12"/>
    </row>
    <row r="260264" spans="8:8">
      <c r="H260264" s="12"/>
    </row>
    <row r="260265" spans="8:8">
      <c r="H260265" s="12"/>
    </row>
    <row r="260266" spans="8:8">
      <c r="H260266" s="12"/>
    </row>
    <row r="260267" spans="8:8">
      <c r="H260267" s="12"/>
    </row>
    <row r="260268" spans="8:8">
      <c r="H260268" s="12"/>
    </row>
    <row r="260269" spans="8:8">
      <c r="H260269" s="12"/>
    </row>
    <row r="260270" spans="8:8">
      <c r="H260270" s="12"/>
    </row>
    <row r="260271" spans="8:8">
      <c r="H260271" s="12"/>
    </row>
    <row r="260272" spans="8:8">
      <c r="H260272" s="12"/>
    </row>
    <row r="260273" spans="8:8">
      <c r="H260273" s="12"/>
    </row>
    <row r="260274" spans="8:8">
      <c r="H260274" s="12"/>
    </row>
    <row r="260275" spans="8:8">
      <c r="H260275" s="12"/>
    </row>
    <row r="260276" spans="8:8">
      <c r="H260276" s="12"/>
    </row>
    <row r="260277" spans="8:8">
      <c r="H260277" s="12"/>
    </row>
    <row r="260278" spans="8:8">
      <c r="H260278" s="12"/>
    </row>
    <row r="260279" spans="8:8">
      <c r="H260279" s="12"/>
    </row>
    <row r="260280" spans="8:8">
      <c r="H260280" s="12"/>
    </row>
    <row r="260281" spans="8:8">
      <c r="H260281" s="12"/>
    </row>
    <row r="260282" spans="8:8">
      <c r="H260282" s="12"/>
    </row>
    <row r="260283" spans="8:8">
      <c r="H260283" s="12"/>
    </row>
    <row r="260284" spans="8:8">
      <c r="H260284" s="12"/>
    </row>
    <row r="260285" spans="8:8">
      <c r="H260285" s="12"/>
    </row>
    <row r="260286" spans="8:8">
      <c r="H260286" s="12"/>
    </row>
    <row r="260287" spans="8:8">
      <c r="H260287" s="12"/>
    </row>
    <row r="260288" spans="8:8">
      <c r="H260288" s="12"/>
    </row>
    <row r="260289" spans="8:8">
      <c r="H260289" s="12"/>
    </row>
    <row r="260290" spans="8:8">
      <c r="H260290" s="12"/>
    </row>
    <row r="260291" spans="8:8">
      <c r="H260291" s="12"/>
    </row>
    <row r="260292" spans="8:8">
      <c r="H260292" s="12"/>
    </row>
    <row r="260293" spans="8:8">
      <c r="H260293" s="12"/>
    </row>
    <row r="260294" spans="8:8">
      <c r="H260294" s="12"/>
    </row>
    <row r="260295" spans="8:8">
      <c r="H260295" s="12"/>
    </row>
    <row r="260296" spans="8:8">
      <c r="H260296" s="12"/>
    </row>
    <row r="260297" spans="8:8">
      <c r="H260297" s="12"/>
    </row>
    <row r="260298" spans="8:8">
      <c r="H260298" s="12"/>
    </row>
    <row r="260299" spans="8:8">
      <c r="H260299" s="12"/>
    </row>
    <row r="260300" spans="8:8">
      <c r="H260300" s="12"/>
    </row>
    <row r="260301" spans="8:8">
      <c r="H260301" s="12"/>
    </row>
    <row r="260302" spans="8:8">
      <c r="H260302" s="12"/>
    </row>
    <row r="260303" spans="8:8">
      <c r="H260303" s="12"/>
    </row>
    <row r="260304" spans="8:8">
      <c r="H260304" s="12"/>
    </row>
    <row r="260305" spans="8:8">
      <c r="H260305" s="12"/>
    </row>
    <row r="260306" spans="8:8">
      <c r="H260306" s="12"/>
    </row>
    <row r="260307" spans="8:8">
      <c r="H260307" s="12"/>
    </row>
    <row r="260308" spans="8:8">
      <c r="H260308" s="12"/>
    </row>
    <row r="260309" spans="8:8">
      <c r="H260309" s="12"/>
    </row>
    <row r="260310" spans="8:8">
      <c r="H260310" s="12"/>
    </row>
    <row r="260311" spans="8:8">
      <c r="H260311" s="12"/>
    </row>
    <row r="260312" spans="8:8">
      <c r="H260312" s="12"/>
    </row>
    <row r="260313" spans="8:8">
      <c r="H260313" s="12"/>
    </row>
    <row r="260314" spans="8:8">
      <c r="H260314" s="12"/>
    </row>
    <row r="260315" spans="8:8">
      <c r="H260315" s="12"/>
    </row>
    <row r="260316" spans="8:8">
      <c r="H260316" s="12"/>
    </row>
    <row r="260317" spans="8:8">
      <c r="H260317" s="12"/>
    </row>
    <row r="260318" spans="8:8">
      <c r="H260318" s="12"/>
    </row>
    <row r="260319" spans="8:8">
      <c r="H260319" s="12"/>
    </row>
    <row r="260320" spans="8:8">
      <c r="H260320" s="12"/>
    </row>
    <row r="260321" spans="8:8">
      <c r="H260321" s="12"/>
    </row>
    <row r="260322" spans="8:8">
      <c r="H260322" s="12"/>
    </row>
    <row r="260323" spans="8:8">
      <c r="H260323" s="12"/>
    </row>
    <row r="260324" spans="8:8">
      <c r="H260324" s="12"/>
    </row>
    <row r="260325" spans="8:8">
      <c r="H260325" s="12"/>
    </row>
    <row r="260326" spans="8:8">
      <c r="H260326" s="12"/>
    </row>
    <row r="260327" spans="8:8">
      <c r="H260327" s="12"/>
    </row>
    <row r="260328" spans="8:8">
      <c r="H260328" s="12"/>
    </row>
    <row r="260329" spans="8:8">
      <c r="H260329" s="12"/>
    </row>
    <row r="260330" spans="8:8">
      <c r="H260330" s="12"/>
    </row>
    <row r="260331" spans="8:8">
      <c r="H260331" s="12"/>
    </row>
    <row r="260332" spans="8:8">
      <c r="H260332" s="12"/>
    </row>
    <row r="260333" spans="8:8">
      <c r="H260333" s="12"/>
    </row>
    <row r="260334" spans="8:8">
      <c r="H260334" s="12"/>
    </row>
    <row r="260335" spans="8:8">
      <c r="H260335" s="12"/>
    </row>
    <row r="260336" spans="8:8">
      <c r="H260336" s="12"/>
    </row>
    <row r="260337" spans="8:8">
      <c r="H260337" s="12"/>
    </row>
    <row r="260338" spans="8:8">
      <c r="H260338" s="12"/>
    </row>
    <row r="260339" spans="8:8">
      <c r="H260339" s="12"/>
    </row>
    <row r="260340" spans="8:8">
      <c r="H260340" s="12"/>
    </row>
    <row r="260341" spans="8:8">
      <c r="H260341" s="12"/>
    </row>
    <row r="260342" spans="8:8">
      <c r="H260342" s="12"/>
    </row>
    <row r="260343" spans="8:8">
      <c r="H260343" s="12"/>
    </row>
    <row r="260344" spans="8:8">
      <c r="H260344" s="12"/>
    </row>
    <row r="260345" spans="8:8">
      <c r="H260345" s="12"/>
    </row>
    <row r="260346" spans="8:8">
      <c r="H260346" s="12"/>
    </row>
    <row r="260347" spans="8:8">
      <c r="H260347" s="12"/>
    </row>
    <row r="260348" spans="8:8">
      <c r="H260348" s="12"/>
    </row>
    <row r="260349" spans="8:8">
      <c r="H260349" s="12"/>
    </row>
    <row r="260350" spans="8:8">
      <c r="H260350" s="12"/>
    </row>
    <row r="260351" spans="8:8">
      <c r="H260351" s="12"/>
    </row>
    <row r="260352" spans="8:8">
      <c r="H260352" s="12"/>
    </row>
    <row r="260353" spans="8:8">
      <c r="H260353" s="12"/>
    </row>
    <row r="260354" spans="8:8">
      <c r="H260354" s="12"/>
    </row>
    <row r="260355" spans="8:8">
      <c r="H260355" s="12"/>
    </row>
    <row r="260356" spans="8:8">
      <c r="H260356" s="12"/>
    </row>
    <row r="260357" spans="8:8">
      <c r="H260357" s="12"/>
    </row>
    <row r="260358" spans="8:8">
      <c r="H260358" s="12"/>
    </row>
    <row r="260359" spans="8:8">
      <c r="H260359" s="12"/>
    </row>
    <row r="260360" spans="8:8">
      <c r="H260360" s="12"/>
    </row>
    <row r="260361" spans="8:8">
      <c r="H260361" s="12"/>
    </row>
    <row r="260362" spans="8:8">
      <c r="H260362" s="12"/>
    </row>
    <row r="260363" spans="8:8">
      <c r="H260363" s="12"/>
    </row>
    <row r="260364" spans="8:8">
      <c r="H260364" s="12"/>
    </row>
    <row r="260365" spans="8:8">
      <c r="H260365" s="12"/>
    </row>
    <row r="260366" spans="8:8">
      <c r="H260366" s="12"/>
    </row>
    <row r="260367" spans="8:8">
      <c r="H260367" s="12"/>
    </row>
    <row r="260368" spans="8:8">
      <c r="H260368" s="12"/>
    </row>
    <row r="260369" spans="8:8">
      <c r="H260369" s="12"/>
    </row>
    <row r="260370" spans="8:8">
      <c r="H260370" s="12"/>
    </row>
    <row r="260371" spans="8:8">
      <c r="H260371" s="12"/>
    </row>
    <row r="260372" spans="8:8">
      <c r="H260372" s="12"/>
    </row>
    <row r="260373" spans="8:8">
      <c r="H260373" s="12"/>
    </row>
    <row r="260374" spans="8:8">
      <c r="H260374" s="12"/>
    </row>
    <row r="260375" spans="8:8">
      <c r="H260375" s="12"/>
    </row>
    <row r="260376" spans="8:8">
      <c r="H260376" s="12"/>
    </row>
    <row r="260377" spans="8:8">
      <c r="H260377" s="12"/>
    </row>
    <row r="260378" spans="8:8">
      <c r="H260378" s="12"/>
    </row>
    <row r="260379" spans="8:8">
      <c r="H260379" s="12"/>
    </row>
    <row r="260380" spans="8:8">
      <c r="H260380" s="12"/>
    </row>
    <row r="260381" spans="8:8">
      <c r="H260381" s="12"/>
    </row>
    <row r="260382" spans="8:8">
      <c r="H260382" s="12"/>
    </row>
    <row r="260383" spans="8:8">
      <c r="H260383" s="12"/>
    </row>
    <row r="260384" spans="8:8">
      <c r="H260384" s="12"/>
    </row>
    <row r="260385" spans="8:8">
      <c r="H260385" s="12"/>
    </row>
    <row r="260386" spans="8:8">
      <c r="H260386" s="12"/>
    </row>
    <row r="260387" spans="8:8">
      <c r="H260387" s="12"/>
    </row>
    <row r="260388" spans="8:8">
      <c r="H260388" s="12"/>
    </row>
    <row r="260389" spans="8:8">
      <c r="H260389" s="12"/>
    </row>
    <row r="260390" spans="8:8">
      <c r="H260390" s="12"/>
    </row>
    <row r="260391" spans="8:8">
      <c r="H260391" s="12"/>
    </row>
    <row r="260392" spans="8:8">
      <c r="H260392" s="12"/>
    </row>
    <row r="260393" spans="8:8">
      <c r="H260393" s="12"/>
    </row>
    <row r="260394" spans="8:8">
      <c r="H260394" s="12"/>
    </row>
    <row r="260395" spans="8:8">
      <c r="H260395" s="12"/>
    </row>
    <row r="260396" spans="8:8">
      <c r="H260396" s="12"/>
    </row>
    <row r="260397" spans="8:8">
      <c r="H260397" s="12"/>
    </row>
    <row r="260398" spans="8:8">
      <c r="H260398" s="12"/>
    </row>
    <row r="260399" spans="8:8">
      <c r="H260399" s="12"/>
    </row>
    <row r="260400" spans="8:8">
      <c r="H260400" s="12"/>
    </row>
    <row r="260401" spans="8:8">
      <c r="H260401" s="12"/>
    </row>
    <row r="260402" spans="8:8">
      <c r="H260402" s="12"/>
    </row>
    <row r="260403" spans="8:8">
      <c r="H260403" s="12"/>
    </row>
    <row r="260404" spans="8:8">
      <c r="H260404" s="12"/>
    </row>
    <row r="260405" spans="8:8">
      <c r="H260405" s="12"/>
    </row>
    <row r="260406" spans="8:8">
      <c r="H260406" s="12"/>
    </row>
    <row r="260407" spans="8:8">
      <c r="H260407" s="12"/>
    </row>
    <row r="260408" spans="8:8">
      <c r="H260408" s="12"/>
    </row>
    <row r="260409" spans="8:8">
      <c r="H260409" s="12"/>
    </row>
    <row r="260410" spans="8:8">
      <c r="H260410" s="12"/>
    </row>
    <row r="260411" spans="8:8">
      <c r="H260411" s="12"/>
    </row>
    <row r="260412" spans="8:8">
      <c r="H260412" s="12"/>
    </row>
    <row r="260413" spans="8:8">
      <c r="H260413" s="12"/>
    </row>
    <row r="260414" spans="8:8">
      <c r="H260414" s="12"/>
    </row>
    <row r="260415" spans="8:8">
      <c r="H260415" s="12"/>
    </row>
    <row r="260416" spans="8:8">
      <c r="H260416" s="12"/>
    </row>
    <row r="260417" spans="8:8">
      <c r="H260417" s="12"/>
    </row>
    <row r="260418" spans="8:8">
      <c r="H260418" s="12"/>
    </row>
    <row r="260419" spans="8:8">
      <c r="H260419" s="12"/>
    </row>
    <row r="260420" spans="8:8">
      <c r="H260420" s="12"/>
    </row>
    <row r="260421" spans="8:8">
      <c r="H260421" s="12"/>
    </row>
    <row r="260422" spans="8:8">
      <c r="H260422" s="12"/>
    </row>
    <row r="260423" spans="8:8">
      <c r="H260423" s="12"/>
    </row>
    <row r="260424" spans="8:8">
      <c r="H260424" s="12"/>
    </row>
    <row r="260425" spans="8:8">
      <c r="H260425" s="12"/>
    </row>
    <row r="260426" spans="8:8">
      <c r="H260426" s="12"/>
    </row>
    <row r="260427" spans="8:8">
      <c r="H260427" s="12"/>
    </row>
    <row r="260428" spans="8:8">
      <c r="H260428" s="12"/>
    </row>
    <row r="260429" spans="8:8">
      <c r="H260429" s="12"/>
    </row>
    <row r="260430" spans="8:8">
      <c r="H260430" s="12"/>
    </row>
    <row r="260431" spans="8:8">
      <c r="H260431" s="12"/>
    </row>
    <row r="260432" spans="8:8">
      <c r="H260432" s="12"/>
    </row>
    <row r="260433" spans="8:8">
      <c r="H260433" s="12"/>
    </row>
    <row r="260434" spans="8:8">
      <c r="H260434" s="12"/>
    </row>
    <row r="260435" spans="8:8">
      <c r="H260435" s="12"/>
    </row>
    <row r="260436" spans="8:8">
      <c r="H260436" s="12"/>
    </row>
    <row r="260437" spans="8:8">
      <c r="H260437" s="12"/>
    </row>
    <row r="260438" spans="8:8">
      <c r="H260438" s="12"/>
    </row>
    <row r="260439" spans="8:8">
      <c r="H260439" s="12"/>
    </row>
    <row r="260440" spans="8:8">
      <c r="H260440" s="12"/>
    </row>
    <row r="260441" spans="8:8">
      <c r="H260441" s="12"/>
    </row>
    <row r="260442" spans="8:8">
      <c r="H260442" s="12"/>
    </row>
    <row r="260443" spans="8:8">
      <c r="H260443" s="12"/>
    </row>
    <row r="260444" spans="8:8">
      <c r="H260444" s="12"/>
    </row>
    <row r="260445" spans="8:8">
      <c r="H260445" s="12"/>
    </row>
    <row r="260446" spans="8:8">
      <c r="H260446" s="12"/>
    </row>
    <row r="260447" spans="8:8">
      <c r="H260447" s="12"/>
    </row>
    <row r="260448" spans="8:8">
      <c r="H260448" s="12"/>
    </row>
    <row r="260449" spans="8:8">
      <c r="H260449" s="12"/>
    </row>
    <row r="260450" spans="8:8">
      <c r="H260450" s="12"/>
    </row>
    <row r="260451" spans="8:8">
      <c r="H260451" s="12"/>
    </row>
    <row r="260452" spans="8:8">
      <c r="H260452" s="12"/>
    </row>
    <row r="260453" spans="8:8">
      <c r="H260453" s="12"/>
    </row>
    <row r="260454" spans="8:8">
      <c r="H260454" s="12"/>
    </row>
    <row r="260455" spans="8:8">
      <c r="H260455" s="12"/>
    </row>
    <row r="260456" spans="8:8">
      <c r="H260456" s="12"/>
    </row>
    <row r="260457" spans="8:8">
      <c r="H260457" s="12"/>
    </row>
    <row r="260458" spans="8:8">
      <c r="H260458" s="12"/>
    </row>
    <row r="260459" spans="8:8">
      <c r="H260459" s="12"/>
    </row>
    <row r="260460" spans="8:8">
      <c r="H260460" s="12"/>
    </row>
    <row r="260461" spans="8:8">
      <c r="H260461" s="12"/>
    </row>
    <row r="260462" spans="8:8">
      <c r="H260462" s="12"/>
    </row>
    <row r="260463" spans="8:8">
      <c r="H260463" s="12"/>
    </row>
    <row r="260464" spans="8:8">
      <c r="H260464" s="12"/>
    </row>
    <row r="260465" spans="8:8">
      <c r="H260465" s="12"/>
    </row>
    <row r="260466" spans="8:8">
      <c r="H260466" s="12"/>
    </row>
    <row r="260467" spans="8:8">
      <c r="H260467" s="12"/>
    </row>
    <row r="260468" spans="8:8">
      <c r="H260468" s="12"/>
    </row>
    <row r="260469" spans="8:8">
      <c r="H260469" s="12"/>
    </row>
    <row r="260470" spans="8:8">
      <c r="H260470" s="12"/>
    </row>
    <row r="260471" spans="8:8">
      <c r="H260471" s="12"/>
    </row>
    <row r="260472" spans="8:8">
      <c r="H260472" s="12"/>
    </row>
    <row r="260473" spans="8:8">
      <c r="H260473" s="12"/>
    </row>
    <row r="260474" spans="8:8">
      <c r="H260474" s="12"/>
    </row>
    <row r="260475" spans="8:8">
      <c r="H260475" s="12"/>
    </row>
    <row r="260476" spans="8:8">
      <c r="H260476" s="12"/>
    </row>
    <row r="260477" spans="8:8">
      <c r="H260477" s="12"/>
    </row>
    <row r="260478" spans="8:8">
      <c r="H260478" s="12"/>
    </row>
    <row r="260479" spans="8:8">
      <c r="H260479" s="12"/>
    </row>
    <row r="260480" spans="8:8">
      <c r="H260480" s="12"/>
    </row>
    <row r="260481" spans="8:8">
      <c r="H260481" s="12"/>
    </row>
    <row r="260482" spans="8:8">
      <c r="H260482" s="12"/>
    </row>
    <row r="260483" spans="8:8">
      <c r="H260483" s="12"/>
    </row>
    <row r="260484" spans="8:8">
      <c r="H260484" s="12"/>
    </row>
    <row r="260485" spans="8:8">
      <c r="H260485" s="12"/>
    </row>
    <row r="260486" spans="8:8">
      <c r="H260486" s="12"/>
    </row>
    <row r="260487" spans="8:8">
      <c r="H260487" s="12"/>
    </row>
    <row r="260488" spans="8:8">
      <c r="H260488" s="12"/>
    </row>
    <row r="260489" spans="8:8">
      <c r="H260489" s="12"/>
    </row>
    <row r="260490" spans="8:8">
      <c r="H260490" s="12"/>
    </row>
    <row r="260491" spans="8:8">
      <c r="H260491" s="12"/>
    </row>
    <row r="260492" spans="8:8">
      <c r="H260492" s="12"/>
    </row>
    <row r="260493" spans="8:8">
      <c r="H260493" s="12"/>
    </row>
    <row r="260494" spans="8:8">
      <c r="H260494" s="12"/>
    </row>
    <row r="260495" spans="8:8">
      <c r="H260495" s="12"/>
    </row>
    <row r="260496" spans="8:8">
      <c r="H260496" s="12"/>
    </row>
    <row r="260497" spans="8:8">
      <c r="H260497" s="12"/>
    </row>
    <row r="260498" spans="8:8">
      <c r="H260498" s="12"/>
    </row>
    <row r="260499" spans="8:8">
      <c r="H260499" s="12"/>
    </row>
    <row r="260500" spans="8:8">
      <c r="H260500" s="12"/>
    </row>
    <row r="260501" spans="8:8">
      <c r="H260501" s="12"/>
    </row>
    <row r="260502" spans="8:8">
      <c r="H260502" s="12"/>
    </row>
    <row r="260503" spans="8:8">
      <c r="H260503" s="12"/>
    </row>
    <row r="260504" spans="8:8">
      <c r="H260504" s="12"/>
    </row>
    <row r="260505" spans="8:8">
      <c r="H260505" s="12"/>
    </row>
    <row r="260506" spans="8:8">
      <c r="H260506" s="12"/>
    </row>
    <row r="260507" spans="8:8">
      <c r="H260507" s="12"/>
    </row>
    <row r="260508" spans="8:8">
      <c r="H260508" s="12"/>
    </row>
    <row r="260509" spans="8:8">
      <c r="H260509" s="12"/>
    </row>
    <row r="260510" spans="8:8">
      <c r="H260510" s="12"/>
    </row>
    <row r="260511" spans="8:8">
      <c r="H260511" s="12"/>
    </row>
    <row r="260512" spans="8:8">
      <c r="H260512" s="12"/>
    </row>
    <row r="260513" spans="8:8">
      <c r="H260513" s="12"/>
    </row>
    <row r="260514" spans="8:8">
      <c r="H260514" s="12"/>
    </row>
    <row r="260515" spans="8:8">
      <c r="H260515" s="12"/>
    </row>
    <row r="260516" spans="8:8">
      <c r="H260516" s="12"/>
    </row>
    <row r="260517" spans="8:8">
      <c r="H260517" s="12"/>
    </row>
    <row r="260518" spans="8:8">
      <c r="H260518" s="12"/>
    </row>
    <row r="260519" spans="8:8">
      <c r="H260519" s="12"/>
    </row>
    <row r="260520" spans="8:8">
      <c r="H260520" s="12"/>
    </row>
    <row r="260521" spans="8:8">
      <c r="H260521" s="12"/>
    </row>
    <row r="260522" spans="8:8">
      <c r="H260522" s="12"/>
    </row>
    <row r="260523" spans="8:8">
      <c r="H260523" s="12"/>
    </row>
    <row r="260524" spans="8:8">
      <c r="H260524" s="12"/>
    </row>
    <row r="260525" spans="8:8">
      <c r="H260525" s="12"/>
    </row>
    <row r="260526" spans="8:8">
      <c r="H260526" s="12"/>
    </row>
    <row r="260527" spans="8:8">
      <c r="H260527" s="12"/>
    </row>
    <row r="260528" spans="8:8">
      <c r="H260528" s="12"/>
    </row>
    <row r="260529" spans="8:8">
      <c r="H260529" s="12"/>
    </row>
    <row r="260530" spans="8:8">
      <c r="H260530" s="12"/>
    </row>
    <row r="260531" spans="8:8">
      <c r="H260531" s="12"/>
    </row>
    <row r="260532" spans="8:8">
      <c r="H260532" s="12"/>
    </row>
    <row r="260533" spans="8:8">
      <c r="H260533" s="12"/>
    </row>
    <row r="260534" spans="8:8">
      <c r="H260534" s="12"/>
    </row>
    <row r="260535" spans="8:8">
      <c r="H260535" s="12"/>
    </row>
    <row r="260536" spans="8:8">
      <c r="H260536" s="12"/>
    </row>
    <row r="260537" spans="8:8">
      <c r="H260537" s="12"/>
    </row>
    <row r="260538" spans="8:8">
      <c r="H260538" s="12"/>
    </row>
    <row r="260539" spans="8:8">
      <c r="H260539" s="12"/>
    </row>
    <row r="260540" spans="8:8">
      <c r="H260540" s="12"/>
    </row>
    <row r="260541" spans="8:8">
      <c r="H260541" s="12"/>
    </row>
    <row r="260542" spans="8:8">
      <c r="H260542" s="12"/>
    </row>
    <row r="260543" spans="8:8">
      <c r="H260543" s="12"/>
    </row>
    <row r="260544" spans="8:8">
      <c r="H260544" s="12"/>
    </row>
    <row r="260545" spans="8:8">
      <c r="H260545" s="12"/>
    </row>
    <row r="260546" spans="8:8">
      <c r="H260546" s="12"/>
    </row>
    <row r="260547" spans="8:8">
      <c r="H260547" s="12"/>
    </row>
    <row r="260548" spans="8:8">
      <c r="H260548" s="12"/>
    </row>
    <row r="260549" spans="8:8">
      <c r="H260549" s="12"/>
    </row>
    <row r="260550" spans="8:8">
      <c r="H260550" s="12"/>
    </row>
    <row r="260551" spans="8:8">
      <c r="H260551" s="12"/>
    </row>
    <row r="260552" spans="8:8">
      <c r="H260552" s="12"/>
    </row>
    <row r="260553" spans="8:8">
      <c r="H260553" s="12"/>
    </row>
    <row r="260554" spans="8:8">
      <c r="H260554" s="12"/>
    </row>
    <row r="260555" spans="8:8">
      <c r="H260555" s="12"/>
    </row>
    <row r="260556" spans="8:8">
      <c r="H260556" s="12"/>
    </row>
    <row r="260557" spans="8:8">
      <c r="H260557" s="12"/>
    </row>
    <row r="260558" spans="8:8">
      <c r="H260558" s="12"/>
    </row>
    <row r="260559" spans="8:8">
      <c r="H260559" s="12"/>
    </row>
    <row r="260560" spans="8:8">
      <c r="H260560" s="12"/>
    </row>
    <row r="260561" spans="8:8">
      <c r="H260561" s="12"/>
    </row>
    <row r="260562" spans="8:8">
      <c r="H260562" s="12"/>
    </row>
    <row r="260563" spans="8:8">
      <c r="H260563" s="12"/>
    </row>
    <row r="260564" spans="8:8">
      <c r="H260564" s="12"/>
    </row>
    <row r="260565" spans="8:8">
      <c r="H260565" s="12"/>
    </row>
    <row r="260566" spans="8:8">
      <c r="H260566" s="12"/>
    </row>
    <row r="260567" spans="8:8">
      <c r="H260567" s="12"/>
    </row>
    <row r="260568" spans="8:8">
      <c r="H260568" s="12"/>
    </row>
    <row r="260569" spans="8:8">
      <c r="H260569" s="12"/>
    </row>
    <row r="260570" spans="8:8">
      <c r="H260570" s="12"/>
    </row>
    <row r="260571" spans="8:8">
      <c r="H260571" s="12"/>
    </row>
    <row r="260572" spans="8:8">
      <c r="H260572" s="12"/>
    </row>
    <row r="260573" spans="8:8">
      <c r="H260573" s="12"/>
    </row>
    <row r="260574" spans="8:8">
      <c r="H260574" s="12"/>
    </row>
    <row r="260575" spans="8:8">
      <c r="H260575" s="12"/>
    </row>
    <row r="260576" spans="8:8">
      <c r="H260576" s="12"/>
    </row>
    <row r="260577" spans="8:8">
      <c r="H260577" s="12"/>
    </row>
    <row r="260578" spans="8:8">
      <c r="H260578" s="12"/>
    </row>
    <row r="260579" spans="8:8">
      <c r="H260579" s="12"/>
    </row>
    <row r="260580" spans="8:8">
      <c r="H260580" s="12"/>
    </row>
    <row r="260581" spans="8:8">
      <c r="H260581" s="12"/>
    </row>
    <row r="260582" spans="8:8">
      <c r="H260582" s="12"/>
    </row>
    <row r="260583" spans="8:8">
      <c r="H260583" s="12"/>
    </row>
    <row r="260584" spans="8:8">
      <c r="H260584" s="12"/>
    </row>
    <row r="260585" spans="8:8">
      <c r="H260585" s="12"/>
    </row>
    <row r="260586" spans="8:8">
      <c r="H260586" s="12"/>
    </row>
    <row r="260587" spans="8:8">
      <c r="H260587" s="12"/>
    </row>
    <row r="260588" spans="8:8">
      <c r="H260588" s="12"/>
    </row>
    <row r="260589" spans="8:8">
      <c r="H260589" s="12"/>
    </row>
    <row r="260590" spans="8:8">
      <c r="H260590" s="12"/>
    </row>
    <row r="260591" spans="8:8">
      <c r="H260591" s="12"/>
    </row>
    <row r="260592" spans="8:8">
      <c r="H260592" s="12"/>
    </row>
    <row r="260593" spans="8:8">
      <c r="H260593" s="12"/>
    </row>
    <row r="260594" spans="8:8">
      <c r="H260594" s="12"/>
    </row>
    <row r="260595" spans="8:8">
      <c r="H260595" s="12"/>
    </row>
    <row r="260596" spans="8:8">
      <c r="H260596" s="12"/>
    </row>
    <row r="260597" spans="8:8">
      <c r="H260597" s="12"/>
    </row>
    <row r="260598" spans="8:8">
      <c r="H260598" s="12"/>
    </row>
    <row r="260599" spans="8:8">
      <c r="H260599" s="12"/>
    </row>
    <row r="260600" spans="8:8">
      <c r="H260600" s="12"/>
    </row>
    <row r="260601" spans="8:8">
      <c r="H260601" s="12"/>
    </row>
    <row r="260602" spans="8:8">
      <c r="H260602" s="12"/>
    </row>
    <row r="260603" spans="8:8">
      <c r="H260603" s="12"/>
    </row>
    <row r="260604" spans="8:8">
      <c r="H260604" s="12"/>
    </row>
    <row r="260605" spans="8:8">
      <c r="H260605" s="12"/>
    </row>
    <row r="260606" spans="8:8">
      <c r="H260606" s="12"/>
    </row>
    <row r="260607" spans="8:8">
      <c r="H260607" s="12"/>
    </row>
    <row r="260608" spans="8:8">
      <c r="H260608" s="12"/>
    </row>
    <row r="260609" spans="8:8">
      <c r="H260609" s="12"/>
    </row>
    <row r="260610" spans="8:8">
      <c r="H260610" s="12"/>
    </row>
    <row r="260611" spans="8:8">
      <c r="H260611" s="12"/>
    </row>
    <row r="260612" spans="8:8">
      <c r="H260612" s="12"/>
    </row>
    <row r="260613" spans="8:8">
      <c r="H260613" s="12"/>
    </row>
    <row r="260614" spans="8:8">
      <c r="H260614" s="12"/>
    </row>
    <row r="260615" spans="8:8">
      <c r="H260615" s="12"/>
    </row>
    <row r="260616" spans="8:8">
      <c r="H260616" s="12"/>
    </row>
    <row r="260617" spans="8:8">
      <c r="H260617" s="12"/>
    </row>
    <row r="260618" spans="8:8">
      <c r="H260618" s="12"/>
    </row>
    <row r="260619" spans="8:8">
      <c r="H260619" s="12"/>
    </row>
    <row r="260620" spans="8:8">
      <c r="H260620" s="12"/>
    </row>
    <row r="260621" spans="8:8">
      <c r="H260621" s="12"/>
    </row>
    <row r="260622" spans="8:8">
      <c r="H260622" s="12"/>
    </row>
    <row r="260623" spans="8:8">
      <c r="H260623" s="12"/>
    </row>
    <row r="260624" spans="8:8">
      <c r="H260624" s="12"/>
    </row>
    <row r="260625" spans="8:8">
      <c r="H260625" s="12"/>
    </row>
    <row r="260626" spans="8:8">
      <c r="H260626" s="12"/>
    </row>
    <row r="260627" spans="8:8">
      <c r="H260627" s="12"/>
    </row>
    <row r="260628" spans="8:8">
      <c r="H260628" s="12"/>
    </row>
    <row r="260629" spans="8:8">
      <c r="H260629" s="12"/>
    </row>
    <row r="260630" spans="8:8">
      <c r="H260630" s="12"/>
    </row>
    <row r="260631" spans="8:8">
      <c r="H260631" s="12"/>
    </row>
    <row r="260632" spans="8:8">
      <c r="H260632" s="12"/>
    </row>
    <row r="260633" spans="8:8">
      <c r="H260633" s="12"/>
    </row>
    <row r="260634" spans="8:8">
      <c r="H260634" s="12"/>
    </row>
    <row r="260635" spans="8:8">
      <c r="H260635" s="12"/>
    </row>
    <row r="260636" spans="8:8">
      <c r="H260636" s="12"/>
    </row>
    <row r="260637" spans="8:8">
      <c r="H260637" s="12"/>
    </row>
    <row r="260638" spans="8:8">
      <c r="H260638" s="12"/>
    </row>
    <row r="260639" spans="8:8">
      <c r="H260639" s="12"/>
    </row>
    <row r="260640" spans="8:8">
      <c r="H260640" s="12"/>
    </row>
    <row r="260641" spans="8:8">
      <c r="H260641" s="12"/>
    </row>
    <row r="260642" spans="8:8">
      <c r="H260642" s="12"/>
    </row>
    <row r="260643" spans="8:8">
      <c r="H260643" s="12"/>
    </row>
    <row r="260644" spans="8:8">
      <c r="H260644" s="12"/>
    </row>
    <row r="260645" spans="8:8">
      <c r="H260645" s="12"/>
    </row>
    <row r="260646" spans="8:8">
      <c r="H260646" s="12"/>
    </row>
    <row r="260647" spans="8:8">
      <c r="H260647" s="12"/>
    </row>
    <row r="260648" spans="8:8">
      <c r="H260648" s="12"/>
    </row>
    <row r="260649" spans="8:8">
      <c r="H260649" s="12"/>
    </row>
    <row r="260650" spans="8:8">
      <c r="H260650" s="12"/>
    </row>
    <row r="260651" spans="8:8">
      <c r="H260651" s="12"/>
    </row>
    <row r="260652" spans="8:8">
      <c r="H260652" s="12"/>
    </row>
    <row r="260653" spans="8:8">
      <c r="H260653" s="12"/>
    </row>
    <row r="260654" spans="8:8">
      <c r="H260654" s="12"/>
    </row>
    <row r="260655" spans="8:8">
      <c r="H260655" s="12"/>
    </row>
    <row r="260656" spans="8:8">
      <c r="H260656" s="12"/>
    </row>
    <row r="260657" spans="8:8">
      <c r="H260657" s="12"/>
    </row>
    <row r="260658" spans="8:8">
      <c r="H260658" s="12"/>
    </row>
    <row r="260659" spans="8:8">
      <c r="H260659" s="12"/>
    </row>
    <row r="260660" spans="8:8">
      <c r="H260660" s="12"/>
    </row>
    <row r="260661" spans="8:8">
      <c r="H260661" s="12"/>
    </row>
    <row r="260662" spans="8:8">
      <c r="H260662" s="12"/>
    </row>
    <row r="260663" spans="8:8">
      <c r="H260663" s="12"/>
    </row>
    <row r="260664" spans="8:8">
      <c r="H260664" s="12"/>
    </row>
    <row r="260665" spans="8:8">
      <c r="H260665" s="12"/>
    </row>
    <row r="260666" spans="8:8">
      <c r="H260666" s="12"/>
    </row>
    <row r="260667" spans="8:8">
      <c r="H260667" s="12"/>
    </row>
    <row r="260668" spans="8:8">
      <c r="H260668" s="12"/>
    </row>
    <row r="260669" spans="8:8">
      <c r="H260669" s="12"/>
    </row>
    <row r="260670" spans="8:8">
      <c r="H260670" s="12"/>
    </row>
    <row r="260671" spans="8:8">
      <c r="H260671" s="12"/>
    </row>
    <row r="260672" spans="8:8">
      <c r="H260672" s="12"/>
    </row>
    <row r="260673" spans="8:8">
      <c r="H260673" s="12"/>
    </row>
    <row r="260674" spans="8:8">
      <c r="H260674" s="12"/>
    </row>
    <row r="260675" spans="8:8">
      <c r="H260675" s="12"/>
    </row>
    <row r="260676" spans="8:8">
      <c r="H260676" s="12"/>
    </row>
    <row r="260677" spans="8:8">
      <c r="H260677" s="12"/>
    </row>
    <row r="260678" spans="8:8">
      <c r="H260678" s="12"/>
    </row>
    <row r="260679" spans="8:8">
      <c r="H260679" s="12"/>
    </row>
    <row r="260680" spans="8:8">
      <c r="H260680" s="12"/>
    </row>
    <row r="260681" spans="8:8">
      <c r="H260681" s="12"/>
    </row>
    <row r="260682" spans="8:8">
      <c r="H260682" s="12"/>
    </row>
    <row r="260683" spans="8:8">
      <c r="H260683" s="12"/>
    </row>
    <row r="260684" spans="8:8">
      <c r="H260684" s="12"/>
    </row>
    <row r="260685" spans="8:8">
      <c r="H260685" s="12"/>
    </row>
    <row r="260686" spans="8:8">
      <c r="H260686" s="12"/>
    </row>
    <row r="260687" spans="8:8">
      <c r="H260687" s="12"/>
    </row>
    <row r="260688" spans="8:8">
      <c r="H260688" s="12"/>
    </row>
    <row r="260689" spans="8:8">
      <c r="H260689" s="12"/>
    </row>
    <row r="260690" spans="8:8">
      <c r="H260690" s="12"/>
    </row>
    <row r="260691" spans="8:8">
      <c r="H260691" s="12"/>
    </row>
    <row r="260692" spans="8:8">
      <c r="H260692" s="12"/>
    </row>
    <row r="260693" spans="8:8">
      <c r="H260693" s="12"/>
    </row>
    <row r="260694" spans="8:8">
      <c r="H260694" s="12"/>
    </row>
    <row r="260695" spans="8:8">
      <c r="H260695" s="12"/>
    </row>
    <row r="260696" spans="8:8">
      <c r="H260696" s="12"/>
    </row>
    <row r="260697" spans="8:8">
      <c r="H260697" s="12"/>
    </row>
    <row r="260698" spans="8:8">
      <c r="H260698" s="12"/>
    </row>
    <row r="260699" spans="8:8">
      <c r="H260699" s="12"/>
    </row>
    <row r="260700" spans="8:8">
      <c r="H260700" s="12"/>
    </row>
    <row r="260701" spans="8:8">
      <c r="H260701" s="12"/>
    </row>
    <row r="260702" spans="8:8">
      <c r="H260702" s="12"/>
    </row>
    <row r="260703" spans="8:8">
      <c r="H260703" s="12"/>
    </row>
    <row r="260704" spans="8:8">
      <c r="H260704" s="12"/>
    </row>
    <row r="260705" spans="8:8">
      <c r="H260705" s="12"/>
    </row>
    <row r="260706" spans="8:8">
      <c r="H260706" s="12"/>
    </row>
    <row r="260707" spans="8:8">
      <c r="H260707" s="12"/>
    </row>
    <row r="260708" spans="8:8">
      <c r="H260708" s="12"/>
    </row>
    <row r="260709" spans="8:8">
      <c r="H260709" s="12"/>
    </row>
    <row r="260710" spans="8:8">
      <c r="H260710" s="12"/>
    </row>
    <row r="260711" spans="8:8">
      <c r="H260711" s="12"/>
    </row>
    <row r="260712" spans="8:8">
      <c r="H260712" s="12"/>
    </row>
    <row r="260713" spans="8:8">
      <c r="H260713" s="12"/>
    </row>
    <row r="260714" spans="8:8">
      <c r="H260714" s="12"/>
    </row>
    <row r="260715" spans="8:8">
      <c r="H260715" s="12"/>
    </row>
    <row r="260716" spans="8:8">
      <c r="H260716" s="12"/>
    </row>
    <row r="260717" spans="8:8">
      <c r="H260717" s="12"/>
    </row>
    <row r="260718" spans="8:8">
      <c r="H260718" s="12"/>
    </row>
    <row r="260719" spans="8:8">
      <c r="H260719" s="12"/>
    </row>
    <row r="260720" spans="8:8">
      <c r="H260720" s="12"/>
    </row>
    <row r="260721" spans="8:8">
      <c r="H260721" s="12"/>
    </row>
    <row r="260722" spans="8:8">
      <c r="H260722" s="12"/>
    </row>
    <row r="260723" spans="8:8">
      <c r="H260723" s="12"/>
    </row>
    <row r="260724" spans="8:8">
      <c r="H260724" s="12"/>
    </row>
    <row r="260725" spans="8:8">
      <c r="H260725" s="12"/>
    </row>
    <row r="260726" spans="8:8">
      <c r="H260726" s="12"/>
    </row>
    <row r="260727" spans="8:8">
      <c r="H260727" s="12"/>
    </row>
    <row r="260728" spans="8:8">
      <c r="H260728" s="12"/>
    </row>
    <row r="260729" spans="8:8">
      <c r="H260729" s="12"/>
    </row>
    <row r="260730" spans="8:8">
      <c r="H260730" s="12"/>
    </row>
    <row r="260731" spans="8:8">
      <c r="H260731" s="12"/>
    </row>
    <row r="260732" spans="8:8">
      <c r="H260732" s="12"/>
    </row>
    <row r="260733" spans="8:8">
      <c r="H260733" s="12"/>
    </row>
    <row r="260734" spans="8:8">
      <c r="H260734" s="12"/>
    </row>
    <row r="260735" spans="8:8">
      <c r="H260735" s="12"/>
    </row>
    <row r="260736" spans="8:8">
      <c r="H260736" s="12"/>
    </row>
    <row r="260737" spans="8:8">
      <c r="H260737" s="12"/>
    </row>
    <row r="260738" spans="8:8">
      <c r="H260738" s="12"/>
    </row>
    <row r="260739" spans="8:8">
      <c r="H260739" s="12"/>
    </row>
    <row r="260740" spans="8:8">
      <c r="H260740" s="12"/>
    </row>
    <row r="260741" spans="8:8">
      <c r="H260741" s="12"/>
    </row>
    <row r="260742" spans="8:8">
      <c r="H260742" s="12"/>
    </row>
    <row r="260743" spans="8:8">
      <c r="H260743" s="12"/>
    </row>
    <row r="260744" spans="8:8">
      <c r="H260744" s="12"/>
    </row>
    <row r="260745" spans="8:8">
      <c r="H260745" s="12"/>
    </row>
    <row r="260746" spans="8:8">
      <c r="H260746" s="12"/>
    </row>
    <row r="260747" spans="8:8">
      <c r="H260747" s="12"/>
    </row>
    <row r="260748" spans="8:8">
      <c r="H260748" s="12"/>
    </row>
    <row r="260749" spans="8:8">
      <c r="H260749" s="12"/>
    </row>
    <row r="260750" spans="8:8">
      <c r="H260750" s="12"/>
    </row>
    <row r="260751" spans="8:8">
      <c r="H260751" s="12"/>
    </row>
    <row r="260752" spans="8:8">
      <c r="H260752" s="12"/>
    </row>
    <row r="260753" spans="8:8">
      <c r="H260753" s="12"/>
    </row>
    <row r="260754" spans="8:8">
      <c r="H260754" s="12"/>
    </row>
    <row r="260755" spans="8:8">
      <c r="H260755" s="12"/>
    </row>
    <row r="260756" spans="8:8">
      <c r="H260756" s="12"/>
    </row>
    <row r="260757" spans="8:8">
      <c r="H260757" s="12"/>
    </row>
    <row r="260758" spans="8:8">
      <c r="H260758" s="12"/>
    </row>
    <row r="260759" spans="8:8">
      <c r="H260759" s="12"/>
    </row>
    <row r="260760" spans="8:8">
      <c r="H260760" s="12"/>
    </row>
    <row r="260761" spans="8:8">
      <c r="H260761" s="12"/>
    </row>
    <row r="260762" spans="8:8">
      <c r="H260762" s="12"/>
    </row>
    <row r="260763" spans="8:8">
      <c r="H260763" s="12"/>
    </row>
    <row r="260764" spans="8:8">
      <c r="H260764" s="12"/>
    </row>
    <row r="260765" spans="8:8">
      <c r="H260765" s="12"/>
    </row>
    <row r="260766" spans="8:8">
      <c r="H260766" s="12"/>
    </row>
    <row r="260767" spans="8:8">
      <c r="H260767" s="12"/>
    </row>
    <row r="260768" spans="8:8">
      <c r="H260768" s="12"/>
    </row>
    <row r="260769" spans="8:8">
      <c r="H260769" s="12"/>
    </row>
    <row r="260770" spans="8:8">
      <c r="H260770" s="12"/>
    </row>
    <row r="260771" spans="8:8">
      <c r="H260771" s="12"/>
    </row>
    <row r="260772" spans="8:8">
      <c r="H260772" s="12"/>
    </row>
    <row r="260773" spans="8:8">
      <c r="H260773" s="12"/>
    </row>
    <row r="260774" spans="8:8">
      <c r="H260774" s="12"/>
    </row>
    <row r="260775" spans="8:8">
      <c r="H260775" s="12"/>
    </row>
    <row r="260776" spans="8:8">
      <c r="H260776" s="12"/>
    </row>
    <row r="260777" spans="8:8">
      <c r="H260777" s="12"/>
    </row>
    <row r="260778" spans="8:8">
      <c r="H260778" s="12"/>
    </row>
    <row r="260779" spans="8:8">
      <c r="H260779" s="12"/>
    </row>
    <row r="260780" spans="8:8">
      <c r="H260780" s="12"/>
    </row>
    <row r="260781" spans="8:8">
      <c r="H260781" s="12"/>
    </row>
    <row r="260782" spans="8:8">
      <c r="H260782" s="12"/>
    </row>
    <row r="260783" spans="8:8">
      <c r="H260783" s="12"/>
    </row>
    <row r="260784" spans="8:8">
      <c r="H260784" s="12"/>
    </row>
    <row r="260785" spans="8:8">
      <c r="H260785" s="12"/>
    </row>
    <row r="260786" spans="8:8">
      <c r="H260786" s="12"/>
    </row>
    <row r="260787" spans="8:8">
      <c r="H260787" s="12"/>
    </row>
    <row r="260788" spans="8:8">
      <c r="H260788" s="12"/>
    </row>
    <row r="260789" spans="8:8">
      <c r="H260789" s="12"/>
    </row>
    <row r="260790" spans="8:8">
      <c r="H260790" s="12"/>
    </row>
    <row r="260791" spans="8:8">
      <c r="H260791" s="12"/>
    </row>
    <row r="260792" spans="8:8">
      <c r="H260792" s="12"/>
    </row>
    <row r="260793" spans="8:8">
      <c r="H260793" s="12"/>
    </row>
    <row r="260794" spans="8:8">
      <c r="H260794" s="12"/>
    </row>
    <row r="260795" spans="8:8">
      <c r="H260795" s="12"/>
    </row>
    <row r="260796" spans="8:8">
      <c r="H260796" s="12"/>
    </row>
    <row r="260797" spans="8:8">
      <c r="H260797" s="12"/>
    </row>
    <row r="260798" spans="8:8">
      <c r="H260798" s="12"/>
    </row>
    <row r="260799" spans="8:8">
      <c r="H260799" s="12"/>
    </row>
    <row r="260800" spans="8:8">
      <c r="H260800" s="12"/>
    </row>
    <row r="260801" spans="8:8">
      <c r="H260801" s="12"/>
    </row>
    <row r="260802" spans="8:8">
      <c r="H260802" s="12"/>
    </row>
    <row r="260803" spans="8:8">
      <c r="H260803" s="12"/>
    </row>
    <row r="260804" spans="8:8">
      <c r="H260804" s="12"/>
    </row>
    <row r="260805" spans="8:8">
      <c r="H260805" s="12"/>
    </row>
    <row r="260806" spans="8:8">
      <c r="H260806" s="12"/>
    </row>
    <row r="260807" spans="8:8">
      <c r="H260807" s="12"/>
    </row>
    <row r="260808" spans="8:8">
      <c r="H260808" s="12"/>
    </row>
    <row r="260809" spans="8:8">
      <c r="H260809" s="12"/>
    </row>
    <row r="260810" spans="8:8">
      <c r="H260810" s="12"/>
    </row>
    <row r="260811" spans="8:8">
      <c r="H260811" s="12"/>
    </row>
    <row r="260812" spans="8:8">
      <c r="H260812" s="12"/>
    </row>
    <row r="260813" spans="8:8">
      <c r="H260813" s="12"/>
    </row>
    <row r="260814" spans="8:8">
      <c r="H260814" s="12"/>
    </row>
    <row r="260815" spans="8:8">
      <c r="H260815" s="12"/>
    </row>
    <row r="260816" spans="8:8">
      <c r="H260816" s="12"/>
    </row>
    <row r="260817" spans="8:8">
      <c r="H260817" s="12"/>
    </row>
    <row r="260818" spans="8:8">
      <c r="H260818" s="12"/>
    </row>
    <row r="260819" spans="8:8">
      <c r="H260819" s="12"/>
    </row>
    <row r="260820" spans="8:8">
      <c r="H260820" s="12"/>
    </row>
    <row r="260821" spans="8:8">
      <c r="H260821" s="12"/>
    </row>
    <row r="260822" spans="8:8">
      <c r="H260822" s="12"/>
    </row>
    <row r="260823" spans="8:8">
      <c r="H260823" s="12"/>
    </row>
    <row r="260824" spans="8:8">
      <c r="H260824" s="12"/>
    </row>
    <row r="260825" spans="8:8">
      <c r="H260825" s="12"/>
    </row>
    <row r="260826" spans="8:8">
      <c r="H260826" s="12"/>
    </row>
    <row r="260827" spans="8:8">
      <c r="H260827" s="12"/>
    </row>
    <row r="260828" spans="8:8">
      <c r="H260828" s="12"/>
    </row>
    <row r="260829" spans="8:8">
      <c r="H260829" s="12"/>
    </row>
    <row r="260830" spans="8:8">
      <c r="H260830" s="12"/>
    </row>
    <row r="260831" spans="8:8">
      <c r="H260831" s="12"/>
    </row>
    <row r="260832" spans="8:8">
      <c r="H260832" s="12"/>
    </row>
    <row r="260833" spans="8:8">
      <c r="H260833" s="12"/>
    </row>
    <row r="260834" spans="8:8">
      <c r="H260834" s="12"/>
    </row>
    <row r="260835" spans="8:8">
      <c r="H260835" s="12"/>
    </row>
    <row r="260836" spans="8:8">
      <c r="H260836" s="12"/>
    </row>
    <row r="260837" spans="8:8">
      <c r="H260837" s="12"/>
    </row>
    <row r="260838" spans="8:8">
      <c r="H260838" s="12"/>
    </row>
    <row r="260839" spans="8:8">
      <c r="H260839" s="12"/>
    </row>
    <row r="260840" spans="8:8">
      <c r="H260840" s="12"/>
    </row>
    <row r="260841" spans="8:8">
      <c r="H260841" s="12"/>
    </row>
    <row r="260842" spans="8:8">
      <c r="H260842" s="12"/>
    </row>
    <row r="260843" spans="8:8">
      <c r="H260843" s="12"/>
    </row>
    <row r="260844" spans="8:8">
      <c r="H260844" s="12"/>
    </row>
    <row r="260845" spans="8:8">
      <c r="H260845" s="12"/>
    </row>
    <row r="260846" spans="8:8">
      <c r="H260846" s="12"/>
    </row>
    <row r="260847" spans="8:8">
      <c r="H260847" s="12"/>
    </row>
    <row r="260848" spans="8:8">
      <c r="H260848" s="12"/>
    </row>
    <row r="260849" spans="8:8">
      <c r="H260849" s="12"/>
    </row>
    <row r="260850" spans="8:8">
      <c r="H260850" s="12"/>
    </row>
    <row r="260851" spans="8:8">
      <c r="H260851" s="12"/>
    </row>
    <row r="260852" spans="8:8">
      <c r="H260852" s="12"/>
    </row>
    <row r="260853" spans="8:8">
      <c r="H260853" s="12"/>
    </row>
    <row r="260854" spans="8:8">
      <c r="H260854" s="12"/>
    </row>
    <row r="260855" spans="8:8">
      <c r="H260855" s="12"/>
    </row>
    <row r="260856" spans="8:8">
      <c r="H260856" s="12"/>
    </row>
    <row r="260857" spans="8:8">
      <c r="H260857" s="12"/>
    </row>
    <row r="260858" spans="8:8">
      <c r="H260858" s="12"/>
    </row>
    <row r="260859" spans="8:8">
      <c r="H260859" s="12"/>
    </row>
    <row r="260860" spans="8:8">
      <c r="H260860" s="12"/>
    </row>
    <row r="260861" spans="8:8">
      <c r="H260861" s="12"/>
    </row>
    <row r="260862" spans="8:8">
      <c r="H260862" s="12"/>
    </row>
    <row r="260863" spans="8:8">
      <c r="H260863" s="12"/>
    </row>
    <row r="260864" spans="8:8">
      <c r="H260864" s="12"/>
    </row>
    <row r="260865" spans="8:8">
      <c r="H260865" s="12"/>
    </row>
    <row r="260866" spans="8:8">
      <c r="H260866" s="12"/>
    </row>
    <row r="260867" spans="8:8">
      <c r="H260867" s="12"/>
    </row>
    <row r="260868" spans="8:8">
      <c r="H260868" s="12"/>
    </row>
    <row r="260869" spans="8:8">
      <c r="H260869" s="12"/>
    </row>
    <row r="260870" spans="8:8">
      <c r="H260870" s="12"/>
    </row>
    <row r="260871" spans="8:8">
      <c r="H260871" s="12"/>
    </row>
    <row r="260872" spans="8:8">
      <c r="H260872" s="12"/>
    </row>
    <row r="260873" spans="8:8">
      <c r="H260873" s="12"/>
    </row>
    <row r="260874" spans="8:8">
      <c r="H260874" s="12"/>
    </row>
    <row r="260875" spans="8:8">
      <c r="H260875" s="12"/>
    </row>
    <row r="260876" spans="8:8">
      <c r="H260876" s="12"/>
    </row>
    <row r="260877" spans="8:8">
      <c r="H260877" s="12"/>
    </row>
    <row r="260878" spans="8:8">
      <c r="H260878" s="12"/>
    </row>
    <row r="260879" spans="8:8">
      <c r="H260879" s="12"/>
    </row>
    <row r="260880" spans="8:8">
      <c r="H260880" s="12"/>
    </row>
    <row r="260881" spans="8:8">
      <c r="H260881" s="12"/>
    </row>
    <row r="260882" spans="8:8">
      <c r="H260882" s="12"/>
    </row>
    <row r="260883" spans="8:8">
      <c r="H260883" s="12"/>
    </row>
    <row r="260884" spans="8:8">
      <c r="H260884" s="12"/>
    </row>
    <row r="260885" spans="8:8">
      <c r="H260885" s="12"/>
    </row>
    <row r="260886" spans="8:8">
      <c r="H260886" s="12"/>
    </row>
    <row r="260887" spans="8:8">
      <c r="H260887" s="12"/>
    </row>
    <row r="260888" spans="8:8">
      <c r="H260888" s="12"/>
    </row>
    <row r="260889" spans="8:8">
      <c r="H260889" s="12"/>
    </row>
    <row r="260890" spans="8:8">
      <c r="H260890" s="12"/>
    </row>
    <row r="260891" spans="8:8">
      <c r="H260891" s="12"/>
    </row>
    <row r="260892" spans="8:8">
      <c r="H260892" s="12"/>
    </row>
    <row r="260893" spans="8:8">
      <c r="H260893" s="12"/>
    </row>
    <row r="260894" spans="8:8">
      <c r="H260894" s="12"/>
    </row>
    <row r="260895" spans="8:8">
      <c r="H260895" s="12"/>
    </row>
    <row r="260896" spans="8:8">
      <c r="H260896" s="12"/>
    </row>
    <row r="260897" spans="8:8">
      <c r="H260897" s="12"/>
    </row>
    <row r="260898" spans="8:8">
      <c r="H260898" s="12"/>
    </row>
    <row r="260899" spans="8:8">
      <c r="H260899" s="12"/>
    </row>
    <row r="260900" spans="8:8">
      <c r="H260900" s="12"/>
    </row>
    <row r="260901" spans="8:8">
      <c r="H260901" s="12"/>
    </row>
    <row r="260902" spans="8:8">
      <c r="H260902" s="12"/>
    </row>
    <row r="260903" spans="8:8">
      <c r="H260903" s="12"/>
    </row>
    <row r="260904" spans="8:8">
      <c r="H260904" s="12"/>
    </row>
    <row r="260905" spans="8:8">
      <c r="H260905" s="12"/>
    </row>
    <row r="260906" spans="8:8">
      <c r="H260906" s="12"/>
    </row>
    <row r="260907" spans="8:8">
      <c r="H260907" s="12"/>
    </row>
    <row r="260908" spans="8:8">
      <c r="H260908" s="12"/>
    </row>
    <row r="260909" spans="8:8">
      <c r="H260909" s="12"/>
    </row>
    <row r="260910" spans="8:8">
      <c r="H260910" s="12"/>
    </row>
    <row r="260911" spans="8:8">
      <c r="H260911" s="12"/>
    </row>
    <row r="260912" spans="8:8">
      <c r="H260912" s="12"/>
    </row>
    <row r="260913" spans="8:8">
      <c r="H260913" s="12"/>
    </row>
    <row r="260914" spans="8:8">
      <c r="H260914" s="12"/>
    </row>
    <row r="260915" spans="8:8">
      <c r="H260915" s="12"/>
    </row>
    <row r="260916" spans="8:8">
      <c r="H260916" s="12"/>
    </row>
    <row r="260917" spans="8:8">
      <c r="H260917" s="12"/>
    </row>
    <row r="260918" spans="8:8">
      <c r="H260918" s="12"/>
    </row>
    <row r="260919" spans="8:8">
      <c r="H260919" s="12"/>
    </row>
    <row r="260920" spans="8:8">
      <c r="H260920" s="12"/>
    </row>
    <row r="260921" spans="8:8">
      <c r="H260921" s="12"/>
    </row>
    <row r="260922" spans="8:8">
      <c r="H260922" s="12"/>
    </row>
    <row r="260923" spans="8:8">
      <c r="H260923" s="12"/>
    </row>
    <row r="260924" spans="8:8">
      <c r="H260924" s="12"/>
    </row>
    <row r="260925" spans="8:8">
      <c r="H260925" s="12"/>
    </row>
    <row r="260926" spans="8:8">
      <c r="H260926" s="12"/>
    </row>
    <row r="260927" spans="8:8">
      <c r="H260927" s="12"/>
    </row>
    <row r="260928" spans="8:8">
      <c r="H260928" s="12"/>
    </row>
    <row r="260929" spans="8:8">
      <c r="H260929" s="12"/>
    </row>
    <row r="260930" spans="8:8">
      <c r="H260930" s="12"/>
    </row>
    <row r="260931" spans="8:8">
      <c r="H260931" s="12"/>
    </row>
    <row r="260932" spans="8:8">
      <c r="H260932" s="12"/>
    </row>
    <row r="260933" spans="8:8">
      <c r="H260933" s="12"/>
    </row>
    <row r="260934" spans="8:8">
      <c r="H260934" s="12"/>
    </row>
    <row r="260935" spans="8:8">
      <c r="H260935" s="12"/>
    </row>
    <row r="260936" spans="8:8">
      <c r="H260936" s="12"/>
    </row>
    <row r="260937" spans="8:8">
      <c r="H260937" s="12"/>
    </row>
    <row r="260938" spans="8:8">
      <c r="H260938" s="12"/>
    </row>
    <row r="260939" spans="8:8">
      <c r="H260939" s="12"/>
    </row>
    <row r="260940" spans="8:8">
      <c r="H260940" s="12"/>
    </row>
    <row r="260941" spans="8:8">
      <c r="H260941" s="12"/>
    </row>
    <row r="260942" spans="8:8">
      <c r="H260942" s="12"/>
    </row>
    <row r="260943" spans="8:8">
      <c r="H260943" s="12"/>
    </row>
    <row r="260944" spans="8:8">
      <c r="H260944" s="12"/>
    </row>
    <row r="260945" spans="8:8">
      <c r="H260945" s="12"/>
    </row>
    <row r="260946" spans="8:8">
      <c r="H260946" s="12"/>
    </row>
    <row r="260947" spans="8:8">
      <c r="H260947" s="12"/>
    </row>
    <row r="260948" spans="8:8">
      <c r="H260948" s="12"/>
    </row>
    <row r="260949" spans="8:8">
      <c r="H260949" s="12"/>
    </row>
    <row r="260950" spans="8:8">
      <c r="H260950" s="12"/>
    </row>
    <row r="260951" spans="8:8">
      <c r="H260951" s="12"/>
    </row>
    <row r="260952" spans="8:8">
      <c r="H260952" s="12"/>
    </row>
    <row r="260953" spans="8:8">
      <c r="H260953" s="12"/>
    </row>
    <row r="260954" spans="8:8">
      <c r="H260954" s="12"/>
    </row>
    <row r="260955" spans="8:8">
      <c r="H260955" s="12"/>
    </row>
    <row r="260956" spans="8:8">
      <c r="H260956" s="12"/>
    </row>
    <row r="260957" spans="8:8">
      <c r="H260957" s="12"/>
    </row>
    <row r="260958" spans="8:8">
      <c r="H260958" s="12"/>
    </row>
    <row r="260959" spans="8:8">
      <c r="H260959" s="12"/>
    </row>
    <row r="260960" spans="8:8">
      <c r="H260960" s="12"/>
    </row>
    <row r="260961" spans="8:8">
      <c r="H260961" s="12"/>
    </row>
    <row r="260962" spans="8:8">
      <c r="H260962" s="12"/>
    </row>
    <row r="260963" spans="8:8">
      <c r="H260963" s="12"/>
    </row>
    <row r="260964" spans="8:8">
      <c r="H260964" s="12"/>
    </row>
    <row r="260965" spans="8:8">
      <c r="H260965" s="12"/>
    </row>
    <row r="260966" spans="8:8">
      <c r="H260966" s="12"/>
    </row>
    <row r="260967" spans="8:8">
      <c r="H260967" s="12"/>
    </row>
    <row r="260968" spans="8:8">
      <c r="H260968" s="12"/>
    </row>
    <row r="260969" spans="8:8">
      <c r="H260969" s="12"/>
    </row>
    <row r="260970" spans="8:8">
      <c r="H260970" s="12"/>
    </row>
    <row r="260971" spans="8:8">
      <c r="H260971" s="12"/>
    </row>
    <row r="260972" spans="8:8">
      <c r="H260972" s="12"/>
    </row>
    <row r="260973" spans="8:8">
      <c r="H260973" s="12"/>
    </row>
    <row r="260974" spans="8:8">
      <c r="H260974" s="12"/>
    </row>
    <row r="260975" spans="8:8">
      <c r="H260975" s="12"/>
    </row>
    <row r="260976" spans="8:8">
      <c r="H260976" s="12"/>
    </row>
    <row r="260977" spans="8:8">
      <c r="H260977" s="12"/>
    </row>
    <row r="260978" spans="8:8">
      <c r="H260978" s="12"/>
    </row>
    <row r="260979" spans="8:8">
      <c r="H260979" s="12"/>
    </row>
    <row r="260980" spans="8:8">
      <c r="H260980" s="12"/>
    </row>
    <row r="260981" spans="8:8">
      <c r="H260981" s="12"/>
    </row>
    <row r="260982" spans="8:8">
      <c r="H260982" s="12"/>
    </row>
    <row r="260983" spans="8:8">
      <c r="H260983" s="12"/>
    </row>
    <row r="260984" spans="8:8">
      <c r="H260984" s="12"/>
    </row>
    <row r="260985" spans="8:8">
      <c r="H260985" s="12"/>
    </row>
    <row r="260986" spans="8:8">
      <c r="H260986" s="12"/>
    </row>
    <row r="260987" spans="8:8">
      <c r="H260987" s="12"/>
    </row>
    <row r="260988" spans="8:8">
      <c r="H260988" s="12"/>
    </row>
    <row r="260989" spans="8:8">
      <c r="H260989" s="12"/>
    </row>
    <row r="260990" spans="8:8">
      <c r="H260990" s="12"/>
    </row>
    <row r="260991" spans="8:8">
      <c r="H260991" s="12"/>
    </row>
    <row r="260992" spans="8:8">
      <c r="H260992" s="12"/>
    </row>
    <row r="260993" spans="8:8">
      <c r="H260993" s="12"/>
    </row>
    <row r="260994" spans="8:8">
      <c r="H260994" s="12"/>
    </row>
    <row r="260995" spans="8:8">
      <c r="H260995" s="12"/>
    </row>
    <row r="260996" spans="8:8">
      <c r="H260996" s="12"/>
    </row>
    <row r="260997" spans="8:8">
      <c r="H260997" s="12"/>
    </row>
    <row r="260998" spans="8:8">
      <c r="H260998" s="12"/>
    </row>
    <row r="260999" spans="8:8">
      <c r="H260999" s="12"/>
    </row>
    <row r="261000" spans="8:8">
      <c r="H261000" s="12"/>
    </row>
    <row r="261001" spans="8:8">
      <c r="H261001" s="12"/>
    </row>
    <row r="261002" spans="8:8">
      <c r="H261002" s="12"/>
    </row>
    <row r="261003" spans="8:8">
      <c r="H261003" s="12"/>
    </row>
    <row r="261004" spans="8:8">
      <c r="H261004" s="12"/>
    </row>
    <row r="261005" spans="8:8">
      <c r="H261005" s="12"/>
    </row>
    <row r="261006" spans="8:8">
      <c r="H261006" s="12"/>
    </row>
    <row r="261007" spans="8:8">
      <c r="H261007" s="12"/>
    </row>
    <row r="261008" spans="8:8">
      <c r="H261008" s="12"/>
    </row>
    <row r="261009" spans="8:8">
      <c r="H261009" s="12"/>
    </row>
    <row r="261010" spans="8:8">
      <c r="H261010" s="12"/>
    </row>
    <row r="261011" spans="8:8">
      <c r="H261011" s="12"/>
    </row>
    <row r="261012" spans="8:8">
      <c r="H261012" s="12"/>
    </row>
    <row r="261013" spans="8:8">
      <c r="H261013" s="12"/>
    </row>
    <row r="261014" spans="8:8">
      <c r="H261014" s="12"/>
    </row>
    <row r="261015" spans="8:8">
      <c r="H261015" s="12"/>
    </row>
    <row r="261016" spans="8:8">
      <c r="H261016" s="12"/>
    </row>
    <row r="261017" spans="8:8">
      <c r="H261017" s="12"/>
    </row>
    <row r="261018" spans="8:8">
      <c r="H261018" s="12"/>
    </row>
    <row r="261019" spans="8:8">
      <c r="H261019" s="12"/>
    </row>
    <row r="261020" spans="8:8">
      <c r="H261020" s="12"/>
    </row>
    <row r="261021" spans="8:8">
      <c r="H261021" s="12"/>
    </row>
    <row r="261022" spans="8:8">
      <c r="H261022" s="12"/>
    </row>
    <row r="261023" spans="8:8">
      <c r="H261023" s="12"/>
    </row>
    <row r="261024" spans="8:8">
      <c r="H261024" s="12"/>
    </row>
    <row r="261025" spans="8:8">
      <c r="H261025" s="12"/>
    </row>
    <row r="261026" spans="8:8">
      <c r="H261026" s="12"/>
    </row>
    <row r="261027" spans="8:8">
      <c r="H261027" s="12"/>
    </row>
    <row r="261028" spans="8:8">
      <c r="H261028" s="12"/>
    </row>
    <row r="261029" spans="8:8">
      <c r="H261029" s="12"/>
    </row>
    <row r="261030" spans="8:8">
      <c r="H261030" s="12"/>
    </row>
    <row r="261031" spans="8:8">
      <c r="H261031" s="12"/>
    </row>
    <row r="261032" spans="8:8">
      <c r="H261032" s="12"/>
    </row>
    <row r="261033" spans="8:8">
      <c r="H261033" s="12"/>
    </row>
    <row r="261034" spans="8:8">
      <c r="H261034" s="12"/>
    </row>
    <row r="261035" spans="8:8">
      <c r="H261035" s="12"/>
    </row>
    <row r="261036" spans="8:8">
      <c r="H261036" s="12"/>
    </row>
    <row r="261037" spans="8:8">
      <c r="H261037" s="12"/>
    </row>
    <row r="261038" spans="8:8">
      <c r="H261038" s="12"/>
    </row>
    <row r="261039" spans="8:8">
      <c r="H261039" s="12"/>
    </row>
    <row r="261040" spans="8:8">
      <c r="H261040" s="12"/>
    </row>
    <row r="261041" spans="8:8">
      <c r="H261041" s="12"/>
    </row>
    <row r="261042" spans="8:8">
      <c r="H261042" s="12"/>
    </row>
    <row r="261043" spans="8:8">
      <c r="H261043" s="12"/>
    </row>
    <row r="261044" spans="8:8">
      <c r="H261044" s="12"/>
    </row>
    <row r="261045" spans="8:8">
      <c r="H261045" s="12"/>
    </row>
    <row r="261046" spans="8:8">
      <c r="H261046" s="12"/>
    </row>
    <row r="261047" spans="8:8">
      <c r="H261047" s="12"/>
    </row>
    <row r="261048" spans="8:8">
      <c r="H261048" s="12"/>
    </row>
    <row r="261049" spans="8:8">
      <c r="H261049" s="12"/>
    </row>
    <row r="261050" spans="8:8">
      <c r="H261050" s="12"/>
    </row>
    <row r="261051" spans="8:8">
      <c r="H261051" s="12"/>
    </row>
    <row r="261052" spans="8:8">
      <c r="H261052" s="12"/>
    </row>
    <row r="261053" spans="8:8">
      <c r="H261053" s="12"/>
    </row>
    <row r="261054" spans="8:8">
      <c r="H261054" s="12"/>
    </row>
    <row r="261055" spans="8:8">
      <c r="H261055" s="12"/>
    </row>
    <row r="261056" spans="8:8">
      <c r="H261056" s="12"/>
    </row>
    <row r="261057" spans="8:8">
      <c r="H261057" s="12"/>
    </row>
    <row r="261058" spans="8:8">
      <c r="H261058" s="12"/>
    </row>
    <row r="261059" spans="8:8">
      <c r="H261059" s="12"/>
    </row>
    <row r="261060" spans="8:8">
      <c r="H261060" s="12"/>
    </row>
    <row r="261061" spans="8:8">
      <c r="H261061" s="12"/>
    </row>
    <row r="261062" spans="8:8">
      <c r="H261062" s="12"/>
    </row>
    <row r="261063" spans="8:8">
      <c r="H261063" s="12"/>
    </row>
    <row r="261064" spans="8:8">
      <c r="H261064" s="12"/>
    </row>
    <row r="261065" spans="8:8">
      <c r="H261065" s="12"/>
    </row>
    <row r="261066" spans="8:8">
      <c r="H261066" s="12"/>
    </row>
    <row r="261067" spans="8:8">
      <c r="H261067" s="12"/>
    </row>
    <row r="261068" spans="8:8">
      <c r="H261068" s="12"/>
    </row>
    <row r="261069" spans="8:8">
      <c r="H261069" s="12"/>
    </row>
    <row r="261070" spans="8:8">
      <c r="H261070" s="12"/>
    </row>
    <row r="261071" spans="8:8">
      <c r="H261071" s="12"/>
    </row>
    <row r="261072" spans="8:8">
      <c r="H261072" s="12"/>
    </row>
    <row r="261073" spans="8:8">
      <c r="H261073" s="12"/>
    </row>
    <row r="261074" spans="8:8">
      <c r="H261074" s="12"/>
    </row>
    <row r="261075" spans="8:8">
      <c r="H261075" s="12"/>
    </row>
    <row r="261076" spans="8:8">
      <c r="H261076" s="12"/>
    </row>
    <row r="261077" spans="8:8">
      <c r="H261077" s="12"/>
    </row>
    <row r="261078" spans="8:8">
      <c r="H261078" s="12"/>
    </row>
    <row r="261079" spans="8:8">
      <c r="H261079" s="12"/>
    </row>
    <row r="261080" spans="8:8">
      <c r="H261080" s="12"/>
    </row>
    <row r="261081" spans="8:8">
      <c r="H261081" s="12"/>
    </row>
    <row r="261082" spans="8:8">
      <c r="H261082" s="12"/>
    </row>
    <row r="261083" spans="8:8">
      <c r="H261083" s="12"/>
    </row>
    <row r="261084" spans="8:8">
      <c r="H261084" s="12"/>
    </row>
    <row r="261085" spans="8:8">
      <c r="H261085" s="12"/>
    </row>
    <row r="261086" spans="8:8">
      <c r="H261086" s="12"/>
    </row>
    <row r="261087" spans="8:8">
      <c r="H261087" s="12"/>
    </row>
    <row r="261088" spans="8:8">
      <c r="H261088" s="12"/>
    </row>
    <row r="261089" spans="8:8">
      <c r="H261089" s="12"/>
    </row>
    <row r="261090" spans="8:8">
      <c r="H261090" s="12"/>
    </row>
    <row r="261091" spans="8:8">
      <c r="H261091" s="12"/>
    </row>
    <row r="261092" spans="8:8">
      <c r="H261092" s="12"/>
    </row>
    <row r="261093" spans="8:8">
      <c r="H261093" s="12"/>
    </row>
    <row r="261094" spans="8:8">
      <c r="H261094" s="12"/>
    </row>
    <row r="261095" spans="8:8">
      <c r="H261095" s="12"/>
    </row>
    <row r="261096" spans="8:8">
      <c r="H261096" s="12"/>
    </row>
    <row r="261097" spans="8:8">
      <c r="H261097" s="12"/>
    </row>
    <row r="261098" spans="8:8">
      <c r="H261098" s="12"/>
    </row>
    <row r="261099" spans="8:8">
      <c r="H261099" s="12"/>
    </row>
    <row r="261100" spans="8:8">
      <c r="H261100" s="12"/>
    </row>
    <row r="261101" spans="8:8">
      <c r="H261101" s="12"/>
    </row>
    <row r="261102" spans="8:8">
      <c r="H261102" s="12"/>
    </row>
    <row r="261103" spans="8:8">
      <c r="H261103" s="12"/>
    </row>
    <row r="261104" spans="8:8">
      <c r="H261104" s="12"/>
    </row>
    <row r="261105" spans="8:8">
      <c r="H261105" s="12"/>
    </row>
    <row r="261106" spans="8:8">
      <c r="H261106" s="12"/>
    </row>
    <row r="261107" spans="8:8">
      <c r="H261107" s="12"/>
    </row>
    <row r="261108" spans="8:8">
      <c r="H261108" s="12"/>
    </row>
    <row r="261109" spans="8:8">
      <c r="H261109" s="12"/>
    </row>
    <row r="261110" spans="8:8">
      <c r="H261110" s="12"/>
    </row>
    <row r="261111" spans="8:8">
      <c r="H261111" s="12"/>
    </row>
    <row r="261112" spans="8:8">
      <c r="H261112" s="12"/>
    </row>
    <row r="261113" spans="8:8">
      <c r="H261113" s="12"/>
    </row>
    <row r="261114" spans="8:8">
      <c r="H261114" s="12"/>
    </row>
    <row r="261115" spans="8:8">
      <c r="H261115" s="12"/>
    </row>
    <row r="261116" spans="8:8">
      <c r="H261116" s="12"/>
    </row>
    <row r="261117" spans="8:8">
      <c r="H261117" s="12"/>
    </row>
    <row r="261118" spans="8:8">
      <c r="H261118" s="12"/>
    </row>
    <row r="261119" spans="8:8">
      <c r="H261119" s="12"/>
    </row>
    <row r="261120" spans="8:8">
      <c r="H261120" s="12"/>
    </row>
    <row r="261121" spans="8:8">
      <c r="H261121" s="12"/>
    </row>
    <row r="261122" spans="8:8">
      <c r="H261122" s="12"/>
    </row>
    <row r="261123" spans="8:8">
      <c r="H261123" s="12"/>
    </row>
    <row r="261124" spans="8:8">
      <c r="H261124" s="12"/>
    </row>
    <row r="261125" spans="8:8">
      <c r="H261125" s="12"/>
    </row>
    <row r="261126" spans="8:8">
      <c r="H261126" s="12"/>
    </row>
    <row r="261127" spans="8:8">
      <c r="H261127" s="12"/>
    </row>
    <row r="261128" spans="8:8">
      <c r="H261128" s="12"/>
    </row>
    <row r="261129" spans="8:8">
      <c r="H261129" s="12"/>
    </row>
    <row r="261130" spans="8:8">
      <c r="H261130" s="12"/>
    </row>
    <row r="261131" spans="8:8">
      <c r="H261131" s="12"/>
    </row>
    <row r="261132" spans="8:8">
      <c r="H261132" s="12"/>
    </row>
    <row r="261133" spans="8:8">
      <c r="H261133" s="12"/>
    </row>
    <row r="261134" spans="8:8">
      <c r="H261134" s="12"/>
    </row>
    <row r="261135" spans="8:8">
      <c r="H261135" s="12"/>
    </row>
    <row r="261136" spans="8:8">
      <c r="H261136" s="12"/>
    </row>
    <row r="261137" spans="8:8">
      <c r="H261137" s="12"/>
    </row>
    <row r="261138" spans="8:8">
      <c r="H261138" s="12"/>
    </row>
    <row r="261139" spans="8:8">
      <c r="H261139" s="12"/>
    </row>
    <row r="261140" spans="8:8">
      <c r="H261140" s="12"/>
    </row>
    <row r="261141" spans="8:8">
      <c r="H261141" s="12"/>
    </row>
    <row r="261142" spans="8:8">
      <c r="H261142" s="12"/>
    </row>
    <row r="261143" spans="8:8">
      <c r="H261143" s="12"/>
    </row>
    <row r="261144" spans="8:8">
      <c r="H261144" s="12"/>
    </row>
    <row r="261145" spans="8:8">
      <c r="H261145" s="12"/>
    </row>
    <row r="261146" spans="8:8">
      <c r="H261146" s="12"/>
    </row>
    <row r="261147" spans="8:8">
      <c r="H261147" s="12"/>
    </row>
    <row r="261148" spans="8:8">
      <c r="H261148" s="12"/>
    </row>
    <row r="261149" spans="8:8">
      <c r="H261149" s="12"/>
    </row>
    <row r="261150" spans="8:8">
      <c r="H261150" s="12"/>
    </row>
    <row r="261151" spans="8:8">
      <c r="H261151" s="12"/>
    </row>
    <row r="261152" spans="8:8">
      <c r="H261152" s="12"/>
    </row>
    <row r="261153" spans="8:8">
      <c r="H261153" s="12"/>
    </row>
    <row r="261154" spans="8:8">
      <c r="H261154" s="12"/>
    </row>
    <row r="261155" spans="8:8">
      <c r="H261155" s="12"/>
    </row>
    <row r="261156" spans="8:8">
      <c r="H261156" s="12"/>
    </row>
    <row r="261157" spans="8:8">
      <c r="H261157" s="12"/>
    </row>
    <row r="261158" spans="8:8">
      <c r="H261158" s="12"/>
    </row>
    <row r="261159" spans="8:8">
      <c r="H261159" s="12"/>
    </row>
    <row r="261160" spans="8:8">
      <c r="H261160" s="12"/>
    </row>
    <row r="261161" spans="8:8">
      <c r="H261161" s="12"/>
    </row>
    <row r="261162" spans="8:8">
      <c r="H261162" s="12"/>
    </row>
    <row r="261163" spans="8:8">
      <c r="H261163" s="12"/>
    </row>
    <row r="261164" spans="8:8">
      <c r="H261164" s="12"/>
    </row>
    <row r="261165" spans="8:8">
      <c r="H261165" s="12"/>
    </row>
    <row r="261166" spans="8:8">
      <c r="H261166" s="12"/>
    </row>
    <row r="261167" spans="8:8">
      <c r="H261167" s="12"/>
    </row>
    <row r="261168" spans="8:8">
      <c r="H261168" s="12"/>
    </row>
    <row r="261169" spans="8:8">
      <c r="H261169" s="12"/>
    </row>
    <row r="261170" spans="8:8">
      <c r="H261170" s="12"/>
    </row>
    <row r="261171" spans="8:8">
      <c r="H261171" s="12"/>
    </row>
    <row r="261172" spans="8:8">
      <c r="H261172" s="12"/>
    </row>
    <row r="261173" spans="8:8">
      <c r="H261173" s="12"/>
    </row>
    <row r="261174" spans="8:8">
      <c r="H261174" s="12"/>
    </row>
    <row r="261175" spans="8:8">
      <c r="H261175" s="12"/>
    </row>
    <row r="261176" spans="8:8">
      <c r="H261176" s="12"/>
    </row>
    <row r="261177" spans="8:8">
      <c r="H261177" s="12"/>
    </row>
    <row r="261178" spans="8:8">
      <c r="H261178" s="12"/>
    </row>
    <row r="261179" spans="8:8">
      <c r="H261179" s="12"/>
    </row>
    <row r="261180" spans="8:8">
      <c r="H261180" s="12"/>
    </row>
    <row r="261181" spans="8:8">
      <c r="H261181" s="12"/>
    </row>
    <row r="261182" spans="8:8">
      <c r="H261182" s="12"/>
    </row>
    <row r="261183" spans="8:8">
      <c r="H261183" s="12"/>
    </row>
    <row r="261184" spans="8:8">
      <c r="H261184" s="12"/>
    </row>
    <row r="261185" spans="8:8">
      <c r="H261185" s="12"/>
    </row>
    <row r="261186" spans="8:8">
      <c r="H261186" s="12"/>
    </row>
    <row r="261187" spans="8:8">
      <c r="H261187" s="12"/>
    </row>
    <row r="261188" spans="8:8">
      <c r="H261188" s="12"/>
    </row>
    <row r="261189" spans="8:8">
      <c r="H261189" s="12"/>
    </row>
    <row r="261190" spans="8:8">
      <c r="H261190" s="12"/>
    </row>
    <row r="261191" spans="8:8">
      <c r="H261191" s="12"/>
    </row>
    <row r="261192" spans="8:8">
      <c r="H261192" s="12"/>
    </row>
    <row r="261193" spans="8:8">
      <c r="H261193" s="12"/>
    </row>
    <row r="261194" spans="8:8">
      <c r="H261194" s="12"/>
    </row>
    <row r="261195" spans="8:8">
      <c r="H261195" s="12"/>
    </row>
    <row r="261196" spans="8:8">
      <c r="H261196" s="12"/>
    </row>
    <row r="261197" spans="8:8">
      <c r="H261197" s="12"/>
    </row>
    <row r="261198" spans="8:8">
      <c r="H261198" s="12"/>
    </row>
    <row r="261199" spans="8:8">
      <c r="H261199" s="12"/>
    </row>
    <row r="261200" spans="8:8">
      <c r="H261200" s="12"/>
    </row>
    <row r="261201" spans="8:8">
      <c r="H261201" s="12"/>
    </row>
    <row r="261202" spans="8:8">
      <c r="H261202" s="12"/>
    </row>
    <row r="261203" spans="8:8">
      <c r="H261203" s="12"/>
    </row>
    <row r="261204" spans="8:8">
      <c r="H261204" s="12"/>
    </row>
    <row r="261205" spans="8:8">
      <c r="H261205" s="12"/>
    </row>
    <row r="261206" spans="8:8">
      <c r="H261206" s="12"/>
    </row>
    <row r="261207" spans="8:8">
      <c r="H261207" s="12"/>
    </row>
    <row r="261208" spans="8:8">
      <c r="H261208" s="12"/>
    </row>
    <row r="261209" spans="8:8">
      <c r="H261209" s="12"/>
    </row>
    <row r="261210" spans="8:8">
      <c r="H261210" s="12"/>
    </row>
    <row r="261211" spans="8:8">
      <c r="H261211" s="12"/>
    </row>
    <row r="261212" spans="8:8">
      <c r="H261212" s="12"/>
    </row>
    <row r="261213" spans="8:8">
      <c r="H261213" s="12"/>
    </row>
    <row r="261214" spans="8:8">
      <c r="H261214" s="12"/>
    </row>
    <row r="261215" spans="8:8">
      <c r="H261215" s="12"/>
    </row>
    <row r="261216" spans="8:8">
      <c r="H261216" s="12"/>
    </row>
    <row r="261217" spans="8:8">
      <c r="H261217" s="12"/>
    </row>
    <row r="261218" spans="8:8">
      <c r="H261218" s="12"/>
    </row>
    <row r="261219" spans="8:8">
      <c r="H261219" s="12"/>
    </row>
    <row r="261220" spans="8:8">
      <c r="H261220" s="12"/>
    </row>
    <row r="261221" spans="8:8">
      <c r="H261221" s="12"/>
    </row>
    <row r="261222" spans="8:8">
      <c r="H261222" s="12"/>
    </row>
    <row r="261223" spans="8:8">
      <c r="H261223" s="12"/>
    </row>
    <row r="261224" spans="8:8">
      <c r="H261224" s="12"/>
    </row>
    <row r="261225" spans="8:8">
      <c r="H261225" s="12"/>
    </row>
    <row r="261226" spans="8:8">
      <c r="H261226" s="12"/>
    </row>
    <row r="261227" spans="8:8">
      <c r="H261227" s="12"/>
    </row>
    <row r="261228" spans="8:8">
      <c r="H261228" s="12"/>
    </row>
    <row r="261229" spans="8:8">
      <c r="H261229" s="12"/>
    </row>
    <row r="261230" spans="8:8">
      <c r="H261230" s="12"/>
    </row>
    <row r="261231" spans="8:8">
      <c r="H261231" s="12"/>
    </row>
    <row r="261232" spans="8:8">
      <c r="H261232" s="12"/>
    </row>
    <row r="261233" spans="8:8">
      <c r="H261233" s="12"/>
    </row>
    <row r="261234" spans="8:8">
      <c r="H261234" s="12"/>
    </row>
    <row r="261235" spans="8:8">
      <c r="H261235" s="12"/>
    </row>
    <row r="261236" spans="8:8">
      <c r="H261236" s="12"/>
    </row>
    <row r="261237" spans="8:8">
      <c r="H261237" s="12"/>
    </row>
    <row r="261238" spans="8:8">
      <c r="H261238" s="12"/>
    </row>
    <row r="261239" spans="8:8">
      <c r="H261239" s="12"/>
    </row>
    <row r="261240" spans="8:8">
      <c r="H261240" s="12"/>
    </row>
    <row r="261241" spans="8:8">
      <c r="H261241" s="12"/>
    </row>
    <row r="261242" spans="8:8">
      <c r="H261242" s="12"/>
    </row>
    <row r="261243" spans="8:8">
      <c r="H261243" s="12"/>
    </row>
    <row r="261244" spans="8:8">
      <c r="H261244" s="12"/>
    </row>
    <row r="261245" spans="8:8">
      <c r="H261245" s="12"/>
    </row>
    <row r="261246" spans="8:8">
      <c r="H261246" s="12"/>
    </row>
    <row r="261247" spans="8:8">
      <c r="H261247" s="12"/>
    </row>
    <row r="261248" spans="8:8">
      <c r="H261248" s="12"/>
    </row>
    <row r="261249" spans="8:8">
      <c r="H261249" s="12"/>
    </row>
    <row r="261250" spans="8:8">
      <c r="H261250" s="12"/>
    </row>
    <row r="261251" spans="8:8">
      <c r="H261251" s="12"/>
    </row>
    <row r="261252" spans="8:8">
      <c r="H261252" s="12"/>
    </row>
    <row r="261253" spans="8:8">
      <c r="H261253" s="12"/>
    </row>
    <row r="261254" spans="8:8">
      <c r="H261254" s="12"/>
    </row>
    <row r="261255" spans="8:8">
      <c r="H261255" s="12"/>
    </row>
    <row r="261256" spans="8:8">
      <c r="H261256" s="12"/>
    </row>
    <row r="261257" spans="8:8">
      <c r="H261257" s="12"/>
    </row>
    <row r="261258" spans="8:8">
      <c r="H261258" s="12"/>
    </row>
    <row r="261259" spans="8:8">
      <c r="H261259" s="12"/>
    </row>
    <row r="261260" spans="8:8">
      <c r="H261260" s="12"/>
    </row>
    <row r="261261" spans="8:8">
      <c r="H261261" s="12"/>
    </row>
    <row r="261262" spans="8:8">
      <c r="H261262" s="12"/>
    </row>
    <row r="261263" spans="8:8">
      <c r="H261263" s="12"/>
    </row>
    <row r="261264" spans="8:8">
      <c r="H261264" s="12"/>
    </row>
    <row r="261265" spans="8:8">
      <c r="H261265" s="12"/>
    </row>
    <row r="261266" spans="8:8">
      <c r="H261266" s="12"/>
    </row>
    <row r="261267" spans="8:8">
      <c r="H261267" s="12"/>
    </row>
    <row r="261268" spans="8:8">
      <c r="H261268" s="12"/>
    </row>
    <row r="261269" spans="8:8">
      <c r="H261269" s="12"/>
    </row>
    <row r="261270" spans="8:8">
      <c r="H261270" s="12"/>
    </row>
    <row r="261271" spans="8:8">
      <c r="H261271" s="12"/>
    </row>
    <row r="261272" spans="8:8">
      <c r="H261272" s="12"/>
    </row>
    <row r="261273" spans="8:8">
      <c r="H261273" s="12"/>
    </row>
    <row r="261274" spans="8:8">
      <c r="H261274" s="12"/>
    </row>
    <row r="261275" spans="8:8">
      <c r="H261275" s="12"/>
    </row>
    <row r="261276" spans="8:8">
      <c r="H261276" s="12"/>
    </row>
    <row r="261277" spans="8:8">
      <c r="H261277" s="12"/>
    </row>
    <row r="261278" spans="8:8">
      <c r="H261278" s="12"/>
    </row>
    <row r="261279" spans="8:8">
      <c r="H261279" s="12"/>
    </row>
    <row r="261280" spans="8:8">
      <c r="H261280" s="12"/>
    </row>
    <row r="261281" spans="8:8">
      <c r="H261281" s="12"/>
    </row>
    <row r="261282" spans="8:8">
      <c r="H261282" s="12"/>
    </row>
    <row r="261283" spans="8:8">
      <c r="H261283" s="12"/>
    </row>
    <row r="261284" spans="8:8">
      <c r="H261284" s="12"/>
    </row>
    <row r="261285" spans="8:8">
      <c r="H261285" s="12"/>
    </row>
    <row r="261286" spans="8:8">
      <c r="H261286" s="12"/>
    </row>
    <row r="261287" spans="8:8">
      <c r="H261287" s="12"/>
    </row>
    <row r="261288" spans="8:8">
      <c r="H261288" s="12"/>
    </row>
    <row r="261289" spans="8:8">
      <c r="H261289" s="12"/>
    </row>
    <row r="261290" spans="8:8">
      <c r="H261290" s="12"/>
    </row>
    <row r="261291" spans="8:8">
      <c r="H261291" s="12"/>
    </row>
    <row r="261292" spans="8:8">
      <c r="H261292" s="12"/>
    </row>
    <row r="261293" spans="8:8">
      <c r="H261293" s="12"/>
    </row>
    <row r="261294" spans="8:8">
      <c r="H261294" s="12"/>
    </row>
    <row r="261295" spans="8:8">
      <c r="H261295" s="12"/>
    </row>
    <row r="261296" spans="8:8">
      <c r="H261296" s="12"/>
    </row>
    <row r="261297" spans="8:8">
      <c r="H261297" s="12"/>
    </row>
    <row r="261298" spans="8:8">
      <c r="H261298" s="12"/>
    </row>
    <row r="261299" spans="8:8">
      <c r="H261299" s="12"/>
    </row>
    <row r="261300" spans="8:8">
      <c r="H261300" s="12"/>
    </row>
    <row r="261301" spans="8:8">
      <c r="H261301" s="12"/>
    </row>
    <row r="261302" spans="8:8">
      <c r="H261302" s="12"/>
    </row>
    <row r="261303" spans="8:8">
      <c r="H261303" s="12"/>
    </row>
    <row r="261304" spans="8:8">
      <c r="H261304" s="12"/>
    </row>
    <row r="261305" spans="8:8">
      <c r="H261305" s="12"/>
    </row>
    <row r="261306" spans="8:8">
      <c r="H261306" s="12"/>
    </row>
    <row r="261307" spans="8:8">
      <c r="H261307" s="12"/>
    </row>
    <row r="261308" spans="8:8">
      <c r="H261308" s="12"/>
    </row>
    <row r="261309" spans="8:8">
      <c r="H261309" s="12"/>
    </row>
    <row r="261310" spans="8:8">
      <c r="H261310" s="12"/>
    </row>
    <row r="261311" spans="8:8">
      <c r="H261311" s="12"/>
    </row>
    <row r="261312" spans="8:8">
      <c r="H261312" s="12"/>
    </row>
    <row r="261313" spans="8:8">
      <c r="H261313" s="12"/>
    </row>
    <row r="261314" spans="8:8">
      <c r="H261314" s="12"/>
    </row>
    <row r="261315" spans="8:8">
      <c r="H261315" s="12"/>
    </row>
    <row r="261316" spans="8:8">
      <c r="H261316" s="12"/>
    </row>
    <row r="261317" spans="8:8">
      <c r="H261317" s="12"/>
    </row>
    <row r="261318" spans="8:8">
      <c r="H261318" s="12"/>
    </row>
    <row r="261319" spans="8:8">
      <c r="H261319" s="12"/>
    </row>
    <row r="261320" spans="8:8">
      <c r="H261320" s="12"/>
    </row>
    <row r="261321" spans="8:8">
      <c r="H261321" s="12"/>
    </row>
    <row r="261322" spans="8:8">
      <c r="H261322" s="12"/>
    </row>
    <row r="261323" spans="8:8">
      <c r="H261323" s="12"/>
    </row>
    <row r="261324" spans="8:8">
      <c r="H261324" s="12"/>
    </row>
    <row r="261325" spans="8:8">
      <c r="H261325" s="12"/>
    </row>
    <row r="261326" spans="8:8">
      <c r="H261326" s="12"/>
    </row>
    <row r="261327" spans="8:8">
      <c r="H261327" s="12"/>
    </row>
    <row r="261328" spans="8:8">
      <c r="H261328" s="12"/>
    </row>
    <row r="261329" spans="8:8">
      <c r="H261329" s="12"/>
    </row>
    <row r="261330" spans="8:8">
      <c r="H261330" s="12"/>
    </row>
    <row r="261331" spans="8:8">
      <c r="H261331" s="12"/>
    </row>
    <row r="261332" spans="8:8">
      <c r="H261332" s="12"/>
    </row>
    <row r="261333" spans="8:8">
      <c r="H261333" s="12"/>
    </row>
    <row r="261334" spans="8:8">
      <c r="H261334" s="12"/>
    </row>
    <row r="261335" spans="8:8">
      <c r="H261335" s="12"/>
    </row>
    <row r="261336" spans="8:8">
      <c r="H261336" s="12"/>
    </row>
    <row r="261337" spans="8:8">
      <c r="H261337" s="12"/>
    </row>
    <row r="261338" spans="8:8">
      <c r="H261338" s="12"/>
    </row>
    <row r="261339" spans="8:8">
      <c r="H261339" s="12"/>
    </row>
    <row r="261340" spans="8:8">
      <c r="H261340" s="12"/>
    </row>
    <row r="261341" spans="8:8">
      <c r="H261341" s="12"/>
    </row>
    <row r="261342" spans="8:8">
      <c r="H261342" s="12"/>
    </row>
    <row r="261343" spans="8:8">
      <c r="H261343" s="12"/>
    </row>
    <row r="261344" spans="8:8">
      <c r="H261344" s="12"/>
    </row>
    <row r="261345" spans="8:8">
      <c r="H261345" s="12"/>
    </row>
    <row r="261346" spans="8:8">
      <c r="H261346" s="12"/>
    </row>
    <row r="261347" spans="8:8">
      <c r="H261347" s="12"/>
    </row>
    <row r="261348" spans="8:8">
      <c r="H261348" s="12"/>
    </row>
    <row r="261349" spans="8:8">
      <c r="H261349" s="12"/>
    </row>
    <row r="261350" spans="8:8">
      <c r="H261350" s="12"/>
    </row>
    <row r="261351" spans="8:8">
      <c r="H261351" s="12"/>
    </row>
    <row r="261352" spans="8:8">
      <c r="H261352" s="12"/>
    </row>
    <row r="261353" spans="8:8">
      <c r="H261353" s="12"/>
    </row>
    <row r="261354" spans="8:8">
      <c r="H261354" s="12"/>
    </row>
    <row r="261355" spans="8:8">
      <c r="H261355" s="12"/>
    </row>
    <row r="261356" spans="8:8">
      <c r="H261356" s="12"/>
    </row>
    <row r="261357" spans="8:8">
      <c r="H261357" s="12"/>
    </row>
    <row r="261358" spans="8:8">
      <c r="H261358" s="12"/>
    </row>
    <row r="261359" spans="8:8">
      <c r="H261359" s="12"/>
    </row>
    <row r="261360" spans="8:8">
      <c r="H261360" s="12"/>
    </row>
    <row r="261361" spans="8:8">
      <c r="H261361" s="12"/>
    </row>
    <row r="261362" spans="8:8">
      <c r="H261362" s="12"/>
    </row>
    <row r="261363" spans="8:8">
      <c r="H261363" s="12"/>
    </row>
    <row r="261364" spans="8:8">
      <c r="H261364" s="12"/>
    </row>
    <row r="261365" spans="8:8">
      <c r="H261365" s="12"/>
    </row>
    <row r="261366" spans="8:8">
      <c r="H261366" s="12"/>
    </row>
    <row r="261367" spans="8:8">
      <c r="H261367" s="12"/>
    </row>
    <row r="261368" spans="8:8">
      <c r="H261368" s="12"/>
    </row>
    <row r="261369" spans="8:8">
      <c r="H261369" s="12"/>
    </row>
    <row r="261370" spans="8:8">
      <c r="H261370" s="12"/>
    </row>
    <row r="261371" spans="8:8">
      <c r="H261371" s="12"/>
    </row>
    <row r="261372" spans="8:8">
      <c r="H261372" s="12"/>
    </row>
    <row r="261373" spans="8:8">
      <c r="H261373" s="12"/>
    </row>
    <row r="261374" spans="8:8">
      <c r="H261374" s="12"/>
    </row>
    <row r="261375" spans="8:8">
      <c r="H261375" s="12"/>
    </row>
    <row r="261376" spans="8:8">
      <c r="H261376" s="12"/>
    </row>
    <row r="261377" spans="8:8">
      <c r="H261377" s="12"/>
    </row>
    <row r="261378" spans="8:8">
      <c r="H261378" s="12"/>
    </row>
    <row r="261379" spans="8:8">
      <c r="H261379" s="12"/>
    </row>
    <row r="261380" spans="8:8">
      <c r="H261380" s="12"/>
    </row>
    <row r="261381" spans="8:8">
      <c r="H261381" s="12"/>
    </row>
    <row r="261382" spans="8:8">
      <c r="H261382" s="12"/>
    </row>
    <row r="261383" spans="8:8">
      <c r="H261383" s="12"/>
    </row>
    <row r="261384" spans="8:8">
      <c r="H261384" s="12"/>
    </row>
    <row r="261385" spans="8:8">
      <c r="H261385" s="12"/>
    </row>
    <row r="261386" spans="8:8">
      <c r="H261386" s="12"/>
    </row>
    <row r="261387" spans="8:8">
      <c r="H261387" s="12"/>
    </row>
    <row r="261388" spans="8:8">
      <c r="H261388" s="12"/>
    </row>
    <row r="261389" spans="8:8">
      <c r="H261389" s="12"/>
    </row>
    <row r="261390" spans="8:8">
      <c r="H261390" s="12"/>
    </row>
    <row r="261391" spans="8:8">
      <c r="H261391" s="12"/>
    </row>
    <row r="261392" spans="8:8">
      <c r="H261392" s="12"/>
    </row>
    <row r="261393" spans="8:8">
      <c r="H261393" s="12"/>
    </row>
    <row r="261394" spans="8:8">
      <c r="H261394" s="12"/>
    </row>
    <row r="261395" spans="8:8">
      <c r="H261395" s="12"/>
    </row>
    <row r="261396" spans="8:8">
      <c r="H261396" s="12"/>
    </row>
    <row r="261397" spans="8:8">
      <c r="H261397" s="12"/>
    </row>
    <row r="261398" spans="8:8">
      <c r="H261398" s="12"/>
    </row>
    <row r="261399" spans="8:8">
      <c r="H261399" s="12"/>
    </row>
    <row r="261400" spans="8:8">
      <c r="H261400" s="12"/>
    </row>
    <row r="261401" spans="8:8">
      <c r="H261401" s="12"/>
    </row>
    <row r="261402" spans="8:8">
      <c r="H261402" s="12"/>
    </row>
    <row r="261403" spans="8:8">
      <c r="H261403" s="12"/>
    </row>
    <row r="261404" spans="8:8">
      <c r="H261404" s="12"/>
    </row>
    <row r="261405" spans="8:8">
      <c r="H261405" s="12"/>
    </row>
    <row r="261406" spans="8:8">
      <c r="H261406" s="12"/>
    </row>
    <row r="261407" spans="8:8">
      <c r="H261407" s="12"/>
    </row>
    <row r="261408" spans="8:8">
      <c r="H261408" s="12"/>
    </row>
    <row r="261409" spans="8:8">
      <c r="H261409" s="12"/>
    </row>
    <row r="261410" spans="8:8">
      <c r="H261410" s="12"/>
    </row>
    <row r="261411" spans="8:8">
      <c r="H261411" s="12"/>
    </row>
    <row r="261412" spans="8:8">
      <c r="H261412" s="12"/>
    </row>
    <row r="261413" spans="8:8">
      <c r="H261413" s="12"/>
    </row>
    <row r="261414" spans="8:8">
      <c r="H261414" s="12"/>
    </row>
    <row r="261415" spans="8:8">
      <c r="H261415" s="12"/>
    </row>
    <row r="261416" spans="8:8">
      <c r="H261416" s="12"/>
    </row>
    <row r="261417" spans="8:8">
      <c r="H261417" s="12"/>
    </row>
    <row r="261418" spans="8:8">
      <c r="H261418" s="12"/>
    </row>
    <row r="261419" spans="8:8">
      <c r="H261419" s="12"/>
    </row>
    <row r="261420" spans="8:8">
      <c r="H261420" s="12"/>
    </row>
    <row r="261421" spans="8:8">
      <c r="H261421" s="12"/>
    </row>
    <row r="261422" spans="8:8">
      <c r="H261422" s="12"/>
    </row>
    <row r="261423" spans="8:8">
      <c r="H261423" s="12"/>
    </row>
    <row r="261424" spans="8:8">
      <c r="H261424" s="12"/>
    </row>
    <row r="261425" spans="8:8">
      <c r="H261425" s="12"/>
    </row>
    <row r="261426" spans="8:8">
      <c r="H261426" s="12"/>
    </row>
    <row r="261427" spans="8:8">
      <c r="H261427" s="12"/>
    </row>
    <row r="261428" spans="8:8">
      <c r="H261428" s="12"/>
    </row>
    <row r="261429" spans="8:8">
      <c r="H261429" s="12"/>
    </row>
    <row r="261430" spans="8:8">
      <c r="H261430" s="12"/>
    </row>
    <row r="261431" spans="8:8">
      <c r="H261431" s="12"/>
    </row>
    <row r="261432" spans="8:8">
      <c r="H261432" s="12"/>
    </row>
    <row r="261433" spans="8:8">
      <c r="H261433" s="12"/>
    </row>
    <row r="261434" spans="8:8">
      <c r="H261434" s="12"/>
    </row>
    <row r="261435" spans="8:8">
      <c r="H261435" s="12"/>
    </row>
    <row r="261436" spans="8:8">
      <c r="H261436" s="12"/>
    </row>
    <row r="261437" spans="8:8">
      <c r="H261437" s="12"/>
    </row>
    <row r="261438" spans="8:8">
      <c r="H261438" s="12"/>
    </row>
    <row r="261439" spans="8:8">
      <c r="H261439" s="12"/>
    </row>
    <row r="261440" spans="8:8">
      <c r="H261440" s="12"/>
    </row>
    <row r="261441" spans="8:8">
      <c r="H261441" s="12"/>
    </row>
    <row r="261442" spans="8:8">
      <c r="H261442" s="12"/>
    </row>
    <row r="261443" spans="8:8">
      <c r="H261443" s="12"/>
    </row>
    <row r="261444" spans="8:8">
      <c r="H261444" s="12"/>
    </row>
    <row r="261445" spans="8:8">
      <c r="H261445" s="12"/>
    </row>
    <row r="261446" spans="8:8">
      <c r="H261446" s="12"/>
    </row>
    <row r="261447" spans="8:8">
      <c r="H261447" s="12"/>
    </row>
    <row r="261448" spans="8:8">
      <c r="H261448" s="12"/>
    </row>
    <row r="261449" spans="8:8">
      <c r="H261449" s="12"/>
    </row>
    <row r="261450" spans="8:8">
      <c r="H261450" s="12"/>
    </row>
    <row r="261451" spans="8:8">
      <c r="H261451" s="12"/>
    </row>
    <row r="261452" spans="8:8">
      <c r="H261452" s="12"/>
    </row>
    <row r="261453" spans="8:8">
      <c r="H261453" s="12"/>
    </row>
    <row r="261454" spans="8:8">
      <c r="H261454" s="12"/>
    </row>
    <row r="261455" spans="8:8">
      <c r="H261455" s="12"/>
    </row>
    <row r="261456" spans="8:8">
      <c r="H261456" s="12"/>
    </row>
    <row r="261457" spans="8:8">
      <c r="H261457" s="12"/>
    </row>
    <row r="261458" spans="8:8">
      <c r="H261458" s="12"/>
    </row>
    <row r="261459" spans="8:8">
      <c r="H261459" s="12"/>
    </row>
    <row r="261460" spans="8:8">
      <c r="H261460" s="12"/>
    </row>
    <row r="261461" spans="8:8">
      <c r="H261461" s="12"/>
    </row>
    <row r="261462" spans="8:8">
      <c r="H261462" s="12"/>
    </row>
    <row r="261463" spans="8:8">
      <c r="H261463" s="12"/>
    </row>
    <row r="261464" spans="8:8">
      <c r="H261464" s="12"/>
    </row>
    <row r="261465" spans="8:8">
      <c r="H261465" s="12"/>
    </row>
    <row r="261466" spans="8:8">
      <c r="H261466" s="12"/>
    </row>
    <row r="261467" spans="8:8">
      <c r="H261467" s="12"/>
    </row>
    <row r="261468" spans="8:8">
      <c r="H261468" s="12"/>
    </row>
    <row r="261469" spans="8:8">
      <c r="H261469" s="12"/>
    </row>
    <row r="261470" spans="8:8">
      <c r="H261470" s="12"/>
    </row>
    <row r="261471" spans="8:8">
      <c r="H261471" s="12"/>
    </row>
    <row r="261472" spans="8:8">
      <c r="H261472" s="12"/>
    </row>
    <row r="261473" spans="8:8">
      <c r="H261473" s="12"/>
    </row>
    <row r="261474" spans="8:8">
      <c r="H261474" s="12"/>
    </row>
    <row r="261475" spans="8:8">
      <c r="H261475" s="12"/>
    </row>
    <row r="261476" spans="8:8">
      <c r="H261476" s="12"/>
    </row>
    <row r="261477" spans="8:8">
      <c r="H261477" s="12"/>
    </row>
    <row r="261478" spans="8:8">
      <c r="H261478" s="12"/>
    </row>
    <row r="261479" spans="8:8">
      <c r="H261479" s="12"/>
    </row>
    <row r="261480" spans="8:8">
      <c r="H261480" s="12"/>
    </row>
    <row r="261481" spans="8:8">
      <c r="H261481" s="12"/>
    </row>
    <row r="261482" spans="8:8">
      <c r="H261482" s="12"/>
    </row>
    <row r="261483" spans="8:8">
      <c r="H261483" s="12"/>
    </row>
    <row r="261484" spans="8:8">
      <c r="H261484" s="12"/>
    </row>
    <row r="261485" spans="8:8">
      <c r="H261485" s="12"/>
    </row>
    <row r="261486" spans="8:8">
      <c r="H261486" s="12"/>
    </row>
    <row r="261487" spans="8:8">
      <c r="H261487" s="12"/>
    </row>
    <row r="261488" spans="8:8">
      <c r="H261488" s="12"/>
    </row>
    <row r="261489" spans="8:8">
      <c r="H261489" s="12"/>
    </row>
    <row r="261490" spans="8:8">
      <c r="H261490" s="12"/>
    </row>
    <row r="261491" spans="8:8">
      <c r="H261491" s="12"/>
    </row>
    <row r="261492" spans="8:8">
      <c r="H261492" s="12"/>
    </row>
    <row r="261493" spans="8:8">
      <c r="H261493" s="12"/>
    </row>
    <row r="261494" spans="8:8">
      <c r="H261494" s="12"/>
    </row>
    <row r="261495" spans="8:8">
      <c r="H261495" s="12"/>
    </row>
    <row r="261496" spans="8:8">
      <c r="H261496" s="12"/>
    </row>
    <row r="261497" spans="8:8">
      <c r="H261497" s="12"/>
    </row>
    <row r="261498" spans="8:8">
      <c r="H261498" s="12"/>
    </row>
    <row r="261499" spans="8:8">
      <c r="H261499" s="12"/>
    </row>
    <row r="261500" spans="8:8">
      <c r="H261500" s="12"/>
    </row>
    <row r="261501" spans="8:8">
      <c r="H261501" s="12"/>
    </row>
    <row r="261502" spans="8:8">
      <c r="H261502" s="12"/>
    </row>
    <row r="261503" spans="8:8">
      <c r="H261503" s="12"/>
    </row>
    <row r="261504" spans="8:8">
      <c r="H261504" s="12"/>
    </row>
    <row r="261505" spans="8:8">
      <c r="H261505" s="12"/>
    </row>
    <row r="261506" spans="8:8">
      <c r="H261506" s="12"/>
    </row>
    <row r="261507" spans="8:8">
      <c r="H261507" s="12"/>
    </row>
    <row r="261508" spans="8:8">
      <c r="H261508" s="12"/>
    </row>
    <row r="261509" spans="8:8">
      <c r="H261509" s="12"/>
    </row>
    <row r="261510" spans="8:8">
      <c r="H261510" s="12"/>
    </row>
    <row r="261511" spans="8:8">
      <c r="H261511" s="12"/>
    </row>
    <row r="261512" spans="8:8">
      <c r="H261512" s="12"/>
    </row>
    <row r="261513" spans="8:8">
      <c r="H261513" s="12"/>
    </row>
    <row r="261514" spans="8:8">
      <c r="H261514" s="12"/>
    </row>
    <row r="261515" spans="8:8">
      <c r="H261515" s="12"/>
    </row>
    <row r="261516" spans="8:8">
      <c r="H261516" s="12"/>
    </row>
    <row r="261517" spans="8:8">
      <c r="H261517" s="12"/>
    </row>
    <row r="261518" spans="8:8">
      <c r="H261518" s="12"/>
    </row>
    <row r="261519" spans="8:8">
      <c r="H261519" s="12"/>
    </row>
    <row r="261520" spans="8:8">
      <c r="H261520" s="12"/>
    </row>
    <row r="261521" spans="8:8">
      <c r="H261521" s="12"/>
    </row>
    <row r="261522" spans="8:8">
      <c r="H261522" s="12"/>
    </row>
    <row r="261523" spans="8:8">
      <c r="H261523" s="12"/>
    </row>
    <row r="261524" spans="8:8">
      <c r="H261524" s="12"/>
    </row>
    <row r="261525" spans="8:8">
      <c r="H261525" s="12"/>
    </row>
    <row r="261526" spans="8:8">
      <c r="H261526" s="12"/>
    </row>
    <row r="261527" spans="8:8">
      <c r="H261527" s="12"/>
    </row>
    <row r="261528" spans="8:8">
      <c r="H261528" s="12"/>
    </row>
    <row r="261529" spans="8:8">
      <c r="H261529" s="12"/>
    </row>
    <row r="261530" spans="8:8">
      <c r="H261530" s="12"/>
    </row>
    <row r="261531" spans="8:8">
      <c r="H261531" s="12"/>
    </row>
    <row r="261532" spans="8:8">
      <c r="H261532" s="12"/>
    </row>
    <row r="261533" spans="8:8">
      <c r="H261533" s="12"/>
    </row>
    <row r="261534" spans="8:8">
      <c r="H261534" s="12"/>
    </row>
    <row r="261535" spans="8:8">
      <c r="H261535" s="12"/>
    </row>
    <row r="261536" spans="8:8">
      <c r="H261536" s="12"/>
    </row>
    <row r="261537" spans="8:8">
      <c r="H261537" s="12"/>
    </row>
    <row r="261538" spans="8:8">
      <c r="H261538" s="12"/>
    </row>
    <row r="261539" spans="8:8">
      <c r="H261539" s="12"/>
    </row>
    <row r="261540" spans="8:8">
      <c r="H261540" s="12"/>
    </row>
    <row r="261541" spans="8:8">
      <c r="H261541" s="12"/>
    </row>
    <row r="261542" spans="8:8">
      <c r="H261542" s="12"/>
    </row>
    <row r="261543" spans="8:8">
      <c r="H261543" s="12"/>
    </row>
    <row r="261544" spans="8:8">
      <c r="H261544" s="12"/>
    </row>
    <row r="261545" spans="8:8">
      <c r="H261545" s="12"/>
    </row>
    <row r="261546" spans="8:8">
      <c r="H261546" s="12"/>
    </row>
    <row r="261547" spans="8:8">
      <c r="H261547" s="12"/>
    </row>
    <row r="261548" spans="8:8">
      <c r="H261548" s="12"/>
    </row>
    <row r="261549" spans="8:8">
      <c r="H261549" s="12"/>
    </row>
    <row r="261550" spans="8:8">
      <c r="H261550" s="12"/>
    </row>
    <row r="261551" spans="8:8">
      <c r="H261551" s="12"/>
    </row>
    <row r="261552" spans="8:8">
      <c r="H261552" s="12"/>
    </row>
    <row r="261553" spans="8:8">
      <c r="H261553" s="12"/>
    </row>
    <row r="261554" spans="8:8">
      <c r="H261554" s="12"/>
    </row>
    <row r="261555" spans="8:8">
      <c r="H261555" s="12"/>
    </row>
    <row r="261556" spans="8:8">
      <c r="H261556" s="12"/>
    </row>
    <row r="261557" spans="8:8">
      <c r="H261557" s="12"/>
    </row>
    <row r="261558" spans="8:8">
      <c r="H261558" s="12"/>
    </row>
    <row r="261559" spans="8:8">
      <c r="H261559" s="12"/>
    </row>
    <row r="261560" spans="8:8">
      <c r="H261560" s="12"/>
    </row>
    <row r="261561" spans="8:8">
      <c r="H261561" s="12"/>
    </row>
    <row r="261562" spans="8:8">
      <c r="H261562" s="12"/>
    </row>
    <row r="261563" spans="8:8">
      <c r="H261563" s="12"/>
    </row>
    <row r="261564" spans="8:8">
      <c r="H261564" s="12"/>
    </row>
    <row r="261565" spans="8:8">
      <c r="H261565" s="12"/>
    </row>
    <row r="261566" spans="8:8">
      <c r="H261566" s="12"/>
    </row>
    <row r="261567" spans="8:8">
      <c r="H261567" s="12"/>
    </row>
    <row r="261568" spans="8:8">
      <c r="H261568" s="12"/>
    </row>
    <row r="261569" spans="8:8">
      <c r="H261569" s="12"/>
    </row>
    <row r="261570" spans="8:8">
      <c r="H261570" s="12"/>
    </row>
    <row r="261571" spans="8:8">
      <c r="H261571" s="12"/>
    </row>
    <row r="261572" spans="8:8">
      <c r="H261572" s="12"/>
    </row>
    <row r="261573" spans="8:8">
      <c r="H261573" s="12"/>
    </row>
    <row r="261574" spans="8:8">
      <c r="H261574" s="12"/>
    </row>
    <row r="261575" spans="8:8">
      <c r="H261575" s="12"/>
    </row>
    <row r="261576" spans="8:8">
      <c r="H261576" s="12"/>
    </row>
    <row r="261577" spans="8:8">
      <c r="H261577" s="12"/>
    </row>
    <row r="261578" spans="8:8">
      <c r="H261578" s="12"/>
    </row>
    <row r="261579" spans="8:8">
      <c r="H261579" s="12"/>
    </row>
    <row r="261580" spans="8:8">
      <c r="H261580" s="12"/>
    </row>
    <row r="261581" spans="8:8">
      <c r="H261581" s="12"/>
    </row>
    <row r="261582" spans="8:8">
      <c r="H261582" s="12"/>
    </row>
    <row r="261583" spans="8:8">
      <c r="H261583" s="12"/>
    </row>
    <row r="261584" spans="8:8">
      <c r="H261584" s="12"/>
    </row>
    <row r="261585" spans="8:8">
      <c r="H261585" s="12"/>
    </row>
    <row r="261586" spans="8:8">
      <c r="H261586" s="12"/>
    </row>
    <row r="261587" spans="8:8">
      <c r="H261587" s="12"/>
    </row>
    <row r="261588" spans="8:8">
      <c r="H261588" s="12"/>
    </row>
    <row r="261589" spans="8:8">
      <c r="H261589" s="12"/>
    </row>
    <row r="261590" spans="8:8">
      <c r="H261590" s="12"/>
    </row>
    <row r="261591" spans="8:8">
      <c r="H261591" s="12"/>
    </row>
    <row r="261592" spans="8:8">
      <c r="H261592" s="12"/>
    </row>
    <row r="261593" spans="8:8">
      <c r="H261593" s="12"/>
    </row>
    <row r="261594" spans="8:8">
      <c r="H261594" s="12"/>
    </row>
    <row r="261595" spans="8:8">
      <c r="H261595" s="12"/>
    </row>
    <row r="261596" spans="8:8">
      <c r="H261596" s="12"/>
    </row>
    <row r="261597" spans="8:8">
      <c r="H261597" s="12"/>
    </row>
    <row r="261598" spans="8:8">
      <c r="H261598" s="12"/>
    </row>
    <row r="261599" spans="8:8">
      <c r="H261599" s="12"/>
    </row>
    <row r="261600" spans="8:8">
      <c r="H261600" s="12"/>
    </row>
    <row r="261601" spans="8:8">
      <c r="H261601" s="12"/>
    </row>
    <row r="261602" spans="8:8">
      <c r="H261602" s="12"/>
    </row>
    <row r="261603" spans="8:8">
      <c r="H261603" s="12"/>
    </row>
    <row r="261604" spans="8:8">
      <c r="H261604" s="12"/>
    </row>
    <row r="261605" spans="8:8">
      <c r="H261605" s="12"/>
    </row>
    <row r="261606" spans="8:8">
      <c r="H261606" s="12"/>
    </row>
    <row r="261607" spans="8:8">
      <c r="H261607" s="12"/>
    </row>
    <row r="261608" spans="8:8">
      <c r="H261608" s="12"/>
    </row>
    <row r="261609" spans="8:8">
      <c r="H261609" s="12"/>
    </row>
    <row r="261610" spans="8:8">
      <c r="H261610" s="12"/>
    </row>
    <row r="261611" spans="8:8">
      <c r="H261611" s="12"/>
    </row>
    <row r="261612" spans="8:8">
      <c r="H261612" s="12"/>
    </row>
    <row r="261613" spans="8:8">
      <c r="H261613" s="12"/>
    </row>
    <row r="261614" spans="8:8">
      <c r="H261614" s="12"/>
    </row>
    <row r="261615" spans="8:8">
      <c r="H261615" s="12"/>
    </row>
    <row r="261616" spans="8:8">
      <c r="H261616" s="12"/>
    </row>
    <row r="261617" spans="8:8">
      <c r="H261617" s="12"/>
    </row>
    <row r="261618" spans="8:8">
      <c r="H261618" s="12"/>
    </row>
    <row r="261619" spans="8:8">
      <c r="H261619" s="12"/>
    </row>
    <row r="261620" spans="8:8">
      <c r="H261620" s="12"/>
    </row>
    <row r="261621" spans="8:8">
      <c r="H261621" s="12"/>
    </row>
    <row r="261622" spans="8:8">
      <c r="H261622" s="12"/>
    </row>
    <row r="261623" spans="8:8">
      <c r="H261623" s="12"/>
    </row>
    <row r="261624" spans="8:8">
      <c r="H261624" s="12"/>
    </row>
    <row r="261625" spans="8:8">
      <c r="H261625" s="12"/>
    </row>
    <row r="261626" spans="8:8">
      <c r="H261626" s="12"/>
    </row>
    <row r="261627" spans="8:8">
      <c r="H261627" s="12"/>
    </row>
    <row r="261628" spans="8:8">
      <c r="H261628" s="12"/>
    </row>
    <row r="261629" spans="8:8">
      <c r="H261629" s="12"/>
    </row>
    <row r="261630" spans="8:8">
      <c r="H261630" s="12"/>
    </row>
    <row r="261631" spans="8:8">
      <c r="H261631" s="12"/>
    </row>
    <row r="261632" spans="8:8">
      <c r="H261632" s="12"/>
    </row>
    <row r="261633" spans="8:8">
      <c r="H261633" s="12"/>
    </row>
    <row r="261634" spans="8:8">
      <c r="H261634" s="12"/>
    </row>
    <row r="261635" spans="8:8">
      <c r="H261635" s="12"/>
    </row>
    <row r="261636" spans="8:8">
      <c r="H261636" s="12"/>
    </row>
    <row r="261637" spans="8:8">
      <c r="H261637" s="12"/>
    </row>
    <row r="261638" spans="8:8">
      <c r="H261638" s="12"/>
    </row>
    <row r="261639" spans="8:8">
      <c r="H261639" s="12"/>
    </row>
    <row r="261640" spans="8:8">
      <c r="H261640" s="12"/>
    </row>
    <row r="261641" spans="8:8">
      <c r="H261641" s="12"/>
    </row>
    <row r="261642" spans="8:8">
      <c r="H261642" s="12"/>
    </row>
    <row r="261643" spans="8:8">
      <c r="H261643" s="12"/>
    </row>
    <row r="261644" spans="8:8">
      <c r="H261644" s="12"/>
    </row>
    <row r="261645" spans="8:8">
      <c r="H261645" s="12"/>
    </row>
    <row r="261646" spans="8:8">
      <c r="H261646" s="12"/>
    </row>
    <row r="261647" spans="8:8">
      <c r="H261647" s="12"/>
    </row>
    <row r="261648" spans="8:8">
      <c r="H261648" s="12"/>
    </row>
    <row r="261649" spans="8:8">
      <c r="H261649" s="12"/>
    </row>
    <row r="261650" spans="8:8">
      <c r="H261650" s="12"/>
    </row>
    <row r="261651" spans="8:8">
      <c r="H261651" s="12"/>
    </row>
    <row r="261652" spans="8:8">
      <c r="H261652" s="12"/>
    </row>
    <row r="261653" spans="8:8">
      <c r="H261653" s="12"/>
    </row>
    <row r="261654" spans="8:8">
      <c r="H261654" s="12"/>
    </row>
    <row r="261655" spans="8:8">
      <c r="H261655" s="12"/>
    </row>
    <row r="261656" spans="8:8">
      <c r="H261656" s="12"/>
    </row>
    <row r="261657" spans="8:8">
      <c r="H261657" s="12"/>
    </row>
    <row r="261658" spans="8:8">
      <c r="H261658" s="12"/>
    </row>
    <row r="261659" spans="8:8">
      <c r="H261659" s="12"/>
    </row>
    <row r="261660" spans="8:8">
      <c r="H261660" s="12"/>
    </row>
    <row r="261661" spans="8:8">
      <c r="H261661" s="12"/>
    </row>
    <row r="261662" spans="8:8">
      <c r="H261662" s="12"/>
    </row>
    <row r="261663" spans="8:8">
      <c r="H261663" s="12"/>
    </row>
    <row r="261664" spans="8:8">
      <c r="H261664" s="12"/>
    </row>
    <row r="261665" spans="8:8">
      <c r="H261665" s="12"/>
    </row>
    <row r="261666" spans="8:8">
      <c r="H261666" s="12"/>
    </row>
    <row r="261667" spans="8:8">
      <c r="H261667" s="12"/>
    </row>
    <row r="261668" spans="8:8">
      <c r="H261668" s="12"/>
    </row>
    <row r="261669" spans="8:8">
      <c r="H261669" s="12"/>
    </row>
    <row r="261670" spans="8:8">
      <c r="H261670" s="12"/>
    </row>
    <row r="261671" spans="8:8">
      <c r="H261671" s="12"/>
    </row>
    <row r="261672" spans="8:8">
      <c r="H261672" s="12"/>
    </row>
    <row r="261673" spans="8:8">
      <c r="H261673" s="12"/>
    </row>
    <row r="261674" spans="8:8">
      <c r="H261674" s="12"/>
    </row>
    <row r="261675" spans="8:8">
      <c r="H261675" s="12"/>
    </row>
    <row r="261676" spans="8:8">
      <c r="H261676" s="12"/>
    </row>
    <row r="261677" spans="8:8">
      <c r="H261677" s="12"/>
    </row>
    <row r="261678" spans="8:8">
      <c r="H261678" s="12"/>
    </row>
    <row r="261679" spans="8:8">
      <c r="H261679" s="12"/>
    </row>
    <row r="261680" spans="8:8">
      <c r="H261680" s="12"/>
    </row>
    <row r="261681" spans="8:8">
      <c r="H261681" s="12"/>
    </row>
    <row r="261682" spans="8:8">
      <c r="H261682" s="12"/>
    </row>
    <row r="261683" spans="8:8">
      <c r="H261683" s="12"/>
    </row>
    <row r="261684" spans="8:8">
      <c r="H261684" s="12"/>
    </row>
    <row r="261685" spans="8:8">
      <c r="H261685" s="12"/>
    </row>
    <row r="261686" spans="8:8">
      <c r="H261686" s="12"/>
    </row>
    <row r="261687" spans="8:8">
      <c r="H261687" s="12"/>
    </row>
    <row r="261688" spans="8:8">
      <c r="H261688" s="12"/>
    </row>
    <row r="261689" spans="8:8">
      <c r="H261689" s="12"/>
    </row>
    <row r="261690" spans="8:8">
      <c r="H261690" s="12"/>
    </row>
    <row r="261691" spans="8:8">
      <c r="H261691" s="12"/>
    </row>
    <row r="261692" spans="8:8">
      <c r="H261692" s="12"/>
    </row>
    <row r="261693" spans="8:8">
      <c r="H261693" s="12"/>
    </row>
    <row r="261694" spans="8:8">
      <c r="H261694" s="12"/>
    </row>
    <row r="261695" spans="8:8">
      <c r="H261695" s="12"/>
    </row>
    <row r="261696" spans="8:8">
      <c r="H261696" s="12"/>
    </row>
    <row r="261697" spans="8:8">
      <c r="H261697" s="12"/>
    </row>
    <row r="261698" spans="8:8">
      <c r="H261698" s="12"/>
    </row>
    <row r="261699" spans="8:8">
      <c r="H261699" s="12"/>
    </row>
    <row r="261700" spans="8:8">
      <c r="H261700" s="12"/>
    </row>
    <row r="261701" spans="8:8">
      <c r="H261701" s="12"/>
    </row>
    <row r="261702" spans="8:8">
      <c r="H261702" s="12"/>
    </row>
    <row r="261703" spans="8:8">
      <c r="H261703" s="12"/>
    </row>
    <row r="261704" spans="8:8">
      <c r="H261704" s="12"/>
    </row>
    <row r="261705" spans="8:8">
      <c r="H261705" s="12"/>
    </row>
    <row r="261706" spans="8:8">
      <c r="H261706" s="12"/>
    </row>
    <row r="261707" spans="8:8">
      <c r="H261707" s="12"/>
    </row>
    <row r="261708" spans="8:8">
      <c r="H261708" s="12"/>
    </row>
    <row r="261709" spans="8:8">
      <c r="H261709" s="12"/>
    </row>
    <row r="261710" spans="8:8">
      <c r="H261710" s="12"/>
    </row>
    <row r="261711" spans="8:8">
      <c r="H261711" s="12"/>
    </row>
    <row r="261712" spans="8:8">
      <c r="H261712" s="12"/>
    </row>
    <row r="261713" spans="8:8">
      <c r="H261713" s="12"/>
    </row>
    <row r="261714" spans="8:8">
      <c r="H261714" s="12"/>
    </row>
    <row r="261715" spans="8:8">
      <c r="H261715" s="12"/>
    </row>
    <row r="261716" spans="8:8">
      <c r="H261716" s="12"/>
    </row>
    <row r="261717" spans="8:8">
      <c r="H261717" s="12"/>
    </row>
    <row r="261718" spans="8:8">
      <c r="H261718" s="12"/>
    </row>
    <row r="261719" spans="8:8">
      <c r="H261719" s="12"/>
    </row>
    <row r="261720" spans="8:8">
      <c r="H261720" s="12"/>
    </row>
    <row r="261721" spans="8:8">
      <c r="H261721" s="12"/>
    </row>
    <row r="261722" spans="8:8">
      <c r="H261722" s="12"/>
    </row>
    <row r="261723" spans="8:8">
      <c r="H261723" s="12"/>
    </row>
    <row r="261724" spans="8:8">
      <c r="H261724" s="12"/>
    </row>
    <row r="261725" spans="8:8">
      <c r="H261725" s="12"/>
    </row>
    <row r="261726" spans="8:8">
      <c r="H261726" s="12"/>
    </row>
    <row r="261727" spans="8:8">
      <c r="H261727" s="12"/>
    </row>
    <row r="261728" spans="8:8">
      <c r="H261728" s="12"/>
    </row>
    <row r="261729" spans="8:8">
      <c r="H261729" s="12"/>
    </row>
    <row r="261730" spans="8:8">
      <c r="H261730" s="12"/>
    </row>
    <row r="261731" spans="8:8">
      <c r="H261731" s="12"/>
    </row>
    <row r="261732" spans="8:8">
      <c r="H261732" s="12"/>
    </row>
    <row r="261733" spans="8:8">
      <c r="H261733" s="12"/>
    </row>
    <row r="261734" spans="8:8">
      <c r="H261734" s="12"/>
    </row>
    <row r="261735" spans="8:8">
      <c r="H261735" s="12"/>
    </row>
    <row r="261736" spans="8:8">
      <c r="H261736" s="12"/>
    </row>
    <row r="261737" spans="8:8">
      <c r="H261737" s="12"/>
    </row>
    <row r="261738" spans="8:8">
      <c r="H261738" s="12"/>
    </row>
    <row r="261739" spans="8:8">
      <c r="H261739" s="12"/>
    </row>
    <row r="261740" spans="8:8">
      <c r="H261740" s="12"/>
    </row>
    <row r="261741" spans="8:8">
      <c r="H261741" s="12"/>
    </row>
    <row r="261742" spans="8:8">
      <c r="H261742" s="12"/>
    </row>
    <row r="261743" spans="8:8">
      <c r="H261743" s="12"/>
    </row>
    <row r="261744" spans="8:8">
      <c r="H261744" s="12"/>
    </row>
    <row r="261745" spans="8:8">
      <c r="H261745" s="12"/>
    </row>
    <row r="261746" spans="8:8">
      <c r="H261746" s="12"/>
    </row>
    <row r="261747" spans="8:8">
      <c r="H261747" s="12"/>
    </row>
    <row r="261748" spans="8:8">
      <c r="H261748" s="12"/>
    </row>
    <row r="261749" spans="8:8">
      <c r="H261749" s="12"/>
    </row>
    <row r="261750" spans="8:8">
      <c r="H261750" s="12"/>
    </row>
    <row r="261751" spans="8:8">
      <c r="H261751" s="12"/>
    </row>
    <row r="261752" spans="8:8">
      <c r="H261752" s="12"/>
    </row>
    <row r="261753" spans="8:8">
      <c r="H261753" s="12"/>
    </row>
    <row r="261754" spans="8:8">
      <c r="H261754" s="12"/>
    </row>
    <row r="261755" spans="8:8">
      <c r="H261755" s="12"/>
    </row>
    <row r="261756" spans="8:8">
      <c r="H261756" s="12"/>
    </row>
    <row r="261757" spans="8:8">
      <c r="H261757" s="12"/>
    </row>
    <row r="261758" spans="8:8">
      <c r="H261758" s="12"/>
    </row>
    <row r="261759" spans="8:8">
      <c r="H261759" s="12"/>
    </row>
    <row r="261760" spans="8:8">
      <c r="H261760" s="12"/>
    </row>
    <row r="261761" spans="8:8">
      <c r="H261761" s="12"/>
    </row>
    <row r="261762" spans="8:8">
      <c r="H261762" s="12"/>
    </row>
    <row r="261763" spans="8:8">
      <c r="H261763" s="12"/>
    </row>
    <row r="261764" spans="8:8">
      <c r="H261764" s="12"/>
    </row>
    <row r="261765" spans="8:8">
      <c r="H261765" s="12"/>
    </row>
    <row r="261766" spans="8:8">
      <c r="H261766" s="12"/>
    </row>
    <row r="261767" spans="8:8">
      <c r="H261767" s="12"/>
    </row>
    <row r="261768" spans="8:8">
      <c r="H261768" s="12"/>
    </row>
    <row r="261769" spans="8:8">
      <c r="H261769" s="12"/>
    </row>
    <row r="261770" spans="8:8">
      <c r="H261770" s="12"/>
    </row>
    <row r="261771" spans="8:8">
      <c r="H261771" s="12"/>
    </row>
    <row r="261772" spans="8:8">
      <c r="H261772" s="12"/>
    </row>
    <row r="261773" spans="8:8">
      <c r="H261773" s="12"/>
    </row>
    <row r="261774" spans="8:8">
      <c r="H261774" s="12"/>
    </row>
    <row r="261775" spans="8:8">
      <c r="H261775" s="12"/>
    </row>
    <row r="261776" spans="8:8">
      <c r="H261776" s="12"/>
    </row>
    <row r="261777" spans="8:8">
      <c r="H261777" s="12"/>
    </row>
    <row r="261778" spans="8:8">
      <c r="H261778" s="12"/>
    </row>
    <row r="261779" spans="8:8">
      <c r="H261779" s="12"/>
    </row>
    <row r="261780" spans="8:8">
      <c r="H261780" s="12"/>
    </row>
    <row r="261781" spans="8:8">
      <c r="H261781" s="12"/>
    </row>
    <row r="261782" spans="8:8">
      <c r="H261782" s="12"/>
    </row>
    <row r="261783" spans="8:8">
      <c r="H261783" s="12"/>
    </row>
    <row r="261784" spans="8:8">
      <c r="H261784" s="12"/>
    </row>
    <row r="261785" spans="8:8">
      <c r="H261785" s="12"/>
    </row>
    <row r="261786" spans="8:8">
      <c r="H261786" s="12"/>
    </row>
    <row r="261787" spans="8:8">
      <c r="H261787" s="12"/>
    </row>
    <row r="261788" spans="8:8">
      <c r="H261788" s="12"/>
    </row>
    <row r="261789" spans="8:8">
      <c r="H261789" s="12"/>
    </row>
    <row r="261790" spans="8:8">
      <c r="H261790" s="12"/>
    </row>
    <row r="261791" spans="8:8">
      <c r="H261791" s="12"/>
    </row>
    <row r="261792" spans="8:8">
      <c r="H261792" s="12"/>
    </row>
    <row r="261793" spans="8:8">
      <c r="H261793" s="12"/>
    </row>
    <row r="261794" spans="8:8">
      <c r="H261794" s="12"/>
    </row>
    <row r="261795" spans="8:8">
      <c r="H261795" s="12"/>
    </row>
    <row r="261796" spans="8:8">
      <c r="H261796" s="12"/>
    </row>
    <row r="261797" spans="8:8">
      <c r="H261797" s="12"/>
    </row>
    <row r="261798" spans="8:8">
      <c r="H261798" s="12"/>
    </row>
    <row r="261799" spans="8:8">
      <c r="H261799" s="12"/>
    </row>
    <row r="261800" spans="8:8">
      <c r="H261800" s="12"/>
    </row>
    <row r="261801" spans="8:8">
      <c r="H261801" s="12"/>
    </row>
    <row r="261802" spans="8:8">
      <c r="H261802" s="12"/>
    </row>
    <row r="261803" spans="8:8">
      <c r="H261803" s="12"/>
    </row>
    <row r="261804" spans="8:8">
      <c r="H261804" s="12"/>
    </row>
    <row r="261805" spans="8:8">
      <c r="H261805" s="12"/>
    </row>
    <row r="261806" spans="8:8">
      <c r="H261806" s="12"/>
    </row>
    <row r="261807" spans="8:8">
      <c r="H261807" s="12"/>
    </row>
    <row r="261808" spans="8:8">
      <c r="H261808" s="12"/>
    </row>
    <row r="261809" spans="8:8">
      <c r="H261809" s="12"/>
    </row>
    <row r="261810" spans="8:8">
      <c r="H261810" s="12"/>
    </row>
    <row r="261811" spans="8:8">
      <c r="H261811" s="12"/>
    </row>
    <row r="261812" spans="8:8">
      <c r="H261812" s="12"/>
    </row>
    <row r="261813" spans="8:8">
      <c r="H261813" s="12"/>
    </row>
    <row r="261814" spans="8:8">
      <c r="H261814" s="12"/>
    </row>
    <row r="261815" spans="8:8">
      <c r="H261815" s="12"/>
    </row>
    <row r="261816" spans="8:8">
      <c r="H261816" s="12"/>
    </row>
    <row r="261817" spans="8:8">
      <c r="H261817" s="12"/>
    </row>
    <row r="261818" spans="8:8">
      <c r="H261818" s="12"/>
    </row>
    <row r="261819" spans="8:8">
      <c r="H261819" s="12"/>
    </row>
    <row r="261820" spans="8:8">
      <c r="H261820" s="12"/>
    </row>
    <row r="261821" spans="8:8">
      <c r="H261821" s="12"/>
    </row>
    <row r="261822" spans="8:8">
      <c r="H261822" s="12"/>
    </row>
    <row r="261823" spans="8:8">
      <c r="H261823" s="12"/>
    </row>
    <row r="261824" spans="8:8">
      <c r="H261824" s="12"/>
    </row>
    <row r="261825" spans="8:8">
      <c r="H261825" s="12"/>
    </row>
    <row r="261826" spans="8:8">
      <c r="H261826" s="12"/>
    </row>
    <row r="261827" spans="8:8">
      <c r="H261827" s="12"/>
    </row>
    <row r="261828" spans="8:8">
      <c r="H261828" s="12"/>
    </row>
    <row r="261829" spans="8:8">
      <c r="H261829" s="12"/>
    </row>
    <row r="261830" spans="8:8">
      <c r="H261830" s="12"/>
    </row>
    <row r="261831" spans="8:8">
      <c r="H261831" s="12"/>
    </row>
    <row r="261832" spans="8:8">
      <c r="H261832" s="12"/>
    </row>
    <row r="261833" spans="8:8">
      <c r="H261833" s="12"/>
    </row>
    <row r="261834" spans="8:8">
      <c r="H261834" s="12"/>
    </row>
    <row r="261835" spans="8:8">
      <c r="H261835" s="12"/>
    </row>
    <row r="261836" spans="8:8">
      <c r="H261836" s="12"/>
    </row>
    <row r="261837" spans="8:8">
      <c r="H261837" s="12"/>
    </row>
    <row r="261838" spans="8:8">
      <c r="H261838" s="12"/>
    </row>
    <row r="261839" spans="8:8">
      <c r="H261839" s="12"/>
    </row>
    <row r="261840" spans="8:8">
      <c r="H261840" s="12"/>
    </row>
    <row r="261841" spans="8:8">
      <c r="H261841" s="12"/>
    </row>
    <row r="261842" spans="8:8">
      <c r="H261842" s="12"/>
    </row>
    <row r="261843" spans="8:8">
      <c r="H261843" s="12"/>
    </row>
    <row r="261844" spans="8:8">
      <c r="H261844" s="12"/>
    </row>
    <row r="261845" spans="8:8">
      <c r="H261845" s="12"/>
    </row>
    <row r="261846" spans="8:8">
      <c r="H261846" s="12"/>
    </row>
    <row r="261847" spans="8:8">
      <c r="H261847" s="12"/>
    </row>
    <row r="261848" spans="8:8">
      <c r="H261848" s="12"/>
    </row>
    <row r="261849" spans="8:8">
      <c r="H261849" s="12"/>
    </row>
    <row r="261850" spans="8:8">
      <c r="H261850" s="12"/>
    </row>
    <row r="261851" spans="8:8">
      <c r="H261851" s="12"/>
    </row>
    <row r="261852" spans="8:8">
      <c r="H261852" s="12"/>
    </row>
    <row r="261853" spans="8:8">
      <c r="H261853" s="12"/>
    </row>
    <row r="261854" spans="8:8">
      <c r="H261854" s="12"/>
    </row>
    <row r="261855" spans="8:8">
      <c r="H261855" s="12"/>
    </row>
    <row r="261856" spans="8:8">
      <c r="H261856" s="12"/>
    </row>
    <row r="261857" spans="8:8">
      <c r="H261857" s="12"/>
    </row>
    <row r="261858" spans="8:8">
      <c r="H261858" s="12"/>
    </row>
    <row r="261859" spans="8:8">
      <c r="H261859" s="12"/>
    </row>
    <row r="261860" spans="8:8">
      <c r="H261860" s="12"/>
    </row>
    <row r="261861" spans="8:8">
      <c r="H261861" s="12"/>
    </row>
    <row r="261862" spans="8:8">
      <c r="H261862" s="12"/>
    </row>
    <row r="261863" spans="8:8">
      <c r="H261863" s="12"/>
    </row>
    <row r="261864" spans="8:8">
      <c r="H261864" s="12"/>
    </row>
    <row r="261865" spans="8:8">
      <c r="H261865" s="12"/>
    </row>
    <row r="261866" spans="8:8">
      <c r="H261866" s="12"/>
    </row>
    <row r="261867" spans="8:8">
      <c r="H261867" s="12"/>
    </row>
    <row r="261868" spans="8:8">
      <c r="H261868" s="12"/>
    </row>
    <row r="261869" spans="8:8">
      <c r="H261869" s="12"/>
    </row>
    <row r="261870" spans="8:8">
      <c r="H261870" s="12"/>
    </row>
    <row r="261871" spans="8:8">
      <c r="H261871" s="12"/>
    </row>
    <row r="261872" spans="8:8">
      <c r="H261872" s="12"/>
    </row>
    <row r="261873" spans="8:8">
      <c r="H261873" s="12"/>
    </row>
    <row r="261874" spans="8:8">
      <c r="H261874" s="12"/>
    </row>
    <row r="261875" spans="8:8">
      <c r="H261875" s="12"/>
    </row>
    <row r="261876" spans="8:8">
      <c r="H261876" s="12"/>
    </row>
    <row r="261877" spans="8:8">
      <c r="H261877" s="12"/>
    </row>
    <row r="261878" spans="8:8">
      <c r="H261878" s="12"/>
    </row>
    <row r="261879" spans="8:8">
      <c r="H261879" s="12"/>
    </row>
    <row r="261880" spans="8:8">
      <c r="H261880" s="12"/>
    </row>
    <row r="261881" spans="8:8">
      <c r="H261881" s="12"/>
    </row>
    <row r="261882" spans="8:8">
      <c r="H261882" s="12"/>
    </row>
    <row r="261883" spans="8:8">
      <c r="H261883" s="12"/>
    </row>
    <row r="261884" spans="8:8">
      <c r="H261884" s="12"/>
    </row>
    <row r="261885" spans="8:8">
      <c r="H261885" s="12"/>
    </row>
    <row r="261886" spans="8:8">
      <c r="H261886" s="12"/>
    </row>
    <row r="261887" spans="8:8">
      <c r="H261887" s="12"/>
    </row>
    <row r="261888" spans="8:8">
      <c r="H261888" s="12"/>
    </row>
    <row r="261889" spans="8:8">
      <c r="H261889" s="12"/>
    </row>
    <row r="261890" spans="8:8">
      <c r="H261890" s="12"/>
    </row>
    <row r="261891" spans="8:8">
      <c r="H261891" s="12"/>
    </row>
    <row r="261892" spans="8:8">
      <c r="H261892" s="12"/>
    </row>
    <row r="261893" spans="8:8">
      <c r="H261893" s="12"/>
    </row>
    <row r="261894" spans="8:8">
      <c r="H261894" s="12"/>
    </row>
    <row r="261895" spans="8:8">
      <c r="H261895" s="12"/>
    </row>
    <row r="261896" spans="8:8">
      <c r="H261896" s="12"/>
    </row>
    <row r="261897" spans="8:8">
      <c r="H261897" s="12"/>
    </row>
    <row r="261898" spans="8:8">
      <c r="H261898" s="12"/>
    </row>
    <row r="261899" spans="8:8">
      <c r="H261899" s="12"/>
    </row>
    <row r="261900" spans="8:8">
      <c r="H261900" s="12"/>
    </row>
    <row r="261901" spans="8:8">
      <c r="H261901" s="12"/>
    </row>
    <row r="261902" spans="8:8">
      <c r="H261902" s="12"/>
    </row>
    <row r="261903" spans="8:8">
      <c r="H261903" s="12"/>
    </row>
    <row r="261904" spans="8:8">
      <c r="H261904" s="12"/>
    </row>
    <row r="261905" spans="8:8">
      <c r="H261905" s="12"/>
    </row>
    <row r="261906" spans="8:8">
      <c r="H261906" s="12"/>
    </row>
    <row r="261907" spans="8:8">
      <c r="H261907" s="12"/>
    </row>
    <row r="261908" spans="8:8">
      <c r="H261908" s="12"/>
    </row>
    <row r="261909" spans="8:8">
      <c r="H261909" s="12"/>
    </row>
    <row r="261910" spans="8:8">
      <c r="H261910" s="12"/>
    </row>
    <row r="261911" spans="8:8">
      <c r="H261911" s="12"/>
    </row>
    <row r="261912" spans="8:8">
      <c r="H261912" s="12"/>
    </row>
    <row r="261913" spans="8:8">
      <c r="H261913" s="12"/>
    </row>
    <row r="261914" spans="8:8">
      <c r="H261914" s="12"/>
    </row>
    <row r="261915" spans="8:8">
      <c r="H261915" s="12"/>
    </row>
    <row r="261916" spans="8:8">
      <c r="H261916" s="12"/>
    </row>
    <row r="261917" spans="8:8">
      <c r="H261917" s="12"/>
    </row>
    <row r="261918" spans="8:8">
      <c r="H261918" s="12"/>
    </row>
    <row r="261919" spans="8:8">
      <c r="H261919" s="12"/>
    </row>
    <row r="261920" spans="8:8">
      <c r="H261920" s="12"/>
    </row>
    <row r="261921" spans="8:8">
      <c r="H261921" s="12"/>
    </row>
    <row r="261922" spans="8:8">
      <c r="H261922" s="12"/>
    </row>
    <row r="261923" spans="8:8">
      <c r="H261923" s="12"/>
    </row>
    <row r="261924" spans="8:8">
      <c r="H261924" s="12"/>
    </row>
    <row r="261925" spans="8:8">
      <c r="H261925" s="12"/>
    </row>
    <row r="261926" spans="8:8">
      <c r="H261926" s="12"/>
    </row>
    <row r="261927" spans="8:8">
      <c r="H261927" s="12"/>
    </row>
    <row r="261928" spans="8:8">
      <c r="H261928" s="12"/>
    </row>
    <row r="261929" spans="8:8">
      <c r="H261929" s="12"/>
    </row>
    <row r="261930" spans="8:8">
      <c r="H261930" s="12"/>
    </row>
    <row r="261931" spans="8:8">
      <c r="H261931" s="12"/>
    </row>
    <row r="261932" spans="8:8">
      <c r="H261932" s="12"/>
    </row>
    <row r="261933" spans="8:8">
      <c r="H261933" s="12"/>
    </row>
    <row r="261934" spans="8:8">
      <c r="H261934" s="12"/>
    </row>
    <row r="261935" spans="8:8">
      <c r="H261935" s="12"/>
    </row>
    <row r="261936" spans="8:8">
      <c r="H261936" s="12"/>
    </row>
    <row r="261937" spans="8:8">
      <c r="H261937" s="12"/>
    </row>
    <row r="261938" spans="8:8">
      <c r="H261938" s="12"/>
    </row>
    <row r="261939" spans="8:8">
      <c r="H261939" s="12"/>
    </row>
    <row r="261940" spans="8:8">
      <c r="H261940" s="12"/>
    </row>
    <row r="261941" spans="8:8">
      <c r="H261941" s="12"/>
    </row>
    <row r="261942" spans="8:8">
      <c r="H261942" s="12"/>
    </row>
    <row r="261943" spans="8:8">
      <c r="H261943" s="12"/>
    </row>
    <row r="261944" spans="8:8">
      <c r="H261944" s="12"/>
    </row>
    <row r="261945" spans="8:8">
      <c r="H261945" s="12"/>
    </row>
    <row r="261946" spans="8:8">
      <c r="H261946" s="12"/>
    </row>
    <row r="261947" spans="8:8">
      <c r="H261947" s="12"/>
    </row>
    <row r="261948" spans="8:8">
      <c r="H261948" s="12"/>
    </row>
    <row r="261949" spans="8:8">
      <c r="H261949" s="12"/>
    </row>
    <row r="261950" spans="8:8">
      <c r="H261950" s="12"/>
    </row>
    <row r="261951" spans="8:8">
      <c r="H261951" s="12"/>
    </row>
    <row r="261952" spans="8:8">
      <c r="H261952" s="12"/>
    </row>
    <row r="261953" spans="8:8">
      <c r="H261953" s="12"/>
    </row>
    <row r="261954" spans="8:8">
      <c r="H261954" s="12"/>
    </row>
    <row r="261955" spans="8:8">
      <c r="H261955" s="12"/>
    </row>
    <row r="261956" spans="8:8">
      <c r="H261956" s="12"/>
    </row>
    <row r="261957" spans="8:8">
      <c r="H261957" s="12"/>
    </row>
    <row r="261958" spans="8:8">
      <c r="H261958" s="12"/>
    </row>
    <row r="261959" spans="8:8">
      <c r="H261959" s="12"/>
    </row>
    <row r="261960" spans="8:8">
      <c r="H261960" s="12"/>
    </row>
    <row r="261961" spans="8:8">
      <c r="H261961" s="12"/>
    </row>
    <row r="261962" spans="8:8">
      <c r="H261962" s="12"/>
    </row>
    <row r="261963" spans="8:8">
      <c r="H261963" s="12"/>
    </row>
    <row r="261964" spans="8:8">
      <c r="H261964" s="12"/>
    </row>
    <row r="261965" spans="8:8">
      <c r="H261965" s="12"/>
    </row>
    <row r="261966" spans="8:8">
      <c r="H261966" s="12"/>
    </row>
    <row r="261967" spans="8:8">
      <c r="H261967" s="12"/>
    </row>
    <row r="261968" spans="8:8">
      <c r="H261968" s="12"/>
    </row>
    <row r="261969" spans="8:8">
      <c r="H261969" s="12"/>
    </row>
    <row r="261970" spans="8:8">
      <c r="H261970" s="12"/>
    </row>
    <row r="261971" spans="8:8">
      <c r="H261971" s="12"/>
    </row>
    <row r="261972" spans="8:8">
      <c r="H261972" s="12"/>
    </row>
    <row r="261973" spans="8:8">
      <c r="H261973" s="12"/>
    </row>
    <row r="261974" spans="8:8">
      <c r="H261974" s="12"/>
    </row>
    <row r="261975" spans="8:8">
      <c r="H261975" s="12"/>
    </row>
    <row r="261976" spans="8:8">
      <c r="H261976" s="12"/>
    </row>
    <row r="261977" spans="8:8">
      <c r="H261977" s="12"/>
    </row>
    <row r="261978" spans="8:8">
      <c r="H261978" s="12"/>
    </row>
    <row r="261979" spans="8:8">
      <c r="H261979" s="12"/>
    </row>
    <row r="261980" spans="8:8">
      <c r="H261980" s="12"/>
    </row>
    <row r="261981" spans="8:8">
      <c r="H261981" s="12"/>
    </row>
    <row r="261982" spans="8:8">
      <c r="H261982" s="12"/>
    </row>
    <row r="261983" spans="8:8">
      <c r="H261983" s="12"/>
    </row>
    <row r="261984" spans="8:8">
      <c r="H261984" s="12"/>
    </row>
    <row r="261985" spans="8:8">
      <c r="H261985" s="12"/>
    </row>
    <row r="261986" spans="8:8">
      <c r="H261986" s="12"/>
    </row>
    <row r="261987" spans="8:8">
      <c r="H261987" s="12"/>
    </row>
    <row r="261988" spans="8:8">
      <c r="H261988" s="12"/>
    </row>
    <row r="261989" spans="8:8">
      <c r="H261989" s="12"/>
    </row>
    <row r="261990" spans="8:8">
      <c r="H261990" s="12"/>
    </row>
    <row r="261991" spans="8:8">
      <c r="H261991" s="12"/>
    </row>
    <row r="261992" spans="8:8">
      <c r="H261992" s="12"/>
    </row>
    <row r="261993" spans="8:8">
      <c r="H261993" s="12"/>
    </row>
    <row r="261994" spans="8:8">
      <c r="H261994" s="12"/>
    </row>
    <row r="261995" spans="8:8">
      <c r="H261995" s="12"/>
    </row>
    <row r="261996" spans="8:8">
      <c r="H261996" s="12"/>
    </row>
    <row r="261997" spans="8:8">
      <c r="H261997" s="12"/>
    </row>
    <row r="261998" spans="8:8">
      <c r="H261998" s="12"/>
    </row>
    <row r="261999" spans="8:8">
      <c r="H261999" s="12"/>
    </row>
    <row r="262000" spans="8:8">
      <c r="H262000" s="12"/>
    </row>
    <row r="262001" spans="8:8">
      <c r="H262001" s="12"/>
    </row>
    <row r="262002" spans="8:8">
      <c r="H262002" s="12"/>
    </row>
    <row r="262003" spans="8:8">
      <c r="H262003" s="12"/>
    </row>
    <row r="262004" spans="8:8">
      <c r="H262004" s="12"/>
    </row>
    <row r="262005" spans="8:8">
      <c r="H262005" s="12"/>
    </row>
    <row r="262006" spans="8:8">
      <c r="H262006" s="12"/>
    </row>
    <row r="262007" spans="8:8">
      <c r="H262007" s="12"/>
    </row>
    <row r="262008" spans="8:8">
      <c r="H262008" s="12"/>
    </row>
    <row r="262009" spans="8:8">
      <c r="H262009" s="12"/>
    </row>
    <row r="262010" spans="8:8">
      <c r="H262010" s="12"/>
    </row>
    <row r="262011" spans="8:8">
      <c r="H262011" s="12"/>
    </row>
    <row r="262012" spans="8:8">
      <c r="H262012" s="12"/>
    </row>
    <row r="262013" spans="8:8">
      <c r="H262013" s="12"/>
    </row>
    <row r="262014" spans="8:8">
      <c r="H262014" s="12"/>
    </row>
    <row r="262015" spans="8:8">
      <c r="H262015" s="12"/>
    </row>
    <row r="262016" spans="8:8">
      <c r="H262016" s="12"/>
    </row>
    <row r="262017" spans="8:8">
      <c r="H262017" s="12"/>
    </row>
    <row r="262018" spans="8:8">
      <c r="H262018" s="12"/>
    </row>
    <row r="262019" spans="8:8">
      <c r="H262019" s="12"/>
    </row>
    <row r="262020" spans="8:8">
      <c r="H262020" s="12"/>
    </row>
    <row r="262021" spans="8:8">
      <c r="H262021" s="12"/>
    </row>
    <row r="262022" spans="8:8">
      <c r="H262022" s="12"/>
    </row>
    <row r="262023" spans="8:8">
      <c r="H262023" s="12"/>
    </row>
    <row r="262024" spans="8:8">
      <c r="H262024" s="12"/>
    </row>
    <row r="262025" spans="8:8">
      <c r="H262025" s="12"/>
    </row>
    <row r="262026" spans="8:8">
      <c r="H262026" s="12"/>
    </row>
    <row r="262027" spans="8:8">
      <c r="H262027" s="12"/>
    </row>
    <row r="262028" spans="8:8">
      <c r="H262028" s="12"/>
    </row>
    <row r="262029" spans="8:8">
      <c r="H262029" s="12"/>
    </row>
    <row r="262030" spans="8:8">
      <c r="H262030" s="12"/>
    </row>
    <row r="262031" spans="8:8">
      <c r="H262031" s="12"/>
    </row>
    <row r="262032" spans="8:8">
      <c r="H262032" s="12"/>
    </row>
    <row r="262033" spans="8:8">
      <c r="H262033" s="12"/>
    </row>
    <row r="262034" spans="8:8">
      <c r="H262034" s="12"/>
    </row>
    <row r="262035" spans="8:8">
      <c r="H262035" s="12"/>
    </row>
    <row r="262036" spans="8:8">
      <c r="H262036" s="12"/>
    </row>
    <row r="262037" spans="8:8">
      <c r="H262037" s="12"/>
    </row>
    <row r="262038" spans="8:8">
      <c r="H262038" s="12"/>
    </row>
    <row r="262039" spans="8:8">
      <c r="H262039" s="12"/>
    </row>
    <row r="262040" spans="8:8">
      <c r="H262040" s="12"/>
    </row>
    <row r="262041" spans="8:8">
      <c r="H262041" s="12"/>
    </row>
    <row r="262042" spans="8:8">
      <c r="H262042" s="12"/>
    </row>
    <row r="262043" spans="8:8">
      <c r="H262043" s="12"/>
    </row>
    <row r="262044" spans="8:8">
      <c r="H262044" s="12"/>
    </row>
    <row r="262045" spans="8:8">
      <c r="H262045" s="12"/>
    </row>
    <row r="262046" spans="8:8">
      <c r="H262046" s="12"/>
    </row>
    <row r="262047" spans="8:8">
      <c r="H262047" s="12"/>
    </row>
    <row r="262048" spans="8:8">
      <c r="H262048" s="12"/>
    </row>
    <row r="262049" spans="8:8">
      <c r="H262049" s="12"/>
    </row>
    <row r="262050" spans="8:8">
      <c r="H262050" s="12"/>
    </row>
    <row r="262051" spans="8:8">
      <c r="H262051" s="12"/>
    </row>
    <row r="262052" spans="8:8">
      <c r="H262052" s="12"/>
    </row>
    <row r="262053" spans="8:8">
      <c r="H262053" s="12"/>
    </row>
    <row r="262054" spans="8:8">
      <c r="H262054" s="12"/>
    </row>
    <row r="262055" spans="8:8">
      <c r="H262055" s="12"/>
    </row>
    <row r="262056" spans="8:8">
      <c r="H262056" s="12"/>
    </row>
    <row r="262057" spans="8:8">
      <c r="H262057" s="12"/>
    </row>
    <row r="262058" spans="8:8">
      <c r="H262058" s="12"/>
    </row>
    <row r="262059" spans="8:8">
      <c r="H262059" s="12"/>
    </row>
    <row r="262060" spans="8:8">
      <c r="H262060" s="12"/>
    </row>
    <row r="262061" spans="8:8">
      <c r="H262061" s="12"/>
    </row>
    <row r="262062" spans="8:8">
      <c r="H262062" s="12"/>
    </row>
    <row r="262063" spans="8:8">
      <c r="H262063" s="12"/>
    </row>
    <row r="262064" spans="8:8">
      <c r="H262064" s="12"/>
    </row>
    <row r="262065" spans="8:8">
      <c r="H262065" s="12"/>
    </row>
    <row r="262066" spans="8:8">
      <c r="H262066" s="12"/>
    </row>
    <row r="262067" spans="8:8">
      <c r="H262067" s="12"/>
    </row>
    <row r="262068" spans="8:8">
      <c r="H262068" s="12"/>
    </row>
    <row r="262069" spans="8:8">
      <c r="H262069" s="12"/>
    </row>
    <row r="262070" spans="8:8">
      <c r="H262070" s="12"/>
    </row>
    <row r="262071" spans="8:8">
      <c r="H262071" s="12"/>
    </row>
    <row r="262072" spans="8:8">
      <c r="H262072" s="12"/>
    </row>
    <row r="262073" spans="8:8">
      <c r="H262073" s="12"/>
    </row>
    <row r="262074" spans="8:8">
      <c r="H262074" s="12"/>
    </row>
    <row r="262075" spans="8:8">
      <c r="H262075" s="12"/>
    </row>
    <row r="262076" spans="8:8">
      <c r="H262076" s="12"/>
    </row>
    <row r="262077" spans="8:8">
      <c r="H262077" s="12"/>
    </row>
    <row r="262078" spans="8:8">
      <c r="H262078" s="12"/>
    </row>
    <row r="262079" spans="8:8">
      <c r="H262079" s="12"/>
    </row>
    <row r="262080" spans="8:8">
      <c r="H262080" s="12"/>
    </row>
    <row r="262081" spans="8:8">
      <c r="H262081" s="12"/>
    </row>
    <row r="262082" spans="8:8">
      <c r="H262082" s="12"/>
    </row>
    <row r="262083" spans="8:8">
      <c r="H262083" s="12"/>
    </row>
    <row r="262084" spans="8:8">
      <c r="H262084" s="12"/>
    </row>
    <row r="262085" spans="8:8">
      <c r="H262085" s="12"/>
    </row>
    <row r="262086" spans="8:8">
      <c r="H262086" s="12"/>
    </row>
    <row r="262087" spans="8:8">
      <c r="H262087" s="12"/>
    </row>
    <row r="262088" spans="8:8">
      <c r="H262088" s="12"/>
    </row>
    <row r="262089" spans="8:8">
      <c r="H262089" s="12"/>
    </row>
    <row r="262090" spans="8:8">
      <c r="H262090" s="12"/>
    </row>
    <row r="262091" spans="8:8">
      <c r="H262091" s="12"/>
    </row>
    <row r="262092" spans="8:8">
      <c r="H262092" s="12"/>
    </row>
    <row r="262093" spans="8:8">
      <c r="H262093" s="12"/>
    </row>
    <row r="262094" spans="8:8">
      <c r="H262094" s="12"/>
    </row>
    <row r="262095" spans="8:8">
      <c r="H262095" s="12"/>
    </row>
    <row r="262096" spans="8:8">
      <c r="H262096" s="12"/>
    </row>
    <row r="262097" spans="8:8">
      <c r="H262097" s="12"/>
    </row>
    <row r="262098" spans="8:8">
      <c r="H262098" s="12"/>
    </row>
    <row r="262099" spans="8:8">
      <c r="H262099" s="12"/>
    </row>
    <row r="262100" spans="8:8">
      <c r="H262100" s="12"/>
    </row>
    <row r="262101" spans="8:8">
      <c r="H262101" s="12"/>
    </row>
    <row r="262102" spans="8:8">
      <c r="H262102" s="12"/>
    </row>
    <row r="262103" spans="8:8">
      <c r="H262103" s="12"/>
    </row>
    <row r="262104" spans="8:8">
      <c r="H262104" s="12"/>
    </row>
    <row r="262105" spans="8:8">
      <c r="H262105" s="12"/>
    </row>
    <row r="262106" spans="8:8">
      <c r="H262106" s="12"/>
    </row>
    <row r="262107" spans="8:8">
      <c r="H262107" s="12"/>
    </row>
    <row r="262108" spans="8:8">
      <c r="H262108" s="12"/>
    </row>
    <row r="262109" spans="8:8">
      <c r="H262109" s="12"/>
    </row>
    <row r="262110" spans="8:8">
      <c r="H262110" s="12"/>
    </row>
    <row r="262111" spans="8:8">
      <c r="H262111" s="12"/>
    </row>
    <row r="262112" spans="8:8">
      <c r="H262112" s="12"/>
    </row>
    <row r="262113" spans="8:8">
      <c r="H262113" s="12"/>
    </row>
    <row r="262114" spans="8:8">
      <c r="H262114" s="12"/>
    </row>
    <row r="262115" spans="8:8">
      <c r="H262115" s="12"/>
    </row>
    <row r="262116" spans="8:8">
      <c r="H262116" s="12"/>
    </row>
    <row r="262117" spans="8:8">
      <c r="H262117" s="12"/>
    </row>
    <row r="262118" spans="8:8">
      <c r="H262118" s="12"/>
    </row>
    <row r="262119" spans="8:8">
      <c r="H262119" s="12"/>
    </row>
    <row r="262120" spans="8:8">
      <c r="H262120" s="12"/>
    </row>
    <row r="262121" spans="8:8">
      <c r="H262121" s="12"/>
    </row>
    <row r="262122" spans="8:8">
      <c r="H262122" s="12"/>
    </row>
    <row r="262123" spans="8:8">
      <c r="H262123" s="12"/>
    </row>
    <row r="262124" spans="8:8">
      <c r="H262124" s="12"/>
    </row>
    <row r="262125" spans="8:8">
      <c r="H262125" s="12"/>
    </row>
    <row r="262126" spans="8:8">
      <c r="H262126" s="12"/>
    </row>
    <row r="262127" spans="8:8">
      <c r="H262127" s="12"/>
    </row>
    <row r="262128" spans="8:8">
      <c r="H262128" s="12"/>
    </row>
    <row r="262129" spans="8:8">
      <c r="H262129" s="12"/>
    </row>
    <row r="262130" spans="8:8">
      <c r="H262130" s="12"/>
    </row>
    <row r="262131" spans="8:8">
      <c r="H262131" s="12"/>
    </row>
    <row r="262132" spans="8:8">
      <c r="H262132" s="12"/>
    </row>
    <row r="262133" spans="8:8">
      <c r="H262133" s="12"/>
    </row>
    <row r="262134" spans="8:8">
      <c r="H262134" s="12"/>
    </row>
    <row r="262135" spans="8:8">
      <c r="H262135" s="12"/>
    </row>
    <row r="262136" spans="8:8">
      <c r="H262136" s="12"/>
    </row>
    <row r="262137" spans="8:8">
      <c r="H262137" s="12"/>
    </row>
    <row r="262138" spans="8:8">
      <c r="H262138" s="12"/>
    </row>
    <row r="262139" spans="8:8">
      <c r="H262139" s="12"/>
    </row>
    <row r="262140" spans="8:8">
      <c r="H262140" s="12"/>
    </row>
    <row r="262141" spans="8:8">
      <c r="H262141" s="12"/>
    </row>
    <row r="262142" spans="8:8">
      <c r="H262142" s="12"/>
    </row>
    <row r="262143" spans="8:8">
      <c r="H262143" s="12"/>
    </row>
    <row r="262144" spans="8:8">
      <c r="H262144" s="12"/>
    </row>
    <row r="262145" spans="8:8">
      <c r="H262145" s="12"/>
    </row>
    <row r="262146" spans="8:8">
      <c r="H262146" s="12"/>
    </row>
    <row r="262147" spans="8:8">
      <c r="H262147" s="12"/>
    </row>
    <row r="262148" spans="8:8">
      <c r="H262148" s="12"/>
    </row>
    <row r="262149" spans="8:8">
      <c r="H262149" s="12"/>
    </row>
    <row r="262150" spans="8:8">
      <c r="H262150" s="12"/>
    </row>
    <row r="262151" spans="8:8">
      <c r="H262151" s="12"/>
    </row>
    <row r="262152" spans="8:8">
      <c r="H262152" s="12"/>
    </row>
    <row r="262153" spans="8:8">
      <c r="H262153" s="12"/>
    </row>
    <row r="262154" spans="8:8">
      <c r="H262154" s="12"/>
    </row>
    <row r="262155" spans="8:8">
      <c r="H262155" s="12"/>
    </row>
    <row r="262156" spans="8:8">
      <c r="H262156" s="12"/>
    </row>
    <row r="262157" spans="8:8">
      <c r="H262157" s="12"/>
    </row>
    <row r="262158" spans="8:8">
      <c r="H262158" s="12"/>
    </row>
    <row r="262159" spans="8:8">
      <c r="H262159" s="12"/>
    </row>
    <row r="262160" spans="8:8">
      <c r="H262160" s="12"/>
    </row>
    <row r="262161" spans="8:8">
      <c r="H262161" s="12"/>
    </row>
    <row r="262162" spans="8:8">
      <c r="H262162" s="12"/>
    </row>
    <row r="262163" spans="8:8">
      <c r="H262163" s="12"/>
    </row>
    <row r="262164" spans="8:8">
      <c r="H262164" s="12"/>
    </row>
    <row r="262165" spans="8:8">
      <c r="H262165" s="12"/>
    </row>
    <row r="262166" spans="8:8">
      <c r="H262166" s="12"/>
    </row>
    <row r="262167" spans="8:8">
      <c r="H262167" s="12"/>
    </row>
    <row r="262168" spans="8:8">
      <c r="H262168" s="12"/>
    </row>
    <row r="262169" spans="8:8">
      <c r="H262169" s="12"/>
    </row>
    <row r="262170" spans="8:8">
      <c r="H262170" s="12"/>
    </row>
    <row r="262171" spans="8:8">
      <c r="H262171" s="12"/>
    </row>
    <row r="262172" spans="8:8">
      <c r="H262172" s="12"/>
    </row>
    <row r="262173" spans="8:8">
      <c r="H262173" s="12"/>
    </row>
    <row r="262174" spans="8:8">
      <c r="H262174" s="12"/>
    </row>
    <row r="262175" spans="8:8">
      <c r="H262175" s="12"/>
    </row>
    <row r="262176" spans="8:8">
      <c r="H262176" s="12"/>
    </row>
    <row r="262177" spans="8:8">
      <c r="H262177" s="12"/>
    </row>
    <row r="262178" spans="8:8">
      <c r="H262178" s="12"/>
    </row>
    <row r="262179" spans="8:8">
      <c r="H262179" s="12"/>
    </row>
    <row r="262180" spans="8:8">
      <c r="H262180" s="12"/>
    </row>
    <row r="262181" spans="8:8">
      <c r="H262181" s="12"/>
    </row>
    <row r="262182" spans="8:8">
      <c r="H262182" s="12"/>
    </row>
    <row r="262183" spans="8:8">
      <c r="H262183" s="12"/>
    </row>
    <row r="262184" spans="8:8">
      <c r="H262184" s="12"/>
    </row>
    <row r="262185" spans="8:8">
      <c r="H262185" s="12"/>
    </row>
    <row r="262186" spans="8:8">
      <c r="H262186" s="12"/>
    </row>
    <row r="262187" spans="8:8">
      <c r="H262187" s="12"/>
    </row>
    <row r="262188" spans="8:8">
      <c r="H262188" s="12"/>
    </row>
    <row r="262189" spans="8:8">
      <c r="H262189" s="12"/>
    </row>
    <row r="262190" spans="8:8">
      <c r="H262190" s="12"/>
    </row>
    <row r="262191" spans="8:8">
      <c r="H262191" s="12"/>
    </row>
    <row r="262192" spans="8:8">
      <c r="H262192" s="12"/>
    </row>
    <row r="262193" spans="8:8">
      <c r="H262193" s="12"/>
    </row>
    <row r="262194" spans="8:8">
      <c r="H262194" s="12"/>
    </row>
    <row r="262195" spans="8:8">
      <c r="H262195" s="12"/>
    </row>
    <row r="262196" spans="8:8">
      <c r="H262196" s="12"/>
    </row>
    <row r="262197" spans="8:8">
      <c r="H262197" s="12"/>
    </row>
    <row r="262198" spans="8:8">
      <c r="H262198" s="12"/>
    </row>
    <row r="262199" spans="8:8">
      <c r="H262199" s="12"/>
    </row>
    <row r="262200" spans="8:8">
      <c r="H262200" s="12"/>
    </row>
    <row r="262201" spans="8:8">
      <c r="H262201" s="12"/>
    </row>
    <row r="262202" spans="8:8">
      <c r="H262202" s="12"/>
    </row>
    <row r="262203" spans="8:8">
      <c r="H262203" s="12"/>
    </row>
    <row r="262204" spans="8:8">
      <c r="H262204" s="12"/>
    </row>
    <row r="262205" spans="8:8">
      <c r="H262205" s="12"/>
    </row>
    <row r="262206" spans="8:8">
      <c r="H262206" s="12"/>
    </row>
    <row r="262207" spans="8:8">
      <c r="H262207" s="12"/>
    </row>
    <row r="262208" spans="8:8">
      <c r="H262208" s="12"/>
    </row>
    <row r="262209" spans="8:8">
      <c r="H262209" s="12"/>
    </row>
    <row r="262210" spans="8:8">
      <c r="H262210" s="12"/>
    </row>
    <row r="262211" spans="8:8">
      <c r="H262211" s="12"/>
    </row>
    <row r="262212" spans="8:8">
      <c r="H262212" s="12"/>
    </row>
    <row r="262213" spans="8:8">
      <c r="H262213" s="12"/>
    </row>
    <row r="262214" spans="8:8">
      <c r="H262214" s="12"/>
    </row>
    <row r="262215" spans="8:8">
      <c r="H262215" s="12"/>
    </row>
    <row r="262216" spans="8:8">
      <c r="H262216" s="12"/>
    </row>
    <row r="262217" spans="8:8">
      <c r="H262217" s="12"/>
    </row>
    <row r="262218" spans="8:8">
      <c r="H262218" s="12"/>
    </row>
    <row r="262219" spans="8:8">
      <c r="H262219" s="12"/>
    </row>
    <row r="262220" spans="8:8">
      <c r="H262220" s="12"/>
    </row>
    <row r="262221" spans="8:8">
      <c r="H262221" s="12"/>
    </row>
    <row r="262222" spans="8:8">
      <c r="H262222" s="12"/>
    </row>
    <row r="262223" spans="8:8">
      <c r="H262223" s="12"/>
    </row>
    <row r="262224" spans="8:8">
      <c r="H262224" s="12"/>
    </row>
    <row r="262225" spans="8:8">
      <c r="H262225" s="12"/>
    </row>
    <row r="262226" spans="8:8">
      <c r="H262226" s="12"/>
    </row>
    <row r="262227" spans="8:8">
      <c r="H262227" s="12"/>
    </row>
    <row r="262228" spans="8:8">
      <c r="H262228" s="12"/>
    </row>
    <row r="262229" spans="8:8">
      <c r="H262229" s="12"/>
    </row>
    <row r="262230" spans="8:8">
      <c r="H262230" s="12"/>
    </row>
    <row r="262231" spans="8:8">
      <c r="H262231" s="12"/>
    </row>
    <row r="262232" spans="8:8">
      <c r="H262232" s="12"/>
    </row>
    <row r="262233" spans="8:8">
      <c r="H262233" s="12"/>
    </row>
    <row r="262234" spans="8:8">
      <c r="H262234" s="12"/>
    </row>
    <row r="262235" spans="8:8">
      <c r="H262235" s="12"/>
    </row>
    <row r="262236" spans="8:8">
      <c r="H262236" s="12"/>
    </row>
    <row r="262237" spans="8:8">
      <c r="H262237" s="12"/>
    </row>
    <row r="262238" spans="8:8">
      <c r="H262238" s="12"/>
    </row>
    <row r="262239" spans="8:8">
      <c r="H262239" s="12"/>
    </row>
    <row r="262240" spans="8:8">
      <c r="H262240" s="12"/>
    </row>
    <row r="262241" spans="8:8">
      <c r="H262241" s="12"/>
    </row>
    <row r="262242" spans="8:8">
      <c r="H262242" s="12"/>
    </row>
    <row r="262243" spans="8:8">
      <c r="H262243" s="12"/>
    </row>
    <row r="262244" spans="8:8">
      <c r="H262244" s="12"/>
    </row>
    <row r="262245" spans="8:8">
      <c r="H262245" s="12"/>
    </row>
    <row r="262246" spans="8:8">
      <c r="H262246" s="12"/>
    </row>
    <row r="262247" spans="8:8">
      <c r="H262247" s="12"/>
    </row>
    <row r="262248" spans="8:8">
      <c r="H262248" s="12"/>
    </row>
    <row r="262249" spans="8:8">
      <c r="H262249" s="12"/>
    </row>
    <row r="262250" spans="8:8">
      <c r="H262250" s="12"/>
    </row>
    <row r="262251" spans="8:8">
      <c r="H262251" s="12"/>
    </row>
    <row r="262252" spans="8:8">
      <c r="H262252" s="12"/>
    </row>
    <row r="262253" spans="8:8">
      <c r="H262253" s="12"/>
    </row>
    <row r="262254" spans="8:8">
      <c r="H262254" s="12"/>
    </row>
    <row r="262255" spans="8:8">
      <c r="H262255" s="12"/>
    </row>
    <row r="262256" spans="8:8">
      <c r="H262256" s="12"/>
    </row>
    <row r="262257" spans="8:8">
      <c r="H262257" s="12"/>
    </row>
    <row r="262258" spans="8:8">
      <c r="H262258" s="12"/>
    </row>
    <row r="262259" spans="8:8">
      <c r="H262259" s="12"/>
    </row>
    <row r="262260" spans="8:8">
      <c r="H262260" s="12"/>
    </row>
    <row r="262261" spans="8:8">
      <c r="H262261" s="12"/>
    </row>
    <row r="262262" spans="8:8">
      <c r="H262262" s="12"/>
    </row>
    <row r="262263" spans="8:8">
      <c r="H262263" s="12"/>
    </row>
    <row r="262264" spans="8:8">
      <c r="H262264" s="12"/>
    </row>
    <row r="262265" spans="8:8">
      <c r="H262265" s="12"/>
    </row>
    <row r="262266" spans="8:8">
      <c r="H262266" s="12"/>
    </row>
    <row r="262267" spans="8:8">
      <c r="H262267" s="12"/>
    </row>
    <row r="262268" spans="8:8">
      <c r="H262268" s="12"/>
    </row>
    <row r="262269" spans="8:8">
      <c r="H262269" s="12"/>
    </row>
    <row r="262270" spans="8:8">
      <c r="H262270" s="12"/>
    </row>
    <row r="262271" spans="8:8">
      <c r="H262271" s="12"/>
    </row>
    <row r="262272" spans="8:8">
      <c r="H262272" s="12"/>
    </row>
    <row r="262273" spans="8:8">
      <c r="H262273" s="12"/>
    </row>
    <row r="262274" spans="8:8">
      <c r="H262274" s="12"/>
    </row>
    <row r="262275" spans="8:8">
      <c r="H262275" s="12"/>
    </row>
    <row r="262276" spans="8:8">
      <c r="H262276" s="12"/>
    </row>
    <row r="262277" spans="8:8">
      <c r="H262277" s="12"/>
    </row>
    <row r="262278" spans="8:8">
      <c r="H262278" s="12"/>
    </row>
    <row r="262279" spans="8:8">
      <c r="H262279" s="12"/>
    </row>
    <row r="262280" spans="8:8">
      <c r="H262280" s="12"/>
    </row>
    <row r="262281" spans="8:8">
      <c r="H262281" s="12"/>
    </row>
    <row r="262282" spans="8:8">
      <c r="H262282" s="12"/>
    </row>
    <row r="262283" spans="8:8">
      <c r="H262283" s="12"/>
    </row>
    <row r="262284" spans="8:8">
      <c r="H262284" s="12"/>
    </row>
    <row r="262285" spans="8:8">
      <c r="H262285" s="12"/>
    </row>
    <row r="262286" spans="8:8">
      <c r="H262286" s="12"/>
    </row>
    <row r="262287" spans="8:8">
      <c r="H262287" s="12"/>
    </row>
    <row r="262288" spans="8:8">
      <c r="H262288" s="12"/>
    </row>
    <row r="262289" spans="8:8">
      <c r="H262289" s="12"/>
    </row>
    <row r="262290" spans="8:8">
      <c r="H262290" s="12"/>
    </row>
    <row r="262291" spans="8:8">
      <c r="H262291" s="12"/>
    </row>
    <row r="262292" spans="8:8">
      <c r="H262292" s="12"/>
    </row>
    <row r="262293" spans="8:8">
      <c r="H262293" s="12"/>
    </row>
    <row r="262294" spans="8:8">
      <c r="H262294" s="12"/>
    </row>
    <row r="262295" spans="8:8">
      <c r="H262295" s="12"/>
    </row>
    <row r="262296" spans="8:8">
      <c r="H262296" s="12"/>
    </row>
    <row r="262297" spans="8:8">
      <c r="H262297" s="12"/>
    </row>
    <row r="262298" spans="8:8">
      <c r="H262298" s="12"/>
    </row>
    <row r="262299" spans="8:8">
      <c r="H262299" s="12"/>
    </row>
    <row r="262300" spans="8:8">
      <c r="H262300" s="12"/>
    </row>
    <row r="262301" spans="8:8">
      <c r="H262301" s="12"/>
    </row>
    <row r="262302" spans="8:8">
      <c r="H262302" s="12"/>
    </row>
    <row r="262303" spans="8:8">
      <c r="H262303" s="12"/>
    </row>
    <row r="262304" spans="8:8">
      <c r="H262304" s="12"/>
    </row>
    <row r="262305" spans="8:8">
      <c r="H262305" s="12"/>
    </row>
    <row r="262306" spans="8:8">
      <c r="H262306" s="12"/>
    </row>
    <row r="262307" spans="8:8">
      <c r="H262307" s="12"/>
    </row>
    <row r="262308" spans="8:8">
      <c r="H262308" s="12"/>
    </row>
    <row r="262309" spans="8:8">
      <c r="H262309" s="12"/>
    </row>
    <row r="262310" spans="8:8">
      <c r="H262310" s="12"/>
    </row>
    <row r="262311" spans="8:8">
      <c r="H262311" s="12"/>
    </row>
    <row r="262312" spans="8:8">
      <c r="H262312" s="12"/>
    </row>
    <row r="262313" spans="8:8">
      <c r="H262313" s="12"/>
    </row>
    <row r="262314" spans="8:8">
      <c r="H262314" s="12"/>
    </row>
    <row r="262315" spans="8:8">
      <c r="H262315" s="12"/>
    </row>
    <row r="262316" spans="8:8">
      <c r="H262316" s="12"/>
    </row>
    <row r="262317" spans="8:8">
      <c r="H262317" s="12"/>
    </row>
    <row r="262318" spans="8:8">
      <c r="H262318" s="12"/>
    </row>
    <row r="262319" spans="8:8">
      <c r="H262319" s="12"/>
    </row>
    <row r="262320" spans="8:8">
      <c r="H262320" s="12"/>
    </row>
    <row r="262321" spans="8:8">
      <c r="H262321" s="12"/>
    </row>
    <row r="262322" spans="8:8">
      <c r="H262322" s="12"/>
    </row>
    <row r="262323" spans="8:8">
      <c r="H262323" s="12"/>
    </row>
    <row r="262324" spans="8:8">
      <c r="H262324" s="12"/>
    </row>
    <row r="262325" spans="8:8">
      <c r="H262325" s="12"/>
    </row>
    <row r="262326" spans="8:8">
      <c r="H262326" s="12"/>
    </row>
    <row r="262327" spans="8:8">
      <c r="H262327" s="12"/>
    </row>
    <row r="262328" spans="8:8">
      <c r="H262328" s="12"/>
    </row>
    <row r="262329" spans="8:8">
      <c r="H262329" s="12"/>
    </row>
    <row r="262330" spans="8:8">
      <c r="H262330" s="12"/>
    </row>
    <row r="262331" spans="8:8">
      <c r="H262331" s="12"/>
    </row>
    <row r="262332" spans="8:8">
      <c r="H262332" s="12"/>
    </row>
    <row r="262333" spans="8:8">
      <c r="H262333" s="12"/>
    </row>
    <row r="262334" spans="8:8">
      <c r="H262334" s="12"/>
    </row>
    <row r="262335" spans="8:8">
      <c r="H262335" s="12"/>
    </row>
    <row r="262336" spans="8:8">
      <c r="H262336" s="12"/>
    </row>
    <row r="262337" spans="8:8">
      <c r="H262337" s="12"/>
    </row>
    <row r="262338" spans="8:8">
      <c r="H262338" s="12"/>
    </row>
    <row r="262339" spans="8:8">
      <c r="H262339" s="12"/>
    </row>
    <row r="262340" spans="8:8">
      <c r="H262340" s="12"/>
    </row>
    <row r="262341" spans="8:8">
      <c r="H262341" s="12"/>
    </row>
    <row r="262342" spans="8:8">
      <c r="H262342" s="12"/>
    </row>
    <row r="262343" spans="8:8">
      <c r="H262343" s="12"/>
    </row>
    <row r="262344" spans="8:8">
      <c r="H262344" s="12"/>
    </row>
    <row r="262345" spans="8:8">
      <c r="H262345" s="12"/>
    </row>
    <row r="262346" spans="8:8">
      <c r="H262346" s="12"/>
    </row>
    <row r="262347" spans="8:8">
      <c r="H262347" s="12"/>
    </row>
    <row r="262348" spans="8:8">
      <c r="H262348" s="12"/>
    </row>
    <row r="262349" spans="8:8">
      <c r="H262349" s="12"/>
    </row>
    <row r="262350" spans="8:8">
      <c r="H262350" s="12"/>
    </row>
    <row r="262351" spans="8:8">
      <c r="H262351" s="12"/>
    </row>
    <row r="262352" spans="8:8">
      <c r="H262352" s="12"/>
    </row>
    <row r="262353" spans="8:8">
      <c r="H262353" s="12"/>
    </row>
    <row r="262354" spans="8:8">
      <c r="H262354" s="12"/>
    </row>
    <row r="262355" spans="8:8">
      <c r="H262355" s="12"/>
    </row>
    <row r="262356" spans="8:8">
      <c r="H262356" s="12"/>
    </row>
    <row r="262357" spans="8:8">
      <c r="H262357" s="12"/>
    </row>
    <row r="262358" spans="8:8">
      <c r="H262358" s="12"/>
    </row>
    <row r="262359" spans="8:8">
      <c r="H262359" s="12"/>
    </row>
    <row r="262360" spans="8:8">
      <c r="H262360" s="12"/>
    </row>
    <row r="262361" spans="8:8">
      <c r="H262361" s="12"/>
    </row>
    <row r="262362" spans="8:8">
      <c r="H262362" s="12"/>
    </row>
    <row r="262363" spans="8:8">
      <c r="H262363" s="12"/>
    </row>
    <row r="262364" spans="8:8">
      <c r="H262364" s="12"/>
    </row>
    <row r="262365" spans="8:8">
      <c r="H262365" s="12"/>
    </row>
    <row r="262366" spans="8:8">
      <c r="H262366" s="12"/>
    </row>
    <row r="262367" spans="8:8">
      <c r="H262367" s="12"/>
    </row>
    <row r="262368" spans="8:8">
      <c r="H262368" s="12"/>
    </row>
    <row r="262369" spans="8:8">
      <c r="H262369" s="12"/>
    </row>
    <row r="262370" spans="8:8">
      <c r="H262370" s="12"/>
    </row>
    <row r="262371" spans="8:8">
      <c r="H262371" s="12"/>
    </row>
    <row r="262372" spans="8:8">
      <c r="H262372" s="12"/>
    </row>
    <row r="262373" spans="8:8">
      <c r="H262373" s="12"/>
    </row>
    <row r="262374" spans="8:8">
      <c r="H262374" s="12"/>
    </row>
    <row r="262375" spans="8:8">
      <c r="H262375" s="12"/>
    </row>
    <row r="262376" spans="8:8">
      <c r="H262376" s="12"/>
    </row>
    <row r="262377" spans="8:8">
      <c r="H262377" s="12"/>
    </row>
    <row r="262378" spans="8:8">
      <c r="H262378" s="12"/>
    </row>
    <row r="262379" spans="8:8">
      <c r="H262379" s="12"/>
    </row>
    <row r="262380" spans="8:8">
      <c r="H262380" s="12"/>
    </row>
    <row r="262381" spans="8:8">
      <c r="H262381" s="12"/>
    </row>
    <row r="262382" spans="8:8">
      <c r="H262382" s="12"/>
    </row>
    <row r="262383" spans="8:8">
      <c r="H262383" s="12"/>
    </row>
    <row r="262384" spans="8:8">
      <c r="H262384" s="12"/>
    </row>
    <row r="262385" spans="8:8">
      <c r="H262385" s="12"/>
    </row>
    <row r="262386" spans="8:8">
      <c r="H262386" s="12"/>
    </row>
    <row r="262387" spans="8:8">
      <c r="H262387" s="12"/>
    </row>
    <row r="262388" spans="8:8">
      <c r="H262388" s="12"/>
    </row>
    <row r="262389" spans="8:8">
      <c r="H262389" s="12"/>
    </row>
    <row r="262390" spans="8:8">
      <c r="H262390" s="12"/>
    </row>
    <row r="262391" spans="8:8">
      <c r="H262391" s="12"/>
    </row>
    <row r="262392" spans="8:8">
      <c r="H262392" s="12"/>
    </row>
    <row r="262393" spans="8:8">
      <c r="H262393" s="12"/>
    </row>
    <row r="262394" spans="8:8">
      <c r="H262394" s="12"/>
    </row>
    <row r="262395" spans="8:8">
      <c r="H262395" s="12"/>
    </row>
    <row r="262396" spans="8:8">
      <c r="H262396" s="12"/>
    </row>
    <row r="262397" spans="8:8">
      <c r="H262397" s="12"/>
    </row>
    <row r="262398" spans="8:8">
      <c r="H262398" s="12"/>
    </row>
    <row r="262399" spans="8:8">
      <c r="H262399" s="12"/>
    </row>
    <row r="262400" spans="8:8">
      <c r="H262400" s="12"/>
    </row>
    <row r="262401" spans="8:8">
      <c r="H262401" s="12"/>
    </row>
    <row r="262402" spans="8:8">
      <c r="H262402" s="12"/>
    </row>
    <row r="262403" spans="8:8">
      <c r="H262403" s="12"/>
    </row>
    <row r="262404" spans="8:8">
      <c r="H262404" s="12"/>
    </row>
    <row r="262405" spans="8:8">
      <c r="H262405" s="12"/>
    </row>
    <row r="262406" spans="8:8">
      <c r="H262406" s="12"/>
    </row>
    <row r="262407" spans="8:8">
      <c r="H262407" s="12"/>
    </row>
    <row r="262408" spans="8:8">
      <c r="H262408" s="12"/>
    </row>
    <row r="262409" spans="8:8">
      <c r="H262409" s="12"/>
    </row>
    <row r="262410" spans="8:8">
      <c r="H262410" s="12"/>
    </row>
    <row r="262411" spans="8:8">
      <c r="H262411" s="12"/>
    </row>
    <row r="262412" spans="8:8">
      <c r="H262412" s="12"/>
    </row>
    <row r="262413" spans="8:8">
      <c r="H262413" s="12"/>
    </row>
    <row r="262414" spans="8:8">
      <c r="H262414" s="12"/>
    </row>
    <row r="262415" spans="8:8">
      <c r="H262415" s="12"/>
    </row>
    <row r="262416" spans="8:8">
      <c r="H262416" s="12"/>
    </row>
    <row r="262417" spans="8:8">
      <c r="H262417" s="12"/>
    </row>
    <row r="262418" spans="8:8">
      <c r="H262418" s="12"/>
    </row>
    <row r="262419" spans="8:8">
      <c r="H262419" s="12"/>
    </row>
    <row r="262420" spans="8:8">
      <c r="H262420" s="12"/>
    </row>
    <row r="262421" spans="8:8">
      <c r="H262421" s="12"/>
    </row>
    <row r="262422" spans="8:8">
      <c r="H262422" s="12"/>
    </row>
    <row r="262423" spans="8:8">
      <c r="H262423" s="12"/>
    </row>
    <row r="262424" spans="8:8">
      <c r="H262424" s="12"/>
    </row>
    <row r="262425" spans="8:8">
      <c r="H262425" s="12"/>
    </row>
    <row r="262426" spans="8:8">
      <c r="H262426" s="12"/>
    </row>
    <row r="262427" spans="8:8">
      <c r="H262427" s="12"/>
    </row>
    <row r="262428" spans="8:8">
      <c r="H262428" s="12"/>
    </row>
    <row r="262429" spans="8:8">
      <c r="H262429" s="12"/>
    </row>
    <row r="262430" spans="8:8">
      <c r="H262430" s="12"/>
    </row>
    <row r="262431" spans="8:8">
      <c r="H262431" s="12"/>
    </row>
    <row r="262432" spans="8:8">
      <c r="H262432" s="12"/>
    </row>
    <row r="262433" spans="8:8">
      <c r="H262433" s="12"/>
    </row>
    <row r="262434" spans="8:8">
      <c r="H262434" s="12"/>
    </row>
    <row r="262435" spans="8:8">
      <c r="H262435" s="12"/>
    </row>
    <row r="262436" spans="8:8">
      <c r="H262436" s="12"/>
    </row>
    <row r="262437" spans="8:8">
      <c r="H262437" s="12"/>
    </row>
    <row r="262438" spans="8:8">
      <c r="H262438" s="12"/>
    </row>
    <row r="262439" spans="8:8">
      <c r="H262439" s="12"/>
    </row>
    <row r="262440" spans="8:8">
      <c r="H262440" s="12"/>
    </row>
    <row r="262441" spans="8:8">
      <c r="H262441" s="12"/>
    </row>
    <row r="262442" spans="8:8">
      <c r="H262442" s="12"/>
    </row>
    <row r="262443" spans="8:8">
      <c r="H262443" s="12"/>
    </row>
    <row r="262444" spans="8:8">
      <c r="H262444" s="12"/>
    </row>
    <row r="262445" spans="8:8">
      <c r="H262445" s="12"/>
    </row>
    <row r="262446" spans="8:8">
      <c r="H262446" s="12"/>
    </row>
    <row r="262447" spans="8:8">
      <c r="H262447" s="12"/>
    </row>
    <row r="262448" spans="8:8">
      <c r="H262448" s="12"/>
    </row>
    <row r="262449" spans="8:8">
      <c r="H262449" s="12"/>
    </row>
    <row r="262450" spans="8:8">
      <c r="H262450" s="12"/>
    </row>
    <row r="262451" spans="8:8">
      <c r="H262451" s="12"/>
    </row>
    <row r="262452" spans="8:8">
      <c r="H262452" s="12"/>
    </row>
    <row r="262453" spans="8:8">
      <c r="H262453" s="12"/>
    </row>
    <row r="262454" spans="8:8">
      <c r="H262454" s="12"/>
    </row>
    <row r="262455" spans="8:8">
      <c r="H262455" s="12"/>
    </row>
    <row r="262456" spans="8:8">
      <c r="H262456" s="12"/>
    </row>
    <row r="262457" spans="8:8">
      <c r="H262457" s="12"/>
    </row>
    <row r="262458" spans="8:8">
      <c r="H262458" s="12"/>
    </row>
    <row r="262459" spans="8:8">
      <c r="H262459" s="12"/>
    </row>
    <row r="262460" spans="8:8">
      <c r="H262460" s="12"/>
    </row>
    <row r="262461" spans="8:8">
      <c r="H262461" s="12"/>
    </row>
    <row r="262462" spans="8:8">
      <c r="H262462" s="12"/>
    </row>
    <row r="262463" spans="8:8">
      <c r="H262463" s="12"/>
    </row>
    <row r="262464" spans="8:8">
      <c r="H262464" s="12"/>
    </row>
    <row r="262465" spans="8:8">
      <c r="H262465" s="12"/>
    </row>
    <row r="262466" spans="8:8">
      <c r="H262466" s="12"/>
    </row>
    <row r="262467" spans="8:8">
      <c r="H262467" s="12"/>
    </row>
    <row r="262468" spans="8:8">
      <c r="H262468" s="12"/>
    </row>
    <row r="262469" spans="8:8">
      <c r="H262469" s="12"/>
    </row>
    <row r="262470" spans="8:8">
      <c r="H262470" s="12"/>
    </row>
    <row r="262471" spans="8:8">
      <c r="H262471" s="12"/>
    </row>
    <row r="262472" spans="8:8">
      <c r="H262472" s="12"/>
    </row>
    <row r="262473" spans="8:8">
      <c r="H262473" s="12"/>
    </row>
    <row r="262474" spans="8:8">
      <c r="H262474" s="12"/>
    </row>
    <row r="262475" spans="8:8">
      <c r="H262475" s="12"/>
    </row>
    <row r="262476" spans="8:8">
      <c r="H262476" s="12"/>
    </row>
    <row r="262477" spans="8:8">
      <c r="H262477" s="12"/>
    </row>
    <row r="262478" spans="8:8">
      <c r="H262478" s="12"/>
    </row>
    <row r="262479" spans="8:8">
      <c r="H262479" s="12"/>
    </row>
    <row r="262480" spans="8:8">
      <c r="H262480" s="12"/>
    </row>
    <row r="262481" spans="8:8">
      <c r="H262481" s="12"/>
    </row>
    <row r="262482" spans="8:8">
      <c r="H262482" s="12"/>
    </row>
    <row r="262483" spans="8:8">
      <c r="H262483" s="12"/>
    </row>
    <row r="262484" spans="8:8">
      <c r="H262484" s="12"/>
    </row>
    <row r="262485" spans="8:8">
      <c r="H262485" s="12"/>
    </row>
    <row r="262486" spans="8:8">
      <c r="H262486" s="12"/>
    </row>
    <row r="262487" spans="8:8">
      <c r="H262487" s="12"/>
    </row>
    <row r="262488" spans="8:8">
      <c r="H262488" s="12"/>
    </row>
    <row r="262489" spans="8:8">
      <c r="H262489" s="12"/>
    </row>
    <row r="262490" spans="8:8">
      <c r="H262490" s="12"/>
    </row>
    <row r="262491" spans="8:8">
      <c r="H262491" s="12"/>
    </row>
    <row r="262492" spans="8:8">
      <c r="H262492" s="12"/>
    </row>
    <row r="262493" spans="8:8">
      <c r="H262493" s="12"/>
    </row>
    <row r="262494" spans="8:8">
      <c r="H262494" s="12"/>
    </row>
    <row r="262495" spans="8:8">
      <c r="H262495" s="12"/>
    </row>
    <row r="262496" spans="8:8">
      <c r="H262496" s="12"/>
    </row>
    <row r="262497" spans="8:8">
      <c r="H262497" s="12"/>
    </row>
    <row r="262498" spans="8:8">
      <c r="H262498" s="12"/>
    </row>
    <row r="262499" spans="8:8">
      <c r="H262499" s="12"/>
    </row>
    <row r="262500" spans="8:8">
      <c r="H262500" s="12"/>
    </row>
    <row r="262501" spans="8:8">
      <c r="H262501" s="12"/>
    </row>
    <row r="262502" spans="8:8">
      <c r="H262502" s="12"/>
    </row>
    <row r="262503" spans="8:8">
      <c r="H262503" s="12"/>
    </row>
    <row r="262504" spans="8:8">
      <c r="H262504" s="12"/>
    </row>
    <row r="262505" spans="8:8">
      <c r="H262505" s="12"/>
    </row>
    <row r="262506" spans="8:8">
      <c r="H262506" s="12"/>
    </row>
    <row r="262507" spans="8:8">
      <c r="H262507" s="12"/>
    </row>
    <row r="262508" spans="8:8">
      <c r="H262508" s="12"/>
    </row>
    <row r="262509" spans="8:8">
      <c r="H262509" s="12"/>
    </row>
    <row r="262510" spans="8:8">
      <c r="H262510" s="12"/>
    </row>
    <row r="262511" spans="8:8">
      <c r="H262511" s="12"/>
    </row>
    <row r="262512" spans="8:8">
      <c r="H262512" s="12"/>
    </row>
    <row r="262513" spans="8:8">
      <c r="H262513" s="12"/>
    </row>
    <row r="262514" spans="8:8">
      <c r="H262514" s="12"/>
    </row>
    <row r="262515" spans="8:8">
      <c r="H262515" s="12"/>
    </row>
    <row r="262516" spans="8:8">
      <c r="H262516" s="12"/>
    </row>
    <row r="262517" spans="8:8">
      <c r="H262517" s="12"/>
    </row>
    <row r="262518" spans="8:8">
      <c r="H262518" s="12"/>
    </row>
    <row r="262519" spans="8:8">
      <c r="H262519" s="12"/>
    </row>
    <row r="262520" spans="8:8">
      <c r="H262520" s="12"/>
    </row>
    <row r="262521" spans="8:8">
      <c r="H262521" s="12"/>
    </row>
    <row r="262522" spans="8:8">
      <c r="H262522" s="12"/>
    </row>
    <row r="262523" spans="8:8">
      <c r="H262523" s="12"/>
    </row>
    <row r="262524" spans="8:8">
      <c r="H262524" s="12"/>
    </row>
    <row r="262525" spans="8:8">
      <c r="H262525" s="12"/>
    </row>
    <row r="262526" spans="8:8">
      <c r="H262526" s="12"/>
    </row>
    <row r="262527" spans="8:8">
      <c r="H262527" s="12"/>
    </row>
    <row r="262528" spans="8:8">
      <c r="H262528" s="12"/>
    </row>
    <row r="262529" spans="8:8">
      <c r="H262529" s="12"/>
    </row>
    <row r="262530" spans="8:8">
      <c r="H262530" s="12"/>
    </row>
    <row r="262531" spans="8:8">
      <c r="H262531" s="12"/>
    </row>
    <row r="262532" spans="8:8">
      <c r="H262532" s="12"/>
    </row>
    <row r="262533" spans="8:8">
      <c r="H262533" s="12"/>
    </row>
    <row r="262534" spans="8:8">
      <c r="H262534" s="12"/>
    </row>
    <row r="262535" spans="8:8">
      <c r="H262535" s="12"/>
    </row>
    <row r="262536" spans="8:8">
      <c r="H262536" s="12"/>
    </row>
    <row r="262537" spans="8:8">
      <c r="H262537" s="12"/>
    </row>
    <row r="262538" spans="8:8">
      <c r="H262538" s="12"/>
    </row>
    <row r="262539" spans="8:8">
      <c r="H262539" s="12"/>
    </row>
    <row r="262540" spans="8:8">
      <c r="H262540" s="12"/>
    </row>
    <row r="262541" spans="8:8">
      <c r="H262541" s="12"/>
    </row>
    <row r="262542" spans="8:8">
      <c r="H262542" s="12"/>
    </row>
    <row r="262543" spans="8:8">
      <c r="H262543" s="12"/>
    </row>
    <row r="262544" spans="8:8">
      <c r="H262544" s="12"/>
    </row>
    <row r="262545" spans="8:8">
      <c r="H262545" s="12"/>
    </row>
    <row r="262546" spans="8:8">
      <c r="H262546" s="12"/>
    </row>
    <row r="262547" spans="8:8">
      <c r="H262547" s="12"/>
    </row>
    <row r="262548" spans="8:8">
      <c r="H262548" s="12"/>
    </row>
    <row r="262549" spans="8:8">
      <c r="H262549" s="12"/>
    </row>
    <row r="262550" spans="8:8">
      <c r="H262550" s="12"/>
    </row>
    <row r="262551" spans="8:8">
      <c r="H262551" s="12"/>
    </row>
    <row r="262552" spans="8:8">
      <c r="H262552" s="12"/>
    </row>
    <row r="262553" spans="8:8">
      <c r="H262553" s="12"/>
    </row>
    <row r="262554" spans="8:8">
      <c r="H262554" s="12"/>
    </row>
    <row r="262555" spans="8:8">
      <c r="H262555" s="12"/>
    </row>
    <row r="262556" spans="8:8">
      <c r="H262556" s="12"/>
    </row>
    <row r="262557" spans="8:8">
      <c r="H262557" s="12"/>
    </row>
    <row r="262558" spans="8:8">
      <c r="H262558" s="12"/>
    </row>
    <row r="262559" spans="8:8">
      <c r="H262559" s="12"/>
    </row>
    <row r="262560" spans="8:8">
      <c r="H262560" s="12"/>
    </row>
    <row r="262561" spans="8:8">
      <c r="H262561" s="12"/>
    </row>
    <row r="262562" spans="8:8">
      <c r="H262562" s="12"/>
    </row>
    <row r="262563" spans="8:8">
      <c r="H262563" s="12"/>
    </row>
    <row r="262564" spans="8:8">
      <c r="H262564" s="12"/>
    </row>
    <row r="262565" spans="8:8">
      <c r="H262565" s="12"/>
    </row>
    <row r="262566" spans="8:8">
      <c r="H262566" s="12"/>
    </row>
    <row r="262567" spans="8:8">
      <c r="H262567" s="12"/>
    </row>
    <row r="262568" spans="8:8">
      <c r="H262568" s="12"/>
    </row>
    <row r="262569" spans="8:8">
      <c r="H262569" s="12"/>
    </row>
    <row r="262570" spans="8:8">
      <c r="H262570" s="12"/>
    </row>
    <row r="262571" spans="8:8">
      <c r="H262571" s="12"/>
    </row>
    <row r="262572" spans="8:8">
      <c r="H262572" s="12"/>
    </row>
    <row r="262573" spans="8:8">
      <c r="H262573" s="12"/>
    </row>
    <row r="262574" spans="8:8">
      <c r="H262574" s="12"/>
    </row>
    <row r="262575" spans="8:8">
      <c r="H262575" s="12"/>
    </row>
    <row r="262576" spans="8:8">
      <c r="H262576" s="12"/>
    </row>
    <row r="262577" spans="8:8">
      <c r="H262577" s="12"/>
    </row>
    <row r="262578" spans="8:8">
      <c r="H262578" s="12"/>
    </row>
    <row r="262579" spans="8:8">
      <c r="H262579" s="12"/>
    </row>
    <row r="262580" spans="8:8">
      <c r="H262580" s="12"/>
    </row>
    <row r="262581" spans="8:8">
      <c r="H262581" s="12"/>
    </row>
    <row r="262582" spans="8:8">
      <c r="H262582" s="12"/>
    </row>
    <row r="262583" spans="8:8">
      <c r="H262583" s="12"/>
    </row>
    <row r="262584" spans="8:8">
      <c r="H262584" s="12"/>
    </row>
    <row r="262585" spans="8:8">
      <c r="H262585" s="12"/>
    </row>
    <row r="262586" spans="8:8">
      <c r="H262586" s="12"/>
    </row>
    <row r="262587" spans="8:8">
      <c r="H262587" s="12"/>
    </row>
    <row r="262588" spans="8:8">
      <c r="H262588" s="12"/>
    </row>
    <row r="262589" spans="8:8">
      <c r="H262589" s="12"/>
    </row>
    <row r="262590" spans="8:8">
      <c r="H262590" s="12"/>
    </row>
    <row r="262591" spans="8:8">
      <c r="H262591" s="12"/>
    </row>
    <row r="262592" spans="8:8">
      <c r="H262592" s="12"/>
    </row>
    <row r="262593" spans="8:8">
      <c r="H262593" s="12"/>
    </row>
    <row r="262594" spans="8:8">
      <c r="H262594" s="12"/>
    </row>
    <row r="262595" spans="8:8">
      <c r="H262595" s="12"/>
    </row>
    <row r="262596" spans="8:8">
      <c r="H262596" s="12"/>
    </row>
    <row r="262597" spans="8:8">
      <c r="H262597" s="12"/>
    </row>
    <row r="262598" spans="8:8">
      <c r="H262598" s="12"/>
    </row>
    <row r="262599" spans="8:8">
      <c r="H262599" s="12"/>
    </row>
    <row r="262600" spans="8:8">
      <c r="H262600" s="12"/>
    </row>
    <row r="262601" spans="8:8">
      <c r="H262601" s="12"/>
    </row>
    <row r="262602" spans="8:8">
      <c r="H262602" s="12"/>
    </row>
    <row r="262603" spans="8:8">
      <c r="H262603" s="12"/>
    </row>
    <row r="262604" spans="8:8">
      <c r="H262604" s="12"/>
    </row>
    <row r="262605" spans="8:8">
      <c r="H262605" s="12"/>
    </row>
    <row r="262606" spans="8:8">
      <c r="H262606" s="12"/>
    </row>
    <row r="262607" spans="8:8">
      <c r="H262607" s="12"/>
    </row>
    <row r="262608" spans="8:8">
      <c r="H262608" s="12"/>
    </row>
    <row r="262609" spans="8:8">
      <c r="H262609" s="12"/>
    </row>
    <row r="262610" spans="8:8">
      <c r="H262610" s="12"/>
    </row>
    <row r="262611" spans="8:8">
      <c r="H262611" s="12"/>
    </row>
    <row r="262612" spans="8:8">
      <c r="H262612" s="12"/>
    </row>
    <row r="262613" spans="8:8">
      <c r="H262613" s="12"/>
    </row>
    <row r="262614" spans="8:8">
      <c r="H262614" s="12"/>
    </row>
    <row r="262615" spans="8:8">
      <c r="H262615" s="12"/>
    </row>
    <row r="262616" spans="8:8">
      <c r="H262616" s="12"/>
    </row>
    <row r="262617" spans="8:8">
      <c r="H262617" s="12"/>
    </row>
    <row r="262618" spans="8:8">
      <c r="H262618" s="12"/>
    </row>
    <row r="262619" spans="8:8">
      <c r="H262619" s="12"/>
    </row>
    <row r="262620" spans="8:8">
      <c r="H262620" s="12"/>
    </row>
    <row r="262621" spans="8:8">
      <c r="H262621" s="12"/>
    </row>
    <row r="262622" spans="8:8">
      <c r="H262622" s="12"/>
    </row>
    <row r="262623" spans="8:8">
      <c r="H262623" s="12"/>
    </row>
    <row r="262624" spans="8:8">
      <c r="H262624" s="12"/>
    </row>
    <row r="262625" spans="8:8">
      <c r="H262625" s="12"/>
    </row>
    <row r="262626" spans="8:8">
      <c r="H262626" s="12"/>
    </row>
    <row r="262627" spans="8:8">
      <c r="H262627" s="12"/>
    </row>
    <row r="262628" spans="8:8">
      <c r="H262628" s="12"/>
    </row>
    <row r="262629" spans="8:8">
      <c r="H262629" s="12"/>
    </row>
    <row r="262630" spans="8:8">
      <c r="H262630" s="12"/>
    </row>
    <row r="262631" spans="8:8">
      <c r="H262631" s="12"/>
    </row>
    <row r="262632" spans="8:8">
      <c r="H262632" s="12"/>
    </row>
    <row r="262633" spans="8:8">
      <c r="H262633" s="12"/>
    </row>
    <row r="262634" spans="8:8">
      <c r="H262634" s="12"/>
    </row>
    <row r="262635" spans="8:8">
      <c r="H262635" s="12"/>
    </row>
    <row r="262636" spans="8:8">
      <c r="H262636" s="12"/>
    </row>
    <row r="262637" spans="8:8">
      <c r="H262637" s="12"/>
    </row>
    <row r="262638" spans="8:8">
      <c r="H262638" s="12"/>
    </row>
    <row r="262639" spans="8:8">
      <c r="H262639" s="12"/>
    </row>
    <row r="262640" spans="8:8">
      <c r="H262640" s="12"/>
    </row>
    <row r="262641" spans="8:8">
      <c r="H262641" s="12"/>
    </row>
    <row r="262642" spans="8:8">
      <c r="H262642" s="12"/>
    </row>
    <row r="262643" spans="8:8">
      <c r="H262643" s="12"/>
    </row>
    <row r="262644" spans="8:8">
      <c r="H262644" s="12"/>
    </row>
    <row r="262645" spans="8:8">
      <c r="H262645" s="12"/>
    </row>
    <row r="262646" spans="8:8">
      <c r="H262646" s="12"/>
    </row>
    <row r="262647" spans="8:8">
      <c r="H262647" s="12"/>
    </row>
    <row r="262648" spans="8:8">
      <c r="H262648" s="12"/>
    </row>
    <row r="262649" spans="8:8">
      <c r="H262649" s="12"/>
    </row>
    <row r="262650" spans="8:8">
      <c r="H262650" s="12"/>
    </row>
    <row r="262651" spans="8:8">
      <c r="H262651" s="12"/>
    </row>
    <row r="262652" spans="8:8">
      <c r="H262652" s="12"/>
    </row>
    <row r="262653" spans="8:8">
      <c r="H262653" s="12"/>
    </row>
    <row r="262654" spans="8:8">
      <c r="H262654" s="12"/>
    </row>
    <row r="262655" spans="8:8">
      <c r="H262655" s="12"/>
    </row>
    <row r="262656" spans="8:8">
      <c r="H262656" s="12"/>
    </row>
    <row r="262657" spans="8:8">
      <c r="H262657" s="12"/>
    </row>
    <row r="262658" spans="8:8">
      <c r="H262658" s="12"/>
    </row>
    <row r="262659" spans="8:8">
      <c r="H262659" s="12"/>
    </row>
    <row r="262660" spans="8:8">
      <c r="H262660" s="12"/>
    </row>
    <row r="262661" spans="8:8">
      <c r="H262661" s="12"/>
    </row>
    <row r="262662" spans="8:8">
      <c r="H262662" s="12"/>
    </row>
    <row r="262663" spans="8:8">
      <c r="H262663" s="12"/>
    </row>
    <row r="262664" spans="8:8">
      <c r="H262664" s="12"/>
    </row>
    <row r="262665" spans="8:8">
      <c r="H262665" s="12"/>
    </row>
    <row r="262666" spans="8:8">
      <c r="H262666" s="12"/>
    </row>
    <row r="262667" spans="8:8">
      <c r="H262667" s="12"/>
    </row>
    <row r="262668" spans="8:8">
      <c r="H262668" s="12"/>
    </row>
    <row r="262669" spans="8:8">
      <c r="H262669" s="12"/>
    </row>
    <row r="262670" spans="8:8">
      <c r="H262670" s="12"/>
    </row>
    <row r="262671" spans="8:8">
      <c r="H262671" s="12"/>
    </row>
    <row r="262672" spans="8:8">
      <c r="H262672" s="12"/>
    </row>
    <row r="262673" spans="8:8">
      <c r="H262673" s="12"/>
    </row>
    <row r="262674" spans="8:8">
      <c r="H262674" s="12"/>
    </row>
    <row r="262675" spans="8:8">
      <c r="H262675" s="12"/>
    </row>
    <row r="262676" spans="8:8">
      <c r="H262676" s="12"/>
    </row>
    <row r="262677" spans="8:8">
      <c r="H262677" s="12"/>
    </row>
    <row r="262678" spans="8:8">
      <c r="H262678" s="12"/>
    </row>
    <row r="262679" spans="8:8">
      <c r="H262679" s="12"/>
    </row>
    <row r="262680" spans="8:8">
      <c r="H262680" s="12"/>
    </row>
    <row r="262681" spans="8:8">
      <c r="H262681" s="12"/>
    </row>
    <row r="262682" spans="8:8">
      <c r="H262682" s="12"/>
    </row>
    <row r="262683" spans="8:8">
      <c r="H262683" s="12"/>
    </row>
    <row r="262684" spans="8:8">
      <c r="H262684" s="12"/>
    </row>
    <row r="262685" spans="8:8">
      <c r="H262685" s="12"/>
    </row>
    <row r="262686" spans="8:8">
      <c r="H262686" s="12"/>
    </row>
    <row r="262687" spans="8:8">
      <c r="H262687" s="12"/>
    </row>
    <row r="262688" spans="8:8">
      <c r="H262688" s="12"/>
    </row>
    <row r="262689" spans="8:8">
      <c r="H262689" s="12"/>
    </row>
    <row r="262690" spans="8:8">
      <c r="H262690" s="12"/>
    </row>
    <row r="262691" spans="8:8">
      <c r="H262691" s="12"/>
    </row>
    <row r="262692" spans="8:8">
      <c r="H262692" s="12"/>
    </row>
    <row r="262693" spans="8:8">
      <c r="H262693" s="12"/>
    </row>
    <row r="262694" spans="8:8">
      <c r="H262694" s="12"/>
    </row>
    <row r="262695" spans="8:8">
      <c r="H262695" s="12"/>
    </row>
    <row r="262696" spans="8:8">
      <c r="H262696" s="12"/>
    </row>
    <row r="262697" spans="8:8">
      <c r="H262697" s="12"/>
    </row>
    <row r="262698" spans="8:8">
      <c r="H262698" s="12"/>
    </row>
    <row r="262699" spans="8:8">
      <c r="H262699" s="12"/>
    </row>
    <row r="262700" spans="8:8">
      <c r="H262700" s="12"/>
    </row>
    <row r="262701" spans="8:8">
      <c r="H262701" s="12"/>
    </row>
    <row r="262702" spans="8:8">
      <c r="H262702" s="12"/>
    </row>
    <row r="262703" spans="8:8">
      <c r="H262703" s="12"/>
    </row>
    <row r="262704" spans="8:8">
      <c r="H262704" s="12"/>
    </row>
    <row r="262705" spans="8:8">
      <c r="H262705" s="12"/>
    </row>
    <row r="262706" spans="8:8">
      <c r="H262706" s="12"/>
    </row>
    <row r="262707" spans="8:8">
      <c r="H262707" s="12"/>
    </row>
    <row r="262708" spans="8:8">
      <c r="H262708" s="12"/>
    </row>
    <row r="262709" spans="8:8">
      <c r="H262709" s="12"/>
    </row>
    <row r="262710" spans="8:8">
      <c r="H262710" s="12"/>
    </row>
    <row r="262711" spans="8:8">
      <c r="H262711" s="12"/>
    </row>
    <row r="262712" spans="8:8">
      <c r="H262712" s="12"/>
    </row>
    <row r="262713" spans="8:8">
      <c r="H262713" s="12"/>
    </row>
    <row r="262714" spans="8:8">
      <c r="H262714" s="12"/>
    </row>
    <row r="262715" spans="8:8">
      <c r="H262715" s="12"/>
    </row>
    <row r="262716" spans="8:8">
      <c r="H262716" s="12"/>
    </row>
    <row r="262717" spans="8:8">
      <c r="H262717" s="12"/>
    </row>
    <row r="262718" spans="8:8">
      <c r="H262718" s="12"/>
    </row>
    <row r="262719" spans="8:8">
      <c r="H262719" s="12"/>
    </row>
    <row r="262720" spans="8:8">
      <c r="H262720" s="12"/>
    </row>
    <row r="262721" spans="8:8">
      <c r="H262721" s="12"/>
    </row>
    <row r="262722" spans="8:8">
      <c r="H262722" s="12"/>
    </row>
    <row r="262723" spans="8:8">
      <c r="H262723" s="12"/>
    </row>
    <row r="262724" spans="8:8">
      <c r="H262724" s="12"/>
    </row>
    <row r="262725" spans="8:8">
      <c r="H262725" s="12"/>
    </row>
    <row r="262726" spans="8:8">
      <c r="H262726" s="12"/>
    </row>
    <row r="262727" spans="8:8">
      <c r="H262727" s="12"/>
    </row>
    <row r="262728" spans="8:8">
      <c r="H262728" s="12"/>
    </row>
    <row r="262729" spans="8:8">
      <c r="H262729" s="12"/>
    </row>
    <row r="262730" spans="8:8">
      <c r="H262730" s="12"/>
    </row>
    <row r="262731" spans="8:8">
      <c r="H262731" s="12"/>
    </row>
    <row r="262732" spans="8:8">
      <c r="H262732" s="12"/>
    </row>
    <row r="262733" spans="8:8">
      <c r="H262733" s="12"/>
    </row>
    <row r="262734" spans="8:8">
      <c r="H262734" s="12"/>
    </row>
    <row r="262735" spans="8:8">
      <c r="H262735" s="12"/>
    </row>
    <row r="262736" spans="8:8">
      <c r="H262736" s="12"/>
    </row>
    <row r="262737" spans="8:8">
      <c r="H262737" s="12"/>
    </row>
    <row r="262738" spans="8:8">
      <c r="H262738" s="12"/>
    </row>
    <row r="262739" spans="8:8">
      <c r="H262739" s="12"/>
    </row>
    <row r="262740" spans="8:8">
      <c r="H262740" s="12"/>
    </row>
    <row r="262741" spans="8:8">
      <c r="H262741" s="12"/>
    </row>
    <row r="262742" spans="8:8">
      <c r="H262742" s="12"/>
    </row>
    <row r="262743" spans="8:8">
      <c r="H262743" s="12"/>
    </row>
    <row r="262744" spans="8:8">
      <c r="H262744" s="12"/>
    </row>
    <row r="262745" spans="8:8">
      <c r="H262745" s="12"/>
    </row>
    <row r="262746" spans="8:8">
      <c r="H262746" s="12"/>
    </row>
    <row r="262747" spans="8:8">
      <c r="H262747" s="12"/>
    </row>
    <row r="262748" spans="8:8">
      <c r="H262748" s="12"/>
    </row>
    <row r="262749" spans="8:8">
      <c r="H262749" s="12"/>
    </row>
    <row r="262750" spans="8:8">
      <c r="H262750" s="12"/>
    </row>
    <row r="262751" spans="8:8">
      <c r="H262751" s="12"/>
    </row>
    <row r="262752" spans="8:8">
      <c r="H262752" s="12"/>
    </row>
    <row r="262753" spans="8:8">
      <c r="H262753" s="12"/>
    </row>
    <row r="262754" spans="8:8">
      <c r="H262754" s="12"/>
    </row>
    <row r="262755" spans="8:8">
      <c r="H262755" s="12"/>
    </row>
    <row r="262756" spans="8:8">
      <c r="H262756" s="12"/>
    </row>
    <row r="262757" spans="8:8">
      <c r="H262757" s="12"/>
    </row>
    <row r="262758" spans="8:8">
      <c r="H262758" s="12"/>
    </row>
    <row r="262759" spans="8:8">
      <c r="H262759" s="12"/>
    </row>
    <row r="262760" spans="8:8">
      <c r="H262760" s="12"/>
    </row>
    <row r="262761" spans="8:8">
      <c r="H262761" s="12"/>
    </row>
    <row r="262762" spans="8:8">
      <c r="H262762" s="12"/>
    </row>
    <row r="262763" spans="8:8">
      <c r="H262763" s="12"/>
    </row>
    <row r="262764" spans="8:8">
      <c r="H262764" s="12"/>
    </row>
    <row r="262765" spans="8:8">
      <c r="H262765" s="12"/>
    </row>
    <row r="262766" spans="8:8">
      <c r="H262766" s="12"/>
    </row>
    <row r="262767" spans="8:8">
      <c r="H262767" s="12"/>
    </row>
    <row r="262768" spans="8:8">
      <c r="H262768" s="12"/>
    </row>
    <row r="262769" spans="8:8">
      <c r="H262769" s="12"/>
    </row>
    <row r="262770" spans="8:8">
      <c r="H262770" s="12"/>
    </row>
    <row r="262771" spans="8:8">
      <c r="H262771" s="12"/>
    </row>
    <row r="262772" spans="8:8">
      <c r="H262772" s="12"/>
    </row>
    <row r="262773" spans="8:8">
      <c r="H262773" s="12"/>
    </row>
    <row r="262774" spans="8:8">
      <c r="H262774" s="12"/>
    </row>
    <row r="262775" spans="8:8">
      <c r="H262775" s="12"/>
    </row>
    <row r="262776" spans="8:8">
      <c r="H262776" s="12"/>
    </row>
    <row r="262777" spans="8:8">
      <c r="H262777" s="12"/>
    </row>
    <row r="262778" spans="8:8">
      <c r="H262778" s="12"/>
    </row>
    <row r="262779" spans="8:8">
      <c r="H262779" s="12"/>
    </row>
    <row r="262780" spans="8:8">
      <c r="H262780" s="12"/>
    </row>
    <row r="262781" spans="8:8">
      <c r="H262781" s="12"/>
    </row>
    <row r="262782" spans="8:8">
      <c r="H262782" s="12"/>
    </row>
    <row r="262783" spans="8:8">
      <c r="H262783" s="12"/>
    </row>
    <row r="262784" spans="8:8">
      <c r="H262784" s="12"/>
    </row>
    <row r="262785" spans="8:8">
      <c r="H262785" s="12"/>
    </row>
    <row r="262786" spans="8:8">
      <c r="H262786" s="12"/>
    </row>
    <row r="262787" spans="8:8">
      <c r="H262787" s="12"/>
    </row>
    <row r="262788" spans="8:8">
      <c r="H262788" s="12"/>
    </row>
    <row r="262789" spans="8:8">
      <c r="H262789" s="12"/>
    </row>
    <row r="262790" spans="8:8">
      <c r="H262790" s="12"/>
    </row>
    <row r="262791" spans="8:8">
      <c r="H262791" s="12"/>
    </row>
    <row r="262792" spans="8:8">
      <c r="H262792" s="12"/>
    </row>
    <row r="262793" spans="8:8">
      <c r="H262793" s="12"/>
    </row>
    <row r="262794" spans="8:8">
      <c r="H262794" s="12"/>
    </row>
    <row r="262795" spans="8:8">
      <c r="H262795" s="12"/>
    </row>
    <row r="262796" spans="8:8">
      <c r="H262796" s="12"/>
    </row>
    <row r="262797" spans="8:8">
      <c r="H262797" s="12"/>
    </row>
    <row r="262798" spans="8:8">
      <c r="H262798" s="12"/>
    </row>
    <row r="262799" spans="8:8">
      <c r="H262799" s="12"/>
    </row>
    <row r="262800" spans="8:8">
      <c r="H262800" s="12"/>
    </row>
    <row r="262801" spans="8:8">
      <c r="H262801" s="12"/>
    </row>
    <row r="262802" spans="8:8">
      <c r="H262802" s="12"/>
    </row>
    <row r="262803" spans="8:8">
      <c r="H262803" s="12"/>
    </row>
    <row r="262804" spans="8:8">
      <c r="H262804" s="12"/>
    </row>
    <row r="262805" spans="8:8">
      <c r="H262805" s="12"/>
    </row>
    <row r="262806" spans="8:8">
      <c r="H262806" s="12"/>
    </row>
    <row r="262807" spans="8:8">
      <c r="H262807" s="12"/>
    </row>
    <row r="262808" spans="8:8">
      <c r="H262808" s="12"/>
    </row>
    <row r="262809" spans="8:8">
      <c r="H262809" s="12"/>
    </row>
    <row r="262810" spans="8:8">
      <c r="H262810" s="12"/>
    </row>
    <row r="262811" spans="8:8">
      <c r="H262811" s="12"/>
    </row>
    <row r="262812" spans="8:8">
      <c r="H262812" s="12"/>
    </row>
    <row r="262813" spans="8:8">
      <c r="H262813" s="12"/>
    </row>
    <row r="262814" spans="8:8">
      <c r="H262814" s="12"/>
    </row>
    <row r="262815" spans="8:8">
      <c r="H262815" s="12"/>
    </row>
    <row r="262816" spans="8:8">
      <c r="H262816" s="12"/>
    </row>
    <row r="262817" spans="8:8">
      <c r="H262817" s="12"/>
    </row>
    <row r="262818" spans="8:8">
      <c r="H262818" s="12"/>
    </row>
    <row r="262819" spans="8:8">
      <c r="H262819" s="12"/>
    </row>
    <row r="262820" spans="8:8">
      <c r="H262820" s="12"/>
    </row>
    <row r="262821" spans="8:8">
      <c r="H262821" s="12"/>
    </row>
    <row r="262822" spans="8:8">
      <c r="H262822" s="12"/>
    </row>
    <row r="262823" spans="8:8">
      <c r="H262823" s="12"/>
    </row>
    <row r="262824" spans="8:8">
      <c r="H262824" s="12"/>
    </row>
    <row r="262825" spans="8:8">
      <c r="H262825" s="12"/>
    </row>
    <row r="262826" spans="8:8">
      <c r="H262826" s="12"/>
    </row>
    <row r="262827" spans="8:8">
      <c r="H262827" s="12"/>
    </row>
    <row r="262828" spans="8:8">
      <c r="H262828" s="12"/>
    </row>
    <row r="262829" spans="8:8">
      <c r="H262829" s="12"/>
    </row>
    <row r="262830" spans="8:8">
      <c r="H262830" s="12"/>
    </row>
    <row r="262831" spans="8:8">
      <c r="H262831" s="12"/>
    </row>
    <row r="262832" spans="8:8">
      <c r="H262832" s="12"/>
    </row>
    <row r="262833" spans="8:8">
      <c r="H262833" s="12"/>
    </row>
    <row r="262834" spans="8:8">
      <c r="H262834" s="12"/>
    </row>
    <row r="262835" spans="8:8">
      <c r="H262835" s="12"/>
    </row>
    <row r="262836" spans="8:8">
      <c r="H262836" s="12"/>
    </row>
    <row r="262837" spans="8:8">
      <c r="H262837" s="12"/>
    </row>
    <row r="262838" spans="8:8">
      <c r="H262838" s="12"/>
    </row>
    <row r="262839" spans="8:8">
      <c r="H262839" s="12"/>
    </row>
    <row r="262840" spans="8:8">
      <c r="H262840" s="12"/>
    </row>
    <row r="262841" spans="8:8">
      <c r="H262841" s="12"/>
    </row>
    <row r="262842" spans="8:8">
      <c r="H262842" s="12"/>
    </row>
    <row r="262843" spans="8:8">
      <c r="H262843" s="12"/>
    </row>
    <row r="262844" spans="8:8">
      <c r="H262844" s="12"/>
    </row>
    <row r="262845" spans="8:8">
      <c r="H262845" s="12"/>
    </row>
    <row r="262846" spans="8:8">
      <c r="H262846" s="12"/>
    </row>
    <row r="262847" spans="8:8">
      <c r="H262847" s="12"/>
    </row>
    <row r="262848" spans="8:8">
      <c r="H262848" s="12"/>
    </row>
    <row r="262849" spans="8:8">
      <c r="H262849" s="12"/>
    </row>
    <row r="262850" spans="8:8">
      <c r="H262850" s="12"/>
    </row>
    <row r="262851" spans="8:8">
      <c r="H262851" s="12"/>
    </row>
    <row r="262852" spans="8:8">
      <c r="H262852" s="12"/>
    </row>
    <row r="262853" spans="8:8">
      <c r="H262853" s="12"/>
    </row>
    <row r="262854" spans="8:8">
      <c r="H262854" s="12"/>
    </row>
    <row r="262855" spans="8:8">
      <c r="H262855" s="12"/>
    </row>
    <row r="262856" spans="8:8">
      <c r="H262856" s="12"/>
    </row>
    <row r="262857" spans="8:8">
      <c r="H262857" s="12"/>
    </row>
    <row r="262858" spans="8:8">
      <c r="H262858" s="12"/>
    </row>
    <row r="262859" spans="8:8">
      <c r="H262859" s="12"/>
    </row>
    <row r="262860" spans="8:8">
      <c r="H262860" s="12"/>
    </row>
    <row r="262861" spans="8:8">
      <c r="H262861" s="12"/>
    </row>
    <row r="262862" spans="8:8">
      <c r="H262862" s="12"/>
    </row>
    <row r="262863" spans="8:8">
      <c r="H262863" s="12"/>
    </row>
    <row r="262864" spans="8:8">
      <c r="H262864" s="12"/>
    </row>
    <row r="262865" spans="8:8">
      <c r="H262865" s="12"/>
    </row>
    <row r="262866" spans="8:8">
      <c r="H262866" s="12"/>
    </row>
    <row r="262867" spans="8:8">
      <c r="H262867" s="12"/>
    </row>
    <row r="262868" spans="8:8">
      <c r="H262868" s="12"/>
    </row>
    <row r="262869" spans="8:8">
      <c r="H262869" s="12"/>
    </row>
    <row r="262870" spans="8:8">
      <c r="H262870" s="12"/>
    </row>
    <row r="262871" spans="8:8">
      <c r="H262871" s="12"/>
    </row>
    <row r="262872" spans="8:8">
      <c r="H262872" s="12"/>
    </row>
    <row r="262873" spans="8:8">
      <c r="H262873" s="12"/>
    </row>
    <row r="262874" spans="8:8">
      <c r="H262874" s="12"/>
    </row>
    <row r="262875" spans="8:8">
      <c r="H262875" s="12"/>
    </row>
    <row r="262876" spans="8:8">
      <c r="H262876" s="12"/>
    </row>
    <row r="262877" spans="8:8">
      <c r="H262877" s="12"/>
    </row>
    <row r="262878" spans="8:8">
      <c r="H262878" s="12"/>
    </row>
    <row r="262879" spans="8:8">
      <c r="H262879" s="12"/>
    </row>
    <row r="262880" spans="8:8">
      <c r="H262880" s="12"/>
    </row>
    <row r="262881" spans="8:8">
      <c r="H262881" s="12"/>
    </row>
    <row r="262882" spans="8:8">
      <c r="H262882" s="12"/>
    </row>
    <row r="262883" spans="8:8">
      <c r="H262883" s="12"/>
    </row>
    <row r="262884" spans="8:8">
      <c r="H262884" s="12"/>
    </row>
    <row r="262885" spans="8:8">
      <c r="H262885" s="12"/>
    </row>
    <row r="262886" spans="8:8">
      <c r="H262886" s="12"/>
    </row>
    <row r="262887" spans="8:8">
      <c r="H262887" s="12"/>
    </row>
    <row r="262888" spans="8:8">
      <c r="H262888" s="12"/>
    </row>
    <row r="262889" spans="8:8">
      <c r="H262889" s="12"/>
    </row>
    <row r="262890" spans="8:8">
      <c r="H262890" s="12"/>
    </row>
    <row r="262891" spans="8:8">
      <c r="H262891" s="12"/>
    </row>
    <row r="262892" spans="8:8">
      <c r="H262892" s="12"/>
    </row>
    <row r="262893" spans="8:8">
      <c r="H262893" s="12"/>
    </row>
    <row r="262894" spans="8:8">
      <c r="H262894" s="12"/>
    </row>
    <row r="262895" spans="8:8">
      <c r="H262895" s="12"/>
    </row>
    <row r="262896" spans="8:8">
      <c r="H262896" s="12"/>
    </row>
    <row r="262897" spans="8:8">
      <c r="H262897" s="12"/>
    </row>
    <row r="262898" spans="8:8">
      <c r="H262898" s="12"/>
    </row>
    <row r="262899" spans="8:8">
      <c r="H262899" s="12"/>
    </row>
    <row r="262900" spans="8:8">
      <c r="H262900" s="12"/>
    </row>
    <row r="262901" spans="8:8">
      <c r="H262901" s="12"/>
    </row>
    <row r="262902" spans="8:8">
      <c r="H262902" s="12"/>
    </row>
    <row r="262903" spans="8:8">
      <c r="H262903" s="12"/>
    </row>
    <row r="262904" spans="8:8">
      <c r="H262904" s="12"/>
    </row>
    <row r="262905" spans="8:8">
      <c r="H262905" s="12"/>
    </row>
    <row r="262906" spans="8:8">
      <c r="H262906" s="12"/>
    </row>
    <row r="262907" spans="8:8">
      <c r="H262907" s="12"/>
    </row>
    <row r="262908" spans="8:8">
      <c r="H262908" s="12"/>
    </row>
    <row r="262909" spans="8:8">
      <c r="H262909" s="12"/>
    </row>
    <row r="262910" spans="8:8">
      <c r="H262910" s="12"/>
    </row>
    <row r="262911" spans="8:8">
      <c r="H262911" s="12"/>
    </row>
    <row r="262912" spans="8:8">
      <c r="H262912" s="12"/>
    </row>
    <row r="262913" spans="8:8">
      <c r="H262913" s="12"/>
    </row>
    <row r="262914" spans="8:8">
      <c r="H262914" s="12"/>
    </row>
    <row r="262915" spans="8:8">
      <c r="H262915" s="12"/>
    </row>
    <row r="262916" spans="8:8">
      <c r="H262916" s="12"/>
    </row>
    <row r="262917" spans="8:8">
      <c r="H262917" s="12"/>
    </row>
    <row r="262918" spans="8:8">
      <c r="H262918" s="12"/>
    </row>
    <row r="262919" spans="8:8">
      <c r="H262919" s="12"/>
    </row>
    <row r="262920" spans="8:8">
      <c r="H262920" s="12"/>
    </row>
    <row r="262921" spans="8:8">
      <c r="H262921" s="12"/>
    </row>
    <row r="262922" spans="8:8">
      <c r="H262922" s="12"/>
    </row>
    <row r="262923" spans="8:8">
      <c r="H262923" s="12"/>
    </row>
    <row r="262924" spans="8:8">
      <c r="H262924" s="12"/>
    </row>
    <row r="262925" spans="8:8">
      <c r="H262925" s="12"/>
    </row>
    <row r="262926" spans="8:8">
      <c r="H262926" s="12"/>
    </row>
    <row r="262927" spans="8:8">
      <c r="H262927" s="12"/>
    </row>
    <row r="262928" spans="8:8">
      <c r="H262928" s="12"/>
    </row>
    <row r="262929" spans="8:8">
      <c r="H262929" s="12"/>
    </row>
    <row r="262930" spans="8:8">
      <c r="H262930" s="12"/>
    </row>
    <row r="262931" spans="8:8">
      <c r="H262931" s="12"/>
    </row>
    <row r="262932" spans="8:8">
      <c r="H262932" s="12"/>
    </row>
    <row r="262933" spans="8:8">
      <c r="H262933" s="12"/>
    </row>
    <row r="262934" spans="8:8">
      <c r="H262934" s="12"/>
    </row>
    <row r="262935" spans="8:8">
      <c r="H262935" s="12"/>
    </row>
    <row r="262936" spans="8:8">
      <c r="H262936" s="12"/>
    </row>
    <row r="262937" spans="8:8">
      <c r="H262937" s="12"/>
    </row>
    <row r="262938" spans="8:8">
      <c r="H262938" s="12"/>
    </row>
    <row r="262939" spans="8:8">
      <c r="H262939" s="12"/>
    </row>
    <row r="262940" spans="8:8">
      <c r="H262940" s="12"/>
    </row>
    <row r="262941" spans="8:8">
      <c r="H262941" s="12"/>
    </row>
    <row r="262942" spans="8:8">
      <c r="H262942" s="12"/>
    </row>
    <row r="262943" spans="8:8">
      <c r="H262943" s="12"/>
    </row>
    <row r="262944" spans="8:8">
      <c r="H262944" s="12"/>
    </row>
    <row r="262945" spans="8:8">
      <c r="H262945" s="12"/>
    </row>
    <row r="262946" spans="8:8">
      <c r="H262946" s="12"/>
    </row>
    <row r="262947" spans="8:8">
      <c r="H262947" s="12"/>
    </row>
    <row r="262948" spans="8:8">
      <c r="H262948" s="12"/>
    </row>
    <row r="262949" spans="8:8">
      <c r="H262949" s="12"/>
    </row>
    <row r="262950" spans="8:8">
      <c r="H262950" s="12"/>
    </row>
    <row r="262951" spans="8:8">
      <c r="H262951" s="12"/>
    </row>
    <row r="262952" spans="8:8">
      <c r="H262952" s="12"/>
    </row>
    <row r="262953" spans="8:8">
      <c r="H262953" s="12"/>
    </row>
    <row r="262954" spans="8:8">
      <c r="H262954" s="12"/>
    </row>
    <row r="262955" spans="8:8">
      <c r="H262955" s="12"/>
    </row>
    <row r="262956" spans="8:8">
      <c r="H262956" s="12"/>
    </row>
    <row r="262957" spans="8:8">
      <c r="H262957" s="12"/>
    </row>
    <row r="262958" spans="8:8">
      <c r="H262958" s="12"/>
    </row>
    <row r="262959" spans="8:8">
      <c r="H262959" s="12"/>
    </row>
    <row r="262960" spans="8:8">
      <c r="H262960" s="12"/>
    </row>
    <row r="262961" spans="8:8">
      <c r="H262961" s="12"/>
    </row>
    <row r="262962" spans="8:8">
      <c r="H262962" s="12"/>
    </row>
    <row r="262963" spans="8:8">
      <c r="H262963" s="12"/>
    </row>
    <row r="262964" spans="8:8">
      <c r="H262964" s="12"/>
    </row>
    <row r="262965" spans="8:8">
      <c r="H262965" s="12"/>
    </row>
    <row r="262966" spans="8:8">
      <c r="H262966" s="12"/>
    </row>
    <row r="262967" spans="8:8">
      <c r="H262967" s="12"/>
    </row>
    <row r="262968" spans="8:8">
      <c r="H262968" s="12"/>
    </row>
    <row r="262969" spans="8:8">
      <c r="H262969" s="12"/>
    </row>
    <row r="262970" spans="8:8">
      <c r="H262970" s="12"/>
    </row>
    <row r="262971" spans="8:8">
      <c r="H262971" s="12"/>
    </row>
    <row r="262972" spans="8:8">
      <c r="H262972" s="12"/>
    </row>
    <row r="262973" spans="8:8">
      <c r="H262973" s="12"/>
    </row>
    <row r="262974" spans="8:8">
      <c r="H262974" s="12"/>
    </row>
    <row r="262975" spans="8:8">
      <c r="H262975" s="12"/>
    </row>
    <row r="262976" spans="8:8">
      <c r="H262976" s="12"/>
    </row>
    <row r="262977" spans="8:8">
      <c r="H262977" s="12"/>
    </row>
    <row r="262978" spans="8:8">
      <c r="H262978" s="12"/>
    </row>
    <row r="262979" spans="8:8">
      <c r="H262979" s="12"/>
    </row>
    <row r="262980" spans="8:8">
      <c r="H262980" s="12"/>
    </row>
    <row r="262981" spans="8:8">
      <c r="H262981" s="12"/>
    </row>
    <row r="262982" spans="8:8">
      <c r="H262982" s="12"/>
    </row>
    <row r="262983" spans="8:8">
      <c r="H262983" s="12"/>
    </row>
    <row r="262984" spans="8:8">
      <c r="H262984" s="12"/>
    </row>
    <row r="262985" spans="8:8">
      <c r="H262985" s="12"/>
    </row>
    <row r="262986" spans="8:8">
      <c r="H262986" s="12"/>
    </row>
    <row r="262987" spans="8:8">
      <c r="H262987" s="12"/>
    </row>
    <row r="262988" spans="8:8">
      <c r="H262988" s="12"/>
    </row>
    <row r="262989" spans="8:8">
      <c r="H262989" s="12"/>
    </row>
    <row r="262990" spans="8:8">
      <c r="H262990" s="12"/>
    </row>
    <row r="262991" spans="8:8">
      <c r="H262991" s="12"/>
    </row>
    <row r="262992" spans="8:8">
      <c r="H262992" s="12"/>
    </row>
    <row r="262993" spans="8:8">
      <c r="H262993" s="12"/>
    </row>
    <row r="262994" spans="8:8">
      <c r="H262994" s="12"/>
    </row>
    <row r="262995" spans="8:8">
      <c r="H262995" s="12"/>
    </row>
    <row r="262996" spans="8:8">
      <c r="H262996" s="12"/>
    </row>
    <row r="262997" spans="8:8">
      <c r="H262997" s="12"/>
    </row>
    <row r="262998" spans="8:8">
      <c r="H262998" s="12"/>
    </row>
    <row r="262999" spans="8:8">
      <c r="H262999" s="12"/>
    </row>
    <row r="263000" spans="8:8">
      <c r="H263000" s="12"/>
    </row>
    <row r="263001" spans="8:8">
      <c r="H263001" s="12"/>
    </row>
    <row r="263002" spans="8:8">
      <c r="H263002" s="12"/>
    </row>
    <row r="263003" spans="8:8">
      <c r="H263003" s="12"/>
    </row>
    <row r="263004" spans="8:8">
      <c r="H263004" s="12"/>
    </row>
    <row r="263005" spans="8:8">
      <c r="H263005" s="12"/>
    </row>
    <row r="263006" spans="8:8">
      <c r="H263006" s="12"/>
    </row>
    <row r="263007" spans="8:8">
      <c r="H263007" s="12"/>
    </row>
    <row r="263008" spans="8:8">
      <c r="H263008" s="12"/>
    </row>
    <row r="263009" spans="8:8">
      <c r="H263009" s="12"/>
    </row>
    <row r="263010" spans="8:8">
      <c r="H263010" s="12"/>
    </row>
    <row r="263011" spans="8:8">
      <c r="H263011" s="12"/>
    </row>
    <row r="263012" spans="8:8">
      <c r="H263012" s="12"/>
    </row>
    <row r="263013" spans="8:8">
      <c r="H263013" s="12"/>
    </row>
    <row r="263014" spans="8:8">
      <c r="H263014" s="12"/>
    </row>
    <row r="263015" spans="8:8">
      <c r="H263015" s="12"/>
    </row>
    <row r="263016" spans="8:8">
      <c r="H263016" s="12"/>
    </row>
    <row r="263017" spans="8:8">
      <c r="H263017" s="12"/>
    </row>
    <row r="263018" spans="8:8">
      <c r="H263018" s="12"/>
    </row>
    <row r="263019" spans="8:8">
      <c r="H263019" s="12"/>
    </row>
    <row r="263020" spans="8:8">
      <c r="H263020" s="12"/>
    </row>
    <row r="263021" spans="8:8">
      <c r="H263021" s="12"/>
    </row>
    <row r="263022" spans="8:8">
      <c r="H263022" s="12"/>
    </row>
    <row r="263023" spans="8:8">
      <c r="H263023" s="12"/>
    </row>
    <row r="263024" spans="8:8">
      <c r="H263024" s="12"/>
    </row>
    <row r="263025" spans="8:8">
      <c r="H263025" s="12"/>
    </row>
    <row r="263026" spans="8:8">
      <c r="H263026" s="12"/>
    </row>
    <row r="263027" spans="8:8">
      <c r="H263027" s="12"/>
    </row>
    <row r="263028" spans="8:8">
      <c r="H263028" s="12"/>
    </row>
    <row r="263029" spans="8:8">
      <c r="H263029" s="12"/>
    </row>
    <row r="263030" spans="8:8">
      <c r="H263030" s="12"/>
    </row>
    <row r="263031" spans="8:8">
      <c r="H263031" s="12"/>
    </row>
    <row r="263032" spans="8:8">
      <c r="H263032" s="12"/>
    </row>
    <row r="263033" spans="8:8">
      <c r="H263033" s="12"/>
    </row>
    <row r="263034" spans="8:8">
      <c r="H263034" s="12"/>
    </row>
    <row r="263035" spans="8:8">
      <c r="H263035" s="12"/>
    </row>
    <row r="263036" spans="8:8">
      <c r="H263036" s="12"/>
    </row>
    <row r="263037" spans="8:8">
      <c r="H263037" s="12"/>
    </row>
    <row r="263038" spans="8:8">
      <c r="H263038" s="12"/>
    </row>
    <row r="263039" spans="8:8">
      <c r="H263039" s="12"/>
    </row>
    <row r="263040" spans="8:8">
      <c r="H263040" s="12"/>
    </row>
    <row r="263041" spans="8:8">
      <c r="H263041" s="12"/>
    </row>
    <row r="263042" spans="8:8">
      <c r="H263042" s="12"/>
    </row>
    <row r="263043" spans="8:8">
      <c r="H263043" s="12"/>
    </row>
    <row r="263044" spans="8:8">
      <c r="H263044" s="12"/>
    </row>
    <row r="263045" spans="8:8">
      <c r="H263045" s="12"/>
    </row>
    <row r="263046" spans="8:8">
      <c r="H263046" s="12"/>
    </row>
    <row r="263047" spans="8:8">
      <c r="H263047" s="12"/>
    </row>
    <row r="263048" spans="8:8">
      <c r="H263048" s="12"/>
    </row>
    <row r="263049" spans="8:8">
      <c r="H263049" s="12"/>
    </row>
    <row r="263050" spans="8:8">
      <c r="H263050" s="12"/>
    </row>
    <row r="263051" spans="8:8">
      <c r="H263051" s="12"/>
    </row>
    <row r="263052" spans="8:8">
      <c r="H263052" s="12"/>
    </row>
    <row r="263053" spans="8:8">
      <c r="H263053" s="12"/>
    </row>
    <row r="263054" spans="8:8">
      <c r="H263054" s="12"/>
    </row>
    <row r="263055" spans="8:8">
      <c r="H263055" s="12"/>
    </row>
    <row r="263056" spans="8:8">
      <c r="H263056" s="12"/>
    </row>
    <row r="263057" spans="8:8">
      <c r="H263057" s="12"/>
    </row>
    <row r="263058" spans="8:8">
      <c r="H263058" s="12"/>
    </row>
    <row r="263059" spans="8:8">
      <c r="H263059" s="12"/>
    </row>
    <row r="263060" spans="8:8">
      <c r="H263060" s="12"/>
    </row>
    <row r="263061" spans="8:8">
      <c r="H263061" s="12"/>
    </row>
    <row r="263062" spans="8:8">
      <c r="H263062" s="12"/>
    </row>
    <row r="263063" spans="8:8">
      <c r="H263063" s="12"/>
    </row>
    <row r="263064" spans="8:8">
      <c r="H263064" s="12"/>
    </row>
    <row r="263065" spans="8:8">
      <c r="H263065" s="12"/>
    </row>
    <row r="263066" spans="8:8">
      <c r="H263066" s="12"/>
    </row>
    <row r="263067" spans="8:8">
      <c r="H263067" s="12"/>
    </row>
    <row r="263068" spans="8:8">
      <c r="H263068" s="12"/>
    </row>
    <row r="263069" spans="8:8">
      <c r="H263069" s="12"/>
    </row>
    <row r="263070" spans="8:8">
      <c r="H263070" s="12"/>
    </row>
    <row r="263071" spans="8:8">
      <c r="H263071" s="12"/>
    </row>
    <row r="263072" spans="8:8">
      <c r="H263072" s="12"/>
    </row>
    <row r="263073" spans="8:8">
      <c r="H263073" s="12"/>
    </row>
    <row r="263074" spans="8:8">
      <c r="H263074" s="12"/>
    </row>
    <row r="263075" spans="8:8">
      <c r="H263075" s="12"/>
    </row>
    <row r="263076" spans="8:8">
      <c r="H263076" s="12"/>
    </row>
    <row r="263077" spans="8:8">
      <c r="H263077" s="12"/>
    </row>
    <row r="263078" spans="8:8">
      <c r="H263078" s="12"/>
    </row>
    <row r="263079" spans="8:8">
      <c r="H263079" s="12"/>
    </row>
    <row r="263080" spans="8:8">
      <c r="H263080" s="12"/>
    </row>
    <row r="263081" spans="8:8">
      <c r="H263081" s="12"/>
    </row>
    <row r="263082" spans="8:8">
      <c r="H263082" s="12"/>
    </row>
    <row r="263083" spans="8:8">
      <c r="H263083" s="12"/>
    </row>
    <row r="263084" spans="8:8">
      <c r="H263084" s="12"/>
    </row>
    <row r="263085" spans="8:8">
      <c r="H263085" s="12"/>
    </row>
    <row r="263086" spans="8:8">
      <c r="H263086" s="12"/>
    </row>
    <row r="263087" spans="8:8">
      <c r="H263087" s="12"/>
    </row>
    <row r="263088" spans="8:8">
      <c r="H263088" s="12"/>
    </row>
    <row r="263089" spans="8:8">
      <c r="H263089" s="12"/>
    </row>
    <row r="263090" spans="8:8">
      <c r="H263090" s="12"/>
    </row>
    <row r="263091" spans="8:8">
      <c r="H263091" s="12"/>
    </row>
    <row r="263092" spans="8:8">
      <c r="H263092" s="12"/>
    </row>
    <row r="263093" spans="8:8">
      <c r="H263093" s="12"/>
    </row>
    <row r="263094" spans="8:8">
      <c r="H263094" s="12"/>
    </row>
    <row r="263095" spans="8:8">
      <c r="H263095" s="12"/>
    </row>
    <row r="263096" spans="8:8">
      <c r="H263096" s="12"/>
    </row>
    <row r="263097" spans="8:8">
      <c r="H263097" s="12"/>
    </row>
    <row r="263098" spans="8:8">
      <c r="H263098" s="12"/>
    </row>
    <row r="263099" spans="8:8">
      <c r="H263099" s="12"/>
    </row>
    <row r="263100" spans="8:8">
      <c r="H263100" s="12"/>
    </row>
    <row r="263101" spans="8:8">
      <c r="H263101" s="12"/>
    </row>
    <row r="263102" spans="8:8">
      <c r="H263102" s="12"/>
    </row>
    <row r="263103" spans="8:8">
      <c r="H263103" s="12"/>
    </row>
    <row r="263104" spans="8:8">
      <c r="H263104" s="12"/>
    </row>
    <row r="263105" spans="8:8">
      <c r="H263105" s="12"/>
    </row>
    <row r="263106" spans="8:8">
      <c r="H263106" s="12"/>
    </row>
    <row r="263107" spans="8:8">
      <c r="H263107" s="12"/>
    </row>
    <row r="263108" spans="8:8">
      <c r="H263108" s="12"/>
    </row>
    <row r="263109" spans="8:8">
      <c r="H263109" s="12"/>
    </row>
    <row r="263110" spans="8:8">
      <c r="H263110" s="12"/>
    </row>
    <row r="263111" spans="8:8">
      <c r="H263111" s="12"/>
    </row>
    <row r="263112" spans="8:8">
      <c r="H263112" s="12"/>
    </row>
    <row r="263113" spans="8:8">
      <c r="H263113" s="12"/>
    </row>
    <row r="263114" spans="8:8">
      <c r="H263114" s="12"/>
    </row>
    <row r="263115" spans="8:8">
      <c r="H263115" s="12"/>
    </row>
    <row r="263116" spans="8:8">
      <c r="H263116" s="12"/>
    </row>
    <row r="263117" spans="8:8">
      <c r="H263117" s="12"/>
    </row>
    <row r="263118" spans="8:8">
      <c r="H263118" s="12"/>
    </row>
    <row r="263119" spans="8:8">
      <c r="H263119" s="12"/>
    </row>
    <row r="263120" spans="8:8">
      <c r="H263120" s="12"/>
    </row>
    <row r="263121" spans="8:8">
      <c r="H263121" s="12"/>
    </row>
    <row r="263122" spans="8:8">
      <c r="H263122" s="12"/>
    </row>
    <row r="263123" spans="8:8">
      <c r="H263123" s="12"/>
    </row>
    <row r="263124" spans="8:8">
      <c r="H263124" s="12"/>
    </row>
    <row r="263125" spans="8:8">
      <c r="H263125" s="12"/>
    </row>
    <row r="263126" spans="8:8">
      <c r="H263126" s="12"/>
    </row>
    <row r="263127" spans="8:8">
      <c r="H263127" s="12"/>
    </row>
    <row r="263128" spans="8:8">
      <c r="H263128" s="12"/>
    </row>
    <row r="263129" spans="8:8">
      <c r="H263129" s="12"/>
    </row>
    <row r="263130" spans="8:8">
      <c r="H263130" s="12"/>
    </row>
    <row r="263131" spans="8:8">
      <c r="H263131" s="12"/>
    </row>
    <row r="263132" spans="8:8">
      <c r="H263132" s="12"/>
    </row>
    <row r="263133" spans="8:8">
      <c r="H263133" s="12"/>
    </row>
    <row r="263134" spans="8:8">
      <c r="H263134" s="12"/>
    </row>
    <row r="263135" spans="8:8">
      <c r="H263135" s="12"/>
    </row>
    <row r="263136" spans="8:8">
      <c r="H263136" s="12"/>
    </row>
    <row r="263137" spans="8:8">
      <c r="H263137" s="12"/>
    </row>
    <row r="263138" spans="8:8">
      <c r="H263138" s="12"/>
    </row>
    <row r="263139" spans="8:8">
      <c r="H263139" s="12"/>
    </row>
    <row r="263140" spans="8:8">
      <c r="H263140" s="12"/>
    </row>
    <row r="263141" spans="8:8">
      <c r="H263141" s="12"/>
    </row>
    <row r="263142" spans="8:8">
      <c r="H263142" s="12"/>
    </row>
    <row r="263143" spans="8:8">
      <c r="H263143" s="12"/>
    </row>
    <row r="263144" spans="8:8">
      <c r="H263144" s="12"/>
    </row>
    <row r="263145" spans="8:8">
      <c r="H263145" s="12"/>
    </row>
    <row r="263146" spans="8:8">
      <c r="H263146" s="12"/>
    </row>
    <row r="263147" spans="8:8">
      <c r="H263147" s="12"/>
    </row>
    <row r="263148" spans="8:8">
      <c r="H263148" s="12"/>
    </row>
    <row r="263149" spans="8:8">
      <c r="H263149" s="12"/>
    </row>
    <row r="263150" spans="8:8">
      <c r="H263150" s="12"/>
    </row>
    <row r="263151" spans="8:8">
      <c r="H263151" s="12"/>
    </row>
    <row r="263152" spans="8:8">
      <c r="H263152" s="12"/>
    </row>
    <row r="263153" spans="8:8">
      <c r="H263153" s="12"/>
    </row>
    <row r="263154" spans="8:8">
      <c r="H263154" s="12"/>
    </row>
    <row r="263155" spans="8:8">
      <c r="H263155" s="12"/>
    </row>
    <row r="263156" spans="8:8">
      <c r="H263156" s="12"/>
    </row>
    <row r="263157" spans="8:8">
      <c r="H263157" s="12"/>
    </row>
    <row r="263158" spans="8:8">
      <c r="H263158" s="12"/>
    </row>
    <row r="263159" spans="8:8">
      <c r="H263159" s="12"/>
    </row>
    <row r="263160" spans="8:8">
      <c r="H263160" s="12"/>
    </row>
    <row r="263161" spans="8:8">
      <c r="H263161" s="12"/>
    </row>
    <row r="263162" spans="8:8">
      <c r="H263162" s="12"/>
    </row>
    <row r="263163" spans="8:8">
      <c r="H263163" s="12"/>
    </row>
    <row r="263164" spans="8:8">
      <c r="H263164" s="12"/>
    </row>
    <row r="263165" spans="8:8">
      <c r="H263165" s="12"/>
    </row>
    <row r="263166" spans="8:8">
      <c r="H263166" s="12"/>
    </row>
    <row r="263167" spans="8:8">
      <c r="H263167" s="12"/>
    </row>
    <row r="263168" spans="8:8">
      <c r="H263168" s="12"/>
    </row>
    <row r="263169" spans="8:8">
      <c r="H263169" s="12"/>
    </row>
    <row r="263170" spans="8:8">
      <c r="H263170" s="12"/>
    </row>
    <row r="263171" spans="8:8">
      <c r="H263171" s="12"/>
    </row>
    <row r="263172" spans="8:8">
      <c r="H263172" s="12"/>
    </row>
    <row r="263173" spans="8:8">
      <c r="H263173" s="12"/>
    </row>
    <row r="263174" spans="8:8">
      <c r="H263174" s="12"/>
    </row>
    <row r="263175" spans="8:8">
      <c r="H263175" s="12"/>
    </row>
    <row r="263176" spans="8:8">
      <c r="H263176" s="12"/>
    </row>
    <row r="263177" spans="8:8">
      <c r="H263177" s="12"/>
    </row>
    <row r="263178" spans="8:8">
      <c r="H263178" s="12"/>
    </row>
    <row r="263179" spans="8:8">
      <c r="H263179" s="12"/>
    </row>
    <row r="263180" spans="8:8">
      <c r="H263180" s="12"/>
    </row>
    <row r="263181" spans="8:8">
      <c r="H263181" s="12"/>
    </row>
    <row r="263182" spans="8:8">
      <c r="H263182" s="12"/>
    </row>
    <row r="263183" spans="8:8">
      <c r="H263183" s="12"/>
    </row>
    <row r="263184" spans="8:8">
      <c r="H263184" s="12"/>
    </row>
    <row r="263185" spans="8:8">
      <c r="H263185" s="12"/>
    </row>
    <row r="263186" spans="8:8">
      <c r="H263186" s="12"/>
    </row>
    <row r="263187" spans="8:8">
      <c r="H263187" s="12"/>
    </row>
    <row r="263188" spans="8:8">
      <c r="H263188" s="12"/>
    </row>
    <row r="263189" spans="8:8">
      <c r="H263189" s="12"/>
    </row>
    <row r="263190" spans="8:8">
      <c r="H263190" s="12"/>
    </row>
    <row r="263191" spans="8:8">
      <c r="H263191" s="12"/>
    </row>
    <row r="263192" spans="8:8">
      <c r="H263192" s="12"/>
    </row>
    <row r="263193" spans="8:8">
      <c r="H263193" s="12"/>
    </row>
    <row r="263194" spans="8:8">
      <c r="H263194" s="12"/>
    </row>
    <row r="263195" spans="8:8">
      <c r="H263195" s="12"/>
    </row>
    <row r="263196" spans="8:8">
      <c r="H263196" s="12"/>
    </row>
    <row r="263197" spans="8:8">
      <c r="H263197" s="12"/>
    </row>
    <row r="263198" spans="8:8">
      <c r="H263198" s="12"/>
    </row>
    <row r="263199" spans="8:8">
      <c r="H263199" s="12"/>
    </row>
    <row r="263200" spans="8:8">
      <c r="H263200" s="12"/>
    </row>
    <row r="263201" spans="8:8">
      <c r="H263201" s="12"/>
    </row>
    <row r="263202" spans="8:8">
      <c r="H263202" s="12"/>
    </row>
    <row r="263203" spans="8:8">
      <c r="H263203" s="12"/>
    </row>
    <row r="263204" spans="8:8">
      <c r="H263204" s="12"/>
    </row>
    <row r="263205" spans="8:8">
      <c r="H263205" s="12"/>
    </row>
    <row r="263206" spans="8:8">
      <c r="H263206" s="12"/>
    </row>
    <row r="263207" spans="8:8">
      <c r="H263207" s="12"/>
    </row>
    <row r="263208" spans="8:8">
      <c r="H263208" s="12"/>
    </row>
    <row r="263209" spans="8:8">
      <c r="H263209" s="12"/>
    </row>
    <row r="263210" spans="8:8">
      <c r="H263210" s="12"/>
    </row>
    <row r="263211" spans="8:8">
      <c r="H263211" s="12"/>
    </row>
    <row r="263212" spans="8:8">
      <c r="H263212" s="12"/>
    </row>
    <row r="263213" spans="8:8">
      <c r="H263213" s="12"/>
    </row>
    <row r="263214" spans="8:8">
      <c r="H263214" s="12"/>
    </row>
    <row r="263215" spans="8:8">
      <c r="H263215" s="12"/>
    </row>
    <row r="263216" spans="8:8">
      <c r="H263216" s="12"/>
    </row>
    <row r="263217" spans="8:8">
      <c r="H263217" s="12"/>
    </row>
    <row r="263218" spans="8:8">
      <c r="H263218" s="12"/>
    </row>
    <row r="263219" spans="8:8">
      <c r="H263219" s="12"/>
    </row>
    <row r="263220" spans="8:8">
      <c r="H263220" s="12"/>
    </row>
    <row r="263221" spans="8:8">
      <c r="H263221" s="12"/>
    </row>
    <row r="263222" spans="8:8">
      <c r="H263222" s="12"/>
    </row>
    <row r="263223" spans="8:8">
      <c r="H263223" s="12"/>
    </row>
    <row r="263224" spans="8:8">
      <c r="H263224" s="12"/>
    </row>
    <row r="263225" spans="8:8">
      <c r="H263225" s="12"/>
    </row>
    <row r="263226" spans="8:8">
      <c r="H263226" s="12"/>
    </row>
    <row r="263227" spans="8:8">
      <c r="H263227" s="12"/>
    </row>
    <row r="263228" spans="8:8">
      <c r="H263228" s="12"/>
    </row>
    <row r="263229" spans="8:8">
      <c r="H263229" s="12"/>
    </row>
    <row r="263230" spans="8:8">
      <c r="H263230" s="12"/>
    </row>
    <row r="263231" spans="8:8">
      <c r="H263231" s="12"/>
    </row>
    <row r="263232" spans="8:8">
      <c r="H263232" s="12"/>
    </row>
    <row r="263233" spans="8:8">
      <c r="H263233" s="12"/>
    </row>
    <row r="263234" spans="8:8">
      <c r="H263234" s="12"/>
    </row>
    <row r="263235" spans="8:8">
      <c r="H263235" s="12"/>
    </row>
    <row r="263236" spans="8:8">
      <c r="H263236" s="12"/>
    </row>
    <row r="263237" spans="8:8">
      <c r="H263237" s="12"/>
    </row>
    <row r="263238" spans="8:8">
      <c r="H263238" s="12"/>
    </row>
    <row r="263239" spans="8:8">
      <c r="H263239" s="12"/>
    </row>
    <row r="263240" spans="8:8">
      <c r="H263240" s="12"/>
    </row>
    <row r="263241" spans="8:8">
      <c r="H263241" s="12"/>
    </row>
    <row r="263242" spans="8:8">
      <c r="H263242" s="12"/>
    </row>
    <row r="263243" spans="8:8">
      <c r="H263243" s="12"/>
    </row>
    <row r="263244" spans="8:8">
      <c r="H263244" s="12"/>
    </row>
    <row r="263245" spans="8:8">
      <c r="H263245" s="12"/>
    </row>
    <row r="263246" spans="8:8">
      <c r="H263246" s="12"/>
    </row>
    <row r="263247" spans="8:8">
      <c r="H263247" s="12"/>
    </row>
    <row r="263248" spans="8:8">
      <c r="H263248" s="12"/>
    </row>
    <row r="263249" spans="8:8">
      <c r="H263249" s="12"/>
    </row>
    <row r="263250" spans="8:8">
      <c r="H263250" s="12"/>
    </row>
    <row r="263251" spans="8:8">
      <c r="H263251" s="12"/>
    </row>
    <row r="263252" spans="8:8">
      <c r="H263252" s="12"/>
    </row>
    <row r="263253" spans="8:8">
      <c r="H263253" s="12"/>
    </row>
    <row r="263254" spans="8:8">
      <c r="H263254" s="12"/>
    </row>
    <row r="263255" spans="8:8">
      <c r="H263255" s="12"/>
    </row>
    <row r="263256" spans="8:8">
      <c r="H263256" s="12"/>
    </row>
    <row r="263257" spans="8:8">
      <c r="H263257" s="12"/>
    </row>
    <row r="263258" spans="8:8">
      <c r="H263258" s="12"/>
    </row>
    <row r="263259" spans="8:8">
      <c r="H263259" s="12"/>
    </row>
    <row r="263260" spans="8:8">
      <c r="H263260" s="12"/>
    </row>
    <row r="263261" spans="8:8">
      <c r="H263261" s="12"/>
    </row>
    <row r="263262" spans="8:8">
      <c r="H263262" s="12"/>
    </row>
    <row r="263263" spans="8:8">
      <c r="H263263" s="12"/>
    </row>
    <row r="263264" spans="8:8">
      <c r="H263264" s="12"/>
    </row>
    <row r="263265" spans="8:8">
      <c r="H263265" s="12"/>
    </row>
    <row r="263266" spans="8:8">
      <c r="H263266" s="12"/>
    </row>
    <row r="263267" spans="8:8">
      <c r="H263267" s="12"/>
    </row>
    <row r="263268" spans="8:8">
      <c r="H263268" s="12"/>
    </row>
    <row r="263269" spans="8:8">
      <c r="H263269" s="12"/>
    </row>
    <row r="263270" spans="8:8">
      <c r="H263270" s="12"/>
    </row>
    <row r="263271" spans="8:8">
      <c r="H263271" s="12"/>
    </row>
    <row r="263272" spans="8:8">
      <c r="H263272" s="12"/>
    </row>
    <row r="263273" spans="8:8">
      <c r="H263273" s="12"/>
    </row>
    <row r="263274" spans="8:8">
      <c r="H263274" s="12"/>
    </row>
    <row r="263275" spans="8:8">
      <c r="H263275" s="12"/>
    </row>
    <row r="263276" spans="8:8">
      <c r="H263276" s="12"/>
    </row>
    <row r="263277" spans="8:8">
      <c r="H263277" s="12"/>
    </row>
    <row r="263278" spans="8:8">
      <c r="H263278" s="12"/>
    </row>
    <row r="263279" spans="8:8">
      <c r="H263279" s="12"/>
    </row>
    <row r="263280" spans="8:8">
      <c r="H263280" s="12"/>
    </row>
    <row r="263281" spans="8:8">
      <c r="H263281" s="12"/>
    </row>
    <row r="263282" spans="8:8">
      <c r="H263282" s="12"/>
    </row>
    <row r="263283" spans="8:8">
      <c r="H263283" s="12"/>
    </row>
    <row r="263284" spans="8:8">
      <c r="H263284" s="12"/>
    </row>
    <row r="263285" spans="8:8">
      <c r="H263285" s="12"/>
    </row>
    <row r="263286" spans="8:8">
      <c r="H263286" s="12"/>
    </row>
    <row r="263287" spans="8:8">
      <c r="H263287" s="12"/>
    </row>
    <row r="263288" spans="8:8">
      <c r="H263288" s="12"/>
    </row>
    <row r="263289" spans="8:8">
      <c r="H263289" s="12"/>
    </row>
    <row r="263290" spans="8:8">
      <c r="H263290" s="12"/>
    </row>
    <row r="263291" spans="8:8">
      <c r="H263291" s="12"/>
    </row>
    <row r="263292" spans="8:8">
      <c r="H263292" s="12"/>
    </row>
    <row r="263293" spans="8:8">
      <c r="H263293" s="12"/>
    </row>
    <row r="263294" spans="8:8">
      <c r="H263294" s="12"/>
    </row>
    <row r="263295" spans="8:8">
      <c r="H263295" s="12"/>
    </row>
    <row r="263296" spans="8:8">
      <c r="H263296" s="12"/>
    </row>
    <row r="263297" spans="8:8">
      <c r="H263297" s="12"/>
    </row>
    <row r="263298" spans="8:8">
      <c r="H263298" s="12"/>
    </row>
    <row r="263299" spans="8:8">
      <c r="H263299" s="12"/>
    </row>
    <row r="263300" spans="8:8">
      <c r="H263300" s="12"/>
    </row>
    <row r="263301" spans="8:8">
      <c r="H263301" s="12"/>
    </row>
    <row r="263302" spans="8:8">
      <c r="H263302" s="12"/>
    </row>
    <row r="263303" spans="8:8">
      <c r="H263303" s="12"/>
    </row>
    <row r="263304" spans="8:8">
      <c r="H263304" s="12"/>
    </row>
    <row r="263305" spans="8:8">
      <c r="H263305" s="12"/>
    </row>
    <row r="263306" spans="8:8">
      <c r="H263306" s="12"/>
    </row>
    <row r="263307" spans="8:8">
      <c r="H263307" s="12"/>
    </row>
    <row r="263308" spans="8:8">
      <c r="H263308" s="12"/>
    </row>
    <row r="263309" spans="8:8">
      <c r="H263309" s="12"/>
    </row>
    <row r="263310" spans="8:8">
      <c r="H263310" s="12"/>
    </row>
    <row r="263311" spans="8:8">
      <c r="H263311" s="12"/>
    </row>
    <row r="263312" spans="8:8">
      <c r="H263312" s="12"/>
    </row>
    <row r="263313" spans="8:8">
      <c r="H263313" s="12"/>
    </row>
    <row r="263314" spans="8:8">
      <c r="H263314" s="12"/>
    </row>
    <row r="263315" spans="8:8">
      <c r="H263315" s="12"/>
    </row>
    <row r="263316" spans="8:8">
      <c r="H263316" s="12"/>
    </row>
    <row r="263317" spans="8:8">
      <c r="H263317" s="12"/>
    </row>
    <row r="263318" spans="8:8">
      <c r="H263318" s="12"/>
    </row>
    <row r="263319" spans="8:8">
      <c r="H263319" s="12"/>
    </row>
    <row r="263320" spans="8:8">
      <c r="H263320" s="12"/>
    </row>
    <row r="263321" spans="8:8">
      <c r="H263321" s="12"/>
    </row>
    <row r="263322" spans="8:8">
      <c r="H263322" s="12"/>
    </row>
    <row r="263323" spans="8:8">
      <c r="H263323" s="12"/>
    </row>
    <row r="263324" spans="8:8">
      <c r="H263324" s="12"/>
    </row>
    <row r="263325" spans="8:8">
      <c r="H263325" s="12"/>
    </row>
    <row r="263326" spans="8:8">
      <c r="H263326" s="12"/>
    </row>
    <row r="263327" spans="8:8">
      <c r="H263327" s="12"/>
    </row>
    <row r="263328" spans="8:8">
      <c r="H263328" s="12"/>
    </row>
    <row r="263329" spans="8:8">
      <c r="H263329" s="12"/>
    </row>
    <row r="263330" spans="8:8">
      <c r="H263330" s="12"/>
    </row>
    <row r="263331" spans="8:8">
      <c r="H263331" s="12"/>
    </row>
    <row r="263332" spans="8:8">
      <c r="H263332" s="12"/>
    </row>
    <row r="263333" spans="8:8">
      <c r="H263333" s="12"/>
    </row>
    <row r="263334" spans="8:8">
      <c r="H263334" s="12"/>
    </row>
    <row r="263335" spans="8:8">
      <c r="H263335" s="12"/>
    </row>
    <row r="263336" spans="8:8">
      <c r="H263336" s="12"/>
    </row>
    <row r="263337" spans="8:8">
      <c r="H263337" s="12"/>
    </row>
    <row r="263338" spans="8:8">
      <c r="H263338" s="12"/>
    </row>
    <row r="263339" spans="8:8">
      <c r="H263339" s="12"/>
    </row>
    <row r="263340" spans="8:8">
      <c r="H263340" s="12"/>
    </row>
    <row r="263341" spans="8:8">
      <c r="H263341" s="12"/>
    </row>
    <row r="263342" spans="8:8">
      <c r="H263342" s="12"/>
    </row>
    <row r="263343" spans="8:8">
      <c r="H263343" s="12"/>
    </row>
    <row r="263344" spans="8:8">
      <c r="H263344" s="12"/>
    </row>
    <row r="263345" spans="8:8">
      <c r="H263345" s="12"/>
    </row>
    <row r="263346" spans="8:8">
      <c r="H263346" s="12"/>
    </row>
    <row r="263347" spans="8:8">
      <c r="H263347" s="12"/>
    </row>
    <row r="263348" spans="8:8">
      <c r="H263348" s="12"/>
    </row>
    <row r="263349" spans="8:8">
      <c r="H263349" s="12"/>
    </row>
    <row r="263350" spans="8:8">
      <c r="H263350" s="12"/>
    </row>
    <row r="263351" spans="8:8">
      <c r="H263351" s="12"/>
    </row>
    <row r="263352" spans="8:8">
      <c r="H263352" s="12"/>
    </row>
    <row r="263353" spans="8:8">
      <c r="H263353" s="12"/>
    </row>
    <row r="263354" spans="8:8">
      <c r="H263354" s="12"/>
    </row>
    <row r="263355" spans="8:8">
      <c r="H263355" s="12"/>
    </row>
    <row r="263356" spans="8:8">
      <c r="H263356" s="12"/>
    </row>
    <row r="263357" spans="8:8">
      <c r="H263357" s="12"/>
    </row>
    <row r="263358" spans="8:8">
      <c r="H263358" s="12"/>
    </row>
    <row r="263359" spans="8:8">
      <c r="H263359" s="12"/>
    </row>
    <row r="263360" spans="8:8">
      <c r="H263360" s="12"/>
    </row>
    <row r="263361" spans="8:8">
      <c r="H263361" s="12"/>
    </row>
    <row r="263362" spans="8:8">
      <c r="H263362" s="12"/>
    </row>
    <row r="263363" spans="8:8">
      <c r="H263363" s="12"/>
    </row>
    <row r="263364" spans="8:8">
      <c r="H263364" s="12"/>
    </row>
    <row r="263365" spans="8:8">
      <c r="H263365" s="12"/>
    </row>
    <row r="263366" spans="8:8">
      <c r="H263366" s="12"/>
    </row>
    <row r="263367" spans="8:8">
      <c r="H263367" s="12"/>
    </row>
    <row r="263368" spans="8:8">
      <c r="H263368" s="12"/>
    </row>
    <row r="263369" spans="8:8">
      <c r="H263369" s="12"/>
    </row>
    <row r="263370" spans="8:8">
      <c r="H263370" s="12"/>
    </row>
    <row r="263371" spans="8:8">
      <c r="H263371" s="12"/>
    </row>
    <row r="263372" spans="8:8">
      <c r="H263372" s="12"/>
    </row>
    <row r="263373" spans="8:8">
      <c r="H263373" s="12"/>
    </row>
    <row r="263374" spans="8:8">
      <c r="H263374" s="12"/>
    </row>
    <row r="263375" spans="8:8">
      <c r="H263375" s="12"/>
    </row>
    <row r="263376" spans="8:8">
      <c r="H263376" s="12"/>
    </row>
    <row r="263377" spans="8:8">
      <c r="H263377" s="12"/>
    </row>
    <row r="263378" spans="8:8">
      <c r="H263378" s="12"/>
    </row>
    <row r="263379" spans="8:8">
      <c r="H263379" s="12"/>
    </row>
    <row r="263380" spans="8:8">
      <c r="H263380" s="12"/>
    </row>
    <row r="263381" spans="8:8">
      <c r="H263381" s="12"/>
    </row>
    <row r="263382" spans="8:8">
      <c r="H263382" s="12"/>
    </row>
    <row r="263383" spans="8:8">
      <c r="H263383" s="12"/>
    </row>
    <row r="263384" spans="8:8">
      <c r="H263384" s="12"/>
    </row>
    <row r="263385" spans="8:8">
      <c r="H263385" s="12"/>
    </row>
    <row r="263386" spans="8:8">
      <c r="H263386" s="12"/>
    </row>
    <row r="263387" spans="8:8">
      <c r="H263387" s="12"/>
    </row>
    <row r="263388" spans="8:8">
      <c r="H263388" s="12"/>
    </row>
    <row r="263389" spans="8:8">
      <c r="H263389" s="12"/>
    </row>
    <row r="263390" spans="8:8">
      <c r="H263390" s="12"/>
    </row>
    <row r="263391" spans="8:8">
      <c r="H263391" s="12"/>
    </row>
    <row r="263392" spans="8:8">
      <c r="H263392" s="12"/>
    </row>
    <row r="263393" spans="8:8">
      <c r="H263393" s="12"/>
    </row>
    <row r="263394" spans="8:8">
      <c r="H263394" s="12"/>
    </row>
    <row r="263395" spans="8:8">
      <c r="H263395" s="12"/>
    </row>
    <row r="263396" spans="8:8">
      <c r="H263396" s="12"/>
    </row>
    <row r="263397" spans="8:8">
      <c r="H263397" s="12"/>
    </row>
    <row r="263398" spans="8:8">
      <c r="H263398" s="12"/>
    </row>
    <row r="263399" spans="8:8">
      <c r="H263399" s="12"/>
    </row>
    <row r="263400" spans="8:8">
      <c r="H263400" s="12"/>
    </row>
    <row r="263401" spans="8:8">
      <c r="H263401" s="12"/>
    </row>
    <row r="263402" spans="8:8">
      <c r="H263402" s="12"/>
    </row>
    <row r="263403" spans="8:8">
      <c r="H263403" s="12"/>
    </row>
    <row r="263404" spans="8:8">
      <c r="H263404" s="12"/>
    </row>
    <row r="263405" spans="8:8">
      <c r="H263405" s="12"/>
    </row>
    <row r="263406" spans="8:8">
      <c r="H263406" s="12"/>
    </row>
    <row r="263407" spans="8:8">
      <c r="H263407" s="12"/>
    </row>
    <row r="263408" spans="8:8">
      <c r="H263408" s="12"/>
    </row>
    <row r="263409" spans="8:8">
      <c r="H263409" s="12"/>
    </row>
    <row r="263410" spans="8:8">
      <c r="H263410" s="12"/>
    </row>
    <row r="263411" spans="8:8">
      <c r="H263411" s="12"/>
    </row>
    <row r="263412" spans="8:8">
      <c r="H263412" s="12"/>
    </row>
    <row r="263413" spans="8:8">
      <c r="H263413" s="12"/>
    </row>
    <row r="263414" spans="8:8">
      <c r="H263414" s="12"/>
    </row>
    <row r="263415" spans="8:8">
      <c r="H263415" s="12"/>
    </row>
    <row r="263416" spans="8:8">
      <c r="H263416" s="12"/>
    </row>
    <row r="263417" spans="8:8">
      <c r="H263417" s="12"/>
    </row>
    <row r="263418" spans="8:8">
      <c r="H263418" s="12"/>
    </row>
    <row r="263419" spans="8:8">
      <c r="H263419" s="12"/>
    </row>
    <row r="263420" spans="8:8">
      <c r="H263420" s="12"/>
    </row>
    <row r="263421" spans="8:8">
      <c r="H263421" s="12"/>
    </row>
    <row r="263422" spans="8:8">
      <c r="H263422" s="12"/>
    </row>
    <row r="263423" spans="8:8">
      <c r="H263423" s="12"/>
    </row>
    <row r="263424" spans="8:8">
      <c r="H263424" s="12"/>
    </row>
    <row r="263425" spans="8:8">
      <c r="H263425" s="12"/>
    </row>
    <row r="263426" spans="8:8">
      <c r="H263426" s="12"/>
    </row>
    <row r="263427" spans="8:8">
      <c r="H263427" s="12"/>
    </row>
    <row r="263428" spans="8:8">
      <c r="H263428" s="12"/>
    </row>
    <row r="263429" spans="8:8">
      <c r="H263429" s="12"/>
    </row>
    <row r="263430" spans="8:8">
      <c r="H263430" s="12"/>
    </row>
    <row r="263431" spans="8:8">
      <c r="H263431" s="12"/>
    </row>
    <row r="263432" spans="8:8">
      <c r="H263432" s="12"/>
    </row>
    <row r="263433" spans="8:8">
      <c r="H263433" s="12"/>
    </row>
    <row r="263434" spans="8:8">
      <c r="H263434" s="12"/>
    </row>
    <row r="263435" spans="8:8">
      <c r="H263435" s="12"/>
    </row>
    <row r="263436" spans="8:8">
      <c r="H263436" s="12"/>
    </row>
    <row r="263437" spans="8:8">
      <c r="H263437" s="12"/>
    </row>
    <row r="263438" spans="8:8">
      <c r="H263438" s="12"/>
    </row>
    <row r="263439" spans="8:8">
      <c r="H263439" s="12"/>
    </row>
    <row r="263440" spans="8:8">
      <c r="H263440" s="12"/>
    </row>
    <row r="263441" spans="8:8">
      <c r="H263441" s="12"/>
    </row>
    <row r="263442" spans="8:8">
      <c r="H263442" s="12"/>
    </row>
    <row r="263443" spans="8:8">
      <c r="H263443" s="12"/>
    </row>
    <row r="263444" spans="8:8">
      <c r="H263444" s="12"/>
    </row>
    <row r="263445" spans="8:8">
      <c r="H263445" s="12"/>
    </row>
    <row r="263446" spans="8:8">
      <c r="H263446" s="12"/>
    </row>
    <row r="263447" spans="8:8">
      <c r="H263447" s="12"/>
    </row>
    <row r="263448" spans="8:8">
      <c r="H263448" s="12"/>
    </row>
    <row r="263449" spans="8:8">
      <c r="H263449" s="12"/>
    </row>
    <row r="263450" spans="8:8">
      <c r="H263450" s="12"/>
    </row>
    <row r="263451" spans="8:8">
      <c r="H263451" s="12"/>
    </row>
    <row r="263452" spans="8:8">
      <c r="H263452" s="12"/>
    </row>
    <row r="263453" spans="8:8">
      <c r="H263453" s="12"/>
    </row>
    <row r="263454" spans="8:8">
      <c r="H263454" s="12"/>
    </row>
    <row r="263455" spans="8:8">
      <c r="H263455" s="12"/>
    </row>
    <row r="263456" spans="8:8">
      <c r="H263456" s="12"/>
    </row>
    <row r="263457" spans="8:8">
      <c r="H263457" s="12"/>
    </row>
    <row r="263458" spans="8:8">
      <c r="H263458" s="12"/>
    </row>
    <row r="263459" spans="8:8">
      <c r="H263459" s="12"/>
    </row>
    <row r="263460" spans="8:8">
      <c r="H263460" s="12"/>
    </row>
    <row r="263461" spans="8:8">
      <c r="H263461" s="12"/>
    </row>
    <row r="263462" spans="8:8">
      <c r="H263462" s="12"/>
    </row>
    <row r="263463" spans="8:8">
      <c r="H263463" s="12"/>
    </row>
    <row r="263464" spans="8:8">
      <c r="H263464" s="12"/>
    </row>
    <row r="263465" spans="8:8">
      <c r="H263465" s="12"/>
    </row>
    <row r="263466" spans="8:8">
      <c r="H263466" s="12"/>
    </row>
    <row r="263467" spans="8:8">
      <c r="H263467" s="12"/>
    </row>
    <row r="263468" spans="8:8">
      <c r="H263468" s="12"/>
    </row>
    <row r="263469" spans="8:8">
      <c r="H263469" s="12"/>
    </row>
    <row r="263470" spans="8:8">
      <c r="H263470" s="12"/>
    </row>
    <row r="263471" spans="8:8">
      <c r="H263471" s="12"/>
    </row>
    <row r="263472" spans="8:8">
      <c r="H263472" s="12"/>
    </row>
    <row r="263473" spans="8:8">
      <c r="H263473" s="12"/>
    </row>
    <row r="263474" spans="8:8">
      <c r="H263474" s="12"/>
    </row>
    <row r="263475" spans="8:8">
      <c r="H263475" s="12"/>
    </row>
    <row r="263476" spans="8:8">
      <c r="H263476" s="12"/>
    </row>
    <row r="263477" spans="8:8">
      <c r="H263477" s="12"/>
    </row>
    <row r="263478" spans="8:8">
      <c r="H263478" s="12"/>
    </row>
    <row r="263479" spans="8:8">
      <c r="H263479" s="12"/>
    </row>
    <row r="263480" spans="8:8">
      <c r="H263480" s="12"/>
    </row>
    <row r="263481" spans="8:8">
      <c r="H263481" s="12"/>
    </row>
    <row r="263482" spans="8:8">
      <c r="H263482" s="12"/>
    </row>
    <row r="263483" spans="8:8">
      <c r="H263483" s="12"/>
    </row>
    <row r="263484" spans="8:8">
      <c r="H263484" s="12"/>
    </row>
    <row r="263485" spans="8:8">
      <c r="H263485" s="12"/>
    </row>
    <row r="263486" spans="8:8">
      <c r="H263486" s="12"/>
    </row>
    <row r="263487" spans="8:8">
      <c r="H263487" s="12"/>
    </row>
    <row r="263488" spans="8:8">
      <c r="H263488" s="12"/>
    </row>
    <row r="263489" spans="8:8">
      <c r="H263489" s="12"/>
    </row>
    <row r="263490" spans="8:8">
      <c r="H263490" s="12"/>
    </row>
    <row r="263491" spans="8:8">
      <c r="H263491" s="12"/>
    </row>
    <row r="263492" spans="8:8">
      <c r="H263492" s="12"/>
    </row>
    <row r="263493" spans="8:8">
      <c r="H263493" s="12"/>
    </row>
    <row r="263494" spans="8:8">
      <c r="H263494" s="12"/>
    </row>
    <row r="263495" spans="8:8">
      <c r="H263495" s="12"/>
    </row>
    <row r="263496" spans="8:8">
      <c r="H263496" s="12"/>
    </row>
    <row r="263497" spans="8:8">
      <c r="H263497" s="12"/>
    </row>
    <row r="263498" spans="8:8">
      <c r="H263498" s="12"/>
    </row>
    <row r="263499" spans="8:8">
      <c r="H263499" s="12"/>
    </row>
    <row r="263500" spans="8:8">
      <c r="H263500" s="12"/>
    </row>
    <row r="263501" spans="8:8">
      <c r="H263501" s="12"/>
    </row>
    <row r="263502" spans="8:8">
      <c r="H263502" s="12"/>
    </row>
    <row r="263503" spans="8:8">
      <c r="H263503" s="12"/>
    </row>
    <row r="263504" spans="8:8">
      <c r="H263504" s="12"/>
    </row>
    <row r="263505" spans="8:8">
      <c r="H263505" s="12"/>
    </row>
    <row r="263506" spans="8:8">
      <c r="H263506" s="12"/>
    </row>
    <row r="263507" spans="8:8">
      <c r="H263507" s="12"/>
    </row>
    <row r="263508" spans="8:8">
      <c r="H263508" s="12"/>
    </row>
    <row r="263509" spans="8:8">
      <c r="H263509" s="12"/>
    </row>
    <row r="263510" spans="8:8">
      <c r="H263510" s="12"/>
    </row>
    <row r="263511" spans="8:8">
      <c r="H263511" s="12"/>
    </row>
    <row r="263512" spans="8:8">
      <c r="H263512" s="12"/>
    </row>
    <row r="263513" spans="8:8">
      <c r="H263513" s="12"/>
    </row>
    <row r="263514" spans="8:8">
      <c r="H263514" s="12"/>
    </row>
    <row r="263515" spans="8:8">
      <c r="H263515" s="12"/>
    </row>
    <row r="263516" spans="8:8">
      <c r="H263516" s="12"/>
    </row>
    <row r="263517" spans="8:8">
      <c r="H263517" s="12"/>
    </row>
    <row r="263518" spans="8:8">
      <c r="H263518" s="12"/>
    </row>
    <row r="263519" spans="8:8">
      <c r="H263519" s="12"/>
    </row>
    <row r="263520" spans="8:8">
      <c r="H263520" s="12"/>
    </row>
    <row r="263521" spans="8:8">
      <c r="H263521" s="12"/>
    </row>
    <row r="263522" spans="8:8">
      <c r="H263522" s="12"/>
    </row>
    <row r="263523" spans="8:8">
      <c r="H263523" s="12"/>
    </row>
    <row r="263524" spans="8:8">
      <c r="H263524" s="12"/>
    </row>
    <row r="263525" spans="8:8">
      <c r="H263525" s="12"/>
    </row>
    <row r="263526" spans="8:8">
      <c r="H263526" s="12"/>
    </row>
    <row r="263527" spans="8:8">
      <c r="H263527" s="12"/>
    </row>
    <row r="263528" spans="8:8">
      <c r="H263528" s="12"/>
    </row>
    <row r="263529" spans="8:8">
      <c r="H263529" s="12"/>
    </row>
    <row r="263530" spans="8:8">
      <c r="H263530" s="12"/>
    </row>
    <row r="263531" spans="8:8">
      <c r="H263531" s="12"/>
    </row>
    <row r="263532" spans="8:8">
      <c r="H263532" s="12"/>
    </row>
    <row r="263533" spans="8:8">
      <c r="H263533" s="12"/>
    </row>
    <row r="263534" spans="8:8">
      <c r="H263534" s="12"/>
    </row>
    <row r="263535" spans="8:8">
      <c r="H263535" s="12"/>
    </row>
    <row r="263536" spans="8:8">
      <c r="H263536" s="12"/>
    </row>
    <row r="263537" spans="8:8">
      <c r="H263537" s="12"/>
    </row>
    <row r="263538" spans="8:8">
      <c r="H263538" s="12"/>
    </row>
    <row r="263539" spans="8:8">
      <c r="H263539" s="12"/>
    </row>
    <row r="263540" spans="8:8">
      <c r="H263540" s="12"/>
    </row>
    <row r="263541" spans="8:8">
      <c r="H263541" s="12"/>
    </row>
    <row r="263542" spans="8:8">
      <c r="H263542" s="12"/>
    </row>
    <row r="263543" spans="8:8">
      <c r="H263543" s="12"/>
    </row>
    <row r="263544" spans="8:8">
      <c r="H263544" s="12"/>
    </row>
    <row r="263545" spans="8:8">
      <c r="H263545" s="12"/>
    </row>
    <row r="263546" spans="8:8">
      <c r="H263546" s="12"/>
    </row>
    <row r="263547" spans="8:8">
      <c r="H263547" s="12"/>
    </row>
    <row r="263548" spans="8:8">
      <c r="H263548" s="12"/>
    </row>
    <row r="263549" spans="8:8">
      <c r="H263549" s="12"/>
    </row>
    <row r="263550" spans="8:8">
      <c r="H263550" s="12"/>
    </row>
    <row r="263551" spans="8:8">
      <c r="H263551" s="12"/>
    </row>
    <row r="263552" spans="8:8">
      <c r="H263552" s="12"/>
    </row>
    <row r="263553" spans="8:8">
      <c r="H263553" s="12"/>
    </row>
    <row r="263554" spans="8:8">
      <c r="H263554" s="12"/>
    </row>
    <row r="263555" spans="8:8">
      <c r="H263555" s="12"/>
    </row>
    <row r="263556" spans="8:8">
      <c r="H263556" s="12"/>
    </row>
    <row r="263557" spans="8:8">
      <c r="H263557" s="12"/>
    </row>
    <row r="263558" spans="8:8">
      <c r="H263558" s="12"/>
    </row>
    <row r="263559" spans="8:8">
      <c r="H263559" s="12"/>
    </row>
    <row r="263560" spans="8:8">
      <c r="H263560" s="12"/>
    </row>
    <row r="263561" spans="8:8">
      <c r="H263561" s="12"/>
    </row>
    <row r="263562" spans="8:8">
      <c r="H263562" s="12"/>
    </row>
    <row r="263563" spans="8:8">
      <c r="H263563" s="12"/>
    </row>
    <row r="263564" spans="8:8">
      <c r="H263564" s="12"/>
    </row>
    <row r="263565" spans="8:8">
      <c r="H263565" s="12"/>
    </row>
    <row r="263566" spans="8:8">
      <c r="H263566" s="12"/>
    </row>
    <row r="263567" spans="8:8">
      <c r="H263567" s="12"/>
    </row>
    <row r="263568" spans="8:8">
      <c r="H263568" s="12"/>
    </row>
    <row r="263569" spans="8:8">
      <c r="H263569" s="12"/>
    </row>
    <row r="263570" spans="8:8">
      <c r="H263570" s="12"/>
    </row>
    <row r="263571" spans="8:8">
      <c r="H263571" s="12"/>
    </row>
    <row r="263572" spans="8:8">
      <c r="H263572" s="12"/>
    </row>
    <row r="263573" spans="8:8">
      <c r="H263573" s="12"/>
    </row>
    <row r="263574" spans="8:8">
      <c r="H263574" s="12"/>
    </row>
    <row r="263575" spans="8:8">
      <c r="H263575" s="12"/>
    </row>
    <row r="263576" spans="8:8">
      <c r="H263576" s="12"/>
    </row>
    <row r="263577" spans="8:8">
      <c r="H263577" s="12"/>
    </row>
    <row r="263578" spans="8:8">
      <c r="H263578" s="12"/>
    </row>
    <row r="263579" spans="8:8">
      <c r="H263579" s="12"/>
    </row>
    <row r="263580" spans="8:8">
      <c r="H263580" s="12"/>
    </row>
    <row r="263581" spans="8:8">
      <c r="H263581" s="12"/>
    </row>
    <row r="263582" spans="8:8">
      <c r="H263582" s="12"/>
    </row>
    <row r="263583" spans="8:8">
      <c r="H263583" s="12"/>
    </row>
    <row r="263584" spans="8:8">
      <c r="H263584" s="12"/>
    </row>
    <row r="263585" spans="8:8">
      <c r="H263585" s="12"/>
    </row>
    <row r="263586" spans="8:8">
      <c r="H263586" s="12"/>
    </row>
    <row r="263587" spans="8:8">
      <c r="H263587" s="12"/>
    </row>
    <row r="263588" spans="8:8">
      <c r="H263588" s="12"/>
    </row>
    <row r="263589" spans="8:8">
      <c r="H263589" s="12"/>
    </row>
    <row r="263590" spans="8:8">
      <c r="H263590" s="12"/>
    </row>
    <row r="263591" spans="8:8">
      <c r="H263591" s="12"/>
    </row>
    <row r="263592" spans="8:8">
      <c r="H263592" s="12"/>
    </row>
    <row r="263593" spans="8:8">
      <c r="H263593" s="12"/>
    </row>
    <row r="263594" spans="8:8">
      <c r="H263594" s="12"/>
    </row>
    <row r="263595" spans="8:8">
      <c r="H263595" s="12"/>
    </row>
    <row r="263596" spans="8:8">
      <c r="H263596" s="12"/>
    </row>
    <row r="263597" spans="8:8">
      <c r="H263597" s="12"/>
    </row>
    <row r="263598" spans="8:8">
      <c r="H263598" s="12"/>
    </row>
    <row r="263599" spans="8:8">
      <c r="H263599" s="12"/>
    </row>
    <row r="263600" spans="8:8">
      <c r="H263600" s="12"/>
    </row>
    <row r="263601" spans="8:8">
      <c r="H263601" s="12"/>
    </row>
    <row r="263602" spans="8:8">
      <c r="H263602" s="12"/>
    </row>
    <row r="263603" spans="8:8">
      <c r="H263603" s="12"/>
    </row>
    <row r="263604" spans="8:8">
      <c r="H263604" s="12"/>
    </row>
    <row r="263605" spans="8:8">
      <c r="H263605" s="12"/>
    </row>
    <row r="263606" spans="8:8">
      <c r="H263606" s="12"/>
    </row>
    <row r="263607" spans="8:8">
      <c r="H263607" s="12"/>
    </row>
    <row r="263608" spans="8:8">
      <c r="H263608" s="12"/>
    </row>
    <row r="263609" spans="8:8">
      <c r="H263609" s="12"/>
    </row>
    <row r="263610" spans="8:8">
      <c r="H263610" s="12"/>
    </row>
    <row r="263611" spans="8:8">
      <c r="H263611" s="12"/>
    </row>
    <row r="263612" spans="8:8">
      <c r="H263612" s="12"/>
    </row>
    <row r="263613" spans="8:8">
      <c r="H263613" s="12"/>
    </row>
    <row r="263614" spans="8:8">
      <c r="H263614" s="12"/>
    </row>
    <row r="263615" spans="8:8">
      <c r="H263615" s="12"/>
    </row>
    <row r="263616" spans="8:8">
      <c r="H263616" s="12"/>
    </row>
    <row r="263617" spans="8:8">
      <c r="H263617" s="12"/>
    </row>
    <row r="263618" spans="8:8">
      <c r="H263618" s="12"/>
    </row>
    <row r="263619" spans="8:8">
      <c r="H263619" s="12"/>
    </row>
    <row r="263620" spans="8:8">
      <c r="H263620" s="12"/>
    </row>
    <row r="263621" spans="8:8">
      <c r="H263621" s="12"/>
    </row>
    <row r="263622" spans="8:8">
      <c r="H263622" s="12"/>
    </row>
    <row r="263623" spans="8:8">
      <c r="H263623" s="12"/>
    </row>
    <row r="263624" spans="8:8">
      <c r="H263624" s="12"/>
    </row>
    <row r="263625" spans="8:8">
      <c r="H263625" s="12"/>
    </row>
    <row r="263626" spans="8:8">
      <c r="H263626" s="12"/>
    </row>
    <row r="263627" spans="8:8">
      <c r="H263627" s="12"/>
    </row>
    <row r="263628" spans="8:8">
      <c r="H263628" s="12"/>
    </row>
    <row r="263629" spans="8:8">
      <c r="H263629" s="12"/>
    </row>
    <row r="263630" spans="8:8">
      <c r="H263630" s="12"/>
    </row>
    <row r="263631" spans="8:8">
      <c r="H263631" s="12"/>
    </row>
    <row r="263632" spans="8:8">
      <c r="H263632" s="12"/>
    </row>
    <row r="263633" spans="8:8">
      <c r="H263633" s="12"/>
    </row>
    <row r="263634" spans="8:8">
      <c r="H263634" s="12"/>
    </row>
    <row r="263635" spans="8:8">
      <c r="H263635" s="12"/>
    </row>
    <row r="263636" spans="8:8">
      <c r="H263636" s="12"/>
    </row>
    <row r="263637" spans="8:8">
      <c r="H263637" s="12"/>
    </row>
    <row r="263638" spans="8:8">
      <c r="H263638" s="12"/>
    </row>
    <row r="263639" spans="8:8">
      <c r="H263639" s="12"/>
    </row>
    <row r="263640" spans="8:8">
      <c r="H263640" s="12"/>
    </row>
    <row r="263641" spans="8:8">
      <c r="H263641" s="12"/>
    </row>
    <row r="263642" spans="8:8">
      <c r="H263642" s="12"/>
    </row>
    <row r="263643" spans="8:8">
      <c r="H263643" s="12"/>
    </row>
    <row r="263644" spans="8:8">
      <c r="H263644" s="12"/>
    </row>
    <row r="263645" spans="8:8">
      <c r="H263645" s="12"/>
    </row>
    <row r="263646" spans="8:8">
      <c r="H263646" s="12"/>
    </row>
    <row r="263647" spans="8:8">
      <c r="H263647" s="12"/>
    </row>
    <row r="263648" spans="8:8">
      <c r="H263648" s="12"/>
    </row>
    <row r="263649" spans="8:8">
      <c r="H263649" s="12"/>
    </row>
    <row r="263650" spans="8:8">
      <c r="H263650" s="12"/>
    </row>
    <row r="263651" spans="8:8">
      <c r="H263651" s="12"/>
    </row>
    <row r="263652" spans="8:8">
      <c r="H263652" s="12"/>
    </row>
    <row r="263653" spans="8:8">
      <c r="H263653" s="12"/>
    </row>
    <row r="263654" spans="8:8">
      <c r="H263654" s="12"/>
    </row>
    <row r="263655" spans="8:8">
      <c r="H263655" s="12"/>
    </row>
    <row r="263656" spans="8:8">
      <c r="H263656" s="12"/>
    </row>
    <row r="263657" spans="8:8">
      <c r="H263657" s="12"/>
    </row>
    <row r="263658" spans="8:8">
      <c r="H263658" s="12"/>
    </row>
    <row r="263659" spans="8:8">
      <c r="H263659" s="12"/>
    </row>
    <row r="263660" spans="8:8">
      <c r="H263660" s="12"/>
    </row>
    <row r="263661" spans="8:8">
      <c r="H263661" s="12"/>
    </row>
    <row r="263662" spans="8:8">
      <c r="H263662" s="12"/>
    </row>
    <row r="263663" spans="8:8">
      <c r="H263663" s="12"/>
    </row>
    <row r="263664" spans="8:8">
      <c r="H263664" s="12"/>
    </row>
    <row r="263665" spans="8:8">
      <c r="H263665" s="12"/>
    </row>
    <row r="263666" spans="8:8">
      <c r="H263666" s="12"/>
    </row>
    <row r="263667" spans="8:8">
      <c r="H263667" s="12"/>
    </row>
    <row r="263668" spans="8:8">
      <c r="H263668" s="12"/>
    </row>
    <row r="263669" spans="8:8">
      <c r="H263669" s="12"/>
    </row>
    <row r="263670" spans="8:8">
      <c r="H263670" s="12"/>
    </row>
    <row r="263671" spans="8:8">
      <c r="H263671" s="12"/>
    </row>
    <row r="263672" spans="8:8">
      <c r="H263672" s="12"/>
    </row>
    <row r="263673" spans="8:8">
      <c r="H263673" s="12"/>
    </row>
    <row r="263674" spans="8:8">
      <c r="H263674" s="12"/>
    </row>
    <row r="263675" spans="8:8">
      <c r="H263675" s="12"/>
    </row>
    <row r="263676" spans="8:8">
      <c r="H263676" s="12"/>
    </row>
    <row r="263677" spans="8:8">
      <c r="H263677" s="12"/>
    </row>
    <row r="263678" spans="8:8">
      <c r="H263678" s="12"/>
    </row>
    <row r="263679" spans="8:8">
      <c r="H263679" s="12"/>
    </row>
    <row r="263680" spans="8:8">
      <c r="H263680" s="12"/>
    </row>
    <row r="263681" spans="8:8">
      <c r="H263681" s="12"/>
    </row>
    <row r="263682" spans="8:8">
      <c r="H263682" s="12"/>
    </row>
    <row r="263683" spans="8:8">
      <c r="H263683" s="12"/>
    </row>
    <row r="263684" spans="8:8">
      <c r="H263684" s="12"/>
    </row>
    <row r="263685" spans="8:8">
      <c r="H263685" s="12"/>
    </row>
    <row r="263686" spans="8:8">
      <c r="H263686" s="12"/>
    </row>
    <row r="263687" spans="8:8">
      <c r="H263687" s="12"/>
    </row>
    <row r="263688" spans="8:8">
      <c r="H263688" s="12"/>
    </row>
    <row r="263689" spans="8:8">
      <c r="H263689" s="12"/>
    </row>
    <row r="263690" spans="8:8">
      <c r="H263690" s="12"/>
    </row>
    <row r="263691" spans="8:8">
      <c r="H263691" s="12"/>
    </row>
    <row r="263692" spans="8:8">
      <c r="H263692" s="12"/>
    </row>
    <row r="263693" spans="8:8">
      <c r="H263693" s="12"/>
    </row>
    <row r="263694" spans="8:8">
      <c r="H263694" s="12"/>
    </row>
    <row r="263695" spans="8:8">
      <c r="H263695" s="12"/>
    </row>
    <row r="263696" spans="8:8">
      <c r="H263696" s="12"/>
    </row>
    <row r="263697" spans="8:8">
      <c r="H263697" s="12"/>
    </row>
    <row r="263698" spans="8:8">
      <c r="H263698" s="12"/>
    </row>
    <row r="263699" spans="8:8">
      <c r="H263699" s="12"/>
    </row>
    <row r="263700" spans="8:8">
      <c r="H263700" s="12"/>
    </row>
    <row r="263701" spans="8:8">
      <c r="H263701" s="12"/>
    </row>
    <row r="263702" spans="8:8">
      <c r="H263702" s="12"/>
    </row>
    <row r="263703" spans="8:8">
      <c r="H263703" s="12"/>
    </row>
    <row r="263704" spans="8:8">
      <c r="H263704" s="12"/>
    </row>
    <row r="263705" spans="8:8">
      <c r="H263705" s="12"/>
    </row>
    <row r="263706" spans="8:8">
      <c r="H263706" s="12"/>
    </row>
    <row r="263707" spans="8:8">
      <c r="H263707" s="12"/>
    </row>
    <row r="263708" spans="8:8">
      <c r="H263708" s="12"/>
    </row>
    <row r="263709" spans="8:8">
      <c r="H263709" s="12"/>
    </row>
    <row r="263710" spans="8:8">
      <c r="H263710" s="12"/>
    </row>
    <row r="263711" spans="8:8">
      <c r="H263711" s="12"/>
    </row>
    <row r="263712" spans="8:8">
      <c r="H263712" s="12"/>
    </row>
    <row r="263713" spans="8:8">
      <c r="H263713" s="12"/>
    </row>
    <row r="263714" spans="8:8">
      <c r="H263714" s="12"/>
    </row>
    <row r="263715" spans="8:8">
      <c r="H263715" s="12"/>
    </row>
    <row r="263716" spans="8:8">
      <c r="H263716" s="12"/>
    </row>
    <row r="263717" spans="8:8">
      <c r="H263717" s="12"/>
    </row>
    <row r="263718" spans="8:8">
      <c r="H263718" s="12"/>
    </row>
    <row r="263719" spans="8:8">
      <c r="H263719" s="12"/>
    </row>
    <row r="263720" spans="8:8">
      <c r="H263720" s="12"/>
    </row>
    <row r="263721" spans="8:8">
      <c r="H263721" s="12"/>
    </row>
    <row r="263722" spans="8:8">
      <c r="H263722" s="12"/>
    </row>
    <row r="263723" spans="8:8">
      <c r="H263723" s="12"/>
    </row>
    <row r="263724" spans="8:8">
      <c r="H263724" s="12"/>
    </row>
    <row r="263725" spans="8:8">
      <c r="H263725" s="12"/>
    </row>
    <row r="263726" spans="8:8">
      <c r="H263726" s="12"/>
    </row>
    <row r="263727" spans="8:8">
      <c r="H263727" s="12"/>
    </row>
    <row r="263728" spans="8:8">
      <c r="H263728" s="12"/>
    </row>
    <row r="263729" spans="8:8">
      <c r="H263729" s="12"/>
    </row>
    <row r="263730" spans="8:8">
      <c r="H263730" s="12"/>
    </row>
    <row r="263731" spans="8:8">
      <c r="H263731" s="12"/>
    </row>
    <row r="263732" spans="8:8">
      <c r="H263732" s="12"/>
    </row>
    <row r="263733" spans="8:8">
      <c r="H263733" s="12"/>
    </row>
    <row r="263734" spans="8:8">
      <c r="H263734" s="12"/>
    </row>
    <row r="263735" spans="8:8">
      <c r="H263735" s="12"/>
    </row>
    <row r="263736" spans="8:8">
      <c r="H263736" s="12"/>
    </row>
    <row r="263737" spans="8:8">
      <c r="H263737" s="12"/>
    </row>
    <row r="263738" spans="8:8">
      <c r="H263738" s="12"/>
    </row>
    <row r="263739" spans="8:8">
      <c r="H263739" s="12"/>
    </row>
    <row r="263740" spans="8:8">
      <c r="H263740" s="12"/>
    </row>
    <row r="263741" spans="8:8">
      <c r="H263741" s="12"/>
    </row>
    <row r="263742" spans="8:8">
      <c r="H263742" s="12"/>
    </row>
    <row r="263743" spans="8:8">
      <c r="H263743" s="12"/>
    </row>
    <row r="263744" spans="8:8">
      <c r="H263744" s="12"/>
    </row>
    <row r="263745" spans="8:8">
      <c r="H263745" s="12"/>
    </row>
    <row r="263746" spans="8:8">
      <c r="H263746" s="12"/>
    </row>
    <row r="263747" spans="8:8">
      <c r="H263747" s="12"/>
    </row>
    <row r="263748" spans="8:8">
      <c r="H263748" s="12"/>
    </row>
    <row r="263749" spans="8:8">
      <c r="H263749" s="12"/>
    </row>
    <row r="263750" spans="8:8">
      <c r="H263750" s="12"/>
    </row>
    <row r="263751" spans="8:8">
      <c r="H263751" s="12"/>
    </row>
    <row r="263752" spans="8:8">
      <c r="H263752" s="12"/>
    </row>
    <row r="263753" spans="8:8">
      <c r="H263753" s="12"/>
    </row>
    <row r="263754" spans="8:8">
      <c r="H263754" s="12"/>
    </row>
    <row r="263755" spans="8:8">
      <c r="H263755" s="12"/>
    </row>
    <row r="263756" spans="8:8">
      <c r="H263756" s="12"/>
    </row>
    <row r="263757" spans="8:8">
      <c r="H263757" s="12"/>
    </row>
    <row r="263758" spans="8:8">
      <c r="H263758" s="12"/>
    </row>
    <row r="263759" spans="8:8">
      <c r="H263759" s="12"/>
    </row>
    <row r="263760" spans="8:8">
      <c r="H263760" s="12"/>
    </row>
    <row r="263761" spans="8:8">
      <c r="H263761" s="12"/>
    </row>
    <row r="263762" spans="8:8">
      <c r="H263762" s="12"/>
    </row>
    <row r="263763" spans="8:8">
      <c r="H263763" s="12"/>
    </row>
    <row r="263764" spans="8:8">
      <c r="H263764" s="12"/>
    </row>
    <row r="263765" spans="8:8">
      <c r="H263765" s="12"/>
    </row>
    <row r="263766" spans="8:8">
      <c r="H263766" s="12"/>
    </row>
    <row r="263767" spans="8:8">
      <c r="H263767" s="12"/>
    </row>
    <row r="263768" spans="8:8">
      <c r="H263768" s="12"/>
    </row>
    <row r="263769" spans="8:8">
      <c r="H263769" s="12"/>
    </row>
    <row r="263770" spans="8:8">
      <c r="H263770" s="12"/>
    </row>
    <row r="263771" spans="8:8">
      <c r="H263771" s="12"/>
    </row>
    <row r="263772" spans="8:8">
      <c r="H263772" s="12"/>
    </row>
    <row r="263773" spans="8:8">
      <c r="H263773" s="12"/>
    </row>
    <row r="263774" spans="8:8">
      <c r="H263774" s="12"/>
    </row>
    <row r="263775" spans="8:8">
      <c r="H263775" s="12"/>
    </row>
    <row r="263776" spans="8:8">
      <c r="H263776" s="12"/>
    </row>
    <row r="263777" spans="8:8">
      <c r="H263777" s="12"/>
    </row>
    <row r="263778" spans="8:8">
      <c r="H263778" s="12"/>
    </row>
    <row r="263779" spans="8:8">
      <c r="H263779" s="12"/>
    </row>
    <row r="263780" spans="8:8">
      <c r="H263780" s="12"/>
    </row>
    <row r="263781" spans="8:8">
      <c r="H263781" s="12"/>
    </row>
    <row r="263782" spans="8:8">
      <c r="H263782" s="12"/>
    </row>
    <row r="263783" spans="8:8">
      <c r="H263783" s="12"/>
    </row>
    <row r="263784" spans="8:8">
      <c r="H263784" s="12"/>
    </row>
    <row r="263785" spans="8:8">
      <c r="H263785" s="12"/>
    </row>
    <row r="263786" spans="8:8">
      <c r="H263786" s="12"/>
    </row>
    <row r="263787" spans="8:8">
      <c r="H263787" s="12"/>
    </row>
    <row r="263788" spans="8:8">
      <c r="H263788" s="12"/>
    </row>
    <row r="263789" spans="8:8">
      <c r="H263789" s="12"/>
    </row>
    <row r="263790" spans="8:8">
      <c r="H263790" s="12"/>
    </row>
    <row r="263791" spans="8:8">
      <c r="H263791" s="12"/>
    </row>
    <row r="263792" spans="8:8">
      <c r="H263792" s="12"/>
    </row>
    <row r="263793" spans="8:8">
      <c r="H263793" s="12"/>
    </row>
    <row r="263794" spans="8:8">
      <c r="H263794" s="12"/>
    </row>
    <row r="263795" spans="8:8">
      <c r="H263795" s="12"/>
    </row>
    <row r="263796" spans="8:8">
      <c r="H263796" s="12"/>
    </row>
    <row r="263797" spans="8:8">
      <c r="H263797" s="12"/>
    </row>
    <row r="263798" spans="8:8">
      <c r="H263798" s="12"/>
    </row>
    <row r="263799" spans="8:8">
      <c r="H263799" s="12"/>
    </row>
    <row r="263800" spans="8:8">
      <c r="H263800" s="12"/>
    </row>
    <row r="263801" spans="8:8">
      <c r="H263801" s="12"/>
    </row>
    <row r="263802" spans="8:8">
      <c r="H263802" s="12"/>
    </row>
    <row r="263803" spans="8:8">
      <c r="H263803" s="12"/>
    </row>
    <row r="263804" spans="8:8">
      <c r="H263804" s="12"/>
    </row>
    <row r="263805" spans="8:8">
      <c r="H263805" s="12"/>
    </row>
    <row r="263806" spans="8:8">
      <c r="H263806" s="12"/>
    </row>
    <row r="263807" spans="8:8">
      <c r="H263807" s="12"/>
    </row>
    <row r="263808" spans="8:8">
      <c r="H263808" s="12"/>
    </row>
    <row r="263809" spans="8:8">
      <c r="H263809" s="12"/>
    </row>
    <row r="263810" spans="8:8">
      <c r="H263810" s="12"/>
    </row>
    <row r="263811" spans="8:8">
      <c r="H263811" s="12"/>
    </row>
    <row r="263812" spans="8:8">
      <c r="H263812" s="12"/>
    </row>
    <row r="263813" spans="8:8">
      <c r="H263813" s="12"/>
    </row>
    <row r="263814" spans="8:8">
      <c r="H263814" s="12"/>
    </row>
    <row r="263815" spans="8:8">
      <c r="H263815" s="12"/>
    </row>
    <row r="263816" spans="8:8">
      <c r="H263816" s="12"/>
    </row>
    <row r="263817" spans="8:8">
      <c r="H263817" s="12"/>
    </row>
    <row r="263818" spans="8:8">
      <c r="H263818" s="12"/>
    </row>
    <row r="263819" spans="8:8">
      <c r="H263819" s="12"/>
    </row>
    <row r="263820" spans="8:8">
      <c r="H263820" s="12"/>
    </row>
    <row r="263821" spans="8:8">
      <c r="H263821" s="12"/>
    </row>
    <row r="263822" spans="8:8">
      <c r="H263822" s="12"/>
    </row>
    <row r="263823" spans="8:8">
      <c r="H263823" s="12"/>
    </row>
    <row r="263824" spans="8:8">
      <c r="H263824" s="12"/>
    </row>
    <row r="263825" spans="8:8">
      <c r="H263825" s="12"/>
    </row>
    <row r="263826" spans="8:8">
      <c r="H263826" s="12"/>
    </row>
    <row r="263827" spans="8:8">
      <c r="H263827" s="12"/>
    </row>
    <row r="263828" spans="8:8">
      <c r="H263828" s="12"/>
    </row>
    <row r="263829" spans="8:8">
      <c r="H263829" s="12"/>
    </row>
    <row r="263830" spans="8:8">
      <c r="H263830" s="12"/>
    </row>
    <row r="263831" spans="8:8">
      <c r="H263831" s="12"/>
    </row>
    <row r="263832" spans="8:8">
      <c r="H263832" s="12"/>
    </row>
    <row r="263833" spans="8:8">
      <c r="H263833" s="12"/>
    </row>
    <row r="263834" spans="8:8">
      <c r="H263834" s="12"/>
    </row>
    <row r="263835" spans="8:8">
      <c r="H263835" s="12"/>
    </row>
    <row r="263836" spans="8:8">
      <c r="H263836" s="12"/>
    </row>
    <row r="263837" spans="8:8">
      <c r="H263837" s="12"/>
    </row>
    <row r="263838" spans="8:8">
      <c r="H263838" s="12"/>
    </row>
    <row r="263839" spans="8:8">
      <c r="H263839" s="12"/>
    </row>
    <row r="263840" spans="8:8">
      <c r="H263840" s="12"/>
    </row>
    <row r="263841" spans="8:8">
      <c r="H263841" s="12"/>
    </row>
    <row r="263842" spans="8:8">
      <c r="H263842" s="12"/>
    </row>
    <row r="263843" spans="8:8">
      <c r="H263843" s="12"/>
    </row>
    <row r="263844" spans="8:8">
      <c r="H263844" s="12"/>
    </row>
    <row r="263845" spans="8:8">
      <c r="H263845" s="12"/>
    </row>
    <row r="263846" spans="8:8">
      <c r="H263846" s="12"/>
    </row>
    <row r="263847" spans="8:8">
      <c r="H263847" s="12"/>
    </row>
    <row r="263848" spans="8:8">
      <c r="H263848" s="12"/>
    </row>
    <row r="263849" spans="8:8">
      <c r="H263849" s="12"/>
    </row>
    <row r="263850" spans="8:8">
      <c r="H263850" s="12"/>
    </row>
    <row r="263851" spans="8:8">
      <c r="H263851" s="12"/>
    </row>
    <row r="263852" spans="8:8">
      <c r="H263852" s="12"/>
    </row>
    <row r="263853" spans="8:8">
      <c r="H263853" s="12"/>
    </row>
    <row r="263854" spans="8:8">
      <c r="H263854" s="12"/>
    </row>
    <row r="263855" spans="8:8">
      <c r="H263855" s="12"/>
    </row>
    <row r="263856" spans="8:8">
      <c r="H263856" s="12"/>
    </row>
    <row r="263857" spans="8:8">
      <c r="H263857" s="12"/>
    </row>
    <row r="263858" spans="8:8">
      <c r="H263858" s="12"/>
    </row>
    <row r="263859" spans="8:8">
      <c r="H263859" s="12"/>
    </row>
    <row r="263860" spans="8:8">
      <c r="H263860" s="12"/>
    </row>
    <row r="263861" spans="8:8">
      <c r="H263861" s="12"/>
    </row>
    <row r="263862" spans="8:8">
      <c r="H263862" s="12"/>
    </row>
    <row r="263863" spans="8:8">
      <c r="H263863" s="12"/>
    </row>
    <row r="263864" spans="8:8">
      <c r="H263864" s="12"/>
    </row>
    <row r="263865" spans="8:8">
      <c r="H263865" s="12"/>
    </row>
    <row r="263866" spans="8:8">
      <c r="H263866" s="12"/>
    </row>
    <row r="263867" spans="8:8">
      <c r="H263867" s="12"/>
    </row>
    <row r="263868" spans="8:8">
      <c r="H263868" s="12"/>
    </row>
    <row r="263869" spans="8:8">
      <c r="H263869" s="12"/>
    </row>
    <row r="263870" spans="8:8">
      <c r="H263870" s="12"/>
    </row>
    <row r="263871" spans="8:8">
      <c r="H263871" s="12"/>
    </row>
    <row r="263872" spans="8:8">
      <c r="H263872" s="12"/>
    </row>
    <row r="263873" spans="8:8">
      <c r="H263873" s="12"/>
    </row>
    <row r="263874" spans="8:8">
      <c r="H263874" s="12"/>
    </row>
    <row r="263875" spans="8:8">
      <c r="H263875" s="12"/>
    </row>
    <row r="263876" spans="8:8">
      <c r="H263876" s="12"/>
    </row>
    <row r="263877" spans="8:8">
      <c r="H263877" s="12"/>
    </row>
    <row r="263878" spans="8:8">
      <c r="H263878" s="12"/>
    </row>
    <row r="263879" spans="8:8">
      <c r="H263879" s="12"/>
    </row>
    <row r="263880" spans="8:8">
      <c r="H263880" s="12"/>
    </row>
    <row r="263881" spans="8:8">
      <c r="H263881" s="12"/>
    </row>
    <row r="263882" spans="8:8">
      <c r="H263882" s="12"/>
    </row>
    <row r="263883" spans="8:8">
      <c r="H263883" s="12"/>
    </row>
    <row r="263884" spans="8:8">
      <c r="H263884" s="12"/>
    </row>
    <row r="263885" spans="8:8">
      <c r="H263885" s="12"/>
    </row>
    <row r="263886" spans="8:8">
      <c r="H263886" s="12"/>
    </row>
    <row r="263887" spans="8:8">
      <c r="H263887" s="12"/>
    </row>
    <row r="263888" spans="8:8">
      <c r="H263888" s="12"/>
    </row>
    <row r="263889" spans="8:8">
      <c r="H263889" s="12"/>
    </row>
    <row r="263890" spans="8:8">
      <c r="H263890" s="12"/>
    </row>
    <row r="263891" spans="8:8">
      <c r="H263891" s="12"/>
    </row>
    <row r="263892" spans="8:8">
      <c r="H263892" s="12"/>
    </row>
    <row r="263893" spans="8:8">
      <c r="H263893" s="12"/>
    </row>
    <row r="263894" spans="8:8">
      <c r="H263894" s="12"/>
    </row>
    <row r="263895" spans="8:8">
      <c r="H263895" s="12"/>
    </row>
    <row r="263896" spans="8:8">
      <c r="H263896" s="12"/>
    </row>
    <row r="263897" spans="8:8">
      <c r="H263897" s="12"/>
    </row>
    <row r="263898" spans="8:8">
      <c r="H263898" s="12"/>
    </row>
    <row r="263899" spans="8:8">
      <c r="H263899" s="12"/>
    </row>
    <row r="263900" spans="8:8">
      <c r="H263900" s="12"/>
    </row>
    <row r="263901" spans="8:8">
      <c r="H263901" s="12"/>
    </row>
    <row r="263902" spans="8:8">
      <c r="H263902" s="12"/>
    </row>
    <row r="263903" spans="8:8">
      <c r="H263903" s="12"/>
    </row>
    <row r="263904" spans="8:8">
      <c r="H263904" s="12"/>
    </row>
    <row r="263905" spans="8:8">
      <c r="H263905" s="12"/>
    </row>
    <row r="263906" spans="8:8">
      <c r="H263906" s="12"/>
    </row>
    <row r="263907" spans="8:8">
      <c r="H263907" s="12"/>
    </row>
    <row r="263908" spans="8:8">
      <c r="H263908" s="12"/>
    </row>
    <row r="263909" spans="8:8">
      <c r="H263909" s="12"/>
    </row>
    <row r="263910" spans="8:8">
      <c r="H263910" s="12"/>
    </row>
    <row r="263911" spans="8:8">
      <c r="H263911" s="12"/>
    </row>
    <row r="263912" spans="8:8">
      <c r="H263912" s="12"/>
    </row>
    <row r="263913" spans="8:8">
      <c r="H263913" s="12"/>
    </row>
    <row r="263914" spans="8:8">
      <c r="H263914" s="12"/>
    </row>
    <row r="263915" spans="8:8">
      <c r="H263915" s="12"/>
    </row>
    <row r="263916" spans="8:8">
      <c r="H263916" s="12"/>
    </row>
    <row r="263917" spans="8:8">
      <c r="H263917" s="12"/>
    </row>
    <row r="263918" spans="8:8">
      <c r="H263918" s="12"/>
    </row>
    <row r="263919" spans="8:8">
      <c r="H263919" s="12"/>
    </row>
    <row r="263920" spans="8:8">
      <c r="H263920" s="12"/>
    </row>
    <row r="263921" spans="8:8">
      <c r="H263921" s="12"/>
    </row>
    <row r="263922" spans="8:8">
      <c r="H263922" s="12"/>
    </row>
    <row r="263923" spans="8:8">
      <c r="H263923" s="12"/>
    </row>
    <row r="263924" spans="8:8">
      <c r="H263924" s="12"/>
    </row>
    <row r="263925" spans="8:8">
      <c r="H263925" s="12"/>
    </row>
    <row r="263926" spans="8:8">
      <c r="H263926" s="12"/>
    </row>
    <row r="263927" spans="8:8">
      <c r="H263927" s="12"/>
    </row>
    <row r="263928" spans="8:8">
      <c r="H263928" s="12"/>
    </row>
    <row r="263929" spans="8:8">
      <c r="H263929" s="12"/>
    </row>
    <row r="263930" spans="8:8">
      <c r="H263930" s="12"/>
    </row>
    <row r="263931" spans="8:8">
      <c r="H263931" s="12"/>
    </row>
    <row r="263932" spans="8:8">
      <c r="H263932" s="12"/>
    </row>
    <row r="263933" spans="8:8">
      <c r="H263933" s="12"/>
    </row>
    <row r="263934" spans="8:8">
      <c r="H263934" s="12"/>
    </row>
    <row r="263935" spans="8:8">
      <c r="H263935" s="12"/>
    </row>
    <row r="263936" spans="8:8">
      <c r="H263936" s="12"/>
    </row>
    <row r="263937" spans="8:8">
      <c r="H263937" s="12"/>
    </row>
    <row r="263938" spans="8:8">
      <c r="H263938" s="12"/>
    </row>
    <row r="263939" spans="8:8">
      <c r="H263939" s="12"/>
    </row>
    <row r="263940" spans="8:8">
      <c r="H263940" s="12"/>
    </row>
    <row r="263941" spans="8:8">
      <c r="H263941" s="12"/>
    </row>
    <row r="263942" spans="8:8">
      <c r="H263942" s="12"/>
    </row>
    <row r="263943" spans="8:8">
      <c r="H263943" s="12"/>
    </row>
    <row r="263944" spans="8:8">
      <c r="H263944" s="12"/>
    </row>
    <row r="263945" spans="8:8">
      <c r="H263945" s="12"/>
    </row>
    <row r="263946" spans="8:8">
      <c r="H263946" s="12"/>
    </row>
    <row r="263947" spans="8:8">
      <c r="H263947" s="12"/>
    </row>
    <row r="263948" spans="8:8">
      <c r="H263948" s="12"/>
    </row>
    <row r="263949" spans="8:8">
      <c r="H263949" s="12"/>
    </row>
    <row r="263950" spans="8:8">
      <c r="H263950" s="12"/>
    </row>
    <row r="263951" spans="8:8">
      <c r="H263951" s="12"/>
    </row>
    <row r="263952" spans="8:8">
      <c r="H263952" s="12"/>
    </row>
    <row r="263953" spans="8:8">
      <c r="H263953" s="12"/>
    </row>
    <row r="263954" spans="8:8">
      <c r="H263954" s="12"/>
    </row>
    <row r="263955" spans="8:8">
      <c r="H263955" s="12"/>
    </row>
    <row r="263956" spans="8:8">
      <c r="H263956" s="12"/>
    </row>
    <row r="263957" spans="8:8">
      <c r="H263957" s="12"/>
    </row>
    <row r="263958" spans="8:8">
      <c r="H263958" s="12"/>
    </row>
    <row r="263959" spans="8:8">
      <c r="H263959" s="12"/>
    </row>
    <row r="263960" spans="8:8">
      <c r="H263960" s="12"/>
    </row>
    <row r="263961" spans="8:8">
      <c r="H263961" s="12"/>
    </row>
    <row r="263962" spans="8:8">
      <c r="H263962" s="12"/>
    </row>
    <row r="263963" spans="8:8">
      <c r="H263963" s="12"/>
    </row>
    <row r="263964" spans="8:8">
      <c r="H263964" s="12"/>
    </row>
    <row r="263965" spans="8:8">
      <c r="H263965" s="12"/>
    </row>
    <row r="263966" spans="8:8">
      <c r="H263966" s="12"/>
    </row>
    <row r="263967" spans="8:8">
      <c r="H263967" s="12"/>
    </row>
    <row r="263968" spans="8:8">
      <c r="H263968" s="12"/>
    </row>
    <row r="263969" spans="8:8">
      <c r="H263969" s="12"/>
    </row>
    <row r="263970" spans="8:8">
      <c r="H263970" s="12"/>
    </row>
    <row r="263971" spans="8:8">
      <c r="H263971" s="12"/>
    </row>
    <row r="263972" spans="8:8">
      <c r="H263972" s="12"/>
    </row>
    <row r="263973" spans="8:8">
      <c r="H263973" s="12"/>
    </row>
    <row r="263974" spans="8:8">
      <c r="H263974" s="12"/>
    </row>
    <row r="263975" spans="8:8">
      <c r="H263975" s="12"/>
    </row>
    <row r="263976" spans="8:8">
      <c r="H263976" s="12"/>
    </row>
    <row r="263977" spans="8:8">
      <c r="H263977" s="12"/>
    </row>
    <row r="263978" spans="8:8">
      <c r="H263978" s="12"/>
    </row>
    <row r="263979" spans="8:8">
      <c r="H263979" s="12"/>
    </row>
    <row r="263980" spans="8:8">
      <c r="H263980" s="12"/>
    </row>
    <row r="263981" spans="8:8">
      <c r="H263981" s="12"/>
    </row>
    <row r="263982" spans="8:8">
      <c r="H263982" s="12"/>
    </row>
    <row r="263983" spans="8:8">
      <c r="H263983" s="12"/>
    </row>
    <row r="263984" spans="8:8">
      <c r="H263984" s="12"/>
    </row>
    <row r="263985" spans="8:8">
      <c r="H263985" s="12"/>
    </row>
    <row r="263986" spans="8:8">
      <c r="H263986" s="12"/>
    </row>
    <row r="263987" spans="8:8">
      <c r="H263987" s="12"/>
    </row>
    <row r="263988" spans="8:8">
      <c r="H263988" s="12"/>
    </row>
    <row r="263989" spans="8:8">
      <c r="H263989" s="12"/>
    </row>
    <row r="263990" spans="8:8">
      <c r="H263990" s="12"/>
    </row>
    <row r="263991" spans="8:8">
      <c r="H263991" s="12"/>
    </row>
    <row r="263992" spans="8:8">
      <c r="H263992" s="12"/>
    </row>
    <row r="263993" spans="8:8">
      <c r="H263993" s="12"/>
    </row>
    <row r="263994" spans="8:8">
      <c r="H263994" s="12"/>
    </row>
    <row r="263995" spans="8:8">
      <c r="H263995" s="12"/>
    </row>
    <row r="263996" spans="8:8">
      <c r="H263996" s="12"/>
    </row>
    <row r="263997" spans="8:8">
      <c r="H263997" s="12"/>
    </row>
    <row r="263998" spans="8:8">
      <c r="H263998" s="12"/>
    </row>
    <row r="263999" spans="8:8">
      <c r="H263999" s="12"/>
    </row>
    <row r="264000" spans="8:8">
      <c r="H264000" s="12"/>
    </row>
    <row r="264001" spans="8:8">
      <c r="H264001" s="12"/>
    </row>
    <row r="264002" spans="8:8">
      <c r="H264002" s="12"/>
    </row>
    <row r="264003" spans="8:8">
      <c r="H264003" s="12"/>
    </row>
    <row r="264004" spans="8:8">
      <c r="H264004" s="12"/>
    </row>
    <row r="264005" spans="8:8">
      <c r="H264005" s="12"/>
    </row>
    <row r="264006" spans="8:8">
      <c r="H264006" s="12"/>
    </row>
    <row r="264007" spans="8:8">
      <c r="H264007" s="12"/>
    </row>
    <row r="264008" spans="8:8">
      <c r="H264008" s="12"/>
    </row>
    <row r="264009" spans="8:8">
      <c r="H264009" s="12"/>
    </row>
    <row r="264010" spans="8:8">
      <c r="H264010" s="12"/>
    </row>
    <row r="264011" spans="8:8">
      <c r="H264011" s="12"/>
    </row>
    <row r="264012" spans="8:8">
      <c r="H264012" s="12"/>
    </row>
    <row r="264013" spans="8:8">
      <c r="H264013" s="12"/>
    </row>
    <row r="264014" spans="8:8">
      <c r="H264014" s="12"/>
    </row>
    <row r="264015" spans="8:8">
      <c r="H264015" s="12"/>
    </row>
    <row r="264016" spans="8:8">
      <c r="H264016" s="12"/>
    </row>
    <row r="264017" spans="8:8">
      <c r="H264017" s="12"/>
    </row>
    <row r="264018" spans="8:8">
      <c r="H264018" s="12"/>
    </row>
    <row r="264019" spans="8:8">
      <c r="H264019" s="12"/>
    </row>
    <row r="264020" spans="8:8">
      <c r="H264020" s="12"/>
    </row>
    <row r="264021" spans="8:8">
      <c r="H264021" s="12"/>
    </row>
    <row r="264022" spans="8:8">
      <c r="H264022" s="12"/>
    </row>
    <row r="264023" spans="8:8">
      <c r="H264023" s="12"/>
    </row>
    <row r="264024" spans="8:8">
      <c r="H264024" s="12"/>
    </row>
    <row r="264025" spans="8:8">
      <c r="H264025" s="12"/>
    </row>
    <row r="264026" spans="8:8">
      <c r="H264026" s="12"/>
    </row>
    <row r="264027" spans="8:8">
      <c r="H264027" s="12"/>
    </row>
    <row r="264028" spans="8:8">
      <c r="H264028" s="12"/>
    </row>
    <row r="264029" spans="8:8">
      <c r="H264029" s="12"/>
    </row>
    <row r="264030" spans="8:8">
      <c r="H264030" s="12"/>
    </row>
    <row r="264031" spans="8:8">
      <c r="H264031" s="12"/>
    </row>
    <row r="264032" spans="8:8">
      <c r="H264032" s="12"/>
    </row>
    <row r="264033" spans="8:8">
      <c r="H264033" s="12"/>
    </row>
    <row r="264034" spans="8:8">
      <c r="H264034" s="12"/>
    </row>
    <row r="264035" spans="8:8">
      <c r="H264035" s="12"/>
    </row>
    <row r="264036" spans="8:8">
      <c r="H264036" s="12"/>
    </row>
    <row r="264037" spans="8:8">
      <c r="H264037" s="12"/>
    </row>
    <row r="264038" spans="8:8">
      <c r="H264038" s="12"/>
    </row>
    <row r="264039" spans="8:8">
      <c r="H264039" s="12"/>
    </row>
    <row r="264040" spans="8:8">
      <c r="H264040" s="12"/>
    </row>
    <row r="264041" spans="8:8">
      <c r="H264041" s="12"/>
    </row>
    <row r="264042" spans="8:8">
      <c r="H264042" s="12"/>
    </row>
    <row r="264043" spans="8:8">
      <c r="H264043" s="12"/>
    </row>
    <row r="264044" spans="8:8">
      <c r="H264044" s="12"/>
    </row>
    <row r="264045" spans="8:8">
      <c r="H264045" s="12"/>
    </row>
    <row r="264046" spans="8:8">
      <c r="H264046" s="12"/>
    </row>
    <row r="264047" spans="8:8">
      <c r="H264047" s="12"/>
    </row>
    <row r="264048" spans="8:8">
      <c r="H264048" s="12"/>
    </row>
    <row r="264049" spans="8:8">
      <c r="H264049" s="12"/>
    </row>
    <row r="264050" spans="8:8">
      <c r="H264050" s="12"/>
    </row>
    <row r="264051" spans="8:8">
      <c r="H264051" s="12"/>
    </row>
    <row r="264052" spans="8:8">
      <c r="H264052" s="12"/>
    </row>
    <row r="264053" spans="8:8">
      <c r="H264053" s="12"/>
    </row>
    <row r="264054" spans="8:8">
      <c r="H264054" s="12"/>
    </row>
    <row r="264055" spans="8:8">
      <c r="H264055" s="12"/>
    </row>
    <row r="264056" spans="8:8">
      <c r="H264056" s="12"/>
    </row>
    <row r="264057" spans="8:8">
      <c r="H264057" s="12"/>
    </row>
    <row r="264058" spans="8:8">
      <c r="H264058" s="12"/>
    </row>
    <row r="264059" spans="8:8">
      <c r="H264059" s="12"/>
    </row>
    <row r="264060" spans="8:8">
      <c r="H264060" s="12"/>
    </row>
    <row r="264061" spans="8:8">
      <c r="H264061" s="12"/>
    </row>
    <row r="264062" spans="8:8">
      <c r="H264062" s="12"/>
    </row>
    <row r="264063" spans="8:8">
      <c r="H264063" s="12"/>
    </row>
    <row r="264064" spans="8:8">
      <c r="H264064" s="12"/>
    </row>
    <row r="264065" spans="8:8">
      <c r="H264065" s="12"/>
    </row>
    <row r="264066" spans="8:8">
      <c r="H264066" s="12"/>
    </row>
    <row r="264067" spans="8:8">
      <c r="H264067" s="12"/>
    </row>
    <row r="264068" spans="8:8">
      <c r="H264068" s="12"/>
    </row>
    <row r="264069" spans="8:8">
      <c r="H264069" s="12"/>
    </row>
    <row r="264070" spans="8:8">
      <c r="H264070" s="12"/>
    </row>
    <row r="264071" spans="8:8">
      <c r="H264071" s="12"/>
    </row>
    <row r="264072" spans="8:8">
      <c r="H264072" s="12"/>
    </row>
    <row r="264073" spans="8:8">
      <c r="H264073" s="12"/>
    </row>
    <row r="264074" spans="8:8">
      <c r="H264074" s="12"/>
    </row>
    <row r="264075" spans="8:8">
      <c r="H264075" s="12"/>
    </row>
    <row r="264076" spans="8:8">
      <c r="H264076" s="12"/>
    </row>
    <row r="264077" spans="8:8">
      <c r="H264077" s="12"/>
    </row>
    <row r="264078" spans="8:8">
      <c r="H264078" s="12"/>
    </row>
    <row r="264079" spans="8:8">
      <c r="H264079" s="12"/>
    </row>
    <row r="264080" spans="8:8">
      <c r="H264080" s="12"/>
    </row>
    <row r="264081" spans="8:8">
      <c r="H264081" s="12"/>
    </row>
    <row r="264082" spans="8:8">
      <c r="H264082" s="12"/>
    </row>
    <row r="264083" spans="8:8">
      <c r="H264083" s="12"/>
    </row>
    <row r="264084" spans="8:8">
      <c r="H264084" s="12"/>
    </row>
    <row r="264085" spans="8:8">
      <c r="H264085" s="12"/>
    </row>
    <row r="264086" spans="8:8">
      <c r="H264086" s="12"/>
    </row>
    <row r="264087" spans="8:8">
      <c r="H264087" s="12"/>
    </row>
    <row r="264088" spans="8:8">
      <c r="H264088" s="12"/>
    </row>
    <row r="264089" spans="8:8">
      <c r="H264089" s="12"/>
    </row>
    <row r="264090" spans="8:8">
      <c r="H264090" s="12"/>
    </row>
    <row r="264091" spans="8:8">
      <c r="H264091" s="12"/>
    </row>
    <row r="264092" spans="8:8">
      <c r="H264092" s="12"/>
    </row>
    <row r="264093" spans="8:8">
      <c r="H264093" s="12"/>
    </row>
    <row r="264094" spans="8:8">
      <c r="H264094" s="12"/>
    </row>
    <row r="264095" spans="8:8">
      <c r="H264095" s="12"/>
    </row>
    <row r="264096" spans="8:8">
      <c r="H264096" s="12"/>
    </row>
    <row r="264097" spans="8:8">
      <c r="H264097" s="12"/>
    </row>
    <row r="264098" spans="8:8">
      <c r="H264098" s="12"/>
    </row>
    <row r="264099" spans="8:8">
      <c r="H264099" s="12"/>
    </row>
    <row r="264100" spans="8:8">
      <c r="H264100" s="12"/>
    </row>
    <row r="264101" spans="8:8">
      <c r="H264101" s="12"/>
    </row>
    <row r="264102" spans="8:8">
      <c r="H264102" s="12"/>
    </row>
    <row r="264103" spans="8:8">
      <c r="H264103" s="12"/>
    </row>
    <row r="264104" spans="8:8">
      <c r="H264104" s="12"/>
    </row>
    <row r="264105" spans="8:8">
      <c r="H264105" s="12"/>
    </row>
    <row r="264106" spans="8:8">
      <c r="H264106" s="12"/>
    </row>
    <row r="264107" spans="8:8">
      <c r="H264107" s="12"/>
    </row>
    <row r="264108" spans="8:8">
      <c r="H264108" s="12"/>
    </row>
    <row r="264109" spans="8:8">
      <c r="H264109" s="12"/>
    </row>
    <row r="264110" spans="8:8">
      <c r="H264110" s="12"/>
    </row>
    <row r="264111" spans="8:8">
      <c r="H264111" s="12"/>
    </row>
    <row r="264112" spans="8:8">
      <c r="H264112" s="12"/>
    </row>
    <row r="264113" spans="8:8">
      <c r="H264113" s="12"/>
    </row>
    <row r="264114" spans="8:8">
      <c r="H264114" s="12"/>
    </row>
    <row r="264115" spans="8:8">
      <c r="H264115" s="12"/>
    </row>
    <row r="264116" spans="8:8">
      <c r="H264116" s="12"/>
    </row>
    <row r="264117" spans="8:8">
      <c r="H264117" s="12"/>
    </row>
    <row r="264118" spans="8:8">
      <c r="H264118" s="12"/>
    </row>
    <row r="264119" spans="8:8">
      <c r="H264119" s="12"/>
    </row>
    <row r="264120" spans="8:8">
      <c r="H264120" s="12"/>
    </row>
    <row r="264121" spans="8:8">
      <c r="H264121" s="12"/>
    </row>
    <row r="264122" spans="8:8">
      <c r="H264122" s="12"/>
    </row>
    <row r="264123" spans="8:8">
      <c r="H264123" s="12"/>
    </row>
    <row r="264124" spans="8:8">
      <c r="H264124" s="12"/>
    </row>
    <row r="264125" spans="8:8">
      <c r="H264125" s="12"/>
    </row>
    <row r="264126" spans="8:8">
      <c r="H264126" s="12"/>
    </row>
    <row r="264127" spans="8:8">
      <c r="H264127" s="12"/>
    </row>
    <row r="264128" spans="8:8">
      <c r="H264128" s="12"/>
    </row>
    <row r="264129" spans="8:8">
      <c r="H264129" s="12"/>
    </row>
    <row r="264130" spans="8:8">
      <c r="H264130" s="12"/>
    </row>
    <row r="264131" spans="8:8">
      <c r="H264131" s="12"/>
    </row>
    <row r="264132" spans="8:8">
      <c r="H264132" s="12"/>
    </row>
    <row r="264133" spans="8:8">
      <c r="H264133" s="12"/>
    </row>
    <row r="264134" spans="8:8">
      <c r="H264134" s="12"/>
    </row>
    <row r="264135" spans="8:8">
      <c r="H264135" s="12"/>
    </row>
    <row r="264136" spans="8:8">
      <c r="H264136" s="12"/>
    </row>
    <row r="264137" spans="8:8">
      <c r="H264137" s="12"/>
    </row>
    <row r="264138" spans="8:8">
      <c r="H264138" s="12"/>
    </row>
    <row r="264139" spans="8:8">
      <c r="H264139" s="12"/>
    </row>
    <row r="264140" spans="8:8">
      <c r="H264140" s="12"/>
    </row>
    <row r="264141" spans="8:8">
      <c r="H264141" s="12"/>
    </row>
    <row r="264142" spans="8:8">
      <c r="H264142" s="12"/>
    </row>
    <row r="264143" spans="8:8">
      <c r="H264143" s="12"/>
    </row>
    <row r="264144" spans="8:8">
      <c r="H264144" s="12"/>
    </row>
    <row r="264145" spans="8:8">
      <c r="H264145" s="12"/>
    </row>
    <row r="264146" spans="8:8">
      <c r="H264146" s="12"/>
    </row>
    <row r="264147" spans="8:8">
      <c r="H264147" s="12"/>
    </row>
    <row r="264148" spans="8:8">
      <c r="H264148" s="12"/>
    </row>
    <row r="264149" spans="8:8">
      <c r="H264149" s="12"/>
    </row>
    <row r="264150" spans="8:8">
      <c r="H264150" s="12"/>
    </row>
    <row r="264151" spans="8:8">
      <c r="H264151" s="12"/>
    </row>
    <row r="264152" spans="8:8">
      <c r="H264152" s="12"/>
    </row>
    <row r="264153" spans="8:8">
      <c r="H264153" s="12"/>
    </row>
    <row r="264154" spans="8:8">
      <c r="H264154" s="12"/>
    </row>
    <row r="264155" spans="8:8">
      <c r="H264155" s="12"/>
    </row>
    <row r="264156" spans="8:8">
      <c r="H264156" s="12"/>
    </row>
    <row r="264157" spans="8:8">
      <c r="H264157" s="12"/>
    </row>
    <row r="264158" spans="8:8">
      <c r="H264158" s="12"/>
    </row>
    <row r="264159" spans="8:8">
      <c r="H264159" s="12"/>
    </row>
    <row r="264160" spans="8:8">
      <c r="H264160" s="12"/>
    </row>
    <row r="264161" spans="8:8">
      <c r="H264161" s="12"/>
    </row>
    <row r="264162" spans="8:8">
      <c r="H264162" s="12"/>
    </row>
    <row r="264163" spans="8:8">
      <c r="H264163" s="12"/>
    </row>
    <row r="264164" spans="8:8">
      <c r="H264164" s="12"/>
    </row>
    <row r="264165" spans="8:8">
      <c r="H264165" s="12"/>
    </row>
    <row r="264166" spans="8:8">
      <c r="H264166" s="12"/>
    </row>
    <row r="264167" spans="8:8">
      <c r="H264167" s="12"/>
    </row>
    <row r="264168" spans="8:8">
      <c r="H264168" s="12"/>
    </row>
    <row r="264169" spans="8:8">
      <c r="H264169" s="12"/>
    </row>
    <row r="264170" spans="8:8">
      <c r="H264170" s="12"/>
    </row>
    <row r="264171" spans="8:8">
      <c r="H264171" s="12"/>
    </row>
    <row r="264172" spans="8:8">
      <c r="H264172" s="12"/>
    </row>
    <row r="264173" spans="8:8">
      <c r="H264173" s="12"/>
    </row>
    <row r="264174" spans="8:8">
      <c r="H264174" s="12"/>
    </row>
    <row r="264175" spans="8:8">
      <c r="H264175" s="12"/>
    </row>
    <row r="264176" spans="8:8">
      <c r="H264176" s="12"/>
    </row>
    <row r="264177" spans="8:8">
      <c r="H264177" s="12"/>
    </row>
    <row r="264178" spans="8:8">
      <c r="H264178" s="12"/>
    </row>
    <row r="264179" spans="8:8">
      <c r="H264179" s="12"/>
    </row>
    <row r="264180" spans="8:8">
      <c r="H264180" s="12"/>
    </row>
    <row r="264181" spans="8:8">
      <c r="H264181" s="12"/>
    </row>
    <row r="264182" spans="8:8">
      <c r="H264182" s="12"/>
    </row>
    <row r="264183" spans="8:8">
      <c r="H264183" s="12"/>
    </row>
    <row r="264184" spans="8:8">
      <c r="H264184" s="12"/>
    </row>
    <row r="264185" spans="8:8">
      <c r="H264185" s="12"/>
    </row>
    <row r="264186" spans="8:8">
      <c r="H264186" s="12"/>
    </row>
    <row r="264187" spans="8:8">
      <c r="H264187" s="12"/>
    </row>
    <row r="264188" spans="8:8">
      <c r="H264188" s="12"/>
    </row>
    <row r="264189" spans="8:8">
      <c r="H264189" s="12"/>
    </row>
    <row r="264190" spans="8:8">
      <c r="H264190" s="12"/>
    </row>
    <row r="264191" spans="8:8">
      <c r="H264191" s="12"/>
    </row>
    <row r="264192" spans="8:8">
      <c r="H264192" s="12"/>
    </row>
    <row r="264193" spans="8:8">
      <c r="H264193" s="12"/>
    </row>
    <row r="264194" spans="8:8">
      <c r="H264194" s="12"/>
    </row>
    <row r="264195" spans="8:8">
      <c r="H264195" s="12"/>
    </row>
    <row r="264196" spans="8:8">
      <c r="H264196" s="12"/>
    </row>
    <row r="264197" spans="8:8">
      <c r="H264197" s="12"/>
    </row>
    <row r="264198" spans="8:8">
      <c r="H264198" s="12"/>
    </row>
    <row r="264199" spans="8:8">
      <c r="H264199" s="12"/>
    </row>
    <row r="264200" spans="8:8">
      <c r="H264200" s="12"/>
    </row>
    <row r="264201" spans="8:8">
      <c r="H264201" s="12"/>
    </row>
    <row r="264202" spans="8:8">
      <c r="H264202" s="12"/>
    </row>
    <row r="264203" spans="8:8">
      <c r="H264203" s="12"/>
    </row>
    <row r="264204" spans="8:8">
      <c r="H264204" s="12"/>
    </row>
    <row r="264205" spans="8:8">
      <c r="H264205" s="12"/>
    </row>
    <row r="264206" spans="8:8">
      <c r="H264206" s="12"/>
    </row>
    <row r="264207" spans="8:8">
      <c r="H264207" s="12"/>
    </row>
    <row r="264208" spans="8:8">
      <c r="H264208" s="12"/>
    </row>
    <row r="264209" spans="8:8">
      <c r="H264209" s="12"/>
    </row>
    <row r="264210" spans="8:8">
      <c r="H264210" s="12"/>
    </row>
    <row r="264211" spans="8:8">
      <c r="H264211" s="12"/>
    </row>
    <row r="264212" spans="8:8">
      <c r="H264212" s="12"/>
    </row>
    <row r="264213" spans="8:8">
      <c r="H264213" s="12"/>
    </row>
    <row r="264214" spans="8:8">
      <c r="H264214" s="12"/>
    </row>
    <row r="264215" spans="8:8">
      <c r="H264215" s="12"/>
    </row>
    <row r="264216" spans="8:8">
      <c r="H264216" s="12"/>
    </row>
    <row r="264217" spans="8:8">
      <c r="H264217" s="12"/>
    </row>
    <row r="264218" spans="8:8">
      <c r="H264218" s="12"/>
    </row>
    <row r="264219" spans="8:8">
      <c r="H264219" s="12"/>
    </row>
    <row r="264220" spans="8:8">
      <c r="H264220" s="12"/>
    </row>
    <row r="264221" spans="8:8">
      <c r="H264221" s="12"/>
    </row>
    <row r="264222" spans="8:8">
      <c r="H264222" s="12"/>
    </row>
    <row r="264223" spans="8:8">
      <c r="H264223" s="12"/>
    </row>
    <row r="264224" spans="8:8">
      <c r="H264224" s="12"/>
    </row>
    <row r="264225" spans="8:8">
      <c r="H264225" s="12"/>
    </row>
    <row r="264226" spans="8:8">
      <c r="H264226" s="12"/>
    </row>
    <row r="264227" spans="8:8">
      <c r="H264227" s="12"/>
    </row>
    <row r="264228" spans="8:8">
      <c r="H264228" s="12"/>
    </row>
    <row r="264229" spans="8:8">
      <c r="H264229" s="12"/>
    </row>
    <row r="264230" spans="8:8">
      <c r="H264230" s="12"/>
    </row>
    <row r="264231" spans="8:8">
      <c r="H264231" s="12"/>
    </row>
    <row r="264232" spans="8:8">
      <c r="H264232" s="12"/>
    </row>
    <row r="264233" spans="8:8">
      <c r="H264233" s="12"/>
    </row>
    <row r="264234" spans="8:8">
      <c r="H264234" s="12"/>
    </row>
    <row r="264235" spans="8:8">
      <c r="H264235" s="12"/>
    </row>
    <row r="264236" spans="8:8">
      <c r="H264236" s="12"/>
    </row>
    <row r="264237" spans="8:8">
      <c r="H264237" s="12"/>
    </row>
    <row r="264238" spans="8:8">
      <c r="H264238" s="12"/>
    </row>
    <row r="264239" spans="8:8">
      <c r="H264239" s="12"/>
    </row>
    <row r="264240" spans="8:8">
      <c r="H264240" s="12"/>
    </row>
    <row r="264241" spans="8:8">
      <c r="H264241" s="12"/>
    </row>
    <row r="264242" spans="8:8">
      <c r="H264242" s="12"/>
    </row>
    <row r="264243" spans="8:8">
      <c r="H264243" s="12"/>
    </row>
    <row r="264244" spans="8:8">
      <c r="H264244" s="12"/>
    </row>
    <row r="264245" spans="8:8">
      <c r="H264245" s="12"/>
    </row>
    <row r="264246" spans="8:8">
      <c r="H264246" s="12"/>
    </row>
    <row r="264247" spans="8:8">
      <c r="H264247" s="12"/>
    </row>
    <row r="264248" spans="8:8">
      <c r="H264248" s="12"/>
    </row>
    <row r="264249" spans="8:8">
      <c r="H264249" s="12"/>
    </row>
    <row r="264250" spans="8:8">
      <c r="H264250" s="12"/>
    </row>
    <row r="264251" spans="8:8">
      <c r="H264251" s="12"/>
    </row>
    <row r="264252" spans="8:8">
      <c r="H264252" s="12"/>
    </row>
    <row r="264253" spans="8:8">
      <c r="H264253" s="12"/>
    </row>
    <row r="264254" spans="8:8">
      <c r="H264254" s="12"/>
    </row>
    <row r="264255" spans="8:8">
      <c r="H264255" s="12"/>
    </row>
    <row r="264256" spans="8:8">
      <c r="H264256" s="12"/>
    </row>
    <row r="264257" spans="8:8">
      <c r="H264257" s="12"/>
    </row>
    <row r="264258" spans="8:8">
      <c r="H264258" s="12"/>
    </row>
    <row r="264259" spans="8:8">
      <c r="H264259" s="12"/>
    </row>
    <row r="264260" spans="8:8">
      <c r="H264260" s="12"/>
    </row>
    <row r="264261" spans="8:8">
      <c r="H264261" s="12"/>
    </row>
    <row r="264262" spans="8:8">
      <c r="H264262" s="12"/>
    </row>
    <row r="264263" spans="8:8">
      <c r="H264263" s="12"/>
    </row>
    <row r="264264" spans="8:8">
      <c r="H264264" s="12"/>
    </row>
    <row r="264265" spans="8:8">
      <c r="H264265" s="12"/>
    </row>
    <row r="264266" spans="8:8">
      <c r="H264266" s="12"/>
    </row>
    <row r="264267" spans="8:8">
      <c r="H264267" s="12"/>
    </row>
    <row r="264268" spans="8:8">
      <c r="H264268" s="12"/>
    </row>
    <row r="264269" spans="8:8">
      <c r="H264269" s="12"/>
    </row>
    <row r="264270" spans="8:8">
      <c r="H264270" s="12"/>
    </row>
    <row r="264271" spans="8:8">
      <c r="H264271" s="12"/>
    </row>
    <row r="264272" spans="8:8">
      <c r="H264272" s="12"/>
    </row>
    <row r="264273" spans="8:8">
      <c r="H264273" s="12"/>
    </row>
    <row r="264274" spans="8:8">
      <c r="H264274" s="12"/>
    </row>
    <row r="264275" spans="8:8">
      <c r="H264275" s="12"/>
    </row>
    <row r="264276" spans="8:8">
      <c r="H264276" s="12"/>
    </row>
    <row r="264277" spans="8:8">
      <c r="H264277" s="12"/>
    </row>
    <row r="264278" spans="8:8">
      <c r="H264278" s="12"/>
    </row>
    <row r="264279" spans="8:8">
      <c r="H264279" s="12"/>
    </row>
    <row r="264280" spans="8:8">
      <c r="H264280" s="12"/>
    </row>
    <row r="264281" spans="8:8">
      <c r="H264281" s="12"/>
    </row>
    <row r="264282" spans="8:8">
      <c r="H264282" s="12"/>
    </row>
    <row r="264283" spans="8:8">
      <c r="H264283" s="12"/>
    </row>
    <row r="264284" spans="8:8">
      <c r="H264284" s="12"/>
    </row>
    <row r="264285" spans="8:8">
      <c r="H264285" s="12"/>
    </row>
    <row r="264286" spans="8:8">
      <c r="H264286" s="12"/>
    </row>
    <row r="264287" spans="8:8">
      <c r="H264287" s="12"/>
    </row>
    <row r="264288" spans="8:8">
      <c r="H264288" s="12"/>
    </row>
    <row r="264289" spans="8:8">
      <c r="H264289" s="12"/>
    </row>
    <row r="264290" spans="8:8">
      <c r="H264290" s="12"/>
    </row>
    <row r="264291" spans="8:8">
      <c r="H264291" s="12"/>
    </row>
    <row r="264292" spans="8:8">
      <c r="H264292" s="12"/>
    </row>
    <row r="264293" spans="8:8">
      <c r="H264293" s="12"/>
    </row>
    <row r="264294" spans="8:8">
      <c r="H264294" s="12"/>
    </row>
    <row r="264295" spans="8:8">
      <c r="H264295" s="12"/>
    </row>
    <row r="264296" spans="8:8">
      <c r="H264296" s="12"/>
    </row>
    <row r="264297" spans="8:8">
      <c r="H264297" s="12"/>
    </row>
    <row r="264298" spans="8:8">
      <c r="H264298" s="12"/>
    </row>
    <row r="264299" spans="8:8">
      <c r="H264299" s="12"/>
    </row>
    <row r="264300" spans="8:8">
      <c r="H264300" s="12"/>
    </row>
    <row r="264301" spans="8:8">
      <c r="H264301" s="12"/>
    </row>
    <row r="264302" spans="8:8">
      <c r="H264302" s="12"/>
    </row>
    <row r="264303" spans="8:8">
      <c r="H264303" s="12"/>
    </row>
    <row r="264304" spans="8:8">
      <c r="H264304" s="12"/>
    </row>
    <row r="264305" spans="8:8">
      <c r="H264305" s="12"/>
    </row>
    <row r="264306" spans="8:8">
      <c r="H264306" s="12"/>
    </row>
    <row r="264307" spans="8:8">
      <c r="H264307" s="12"/>
    </row>
    <row r="264308" spans="8:8">
      <c r="H264308" s="12"/>
    </row>
    <row r="264309" spans="8:8">
      <c r="H264309" s="12"/>
    </row>
    <row r="264310" spans="8:8">
      <c r="H264310" s="12"/>
    </row>
    <row r="264311" spans="8:8">
      <c r="H264311" s="12"/>
    </row>
    <row r="264312" spans="8:8">
      <c r="H264312" s="12"/>
    </row>
    <row r="264313" spans="8:8">
      <c r="H264313" s="12"/>
    </row>
    <row r="264314" spans="8:8">
      <c r="H264314" s="12"/>
    </row>
    <row r="264315" spans="8:8">
      <c r="H264315" s="12"/>
    </row>
    <row r="264316" spans="8:8">
      <c r="H264316" s="12"/>
    </row>
    <row r="264317" spans="8:8">
      <c r="H264317" s="12"/>
    </row>
    <row r="264318" spans="8:8">
      <c r="H264318" s="12"/>
    </row>
    <row r="264319" spans="8:8">
      <c r="H264319" s="12"/>
    </row>
    <row r="264320" spans="8:8">
      <c r="H264320" s="12"/>
    </row>
    <row r="264321" spans="8:8">
      <c r="H264321" s="12"/>
    </row>
    <row r="264322" spans="8:8">
      <c r="H264322" s="12"/>
    </row>
    <row r="264323" spans="8:8">
      <c r="H264323" s="12"/>
    </row>
    <row r="264324" spans="8:8">
      <c r="H264324" s="12"/>
    </row>
    <row r="264325" spans="8:8">
      <c r="H264325" s="12"/>
    </row>
    <row r="264326" spans="8:8">
      <c r="H264326" s="12"/>
    </row>
    <row r="264327" spans="8:8">
      <c r="H264327" s="12"/>
    </row>
    <row r="264328" spans="8:8">
      <c r="H264328" s="12"/>
    </row>
    <row r="264329" spans="8:8">
      <c r="H264329" s="12"/>
    </row>
    <row r="264330" spans="8:8">
      <c r="H264330" s="12"/>
    </row>
    <row r="264331" spans="8:8">
      <c r="H264331" s="12"/>
    </row>
    <row r="264332" spans="8:8">
      <c r="H264332" s="12"/>
    </row>
    <row r="264333" spans="8:8">
      <c r="H264333" s="12"/>
    </row>
    <row r="264334" spans="8:8">
      <c r="H264334" s="12"/>
    </row>
    <row r="264335" spans="8:8">
      <c r="H264335" s="12"/>
    </row>
    <row r="264336" spans="8:8">
      <c r="H264336" s="12"/>
    </row>
    <row r="264337" spans="8:8">
      <c r="H264337" s="12"/>
    </row>
    <row r="264338" spans="8:8">
      <c r="H264338" s="12"/>
    </row>
    <row r="264339" spans="8:8">
      <c r="H264339" s="12"/>
    </row>
    <row r="264340" spans="8:8">
      <c r="H264340" s="12"/>
    </row>
    <row r="264341" spans="8:8">
      <c r="H264341" s="12"/>
    </row>
    <row r="264342" spans="8:8">
      <c r="H264342" s="12"/>
    </row>
    <row r="264343" spans="8:8">
      <c r="H264343" s="12"/>
    </row>
    <row r="264344" spans="8:8">
      <c r="H264344" s="12"/>
    </row>
    <row r="264345" spans="8:8">
      <c r="H264345" s="12"/>
    </row>
    <row r="264346" spans="8:8">
      <c r="H264346" s="12"/>
    </row>
    <row r="264347" spans="8:8">
      <c r="H264347" s="12"/>
    </row>
    <row r="264348" spans="8:8">
      <c r="H264348" s="12"/>
    </row>
    <row r="264349" spans="8:8">
      <c r="H264349" s="12"/>
    </row>
    <row r="264350" spans="8:8">
      <c r="H264350" s="12"/>
    </row>
    <row r="264351" spans="8:8">
      <c r="H264351" s="12"/>
    </row>
    <row r="264352" spans="8:8">
      <c r="H264352" s="12"/>
    </row>
    <row r="264353" spans="8:8">
      <c r="H264353" s="12"/>
    </row>
    <row r="264354" spans="8:8">
      <c r="H264354" s="12"/>
    </row>
    <row r="264355" spans="8:8">
      <c r="H264355" s="12"/>
    </row>
    <row r="264356" spans="8:8">
      <c r="H264356" s="12"/>
    </row>
    <row r="264357" spans="8:8">
      <c r="H264357" s="12"/>
    </row>
    <row r="264358" spans="8:8">
      <c r="H264358" s="12"/>
    </row>
    <row r="264359" spans="8:8">
      <c r="H264359" s="12"/>
    </row>
    <row r="264360" spans="8:8">
      <c r="H264360" s="12"/>
    </row>
    <row r="264361" spans="8:8">
      <c r="H264361" s="12"/>
    </row>
    <row r="264362" spans="8:8">
      <c r="H264362" s="12"/>
    </row>
    <row r="264363" spans="8:8">
      <c r="H264363" s="12"/>
    </row>
    <row r="264364" spans="8:8">
      <c r="H264364" s="12"/>
    </row>
    <row r="264365" spans="8:8">
      <c r="H264365" s="12"/>
    </row>
    <row r="264366" spans="8:8">
      <c r="H264366" s="12"/>
    </row>
    <row r="264367" spans="8:8">
      <c r="H264367" s="12"/>
    </row>
    <row r="264368" spans="8:8">
      <c r="H264368" s="12"/>
    </row>
    <row r="264369" spans="8:8">
      <c r="H264369" s="12"/>
    </row>
    <row r="264370" spans="8:8">
      <c r="H264370" s="12"/>
    </row>
    <row r="264371" spans="8:8">
      <c r="H264371" s="12"/>
    </row>
    <row r="264372" spans="8:8">
      <c r="H264372" s="12"/>
    </row>
    <row r="264373" spans="8:8">
      <c r="H264373" s="12"/>
    </row>
    <row r="264374" spans="8:8">
      <c r="H264374" s="12"/>
    </row>
    <row r="264375" spans="8:8">
      <c r="H264375" s="12"/>
    </row>
    <row r="264376" spans="8:8">
      <c r="H264376" s="12"/>
    </row>
    <row r="264377" spans="8:8">
      <c r="H264377" s="12"/>
    </row>
    <row r="264378" spans="8:8">
      <c r="H264378" s="12"/>
    </row>
    <row r="264379" spans="8:8">
      <c r="H264379" s="12"/>
    </row>
    <row r="264380" spans="8:8">
      <c r="H264380" s="12"/>
    </row>
    <row r="264381" spans="8:8">
      <c r="H264381" s="12"/>
    </row>
    <row r="264382" spans="8:8">
      <c r="H264382" s="12"/>
    </row>
    <row r="264383" spans="8:8">
      <c r="H264383" s="12"/>
    </row>
    <row r="264384" spans="8:8">
      <c r="H264384" s="12"/>
    </row>
    <row r="264385" spans="8:8">
      <c r="H264385" s="12"/>
    </row>
    <row r="264386" spans="8:8">
      <c r="H264386" s="12"/>
    </row>
    <row r="264387" spans="8:8">
      <c r="H264387" s="12"/>
    </row>
    <row r="264388" spans="8:8">
      <c r="H264388" s="12"/>
    </row>
    <row r="264389" spans="8:8">
      <c r="H264389" s="12"/>
    </row>
    <row r="264390" spans="8:8">
      <c r="H264390" s="12"/>
    </row>
    <row r="264391" spans="8:8">
      <c r="H264391" s="12"/>
    </row>
    <row r="264392" spans="8:8">
      <c r="H264392" s="12"/>
    </row>
    <row r="264393" spans="8:8">
      <c r="H264393" s="12"/>
    </row>
    <row r="264394" spans="8:8">
      <c r="H264394" s="12"/>
    </row>
    <row r="264395" spans="8:8">
      <c r="H264395" s="12"/>
    </row>
    <row r="264396" spans="8:8">
      <c r="H264396" s="12"/>
    </row>
    <row r="264397" spans="8:8">
      <c r="H264397" s="12"/>
    </row>
    <row r="264398" spans="8:8">
      <c r="H264398" s="12"/>
    </row>
    <row r="264399" spans="8:8">
      <c r="H264399" s="12"/>
    </row>
    <row r="264400" spans="8:8">
      <c r="H264400" s="12"/>
    </row>
    <row r="264401" spans="8:8">
      <c r="H264401" s="12"/>
    </row>
    <row r="264402" spans="8:8">
      <c r="H264402" s="12"/>
    </row>
    <row r="264403" spans="8:8">
      <c r="H264403" s="12"/>
    </row>
    <row r="264404" spans="8:8">
      <c r="H264404" s="12"/>
    </row>
    <row r="264405" spans="8:8">
      <c r="H264405" s="12"/>
    </row>
    <row r="264406" spans="8:8">
      <c r="H264406" s="12"/>
    </row>
    <row r="264407" spans="8:8">
      <c r="H264407" s="12"/>
    </row>
    <row r="264408" spans="8:8">
      <c r="H264408" s="12"/>
    </row>
    <row r="264409" spans="8:8">
      <c r="H264409" s="12"/>
    </row>
    <row r="264410" spans="8:8">
      <c r="H264410" s="12"/>
    </row>
    <row r="264411" spans="8:8">
      <c r="H264411" s="12"/>
    </row>
    <row r="264412" spans="8:8">
      <c r="H264412" s="12"/>
    </row>
    <row r="264413" spans="8:8">
      <c r="H264413" s="12"/>
    </row>
    <row r="264414" spans="8:8">
      <c r="H264414" s="12"/>
    </row>
    <row r="264415" spans="8:8">
      <c r="H264415" s="12"/>
    </row>
    <row r="264416" spans="8:8">
      <c r="H264416" s="12"/>
    </row>
    <row r="264417" spans="8:8">
      <c r="H264417" s="12"/>
    </row>
    <row r="264418" spans="8:8">
      <c r="H264418" s="12"/>
    </row>
    <row r="264419" spans="8:8">
      <c r="H264419" s="12"/>
    </row>
    <row r="264420" spans="8:8">
      <c r="H264420" s="12"/>
    </row>
    <row r="264421" spans="8:8">
      <c r="H264421" s="12"/>
    </row>
    <row r="264422" spans="8:8">
      <c r="H264422" s="12"/>
    </row>
    <row r="264423" spans="8:8">
      <c r="H264423" s="12"/>
    </row>
    <row r="264424" spans="8:8">
      <c r="H264424" s="12"/>
    </row>
    <row r="264425" spans="8:8">
      <c r="H264425" s="12"/>
    </row>
    <row r="264426" spans="8:8">
      <c r="H264426" s="12"/>
    </row>
    <row r="264427" spans="8:8">
      <c r="H264427" s="12"/>
    </row>
    <row r="264428" spans="8:8">
      <c r="H264428" s="12"/>
    </row>
    <row r="264429" spans="8:8">
      <c r="H264429" s="12"/>
    </row>
    <row r="264430" spans="8:8">
      <c r="H264430" s="12"/>
    </row>
    <row r="264431" spans="8:8">
      <c r="H264431" s="12"/>
    </row>
    <row r="264432" spans="8:8">
      <c r="H264432" s="12"/>
    </row>
    <row r="264433" spans="8:8">
      <c r="H264433" s="12"/>
    </row>
    <row r="264434" spans="8:8">
      <c r="H264434" s="12"/>
    </row>
    <row r="264435" spans="8:8">
      <c r="H264435" s="12"/>
    </row>
    <row r="264436" spans="8:8">
      <c r="H264436" s="12"/>
    </row>
    <row r="264437" spans="8:8">
      <c r="H264437" s="12"/>
    </row>
    <row r="264438" spans="8:8">
      <c r="H264438" s="12"/>
    </row>
    <row r="264439" spans="8:8">
      <c r="H264439" s="12"/>
    </row>
    <row r="264440" spans="8:8">
      <c r="H264440" s="12"/>
    </row>
    <row r="264441" spans="8:8">
      <c r="H264441" s="12"/>
    </row>
    <row r="264442" spans="8:8">
      <c r="H264442" s="12"/>
    </row>
    <row r="264443" spans="8:8">
      <c r="H264443" s="12"/>
    </row>
    <row r="264444" spans="8:8">
      <c r="H264444" s="12"/>
    </row>
    <row r="264445" spans="8:8">
      <c r="H264445" s="12"/>
    </row>
    <row r="264446" spans="8:8">
      <c r="H264446" s="12"/>
    </row>
    <row r="264447" spans="8:8">
      <c r="H264447" s="12"/>
    </row>
    <row r="264448" spans="8:8">
      <c r="H264448" s="12"/>
    </row>
    <row r="264449" spans="8:8">
      <c r="H264449" s="12"/>
    </row>
    <row r="264450" spans="8:8">
      <c r="H264450" s="12"/>
    </row>
    <row r="264451" spans="8:8">
      <c r="H264451" s="12"/>
    </row>
    <row r="264452" spans="8:8">
      <c r="H264452" s="12"/>
    </row>
    <row r="264453" spans="8:8">
      <c r="H264453" s="12"/>
    </row>
    <row r="264454" spans="8:8">
      <c r="H264454" s="12"/>
    </row>
    <row r="264455" spans="8:8">
      <c r="H264455" s="12"/>
    </row>
    <row r="264456" spans="8:8">
      <c r="H264456" s="12"/>
    </row>
    <row r="264457" spans="8:8">
      <c r="H264457" s="12"/>
    </row>
    <row r="264458" spans="8:8">
      <c r="H264458" s="12"/>
    </row>
    <row r="264459" spans="8:8">
      <c r="H264459" s="12"/>
    </row>
    <row r="264460" spans="8:8">
      <c r="H264460" s="12"/>
    </row>
    <row r="264461" spans="8:8">
      <c r="H264461" s="12"/>
    </row>
    <row r="264462" spans="8:8">
      <c r="H264462" s="12"/>
    </row>
    <row r="264463" spans="8:8">
      <c r="H264463" s="12"/>
    </row>
    <row r="264464" spans="8:8">
      <c r="H264464" s="12"/>
    </row>
    <row r="264465" spans="8:8">
      <c r="H264465" s="12"/>
    </row>
    <row r="264466" spans="8:8">
      <c r="H264466" s="12"/>
    </row>
    <row r="264467" spans="8:8">
      <c r="H264467" s="12"/>
    </row>
    <row r="264468" spans="8:8">
      <c r="H264468" s="12"/>
    </row>
    <row r="264469" spans="8:8">
      <c r="H264469" s="12"/>
    </row>
    <row r="264470" spans="8:8">
      <c r="H264470" s="12"/>
    </row>
    <row r="264471" spans="8:8">
      <c r="H264471" s="12"/>
    </row>
    <row r="264472" spans="8:8">
      <c r="H264472" s="12"/>
    </row>
    <row r="264473" spans="8:8">
      <c r="H264473" s="12"/>
    </row>
    <row r="264474" spans="8:8">
      <c r="H264474" s="12"/>
    </row>
    <row r="264475" spans="8:8">
      <c r="H264475" s="12"/>
    </row>
    <row r="264476" spans="8:8">
      <c r="H264476" s="12"/>
    </row>
    <row r="264477" spans="8:8">
      <c r="H264477" s="12"/>
    </row>
    <row r="264478" spans="8:8">
      <c r="H264478" s="12"/>
    </row>
    <row r="264479" spans="8:8">
      <c r="H264479" s="12"/>
    </row>
    <row r="264480" spans="8:8">
      <c r="H264480" s="12"/>
    </row>
    <row r="264481" spans="8:8">
      <c r="H264481" s="12"/>
    </row>
    <row r="264482" spans="8:8">
      <c r="H264482" s="12"/>
    </row>
    <row r="264483" spans="8:8">
      <c r="H264483" s="12"/>
    </row>
    <row r="264484" spans="8:8">
      <c r="H264484" s="12"/>
    </row>
    <row r="264485" spans="8:8">
      <c r="H264485" s="12"/>
    </row>
    <row r="264486" spans="8:8">
      <c r="H264486" s="12"/>
    </row>
    <row r="264487" spans="8:8">
      <c r="H264487" s="12"/>
    </row>
    <row r="264488" spans="8:8">
      <c r="H264488" s="12"/>
    </row>
    <row r="264489" spans="8:8">
      <c r="H264489" s="12"/>
    </row>
    <row r="264490" spans="8:8">
      <c r="H264490" s="12"/>
    </row>
    <row r="264491" spans="8:8">
      <c r="H264491" s="12"/>
    </row>
    <row r="264492" spans="8:8">
      <c r="H264492" s="12"/>
    </row>
    <row r="264493" spans="8:8">
      <c r="H264493" s="12"/>
    </row>
    <row r="264494" spans="8:8">
      <c r="H264494" s="12"/>
    </row>
    <row r="264495" spans="8:8">
      <c r="H264495" s="12"/>
    </row>
    <row r="264496" spans="8:8">
      <c r="H264496" s="12"/>
    </row>
    <row r="264497" spans="8:8">
      <c r="H264497" s="12"/>
    </row>
    <row r="264498" spans="8:8">
      <c r="H264498" s="12"/>
    </row>
    <row r="264499" spans="8:8">
      <c r="H264499" s="12"/>
    </row>
    <row r="264500" spans="8:8">
      <c r="H264500" s="12"/>
    </row>
    <row r="264501" spans="8:8">
      <c r="H264501" s="12"/>
    </row>
    <row r="264502" spans="8:8">
      <c r="H264502" s="12"/>
    </row>
    <row r="264503" spans="8:8">
      <c r="H264503" s="12"/>
    </row>
    <row r="264504" spans="8:8">
      <c r="H264504" s="12"/>
    </row>
    <row r="264505" spans="8:8">
      <c r="H264505" s="12"/>
    </row>
    <row r="264506" spans="8:8">
      <c r="H264506" s="12"/>
    </row>
    <row r="264507" spans="8:8">
      <c r="H264507" s="12"/>
    </row>
    <row r="264508" spans="8:8">
      <c r="H264508" s="12"/>
    </row>
    <row r="264509" spans="8:8">
      <c r="H264509" s="12"/>
    </row>
    <row r="264510" spans="8:8">
      <c r="H264510" s="12"/>
    </row>
    <row r="264511" spans="8:8">
      <c r="H264511" s="12"/>
    </row>
    <row r="264512" spans="8:8">
      <c r="H264512" s="12"/>
    </row>
    <row r="264513" spans="8:8">
      <c r="H264513" s="12"/>
    </row>
    <row r="264514" spans="8:8">
      <c r="H264514" s="12"/>
    </row>
    <row r="264515" spans="8:8">
      <c r="H264515" s="12"/>
    </row>
    <row r="264516" spans="8:8">
      <c r="H264516" s="12"/>
    </row>
    <row r="264517" spans="8:8">
      <c r="H264517" s="12"/>
    </row>
    <row r="264518" spans="8:8">
      <c r="H264518" s="12"/>
    </row>
    <row r="264519" spans="8:8">
      <c r="H264519" s="12"/>
    </row>
    <row r="264520" spans="8:8">
      <c r="H264520" s="12"/>
    </row>
    <row r="264521" spans="8:8">
      <c r="H264521" s="12"/>
    </row>
    <row r="264522" spans="8:8">
      <c r="H264522" s="12"/>
    </row>
    <row r="264523" spans="8:8">
      <c r="H264523" s="12"/>
    </row>
    <row r="264524" spans="8:8">
      <c r="H264524" s="12"/>
    </row>
    <row r="264525" spans="8:8">
      <c r="H264525" s="12"/>
    </row>
    <row r="264526" spans="8:8">
      <c r="H264526" s="12"/>
    </row>
    <row r="264527" spans="8:8">
      <c r="H264527" s="12"/>
    </row>
    <row r="264528" spans="8:8">
      <c r="H264528" s="12"/>
    </row>
    <row r="264529" spans="8:8">
      <c r="H264529" s="12"/>
    </row>
    <row r="264530" spans="8:8">
      <c r="H264530" s="12"/>
    </row>
    <row r="264531" spans="8:8">
      <c r="H264531" s="12"/>
    </row>
    <row r="264532" spans="8:8">
      <c r="H264532" s="12"/>
    </row>
    <row r="264533" spans="8:8">
      <c r="H264533" s="12"/>
    </row>
    <row r="264534" spans="8:8">
      <c r="H264534" s="12"/>
    </row>
    <row r="264535" spans="8:8">
      <c r="H264535" s="12"/>
    </row>
    <row r="264536" spans="8:8">
      <c r="H264536" s="12"/>
    </row>
    <row r="264537" spans="8:8">
      <c r="H264537" s="12"/>
    </row>
    <row r="264538" spans="8:8">
      <c r="H264538" s="12"/>
    </row>
    <row r="264539" spans="8:8">
      <c r="H264539" s="12"/>
    </row>
    <row r="264540" spans="8:8">
      <c r="H264540" s="12"/>
    </row>
    <row r="264541" spans="8:8">
      <c r="H264541" s="12"/>
    </row>
    <row r="264542" spans="8:8">
      <c r="H264542" s="12"/>
    </row>
    <row r="264543" spans="8:8">
      <c r="H264543" s="12"/>
    </row>
    <row r="264544" spans="8:8">
      <c r="H264544" s="12"/>
    </row>
    <row r="264545" spans="8:8">
      <c r="H264545" s="12"/>
    </row>
    <row r="264546" spans="8:8">
      <c r="H264546" s="12"/>
    </row>
    <row r="264547" spans="8:8">
      <c r="H264547" s="12"/>
    </row>
    <row r="264548" spans="8:8">
      <c r="H264548" s="12"/>
    </row>
    <row r="264549" spans="8:8">
      <c r="H264549" s="12"/>
    </row>
    <row r="264550" spans="8:8">
      <c r="H264550" s="12"/>
    </row>
    <row r="264551" spans="8:8">
      <c r="H264551" s="12"/>
    </row>
    <row r="264552" spans="8:8">
      <c r="H264552" s="12"/>
    </row>
    <row r="264553" spans="8:8">
      <c r="H264553" s="12"/>
    </row>
    <row r="264554" spans="8:8">
      <c r="H264554" s="12"/>
    </row>
    <row r="264555" spans="8:8">
      <c r="H264555" s="12"/>
    </row>
    <row r="264556" spans="8:8">
      <c r="H264556" s="12"/>
    </row>
    <row r="264557" spans="8:8">
      <c r="H264557" s="12"/>
    </row>
    <row r="264558" spans="8:8">
      <c r="H264558" s="12"/>
    </row>
    <row r="264559" spans="8:8">
      <c r="H264559" s="12"/>
    </row>
    <row r="264560" spans="8:8">
      <c r="H264560" s="12"/>
    </row>
    <row r="264561" spans="8:8">
      <c r="H264561" s="12"/>
    </row>
    <row r="264562" spans="8:8">
      <c r="H264562" s="12"/>
    </row>
    <row r="264563" spans="8:8">
      <c r="H264563" s="12"/>
    </row>
    <row r="264564" spans="8:8">
      <c r="H264564" s="12"/>
    </row>
    <row r="264565" spans="8:8">
      <c r="H264565" s="12"/>
    </row>
    <row r="264566" spans="8:8">
      <c r="H264566" s="12"/>
    </row>
    <row r="264567" spans="8:8">
      <c r="H264567" s="12"/>
    </row>
    <row r="264568" spans="8:8">
      <c r="H264568" s="12"/>
    </row>
    <row r="264569" spans="8:8">
      <c r="H264569" s="12"/>
    </row>
    <row r="264570" spans="8:8">
      <c r="H264570" s="12"/>
    </row>
    <row r="264571" spans="8:8">
      <c r="H264571" s="12"/>
    </row>
    <row r="264572" spans="8:8">
      <c r="H264572" s="12"/>
    </row>
    <row r="264573" spans="8:8">
      <c r="H264573" s="12"/>
    </row>
    <row r="264574" spans="8:8">
      <c r="H264574" s="12"/>
    </row>
    <row r="264575" spans="8:8">
      <c r="H264575" s="12"/>
    </row>
    <row r="264576" spans="8:8">
      <c r="H264576" s="12"/>
    </row>
    <row r="264577" spans="8:8">
      <c r="H264577" s="12"/>
    </row>
    <row r="264578" spans="8:8">
      <c r="H264578" s="12"/>
    </row>
    <row r="264579" spans="8:8">
      <c r="H264579" s="12"/>
    </row>
    <row r="264580" spans="8:8">
      <c r="H264580" s="12"/>
    </row>
    <row r="264581" spans="8:8">
      <c r="H264581" s="12"/>
    </row>
    <row r="264582" spans="8:8">
      <c r="H264582" s="12"/>
    </row>
    <row r="264583" spans="8:8">
      <c r="H264583" s="12"/>
    </row>
    <row r="264584" spans="8:8">
      <c r="H264584" s="12"/>
    </row>
    <row r="264585" spans="8:8">
      <c r="H264585" s="12"/>
    </row>
    <row r="264586" spans="8:8">
      <c r="H264586" s="12"/>
    </row>
    <row r="264587" spans="8:8">
      <c r="H264587" s="12"/>
    </row>
    <row r="264588" spans="8:8">
      <c r="H264588" s="12"/>
    </row>
    <row r="264589" spans="8:8">
      <c r="H264589" s="12"/>
    </row>
    <row r="264590" spans="8:8">
      <c r="H264590" s="12"/>
    </row>
    <row r="264591" spans="8:8">
      <c r="H264591" s="12"/>
    </row>
    <row r="264592" spans="8:8">
      <c r="H264592" s="12"/>
    </row>
    <row r="264593" spans="8:8">
      <c r="H264593" s="12"/>
    </row>
    <row r="264594" spans="8:8">
      <c r="H264594" s="12"/>
    </row>
    <row r="264595" spans="8:8">
      <c r="H264595" s="12"/>
    </row>
    <row r="264596" spans="8:8">
      <c r="H264596" s="12"/>
    </row>
    <row r="264597" spans="8:8">
      <c r="H264597" s="12"/>
    </row>
    <row r="264598" spans="8:8">
      <c r="H264598" s="12"/>
    </row>
    <row r="264599" spans="8:8">
      <c r="H264599" s="12"/>
    </row>
    <row r="264600" spans="8:8">
      <c r="H264600" s="12"/>
    </row>
    <row r="264601" spans="8:8">
      <c r="H264601" s="12"/>
    </row>
    <row r="264602" spans="8:8">
      <c r="H264602" s="12"/>
    </row>
    <row r="264603" spans="8:8">
      <c r="H264603" s="12"/>
    </row>
    <row r="264604" spans="8:8">
      <c r="H264604" s="12"/>
    </row>
    <row r="264605" spans="8:8">
      <c r="H264605" s="12"/>
    </row>
    <row r="264606" spans="8:8">
      <c r="H264606" s="12"/>
    </row>
    <row r="264607" spans="8:8">
      <c r="H264607" s="12"/>
    </row>
    <row r="264608" spans="8:8">
      <c r="H264608" s="12"/>
    </row>
    <row r="264609" spans="8:8">
      <c r="H264609" s="12"/>
    </row>
    <row r="264610" spans="8:8">
      <c r="H264610" s="12"/>
    </row>
    <row r="264611" spans="8:8">
      <c r="H264611" s="12"/>
    </row>
    <row r="264612" spans="8:8">
      <c r="H264612" s="12"/>
    </row>
    <row r="264613" spans="8:8">
      <c r="H264613" s="12"/>
    </row>
    <row r="264614" spans="8:8">
      <c r="H264614" s="12"/>
    </row>
    <row r="264615" spans="8:8">
      <c r="H264615" s="12"/>
    </row>
    <row r="264616" spans="8:8">
      <c r="H264616" s="12"/>
    </row>
    <row r="264617" spans="8:8">
      <c r="H264617" s="12"/>
    </row>
    <row r="264618" spans="8:8">
      <c r="H264618" s="12"/>
    </row>
    <row r="264619" spans="8:8">
      <c r="H264619" s="12"/>
    </row>
    <row r="264620" spans="8:8">
      <c r="H264620" s="12"/>
    </row>
    <row r="264621" spans="8:8">
      <c r="H264621" s="12"/>
    </row>
    <row r="264622" spans="8:8">
      <c r="H264622" s="12"/>
    </row>
    <row r="264623" spans="8:8">
      <c r="H264623" s="12"/>
    </row>
    <row r="264624" spans="8:8">
      <c r="H264624" s="12"/>
    </row>
    <row r="264625" spans="8:8">
      <c r="H264625" s="12"/>
    </row>
    <row r="264626" spans="8:8">
      <c r="H264626" s="12"/>
    </row>
    <row r="264627" spans="8:8">
      <c r="H264627" s="12"/>
    </row>
    <row r="264628" spans="8:8">
      <c r="H264628" s="12"/>
    </row>
    <row r="264629" spans="8:8">
      <c r="H264629" s="12"/>
    </row>
    <row r="264630" spans="8:8">
      <c r="H264630" s="12"/>
    </row>
    <row r="264631" spans="8:8">
      <c r="H264631" s="12"/>
    </row>
    <row r="264632" spans="8:8">
      <c r="H264632" s="12"/>
    </row>
    <row r="264633" spans="8:8">
      <c r="H264633" s="12"/>
    </row>
    <row r="264634" spans="8:8">
      <c r="H264634" s="12"/>
    </row>
    <row r="264635" spans="8:8">
      <c r="H264635" s="12"/>
    </row>
    <row r="264636" spans="8:8">
      <c r="H264636" s="12"/>
    </row>
    <row r="264637" spans="8:8">
      <c r="H264637" s="12"/>
    </row>
    <row r="264638" spans="8:8">
      <c r="H264638" s="12"/>
    </row>
    <row r="264639" spans="8:8">
      <c r="H264639" s="12"/>
    </row>
    <row r="264640" spans="8:8">
      <c r="H264640" s="12"/>
    </row>
    <row r="264641" spans="8:8">
      <c r="H264641" s="12"/>
    </row>
    <row r="264642" spans="8:8">
      <c r="H264642" s="12"/>
    </row>
    <row r="264643" spans="8:8">
      <c r="H264643" s="12"/>
    </row>
    <row r="264644" spans="8:8">
      <c r="H264644" s="12"/>
    </row>
    <row r="264645" spans="8:8">
      <c r="H264645" s="12"/>
    </row>
    <row r="264646" spans="8:8">
      <c r="H264646" s="12"/>
    </row>
    <row r="264647" spans="8:8">
      <c r="H264647" s="12"/>
    </row>
    <row r="264648" spans="8:8">
      <c r="H264648" s="12"/>
    </row>
    <row r="264649" spans="8:8">
      <c r="H264649" s="12"/>
    </row>
    <row r="264650" spans="8:8">
      <c r="H264650" s="12"/>
    </row>
    <row r="264651" spans="8:8">
      <c r="H264651" s="12"/>
    </row>
    <row r="264652" spans="8:8">
      <c r="H264652" s="12"/>
    </row>
    <row r="264653" spans="8:8">
      <c r="H264653" s="12"/>
    </row>
    <row r="264654" spans="8:8">
      <c r="H264654" s="12"/>
    </row>
    <row r="264655" spans="8:8">
      <c r="H264655" s="12"/>
    </row>
    <row r="264656" spans="8:8">
      <c r="H264656" s="12"/>
    </row>
    <row r="264657" spans="8:8">
      <c r="H264657" s="12"/>
    </row>
    <row r="264658" spans="8:8">
      <c r="H264658" s="12"/>
    </row>
    <row r="264659" spans="8:8">
      <c r="H264659" s="12"/>
    </row>
    <row r="264660" spans="8:8">
      <c r="H264660" s="12"/>
    </row>
    <row r="264661" spans="8:8">
      <c r="H264661" s="12"/>
    </row>
    <row r="264662" spans="8:8">
      <c r="H264662" s="12"/>
    </row>
    <row r="264663" spans="8:8">
      <c r="H264663" s="12"/>
    </row>
    <row r="264664" spans="8:8">
      <c r="H264664" s="12"/>
    </row>
    <row r="264665" spans="8:8">
      <c r="H264665" s="12"/>
    </row>
    <row r="264666" spans="8:8">
      <c r="H264666" s="12"/>
    </row>
    <row r="264667" spans="8:8">
      <c r="H264667" s="12"/>
    </row>
    <row r="264668" spans="8:8">
      <c r="H264668" s="12"/>
    </row>
    <row r="264669" spans="8:8">
      <c r="H264669" s="12"/>
    </row>
    <row r="264670" spans="8:8">
      <c r="H264670" s="12"/>
    </row>
    <row r="264671" spans="8:8">
      <c r="H264671" s="12"/>
    </row>
    <row r="264672" spans="8:8">
      <c r="H264672" s="12"/>
    </row>
    <row r="264673" spans="8:8">
      <c r="H264673" s="12"/>
    </row>
    <row r="264674" spans="8:8">
      <c r="H264674" s="12"/>
    </row>
    <row r="264675" spans="8:8">
      <c r="H264675" s="12"/>
    </row>
    <row r="264676" spans="8:8">
      <c r="H264676" s="12"/>
    </row>
    <row r="264677" spans="8:8">
      <c r="H264677" s="12"/>
    </row>
    <row r="264678" spans="8:8">
      <c r="H264678" s="12"/>
    </row>
    <row r="264679" spans="8:8">
      <c r="H264679" s="12"/>
    </row>
    <row r="264680" spans="8:8">
      <c r="H264680" s="12"/>
    </row>
    <row r="264681" spans="8:8">
      <c r="H264681" s="12"/>
    </row>
    <row r="264682" spans="8:8">
      <c r="H264682" s="12"/>
    </row>
    <row r="264683" spans="8:8">
      <c r="H264683" s="12"/>
    </row>
    <row r="264684" spans="8:8">
      <c r="H264684" s="12"/>
    </row>
    <row r="264685" spans="8:8">
      <c r="H264685" s="12"/>
    </row>
    <row r="264686" spans="8:8">
      <c r="H264686" s="12"/>
    </row>
    <row r="264687" spans="8:8">
      <c r="H264687" s="12"/>
    </row>
    <row r="264688" spans="8:8">
      <c r="H264688" s="12"/>
    </row>
    <row r="264689" spans="8:8">
      <c r="H264689" s="12"/>
    </row>
    <row r="264690" spans="8:8">
      <c r="H264690" s="12"/>
    </row>
    <row r="264691" spans="8:8">
      <c r="H264691" s="12"/>
    </row>
    <row r="264692" spans="8:8">
      <c r="H264692" s="12"/>
    </row>
    <row r="264693" spans="8:8">
      <c r="H264693" s="12"/>
    </row>
    <row r="264694" spans="8:8">
      <c r="H264694" s="12"/>
    </row>
    <row r="264695" spans="8:8">
      <c r="H264695" s="12"/>
    </row>
    <row r="264696" spans="8:8">
      <c r="H264696" s="12"/>
    </row>
    <row r="264697" spans="8:8">
      <c r="H264697" s="12"/>
    </row>
    <row r="264698" spans="8:8">
      <c r="H264698" s="12"/>
    </row>
    <row r="264699" spans="8:8">
      <c r="H264699" s="12"/>
    </row>
    <row r="264700" spans="8:8">
      <c r="H264700" s="12"/>
    </row>
    <row r="264701" spans="8:8">
      <c r="H264701" s="12"/>
    </row>
    <row r="264702" spans="8:8">
      <c r="H264702" s="12"/>
    </row>
    <row r="264703" spans="8:8">
      <c r="H264703" s="12"/>
    </row>
    <row r="264704" spans="8:8">
      <c r="H264704" s="12"/>
    </row>
    <row r="264705" spans="8:8">
      <c r="H264705" s="12"/>
    </row>
    <row r="264706" spans="8:8">
      <c r="H264706" s="12"/>
    </row>
    <row r="264707" spans="8:8">
      <c r="H264707" s="12"/>
    </row>
    <row r="264708" spans="8:8">
      <c r="H264708" s="12"/>
    </row>
    <row r="264709" spans="8:8">
      <c r="H264709" s="12"/>
    </row>
    <row r="264710" spans="8:8">
      <c r="H264710" s="12"/>
    </row>
    <row r="264711" spans="8:8">
      <c r="H264711" s="12"/>
    </row>
    <row r="264712" spans="8:8">
      <c r="H264712" s="12"/>
    </row>
    <row r="264713" spans="8:8">
      <c r="H264713" s="12"/>
    </row>
    <row r="264714" spans="8:8">
      <c r="H264714" s="12"/>
    </row>
    <row r="264715" spans="8:8">
      <c r="H264715" s="12"/>
    </row>
    <row r="264716" spans="8:8">
      <c r="H264716" s="12"/>
    </row>
    <row r="264717" spans="8:8">
      <c r="H264717" s="12"/>
    </row>
    <row r="264718" spans="8:8">
      <c r="H264718" s="12"/>
    </row>
    <row r="264719" spans="8:8">
      <c r="H264719" s="12"/>
    </row>
    <row r="264720" spans="8:8">
      <c r="H264720" s="12"/>
    </row>
    <row r="264721" spans="8:8">
      <c r="H264721" s="12"/>
    </row>
    <row r="264722" spans="8:8">
      <c r="H264722" s="12"/>
    </row>
    <row r="264723" spans="8:8">
      <c r="H264723" s="12"/>
    </row>
    <row r="264724" spans="8:8">
      <c r="H264724" s="12"/>
    </row>
    <row r="264725" spans="8:8">
      <c r="H264725" s="12"/>
    </row>
    <row r="264726" spans="8:8">
      <c r="H264726" s="12"/>
    </row>
    <row r="264727" spans="8:8">
      <c r="H264727" s="12"/>
    </row>
    <row r="264728" spans="8:8">
      <c r="H264728" s="12"/>
    </row>
    <row r="264729" spans="8:8">
      <c r="H264729" s="12"/>
    </row>
    <row r="264730" spans="8:8">
      <c r="H264730" s="12"/>
    </row>
    <row r="264731" spans="8:8">
      <c r="H264731" s="12"/>
    </row>
    <row r="264732" spans="8:8">
      <c r="H264732" s="12"/>
    </row>
    <row r="264733" spans="8:8">
      <c r="H264733" s="12"/>
    </row>
    <row r="264734" spans="8:8">
      <c r="H264734" s="12"/>
    </row>
    <row r="264735" spans="8:8">
      <c r="H264735" s="12"/>
    </row>
    <row r="264736" spans="8:8">
      <c r="H264736" s="12"/>
    </row>
    <row r="264737" spans="8:8">
      <c r="H264737" s="12"/>
    </row>
    <row r="264738" spans="8:8">
      <c r="H264738" s="12"/>
    </row>
    <row r="264739" spans="8:8">
      <c r="H264739" s="12"/>
    </row>
    <row r="264740" spans="8:8">
      <c r="H264740" s="12"/>
    </row>
    <row r="264741" spans="8:8">
      <c r="H264741" s="12"/>
    </row>
    <row r="264742" spans="8:8">
      <c r="H264742" s="12"/>
    </row>
    <row r="264743" spans="8:8">
      <c r="H264743" s="12"/>
    </row>
    <row r="264744" spans="8:8">
      <c r="H264744" s="12"/>
    </row>
    <row r="264745" spans="8:8">
      <c r="H264745" s="12"/>
    </row>
    <row r="264746" spans="8:8">
      <c r="H264746" s="12"/>
    </row>
    <row r="264747" spans="8:8">
      <c r="H264747" s="12"/>
    </row>
    <row r="264748" spans="8:8">
      <c r="H264748" s="12"/>
    </row>
    <row r="264749" spans="8:8">
      <c r="H264749" s="12"/>
    </row>
    <row r="264750" spans="8:8">
      <c r="H264750" s="12"/>
    </row>
    <row r="264751" spans="8:8">
      <c r="H264751" s="12"/>
    </row>
    <row r="264752" spans="8:8">
      <c r="H264752" s="12"/>
    </row>
    <row r="264753" spans="8:8">
      <c r="H264753" s="12"/>
    </row>
    <row r="264754" spans="8:8">
      <c r="H264754" s="12"/>
    </row>
    <row r="264755" spans="8:8">
      <c r="H264755" s="12"/>
    </row>
    <row r="264756" spans="8:8">
      <c r="H264756" s="12"/>
    </row>
    <row r="264757" spans="8:8">
      <c r="H264757" s="12"/>
    </row>
    <row r="264758" spans="8:8">
      <c r="H264758" s="12"/>
    </row>
    <row r="264759" spans="8:8">
      <c r="H264759" s="12"/>
    </row>
    <row r="264760" spans="8:8">
      <c r="H264760" s="12"/>
    </row>
    <row r="264761" spans="8:8">
      <c r="H264761" s="12"/>
    </row>
    <row r="264762" spans="8:8">
      <c r="H264762" s="12"/>
    </row>
    <row r="264763" spans="8:8">
      <c r="H264763" s="12"/>
    </row>
    <row r="264764" spans="8:8">
      <c r="H264764" s="12"/>
    </row>
    <row r="264765" spans="8:8">
      <c r="H264765" s="12"/>
    </row>
    <row r="264766" spans="8:8">
      <c r="H264766" s="12"/>
    </row>
    <row r="264767" spans="8:8">
      <c r="H264767" s="12"/>
    </row>
    <row r="264768" spans="8:8">
      <c r="H264768" s="12"/>
    </row>
    <row r="264769" spans="8:8">
      <c r="H264769" s="12"/>
    </row>
    <row r="264770" spans="8:8">
      <c r="H264770" s="12"/>
    </row>
    <row r="264771" spans="8:8">
      <c r="H264771" s="12"/>
    </row>
    <row r="264772" spans="8:8">
      <c r="H264772" s="12"/>
    </row>
    <row r="264773" spans="8:8">
      <c r="H264773" s="12"/>
    </row>
    <row r="264774" spans="8:8">
      <c r="H264774" s="12"/>
    </row>
    <row r="264775" spans="8:8">
      <c r="H264775" s="12"/>
    </row>
    <row r="264776" spans="8:8">
      <c r="H264776" s="12"/>
    </row>
    <row r="264777" spans="8:8">
      <c r="H264777" s="12"/>
    </row>
    <row r="264778" spans="8:8">
      <c r="H264778" s="12"/>
    </row>
    <row r="264779" spans="8:8">
      <c r="H264779" s="12"/>
    </row>
    <row r="264780" spans="8:8">
      <c r="H264780" s="12"/>
    </row>
    <row r="264781" spans="8:8">
      <c r="H264781" s="12"/>
    </row>
    <row r="264782" spans="8:8">
      <c r="H264782" s="12"/>
    </row>
    <row r="264783" spans="8:8">
      <c r="H264783" s="12"/>
    </row>
    <row r="264784" spans="8:8">
      <c r="H264784" s="12"/>
    </row>
    <row r="264785" spans="8:8">
      <c r="H264785" s="12"/>
    </row>
    <row r="264786" spans="8:8">
      <c r="H264786" s="12"/>
    </row>
    <row r="264787" spans="8:8">
      <c r="H264787" s="12"/>
    </row>
    <row r="264788" spans="8:8">
      <c r="H264788" s="12"/>
    </row>
    <row r="264789" spans="8:8">
      <c r="H264789" s="12"/>
    </row>
    <row r="264790" spans="8:8">
      <c r="H264790" s="12"/>
    </row>
    <row r="264791" spans="8:8">
      <c r="H264791" s="12"/>
    </row>
    <row r="264792" spans="8:8">
      <c r="H264792" s="12"/>
    </row>
    <row r="264793" spans="8:8">
      <c r="H264793" s="12"/>
    </row>
    <row r="264794" spans="8:8">
      <c r="H264794" s="12"/>
    </row>
    <row r="264795" spans="8:8">
      <c r="H264795" s="12"/>
    </row>
    <row r="264796" spans="8:8">
      <c r="H264796" s="12"/>
    </row>
    <row r="264797" spans="8:8">
      <c r="H264797" s="12"/>
    </row>
    <row r="264798" spans="8:8">
      <c r="H264798" s="12"/>
    </row>
    <row r="264799" spans="8:8">
      <c r="H264799" s="12"/>
    </row>
    <row r="264800" spans="8:8">
      <c r="H264800" s="12"/>
    </row>
    <row r="264801" spans="8:8">
      <c r="H264801" s="12"/>
    </row>
    <row r="264802" spans="8:8">
      <c r="H264802" s="12"/>
    </row>
    <row r="264803" spans="8:8">
      <c r="H264803" s="12"/>
    </row>
    <row r="264804" spans="8:8">
      <c r="H264804" s="12"/>
    </row>
    <row r="264805" spans="8:8">
      <c r="H264805" s="12"/>
    </row>
    <row r="264806" spans="8:8">
      <c r="H264806" s="12"/>
    </row>
    <row r="264807" spans="8:8">
      <c r="H264807" s="12"/>
    </row>
    <row r="264808" spans="8:8">
      <c r="H264808" s="12"/>
    </row>
    <row r="264809" spans="8:8">
      <c r="H264809" s="12"/>
    </row>
    <row r="264810" spans="8:8">
      <c r="H264810" s="12"/>
    </row>
    <row r="264811" spans="8:8">
      <c r="H264811" s="12"/>
    </row>
    <row r="264812" spans="8:8">
      <c r="H264812" s="12"/>
    </row>
    <row r="264813" spans="8:8">
      <c r="H264813" s="12"/>
    </row>
    <row r="264814" spans="8:8">
      <c r="H264814" s="12"/>
    </row>
    <row r="264815" spans="8:8">
      <c r="H264815" s="12"/>
    </row>
    <row r="264816" spans="8:8">
      <c r="H264816" s="12"/>
    </row>
    <row r="264817" spans="8:8">
      <c r="H264817" s="12"/>
    </row>
    <row r="264818" spans="8:8">
      <c r="H264818" s="12"/>
    </row>
    <row r="264819" spans="8:8">
      <c r="H264819" s="12"/>
    </row>
    <row r="264820" spans="8:8">
      <c r="H264820" s="12"/>
    </row>
    <row r="264821" spans="8:8">
      <c r="H264821" s="12"/>
    </row>
    <row r="264822" spans="8:8">
      <c r="H264822" s="12"/>
    </row>
    <row r="264823" spans="8:8">
      <c r="H264823" s="12"/>
    </row>
    <row r="264824" spans="8:8">
      <c r="H264824" s="12"/>
    </row>
    <row r="264825" spans="8:8">
      <c r="H264825" s="12"/>
    </row>
    <row r="264826" spans="8:8">
      <c r="H264826" s="12"/>
    </row>
    <row r="264827" spans="8:8">
      <c r="H264827" s="12"/>
    </row>
    <row r="264828" spans="8:8">
      <c r="H264828" s="12"/>
    </row>
    <row r="264829" spans="8:8">
      <c r="H264829" s="12"/>
    </row>
    <row r="264830" spans="8:8">
      <c r="H264830" s="12"/>
    </row>
    <row r="264831" spans="8:8">
      <c r="H264831" s="12"/>
    </row>
    <row r="264832" spans="8:8">
      <c r="H264832" s="12"/>
    </row>
    <row r="264833" spans="8:8">
      <c r="H264833" s="12"/>
    </row>
    <row r="264834" spans="8:8">
      <c r="H264834" s="12"/>
    </row>
    <row r="264835" spans="8:8">
      <c r="H264835" s="12"/>
    </row>
    <row r="264836" spans="8:8">
      <c r="H264836" s="12"/>
    </row>
    <row r="264837" spans="8:8">
      <c r="H264837" s="12"/>
    </row>
    <row r="264838" spans="8:8">
      <c r="H264838" s="12"/>
    </row>
    <row r="264839" spans="8:8">
      <c r="H264839" s="12"/>
    </row>
    <row r="264840" spans="8:8">
      <c r="H264840" s="12"/>
    </row>
    <row r="264841" spans="8:8">
      <c r="H264841" s="12"/>
    </row>
    <row r="264842" spans="8:8">
      <c r="H264842" s="12"/>
    </row>
    <row r="264843" spans="8:8">
      <c r="H264843" s="12"/>
    </row>
    <row r="264844" spans="8:8">
      <c r="H264844" s="12"/>
    </row>
    <row r="264845" spans="8:8">
      <c r="H264845" s="12"/>
    </row>
    <row r="264846" spans="8:8">
      <c r="H264846" s="12"/>
    </row>
    <row r="264847" spans="8:8">
      <c r="H264847" s="12"/>
    </row>
    <row r="264848" spans="8:8">
      <c r="H264848" s="12"/>
    </row>
    <row r="264849" spans="8:8">
      <c r="H264849" s="12"/>
    </row>
    <row r="264850" spans="8:8">
      <c r="H264850" s="12"/>
    </row>
    <row r="264851" spans="8:8">
      <c r="H264851" s="12"/>
    </row>
    <row r="264852" spans="8:8">
      <c r="H264852" s="12"/>
    </row>
    <row r="264853" spans="8:8">
      <c r="H264853" s="12"/>
    </row>
    <row r="264854" spans="8:8">
      <c r="H264854" s="12"/>
    </row>
    <row r="264855" spans="8:8">
      <c r="H264855" s="12"/>
    </row>
    <row r="264856" spans="8:8">
      <c r="H264856" s="12"/>
    </row>
    <row r="264857" spans="8:8">
      <c r="H264857" s="12"/>
    </row>
    <row r="264858" spans="8:8">
      <c r="H264858" s="12"/>
    </row>
    <row r="264859" spans="8:8">
      <c r="H264859" s="12"/>
    </row>
    <row r="264860" spans="8:8">
      <c r="H264860" s="12"/>
    </row>
    <row r="264861" spans="8:8">
      <c r="H264861" s="12"/>
    </row>
    <row r="264862" spans="8:8">
      <c r="H264862" s="12"/>
    </row>
    <row r="264863" spans="8:8">
      <c r="H264863" s="12"/>
    </row>
    <row r="264864" spans="8:8">
      <c r="H264864" s="12"/>
    </row>
    <row r="264865" spans="8:8">
      <c r="H264865" s="12"/>
    </row>
    <row r="264866" spans="8:8">
      <c r="H264866" s="12"/>
    </row>
    <row r="264867" spans="8:8">
      <c r="H264867" s="12"/>
    </row>
    <row r="264868" spans="8:8">
      <c r="H264868" s="12"/>
    </row>
    <row r="264869" spans="8:8">
      <c r="H264869" s="12"/>
    </row>
    <row r="264870" spans="8:8">
      <c r="H264870" s="12"/>
    </row>
    <row r="264871" spans="8:8">
      <c r="H264871" s="12"/>
    </row>
    <row r="264872" spans="8:8">
      <c r="H264872" s="12"/>
    </row>
    <row r="264873" spans="8:8">
      <c r="H264873" s="12"/>
    </row>
    <row r="264874" spans="8:8">
      <c r="H264874" s="12"/>
    </row>
    <row r="264875" spans="8:8">
      <c r="H264875" s="12"/>
    </row>
    <row r="264876" spans="8:8">
      <c r="H264876" s="12"/>
    </row>
    <row r="264877" spans="8:8">
      <c r="H264877" s="12"/>
    </row>
    <row r="264878" spans="8:8">
      <c r="H264878" s="12"/>
    </row>
    <row r="264879" spans="8:8">
      <c r="H264879" s="12"/>
    </row>
    <row r="264880" spans="8:8">
      <c r="H264880" s="12"/>
    </row>
    <row r="264881" spans="8:8">
      <c r="H264881" s="12"/>
    </row>
    <row r="264882" spans="8:8">
      <c r="H264882" s="12"/>
    </row>
    <row r="264883" spans="8:8">
      <c r="H264883" s="12"/>
    </row>
    <row r="264884" spans="8:8">
      <c r="H264884" s="12"/>
    </row>
    <row r="264885" spans="8:8">
      <c r="H264885" s="12"/>
    </row>
    <row r="264886" spans="8:8">
      <c r="H264886" s="12"/>
    </row>
    <row r="264887" spans="8:8">
      <c r="H264887" s="12"/>
    </row>
    <row r="264888" spans="8:8">
      <c r="H264888" s="12"/>
    </row>
    <row r="264889" spans="8:8">
      <c r="H264889" s="12"/>
    </row>
    <row r="264890" spans="8:8">
      <c r="H264890" s="12"/>
    </row>
    <row r="264891" spans="8:8">
      <c r="H264891" s="12"/>
    </row>
    <row r="264892" spans="8:8">
      <c r="H264892" s="12"/>
    </row>
    <row r="264893" spans="8:8">
      <c r="H264893" s="12"/>
    </row>
    <row r="264894" spans="8:8">
      <c r="H264894" s="12"/>
    </row>
    <row r="264895" spans="8:8">
      <c r="H264895" s="12"/>
    </row>
    <row r="264896" spans="8:8">
      <c r="H264896" s="12"/>
    </row>
    <row r="264897" spans="8:8">
      <c r="H264897" s="12"/>
    </row>
    <row r="264898" spans="8:8">
      <c r="H264898" s="12"/>
    </row>
    <row r="264899" spans="8:8">
      <c r="H264899" s="12"/>
    </row>
    <row r="264900" spans="8:8">
      <c r="H264900" s="12"/>
    </row>
    <row r="264901" spans="8:8">
      <c r="H264901" s="12"/>
    </row>
    <row r="264902" spans="8:8">
      <c r="H264902" s="12"/>
    </row>
    <row r="264903" spans="8:8">
      <c r="H264903" s="12"/>
    </row>
    <row r="264904" spans="8:8">
      <c r="H264904" s="12"/>
    </row>
    <row r="264905" spans="8:8">
      <c r="H264905" s="12"/>
    </row>
    <row r="264906" spans="8:8">
      <c r="H264906" s="12"/>
    </row>
    <row r="264907" spans="8:8">
      <c r="H264907" s="12"/>
    </row>
    <row r="264908" spans="8:8">
      <c r="H264908" s="12"/>
    </row>
    <row r="264909" spans="8:8">
      <c r="H264909" s="12"/>
    </row>
    <row r="264910" spans="8:8">
      <c r="H264910" s="12"/>
    </row>
    <row r="264911" spans="8:8">
      <c r="H264911" s="12"/>
    </row>
    <row r="264912" spans="8:8">
      <c r="H264912" s="12"/>
    </row>
    <row r="264913" spans="8:8">
      <c r="H264913" s="12"/>
    </row>
    <row r="264914" spans="8:8">
      <c r="H264914" s="12"/>
    </row>
    <row r="264915" spans="8:8">
      <c r="H264915" s="12"/>
    </row>
    <row r="264916" spans="8:8">
      <c r="H264916" s="12"/>
    </row>
    <row r="264917" spans="8:8">
      <c r="H264917" s="12"/>
    </row>
    <row r="264918" spans="8:8">
      <c r="H264918" s="12"/>
    </row>
    <row r="264919" spans="8:8">
      <c r="H264919" s="12"/>
    </row>
    <row r="264920" spans="8:8">
      <c r="H264920" s="12"/>
    </row>
    <row r="264921" spans="8:8">
      <c r="H264921" s="12"/>
    </row>
    <row r="264922" spans="8:8">
      <c r="H264922" s="12"/>
    </row>
    <row r="264923" spans="8:8">
      <c r="H264923" s="12"/>
    </row>
    <row r="264924" spans="8:8">
      <c r="H264924" s="12"/>
    </row>
    <row r="264925" spans="8:8">
      <c r="H264925" s="12"/>
    </row>
    <row r="264926" spans="8:8">
      <c r="H264926" s="12"/>
    </row>
    <row r="264927" spans="8:8">
      <c r="H264927" s="12"/>
    </row>
    <row r="264928" spans="8:8">
      <c r="H264928" s="12"/>
    </row>
    <row r="264929" spans="8:8">
      <c r="H264929" s="12"/>
    </row>
    <row r="264930" spans="8:8">
      <c r="H264930" s="12"/>
    </row>
    <row r="264931" spans="8:8">
      <c r="H264931" s="12"/>
    </row>
    <row r="264932" spans="8:8">
      <c r="H264932" s="12"/>
    </row>
    <row r="264933" spans="8:8">
      <c r="H264933" s="12"/>
    </row>
    <row r="264934" spans="8:8">
      <c r="H264934" s="12"/>
    </row>
    <row r="264935" spans="8:8">
      <c r="H264935" s="12"/>
    </row>
    <row r="264936" spans="8:8">
      <c r="H264936" s="12"/>
    </row>
    <row r="264937" spans="8:8">
      <c r="H264937" s="12"/>
    </row>
    <row r="264938" spans="8:8">
      <c r="H264938" s="12"/>
    </row>
    <row r="264939" spans="8:8">
      <c r="H264939" s="12"/>
    </row>
    <row r="264940" spans="8:8">
      <c r="H264940" s="12"/>
    </row>
    <row r="264941" spans="8:8">
      <c r="H264941" s="12"/>
    </row>
    <row r="264942" spans="8:8">
      <c r="H264942" s="12"/>
    </row>
    <row r="264943" spans="8:8">
      <c r="H264943" s="12"/>
    </row>
    <row r="264944" spans="8:8">
      <c r="H264944" s="12"/>
    </row>
    <row r="264945" spans="8:8">
      <c r="H264945" s="12"/>
    </row>
    <row r="264946" spans="8:8">
      <c r="H264946" s="12"/>
    </row>
    <row r="264947" spans="8:8">
      <c r="H264947" s="12"/>
    </row>
    <row r="264948" spans="8:8">
      <c r="H264948" s="12"/>
    </row>
    <row r="264949" spans="8:8">
      <c r="H264949" s="12"/>
    </row>
    <row r="264950" spans="8:8">
      <c r="H264950" s="12"/>
    </row>
    <row r="264951" spans="8:8">
      <c r="H264951" s="12"/>
    </row>
    <row r="264952" spans="8:8">
      <c r="H264952" s="12"/>
    </row>
    <row r="264953" spans="8:8">
      <c r="H264953" s="12"/>
    </row>
    <row r="264954" spans="8:8">
      <c r="H264954" s="12"/>
    </row>
    <row r="264955" spans="8:8">
      <c r="H264955" s="12"/>
    </row>
    <row r="264956" spans="8:8">
      <c r="H264956" s="12"/>
    </row>
    <row r="264957" spans="8:8">
      <c r="H264957" s="12"/>
    </row>
    <row r="264958" spans="8:8">
      <c r="H264958" s="12"/>
    </row>
    <row r="264959" spans="8:8">
      <c r="H264959" s="12"/>
    </row>
    <row r="264960" spans="8:8">
      <c r="H264960" s="12"/>
    </row>
    <row r="264961" spans="8:8">
      <c r="H264961" s="12"/>
    </row>
    <row r="264962" spans="8:8">
      <c r="H264962" s="12"/>
    </row>
    <row r="264963" spans="8:8">
      <c r="H264963" s="12"/>
    </row>
    <row r="264964" spans="8:8">
      <c r="H264964" s="12"/>
    </row>
    <row r="264965" spans="8:8">
      <c r="H264965" s="12"/>
    </row>
    <row r="264966" spans="8:8">
      <c r="H264966" s="12"/>
    </row>
    <row r="264967" spans="8:8">
      <c r="H264967" s="12"/>
    </row>
    <row r="264968" spans="8:8">
      <c r="H264968" s="12"/>
    </row>
    <row r="264969" spans="8:8">
      <c r="H264969" s="12"/>
    </row>
    <row r="264970" spans="8:8">
      <c r="H264970" s="12"/>
    </row>
    <row r="264971" spans="8:8">
      <c r="H264971" s="12"/>
    </row>
    <row r="264972" spans="8:8">
      <c r="H264972" s="12"/>
    </row>
    <row r="264973" spans="8:8">
      <c r="H264973" s="12"/>
    </row>
    <row r="264974" spans="8:8">
      <c r="H264974" s="12"/>
    </row>
    <row r="264975" spans="8:8">
      <c r="H264975" s="12"/>
    </row>
    <row r="264976" spans="8:8">
      <c r="H264976" s="12"/>
    </row>
    <row r="264977" spans="8:8">
      <c r="H264977" s="12"/>
    </row>
    <row r="264978" spans="8:8">
      <c r="H264978" s="12"/>
    </row>
    <row r="264979" spans="8:8">
      <c r="H264979" s="12"/>
    </row>
    <row r="264980" spans="8:8">
      <c r="H264980" s="12"/>
    </row>
    <row r="264981" spans="8:8">
      <c r="H264981" s="12"/>
    </row>
    <row r="264982" spans="8:8">
      <c r="H264982" s="12"/>
    </row>
    <row r="264983" spans="8:8">
      <c r="H264983" s="12"/>
    </row>
    <row r="264984" spans="8:8">
      <c r="H264984" s="12"/>
    </row>
    <row r="264985" spans="8:8">
      <c r="H264985" s="12"/>
    </row>
    <row r="264986" spans="8:8">
      <c r="H264986" s="12"/>
    </row>
    <row r="264987" spans="8:8">
      <c r="H264987" s="12"/>
    </row>
    <row r="264988" spans="8:8">
      <c r="H264988" s="12"/>
    </row>
    <row r="264989" spans="8:8">
      <c r="H264989" s="12"/>
    </row>
    <row r="264990" spans="8:8">
      <c r="H264990" s="12"/>
    </row>
    <row r="264991" spans="8:8">
      <c r="H264991" s="12"/>
    </row>
    <row r="264992" spans="8:8">
      <c r="H264992" s="12"/>
    </row>
    <row r="264993" spans="8:8">
      <c r="H264993" s="12"/>
    </row>
    <row r="264994" spans="8:8">
      <c r="H264994" s="12"/>
    </row>
    <row r="264995" spans="8:8">
      <c r="H264995" s="12"/>
    </row>
    <row r="264996" spans="8:8">
      <c r="H264996" s="12"/>
    </row>
    <row r="264997" spans="8:8">
      <c r="H264997" s="12"/>
    </row>
    <row r="264998" spans="8:8">
      <c r="H264998" s="12"/>
    </row>
    <row r="264999" spans="8:8">
      <c r="H264999" s="12"/>
    </row>
    <row r="265000" spans="8:8">
      <c r="H265000" s="12"/>
    </row>
    <row r="265001" spans="8:8">
      <c r="H265001" s="12"/>
    </row>
    <row r="265002" spans="8:8">
      <c r="H265002" s="12"/>
    </row>
    <row r="265003" spans="8:8">
      <c r="H265003" s="12"/>
    </row>
    <row r="265004" spans="8:8">
      <c r="H265004" s="12"/>
    </row>
    <row r="265005" spans="8:8">
      <c r="H265005" s="12"/>
    </row>
    <row r="265006" spans="8:8">
      <c r="H265006" s="12"/>
    </row>
    <row r="265007" spans="8:8">
      <c r="H265007" s="12"/>
    </row>
    <row r="265008" spans="8:8">
      <c r="H265008" s="12"/>
    </row>
    <row r="265009" spans="8:8">
      <c r="H265009" s="12"/>
    </row>
    <row r="265010" spans="8:8">
      <c r="H265010" s="12"/>
    </row>
    <row r="265011" spans="8:8">
      <c r="H265011" s="12"/>
    </row>
    <row r="265012" spans="8:8">
      <c r="H265012" s="12"/>
    </row>
    <row r="265013" spans="8:8">
      <c r="H265013" s="12"/>
    </row>
    <row r="265014" spans="8:8">
      <c r="H265014" s="12"/>
    </row>
    <row r="265015" spans="8:8">
      <c r="H265015" s="12"/>
    </row>
    <row r="265016" spans="8:8">
      <c r="H265016" s="12"/>
    </row>
    <row r="265017" spans="8:8">
      <c r="H265017" s="12"/>
    </row>
    <row r="265018" spans="8:8">
      <c r="H265018" s="12"/>
    </row>
    <row r="265019" spans="8:8">
      <c r="H265019" s="12"/>
    </row>
    <row r="265020" spans="8:8">
      <c r="H265020" s="12"/>
    </row>
    <row r="265021" spans="8:8">
      <c r="H265021" s="12"/>
    </row>
    <row r="265022" spans="8:8">
      <c r="H265022" s="12"/>
    </row>
    <row r="265023" spans="8:8">
      <c r="H265023" s="12"/>
    </row>
    <row r="265024" spans="8:8">
      <c r="H265024" s="12"/>
    </row>
    <row r="265025" spans="8:8">
      <c r="H265025" s="12"/>
    </row>
    <row r="265026" spans="8:8">
      <c r="H265026" s="12"/>
    </row>
    <row r="265027" spans="8:8">
      <c r="H265027" s="12"/>
    </row>
    <row r="265028" spans="8:8">
      <c r="H265028" s="12"/>
    </row>
    <row r="265029" spans="8:8">
      <c r="H265029" s="12"/>
    </row>
    <row r="265030" spans="8:8">
      <c r="H265030" s="12"/>
    </row>
    <row r="265031" spans="8:8">
      <c r="H265031" s="12"/>
    </row>
    <row r="265032" spans="8:8">
      <c r="H265032" s="12"/>
    </row>
    <row r="265033" spans="8:8">
      <c r="H265033" s="12"/>
    </row>
    <row r="265034" spans="8:8">
      <c r="H265034" s="12"/>
    </row>
    <row r="265035" spans="8:8">
      <c r="H265035" s="12"/>
    </row>
    <row r="265036" spans="8:8">
      <c r="H265036" s="12"/>
    </row>
    <row r="265037" spans="8:8">
      <c r="H265037" s="12"/>
    </row>
    <row r="265038" spans="8:8">
      <c r="H265038" s="12"/>
    </row>
    <row r="265039" spans="8:8">
      <c r="H265039" s="12"/>
    </row>
    <row r="265040" spans="8:8">
      <c r="H265040" s="12"/>
    </row>
    <row r="265041" spans="8:8">
      <c r="H265041" s="12"/>
    </row>
    <row r="265042" spans="8:8">
      <c r="H265042" s="12"/>
    </row>
    <row r="265043" spans="8:8">
      <c r="H265043" s="12"/>
    </row>
    <row r="265044" spans="8:8">
      <c r="H265044" s="12"/>
    </row>
    <row r="265045" spans="8:8">
      <c r="H265045" s="12"/>
    </row>
    <row r="265046" spans="8:8">
      <c r="H265046" s="12"/>
    </row>
    <row r="265047" spans="8:8">
      <c r="H265047" s="12"/>
    </row>
    <row r="265048" spans="8:8">
      <c r="H265048" s="12"/>
    </row>
    <row r="265049" spans="8:8">
      <c r="H265049" s="12"/>
    </row>
    <row r="265050" spans="8:8">
      <c r="H265050" s="12"/>
    </row>
    <row r="265051" spans="8:8">
      <c r="H265051" s="12"/>
    </row>
    <row r="265052" spans="8:8">
      <c r="H265052" s="12"/>
    </row>
    <row r="265053" spans="8:8">
      <c r="H265053" s="12"/>
    </row>
    <row r="265054" spans="8:8">
      <c r="H265054" s="12"/>
    </row>
    <row r="265055" spans="8:8">
      <c r="H265055" s="12"/>
    </row>
    <row r="265056" spans="8:8">
      <c r="H265056" s="12"/>
    </row>
    <row r="265057" spans="8:8">
      <c r="H265057" s="12"/>
    </row>
    <row r="265058" spans="8:8">
      <c r="H265058" s="12"/>
    </row>
    <row r="265059" spans="8:8">
      <c r="H265059" s="12"/>
    </row>
    <row r="265060" spans="8:8">
      <c r="H265060" s="12"/>
    </row>
    <row r="265061" spans="8:8">
      <c r="H265061" s="12"/>
    </row>
    <row r="265062" spans="8:8">
      <c r="H265062" s="12"/>
    </row>
    <row r="265063" spans="8:8">
      <c r="H265063" s="12"/>
    </row>
    <row r="265064" spans="8:8">
      <c r="H265064" s="12"/>
    </row>
    <row r="265065" spans="8:8">
      <c r="H265065" s="12"/>
    </row>
    <row r="265066" spans="8:8">
      <c r="H265066" s="12"/>
    </row>
    <row r="265067" spans="8:8">
      <c r="H265067" s="12"/>
    </row>
    <row r="265068" spans="8:8">
      <c r="H265068" s="12"/>
    </row>
    <row r="265069" spans="8:8">
      <c r="H265069" s="12"/>
    </row>
    <row r="265070" spans="8:8">
      <c r="H265070" s="12"/>
    </row>
    <row r="265071" spans="8:8">
      <c r="H265071" s="12"/>
    </row>
    <row r="265072" spans="8:8">
      <c r="H265072" s="12"/>
    </row>
    <row r="265073" spans="8:8">
      <c r="H265073" s="12"/>
    </row>
    <row r="265074" spans="8:8">
      <c r="H265074" s="12"/>
    </row>
    <row r="265075" spans="8:8">
      <c r="H265075" s="12"/>
    </row>
    <row r="265076" spans="8:8">
      <c r="H265076" s="12"/>
    </row>
    <row r="265077" spans="8:8">
      <c r="H265077" s="12"/>
    </row>
    <row r="265078" spans="8:8">
      <c r="H265078" s="12"/>
    </row>
    <row r="265079" spans="8:8">
      <c r="H265079" s="12"/>
    </row>
    <row r="265080" spans="8:8">
      <c r="H265080" s="12"/>
    </row>
    <row r="265081" spans="8:8">
      <c r="H265081" s="12"/>
    </row>
    <row r="265082" spans="8:8">
      <c r="H265082" s="12"/>
    </row>
    <row r="265083" spans="8:8">
      <c r="H265083" s="12"/>
    </row>
    <row r="265084" spans="8:8">
      <c r="H265084" s="12"/>
    </row>
    <row r="265085" spans="8:8">
      <c r="H265085" s="12"/>
    </row>
    <row r="265086" spans="8:8">
      <c r="H265086" s="12"/>
    </row>
    <row r="265087" spans="8:8">
      <c r="H265087" s="12"/>
    </row>
    <row r="265088" spans="8:8">
      <c r="H265088" s="12"/>
    </row>
    <row r="265089" spans="8:8">
      <c r="H265089" s="12"/>
    </row>
    <row r="265090" spans="8:8">
      <c r="H265090" s="12"/>
    </row>
    <row r="265091" spans="8:8">
      <c r="H265091" s="12"/>
    </row>
    <row r="265092" spans="8:8">
      <c r="H265092" s="12"/>
    </row>
    <row r="265093" spans="8:8">
      <c r="H265093" s="12"/>
    </row>
    <row r="265094" spans="8:8">
      <c r="H265094" s="12"/>
    </row>
    <row r="265095" spans="8:8">
      <c r="H265095" s="12"/>
    </row>
    <row r="265096" spans="8:8">
      <c r="H265096" s="12"/>
    </row>
    <row r="265097" spans="8:8">
      <c r="H265097" s="12"/>
    </row>
    <row r="265098" spans="8:8">
      <c r="H265098" s="12"/>
    </row>
    <row r="265099" spans="8:8">
      <c r="H265099" s="12"/>
    </row>
    <row r="265100" spans="8:8">
      <c r="H265100" s="12"/>
    </row>
    <row r="265101" spans="8:8">
      <c r="H265101" s="12"/>
    </row>
    <row r="265102" spans="8:8">
      <c r="H265102" s="12"/>
    </row>
    <row r="265103" spans="8:8">
      <c r="H265103" s="12"/>
    </row>
    <row r="265104" spans="8:8">
      <c r="H265104" s="12"/>
    </row>
    <row r="265105" spans="8:8">
      <c r="H265105" s="12"/>
    </row>
    <row r="265106" spans="8:8">
      <c r="H265106" s="12"/>
    </row>
    <row r="265107" spans="8:8">
      <c r="H265107" s="12"/>
    </row>
    <row r="265108" spans="8:8">
      <c r="H265108" s="12"/>
    </row>
    <row r="265109" spans="8:8">
      <c r="H265109" s="12"/>
    </row>
    <row r="265110" spans="8:8">
      <c r="H265110" s="12"/>
    </row>
    <row r="265111" spans="8:8">
      <c r="H265111" s="12"/>
    </row>
    <row r="265112" spans="8:8">
      <c r="H265112" s="12"/>
    </row>
    <row r="265113" spans="8:8">
      <c r="H265113" s="12"/>
    </row>
    <row r="265114" spans="8:8">
      <c r="H265114" s="12"/>
    </row>
    <row r="265115" spans="8:8">
      <c r="H265115" s="12"/>
    </row>
    <row r="265116" spans="8:8">
      <c r="H265116" s="12"/>
    </row>
    <row r="265117" spans="8:8">
      <c r="H265117" s="12"/>
    </row>
    <row r="265118" spans="8:8">
      <c r="H265118" s="12"/>
    </row>
    <row r="265119" spans="8:8">
      <c r="H265119" s="12"/>
    </row>
    <row r="265120" spans="8:8">
      <c r="H265120" s="12"/>
    </row>
    <row r="265121" spans="8:8">
      <c r="H265121" s="12"/>
    </row>
    <row r="265122" spans="8:8">
      <c r="H265122" s="12"/>
    </row>
    <row r="265123" spans="8:8">
      <c r="H265123" s="12"/>
    </row>
    <row r="265124" spans="8:8">
      <c r="H265124" s="12"/>
    </row>
    <row r="265125" spans="8:8">
      <c r="H265125" s="12"/>
    </row>
    <row r="265126" spans="8:8">
      <c r="H265126" s="12"/>
    </row>
    <row r="265127" spans="8:8">
      <c r="H265127" s="12"/>
    </row>
    <row r="265128" spans="8:8">
      <c r="H265128" s="12"/>
    </row>
    <row r="265129" spans="8:8">
      <c r="H265129" s="12"/>
    </row>
    <row r="265130" spans="8:8">
      <c r="H265130" s="12"/>
    </row>
    <row r="265131" spans="8:8">
      <c r="H265131" s="12"/>
    </row>
    <row r="265132" spans="8:8">
      <c r="H265132" s="12"/>
    </row>
    <row r="265133" spans="8:8">
      <c r="H265133" s="12"/>
    </row>
    <row r="265134" spans="8:8">
      <c r="H265134" s="12"/>
    </row>
    <row r="265135" spans="8:8">
      <c r="H265135" s="12"/>
    </row>
    <row r="265136" spans="8:8">
      <c r="H265136" s="12"/>
    </row>
    <row r="265137" spans="8:8">
      <c r="H265137" s="12"/>
    </row>
    <row r="265138" spans="8:8">
      <c r="H265138" s="12"/>
    </row>
    <row r="265139" spans="8:8">
      <c r="H265139" s="12"/>
    </row>
    <row r="265140" spans="8:8">
      <c r="H265140" s="12"/>
    </row>
    <row r="265141" spans="8:8">
      <c r="H265141" s="12"/>
    </row>
    <row r="265142" spans="8:8">
      <c r="H265142" s="12"/>
    </row>
    <row r="265143" spans="8:8">
      <c r="H265143" s="12"/>
    </row>
    <row r="265144" spans="8:8">
      <c r="H265144" s="12"/>
    </row>
    <row r="265145" spans="8:8">
      <c r="H265145" s="12"/>
    </row>
    <row r="265146" spans="8:8">
      <c r="H265146" s="12"/>
    </row>
    <row r="265147" spans="8:8">
      <c r="H265147" s="12"/>
    </row>
    <row r="265148" spans="8:8">
      <c r="H265148" s="12"/>
    </row>
    <row r="265149" spans="8:8">
      <c r="H265149" s="12"/>
    </row>
    <row r="265150" spans="8:8">
      <c r="H265150" s="12"/>
    </row>
    <row r="265151" spans="8:8">
      <c r="H265151" s="12"/>
    </row>
    <row r="265152" spans="8:8">
      <c r="H265152" s="12"/>
    </row>
    <row r="265153" spans="8:8">
      <c r="H265153" s="12"/>
    </row>
    <row r="265154" spans="8:8">
      <c r="H265154" s="12"/>
    </row>
    <row r="265155" spans="8:8">
      <c r="H265155" s="12"/>
    </row>
    <row r="265156" spans="8:8">
      <c r="H265156" s="12"/>
    </row>
    <row r="265157" spans="8:8">
      <c r="H265157" s="12"/>
    </row>
    <row r="265158" spans="8:8">
      <c r="H265158" s="12"/>
    </row>
    <row r="265159" spans="8:8">
      <c r="H265159" s="12"/>
    </row>
    <row r="265160" spans="8:8">
      <c r="H265160" s="12"/>
    </row>
    <row r="265161" spans="8:8">
      <c r="H265161" s="12"/>
    </row>
    <row r="265162" spans="8:8">
      <c r="H265162" s="12"/>
    </row>
    <row r="265163" spans="8:8">
      <c r="H265163" s="12"/>
    </row>
    <row r="265164" spans="8:8">
      <c r="H265164" s="12"/>
    </row>
    <row r="265165" spans="8:8">
      <c r="H265165" s="12"/>
    </row>
    <row r="265166" spans="8:8">
      <c r="H265166" s="12"/>
    </row>
    <row r="265167" spans="8:8">
      <c r="H265167" s="12"/>
    </row>
    <row r="265168" spans="8:8">
      <c r="H265168" s="12"/>
    </row>
    <row r="265169" spans="8:8">
      <c r="H265169" s="12"/>
    </row>
    <row r="265170" spans="8:8">
      <c r="H265170" s="12"/>
    </row>
    <row r="265171" spans="8:8">
      <c r="H265171" s="12"/>
    </row>
    <row r="265172" spans="8:8">
      <c r="H265172" s="12"/>
    </row>
    <row r="265173" spans="8:8">
      <c r="H265173" s="12"/>
    </row>
    <row r="265174" spans="8:8">
      <c r="H265174" s="12"/>
    </row>
    <row r="265175" spans="8:8">
      <c r="H265175" s="12"/>
    </row>
    <row r="265176" spans="8:8">
      <c r="H265176" s="12"/>
    </row>
    <row r="265177" spans="8:8">
      <c r="H265177" s="12"/>
    </row>
    <row r="265178" spans="8:8">
      <c r="H265178" s="12"/>
    </row>
    <row r="265179" spans="8:8">
      <c r="H265179" s="12"/>
    </row>
    <row r="265180" spans="8:8">
      <c r="H265180" s="12"/>
    </row>
    <row r="265181" spans="8:8">
      <c r="H265181" s="12"/>
    </row>
    <row r="265182" spans="8:8">
      <c r="H265182" s="12"/>
    </row>
    <row r="265183" spans="8:8">
      <c r="H265183" s="12"/>
    </row>
    <row r="265184" spans="8:8">
      <c r="H265184" s="12"/>
    </row>
    <row r="265185" spans="8:8">
      <c r="H265185" s="12"/>
    </row>
    <row r="265186" spans="8:8">
      <c r="H265186" s="12"/>
    </row>
    <row r="265187" spans="8:8">
      <c r="H265187" s="12"/>
    </row>
    <row r="265188" spans="8:8">
      <c r="H265188" s="12"/>
    </row>
    <row r="265189" spans="8:8">
      <c r="H265189" s="12"/>
    </row>
    <row r="265190" spans="8:8">
      <c r="H265190" s="12"/>
    </row>
    <row r="265191" spans="8:8">
      <c r="H265191" s="12"/>
    </row>
    <row r="265192" spans="8:8">
      <c r="H265192" s="12"/>
    </row>
    <row r="265193" spans="8:8">
      <c r="H265193" s="12"/>
    </row>
    <row r="265194" spans="8:8">
      <c r="H265194" s="12"/>
    </row>
    <row r="265195" spans="8:8">
      <c r="H265195" s="12"/>
    </row>
    <row r="265196" spans="8:8">
      <c r="H265196" s="12"/>
    </row>
    <row r="265197" spans="8:8">
      <c r="H265197" s="12"/>
    </row>
    <row r="265198" spans="8:8">
      <c r="H265198" s="12"/>
    </row>
    <row r="265199" spans="8:8">
      <c r="H265199" s="12"/>
    </row>
    <row r="265200" spans="8:8">
      <c r="H265200" s="12"/>
    </row>
    <row r="265201" spans="8:8">
      <c r="H265201" s="12"/>
    </row>
    <row r="265202" spans="8:8">
      <c r="H265202" s="12"/>
    </row>
    <row r="265203" spans="8:8">
      <c r="H265203" s="12"/>
    </row>
    <row r="265204" spans="8:8">
      <c r="H265204" s="12"/>
    </row>
    <row r="265205" spans="8:8">
      <c r="H265205" s="12"/>
    </row>
    <row r="265206" spans="8:8">
      <c r="H265206" s="12"/>
    </row>
    <row r="265207" spans="8:8">
      <c r="H265207" s="12"/>
    </row>
    <row r="265208" spans="8:8">
      <c r="H265208" s="12"/>
    </row>
    <row r="265209" spans="8:8">
      <c r="H265209" s="12"/>
    </row>
    <row r="265210" spans="8:8">
      <c r="H265210" s="12"/>
    </row>
    <row r="265211" spans="8:8">
      <c r="H265211" s="12"/>
    </row>
    <row r="265212" spans="8:8">
      <c r="H265212" s="12"/>
    </row>
    <row r="265213" spans="8:8">
      <c r="H265213" s="12"/>
    </row>
    <row r="265214" spans="8:8">
      <c r="H265214" s="12"/>
    </row>
    <row r="265215" spans="8:8">
      <c r="H265215" s="12"/>
    </row>
    <row r="265216" spans="8:8">
      <c r="H265216" s="12"/>
    </row>
    <row r="265217" spans="8:8">
      <c r="H265217" s="12"/>
    </row>
    <row r="265218" spans="8:8">
      <c r="H265218" s="12"/>
    </row>
    <row r="265219" spans="8:8">
      <c r="H265219" s="12"/>
    </row>
    <row r="265220" spans="8:8">
      <c r="H265220" s="12"/>
    </row>
    <row r="265221" spans="8:8">
      <c r="H265221" s="12"/>
    </row>
    <row r="265222" spans="8:8">
      <c r="H265222" s="12"/>
    </row>
    <row r="265223" spans="8:8">
      <c r="H265223" s="12"/>
    </row>
    <row r="265224" spans="8:8">
      <c r="H265224" s="12"/>
    </row>
    <row r="265225" spans="8:8">
      <c r="H265225" s="12"/>
    </row>
    <row r="265226" spans="8:8">
      <c r="H265226" s="12"/>
    </row>
    <row r="265227" spans="8:8">
      <c r="H265227" s="12"/>
    </row>
    <row r="265228" spans="8:8">
      <c r="H265228" s="12"/>
    </row>
    <row r="265229" spans="8:8">
      <c r="H265229" s="12"/>
    </row>
    <row r="265230" spans="8:8">
      <c r="H265230" s="12"/>
    </row>
    <row r="265231" spans="8:8">
      <c r="H265231" s="12"/>
    </row>
    <row r="265232" spans="8:8">
      <c r="H265232" s="12"/>
    </row>
    <row r="265233" spans="8:8">
      <c r="H265233" s="12"/>
    </row>
    <row r="265234" spans="8:8">
      <c r="H265234" s="12"/>
    </row>
    <row r="265235" spans="8:8">
      <c r="H265235" s="12"/>
    </row>
    <row r="265236" spans="8:8">
      <c r="H265236" s="12"/>
    </row>
    <row r="265237" spans="8:8">
      <c r="H265237" s="12"/>
    </row>
    <row r="265238" spans="8:8">
      <c r="H265238" s="12"/>
    </row>
    <row r="265239" spans="8:8">
      <c r="H265239" s="12"/>
    </row>
    <row r="265240" spans="8:8">
      <c r="H265240" s="12"/>
    </row>
    <row r="265241" spans="8:8">
      <c r="H265241" s="12"/>
    </row>
    <row r="265242" spans="8:8">
      <c r="H265242" s="12"/>
    </row>
    <row r="265243" spans="8:8">
      <c r="H265243" s="12"/>
    </row>
    <row r="265244" spans="8:8">
      <c r="H265244" s="12"/>
    </row>
    <row r="265245" spans="8:8">
      <c r="H265245" s="12"/>
    </row>
    <row r="265246" spans="8:8">
      <c r="H265246" s="12"/>
    </row>
    <row r="265247" spans="8:8">
      <c r="H265247" s="12"/>
    </row>
    <row r="265248" spans="8:8">
      <c r="H265248" s="12"/>
    </row>
    <row r="265249" spans="8:8">
      <c r="H265249" s="12"/>
    </row>
    <row r="265250" spans="8:8">
      <c r="H265250" s="12"/>
    </row>
    <row r="265251" spans="8:8">
      <c r="H265251" s="12"/>
    </row>
    <row r="265252" spans="8:8">
      <c r="H265252" s="12"/>
    </row>
    <row r="265253" spans="8:8">
      <c r="H265253" s="12"/>
    </row>
    <row r="265254" spans="8:8">
      <c r="H265254" s="12"/>
    </row>
    <row r="265255" spans="8:8">
      <c r="H265255" s="12"/>
    </row>
    <row r="265256" spans="8:8">
      <c r="H265256" s="12"/>
    </row>
    <row r="265257" spans="8:8">
      <c r="H265257" s="12"/>
    </row>
    <row r="265258" spans="8:8">
      <c r="H265258" s="12"/>
    </row>
    <row r="265259" spans="8:8">
      <c r="H265259" s="12"/>
    </row>
    <row r="265260" spans="8:8">
      <c r="H265260" s="12"/>
    </row>
    <row r="265261" spans="8:8">
      <c r="H265261" s="12"/>
    </row>
    <row r="265262" spans="8:8">
      <c r="H265262" s="12"/>
    </row>
    <row r="265263" spans="8:8">
      <c r="H265263" s="12"/>
    </row>
    <row r="265264" spans="8:8">
      <c r="H265264" s="12"/>
    </row>
    <row r="265265" spans="8:8">
      <c r="H265265" s="12"/>
    </row>
    <row r="265266" spans="8:8">
      <c r="H265266" s="12"/>
    </row>
    <row r="265267" spans="8:8">
      <c r="H265267" s="12"/>
    </row>
    <row r="265268" spans="8:8">
      <c r="H265268" s="12"/>
    </row>
    <row r="265269" spans="8:8">
      <c r="H265269" s="12"/>
    </row>
    <row r="265270" spans="8:8">
      <c r="H265270" s="12"/>
    </row>
    <row r="265271" spans="8:8">
      <c r="H265271" s="12"/>
    </row>
    <row r="265272" spans="8:8">
      <c r="H265272" s="12"/>
    </row>
    <row r="265273" spans="8:8">
      <c r="H265273" s="12"/>
    </row>
    <row r="265274" spans="8:8">
      <c r="H265274" s="12"/>
    </row>
    <row r="265275" spans="8:8">
      <c r="H265275" s="12"/>
    </row>
    <row r="265276" spans="8:8">
      <c r="H265276" s="12"/>
    </row>
    <row r="265277" spans="8:8">
      <c r="H265277" s="12"/>
    </row>
    <row r="265278" spans="8:8">
      <c r="H265278" s="12"/>
    </row>
    <row r="265279" spans="8:8">
      <c r="H265279" s="12"/>
    </row>
    <row r="265280" spans="8:8">
      <c r="H265280" s="12"/>
    </row>
    <row r="265281" spans="8:8">
      <c r="H265281" s="12"/>
    </row>
    <row r="265282" spans="8:8">
      <c r="H265282" s="12"/>
    </row>
    <row r="265283" spans="8:8">
      <c r="H265283" s="12"/>
    </row>
    <row r="265284" spans="8:8">
      <c r="H265284" s="12"/>
    </row>
    <row r="265285" spans="8:8">
      <c r="H265285" s="12"/>
    </row>
    <row r="265286" spans="8:8">
      <c r="H265286" s="12"/>
    </row>
    <row r="265287" spans="8:8">
      <c r="H265287" s="12"/>
    </row>
    <row r="265288" spans="8:8">
      <c r="H265288" s="12"/>
    </row>
    <row r="265289" spans="8:8">
      <c r="H265289" s="12"/>
    </row>
    <row r="265290" spans="8:8">
      <c r="H265290" s="12"/>
    </row>
    <row r="265291" spans="8:8">
      <c r="H265291" s="12"/>
    </row>
    <row r="265292" spans="8:8">
      <c r="H265292" s="12"/>
    </row>
    <row r="265293" spans="8:8">
      <c r="H265293" s="12"/>
    </row>
    <row r="265294" spans="8:8">
      <c r="H265294" s="12"/>
    </row>
    <row r="265295" spans="8:8">
      <c r="H265295" s="12"/>
    </row>
    <row r="265296" spans="8:8">
      <c r="H265296" s="12"/>
    </row>
    <row r="265297" spans="8:8">
      <c r="H265297" s="12"/>
    </row>
    <row r="265298" spans="8:8">
      <c r="H265298" s="12"/>
    </row>
    <row r="265299" spans="8:8">
      <c r="H265299" s="12"/>
    </row>
    <row r="265300" spans="8:8">
      <c r="H265300" s="12"/>
    </row>
    <row r="265301" spans="8:8">
      <c r="H265301" s="12"/>
    </row>
    <row r="265302" spans="8:8">
      <c r="H265302" s="12"/>
    </row>
    <row r="265303" spans="8:8">
      <c r="H265303" s="12"/>
    </row>
    <row r="265304" spans="8:8">
      <c r="H265304" s="12"/>
    </row>
    <row r="265305" spans="8:8">
      <c r="H265305" s="12"/>
    </row>
    <row r="265306" spans="8:8">
      <c r="H265306" s="12"/>
    </row>
    <row r="265307" spans="8:8">
      <c r="H265307" s="12"/>
    </row>
    <row r="265308" spans="8:8">
      <c r="H265308" s="12"/>
    </row>
    <row r="265309" spans="8:8">
      <c r="H265309" s="12"/>
    </row>
    <row r="265310" spans="8:8">
      <c r="H265310" s="12"/>
    </row>
    <row r="265311" spans="8:8">
      <c r="H265311" s="12"/>
    </row>
    <row r="265312" spans="8:8">
      <c r="H265312" s="12"/>
    </row>
    <row r="265313" spans="8:8">
      <c r="H265313" s="12"/>
    </row>
    <row r="265314" spans="8:8">
      <c r="H265314" s="12"/>
    </row>
    <row r="265315" spans="8:8">
      <c r="H265315" s="12"/>
    </row>
    <row r="265316" spans="8:8">
      <c r="H265316" s="12"/>
    </row>
    <row r="265317" spans="8:8">
      <c r="H265317" s="12"/>
    </row>
    <row r="265318" spans="8:8">
      <c r="H265318" s="12"/>
    </row>
    <row r="265319" spans="8:8">
      <c r="H265319" s="12"/>
    </row>
    <row r="265320" spans="8:8">
      <c r="H265320" s="12"/>
    </row>
    <row r="265321" spans="8:8">
      <c r="H265321" s="12"/>
    </row>
    <row r="265322" spans="8:8">
      <c r="H265322" s="12"/>
    </row>
    <row r="265323" spans="8:8">
      <c r="H265323" s="12"/>
    </row>
    <row r="265324" spans="8:8">
      <c r="H265324" s="12"/>
    </row>
    <row r="265325" spans="8:8">
      <c r="H265325" s="12"/>
    </row>
    <row r="265326" spans="8:8">
      <c r="H265326" s="12"/>
    </row>
    <row r="265327" spans="8:8">
      <c r="H265327" s="12"/>
    </row>
    <row r="265328" spans="8:8">
      <c r="H265328" s="12"/>
    </row>
    <row r="265329" spans="8:8">
      <c r="H265329" s="12"/>
    </row>
    <row r="265330" spans="8:8">
      <c r="H265330" s="12"/>
    </row>
    <row r="265331" spans="8:8">
      <c r="H265331" s="12"/>
    </row>
    <row r="265332" spans="8:8">
      <c r="H265332" s="12"/>
    </row>
    <row r="265333" spans="8:8">
      <c r="H265333" s="12"/>
    </row>
    <row r="265334" spans="8:8">
      <c r="H265334" s="12"/>
    </row>
    <row r="265335" spans="8:8">
      <c r="H265335" s="12"/>
    </row>
    <row r="265336" spans="8:8">
      <c r="H265336" s="12"/>
    </row>
    <row r="265337" spans="8:8">
      <c r="H265337" s="12"/>
    </row>
    <row r="265338" spans="8:8">
      <c r="H265338" s="12"/>
    </row>
    <row r="265339" spans="8:8">
      <c r="H265339" s="12"/>
    </row>
    <row r="265340" spans="8:8">
      <c r="H265340" s="12"/>
    </row>
    <row r="265341" spans="8:8">
      <c r="H265341" s="12"/>
    </row>
    <row r="265342" spans="8:8">
      <c r="H265342" s="12"/>
    </row>
    <row r="265343" spans="8:8">
      <c r="H265343" s="12"/>
    </row>
    <row r="265344" spans="8:8">
      <c r="H265344" s="12"/>
    </row>
    <row r="265345" spans="8:8">
      <c r="H265345" s="12"/>
    </row>
    <row r="265346" spans="8:8">
      <c r="H265346" s="12"/>
    </row>
    <row r="265347" spans="8:8">
      <c r="H265347" s="12"/>
    </row>
    <row r="265348" spans="8:8">
      <c r="H265348" s="12"/>
    </row>
    <row r="265349" spans="8:8">
      <c r="H265349" s="12"/>
    </row>
    <row r="265350" spans="8:8">
      <c r="H265350" s="12"/>
    </row>
    <row r="265351" spans="8:8">
      <c r="H265351" s="12"/>
    </row>
    <row r="265352" spans="8:8">
      <c r="H265352" s="12"/>
    </row>
    <row r="265353" spans="8:8">
      <c r="H265353" s="12"/>
    </row>
    <row r="265354" spans="8:8">
      <c r="H265354" s="12"/>
    </row>
    <row r="265355" spans="8:8">
      <c r="H265355" s="12"/>
    </row>
    <row r="265356" spans="8:8">
      <c r="H265356" s="12"/>
    </row>
    <row r="265357" spans="8:8">
      <c r="H265357" s="12"/>
    </row>
    <row r="265358" spans="8:8">
      <c r="H265358" s="12"/>
    </row>
    <row r="265359" spans="8:8">
      <c r="H265359" s="12"/>
    </row>
    <row r="265360" spans="8:8">
      <c r="H265360" s="12"/>
    </row>
    <row r="265361" spans="8:8">
      <c r="H265361" s="12"/>
    </row>
    <row r="265362" spans="8:8">
      <c r="H265362" s="12"/>
    </row>
    <row r="265363" spans="8:8">
      <c r="H265363" s="12"/>
    </row>
    <row r="265364" spans="8:8">
      <c r="H265364" s="12"/>
    </row>
    <row r="265365" spans="8:8">
      <c r="H265365" s="12"/>
    </row>
    <row r="265366" spans="8:8">
      <c r="H265366" s="12"/>
    </row>
    <row r="265367" spans="8:8">
      <c r="H265367" s="12"/>
    </row>
    <row r="265368" spans="8:8">
      <c r="H265368" s="12"/>
    </row>
    <row r="265369" spans="8:8">
      <c r="H265369" s="12"/>
    </row>
    <row r="265370" spans="8:8">
      <c r="H265370" s="12"/>
    </row>
    <row r="265371" spans="8:8">
      <c r="H265371" s="12"/>
    </row>
    <row r="265372" spans="8:8">
      <c r="H265372" s="12"/>
    </row>
    <row r="265373" spans="8:8">
      <c r="H265373" s="12"/>
    </row>
    <row r="265374" spans="8:8">
      <c r="H265374" s="12"/>
    </row>
    <row r="265375" spans="8:8">
      <c r="H265375" s="12"/>
    </row>
    <row r="265376" spans="8:8">
      <c r="H265376" s="12"/>
    </row>
    <row r="265377" spans="8:8">
      <c r="H265377" s="12"/>
    </row>
    <row r="265378" spans="8:8">
      <c r="H265378" s="12"/>
    </row>
    <row r="265379" spans="8:8">
      <c r="H265379" s="12"/>
    </row>
    <row r="265380" spans="8:8">
      <c r="H265380" s="12"/>
    </row>
    <row r="265381" spans="8:8">
      <c r="H265381" s="12"/>
    </row>
    <row r="265382" spans="8:8">
      <c r="H265382" s="12"/>
    </row>
    <row r="265383" spans="8:8">
      <c r="H265383" s="12"/>
    </row>
    <row r="265384" spans="8:8">
      <c r="H265384" s="12"/>
    </row>
    <row r="265385" spans="8:8">
      <c r="H265385" s="12"/>
    </row>
    <row r="265386" spans="8:8">
      <c r="H265386" s="12"/>
    </row>
    <row r="265387" spans="8:8">
      <c r="H265387" s="12"/>
    </row>
    <row r="265388" spans="8:8">
      <c r="H265388" s="12"/>
    </row>
    <row r="265389" spans="8:8">
      <c r="H265389" s="12"/>
    </row>
    <row r="265390" spans="8:8">
      <c r="H265390" s="12"/>
    </row>
    <row r="265391" spans="8:8">
      <c r="H265391" s="12"/>
    </row>
    <row r="265392" spans="8:8">
      <c r="H265392" s="12"/>
    </row>
    <row r="265393" spans="8:8">
      <c r="H265393" s="12"/>
    </row>
    <row r="265394" spans="8:8">
      <c r="H265394" s="12"/>
    </row>
    <row r="265395" spans="8:8">
      <c r="H265395" s="12"/>
    </row>
    <row r="265396" spans="8:8">
      <c r="H265396" s="12"/>
    </row>
    <row r="265397" spans="8:8">
      <c r="H265397" s="12"/>
    </row>
    <row r="265398" spans="8:8">
      <c r="H265398" s="12"/>
    </row>
    <row r="265399" spans="8:8">
      <c r="H265399" s="12"/>
    </row>
    <row r="265400" spans="8:8">
      <c r="H265400" s="12"/>
    </row>
    <row r="265401" spans="8:8">
      <c r="H265401" s="12"/>
    </row>
    <row r="265402" spans="8:8">
      <c r="H265402" s="12"/>
    </row>
    <row r="265403" spans="8:8">
      <c r="H265403" s="12"/>
    </row>
    <row r="265404" spans="8:8">
      <c r="H265404" s="12"/>
    </row>
    <row r="265405" spans="8:8">
      <c r="H265405" s="12"/>
    </row>
    <row r="265406" spans="8:8">
      <c r="H265406" s="12"/>
    </row>
    <row r="265407" spans="8:8">
      <c r="H265407" s="12"/>
    </row>
    <row r="265408" spans="8:8">
      <c r="H265408" s="12"/>
    </row>
    <row r="265409" spans="8:8">
      <c r="H265409" s="12"/>
    </row>
    <row r="265410" spans="8:8">
      <c r="H265410" s="12"/>
    </row>
    <row r="265411" spans="8:8">
      <c r="H265411" s="12"/>
    </row>
    <row r="265412" spans="8:8">
      <c r="H265412" s="12"/>
    </row>
    <row r="265413" spans="8:8">
      <c r="H265413" s="12"/>
    </row>
    <row r="265414" spans="8:8">
      <c r="H265414" s="12"/>
    </row>
    <row r="265415" spans="8:8">
      <c r="H265415" s="12"/>
    </row>
    <row r="265416" spans="8:8">
      <c r="H265416" s="12"/>
    </row>
    <row r="265417" spans="8:8">
      <c r="H265417" s="12"/>
    </row>
    <row r="265418" spans="8:8">
      <c r="H265418" s="12"/>
    </row>
    <row r="265419" spans="8:8">
      <c r="H265419" s="12"/>
    </row>
    <row r="265420" spans="8:8">
      <c r="H265420" s="12"/>
    </row>
    <row r="265421" spans="8:8">
      <c r="H265421" s="12"/>
    </row>
    <row r="265422" spans="8:8">
      <c r="H265422" s="12"/>
    </row>
    <row r="265423" spans="8:8">
      <c r="H265423" s="12"/>
    </row>
    <row r="265424" spans="8:8">
      <c r="H265424" s="12"/>
    </row>
    <row r="265425" spans="8:8">
      <c r="H265425" s="12"/>
    </row>
    <row r="265426" spans="8:8">
      <c r="H265426" s="12"/>
    </row>
    <row r="265427" spans="8:8">
      <c r="H265427" s="12"/>
    </row>
    <row r="265428" spans="8:8">
      <c r="H265428" s="12"/>
    </row>
    <row r="265429" spans="8:8">
      <c r="H265429" s="12"/>
    </row>
    <row r="265430" spans="8:8">
      <c r="H265430" s="12"/>
    </row>
    <row r="265431" spans="8:8">
      <c r="H265431" s="12"/>
    </row>
    <row r="265432" spans="8:8">
      <c r="H265432" s="12"/>
    </row>
    <row r="265433" spans="8:8">
      <c r="H265433" s="12"/>
    </row>
    <row r="265434" spans="8:8">
      <c r="H265434" s="12"/>
    </row>
    <row r="265435" spans="8:8">
      <c r="H265435" s="12"/>
    </row>
    <row r="265436" spans="8:8">
      <c r="H265436" s="12"/>
    </row>
    <row r="265437" spans="8:8">
      <c r="H265437" s="12"/>
    </row>
    <row r="265438" spans="8:8">
      <c r="H265438" s="12"/>
    </row>
    <row r="265439" spans="8:8">
      <c r="H265439" s="12"/>
    </row>
    <row r="265440" spans="8:8">
      <c r="H265440" s="12"/>
    </row>
    <row r="265441" spans="8:8">
      <c r="H265441" s="12"/>
    </row>
    <row r="265442" spans="8:8">
      <c r="H265442" s="12"/>
    </row>
    <row r="265443" spans="8:8">
      <c r="H265443" s="12"/>
    </row>
    <row r="265444" spans="8:8">
      <c r="H265444" s="12"/>
    </row>
    <row r="265445" spans="8:8">
      <c r="H265445" s="12"/>
    </row>
    <row r="265446" spans="8:8">
      <c r="H265446" s="12"/>
    </row>
    <row r="265447" spans="8:8">
      <c r="H265447" s="12"/>
    </row>
    <row r="265448" spans="8:8">
      <c r="H265448" s="12"/>
    </row>
    <row r="265449" spans="8:8">
      <c r="H265449" s="12"/>
    </row>
    <row r="265450" spans="8:8">
      <c r="H265450" s="12"/>
    </row>
    <row r="265451" spans="8:8">
      <c r="H265451" s="12"/>
    </row>
    <row r="265452" spans="8:8">
      <c r="H265452" s="12"/>
    </row>
    <row r="265453" spans="8:8">
      <c r="H265453" s="12"/>
    </row>
    <row r="265454" spans="8:8">
      <c r="H265454" s="12"/>
    </row>
    <row r="265455" spans="8:8">
      <c r="H265455" s="12"/>
    </row>
    <row r="265456" spans="8:8">
      <c r="H265456" s="12"/>
    </row>
    <row r="265457" spans="8:8">
      <c r="H265457" s="12"/>
    </row>
    <row r="265458" spans="8:8">
      <c r="H265458" s="12"/>
    </row>
    <row r="265459" spans="8:8">
      <c r="H265459" s="12"/>
    </row>
    <row r="265460" spans="8:8">
      <c r="H265460" s="12"/>
    </row>
    <row r="265461" spans="8:8">
      <c r="H265461" s="12"/>
    </row>
    <row r="265462" spans="8:8">
      <c r="H265462" s="12"/>
    </row>
    <row r="265463" spans="8:8">
      <c r="H265463" s="12"/>
    </row>
    <row r="265464" spans="8:8">
      <c r="H265464" s="12"/>
    </row>
    <row r="265465" spans="8:8">
      <c r="H265465" s="12"/>
    </row>
    <row r="265466" spans="8:8">
      <c r="H265466" s="12"/>
    </row>
    <row r="265467" spans="8:8">
      <c r="H265467" s="12"/>
    </row>
    <row r="265468" spans="8:8">
      <c r="H265468" s="12"/>
    </row>
    <row r="265469" spans="8:8">
      <c r="H265469" s="12"/>
    </row>
    <row r="265470" spans="8:8">
      <c r="H265470" s="12"/>
    </row>
    <row r="265471" spans="8:8">
      <c r="H265471" s="12"/>
    </row>
    <row r="265472" spans="8:8">
      <c r="H265472" s="12"/>
    </row>
    <row r="265473" spans="8:8">
      <c r="H265473" s="12"/>
    </row>
    <row r="265474" spans="8:8">
      <c r="H265474" s="12"/>
    </row>
    <row r="265475" spans="8:8">
      <c r="H265475" s="12"/>
    </row>
    <row r="265476" spans="8:8">
      <c r="H265476" s="12"/>
    </row>
    <row r="265477" spans="8:8">
      <c r="H265477" s="12"/>
    </row>
    <row r="265478" spans="8:8">
      <c r="H265478" s="12"/>
    </row>
    <row r="265479" spans="8:8">
      <c r="H265479" s="12"/>
    </row>
    <row r="265480" spans="8:8">
      <c r="H265480" s="12"/>
    </row>
    <row r="265481" spans="8:8">
      <c r="H265481" s="12"/>
    </row>
    <row r="265482" spans="8:8">
      <c r="H265482" s="12"/>
    </row>
    <row r="265483" spans="8:8">
      <c r="H265483" s="12"/>
    </row>
    <row r="265484" spans="8:8">
      <c r="H265484" s="12"/>
    </row>
    <row r="265485" spans="8:8">
      <c r="H265485" s="12"/>
    </row>
    <row r="265486" spans="8:8">
      <c r="H265486" s="12"/>
    </row>
    <row r="265487" spans="8:8">
      <c r="H265487" s="12"/>
    </row>
    <row r="265488" spans="8:8">
      <c r="H265488" s="12"/>
    </row>
    <row r="265489" spans="8:8">
      <c r="H265489" s="12"/>
    </row>
    <row r="265490" spans="8:8">
      <c r="H265490" s="12"/>
    </row>
    <row r="265491" spans="8:8">
      <c r="H265491" s="12"/>
    </row>
    <row r="265492" spans="8:8">
      <c r="H265492" s="12"/>
    </row>
    <row r="265493" spans="8:8">
      <c r="H265493" s="12"/>
    </row>
    <row r="265494" spans="8:8">
      <c r="H265494" s="12"/>
    </row>
    <row r="265495" spans="8:8">
      <c r="H265495" s="12"/>
    </row>
    <row r="265496" spans="8:8">
      <c r="H265496" s="12"/>
    </row>
    <row r="265497" spans="8:8">
      <c r="H265497" s="12"/>
    </row>
    <row r="265498" spans="8:8">
      <c r="H265498" s="12"/>
    </row>
    <row r="265499" spans="8:8">
      <c r="H265499" s="12"/>
    </row>
    <row r="265500" spans="8:8">
      <c r="H265500" s="12"/>
    </row>
    <row r="265501" spans="8:8">
      <c r="H265501" s="12"/>
    </row>
    <row r="265502" spans="8:8">
      <c r="H265502" s="12"/>
    </row>
    <row r="265503" spans="8:8">
      <c r="H265503" s="12"/>
    </row>
    <row r="265504" spans="8:8">
      <c r="H265504" s="12"/>
    </row>
    <row r="265505" spans="8:8">
      <c r="H265505" s="12"/>
    </row>
    <row r="265506" spans="8:8">
      <c r="H265506" s="12"/>
    </row>
    <row r="265507" spans="8:8">
      <c r="H265507" s="12"/>
    </row>
    <row r="265508" spans="8:8">
      <c r="H265508" s="12"/>
    </row>
    <row r="265509" spans="8:8">
      <c r="H265509" s="12"/>
    </row>
    <row r="265510" spans="8:8">
      <c r="H265510" s="12"/>
    </row>
    <row r="265511" spans="8:8">
      <c r="H265511" s="12"/>
    </row>
    <row r="265512" spans="8:8">
      <c r="H265512" s="12"/>
    </row>
    <row r="265513" spans="8:8">
      <c r="H265513" s="12"/>
    </row>
    <row r="265514" spans="8:8">
      <c r="H265514" s="12"/>
    </row>
    <row r="265515" spans="8:8">
      <c r="H265515" s="12"/>
    </row>
    <row r="265516" spans="8:8">
      <c r="H265516" s="12"/>
    </row>
    <row r="265517" spans="8:8">
      <c r="H265517" s="12"/>
    </row>
    <row r="265518" spans="8:8">
      <c r="H265518" s="12"/>
    </row>
    <row r="265519" spans="8:8">
      <c r="H265519" s="12"/>
    </row>
    <row r="265520" spans="8:8">
      <c r="H265520" s="12"/>
    </row>
    <row r="265521" spans="8:8">
      <c r="H265521" s="12"/>
    </row>
    <row r="265522" spans="8:8">
      <c r="H265522" s="12"/>
    </row>
    <row r="265523" spans="8:8">
      <c r="H265523" s="12"/>
    </row>
    <row r="265524" spans="8:8">
      <c r="H265524" s="12"/>
    </row>
    <row r="265525" spans="8:8">
      <c r="H265525" s="12"/>
    </row>
    <row r="265526" spans="8:8">
      <c r="H265526" s="12"/>
    </row>
    <row r="265527" spans="8:8">
      <c r="H265527" s="12"/>
    </row>
    <row r="265528" spans="8:8">
      <c r="H265528" s="12"/>
    </row>
    <row r="265529" spans="8:8">
      <c r="H265529" s="12"/>
    </row>
    <row r="265530" spans="8:8">
      <c r="H265530" s="12"/>
    </row>
    <row r="265531" spans="8:8">
      <c r="H265531" s="12"/>
    </row>
    <row r="265532" spans="8:8">
      <c r="H265532" s="12"/>
    </row>
    <row r="265533" spans="8:8">
      <c r="H265533" s="12"/>
    </row>
    <row r="265534" spans="8:8">
      <c r="H265534" s="12"/>
    </row>
    <row r="265535" spans="8:8">
      <c r="H265535" s="12"/>
    </row>
    <row r="265536" spans="8:8">
      <c r="H265536" s="12"/>
    </row>
    <row r="265537" spans="8:8">
      <c r="H265537" s="12"/>
    </row>
    <row r="265538" spans="8:8">
      <c r="H265538" s="12"/>
    </row>
    <row r="265539" spans="8:8">
      <c r="H265539" s="12"/>
    </row>
    <row r="265540" spans="8:8">
      <c r="H265540" s="12"/>
    </row>
    <row r="265541" spans="8:8">
      <c r="H265541" s="12"/>
    </row>
    <row r="265542" spans="8:8">
      <c r="H265542" s="12"/>
    </row>
    <row r="265543" spans="8:8">
      <c r="H265543" s="12"/>
    </row>
    <row r="265544" spans="8:8">
      <c r="H265544" s="12"/>
    </row>
    <row r="265545" spans="8:8">
      <c r="H265545" s="12"/>
    </row>
    <row r="265546" spans="8:8">
      <c r="H265546" s="12"/>
    </row>
    <row r="265547" spans="8:8">
      <c r="H265547" s="12"/>
    </row>
    <row r="265548" spans="8:8">
      <c r="H265548" s="12"/>
    </row>
    <row r="265549" spans="8:8">
      <c r="H265549" s="12"/>
    </row>
    <row r="265550" spans="8:8">
      <c r="H265550" s="12"/>
    </row>
    <row r="265551" spans="8:8">
      <c r="H265551" s="12"/>
    </row>
    <row r="265552" spans="8:8">
      <c r="H265552" s="12"/>
    </row>
    <row r="265553" spans="8:8">
      <c r="H265553" s="12"/>
    </row>
    <row r="265554" spans="8:8">
      <c r="H265554" s="12"/>
    </row>
    <row r="265555" spans="8:8">
      <c r="H265555" s="12"/>
    </row>
    <row r="265556" spans="8:8">
      <c r="H265556" s="12"/>
    </row>
    <row r="265557" spans="8:8">
      <c r="H265557" s="12"/>
    </row>
    <row r="265558" spans="8:8">
      <c r="H265558" s="12"/>
    </row>
    <row r="265559" spans="8:8">
      <c r="H265559" s="12"/>
    </row>
    <row r="265560" spans="8:8">
      <c r="H265560" s="12"/>
    </row>
    <row r="265561" spans="8:8">
      <c r="H265561" s="12"/>
    </row>
    <row r="265562" spans="8:8">
      <c r="H265562" s="12"/>
    </row>
    <row r="265563" spans="8:8">
      <c r="H265563" s="12"/>
    </row>
    <row r="265564" spans="8:8">
      <c r="H265564" s="12"/>
    </row>
    <row r="265565" spans="8:8">
      <c r="H265565" s="12"/>
    </row>
    <row r="265566" spans="8:8">
      <c r="H265566" s="12"/>
    </row>
    <row r="265567" spans="8:8">
      <c r="H265567" s="12"/>
    </row>
    <row r="265568" spans="8:8">
      <c r="H265568" s="12"/>
    </row>
    <row r="265569" spans="8:8">
      <c r="H265569" s="12"/>
    </row>
    <row r="265570" spans="8:8">
      <c r="H265570" s="12"/>
    </row>
    <row r="265571" spans="8:8">
      <c r="H265571" s="12"/>
    </row>
    <row r="265572" spans="8:8">
      <c r="H265572" s="12"/>
    </row>
    <row r="265573" spans="8:8">
      <c r="H265573" s="12"/>
    </row>
    <row r="265574" spans="8:8">
      <c r="H265574" s="12"/>
    </row>
    <row r="265575" spans="8:8">
      <c r="H265575" s="12"/>
    </row>
    <row r="265576" spans="8:8">
      <c r="H265576" s="12"/>
    </row>
    <row r="265577" spans="8:8">
      <c r="H265577" s="12"/>
    </row>
    <row r="265578" spans="8:8">
      <c r="H265578" s="12"/>
    </row>
    <row r="265579" spans="8:8">
      <c r="H265579" s="12"/>
    </row>
    <row r="265580" spans="8:8">
      <c r="H265580" s="12"/>
    </row>
    <row r="265581" spans="8:8">
      <c r="H265581" s="12"/>
    </row>
    <row r="265582" spans="8:8">
      <c r="H265582" s="12"/>
    </row>
    <row r="265583" spans="8:8">
      <c r="H265583" s="12"/>
    </row>
    <row r="265584" spans="8:8">
      <c r="H265584" s="12"/>
    </row>
    <row r="265585" spans="8:8">
      <c r="H265585" s="12"/>
    </row>
    <row r="265586" spans="8:8">
      <c r="H265586" s="12"/>
    </row>
    <row r="265587" spans="8:8">
      <c r="H265587" s="12"/>
    </row>
    <row r="265588" spans="8:8">
      <c r="H265588" s="12"/>
    </row>
    <row r="265589" spans="8:8">
      <c r="H265589" s="12"/>
    </row>
    <row r="265590" spans="8:8">
      <c r="H265590" s="12"/>
    </row>
    <row r="265591" spans="8:8">
      <c r="H265591" s="12"/>
    </row>
    <row r="265592" spans="8:8">
      <c r="H265592" s="12"/>
    </row>
    <row r="265593" spans="8:8">
      <c r="H265593" s="12"/>
    </row>
    <row r="265594" spans="8:8">
      <c r="H265594" s="12"/>
    </row>
    <row r="265595" spans="8:8">
      <c r="H265595" s="12"/>
    </row>
    <row r="265596" spans="8:8">
      <c r="H265596" s="12"/>
    </row>
    <row r="265597" spans="8:8">
      <c r="H265597" s="12"/>
    </row>
    <row r="265598" spans="8:8">
      <c r="H265598" s="12"/>
    </row>
    <row r="265599" spans="8:8">
      <c r="H265599" s="12"/>
    </row>
    <row r="265600" spans="8:8">
      <c r="H265600" s="12"/>
    </row>
    <row r="265601" spans="8:8">
      <c r="H265601" s="12"/>
    </row>
    <row r="265602" spans="8:8">
      <c r="H265602" s="12"/>
    </row>
    <row r="265603" spans="8:8">
      <c r="H265603" s="12"/>
    </row>
    <row r="265604" spans="8:8">
      <c r="H265604" s="12"/>
    </row>
    <row r="265605" spans="8:8">
      <c r="H265605" s="12"/>
    </row>
    <row r="265606" spans="8:8">
      <c r="H265606" s="12"/>
    </row>
    <row r="265607" spans="8:8">
      <c r="H265607" s="12"/>
    </row>
    <row r="265608" spans="8:8">
      <c r="H265608" s="12"/>
    </row>
    <row r="265609" spans="8:8">
      <c r="H265609" s="12"/>
    </row>
    <row r="265610" spans="8:8">
      <c r="H265610" s="12"/>
    </row>
    <row r="265611" spans="8:8">
      <c r="H265611" s="12"/>
    </row>
    <row r="265612" spans="8:8">
      <c r="H265612" s="12"/>
    </row>
    <row r="265613" spans="8:8">
      <c r="H265613" s="12"/>
    </row>
    <row r="265614" spans="8:8">
      <c r="H265614" s="12"/>
    </row>
    <row r="265615" spans="8:8">
      <c r="H265615" s="12"/>
    </row>
    <row r="265616" spans="8:8">
      <c r="H265616" s="12"/>
    </row>
    <row r="265617" spans="8:8">
      <c r="H265617" s="12"/>
    </row>
    <row r="265618" spans="8:8">
      <c r="H265618" s="12"/>
    </row>
    <row r="265619" spans="8:8">
      <c r="H265619" s="12"/>
    </row>
    <row r="265620" spans="8:8">
      <c r="H265620" s="12"/>
    </row>
    <row r="265621" spans="8:8">
      <c r="H265621" s="12"/>
    </row>
    <row r="265622" spans="8:8">
      <c r="H265622" s="12"/>
    </row>
    <row r="265623" spans="8:8">
      <c r="H265623" s="12"/>
    </row>
    <row r="265624" spans="8:8">
      <c r="H265624" s="12"/>
    </row>
    <row r="265625" spans="8:8">
      <c r="H265625" s="12"/>
    </row>
    <row r="265626" spans="8:8">
      <c r="H265626" s="12"/>
    </row>
    <row r="265627" spans="8:8">
      <c r="H265627" s="12"/>
    </row>
    <row r="265628" spans="8:8">
      <c r="H265628" s="12"/>
    </row>
    <row r="265629" spans="8:8">
      <c r="H265629" s="12"/>
    </row>
    <row r="265630" spans="8:8">
      <c r="H265630" s="12"/>
    </row>
    <row r="265631" spans="8:8">
      <c r="H265631" s="12"/>
    </row>
    <row r="265632" spans="8:8">
      <c r="H265632" s="12"/>
    </row>
    <row r="265633" spans="8:8">
      <c r="H265633" s="12"/>
    </row>
    <row r="265634" spans="8:8">
      <c r="H265634" s="12"/>
    </row>
    <row r="265635" spans="8:8">
      <c r="H265635" s="12"/>
    </row>
    <row r="265636" spans="8:8">
      <c r="H265636" s="12"/>
    </row>
    <row r="265637" spans="8:8">
      <c r="H265637" s="12"/>
    </row>
    <row r="265638" spans="8:8">
      <c r="H265638" s="12"/>
    </row>
    <row r="265639" spans="8:8">
      <c r="H265639" s="12"/>
    </row>
    <row r="265640" spans="8:8">
      <c r="H265640" s="12"/>
    </row>
    <row r="265641" spans="8:8">
      <c r="H265641" s="12"/>
    </row>
    <row r="265642" spans="8:8">
      <c r="H265642" s="12"/>
    </row>
    <row r="265643" spans="8:8">
      <c r="H265643" s="12"/>
    </row>
    <row r="265644" spans="8:8">
      <c r="H265644" s="12"/>
    </row>
    <row r="265645" spans="8:8">
      <c r="H265645" s="12"/>
    </row>
    <row r="265646" spans="8:8">
      <c r="H265646" s="12"/>
    </row>
    <row r="265647" spans="8:8">
      <c r="H265647" s="12"/>
    </row>
    <row r="265648" spans="8:8">
      <c r="H265648" s="12"/>
    </row>
    <row r="265649" spans="8:8">
      <c r="H265649" s="12"/>
    </row>
    <row r="265650" spans="8:8">
      <c r="H265650" s="12"/>
    </row>
    <row r="265651" spans="8:8">
      <c r="H265651" s="12"/>
    </row>
    <row r="265652" spans="8:8">
      <c r="H265652" s="12"/>
    </row>
    <row r="265653" spans="8:8">
      <c r="H265653" s="12"/>
    </row>
    <row r="265654" spans="8:8">
      <c r="H265654" s="12"/>
    </row>
    <row r="265655" spans="8:8">
      <c r="H265655" s="12"/>
    </row>
    <row r="265656" spans="8:8">
      <c r="H265656" s="12"/>
    </row>
    <row r="265657" spans="8:8">
      <c r="H265657" s="12"/>
    </row>
    <row r="265658" spans="8:8">
      <c r="H265658" s="12"/>
    </row>
    <row r="265659" spans="8:8">
      <c r="H265659" s="12"/>
    </row>
    <row r="265660" spans="8:8">
      <c r="H265660" s="12"/>
    </row>
    <row r="265661" spans="8:8">
      <c r="H265661" s="12"/>
    </row>
    <row r="265662" spans="8:8">
      <c r="H265662" s="12"/>
    </row>
    <row r="265663" spans="8:8">
      <c r="H265663" s="12"/>
    </row>
    <row r="265664" spans="8:8">
      <c r="H265664" s="12"/>
    </row>
    <row r="265665" spans="8:8">
      <c r="H265665" s="12"/>
    </row>
    <row r="265666" spans="8:8">
      <c r="H265666" s="12"/>
    </row>
    <row r="265667" spans="8:8">
      <c r="H265667" s="12"/>
    </row>
    <row r="265668" spans="8:8">
      <c r="H265668" s="12"/>
    </row>
    <row r="265669" spans="8:8">
      <c r="H265669" s="12"/>
    </row>
    <row r="265670" spans="8:8">
      <c r="H265670" s="12"/>
    </row>
    <row r="265671" spans="8:8">
      <c r="H265671" s="12"/>
    </row>
    <row r="265672" spans="8:8">
      <c r="H265672" s="12"/>
    </row>
    <row r="265673" spans="8:8">
      <c r="H265673" s="12"/>
    </row>
    <row r="265674" spans="8:8">
      <c r="H265674" s="12"/>
    </row>
    <row r="265675" spans="8:8">
      <c r="H265675" s="12"/>
    </row>
    <row r="265676" spans="8:8">
      <c r="H265676" s="12"/>
    </row>
    <row r="265677" spans="8:8">
      <c r="H265677" s="12"/>
    </row>
    <row r="265678" spans="8:8">
      <c r="H265678" s="12"/>
    </row>
    <row r="265679" spans="8:8">
      <c r="H265679" s="12"/>
    </row>
    <row r="265680" spans="8:8">
      <c r="H265680" s="12"/>
    </row>
    <row r="265681" spans="8:8">
      <c r="H265681" s="12"/>
    </row>
    <row r="265682" spans="8:8">
      <c r="H265682" s="12"/>
    </row>
    <row r="265683" spans="8:8">
      <c r="H265683" s="12"/>
    </row>
    <row r="265684" spans="8:8">
      <c r="H265684" s="12"/>
    </row>
    <row r="265685" spans="8:8">
      <c r="H265685" s="12"/>
    </row>
    <row r="265686" spans="8:8">
      <c r="H265686" s="12"/>
    </row>
    <row r="265687" spans="8:8">
      <c r="H265687" s="12"/>
    </row>
    <row r="265688" spans="8:8">
      <c r="H265688" s="12"/>
    </row>
    <row r="265689" spans="8:8">
      <c r="H265689" s="12"/>
    </row>
    <row r="265690" spans="8:8">
      <c r="H265690" s="12"/>
    </row>
    <row r="265691" spans="8:8">
      <c r="H265691" s="12"/>
    </row>
    <row r="265692" spans="8:8">
      <c r="H265692" s="12"/>
    </row>
    <row r="265693" spans="8:8">
      <c r="H265693" s="12"/>
    </row>
    <row r="265694" spans="8:8">
      <c r="H265694" s="12"/>
    </row>
    <row r="265695" spans="8:8">
      <c r="H265695" s="12"/>
    </row>
    <row r="265696" spans="8:8">
      <c r="H265696" s="12"/>
    </row>
    <row r="265697" spans="8:8">
      <c r="H265697" s="12"/>
    </row>
    <row r="265698" spans="8:8">
      <c r="H265698" s="12"/>
    </row>
    <row r="265699" spans="8:8">
      <c r="H265699" s="12"/>
    </row>
    <row r="265700" spans="8:8">
      <c r="H265700" s="12"/>
    </row>
    <row r="265701" spans="8:8">
      <c r="H265701" s="12"/>
    </row>
    <row r="265702" spans="8:8">
      <c r="H265702" s="12"/>
    </row>
    <row r="265703" spans="8:8">
      <c r="H265703" s="12"/>
    </row>
    <row r="265704" spans="8:8">
      <c r="H265704" s="12"/>
    </row>
    <row r="265705" spans="8:8">
      <c r="H265705" s="12"/>
    </row>
    <row r="265706" spans="8:8">
      <c r="H265706" s="12"/>
    </row>
    <row r="265707" spans="8:8">
      <c r="H265707" s="12"/>
    </row>
    <row r="265708" spans="8:8">
      <c r="H265708" s="12"/>
    </row>
    <row r="265709" spans="8:8">
      <c r="H265709" s="12"/>
    </row>
    <row r="265710" spans="8:8">
      <c r="H265710" s="12"/>
    </row>
    <row r="265711" spans="8:8">
      <c r="H265711" s="12"/>
    </row>
    <row r="265712" spans="8:8">
      <c r="H265712" s="12"/>
    </row>
    <row r="265713" spans="8:8">
      <c r="H265713" s="12"/>
    </row>
    <row r="265714" spans="8:8">
      <c r="H265714" s="12"/>
    </row>
    <row r="265715" spans="8:8">
      <c r="H265715" s="12"/>
    </row>
    <row r="265716" spans="8:8">
      <c r="H265716" s="12"/>
    </row>
    <row r="265717" spans="8:8">
      <c r="H265717" s="12"/>
    </row>
    <row r="265718" spans="8:8">
      <c r="H265718" s="12"/>
    </row>
    <row r="265719" spans="8:8">
      <c r="H265719" s="12"/>
    </row>
    <row r="265720" spans="8:8">
      <c r="H265720" s="12"/>
    </row>
    <row r="265721" spans="8:8">
      <c r="H265721" s="12"/>
    </row>
    <row r="265722" spans="8:8">
      <c r="H265722" s="12"/>
    </row>
    <row r="265723" spans="8:8">
      <c r="H265723" s="12"/>
    </row>
    <row r="265724" spans="8:8">
      <c r="H265724" s="12"/>
    </row>
    <row r="265725" spans="8:8">
      <c r="H265725" s="12"/>
    </row>
    <row r="265726" spans="8:8">
      <c r="H265726" s="12"/>
    </row>
    <row r="265727" spans="8:8">
      <c r="H265727" s="12"/>
    </row>
    <row r="265728" spans="8:8">
      <c r="H265728" s="12"/>
    </row>
    <row r="265729" spans="8:8">
      <c r="H265729" s="12"/>
    </row>
    <row r="265730" spans="8:8">
      <c r="H265730" s="12"/>
    </row>
    <row r="265731" spans="8:8">
      <c r="H265731" s="12"/>
    </row>
    <row r="265732" spans="8:8">
      <c r="H265732" s="12"/>
    </row>
    <row r="265733" spans="8:8">
      <c r="H265733" s="12"/>
    </row>
    <row r="265734" spans="8:8">
      <c r="H265734" s="12"/>
    </row>
    <row r="265735" spans="8:8">
      <c r="H265735" s="12"/>
    </row>
    <row r="265736" spans="8:8">
      <c r="H265736" s="12"/>
    </row>
    <row r="265737" spans="8:8">
      <c r="H265737" s="12"/>
    </row>
    <row r="265738" spans="8:8">
      <c r="H265738" s="12"/>
    </row>
    <row r="265739" spans="8:8">
      <c r="H265739" s="12"/>
    </row>
    <row r="265740" spans="8:8">
      <c r="H265740" s="12"/>
    </row>
    <row r="265741" spans="8:8">
      <c r="H265741" s="12"/>
    </row>
    <row r="265742" spans="8:8">
      <c r="H265742" s="12"/>
    </row>
    <row r="265743" spans="8:8">
      <c r="H265743" s="12"/>
    </row>
    <row r="265744" spans="8:8">
      <c r="H265744" s="12"/>
    </row>
    <row r="265745" spans="8:8">
      <c r="H265745" s="12"/>
    </row>
    <row r="265746" spans="8:8">
      <c r="H265746" s="12"/>
    </row>
    <row r="265747" spans="8:8">
      <c r="H265747" s="12"/>
    </row>
    <row r="265748" spans="8:8">
      <c r="H265748" s="12"/>
    </row>
    <row r="265749" spans="8:8">
      <c r="H265749" s="12"/>
    </row>
    <row r="265750" spans="8:8">
      <c r="H265750" s="12"/>
    </row>
    <row r="265751" spans="8:8">
      <c r="H265751" s="12"/>
    </row>
    <row r="265752" spans="8:8">
      <c r="H265752" s="12"/>
    </row>
    <row r="265753" spans="8:8">
      <c r="H265753" s="12"/>
    </row>
    <row r="265754" spans="8:8">
      <c r="H265754" s="12"/>
    </row>
    <row r="265755" spans="8:8">
      <c r="H265755" s="12"/>
    </row>
    <row r="265756" spans="8:8">
      <c r="H265756" s="12"/>
    </row>
    <row r="265757" spans="8:8">
      <c r="H265757" s="12"/>
    </row>
    <row r="265758" spans="8:8">
      <c r="H265758" s="12"/>
    </row>
    <row r="265759" spans="8:8">
      <c r="H265759" s="12"/>
    </row>
    <row r="265760" spans="8:8">
      <c r="H265760" s="12"/>
    </row>
    <row r="265761" spans="8:8">
      <c r="H265761" s="12"/>
    </row>
    <row r="265762" spans="8:8">
      <c r="H265762" s="12"/>
    </row>
    <row r="265763" spans="8:8">
      <c r="H265763" s="12"/>
    </row>
    <row r="265764" spans="8:8">
      <c r="H265764" s="12"/>
    </row>
    <row r="265765" spans="8:8">
      <c r="H265765" s="12"/>
    </row>
    <row r="265766" spans="8:8">
      <c r="H265766" s="12"/>
    </row>
    <row r="265767" spans="8:8">
      <c r="H265767" s="12"/>
    </row>
    <row r="265768" spans="8:8">
      <c r="H265768" s="12"/>
    </row>
    <row r="265769" spans="8:8">
      <c r="H265769" s="12"/>
    </row>
    <row r="265770" spans="8:8">
      <c r="H265770" s="12"/>
    </row>
    <row r="265771" spans="8:8">
      <c r="H265771" s="12"/>
    </row>
    <row r="265772" spans="8:8">
      <c r="H265772" s="12"/>
    </row>
    <row r="265773" spans="8:8">
      <c r="H265773" s="12"/>
    </row>
    <row r="265774" spans="8:8">
      <c r="H265774" s="12"/>
    </row>
    <row r="265775" spans="8:8">
      <c r="H265775" s="12"/>
    </row>
    <row r="265776" spans="8:8">
      <c r="H265776" s="12"/>
    </row>
    <row r="265777" spans="8:8">
      <c r="H265777" s="12"/>
    </row>
    <row r="265778" spans="8:8">
      <c r="H265778" s="12"/>
    </row>
    <row r="265779" spans="8:8">
      <c r="H265779" s="12"/>
    </row>
    <row r="265780" spans="8:8">
      <c r="H265780" s="12"/>
    </row>
    <row r="265781" spans="8:8">
      <c r="H265781" s="12"/>
    </row>
    <row r="265782" spans="8:8">
      <c r="H265782" s="12"/>
    </row>
    <row r="265783" spans="8:8">
      <c r="H265783" s="12"/>
    </row>
    <row r="265784" spans="8:8">
      <c r="H265784" s="12"/>
    </row>
    <row r="265785" spans="8:8">
      <c r="H265785" s="12"/>
    </row>
    <row r="265786" spans="8:8">
      <c r="H265786" s="12"/>
    </row>
    <row r="265787" spans="8:8">
      <c r="H265787" s="12"/>
    </row>
    <row r="265788" spans="8:8">
      <c r="H265788" s="12"/>
    </row>
    <row r="265789" spans="8:8">
      <c r="H265789" s="12"/>
    </row>
    <row r="265790" spans="8:8">
      <c r="H265790" s="12"/>
    </row>
    <row r="265791" spans="8:8">
      <c r="H265791" s="12"/>
    </row>
    <row r="265792" spans="8:8">
      <c r="H265792" s="12"/>
    </row>
    <row r="265793" spans="8:8">
      <c r="H265793" s="12"/>
    </row>
    <row r="265794" spans="8:8">
      <c r="H265794" s="12"/>
    </row>
    <row r="265795" spans="8:8">
      <c r="H265795" s="12"/>
    </row>
    <row r="265796" spans="8:8">
      <c r="H265796" s="12"/>
    </row>
    <row r="265797" spans="8:8">
      <c r="H265797" s="12"/>
    </row>
    <row r="265798" spans="8:8">
      <c r="H265798" s="12"/>
    </row>
    <row r="265799" spans="8:8">
      <c r="H265799" s="12"/>
    </row>
    <row r="265800" spans="8:8">
      <c r="H265800" s="12"/>
    </row>
    <row r="265801" spans="8:8">
      <c r="H265801" s="12"/>
    </row>
    <row r="265802" spans="8:8">
      <c r="H265802" s="12"/>
    </row>
    <row r="265803" spans="8:8">
      <c r="H265803" s="12"/>
    </row>
    <row r="265804" spans="8:8">
      <c r="H265804" s="12"/>
    </row>
    <row r="265805" spans="8:8">
      <c r="H265805" s="12"/>
    </row>
    <row r="265806" spans="8:8">
      <c r="H265806" s="12"/>
    </row>
    <row r="265807" spans="8:8">
      <c r="H265807" s="12"/>
    </row>
    <row r="265808" spans="8:8">
      <c r="H265808" s="12"/>
    </row>
    <row r="265809" spans="8:8">
      <c r="H265809" s="12"/>
    </row>
    <row r="265810" spans="8:8">
      <c r="H265810" s="12"/>
    </row>
    <row r="265811" spans="8:8">
      <c r="H265811" s="12"/>
    </row>
    <row r="265812" spans="8:8">
      <c r="H265812" s="12"/>
    </row>
    <row r="265813" spans="8:8">
      <c r="H265813" s="12"/>
    </row>
    <row r="265814" spans="8:8">
      <c r="H265814" s="12"/>
    </row>
    <row r="265815" spans="8:8">
      <c r="H265815" s="12"/>
    </row>
    <row r="265816" spans="8:8">
      <c r="H265816" s="12"/>
    </row>
    <row r="265817" spans="8:8">
      <c r="H265817" s="12"/>
    </row>
    <row r="265818" spans="8:8">
      <c r="H265818" s="12"/>
    </row>
    <row r="265819" spans="8:8">
      <c r="H265819" s="12"/>
    </row>
    <row r="265820" spans="8:8">
      <c r="H265820" s="12"/>
    </row>
    <row r="265821" spans="8:8">
      <c r="H265821" s="12"/>
    </row>
    <row r="265822" spans="8:8">
      <c r="H265822" s="12"/>
    </row>
    <row r="265823" spans="8:8">
      <c r="H265823" s="12"/>
    </row>
    <row r="265824" spans="8:8">
      <c r="H265824" s="12"/>
    </row>
    <row r="265825" spans="8:8">
      <c r="H265825" s="12"/>
    </row>
    <row r="265826" spans="8:8">
      <c r="H265826" s="12"/>
    </row>
    <row r="265827" spans="8:8">
      <c r="H265827" s="12"/>
    </row>
    <row r="265828" spans="8:8">
      <c r="H265828" s="12"/>
    </row>
    <row r="265829" spans="8:8">
      <c r="H265829" s="12"/>
    </row>
    <row r="265830" spans="8:8">
      <c r="H265830" s="12"/>
    </row>
    <row r="265831" spans="8:8">
      <c r="H265831" s="12"/>
    </row>
    <row r="265832" spans="8:8">
      <c r="H265832" s="12"/>
    </row>
    <row r="265833" spans="8:8">
      <c r="H265833" s="12"/>
    </row>
    <row r="265834" spans="8:8">
      <c r="H265834" s="12"/>
    </row>
    <row r="265835" spans="8:8">
      <c r="H265835" s="12"/>
    </row>
    <row r="265836" spans="8:8">
      <c r="H265836" s="12"/>
    </row>
    <row r="265837" spans="8:8">
      <c r="H265837" s="12"/>
    </row>
    <row r="265838" spans="8:8">
      <c r="H265838" s="12"/>
    </row>
    <row r="265839" spans="8:8">
      <c r="H265839" s="12"/>
    </row>
    <row r="265840" spans="8:8">
      <c r="H265840" s="12"/>
    </row>
    <row r="265841" spans="8:8">
      <c r="H265841" s="12"/>
    </row>
    <row r="265842" spans="8:8">
      <c r="H265842" s="12"/>
    </row>
    <row r="265843" spans="8:8">
      <c r="H265843" s="12"/>
    </row>
    <row r="265844" spans="8:8">
      <c r="H265844" s="12"/>
    </row>
    <row r="265845" spans="8:8">
      <c r="H265845" s="12"/>
    </row>
    <row r="265846" spans="8:8">
      <c r="H265846" s="12"/>
    </row>
    <row r="265847" spans="8:8">
      <c r="H265847" s="12"/>
    </row>
    <row r="265848" spans="8:8">
      <c r="H265848" s="12"/>
    </row>
    <row r="265849" spans="8:8">
      <c r="H265849" s="12"/>
    </row>
    <row r="265850" spans="8:8">
      <c r="H265850" s="12"/>
    </row>
    <row r="265851" spans="8:8">
      <c r="H265851" s="12"/>
    </row>
    <row r="265852" spans="8:8">
      <c r="H265852" s="12"/>
    </row>
    <row r="265853" spans="8:8">
      <c r="H265853" s="12"/>
    </row>
    <row r="265854" spans="8:8">
      <c r="H265854" s="12"/>
    </row>
    <row r="265855" spans="8:8">
      <c r="H265855" s="12"/>
    </row>
    <row r="265856" spans="8:8">
      <c r="H265856" s="12"/>
    </row>
    <row r="265857" spans="8:8">
      <c r="H265857" s="12"/>
    </row>
    <row r="265858" spans="8:8">
      <c r="H265858" s="12"/>
    </row>
    <row r="265859" spans="8:8">
      <c r="H265859" s="12"/>
    </row>
    <row r="265860" spans="8:8">
      <c r="H265860" s="12"/>
    </row>
    <row r="265861" spans="8:8">
      <c r="H265861" s="12"/>
    </row>
    <row r="265862" spans="8:8">
      <c r="H265862" s="12"/>
    </row>
    <row r="265863" spans="8:8">
      <c r="H265863" s="12"/>
    </row>
    <row r="265864" spans="8:8">
      <c r="H265864" s="12"/>
    </row>
    <row r="265865" spans="8:8">
      <c r="H265865" s="12"/>
    </row>
    <row r="265866" spans="8:8">
      <c r="H265866" s="12"/>
    </row>
    <row r="265867" spans="8:8">
      <c r="H265867" s="12"/>
    </row>
    <row r="265868" spans="8:8">
      <c r="H265868" s="12"/>
    </row>
    <row r="265869" spans="8:8">
      <c r="H265869" s="12"/>
    </row>
    <row r="265870" spans="8:8">
      <c r="H265870" s="12"/>
    </row>
    <row r="265871" spans="8:8">
      <c r="H265871" s="12"/>
    </row>
    <row r="265872" spans="8:8">
      <c r="H265872" s="12"/>
    </row>
    <row r="265873" spans="8:8">
      <c r="H265873" s="12"/>
    </row>
    <row r="265874" spans="8:8">
      <c r="H265874" s="12"/>
    </row>
    <row r="265875" spans="8:8">
      <c r="H265875" s="12"/>
    </row>
    <row r="265876" spans="8:8">
      <c r="H265876" s="12"/>
    </row>
    <row r="265877" spans="8:8">
      <c r="H265877" s="12"/>
    </row>
    <row r="265878" spans="8:8">
      <c r="H265878" s="12"/>
    </row>
    <row r="265879" spans="8:8">
      <c r="H265879" s="12"/>
    </row>
    <row r="265880" spans="8:8">
      <c r="H265880" s="12"/>
    </row>
    <row r="265881" spans="8:8">
      <c r="H265881" s="12"/>
    </row>
    <row r="265882" spans="8:8">
      <c r="H265882" s="12"/>
    </row>
    <row r="265883" spans="8:8">
      <c r="H265883" s="12"/>
    </row>
    <row r="265884" spans="8:8">
      <c r="H265884" s="12"/>
    </row>
    <row r="265885" spans="8:8">
      <c r="H265885" s="12"/>
    </row>
    <row r="265886" spans="8:8">
      <c r="H265886" s="12"/>
    </row>
    <row r="265887" spans="8:8">
      <c r="H265887" s="12"/>
    </row>
    <row r="265888" spans="8:8">
      <c r="H265888" s="12"/>
    </row>
    <row r="265889" spans="8:8">
      <c r="H265889" s="12"/>
    </row>
    <row r="265890" spans="8:8">
      <c r="H265890" s="12"/>
    </row>
    <row r="265891" spans="8:8">
      <c r="H265891" s="12"/>
    </row>
    <row r="265892" spans="8:8">
      <c r="H265892" s="12"/>
    </row>
    <row r="265893" spans="8:8">
      <c r="H265893" s="12"/>
    </row>
    <row r="265894" spans="8:8">
      <c r="H265894" s="12"/>
    </row>
    <row r="265895" spans="8:8">
      <c r="H265895" s="12"/>
    </row>
    <row r="265896" spans="8:8">
      <c r="H265896" s="12"/>
    </row>
    <row r="265897" spans="8:8">
      <c r="H265897" s="12"/>
    </row>
    <row r="265898" spans="8:8">
      <c r="H265898" s="12"/>
    </row>
    <row r="265899" spans="8:8">
      <c r="H265899" s="12"/>
    </row>
    <row r="265900" spans="8:8">
      <c r="H265900" s="12"/>
    </row>
    <row r="265901" spans="8:8">
      <c r="H265901" s="12"/>
    </row>
    <row r="265902" spans="8:8">
      <c r="H265902" s="12"/>
    </row>
    <row r="265903" spans="8:8">
      <c r="H265903" s="12"/>
    </row>
    <row r="265904" spans="8:8">
      <c r="H265904" s="12"/>
    </row>
    <row r="265905" spans="8:8">
      <c r="H265905" s="12"/>
    </row>
    <row r="265906" spans="8:8">
      <c r="H265906" s="12"/>
    </row>
    <row r="265907" spans="8:8">
      <c r="H265907" s="12"/>
    </row>
    <row r="265908" spans="8:8">
      <c r="H265908" s="12"/>
    </row>
    <row r="265909" spans="8:8">
      <c r="H265909" s="12"/>
    </row>
    <row r="265910" spans="8:8">
      <c r="H265910" s="12"/>
    </row>
    <row r="265911" spans="8:8">
      <c r="H265911" s="12"/>
    </row>
    <row r="265912" spans="8:8">
      <c r="H265912" s="12"/>
    </row>
    <row r="265913" spans="8:8">
      <c r="H265913" s="12"/>
    </row>
    <row r="265914" spans="8:8">
      <c r="H265914" s="12"/>
    </row>
    <row r="265915" spans="8:8">
      <c r="H265915" s="12"/>
    </row>
    <row r="265916" spans="8:8">
      <c r="H265916" s="12"/>
    </row>
    <row r="265917" spans="8:8">
      <c r="H265917" s="12"/>
    </row>
    <row r="265918" spans="8:8">
      <c r="H265918" s="12"/>
    </row>
    <row r="265919" spans="8:8">
      <c r="H265919" s="12"/>
    </row>
    <row r="265920" spans="8:8">
      <c r="H265920" s="12"/>
    </row>
    <row r="265921" spans="8:8">
      <c r="H265921" s="12"/>
    </row>
    <row r="265922" spans="8:8">
      <c r="H265922" s="12"/>
    </row>
    <row r="265923" spans="8:8">
      <c r="H265923" s="12"/>
    </row>
    <row r="265924" spans="8:8">
      <c r="H265924" s="12"/>
    </row>
    <row r="265925" spans="8:8">
      <c r="H265925" s="12"/>
    </row>
    <row r="265926" spans="8:8">
      <c r="H265926" s="12"/>
    </row>
    <row r="265927" spans="8:8">
      <c r="H265927" s="12"/>
    </row>
    <row r="265928" spans="8:8">
      <c r="H265928" s="12"/>
    </row>
    <row r="265929" spans="8:8">
      <c r="H265929" s="12"/>
    </row>
    <row r="265930" spans="8:8">
      <c r="H265930" s="12"/>
    </row>
    <row r="265931" spans="8:8">
      <c r="H265931" s="12"/>
    </row>
    <row r="265932" spans="8:8">
      <c r="H265932" s="12"/>
    </row>
    <row r="265933" spans="8:8">
      <c r="H265933" s="12"/>
    </row>
    <row r="265934" spans="8:8">
      <c r="H265934" s="12"/>
    </row>
    <row r="265935" spans="8:8">
      <c r="H265935" s="12"/>
    </row>
    <row r="265936" spans="8:8">
      <c r="H265936" s="12"/>
    </row>
    <row r="265937" spans="8:8">
      <c r="H265937" s="12"/>
    </row>
    <row r="265938" spans="8:8">
      <c r="H265938" s="12"/>
    </row>
    <row r="265939" spans="8:8">
      <c r="H265939" s="12"/>
    </row>
    <row r="265940" spans="8:8">
      <c r="H265940" s="12"/>
    </row>
    <row r="265941" spans="8:8">
      <c r="H265941" s="12"/>
    </row>
    <row r="265942" spans="8:8">
      <c r="H265942" s="12"/>
    </row>
    <row r="265943" spans="8:8">
      <c r="H265943" s="12"/>
    </row>
    <row r="265944" spans="8:8">
      <c r="H265944" s="12"/>
    </row>
    <row r="265945" spans="8:8">
      <c r="H265945" s="12"/>
    </row>
    <row r="265946" spans="8:8">
      <c r="H265946" s="12"/>
    </row>
    <row r="265947" spans="8:8">
      <c r="H265947" s="12"/>
    </row>
    <row r="265948" spans="8:8">
      <c r="H265948" s="12"/>
    </row>
    <row r="265949" spans="8:8">
      <c r="H265949" s="12"/>
    </row>
    <row r="265950" spans="8:8">
      <c r="H265950" s="12"/>
    </row>
    <row r="265951" spans="8:8">
      <c r="H265951" s="12"/>
    </row>
    <row r="265952" spans="8:8">
      <c r="H265952" s="12"/>
    </row>
    <row r="265953" spans="8:8">
      <c r="H265953" s="12"/>
    </row>
    <row r="265954" spans="8:8">
      <c r="H265954" s="12"/>
    </row>
    <row r="265955" spans="8:8">
      <c r="H265955" s="12"/>
    </row>
    <row r="265956" spans="8:8">
      <c r="H265956" s="12"/>
    </row>
    <row r="265957" spans="8:8">
      <c r="H265957" s="12"/>
    </row>
    <row r="265958" spans="8:8">
      <c r="H265958" s="12"/>
    </row>
    <row r="265959" spans="8:8">
      <c r="H265959" s="12"/>
    </row>
    <row r="265960" spans="8:8">
      <c r="H265960" s="12"/>
    </row>
    <row r="265961" spans="8:8">
      <c r="H265961" s="12"/>
    </row>
    <row r="265962" spans="8:8">
      <c r="H265962" s="12"/>
    </row>
    <row r="265963" spans="8:8">
      <c r="H265963" s="12"/>
    </row>
    <row r="265964" spans="8:8">
      <c r="H265964" s="12"/>
    </row>
    <row r="265965" spans="8:8">
      <c r="H265965" s="12"/>
    </row>
    <row r="265966" spans="8:8">
      <c r="H265966" s="12"/>
    </row>
    <row r="265967" spans="8:8">
      <c r="H265967" s="12"/>
    </row>
    <row r="265968" spans="8:8">
      <c r="H265968" s="12"/>
    </row>
    <row r="265969" spans="8:8">
      <c r="H265969" s="12"/>
    </row>
    <row r="265970" spans="8:8">
      <c r="H265970" s="12"/>
    </row>
    <row r="265971" spans="8:8">
      <c r="H265971" s="12"/>
    </row>
    <row r="265972" spans="8:8">
      <c r="H265972" s="12"/>
    </row>
    <row r="265973" spans="8:8">
      <c r="H265973" s="12"/>
    </row>
    <row r="265974" spans="8:8">
      <c r="H265974" s="12"/>
    </row>
    <row r="265975" spans="8:8">
      <c r="H265975" s="12"/>
    </row>
    <row r="265976" spans="8:8">
      <c r="H265976" s="12"/>
    </row>
    <row r="265977" spans="8:8">
      <c r="H265977" s="12"/>
    </row>
    <row r="265978" spans="8:8">
      <c r="H265978" s="12"/>
    </row>
    <row r="265979" spans="8:8">
      <c r="H265979" s="12"/>
    </row>
    <row r="265980" spans="8:8">
      <c r="H265980" s="12"/>
    </row>
    <row r="265981" spans="8:8">
      <c r="H265981" s="12"/>
    </row>
    <row r="265982" spans="8:8">
      <c r="H265982" s="12"/>
    </row>
    <row r="265983" spans="8:8">
      <c r="H265983" s="12"/>
    </row>
    <row r="265984" spans="8:8">
      <c r="H265984" s="12"/>
    </row>
    <row r="265985" spans="8:8">
      <c r="H265985" s="12"/>
    </row>
    <row r="265986" spans="8:8">
      <c r="H265986" s="12"/>
    </row>
    <row r="265987" spans="8:8">
      <c r="H265987" s="12"/>
    </row>
    <row r="265988" spans="8:8">
      <c r="H265988" s="12"/>
    </row>
    <row r="265989" spans="8:8">
      <c r="H265989" s="12"/>
    </row>
    <row r="265990" spans="8:8">
      <c r="H265990" s="12"/>
    </row>
    <row r="265991" spans="8:8">
      <c r="H265991" s="12"/>
    </row>
    <row r="265992" spans="8:8">
      <c r="H265992" s="12"/>
    </row>
    <row r="265993" spans="8:8">
      <c r="H265993" s="12"/>
    </row>
    <row r="265994" spans="8:8">
      <c r="H265994" s="12"/>
    </row>
    <row r="265995" spans="8:8">
      <c r="H265995" s="12"/>
    </row>
    <row r="265996" spans="8:8">
      <c r="H265996" s="12"/>
    </row>
    <row r="265997" spans="8:8">
      <c r="H265997" s="12"/>
    </row>
    <row r="265998" spans="8:8">
      <c r="H265998" s="12"/>
    </row>
    <row r="265999" spans="8:8">
      <c r="H265999" s="12"/>
    </row>
    <row r="266000" spans="8:8">
      <c r="H266000" s="12"/>
    </row>
    <row r="266001" spans="8:8">
      <c r="H266001" s="12"/>
    </row>
    <row r="266002" spans="8:8">
      <c r="H266002" s="12"/>
    </row>
    <row r="266003" spans="8:8">
      <c r="H266003" s="12"/>
    </row>
    <row r="266004" spans="8:8">
      <c r="H266004" s="12"/>
    </row>
    <row r="266005" spans="8:8">
      <c r="H266005" s="12"/>
    </row>
    <row r="266006" spans="8:8">
      <c r="H266006" s="12"/>
    </row>
    <row r="266007" spans="8:8">
      <c r="H266007" s="12"/>
    </row>
    <row r="266008" spans="8:8">
      <c r="H266008" s="12"/>
    </row>
    <row r="266009" spans="8:8">
      <c r="H266009" s="12"/>
    </row>
    <row r="266010" spans="8:8">
      <c r="H266010" s="12"/>
    </row>
    <row r="266011" spans="8:8">
      <c r="H266011" s="12"/>
    </row>
    <row r="266012" spans="8:8">
      <c r="H266012" s="12"/>
    </row>
    <row r="266013" spans="8:8">
      <c r="H266013" s="12"/>
    </row>
    <row r="266014" spans="8:8">
      <c r="H266014" s="12"/>
    </row>
    <row r="266015" spans="8:8">
      <c r="H266015" s="12"/>
    </row>
    <row r="266016" spans="8:8">
      <c r="H266016" s="12"/>
    </row>
    <row r="266017" spans="8:8">
      <c r="H266017" s="12"/>
    </row>
    <row r="266018" spans="8:8">
      <c r="H266018" s="12"/>
    </row>
    <row r="266019" spans="8:8">
      <c r="H266019" s="12"/>
    </row>
    <row r="266020" spans="8:8">
      <c r="H266020" s="12"/>
    </row>
    <row r="266021" spans="8:8">
      <c r="H266021" s="12"/>
    </row>
    <row r="266022" spans="8:8">
      <c r="H266022" s="12"/>
    </row>
    <row r="266023" spans="8:8">
      <c r="H266023" s="12"/>
    </row>
    <row r="266024" spans="8:8">
      <c r="H266024" s="12"/>
    </row>
    <row r="266025" spans="8:8">
      <c r="H266025" s="12"/>
    </row>
    <row r="266026" spans="8:8">
      <c r="H266026" s="12"/>
    </row>
    <row r="266027" spans="8:8">
      <c r="H266027" s="12"/>
    </row>
    <row r="266028" spans="8:8">
      <c r="H266028" s="12"/>
    </row>
    <row r="266029" spans="8:8">
      <c r="H266029" s="12"/>
    </row>
    <row r="266030" spans="8:8">
      <c r="H266030" s="12"/>
    </row>
    <row r="266031" spans="8:8">
      <c r="H266031" s="12"/>
    </row>
    <row r="266032" spans="8:8">
      <c r="H266032" s="12"/>
    </row>
    <row r="266033" spans="8:8">
      <c r="H266033" s="12"/>
    </row>
    <row r="266034" spans="8:8">
      <c r="H266034" s="12"/>
    </row>
    <row r="266035" spans="8:8">
      <c r="H266035" s="12"/>
    </row>
    <row r="266036" spans="8:8">
      <c r="H266036" s="12"/>
    </row>
    <row r="266037" spans="8:8">
      <c r="H266037" s="12"/>
    </row>
    <row r="266038" spans="8:8">
      <c r="H266038" s="12"/>
    </row>
    <row r="266039" spans="8:8">
      <c r="H266039" s="12"/>
    </row>
    <row r="266040" spans="8:8">
      <c r="H266040" s="12"/>
    </row>
    <row r="266041" spans="8:8">
      <c r="H266041" s="12"/>
    </row>
    <row r="266042" spans="8:8">
      <c r="H266042" s="12"/>
    </row>
    <row r="266043" spans="8:8">
      <c r="H266043" s="12"/>
    </row>
    <row r="266044" spans="8:8">
      <c r="H266044" s="12"/>
    </row>
    <row r="266045" spans="8:8">
      <c r="H266045" s="12"/>
    </row>
    <row r="266046" spans="8:8">
      <c r="H266046" s="12"/>
    </row>
    <row r="266047" spans="8:8">
      <c r="H266047" s="12"/>
    </row>
    <row r="266048" spans="8:8">
      <c r="H266048" s="12"/>
    </row>
    <row r="266049" spans="8:8">
      <c r="H266049" s="12"/>
    </row>
    <row r="266050" spans="8:8">
      <c r="H266050" s="12"/>
    </row>
    <row r="266051" spans="8:8">
      <c r="H266051" s="12"/>
    </row>
    <row r="266052" spans="8:8">
      <c r="H266052" s="12"/>
    </row>
    <row r="266053" spans="8:8">
      <c r="H266053" s="12"/>
    </row>
    <row r="266054" spans="8:8">
      <c r="H266054" s="12"/>
    </row>
    <row r="266055" spans="8:8">
      <c r="H266055" s="12"/>
    </row>
    <row r="266056" spans="8:8">
      <c r="H266056" s="12"/>
    </row>
    <row r="266057" spans="8:8">
      <c r="H266057" s="12"/>
    </row>
    <row r="266058" spans="8:8">
      <c r="H266058" s="12"/>
    </row>
    <row r="266059" spans="8:8">
      <c r="H266059" s="12"/>
    </row>
    <row r="266060" spans="8:8">
      <c r="H266060" s="12"/>
    </row>
    <row r="266061" spans="8:8">
      <c r="H266061" s="12"/>
    </row>
    <row r="266062" spans="8:8">
      <c r="H266062" s="12"/>
    </row>
    <row r="266063" spans="8:8">
      <c r="H266063" s="12"/>
    </row>
    <row r="266064" spans="8:8">
      <c r="H266064" s="12"/>
    </row>
    <row r="266065" spans="8:8">
      <c r="H266065" s="12"/>
    </row>
    <row r="266066" spans="8:8">
      <c r="H266066" s="12"/>
    </row>
    <row r="266067" spans="8:8">
      <c r="H266067" s="12"/>
    </row>
    <row r="266068" spans="8:8">
      <c r="H266068" s="12"/>
    </row>
    <row r="266069" spans="8:8">
      <c r="H266069" s="12"/>
    </row>
    <row r="266070" spans="8:8">
      <c r="H266070" s="12"/>
    </row>
    <row r="266071" spans="8:8">
      <c r="H266071" s="12"/>
    </row>
    <row r="266072" spans="8:8">
      <c r="H266072" s="12"/>
    </row>
    <row r="266073" spans="8:8">
      <c r="H266073" s="12"/>
    </row>
    <row r="266074" spans="8:8">
      <c r="H266074" s="12"/>
    </row>
    <row r="266075" spans="8:8">
      <c r="H266075" s="12"/>
    </row>
    <row r="266076" spans="8:8">
      <c r="H266076" s="12"/>
    </row>
    <row r="266077" spans="8:8">
      <c r="H266077" s="12"/>
    </row>
    <row r="266078" spans="8:8">
      <c r="H266078" s="12"/>
    </row>
    <row r="266079" spans="8:8">
      <c r="H266079" s="12"/>
    </row>
    <row r="266080" spans="8:8">
      <c r="H266080" s="12"/>
    </row>
    <row r="266081" spans="8:8">
      <c r="H266081" s="12"/>
    </row>
    <row r="266082" spans="8:8">
      <c r="H266082" s="12"/>
    </row>
    <row r="266083" spans="8:8">
      <c r="H266083" s="12"/>
    </row>
    <row r="266084" spans="8:8">
      <c r="H266084" s="12"/>
    </row>
    <row r="266085" spans="8:8">
      <c r="H266085" s="12"/>
    </row>
    <row r="266086" spans="8:8">
      <c r="H266086" s="12"/>
    </row>
    <row r="266087" spans="8:8">
      <c r="H266087" s="12"/>
    </row>
    <row r="266088" spans="8:8">
      <c r="H266088" s="12"/>
    </row>
    <row r="266089" spans="8:8">
      <c r="H266089" s="12"/>
    </row>
    <row r="266090" spans="8:8">
      <c r="H266090" s="12"/>
    </row>
    <row r="266091" spans="8:8">
      <c r="H266091" s="12"/>
    </row>
    <row r="266092" spans="8:8">
      <c r="H266092" s="12"/>
    </row>
    <row r="266093" spans="8:8">
      <c r="H266093" s="12"/>
    </row>
    <row r="266094" spans="8:8">
      <c r="H266094" s="12"/>
    </row>
    <row r="266095" spans="8:8">
      <c r="H266095" s="12"/>
    </row>
    <row r="266096" spans="8:8">
      <c r="H266096" s="12"/>
    </row>
    <row r="266097" spans="8:8">
      <c r="H266097" s="12"/>
    </row>
    <row r="266098" spans="8:8">
      <c r="H266098" s="12"/>
    </row>
    <row r="266099" spans="8:8">
      <c r="H266099" s="12"/>
    </row>
    <row r="266100" spans="8:8">
      <c r="H266100" s="12"/>
    </row>
    <row r="266101" spans="8:8">
      <c r="H266101" s="12"/>
    </row>
    <row r="266102" spans="8:8">
      <c r="H266102" s="12"/>
    </row>
    <row r="266103" spans="8:8">
      <c r="H266103" s="12"/>
    </row>
    <row r="266104" spans="8:8">
      <c r="H266104" s="12"/>
    </row>
    <row r="266105" spans="8:8">
      <c r="H266105" s="12"/>
    </row>
    <row r="266106" spans="8:8">
      <c r="H266106" s="12"/>
    </row>
    <row r="266107" spans="8:8">
      <c r="H266107" s="12"/>
    </row>
    <row r="266108" spans="8:8">
      <c r="H266108" s="12"/>
    </row>
    <row r="266109" spans="8:8">
      <c r="H266109" s="12"/>
    </row>
    <row r="266110" spans="8:8">
      <c r="H266110" s="12"/>
    </row>
    <row r="266111" spans="8:8">
      <c r="H266111" s="12"/>
    </row>
    <row r="266112" spans="8:8">
      <c r="H266112" s="12"/>
    </row>
    <row r="266113" spans="8:8">
      <c r="H266113" s="12"/>
    </row>
    <row r="266114" spans="8:8">
      <c r="H266114" s="12"/>
    </row>
    <row r="266115" spans="8:8">
      <c r="H266115" s="12"/>
    </row>
    <row r="266116" spans="8:8">
      <c r="H266116" s="12"/>
    </row>
    <row r="266117" spans="8:8">
      <c r="H266117" s="12"/>
    </row>
    <row r="266118" spans="8:8">
      <c r="H266118" s="12"/>
    </row>
    <row r="266119" spans="8:8">
      <c r="H266119" s="12"/>
    </row>
    <row r="266120" spans="8:8">
      <c r="H266120" s="12"/>
    </row>
    <row r="266121" spans="8:8">
      <c r="H266121" s="12"/>
    </row>
    <row r="266122" spans="8:8">
      <c r="H266122" s="12"/>
    </row>
    <row r="266123" spans="8:8">
      <c r="H266123" s="12"/>
    </row>
    <row r="266124" spans="8:8">
      <c r="H266124" s="12"/>
    </row>
    <row r="266125" spans="8:8">
      <c r="H266125" s="12"/>
    </row>
    <row r="266126" spans="8:8">
      <c r="H266126" s="12"/>
    </row>
    <row r="266127" spans="8:8">
      <c r="H266127" s="12"/>
    </row>
    <row r="266128" spans="8:8">
      <c r="H266128" s="12"/>
    </row>
    <row r="266129" spans="8:8">
      <c r="H266129" s="12"/>
    </row>
    <row r="266130" spans="8:8">
      <c r="H266130" s="12"/>
    </row>
    <row r="266131" spans="8:8">
      <c r="H266131" s="12"/>
    </row>
    <row r="266132" spans="8:8">
      <c r="H266132" s="12"/>
    </row>
    <row r="266133" spans="8:8">
      <c r="H266133" s="12"/>
    </row>
    <row r="266134" spans="8:8">
      <c r="H266134" s="12"/>
    </row>
    <row r="266135" spans="8:8">
      <c r="H266135" s="12"/>
    </row>
    <row r="266136" spans="8:8">
      <c r="H266136" s="12"/>
    </row>
    <row r="266137" spans="8:8">
      <c r="H266137" s="12"/>
    </row>
    <row r="266138" spans="8:8">
      <c r="H266138" s="12"/>
    </row>
    <row r="266139" spans="8:8">
      <c r="H266139" s="12"/>
    </row>
    <row r="266140" spans="8:8">
      <c r="H266140" s="12"/>
    </row>
    <row r="266141" spans="8:8">
      <c r="H266141" s="12"/>
    </row>
    <row r="266142" spans="8:8">
      <c r="H266142" s="12"/>
    </row>
    <row r="266143" spans="8:8">
      <c r="H266143" s="12"/>
    </row>
    <row r="266144" spans="8:8">
      <c r="H266144" s="12"/>
    </row>
    <row r="266145" spans="8:8">
      <c r="H266145" s="12"/>
    </row>
    <row r="266146" spans="8:8">
      <c r="H266146" s="12"/>
    </row>
    <row r="266147" spans="8:8">
      <c r="H266147" s="12"/>
    </row>
    <row r="266148" spans="8:8">
      <c r="H266148" s="12"/>
    </row>
    <row r="266149" spans="8:8">
      <c r="H266149" s="12"/>
    </row>
    <row r="266150" spans="8:8">
      <c r="H266150" s="12"/>
    </row>
    <row r="266151" spans="8:8">
      <c r="H266151" s="12"/>
    </row>
    <row r="266152" spans="8:8">
      <c r="H266152" s="12"/>
    </row>
    <row r="266153" spans="8:8">
      <c r="H266153" s="12"/>
    </row>
    <row r="266154" spans="8:8">
      <c r="H266154" s="12"/>
    </row>
    <row r="266155" spans="8:8">
      <c r="H266155" s="12"/>
    </row>
    <row r="266156" spans="8:8">
      <c r="H266156" s="12"/>
    </row>
    <row r="266157" spans="8:8">
      <c r="H266157" s="12"/>
    </row>
    <row r="266158" spans="8:8">
      <c r="H266158" s="12"/>
    </row>
    <row r="266159" spans="8:8">
      <c r="H266159" s="12"/>
    </row>
    <row r="266160" spans="8:8">
      <c r="H266160" s="12"/>
    </row>
    <row r="266161" spans="8:8">
      <c r="H266161" s="12"/>
    </row>
    <row r="266162" spans="8:8">
      <c r="H266162" s="12"/>
    </row>
    <row r="266163" spans="8:8">
      <c r="H266163" s="12"/>
    </row>
    <row r="266164" spans="8:8">
      <c r="H266164" s="12"/>
    </row>
    <row r="266165" spans="8:8">
      <c r="H266165" s="12"/>
    </row>
    <row r="266166" spans="8:8">
      <c r="H266166" s="12"/>
    </row>
    <row r="266167" spans="8:8">
      <c r="H266167" s="12"/>
    </row>
    <row r="266168" spans="8:8">
      <c r="H266168" s="12"/>
    </row>
    <row r="266169" spans="8:8">
      <c r="H266169" s="12"/>
    </row>
    <row r="266170" spans="8:8">
      <c r="H266170" s="12"/>
    </row>
    <row r="266171" spans="8:8">
      <c r="H266171" s="12"/>
    </row>
    <row r="266172" spans="8:8">
      <c r="H266172" s="12"/>
    </row>
    <row r="266173" spans="8:8">
      <c r="H266173" s="12"/>
    </row>
    <row r="266174" spans="8:8">
      <c r="H266174" s="12"/>
    </row>
    <row r="266175" spans="8:8">
      <c r="H266175" s="12"/>
    </row>
    <row r="266176" spans="8:8">
      <c r="H266176" s="12"/>
    </row>
    <row r="266177" spans="8:8">
      <c r="H266177" s="12"/>
    </row>
    <row r="266178" spans="8:8">
      <c r="H266178" s="12"/>
    </row>
    <row r="266179" spans="8:8">
      <c r="H266179" s="12"/>
    </row>
    <row r="266180" spans="8:8">
      <c r="H266180" s="12"/>
    </row>
    <row r="266181" spans="8:8">
      <c r="H266181" s="12"/>
    </row>
    <row r="266182" spans="8:8">
      <c r="H266182" s="12"/>
    </row>
    <row r="266183" spans="8:8">
      <c r="H266183" s="12"/>
    </row>
    <row r="266184" spans="8:8">
      <c r="H266184" s="12"/>
    </row>
    <row r="266185" spans="8:8">
      <c r="H266185" s="12"/>
    </row>
    <row r="266186" spans="8:8">
      <c r="H266186" s="12"/>
    </row>
    <row r="266187" spans="8:8">
      <c r="H266187" s="12"/>
    </row>
    <row r="266188" spans="8:8">
      <c r="H266188" s="12"/>
    </row>
    <row r="266189" spans="8:8">
      <c r="H266189" s="12"/>
    </row>
    <row r="266190" spans="8:8">
      <c r="H266190" s="12"/>
    </row>
    <row r="266191" spans="8:8">
      <c r="H266191" s="12"/>
    </row>
    <row r="266192" spans="8:8">
      <c r="H266192" s="12"/>
    </row>
    <row r="266193" spans="8:8">
      <c r="H266193" s="12"/>
    </row>
    <row r="266194" spans="8:8">
      <c r="H266194" s="12"/>
    </row>
    <row r="266195" spans="8:8">
      <c r="H266195" s="12"/>
    </row>
    <row r="266196" spans="8:8">
      <c r="H266196" s="12"/>
    </row>
    <row r="266197" spans="8:8">
      <c r="H266197" s="12"/>
    </row>
    <row r="266198" spans="8:8">
      <c r="H266198" s="12"/>
    </row>
    <row r="266199" spans="8:8">
      <c r="H266199" s="12"/>
    </row>
    <row r="266200" spans="8:8">
      <c r="H266200" s="12"/>
    </row>
    <row r="266201" spans="8:8">
      <c r="H266201" s="12"/>
    </row>
    <row r="266202" spans="8:8">
      <c r="H266202" s="12"/>
    </row>
    <row r="266203" spans="8:8">
      <c r="H266203" s="12"/>
    </row>
    <row r="266204" spans="8:8">
      <c r="H266204" s="12"/>
    </row>
    <row r="266205" spans="8:8">
      <c r="H266205" s="12"/>
    </row>
    <row r="266206" spans="8:8">
      <c r="H266206" s="12"/>
    </row>
    <row r="266207" spans="8:8">
      <c r="H266207" s="12"/>
    </row>
    <row r="266208" spans="8:8">
      <c r="H266208" s="12"/>
    </row>
    <row r="266209" spans="8:8">
      <c r="H266209" s="12"/>
    </row>
    <row r="266210" spans="8:8">
      <c r="H266210" s="12"/>
    </row>
    <row r="266211" spans="8:8">
      <c r="H266211" s="12"/>
    </row>
    <row r="266212" spans="8:8">
      <c r="H266212" s="12"/>
    </row>
    <row r="266213" spans="8:8">
      <c r="H266213" s="12"/>
    </row>
    <row r="266214" spans="8:8">
      <c r="H266214" s="12"/>
    </row>
    <row r="266215" spans="8:8">
      <c r="H266215" s="12"/>
    </row>
    <row r="266216" spans="8:8">
      <c r="H266216" s="12"/>
    </row>
    <row r="266217" spans="8:8">
      <c r="H266217" s="12"/>
    </row>
    <row r="266218" spans="8:8">
      <c r="H266218" s="12"/>
    </row>
    <row r="266219" spans="8:8">
      <c r="H266219" s="12"/>
    </row>
    <row r="266220" spans="8:8">
      <c r="H266220" s="12"/>
    </row>
    <row r="266221" spans="8:8">
      <c r="H266221" s="12"/>
    </row>
    <row r="266222" spans="8:8">
      <c r="H266222" s="12"/>
    </row>
    <row r="266223" spans="8:8">
      <c r="H266223" s="12"/>
    </row>
    <row r="266224" spans="8:8">
      <c r="H266224" s="12"/>
    </row>
    <row r="266225" spans="8:8">
      <c r="H266225" s="12"/>
    </row>
    <row r="266226" spans="8:8">
      <c r="H266226" s="12"/>
    </row>
    <row r="266227" spans="8:8">
      <c r="H266227" s="12"/>
    </row>
    <row r="266228" spans="8:8">
      <c r="H266228" s="12"/>
    </row>
    <row r="266229" spans="8:8">
      <c r="H266229" s="12"/>
    </row>
    <row r="266230" spans="8:8">
      <c r="H266230" s="12"/>
    </row>
    <row r="266231" spans="8:8">
      <c r="H266231" s="12"/>
    </row>
    <row r="266232" spans="8:8">
      <c r="H266232" s="12"/>
    </row>
    <row r="266233" spans="8:8">
      <c r="H266233" s="12"/>
    </row>
    <row r="266234" spans="8:8">
      <c r="H266234" s="12"/>
    </row>
    <row r="266235" spans="8:8">
      <c r="H266235" s="12"/>
    </row>
    <row r="266236" spans="8:8">
      <c r="H266236" s="12"/>
    </row>
    <row r="266237" spans="8:8">
      <c r="H266237" s="12"/>
    </row>
    <row r="266238" spans="8:8">
      <c r="H266238" s="12"/>
    </row>
    <row r="266239" spans="8:8">
      <c r="H266239" s="12"/>
    </row>
    <row r="266240" spans="8:8">
      <c r="H266240" s="12"/>
    </row>
    <row r="266241" spans="8:8">
      <c r="H266241" s="12"/>
    </row>
    <row r="266242" spans="8:8">
      <c r="H266242" s="12"/>
    </row>
    <row r="266243" spans="8:8">
      <c r="H266243" s="12"/>
    </row>
    <row r="266244" spans="8:8">
      <c r="H266244" s="12"/>
    </row>
    <row r="266245" spans="8:8">
      <c r="H266245" s="12"/>
    </row>
    <row r="266246" spans="8:8">
      <c r="H266246" s="12"/>
    </row>
    <row r="266247" spans="8:8">
      <c r="H266247" s="12"/>
    </row>
    <row r="266248" spans="8:8">
      <c r="H266248" s="12"/>
    </row>
    <row r="266249" spans="8:8">
      <c r="H266249" s="12"/>
    </row>
    <row r="266250" spans="8:8">
      <c r="H266250" s="12"/>
    </row>
    <row r="266251" spans="8:8">
      <c r="H266251" s="12"/>
    </row>
    <row r="266252" spans="8:8">
      <c r="H266252" s="12"/>
    </row>
    <row r="266253" spans="8:8">
      <c r="H266253" s="12"/>
    </row>
    <row r="266254" spans="8:8">
      <c r="H266254" s="12"/>
    </row>
    <row r="266255" spans="8:8">
      <c r="H266255" s="12"/>
    </row>
    <row r="266256" spans="8:8">
      <c r="H266256" s="12"/>
    </row>
    <row r="266257" spans="8:8">
      <c r="H266257" s="12"/>
    </row>
    <row r="266258" spans="8:8">
      <c r="H266258" s="12"/>
    </row>
    <row r="266259" spans="8:8">
      <c r="H266259" s="12"/>
    </row>
    <row r="266260" spans="8:8">
      <c r="H266260" s="12"/>
    </row>
    <row r="266261" spans="8:8">
      <c r="H266261" s="12"/>
    </row>
    <row r="266262" spans="8:8">
      <c r="H266262" s="12"/>
    </row>
    <row r="266263" spans="8:8">
      <c r="H266263" s="12"/>
    </row>
    <row r="266264" spans="8:8">
      <c r="H266264" s="12"/>
    </row>
    <row r="266265" spans="8:8">
      <c r="H266265" s="12"/>
    </row>
    <row r="266266" spans="8:8">
      <c r="H266266" s="12"/>
    </row>
    <row r="266267" spans="8:8">
      <c r="H266267" s="12"/>
    </row>
    <row r="266268" spans="8:8">
      <c r="H266268" s="12"/>
    </row>
    <row r="266269" spans="8:8">
      <c r="H266269" s="12"/>
    </row>
    <row r="266270" spans="8:8">
      <c r="H266270" s="12"/>
    </row>
    <row r="266271" spans="8:8">
      <c r="H266271" s="12"/>
    </row>
    <row r="266272" spans="8:8">
      <c r="H266272" s="12"/>
    </row>
    <row r="266273" spans="8:8">
      <c r="H266273" s="12"/>
    </row>
    <row r="266274" spans="8:8">
      <c r="H266274" s="12"/>
    </row>
    <row r="266275" spans="8:8">
      <c r="H266275" s="12"/>
    </row>
    <row r="266276" spans="8:8">
      <c r="H266276" s="12"/>
    </row>
    <row r="266277" spans="8:8">
      <c r="H266277" s="12"/>
    </row>
    <row r="266278" spans="8:8">
      <c r="H266278" s="12"/>
    </row>
    <row r="266279" spans="8:8">
      <c r="H266279" s="12"/>
    </row>
    <row r="266280" spans="8:8">
      <c r="H266280" s="12"/>
    </row>
    <row r="266281" spans="8:8">
      <c r="H266281" s="12"/>
    </row>
    <row r="266282" spans="8:8">
      <c r="H266282" s="12"/>
    </row>
    <row r="266283" spans="8:8">
      <c r="H266283" s="12"/>
    </row>
    <row r="266284" spans="8:8">
      <c r="H266284" s="12"/>
    </row>
    <row r="266285" spans="8:8">
      <c r="H266285" s="12"/>
    </row>
    <row r="266286" spans="8:8">
      <c r="H266286" s="12"/>
    </row>
    <row r="266287" spans="8:8">
      <c r="H266287" s="12"/>
    </row>
    <row r="266288" spans="8:8">
      <c r="H266288" s="12"/>
    </row>
    <row r="266289" spans="8:8">
      <c r="H266289" s="12"/>
    </row>
    <row r="266290" spans="8:8">
      <c r="H266290" s="12"/>
    </row>
    <row r="266291" spans="8:8">
      <c r="H266291" s="12"/>
    </row>
    <row r="266292" spans="8:8">
      <c r="H266292" s="12"/>
    </row>
    <row r="266293" spans="8:8">
      <c r="H266293" s="12"/>
    </row>
    <row r="266294" spans="8:8">
      <c r="H266294" s="12"/>
    </row>
    <row r="266295" spans="8:8">
      <c r="H266295" s="12"/>
    </row>
    <row r="266296" spans="8:8">
      <c r="H266296" s="12"/>
    </row>
    <row r="266297" spans="8:8">
      <c r="H266297" s="12"/>
    </row>
    <row r="266298" spans="8:8">
      <c r="H266298" s="12"/>
    </row>
    <row r="266299" spans="8:8">
      <c r="H266299" s="12"/>
    </row>
    <row r="266300" spans="8:8">
      <c r="H266300" s="12"/>
    </row>
    <row r="266301" spans="8:8">
      <c r="H266301" s="12"/>
    </row>
    <row r="266302" spans="8:8">
      <c r="H266302" s="12"/>
    </row>
    <row r="266303" spans="8:8">
      <c r="H266303" s="12"/>
    </row>
    <row r="266304" spans="8:8">
      <c r="H266304" s="12"/>
    </row>
    <row r="266305" spans="8:8">
      <c r="H266305" s="12"/>
    </row>
    <row r="266306" spans="8:8">
      <c r="H266306" s="12"/>
    </row>
    <row r="266307" spans="8:8">
      <c r="H266307" s="12"/>
    </row>
    <row r="266308" spans="8:8">
      <c r="H266308" s="12"/>
    </row>
    <row r="266309" spans="8:8">
      <c r="H266309" s="12"/>
    </row>
    <row r="266310" spans="8:8">
      <c r="H266310" s="12"/>
    </row>
    <row r="266311" spans="8:8">
      <c r="H266311" s="12"/>
    </row>
    <row r="266312" spans="8:8">
      <c r="H266312" s="12"/>
    </row>
    <row r="266313" spans="8:8">
      <c r="H266313" s="12"/>
    </row>
    <row r="266314" spans="8:8">
      <c r="H266314" s="12"/>
    </row>
    <row r="266315" spans="8:8">
      <c r="H266315" s="12"/>
    </row>
    <row r="266316" spans="8:8">
      <c r="H266316" s="12"/>
    </row>
    <row r="266317" spans="8:8">
      <c r="H266317" s="12"/>
    </row>
    <row r="266318" spans="8:8">
      <c r="H266318" s="12"/>
    </row>
    <row r="266319" spans="8:8">
      <c r="H266319" s="12"/>
    </row>
    <row r="266320" spans="8:8">
      <c r="H266320" s="12"/>
    </row>
    <row r="266321" spans="8:8">
      <c r="H266321" s="12"/>
    </row>
    <row r="266322" spans="8:8">
      <c r="H266322" s="12"/>
    </row>
    <row r="266323" spans="8:8">
      <c r="H266323" s="12"/>
    </row>
    <row r="266324" spans="8:8">
      <c r="H266324" s="12"/>
    </row>
    <row r="266325" spans="8:8">
      <c r="H266325" s="12"/>
    </row>
    <row r="266326" spans="8:8">
      <c r="H266326" s="12"/>
    </row>
    <row r="266327" spans="8:8">
      <c r="H266327" s="12"/>
    </row>
    <row r="266328" spans="8:8">
      <c r="H266328" s="12"/>
    </row>
    <row r="266329" spans="8:8">
      <c r="H266329" s="12"/>
    </row>
    <row r="266330" spans="8:8">
      <c r="H266330" s="12"/>
    </row>
    <row r="266331" spans="8:8">
      <c r="H266331" s="12"/>
    </row>
    <row r="266332" spans="8:8">
      <c r="H266332" s="12"/>
    </row>
    <row r="266333" spans="8:8">
      <c r="H266333" s="12"/>
    </row>
    <row r="266334" spans="8:8">
      <c r="H266334" s="12"/>
    </row>
    <row r="266335" spans="8:8">
      <c r="H266335" s="12"/>
    </row>
    <row r="266336" spans="8:8">
      <c r="H266336" s="12"/>
    </row>
    <row r="266337" spans="8:8">
      <c r="H266337" s="12"/>
    </row>
    <row r="266338" spans="8:8">
      <c r="H266338" s="12"/>
    </row>
    <row r="266339" spans="8:8">
      <c r="H266339" s="12"/>
    </row>
    <row r="266340" spans="8:8">
      <c r="H266340" s="12"/>
    </row>
    <row r="266341" spans="8:8">
      <c r="H266341" s="12"/>
    </row>
    <row r="266342" spans="8:8">
      <c r="H266342" s="12"/>
    </row>
    <row r="266343" spans="8:8">
      <c r="H266343" s="12"/>
    </row>
    <row r="266344" spans="8:8">
      <c r="H266344" s="12"/>
    </row>
    <row r="266345" spans="8:8">
      <c r="H266345" s="12"/>
    </row>
    <row r="266346" spans="8:8">
      <c r="H266346" s="12"/>
    </row>
    <row r="266347" spans="8:8">
      <c r="H266347" s="12"/>
    </row>
    <row r="266348" spans="8:8">
      <c r="H266348" s="12"/>
    </row>
    <row r="266349" spans="8:8">
      <c r="H266349" s="12"/>
    </row>
    <row r="266350" spans="8:8">
      <c r="H266350" s="12"/>
    </row>
    <row r="266351" spans="8:8">
      <c r="H266351" s="12"/>
    </row>
    <row r="266352" spans="8:8">
      <c r="H266352" s="12"/>
    </row>
    <row r="266353" spans="8:8">
      <c r="H266353" s="12"/>
    </row>
    <row r="266354" spans="8:8">
      <c r="H266354" s="12"/>
    </row>
    <row r="266355" spans="8:8">
      <c r="H266355" s="12"/>
    </row>
    <row r="266356" spans="8:8">
      <c r="H266356" s="12"/>
    </row>
    <row r="266357" spans="8:8">
      <c r="H266357" s="12"/>
    </row>
    <row r="266358" spans="8:8">
      <c r="H266358" s="12"/>
    </row>
    <row r="266359" spans="8:8">
      <c r="H266359" s="12"/>
    </row>
    <row r="266360" spans="8:8">
      <c r="H266360" s="12"/>
    </row>
    <row r="266361" spans="8:8">
      <c r="H266361" s="12"/>
    </row>
    <row r="266362" spans="8:8">
      <c r="H266362" s="12"/>
    </row>
    <row r="266363" spans="8:8">
      <c r="H266363" s="12"/>
    </row>
    <row r="266364" spans="8:8">
      <c r="H266364" s="12"/>
    </row>
    <row r="266365" spans="8:8">
      <c r="H266365" s="12"/>
    </row>
    <row r="266366" spans="8:8">
      <c r="H266366" s="12"/>
    </row>
    <row r="266367" spans="8:8">
      <c r="H266367" s="12"/>
    </row>
    <row r="266368" spans="8:8">
      <c r="H266368" s="12"/>
    </row>
    <row r="266369" spans="8:8">
      <c r="H266369" s="12"/>
    </row>
    <row r="266370" spans="8:8">
      <c r="H266370" s="12"/>
    </row>
    <row r="266371" spans="8:8">
      <c r="H266371" s="12"/>
    </row>
    <row r="266372" spans="8:8">
      <c r="H266372" s="12"/>
    </row>
    <row r="266373" spans="8:8">
      <c r="H266373" s="12"/>
    </row>
    <row r="266374" spans="8:8">
      <c r="H266374" s="12"/>
    </row>
    <row r="266375" spans="8:8">
      <c r="H266375" s="12"/>
    </row>
    <row r="266376" spans="8:8">
      <c r="H266376" s="12"/>
    </row>
    <row r="266377" spans="8:8">
      <c r="H266377" s="12"/>
    </row>
    <row r="266378" spans="8:8">
      <c r="H266378" s="12"/>
    </row>
    <row r="266379" spans="8:8">
      <c r="H266379" s="12"/>
    </row>
    <row r="266380" spans="8:8">
      <c r="H266380" s="12"/>
    </row>
    <row r="266381" spans="8:8">
      <c r="H266381" s="12"/>
    </row>
    <row r="266382" spans="8:8">
      <c r="H266382" s="12"/>
    </row>
    <row r="266383" spans="8:8">
      <c r="H266383" s="12"/>
    </row>
    <row r="266384" spans="8:8">
      <c r="H266384" s="12"/>
    </row>
    <row r="266385" spans="8:8">
      <c r="H266385" s="12"/>
    </row>
    <row r="266386" spans="8:8">
      <c r="H266386" s="12"/>
    </row>
    <row r="266387" spans="8:8">
      <c r="H266387" s="12"/>
    </row>
    <row r="266388" spans="8:8">
      <c r="H266388" s="12"/>
    </row>
    <row r="266389" spans="8:8">
      <c r="H266389" s="12"/>
    </row>
    <row r="266390" spans="8:8">
      <c r="H266390" s="12"/>
    </row>
    <row r="266391" spans="8:8">
      <c r="H266391" s="12"/>
    </row>
    <row r="266392" spans="8:8">
      <c r="H266392" s="12"/>
    </row>
    <row r="266393" spans="8:8">
      <c r="H266393" s="12"/>
    </row>
    <row r="266394" spans="8:8">
      <c r="H266394" s="12"/>
    </row>
    <row r="266395" spans="8:8">
      <c r="H266395" s="12"/>
    </row>
    <row r="266396" spans="8:8">
      <c r="H266396" s="12"/>
    </row>
    <row r="266397" spans="8:8">
      <c r="H266397" s="12"/>
    </row>
    <row r="266398" spans="8:8">
      <c r="H266398" s="12"/>
    </row>
    <row r="266399" spans="8:8">
      <c r="H266399" s="12"/>
    </row>
    <row r="266400" spans="8:8">
      <c r="H266400" s="12"/>
    </row>
    <row r="266401" spans="8:8">
      <c r="H266401" s="12"/>
    </row>
    <row r="266402" spans="8:8">
      <c r="H266402" s="12"/>
    </row>
    <row r="266403" spans="8:8">
      <c r="H266403" s="12"/>
    </row>
    <row r="266404" spans="8:8">
      <c r="H266404" s="12"/>
    </row>
    <row r="266405" spans="8:8">
      <c r="H266405" s="12"/>
    </row>
    <row r="266406" spans="8:8">
      <c r="H266406" s="12"/>
    </row>
    <row r="266407" spans="8:8">
      <c r="H266407" s="12"/>
    </row>
    <row r="266408" spans="8:8">
      <c r="H266408" s="12"/>
    </row>
    <row r="266409" spans="8:8">
      <c r="H266409" s="12"/>
    </row>
    <row r="266410" spans="8:8">
      <c r="H266410" s="12"/>
    </row>
    <row r="266411" spans="8:8">
      <c r="H266411" s="12"/>
    </row>
    <row r="266412" spans="8:8">
      <c r="H266412" s="12"/>
    </row>
    <row r="266413" spans="8:8">
      <c r="H266413" s="12"/>
    </row>
    <row r="266414" spans="8:8">
      <c r="H266414" s="12"/>
    </row>
    <row r="266415" spans="8:8">
      <c r="H266415" s="12"/>
    </row>
    <row r="266416" spans="8:8">
      <c r="H266416" s="12"/>
    </row>
    <row r="266417" spans="8:8">
      <c r="H266417" s="12"/>
    </row>
    <row r="266418" spans="8:8">
      <c r="H266418" s="12"/>
    </row>
    <row r="266419" spans="8:8">
      <c r="H266419" s="12"/>
    </row>
    <row r="266420" spans="8:8">
      <c r="H266420" s="12"/>
    </row>
    <row r="266421" spans="8:8">
      <c r="H266421" s="12"/>
    </row>
    <row r="266422" spans="8:8">
      <c r="H266422" s="12"/>
    </row>
    <row r="266423" spans="8:8">
      <c r="H266423" s="12"/>
    </row>
    <row r="266424" spans="8:8">
      <c r="H266424" s="12"/>
    </row>
    <row r="266425" spans="8:8">
      <c r="H266425" s="12"/>
    </row>
    <row r="266426" spans="8:8">
      <c r="H266426" s="12"/>
    </row>
    <row r="266427" spans="8:8">
      <c r="H266427" s="12"/>
    </row>
    <row r="266428" spans="8:8">
      <c r="H266428" s="12"/>
    </row>
    <row r="266429" spans="8:8">
      <c r="H266429" s="12"/>
    </row>
    <row r="266430" spans="8:8">
      <c r="H266430" s="12"/>
    </row>
    <row r="266431" spans="8:8">
      <c r="H266431" s="12"/>
    </row>
    <row r="266432" spans="8:8">
      <c r="H266432" s="12"/>
    </row>
    <row r="266433" spans="8:8">
      <c r="H266433" s="12"/>
    </row>
    <row r="266434" spans="8:8">
      <c r="H266434" s="12"/>
    </row>
    <row r="266435" spans="8:8">
      <c r="H266435" s="12"/>
    </row>
    <row r="266436" spans="8:8">
      <c r="H266436" s="12"/>
    </row>
    <row r="266437" spans="8:8">
      <c r="H266437" s="12"/>
    </row>
    <row r="266438" spans="8:8">
      <c r="H266438" s="12"/>
    </row>
    <row r="266439" spans="8:8">
      <c r="H266439" s="12"/>
    </row>
    <row r="266440" spans="8:8">
      <c r="H266440" s="12"/>
    </row>
    <row r="266441" spans="8:8">
      <c r="H266441" s="12"/>
    </row>
    <row r="266442" spans="8:8">
      <c r="H266442" s="12"/>
    </row>
    <row r="266443" spans="8:8">
      <c r="H266443" s="12"/>
    </row>
    <row r="266444" spans="8:8">
      <c r="H266444" s="12"/>
    </row>
    <row r="266445" spans="8:8">
      <c r="H266445" s="12"/>
    </row>
    <row r="266446" spans="8:8">
      <c r="H266446" s="12"/>
    </row>
    <row r="266447" spans="8:8">
      <c r="H266447" s="12"/>
    </row>
    <row r="266448" spans="8:8">
      <c r="H266448" s="12"/>
    </row>
    <row r="266449" spans="8:8">
      <c r="H266449" s="12"/>
    </row>
    <row r="266450" spans="8:8">
      <c r="H266450" s="12"/>
    </row>
    <row r="266451" spans="8:8">
      <c r="H266451" s="12"/>
    </row>
    <row r="266452" spans="8:8">
      <c r="H266452" s="12"/>
    </row>
    <row r="266453" spans="8:8">
      <c r="H266453" s="12"/>
    </row>
    <row r="266454" spans="8:8">
      <c r="H266454" s="12"/>
    </row>
    <row r="266455" spans="8:8">
      <c r="H266455" s="12"/>
    </row>
    <row r="266456" spans="8:8">
      <c r="H266456" s="12"/>
    </row>
    <row r="266457" spans="8:8">
      <c r="H266457" s="12"/>
    </row>
    <row r="266458" spans="8:8">
      <c r="H266458" s="12"/>
    </row>
    <row r="266459" spans="8:8">
      <c r="H266459" s="12"/>
    </row>
    <row r="266460" spans="8:8">
      <c r="H266460" s="12"/>
    </row>
    <row r="266461" spans="8:8">
      <c r="H266461" s="12"/>
    </row>
    <row r="266462" spans="8:8">
      <c r="H266462" s="12"/>
    </row>
    <row r="266463" spans="8:8">
      <c r="H266463" s="12"/>
    </row>
    <row r="266464" spans="8:8">
      <c r="H266464" s="12"/>
    </row>
    <row r="266465" spans="8:8">
      <c r="H266465" s="12"/>
    </row>
    <row r="266466" spans="8:8">
      <c r="H266466" s="12"/>
    </row>
    <row r="266467" spans="8:8">
      <c r="H266467" s="12"/>
    </row>
    <row r="266468" spans="8:8">
      <c r="H266468" s="12"/>
    </row>
    <row r="266469" spans="8:8">
      <c r="H266469" s="12"/>
    </row>
    <row r="266470" spans="8:8">
      <c r="H266470" s="12"/>
    </row>
    <row r="266471" spans="8:8">
      <c r="H266471" s="12"/>
    </row>
    <row r="266472" spans="8:8">
      <c r="H266472" s="12"/>
    </row>
    <row r="266473" spans="8:8">
      <c r="H266473" s="12"/>
    </row>
    <row r="266474" spans="8:8">
      <c r="H266474" s="12"/>
    </row>
    <row r="266475" spans="8:8">
      <c r="H266475" s="12"/>
    </row>
    <row r="266476" spans="8:8">
      <c r="H266476" s="12"/>
    </row>
    <row r="266477" spans="8:8">
      <c r="H266477" s="12"/>
    </row>
    <row r="266478" spans="8:8">
      <c r="H266478" s="12"/>
    </row>
    <row r="266479" spans="8:8">
      <c r="H266479" s="12"/>
    </row>
    <row r="266480" spans="8:8">
      <c r="H266480" s="12"/>
    </row>
    <row r="266481" spans="8:8">
      <c r="H266481" s="12"/>
    </row>
    <row r="266482" spans="8:8">
      <c r="H266482" s="12"/>
    </row>
    <row r="266483" spans="8:8">
      <c r="H266483" s="12"/>
    </row>
    <row r="266484" spans="8:8">
      <c r="H266484" s="12"/>
    </row>
    <row r="266485" spans="8:8">
      <c r="H266485" s="12"/>
    </row>
    <row r="266486" spans="8:8">
      <c r="H266486" s="12"/>
    </row>
    <row r="266487" spans="8:8">
      <c r="H266487" s="12"/>
    </row>
    <row r="266488" spans="8:8">
      <c r="H266488" s="12"/>
    </row>
    <row r="266489" spans="8:8">
      <c r="H266489" s="12"/>
    </row>
    <row r="266490" spans="8:8">
      <c r="H266490" s="12"/>
    </row>
    <row r="266491" spans="8:8">
      <c r="H266491" s="12"/>
    </row>
    <row r="266492" spans="8:8">
      <c r="H266492" s="12"/>
    </row>
    <row r="266493" spans="8:8">
      <c r="H266493" s="12"/>
    </row>
    <row r="266494" spans="8:8">
      <c r="H266494" s="12"/>
    </row>
    <row r="266495" spans="8:8">
      <c r="H266495" s="12"/>
    </row>
    <row r="266496" spans="8:8">
      <c r="H266496" s="12"/>
    </row>
    <row r="266497" spans="8:8">
      <c r="H266497" s="12"/>
    </row>
    <row r="266498" spans="8:8">
      <c r="H266498" s="12"/>
    </row>
    <row r="266499" spans="8:8">
      <c r="H266499" s="12"/>
    </row>
    <row r="266500" spans="8:8">
      <c r="H266500" s="12"/>
    </row>
    <row r="266501" spans="8:8">
      <c r="H266501" s="12"/>
    </row>
    <row r="266502" spans="8:8">
      <c r="H266502" s="12"/>
    </row>
    <row r="266503" spans="8:8">
      <c r="H266503" s="12"/>
    </row>
    <row r="266504" spans="8:8">
      <c r="H266504" s="12"/>
    </row>
    <row r="266505" spans="8:8">
      <c r="H266505" s="12"/>
    </row>
    <row r="266506" spans="8:8">
      <c r="H266506" s="12"/>
    </row>
    <row r="266507" spans="8:8">
      <c r="H266507" s="12"/>
    </row>
    <row r="266508" spans="8:8">
      <c r="H266508" s="12"/>
    </row>
    <row r="266509" spans="8:8">
      <c r="H266509" s="12"/>
    </row>
    <row r="266510" spans="8:8">
      <c r="H266510" s="12"/>
    </row>
    <row r="266511" spans="8:8">
      <c r="H266511" s="12"/>
    </row>
    <row r="266512" spans="8:8">
      <c r="H266512" s="12"/>
    </row>
    <row r="266513" spans="8:8">
      <c r="H266513" s="12"/>
    </row>
    <row r="266514" spans="8:8">
      <c r="H266514" s="12"/>
    </row>
    <row r="266515" spans="8:8">
      <c r="H266515" s="12"/>
    </row>
    <row r="266516" spans="8:8">
      <c r="H266516" s="12"/>
    </row>
    <row r="266517" spans="8:8">
      <c r="H266517" s="12"/>
    </row>
    <row r="266518" spans="8:8">
      <c r="H266518" s="12"/>
    </row>
    <row r="266519" spans="8:8">
      <c r="H266519" s="12"/>
    </row>
    <row r="266520" spans="8:8">
      <c r="H266520" s="12"/>
    </row>
    <row r="266521" spans="8:8">
      <c r="H266521" s="12"/>
    </row>
    <row r="266522" spans="8:8">
      <c r="H266522" s="12"/>
    </row>
    <row r="266523" spans="8:8">
      <c r="H266523" s="12"/>
    </row>
    <row r="266524" spans="8:8">
      <c r="H266524" s="12"/>
    </row>
    <row r="266525" spans="8:8">
      <c r="H266525" s="12"/>
    </row>
    <row r="266526" spans="8:8">
      <c r="H266526" s="12"/>
    </row>
    <row r="266527" spans="8:8">
      <c r="H266527" s="12"/>
    </row>
    <row r="266528" spans="8:8">
      <c r="H266528" s="12"/>
    </row>
    <row r="266529" spans="8:8">
      <c r="H266529" s="12"/>
    </row>
    <row r="266530" spans="8:8">
      <c r="H266530" s="12"/>
    </row>
    <row r="266531" spans="8:8">
      <c r="H266531" s="12"/>
    </row>
    <row r="266532" spans="8:8">
      <c r="H266532" s="12"/>
    </row>
    <row r="266533" spans="8:8">
      <c r="H266533" s="12"/>
    </row>
    <row r="266534" spans="8:8">
      <c r="H266534" s="12"/>
    </row>
    <row r="266535" spans="8:8">
      <c r="H266535" s="12"/>
    </row>
    <row r="266536" spans="8:8">
      <c r="H266536" s="12"/>
    </row>
    <row r="266537" spans="8:8">
      <c r="H266537" s="12"/>
    </row>
    <row r="266538" spans="8:8">
      <c r="H266538" s="12"/>
    </row>
    <row r="266539" spans="8:8">
      <c r="H266539" s="12"/>
    </row>
    <row r="266540" spans="8:8">
      <c r="H266540" s="12"/>
    </row>
    <row r="266541" spans="8:8">
      <c r="H266541" s="12"/>
    </row>
    <row r="266542" spans="8:8">
      <c r="H266542" s="12"/>
    </row>
    <row r="266543" spans="8:8">
      <c r="H266543" s="12"/>
    </row>
    <row r="266544" spans="8:8">
      <c r="H266544" s="12"/>
    </row>
    <row r="266545" spans="8:8">
      <c r="H266545" s="12"/>
    </row>
    <row r="266546" spans="8:8">
      <c r="H266546" s="12"/>
    </row>
    <row r="266547" spans="8:8">
      <c r="H266547" s="12"/>
    </row>
    <row r="266548" spans="8:8">
      <c r="H266548" s="12"/>
    </row>
    <row r="266549" spans="8:8">
      <c r="H266549" s="12"/>
    </row>
    <row r="266550" spans="8:8">
      <c r="H266550" s="12"/>
    </row>
    <row r="266551" spans="8:8">
      <c r="H266551" s="12"/>
    </row>
    <row r="266552" spans="8:8">
      <c r="H266552" s="12"/>
    </row>
    <row r="266553" spans="8:8">
      <c r="H266553" s="12"/>
    </row>
    <row r="266554" spans="8:8">
      <c r="H266554" s="12"/>
    </row>
    <row r="266555" spans="8:8">
      <c r="H266555" s="12"/>
    </row>
    <row r="266556" spans="8:8">
      <c r="H266556" s="12"/>
    </row>
    <row r="266557" spans="8:8">
      <c r="H266557" s="12"/>
    </row>
    <row r="266558" spans="8:8">
      <c r="H266558" s="12"/>
    </row>
    <row r="266559" spans="8:8">
      <c r="H266559" s="12"/>
    </row>
    <row r="266560" spans="8:8">
      <c r="H266560" s="12"/>
    </row>
    <row r="266561" spans="8:8">
      <c r="H266561" s="12"/>
    </row>
    <row r="266562" spans="8:8">
      <c r="H266562" s="12"/>
    </row>
    <row r="266563" spans="8:8">
      <c r="H266563" s="12"/>
    </row>
    <row r="266564" spans="8:8">
      <c r="H266564" s="12"/>
    </row>
    <row r="266565" spans="8:8">
      <c r="H266565" s="12"/>
    </row>
    <row r="266566" spans="8:8">
      <c r="H266566" s="12"/>
    </row>
    <row r="266567" spans="8:8">
      <c r="H266567" s="12"/>
    </row>
    <row r="266568" spans="8:8">
      <c r="H266568" s="12"/>
    </row>
    <row r="266569" spans="8:8">
      <c r="H266569" s="12"/>
    </row>
    <row r="266570" spans="8:8">
      <c r="H266570" s="12"/>
    </row>
    <row r="266571" spans="8:8">
      <c r="H266571" s="12"/>
    </row>
    <row r="266572" spans="8:8">
      <c r="H266572" s="12"/>
    </row>
    <row r="266573" spans="8:8">
      <c r="H266573" s="12"/>
    </row>
    <row r="266574" spans="8:8">
      <c r="H266574" s="12"/>
    </row>
    <row r="266575" spans="8:8">
      <c r="H266575" s="12"/>
    </row>
    <row r="266576" spans="8:8">
      <c r="H266576" s="12"/>
    </row>
    <row r="266577" spans="8:8">
      <c r="H266577" s="12"/>
    </row>
    <row r="266578" spans="8:8">
      <c r="H266578" s="12"/>
    </row>
    <row r="266579" spans="8:8">
      <c r="H266579" s="12"/>
    </row>
    <row r="266580" spans="8:8">
      <c r="H266580" s="12"/>
    </row>
    <row r="266581" spans="8:8">
      <c r="H266581" s="12"/>
    </row>
    <row r="266582" spans="8:8">
      <c r="H266582" s="12"/>
    </row>
    <row r="266583" spans="8:8">
      <c r="H266583" s="12"/>
    </row>
    <row r="266584" spans="8:8">
      <c r="H266584" s="12"/>
    </row>
    <row r="266585" spans="8:8">
      <c r="H266585" s="12"/>
    </row>
    <row r="266586" spans="8:8">
      <c r="H266586" s="12"/>
    </row>
    <row r="266587" spans="8:8">
      <c r="H266587" s="12"/>
    </row>
    <row r="266588" spans="8:8">
      <c r="H266588" s="12"/>
    </row>
    <row r="266589" spans="8:8">
      <c r="H266589" s="12"/>
    </row>
    <row r="266590" spans="8:8">
      <c r="H266590" s="12"/>
    </row>
    <row r="266591" spans="8:8">
      <c r="H266591" s="12"/>
    </row>
    <row r="266592" spans="8:8">
      <c r="H266592" s="12"/>
    </row>
    <row r="266593" spans="8:8">
      <c r="H266593" s="12"/>
    </row>
    <row r="266594" spans="8:8">
      <c r="H266594" s="12"/>
    </row>
    <row r="266595" spans="8:8">
      <c r="H266595" s="12"/>
    </row>
    <row r="266596" spans="8:8">
      <c r="H266596" s="12"/>
    </row>
    <row r="266597" spans="8:8">
      <c r="H266597" s="12"/>
    </row>
    <row r="266598" spans="8:8">
      <c r="H266598" s="12"/>
    </row>
    <row r="266599" spans="8:8">
      <c r="H266599" s="12"/>
    </row>
    <row r="266600" spans="8:8">
      <c r="H266600" s="12"/>
    </row>
    <row r="266601" spans="8:8">
      <c r="H266601" s="12"/>
    </row>
    <row r="266602" spans="8:8">
      <c r="H266602" s="12"/>
    </row>
    <row r="266603" spans="8:8">
      <c r="H266603" s="12"/>
    </row>
    <row r="266604" spans="8:8">
      <c r="H266604" s="12"/>
    </row>
    <row r="266605" spans="8:8">
      <c r="H266605" s="12"/>
    </row>
    <row r="266606" spans="8:8">
      <c r="H266606" s="12"/>
    </row>
    <row r="266607" spans="8:8">
      <c r="H266607" s="12"/>
    </row>
    <row r="266608" spans="8:8">
      <c r="H266608" s="12"/>
    </row>
    <row r="266609" spans="8:8">
      <c r="H266609" s="12"/>
    </row>
    <row r="266610" spans="8:8">
      <c r="H266610" s="12"/>
    </row>
    <row r="266611" spans="8:8">
      <c r="H266611" s="12"/>
    </row>
    <row r="266612" spans="8:8">
      <c r="H266612" s="12"/>
    </row>
    <row r="266613" spans="8:8">
      <c r="H266613" s="12"/>
    </row>
    <row r="266614" spans="8:8">
      <c r="H266614" s="12"/>
    </row>
    <row r="266615" spans="8:8">
      <c r="H266615" s="12"/>
    </row>
    <row r="266616" spans="8:8">
      <c r="H266616" s="12"/>
    </row>
    <row r="266617" spans="8:8">
      <c r="H266617" s="12"/>
    </row>
    <row r="266618" spans="8:8">
      <c r="H266618" s="12"/>
    </row>
    <row r="266619" spans="8:8">
      <c r="H266619" s="12"/>
    </row>
    <row r="266620" spans="8:8">
      <c r="H266620" s="12"/>
    </row>
    <row r="266621" spans="8:8">
      <c r="H266621" s="12"/>
    </row>
    <row r="266622" spans="8:8">
      <c r="H266622" s="12"/>
    </row>
    <row r="266623" spans="8:8">
      <c r="H266623" s="12"/>
    </row>
    <row r="266624" spans="8:8">
      <c r="H266624" s="12"/>
    </row>
    <row r="266625" spans="8:8">
      <c r="H266625" s="12"/>
    </row>
    <row r="266626" spans="8:8">
      <c r="H266626" s="12"/>
    </row>
    <row r="266627" spans="8:8">
      <c r="H266627" s="12"/>
    </row>
    <row r="266628" spans="8:8">
      <c r="H266628" s="12"/>
    </row>
    <row r="266629" spans="8:8">
      <c r="H266629" s="12"/>
    </row>
    <row r="266630" spans="8:8">
      <c r="H266630" s="12"/>
    </row>
    <row r="266631" spans="8:8">
      <c r="H266631" s="12"/>
    </row>
    <row r="266632" spans="8:8">
      <c r="H266632" s="12"/>
    </row>
    <row r="266633" spans="8:8">
      <c r="H266633" s="12"/>
    </row>
    <row r="266634" spans="8:8">
      <c r="H266634" s="12"/>
    </row>
    <row r="266635" spans="8:8">
      <c r="H266635" s="12"/>
    </row>
    <row r="266636" spans="8:8">
      <c r="H266636" s="12"/>
    </row>
    <row r="266637" spans="8:8">
      <c r="H266637" s="12"/>
    </row>
    <row r="266638" spans="8:8">
      <c r="H266638" s="12"/>
    </row>
    <row r="266639" spans="8:8">
      <c r="H266639" s="12"/>
    </row>
    <row r="266640" spans="8:8">
      <c r="H266640" s="12"/>
    </row>
    <row r="266641" spans="8:8">
      <c r="H266641" s="12"/>
    </row>
    <row r="266642" spans="8:8">
      <c r="H266642" s="12"/>
    </row>
    <row r="266643" spans="8:8">
      <c r="H266643" s="12"/>
    </row>
    <row r="266644" spans="8:8">
      <c r="H266644" s="12"/>
    </row>
    <row r="266645" spans="8:8">
      <c r="H266645" s="12"/>
    </row>
    <row r="266646" spans="8:8">
      <c r="H266646" s="12"/>
    </row>
    <row r="266647" spans="8:8">
      <c r="H266647" s="12"/>
    </row>
    <row r="266648" spans="8:8">
      <c r="H266648" s="12"/>
    </row>
    <row r="266649" spans="8:8">
      <c r="H266649" s="12"/>
    </row>
    <row r="266650" spans="8:8">
      <c r="H266650" s="12"/>
    </row>
    <row r="266651" spans="8:8">
      <c r="H266651" s="12"/>
    </row>
    <row r="266652" spans="8:8">
      <c r="H266652" s="12"/>
    </row>
    <row r="266653" spans="8:8">
      <c r="H266653" s="12"/>
    </row>
    <row r="266654" spans="8:8">
      <c r="H266654" s="12"/>
    </row>
    <row r="266655" spans="8:8">
      <c r="H266655" s="12"/>
    </row>
    <row r="266656" spans="8:8">
      <c r="H266656" s="12"/>
    </row>
    <row r="266657" spans="8:8">
      <c r="H266657" s="12"/>
    </row>
    <row r="266658" spans="8:8">
      <c r="H266658" s="12"/>
    </row>
    <row r="266659" spans="8:8">
      <c r="H266659" s="12"/>
    </row>
    <row r="266660" spans="8:8">
      <c r="H266660" s="12"/>
    </row>
    <row r="266661" spans="8:8">
      <c r="H266661" s="12"/>
    </row>
    <row r="266662" spans="8:8">
      <c r="H266662" s="12"/>
    </row>
    <row r="266663" spans="8:8">
      <c r="H266663" s="12"/>
    </row>
    <row r="266664" spans="8:8">
      <c r="H266664" s="12"/>
    </row>
    <row r="266665" spans="8:8">
      <c r="H266665" s="12"/>
    </row>
    <row r="266666" spans="8:8">
      <c r="H266666" s="12"/>
    </row>
    <row r="266667" spans="8:8">
      <c r="H266667" s="12"/>
    </row>
    <row r="266668" spans="8:8">
      <c r="H266668" s="12"/>
    </row>
    <row r="266669" spans="8:8">
      <c r="H266669" s="12"/>
    </row>
    <row r="266670" spans="8:8">
      <c r="H266670" s="12"/>
    </row>
    <row r="266671" spans="8:8">
      <c r="H266671" s="12"/>
    </row>
    <row r="266672" spans="8:8">
      <c r="H266672" s="12"/>
    </row>
    <row r="266673" spans="8:8">
      <c r="H266673" s="12"/>
    </row>
    <row r="266674" spans="8:8">
      <c r="H266674" s="12"/>
    </row>
    <row r="266675" spans="8:8">
      <c r="H266675" s="12"/>
    </row>
    <row r="266676" spans="8:8">
      <c r="H266676" s="12"/>
    </row>
    <row r="266677" spans="8:8">
      <c r="H266677" s="12"/>
    </row>
    <row r="266678" spans="8:8">
      <c r="H266678" s="12"/>
    </row>
    <row r="266679" spans="8:8">
      <c r="H266679" s="12"/>
    </row>
    <row r="266680" spans="8:8">
      <c r="H266680" s="12"/>
    </row>
    <row r="266681" spans="8:8">
      <c r="H266681" s="12"/>
    </row>
    <row r="266682" spans="8:8">
      <c r="H266682" s="12"/>
    </row>
    <row r="266683" spans="8:8">
      <c r="H266683" s="12"/>
    </row>
    <row r="266684" spans="8:8">
      <c r="H266684" s="12"/>
    </row>
    <row r="266685" spans="8:8">
      <c r="H266685" s="12"/>
    </row>
    <row r="266686" spans="8:8">
      <c r="H266686" s="12"/>
    </row>
    <row r="266687" spans="8:8">
      <c r="H266687" s="12"/>
    </row>
    <row r="266688" spans="8:8">
      <c r="H266688" s="12"/>
    </row>
    <row r="266689" spans="8:8">
      <c r="H266689" s="12"/>
    </row>
    <row r="266690" spans="8:8">
      <c r="H266690" s="12"/>
    </row>
    <row r="266691" spans="8:8">
      <c r="H266691" s="12"/>
    </row>
    <row r="266692" spans="8:8">
      <c r="H266692" s="12"/>
    </row>
    <row r="266693" spans="8:8">
      <c r="H266693" s="12"/>
    </row>
    <row r="266694" spans="8:8">
      <c r="H266694" s="12"/>
    </row>
    <row r="266695" spans="8:8">
      <c r="H266695" s="12"/>
    </row>
    <row r="266696" spans="8:8">
      <c r="H266696" s="12"/>
    </row>
    <row r="266697" spans="8:8">
      <c r="H266697" s="12"/>
    </row>
    <row r="266698" spans="8:8">
      <c r="H266698" s="12"/>
    </row>
    <row r="266699" spans="8:8">
      <c r="H266699" s="12"/>
    </row>
    <row r="266700" spans="8:8">
      <c r="H266700" s="12"/>
    </row>
    <row r="266701" spans="8:8">
      <c r="H266701" s="12"/>
    </row>
    <row r="266702" spans="8:8">
      <c r="H266702" s="12"/>
    </row>
    <row r="266703" spans="8:8">
      <c r="H266703" s="12"/>
    </row>
    <row r="266704" spans="8:8">
      <c r="H266704" s="12"/>
    </row>
    <row r="266705" spans="8:8">
      <c r="H266705" s="12"/>
    </row>
    <row r="266706" spans="8:8">
      <c r="H266706" s="12"/>
    </row>
    <row r="266707" spans="8:8">
      <c r="H266707" s="12"/>
    </row>
    <row r="266708" spans="8:8">
      <c r="H266708" s="12"/>
    </row>
    <row r="266709" spans="8:8">
      <c r="H266709" s="12"/>
    </row>
    <row r="266710" spans="8:8">
      <c r="H266710" s="12"/>
    </row>
    <row r="266711" spans="8:8">
      <c r="H266711" s="12"/>
    </row>
    <row r="266712" spans="8:8">
      <c r="H266712" s="12"/>
    </row>
    <row r="266713" spans="8:8">
      <c r="H266713" s="12"/>
    </row>
    <row r="266714" spans="8:8">
      <c r="H266714" s="12"/>
    </row>
    <row r="266715" spans="8:8">
      <c r="H266715" s="12"/>
    </row>
    <row r="266716" spans="8:8">
      <c r="H266716" s="12"/>
    </row>
    <row r="266717" spans="8:8">
      <c r="H266717" s="12"/>
    </row>
    <row r="266718" spans="8:8">
      <c r="H266718" s="12"/>
    </row>
    <row r="266719" spans="8:8">
      <c r="H266719" s="12"/>
    </row>
    <row r="266720" spans="8:8">
      <c r="H266720" s="12"/>
    </row>
    <row r="266721" spans="8:8">
      <c r="H266721" s="12"/>
    </row>
    <row r="266722" spans="8:8">
      <c r="H266722" s="12"/>
    </row>
    <row r="266723" spans="8:8">
      <c r="H266723" s="12"/>
    </row>
    <row r="266724" spans="8:8">
      <c r="H266724" s="12"/>
    </row>
    <row r="266725" spans="8:8">
      <c r="H266725" s="12"/>
    </row>
    <row r="266726" spans="8:8">
      <c r="H266726" s="12"/>
    </row>
    <row r="266727" spans="8:8">
      <c r="H266727" s="12"/>
    </row>
    <row r="266728" spans="8:8">
      <c r="H266728" s="12"/>
    </row>
    <row r="266729" spans="8:8">
      <c r="H266729" s="12"/>
    </row>
    <row r="266730" spans="8:8">
      <c r="H266730" s="12"/>
    </row>
    <row r="266731" spans="8:8">
      <c r="H266731" s="12"/>
    </row>
    <row r="266732" spans="8:8">
      <c r="H266732" s="12"/>
    </row>
    <row r="266733" spans="8:8">
      <c r="H266733" s="12"/>
    </row>
    <row r="266734" spans="8:8">
      <c r="H266734" s="12"/>
    </row>
    <row r="266735" spans="8:8">
      <c r="H266735" s="12"/>
    </row>
    <row r="266736" spans="8:8">
      <c r="H266736" s="12"/>
    </row>
    <row r="266737" spans="8:8">
      <c r="H266737" s="12"/>
    </row>
    <row r="266738" spans="8:8">
      <c r="H266738" s="12"/>
    </row>
    <row r="266739" spans="8:8">
      <c r="H266739" s="12"/>
    </row>
    <row r="266740" spans="8:8">
      <c r="H266740" s="12"/>
    </row>
    <row r="266741" spans="8:8">
      <c r="H266741" s="12"/>
    </row>
    <row r="266742" spans="8:8">
      <c r="H266742" s="12"/>
    </row>
    <row r="266743" spans="8:8">
      <c r="H266743" s="12"/>
    </row>
    <row r="266744" spans="8:8">
      <c r="H266744" s="12"/>
    </row>
    <row r="266745" spans="8:8">
      <c r="H266745" s="12"/>
    </row>
    <row r="266746" spans="8:8">
      <c r="H266746" s="12"/>
    </row>
    <row r="266747" spans="8:8">
      <c r="H266747" s="12"/>
    </row>
    <row r="266748" spans="8:8">
      <c r="H266748" s="12"/>
    </row>
    <row r="266749" spans="8:8">
      <c r="H266749" s="12"/>
    </row>
    <row r="266750" spans="8:8">
      <c r="H266750" s="12"/>
    </row>
    <row r="266751" spans="8:8">
      <c r="H266751" s="12"/>
    </row>
    <row r="266752" spans="8:8">
      <c r="H266752" s="12"/>
    </row>
    <row r="266753" spans="8:8">
      <c r="H266753" s="12"/>
    </row>
    <row r="266754" spans="8:8">
      <c r="H266754" s="12"/>
    </row>
    <row r="266755" spans="8:8">
      <c r="H266755" s="12"/>
    </row>
    <row r="266756" spans="8:8">
      <c r="H266756" s="12"/>
    </row>
    <row r="266757" spans="8:8">
      <c r="H266757" s="12"/>
    </row>
    <row r="266758" spans="8:8">
      <c r="H266758" s="12"/>
    </row>
    <row r="266759" spans="8:8">
      <c r="H266759" s="12"/>
    </row>
    <row r="266760" spans="8:8">
      <c r="H266760" s="12"/>
    </row>
    <row r="266761" spans="8:8">
      <c r="H266761" s="12"/>
    </row>
    <row r="266762" spans="8:8">
      <c r="H266762" s="12"/>
    </row>
    <row r="266763" spans="8:8">
      <c r="H266763" s="12"/>
    </row>
    <row r="266764" spans="8:8">
      <c r="H266764" s="12"/>
    </row>
    <row r="266765" spans="8:8">
      <c r="H266765" s="12"/>
    </row>
    <row r="266766" spans="8:8">
      <c r="H266766" s="12"/>
    </row>
    <row r="266767" spans="8:8">
      <c r="H266767" s="12"/>
    </row>
    <row r="266768" spans="8:8">
      <c r="H266768" s="12"/>
    </row>
    <row r="266769" spans="8:8">
      <c r="H266769" s="12"/>
    </row>
    <row r="266770" spans="8:8">
      <c r="H266770" s="12"/>
    </row>
    <row r="266771" spans="8:8">
      <c r="H266771" s="12"/>
    </row>
    <row r="266772" spans="8:8">
      <c r="H266772" s="12"/>
    </row>
    <row r="266773" spans="8:8">
      <c r="H266773" s="12"/>
    </row>
    <row r="266774" spans="8:8">
      <c r="H266774" s="12"/>
    </row>
    <row r="266775" spans="8:8">
      <c r="H266775" s="12"/>
    </row>
    <row r="266776" spans="8:8">
      <c r="H266776" s="12"/>
    </row>
    <row r="266777" spans="8:8">
      <c r="H266777" s="12"/>
    </row>
    <row r="266778" spans="8:8">
      <c r="H266778" s="12"/>
    </row>
    <row r="266779" spans="8:8">
      <c r="H266779" s="12"/>
    </row>
    <row r="266780" spans="8:8">
      <c r="H266780" s="12"/>
    </row>
    <row r="266781" spans="8:8">
      <c r="H266781" s="12"/>
    </row>
    <row r="266782" spans="8:8">
      <c r="H266782" s="12"/>
    </row>
    <row r="266783" spans="8:8">
      <c r="H266783" s="12"/>
    </row>
    <row r="266784" spans="8:8">
      <c r="H266784" s="12"/>
    </row>
    <row r="266785" spans="8:8">
      <c r="H266785" s="12"/>
    </row>
    <row r="266786" spans="8:8">
      <c r="H266786" s="12"/>
    </row>
    <row r="266787" spans="8:8">
      <c r="H266787" s="12"/>
    </row>
    <row r="266788" spans="8:8">
      <c r="H266788" s="12"/>
    </row>
    <row r="266789" spans="8:8">
      <c r="H266789" s="12"/>
    </row>
    <row r="266790" spans="8:8">
      <c r="H266790" s="12"/>
    </row>
    <row r="266791" spans="8:8">
      <c r="H266791" s="12"/>
    </row>
    <row r="266792" spans="8:8">
      <c r="H266792" s="12"/>
    </row>
    <row r="266793" spans="8:8">
      <c r="H266793" s="12"/>
    </row>
    <row r="266794" spans="8:8">
      <c r="H266794" s="12"/>
    </row>
    <row r="266795" spans="8:8">
      <c r="H266795" s="12"/>
    </row>
    <row r="266796" spans="8:8">
      <c r="H266796" s="12"/>
    </row>
    <row r="266797" spans="8:8">
      <c r="H266797" s="12"/>
    </row>
    <row r="266798" spans="8:8">
      <c r="H266798" s="12"/>
    </row>
    <row r="266799" spans="8:8">
      <c r="H266799" s="12"/>
    </row>
    <row r="266800" spans="8:8">
      <c r="H266800" s="12"/>
    </row>
    <row r="266801" spans="8:8">
      <c r="H266801" s="12"/>
    </row>
    <row r="266802" spans="8:8">
      <c r="H266802" s="12"/>
    </row>
    <row r="266803" spans="8:8">
      <c r="H266803" s="12"/>
    </row>
    <row r="266804" spans="8:8">
      <c r="H266804" s="12"/>
    </row>
    <row r="266805" spans="8:8">
      <c r="H266805" s="12"/>
    </row>
    <row r="266806" spans="8:8">
      <c r="H266806" s="12"/>
    </row>
    <row r="266807" spans="8:8">
      <c r="H266807" s="12"/>
    </row>
    <row r="266808" spans="8:8">
      <c r="H266808" s="12"/>
    </row>
    <row r="266809" spans="8:8">
      <c r="H266809" s="12"/>
    </row>
    <row r="266810" spans="8:8">
      <c r="H266810" s="12"/>
    </row>
    <row r="266811" spans="8:8">
      <c r="H266811" s="12"/>
    </row>
    <row r="266812" spans="8:8">
      <c r="H266812" s="12"/>
    </row>
    <row r="266813" spans="8:8">
      <c r="H266813" s="12"/>
    </row>
    <row r="266814" spans="8:8">
      <c r="H266814" s="12"/>
    </row>
    <row r="266815" spans="8:8">
      <c r="H266815" s="12"/>
    </row>
    <row r="266816" spans="8:8">
      <c r="H266816" s="12"/>
    </row>
    <row r="266817" spans="8:8">
      <c r="H266817" s="12"/>
    </row>
    <row r="266818" spans="8:8">
      <c r="H266818" s="12"/>
    </row>
    <row r="266819" spans="8:8">
      <c r="H266819" s="12"/>
    </row>
    <row r="266820" spans="8:8">
      <c r="H266820" s="12"/>
    </row>
    <row r="266821" spans="8:8">
      <c r="H266821" s="12"/>
    </row>
    <row r="266822" spans="8:8">
      <c r="H266822" s="12"/>
    </row>
    <row r="266823" spans="8:8">
      <c r="H266823" s="12"/>
    </row>
    <row r="266824" spans="8:8">
      <c r="H266824" s="12"/>
    </row>
    <row r="266825" spans="8:8">
      <c r="H266825" s="12"/>
    </row>
    <row r="266826" spans="8:8">
      <c r="H266826" s="12"/>
    </row>
    <row r="266827" spans="8:8">
      <c r="H266827" s="12"/>
    </row>
    <row r="266828" spans="8:8">
      <c r="H266828" s="12"/>
    </row>
    <row r="266829" spans="8:8">
      <c r="H266829" s="12"/>
    </row>
    <row r="266830" spans="8:8">
      <c r="H266830" s="12"/>
    </row>
    <row r="266831" spans="8:8">
      <c r="H266831" s="12"/>
    </row>
    <row r="266832" spans="8:8">
      <c r="H266832" s="12"/>
    </row>
    <row r="266833" spans="8:8">
      <c r="H266833" s="12"/>
    </row>
    <row r="266834" spans="8:8">
      <c r="H266834" s="12"/>
    </row>
    <row r="266835" spans="8:8">
      <c r="H266835" s="12"/>
    </row>
    <row r="266836" spans="8:8">
      <c r="H266836" s="12"/>
    </row>
    <row r="266837" spans="8:8">
      <c r="H266837" s="12"/>
    </row>
    <row r="266838" spans="8:8">
      <c r="H266838" s="12"/>
    </row>
    <row r="266839" spans="8:8">
      <c r="H266839" s="12"/>
    </row>
    <row r="266840" spans="8:8">
      <c r="H266840" s="12"/>
    </row>
    <row r="266841" spans="8:8">
      <c r="H266841" s="12"/>
    </row>
    <row r="266842" spans="8:8">
      <c r="H266842" s="12"/>
    </row>
    <row r="266843" spans="8:8">
      <c r="H266843" s="12"/>
    </row>
    <row r="266844" spans="8:8">
      <c r="H266844" s="12"/>
    </row>
    <row r="266845" spans="8:8">
      <c r="H266845" s="12"/>
    </row>
    <row r="266846" spans="8:8">
      <c r="H266846" s="12"/>
    </row>
    <row r="266847" spans="8:8">
      <c r="H266847" s="12"/>
    </row>
    <row r="266848" spans="8:8">
      <c r="H266848" s="12"/>
    </row>
    <row r="266849" spans="8:8">
      <c r="H266849" s="12"/>
    </row>
    <row r="266850" spans="8:8">
      <c r="H266850" s="12"/>
    </row>
    <row r="266851" spans="8:8">
      <c r="H266851" s="12"/>
    </row>
    <row r="266852" spans="8:8">
      <c r="H266852" s="12"/>
    </row>
    <row r="266853" spans="8:8">
      <c r="H266853" s="12"/>
    </row>
    <row r="266854" spans="8:8">
      <c r="H266854" s="12"/>
    </row>
    <row r="266855" spans="8:8">
      <c r="H266855" s="12"/>
    </row>
    <row r="266856" spans="8:8">
      <c r="H266856" s="12"/>
    </row>
    <row r="266857" spans="8:8">
      <c r="H266857" s="12"/>
    </row>
    <row r="266858" spans="8:8">
      <c r="H266858" s="12"/>
    </row>
    <row r="266859" spans="8:8">
      <c r="H266859" s="12"/>
    </row>
    <row r="266860" spans="8:8">
      <c r="H266860" s="12"/>
    </row>
    <row r="266861" spans="8:8">
      <c r="H266861" s="12"/>
    </row>
    <row r="266862" spans="8:8">
      <c r="H266862" s="12"/>
    </row>
    <row r="266863" spans="8:8">
      <c r="H266863" s="12"/>
    </row>
    <row r="266864" spans="8:8">
      <c r="H266864" s="12"/>
    </row>
    <row r="266865" spans="8:8">
      <c r="H266865" s="12"/>
    </row>
    <row r="266866" spans="8:8">
      <c r="H266866" s="12"/>
    </row>
    <row r="266867" spans="8:8">
      <c r="H266867" s="12"/>
    </row>
    <row r="266868" spans="8:8">
      <c r="H266868" s="12"/>
    </row>
    <row r="266869" spans="8:8">
      <c r="H266869" s="12"/>
    </row>
    <row r="266870" spans="8:8">
      <c r="H266870" s="12"/>
    </row>
    <row r="266871" spans="8:8">
      <c r="H266871" s="12"/>
    </row>
    <row r="266872" spans="8:8">
      <c r="H266872" s="12"/>
    </row>
    <row r="266873" spans="8:8">
      <c r="H266873" s="12"/>
    </row>
    <row r="266874" spans="8:8">
      <c r="H266874" s="12"/>
    </row>
    <row r="266875" spans="8:8">
      <c r="H266875" s="12"/>
    </row>
    <row r="266876" spans="8:8">
      <c r="H266876" s="12"/>
    </row>
    <row r="266877" spans="8:8">
      <c r="H266877" s="12"/>
    </row>
    <row r="266878" spans="8:8">
      <c r="H266878" s="12"/>
    </row>
    <row r="266879" spans="8:8">
      <c r="H266879" s="12"/>
    </row>
    <row r="266880" spans="8:8">
      <c r="H266880" s="12"/>
    </row>
    <row r="266881" spans="8:8">
      <c r="H266881" s="12"/>
    </row>
    <row r="266882" spans="8:8">
      <c r="H266882" s="12"/>
    </row>
    <row r="266883" spans="8:8">
      <c r="H266883" s="12"/>
    </row>
    <row r="266884" spans="8:8">
      <c r="H266884" s="12"/>
    </row>
    <row r="266885" spans="8:8">
      <c r="H266885" s="12"/>
    </row>
    <row r="266886" spans="8:8">
      <c r="H266886" s="12"/>
    </row>
    <row r="266887" spans="8:8">
      <c r="H266887" s="12"/>
    </row>
    <row r="266888" spans="8:8">
      <c r="H266888" s="12"/>
    </row>
    <row r="266889" spans="8:8">
      <c r="H266889" s="12"/>
    </row>
    <row r="266890" spans="8:8">
      <c r="H266890" s="12"/>
    </row>
    <row r="266891" spans="8:8">
      <c r="H266891" s="12"/>
    </row>
    <row r="266892" spans="8:8">
      <c r="H266892" s="12"/>
    </row>
    <row r="266893" spans="8:8">
      <c r="H266893" s="12"/>
    </row>
    <row r="266894" spans="8:8">
      <c r="H266894" s="12"/>
    </row>
    <row r="266895" spans="8:8">
      <c r="H266895" s="12"/>
    </row>
    <row r="266896" spans="8:8">
      <c r="H266896" s="12"/>
    </row>
    <row r="266897" spans="8:8">
      <c r="H266897" s="12"/>
    </row>
    <row r="266898" spans="8:8">
      <c r="H266898" s="12"/>
    </row>
    <row r="266899" spans="8:8">
      <c r="H266899" s="12"/>
    </row>
    <row r="266900" spans="8:8">
      <c r="H266900" s="12"/>
    </row>
    <row r="266901" spans="8:8">
      <c r="H266901" s="12"/>
    </row>
    <row r="266902" spans="8:8">
      <c r="H266902" s="12"/>
    </row>
    <row r="266903" spans="8:8">
      <c r="H266903" s="12"/>
    </row>
    <row r="266904" spans="8:8">
      <c r="H266904" s="12"/>
    </row>
    <row r="266905" spans="8:8">
      <c r="H266905" s="12"/>
    </row>
    <row r="266906" spans="8:8">
      <c r="H266906" s="12"/>
    </row>
    <row r="266907" spans="8:8">
      <c r="H266907" s="12"/>
    </row>
    <row r="266908" spans="8:8">
      <c r="H266908" s="12"/>
    </row>
    <row r="266909" spans="8:8">
      <c r="H266909" s="12"/>
    </row>
    <row r="266910" spans="8:8">
      <c r="H266910" s="12"/>
    </row>
    <row r="266911" spans="8:8">
      <c r="H266911" s="12"/>
    </row>
    <row r="266912" spans="8:8">
      <c r="H266912" s="12"/>
    </row>
    <row r="266913" spans="8:8">
      <c r="H266913" s="12"/>
    </row>
    <row r="266914" spans="8:8">
      <c r="H266914" s="12"/>
    </row>
    <row r="266915" spans="8:8">
      <c r="H266915" s="12"/>
    </row>
    <row r="266916" spans="8:8">
      <c r="H266916" s="12"/>
    </row>
    <row r="266917" spans="8:8">
      <c r="H266917" s="12"/>
    </row>
    <row r="266918" spans="8:8">
      <c r="H266918" s="12"/>
    </row>
    <row r="266919" spans="8:8">
      <c r="H266919" s="12"/>
    </row>
    <row r="266920" spans="8:8">
      <c r="H266920" s="12"/>
    </row>
    <row r="266921" spans="8:8">
      <c r="H266921" s="12"/>
    </row>
    <row r="266922" spans="8:8">
      <c r="H266922" s="12"/>
    </row>
    <row r="266923" spans="8:8">
      <c r="H266923" s="12"/>
    </row>
    <row r="266924" spans="8:8">
      <c r="H266924" s="12"/>
    </row>
    <row r="266925" spans="8:8">
      <c r="H266925" s="12"/>
    </row>
    <row r="266926" spans="8:8">
      <c r="H266926" s="12"/>
    </row>
    <row r="266927" spans="8:8">
      <c r="H266927" s="12"/>
    </row>
    <row r="266928" spans="8:8">
      <c r="H266928" s="12"/>
    </row>
    <row r="266929" spans="8:8">
      <c r="H266929" s="12"/>
    </row>
    <row r="266930" spans="8:8">
      <c r="H266930" s="12"/>
    </row>
    <row r="266931" spans="8:8">
      <c r="H266931" s="12"/>
    </row>
    <row r="266932" spans="8:8">
      <c r="H266932" s="12"/>
    </row>
    <row r="266933" spans="8:8">
      <c r="H266933" s="12"/>
    </row>
    <row r="266934" spans="8:8">
      <c r="H266934" s="12"/>
    </row>
    <row r="266935" spans="8:8">
      <c r="H266935" s="12"/>
    </row>
    <row r="266936" spans="8:8">
      <c r="H266936" s="12"/>
    </row>
    <row r="266937" spans="8:8">
      <c r="H266937" s="12"/>
    </row>
    <row r="266938" spans="8:8">
      <c r="H266938" s="12"/>
    </row>
    <row r="266939" spans="8:8">
      <c r="H266939" s="12"/>
    </row>
    <row r="266940" spans="8:8">
      <c r="H266940" s="12"/>
    </row>
    <row r="266941" spans="8:8">
      <c r="H266941" s="12"/>
    </row>
    <row r="266942" spans="8:8">
      <c r="H266942" s="12"/>
    </row>
    <row r="266943" spans="8:8">
      <c r="H266943" s="12"/>
    </row>
    <row r="266944" spans="8:8">
      <c r="H266944" s="12"/>
    </row>
    <row r="266945" spans="8:8">
      <c r="H266945" s="12"/>
    </row>
    <row r="266946" spans="8:8">
      <c r="H266946" s="12"/>
    </row>
    <row r="266947" spans="8:8">
      <c r="H266947" s="12"/>
    </row>
    <row r="266948" spans="8:8">
      <c r="H266948" s="12"/>
    </row>
    <row r="266949" spans="8:8">
      <c r="H266949" s="12"/>
    </row>
    <row r="266950" spans="8:8">
      <c r="H266950" s="12"/>
    </row>
    <row r="266951" spans="8:8">
      <c r="H266951" s="12"/>
    </row>
    <row r="266952" spans="8:8">
      <c r="H266952" s="12"/>
    </row>
    <row r="266953" spans="8:8">
      <c r="H266953" s="12"/>
    </row>
    <row r="266954" spans="8:8">
      <c r="H266954" s="12"/>
    </row>
    <row r="266955" spans="8:8">
      <c r="H266955" s="12"/>
    </row>
    <row r="266956" spans="8:8">
      <c r="H266956" s="12"/>
    </row>
    <row r="266957" spans="8:8">
      <c r="H266957" s="12"/>
    </row>
    <row r="266958" spans="8:8">
      <c r="H266958" s="12"/>
    </row>
    <row r="266959" spans="8:8">
      <c r="H266959" s="12"/>
    </row>
    <row r="266960" spans="8:8">
      <c r="H266960" s="12"/>
    </row>
    <row r="266961" spans="8:8">
      <c r="H266961" s="12"/>
    </row>
    <row r="266962" spans="8:8">
      <c r="H266962" s="12"/>
    </row>
    <row r="266963" spans="8:8">
      <c r="H266963" s="12"/>
    </row>
    <row r="266964" spans="8:8">
      <c r="H266964" s="12"/>
    </row>
    <row r="266965" spans="8:8">
      <c r="H266965" s="12"/>
    </row>
    <row r="266966" spans="8:8">
      <c r="H266966" s="12"/>
    </row>
    <row r="266967" spans="8:8">
      <c r="H266967" s="12"/>
    </row>
    <row r="266968" spans="8:8">
      <c r="H266968" s="12"/>
    </row>
    <row r="266969" spans="8:8">
      <c r="H266969" s="12"/>
    </row>
    <row r="266970" spans="8:8">
      <c r="H266970" s="12"/>
    </row>
    <row r="266971" spans="8:8">
      <c r="H266971" s="12"/>
    </row>
    <row r="266972" spans="8:8">
      <c r="H266972" s="12"/>
    </row>
    <row r="266973" spans="8:8">
      <c r="H266973" s="12"/>
    </row>
    <row r="266974" spans="8:8">
      <c r="H266974" s="12"/>
    </row>
    <row r="266975" spans="8:8">
      <c r="H266975" s="12"/>
    </row>
    <row r="266976" spans="8:8">
      <c r="H266976" s="12"/>
    </row>
    <row r="266977" spans="8:8">
      <c r="H266977" s="12"/>
    </row>
    <row r="266978" spans="8:8">
      <c r="H266978" s="12"/>
    </row>
    <row r="266979" spans="8:8">
      <c r="H266979" s="12"/>
    </row>
    <row r="266980" spans="8:8">
      <c r="H266980" s="12"/>
    </row>
    <row r="266981" spans="8:8">
      <c r="H266981" s="12"/>
    </row>
    <row r="266982" spans="8:8">
      <c r="H266982" s="12"/>
    </row>
    <row r="266983" spans="8:8">
      <c r="H266983" s="12"/>
    </row>
    <row r="266984" spans="8:8">
      <c r="H266984" s="12"/>
    </row>
    <row r="266985" spans="8:8">
      <c r="H266985" s="12"/>
    </row>
    <row r="266986" spans="8:8">
      <c r="H266986" s="12"/>
    </row>
    <row r="266987" spans="8:8">
      <c r="H266987" s="12"/>
    </row>
    <row r="266988" spans="8:8">
      <c r="H266988" s="12"/>
    </row>
    <row r="266989" spans="8:8">
      <c r="H266989" s="12"/>
    </row>
    <row r="266990" spans="8:8">
      <c r="H266990" s="12"/>
    </row>
    <row r="266991" spans="8:8">
      <c r="H266991" s="12"/>
    </row>
    <row r="266992" spans="8:8">
      <c r="H266992" s="12"/>
    </row>
    <row r="266993" spans="8:8">
      <c r="H266993" s="12"/>
    </row>
    <row r="266994" spans="8:8">
      <c r="H266994" s="12"/>
    </row>
    <row r="266995" spans="8:8">
      <c r="H266995" s="12"/>
    </row>
    <row r="266996" spans="8:8">
      <c r="H266996" s="12"/>
    </row>
    <row r="266997" spans="8:8">
      <c r="H266997" s="12"/>
    </row>
    <row r="266998" spans="8:8">
      <c r="H266998" s="12"/>
    </row>
    <row r="266999" spans="8:8">
      <c r="H266999" s="12"/>
    </row>
    <row r="267000" spans="8:8">
      <c r="H267000" s="12"/>
    </row>
    <row r="267001" spans="8:8">
      <c r="H267001" s="12"/>
    </row>
    <row r="267002" spans="8:8">
      <c r="H267002" s="12"/>
    </row>
    <row r="267003" spans="8:8">
      <c r="H267003" s="12"/>
    </row>
    <row r="267004" spans="8:8">
      <c r="H267004" s="12"/>
    </row>
    <row r="267005" spans="8:8">
      <c r="H267005" s="12"/>
    </row>
    <row r="267006" spans="8:8">
      <c r="H267006" s="12"/>
    </row>
    <row r="267007" spans="8:8">
      <c r="H267007" s="12"/>
    </row>
    <row r="267008" spans="8:8">
      <c r="H267008" s="12"/>
    </row>
    <row r="267009" spans="8:8">
      <c r="H267009" s="12"/>
    </row>
    <row r="267010" spans="8:8">
      <c r="H267010" s="12"/>
    </row>
    <row r="267011" spans="8:8">
      <c r="H267011" s="12"/>
    </row>
    <row r="267012" spans="8:8">
      <c r="H267012" s="12"/>
    </row>
    <row r="267013" spans="8:8">
      <c r="H267013" s="12"/>
    </row>
    <row r="267014" spans="8:8">
      <c r="H267014" s="12"/>
    </row>
    <row r="267015" spans="8:8">
      <c r="H267015" s="12"/>
    </row>
    <row r="267016" spans="8:8">
      <c r="H267016" s="12"/>
    </row>
    <row r="267017" spans="8:8">
      <c r="H267017" s="12"/>
    </row>
    <row r="267018" spans="8:8">
      <c r="H267018" s="12"/>
    </row>
    <row r="267019" spans="8:8">
      <c r="H267019" s="12"/>
    </row>
    <row r="267020" spans="8:8">
      <c r="H267020" s="12"/>
    </row>
    <row r="267021" spans="8:8">
      <c r="H267021" s="12"/>
    </row>
    <row r="267022" spans="8:8">
      <c r="H267022" s="12"/>
    </row>
    <row r="267023" spans="8:8">
      <c r="H267023" s="12"/>
    </row>
    <row r="267024" spans="8:8">
      <c r="H267024" s="12"/>
    </row>
    <row r="267025" spans="8:8">
      <c r="H267025" s="12"/>
    </row>
    <row r="267026" spans="8:8">
      <c r="H267026" s="12"/>
    </row>
    <row r="267027" spans="8:8">
      <c r="H267027" s="12"/>
    </row>
    <row r="267028" spans="8:8">
      <c r="H267028" s="12"/>
    </row>
    <row r="267029" spans="8:8">
      <c r="H267029" s="12"/>
    </row>
    <row r="267030" spans="8:8">
      <c r="H267030" s="12"/>
    </row>
    <row r="267031" spans="8:8">
      <c r="H267031" s="12"/>
    </row>
    <row r="267032" spans="8:8">
      <c r="H267032" s="12"/>
    </row>
    <row r="267033" spans="8:8">
      <c r="H267033" s="12"/>
    </row>
    <row r="267034" spans="8:8">
      <c r="H267034" s="12"/>
    </row>
    <row r="267035" spans="8:8">
      <c r="H267035" s="12"/>
    </row>
    <row r="267036" spans="8:8">
      <c r="H267036" s="12"/>
    </row>
    <row r="267037" spans="8:8">
      <c r="H267037" s="12"/>
    </row>
    <row r="267038" spans="8:8">
      <c r="H267038" s="12"/>
    </row>
    <row r="267039" spans="8:8">
      <c r="H267039" s="12"/>
    </row>
    <row r="267040" spans="8:8">
      <c r="H267040" s="12"/>
    </row>
    <row r="267041" spans="8:8">
      <c r="H267041" s="12"/>
    </row>
    <row r="267042" spans="8:8">
      <c r="H267042" s="12"/>
    </row>
    <row r="267043" spans="8:8">
      <c r="H267043" s="12"/>
    </row>
    <row r="267044" spans="8:8">
      <c r="H267044" s="12"/>
    </row>
    <row r="267045" spans="8:8">
      <c r="H267045" s="12"/>
    </row>
    <row r="267046" spans="8:8">
      <c r="H267046" s="12"/>
    </row>
    <row r="267047" spans="8:8">
      <c r="H267047" s="12"/>
    </row>
    <row r="267048" spans="8:8">
      <c r="H267048" s="12"/>
    </row>
    <row r="267049" spans="8:8">
      <c r="H267049" s="12"/>
    </row>
    <row r="267050" spans="8:8">
      <c r="H267050" s="12"/>
    </row>
    <row r="267051" spans="8:8">
      <c r="H267051" s="12"/>
    </row>
    <row r="267052" spans="8:8">
      <c r="H267052" s="12"/>
    </row>
    <row r="267053" spans="8:8">
      <c r="H267053" s="12"/>
    </row>
    <row r="267054" spans="8:8">
      <c r="H267054" s="12"/>
    </row>
    <row r="267055" spans="8:8">
      <c r="H267055" s="12"/>
    </row>
    <row r="267056" spans="8:8">
      <c r="H267056" s="12"/>
    </row>
    <row r="267057" spans="8:8">
      <c r="H267057" s="12"/>
    </row>
    <row r="267058" spans="8:8">
      <c r="H267058" s="12"/>
    </row>
    <row r="267059" spans="8:8">
      <c r="H267059" s="12"/>
    </row>
    <row r="267060" spans="8:8">
      <c r="H267060" s="12"/>
    </row>
    <row r="267061" spans="8:8">
      <c r="H267061" s="12"/>
    </row>
    <row r="267062" spans="8:8">
      <c r="H267062" s="12"/>
    </row>
    <row r="267063" spans="8:8">
      <c r="H267063" s="12"/>
    </row>
    <row r="267064" spans="8:8">
      <c r="H267064" s="12"/>
    </row>
    <row r="267065" spans="8:8">
      <c r="H267065" s="12"/>
    </row>
    <row r="267066" spans="8:8">
      <c r="H267066" s="12"/>
    </row>
    <row r="267067" spans="8:8">
      <c r="H267067" s="12"/>
    </row>
    <row r="267068" spans="8:8">
      <c r="H267068" s="12"/>
    </row>
    <row r="267069" spans="8:8">
      <c r="H267069" s="12"/>
    </row>
    <row r="267070" spans="8:8">
      <c r="H267070" s="12"/>
    </row>
    <row r="267071" spans="8:8">
      <c r="H267071" s="12"/>
    </row>
    <row r="267072" spans="8:8">
      <c r="H267072" s="12"/>
    </row>
    <row r="267073" spans="8:8">
      <c r="H267073" s="12"/>
    </row>
    <row r="267074" spans="8:8">
      <c r="H267074" s="12"/>
    </row>
    <row r="267075" spans="8:8">
      <c r="H267075" s="12"/>
    </row>
    <row r="267076" spans="8:8">
      <c r="H267076" s="12"/>
    </row>
    <row r="267077" spans="8:8">
      <c r="H267077" s="12"/>
    </row>
    <row r="267078" spans="8:8">
      <c r="H267078" s="12"/>
    </row>
    <row r="267079" spans="8:8">
      <c r="H267079" s="12"/>
    </row>
    <row r="267080" spans="8:8">
      <c r="H267080" s="12"/>
    </row>
    <row r="267081" spans="8:8">
      <c r="H267081" s="12"/>
    </row>
    <row r="267082" spans="8:8">
      <c r="H267082" s="12"/>
    </row>
    <row r="267083" spans="8:8">
      <c r="H267083" s="12"/>
    </row>
    <row r="267084" spans="8:8">
      <c r="H267084" s="12"/>
    </row>
    <row r="267085" spans="8:8">
      <c r="H267085" s="12"/>
    </row>
    <row r="267086" spans="8:8">
      <c r="H267086" s="12"/>
    </row>
    <row r="267087" spans="8:8">
      <c r="H267087" s="12"/>
    </row>
    <row r="267088" spans="8:8">
      <c r="H267088" s="12"/>
    </row>
    <row r="267089" spans="8:8">
      <c r="H267089" s="12"/>
    </row>
    <row r="267090" spans="8:8">
      <c r="H267090" s="12"/>
    </row>
    <row r="267091" spans="8:8">
      <c r="H267091" s="12"/>
    </row>
    <row r="267092" spans="8:8">
      <c r="H267092" s="12"/>
    </row>
    <row r="267093" spans="8:8">
      <c r="H267093" s="12"/>
    </row>
    <row r="267094" spans="8:8">
      <c r="H267094" s="12"/>
    </row>
    <row r="267095" spans="8:8">
      <c r="H267095" s="12"/>
    </row>
    <row r="267096" spans="8:8">
      <c r="H267096" s="12"/>
    </row>
    <row r="267097" spans="8:8">
      <c r="H267097" s="12"/>
    </row>
    <row r="267098" spans="8:8">
      <c r="H267098" s="12"/>
    </row>
    <row r="267099" spans="8:8">
      <c r="H267099" s="12"/>
    </row>
    <row r="267100" spans="8:8">
      <c r="H267100" s="12"/>
    </row>
    <row r="267101" spans="8:8">
      <c r="H267101" s="12"/>
    </row>
    <row r="267102" spans="8:8">
      <c r="H267102" s="12"/>
    </row>
    <row r="267103" spans="8:8">
      <c r="H267103" s="12"/>
    </row>
    <row r="267104" spans="8:8">
      <c r="H267104" s="12"/>
    </row>
    <row r="267105" spans="8:8">
      <c r="H267105" s="12"/>
    </row>
    <row r="267106" spans="8:8">
      <c r="H267106" s="12"/>
    </row>
    <row r="267107" spans="8:8">
      <c r="H267107" s="12"/>
    </row>
    <row r="267108" spans="8:8">
      <c r="H267108" s="12"/>
    </row>
    <row r="267109" spans="8:8">
      <c r="H267109" s="12"/>
    </row>
    <row r="267110" spans="8:8">
      <c r="H267110" s="12"/>
    </row>
    <row r="267111" spans="8:8">
      <c r="H267111" s="12"/>
    </row>
    <row r="267112" spans="8:8">
      <c r="H267112" s="12"/>
    </row>
    <row r="267113" spans="8:8">
      <c r="H267113" s="12"/>
    </row>
    <row r="267114" spans="8:8">
      <c r="H267114" s="12"/>
    </row>
    <row r="267115" spans="8:8">
      <c r="H267115" s="12"/>
    </row>
    <row r="267116" spans="8:8">
      <c r="H267116" s="12"/>
    </row>
    <row r="267117" spans="8:8">
      <c r="H267117" s="12"/>
    </row>
    <row r="267118" spans="8:8">
      <c r="H267118" s="12"/>
    </row>
    <row r="267119" spans="8:8">
      <c r="H267119" s="12"/>
    </row>
    <row r="267120" spans="8:8">
      <c r="H267120" s="12"/>
    </row>
    <row r="267121" spans="8:8">
      <c r="H267121" s="12"/>
    </row>
    <row r="267122" spans="8:8">
      <c r="H267122" s="12"/>
    </row>
    <row r="267123" spans="8:8">
      <c r="H267123" s="12"/>
    </row>
    <row r="267124" spans="8:8">
      <c r="H267124" s="12"/>
    </row>
    <row r="267125" spans="8:8">
      <c r="H267125" s="12"/>
    </row>
    <row r="267126" spans="8:8">
      <c r="H267126" s="12"/>
    </row>
    <row r="267127" spans="8:8">
      <c r="H267127" s="12"/>
    </row>
    <row r="267128" spans="8:8">
      <c r="H267128" s="12"/>
    </row>
    <row r="267129" spans="8:8">
      <c r="H267129" s="12"/>
    </row>
    <row r="267130" spans="8:8">
      <c r="H267130" s="12"/>
    </row>
    <row r="267131" spans="8:8">
      <c r="H267131" s="12"/>
    </row>
    <row r="267132" spans="8:8">
      <c r="H267132" s="12"/>
    </row>
    <row r="267133" spans="8:8">
      <c r="H267133" s="12"/>
    </row>
    <row r="267134" spans="8:8">
      <c r="H267134" s="12"/>
    </row>
    <row r="267135" spans="8:8">
      <c r="H267135" s="12"/>
    </row>
    <row r="267136" spans="8:8">
      <c r="H267136" s="12"/>
    </row>
    <row r="267137" spans="8:8">
      <c r="H267137" s="12"/>
    </row>
    <row r="267138" spans="8:8">
      <c r="H267138" s="12"/>
    </row>
    <row r="267139" spans="8:8">
      <c r="H267139" s="12"/>
    </row>
    <row r="267140" spans="8:8">
      <c r="H267140" s="12"/>
    </row>
    <row r="267141" spans="8:8">
      <c r="H267141" s="12"/>
    </row>
    <row r="267142" spans="8:8">
      <c r="H267142" s="12"/>
    </row>
    <row r="267143" spans="8:8">
      <c r="H267143" s="12"/>
    </row>
    <row r="267144" spans="8:8">
      <c r="H267144" s="12"/>
    </row>
    <row r="267145" spans="8:8">
      <c r="H267145" s="12"/>
    </row>
    <row r="267146" spans="8:8">
      <c r="H267146" s="12"/>
    </row>
    <row r="267147" spans="8:8">
      <c r="H267147" s="12"/>
    </row>
    <row r="267148" spans="8:8">
      <c r="H267148" s="12"/>
    </row>
    <row r="267149" spans="8:8">
      <c r="H267149" s="12"/>
    </row>
    <row r="267150" spans="8:8">
      <c r="H267150" s="12"/>
    </row>
    <row r="267151" spans="8:8">
      <c r="H267151" s="12"/>
    </row>
    <row r="267152" spans="8:8">
      <c r="H267152" s="12"/>
    </row>
    <row r="267153" spans="8:8">
      <c r="H267153" s="12"/>
    </row>
    <row r="267154" spans="8:8">
      <c r="H267154" s="12"/>
    </row>
    <row r="267155" spans="8:8">
      <c r="H267155" s="12"/>
    </row>
    <row r="267156" spans="8:8">
      <c r="H267156" s="12"/>
    </row>
    <row r="267157" spans="8:8">
      <c r="H267157" s="12"/>
    </row>
    <row r="267158" spans="8:8">
      <c r="H267158" s="12"/>
    </row>
    <row r="267159" spans="8:8">
      <c r="H267159" s="12"/>
    </row>
    <row r="267160" spans="8:8">
      <c r="H267160" s="12"/>
    </row>
    <row r="267161" spans="8:8">
      <c r="H267161" s="12"/>
    </row>
    <row r="267162" spans="8:8">
      <c r="H267162" s="12"/>
    </row>
    <row r="267163" spans="8:8">
      <c r="H267163" s="12"/>
    </row>
    <row r="267164" spans="8:8">
      <c r="H267164" s="12"/>
    </row>
    <row r="267165" spans="8:8">
      <c r="H267165" s="12"/>
    </row>
    <row r="267166" spans="8:8">
      <c r="H267166" s="12"/>
    </row>
    <row r="267167" spans="8:8">
      <c r="H267167" s="12"/>
    </row>
    <row r="267168" spans="8:8">
      <c r="H267168" s="12"/>
    </row>
    <row r="267169" spans="8:8">
      <c r="H267169" s="12"/>
    </row>
    <row r="267170" spans="8:8">
      <c r="H267170" s="12"/>
    </row>
    <row r="267171" spans="8:8">
      <c r="H267171" s="12"/>
    </row>
    <row r="267172" spans="8:8">
      <c r="H267172" s="12"/>
    </row>
    <row r="267173" spans="8:8">
      <c r="H267173" s="12"/>
    </row>
    <row r="267174" spans="8:8">
      <c r="H267174" s="12"/>
    </row>
    <row r="267175" spans="8:8">
      <c r="H267175" s="12"/>
    </row>
    <row r="267176" spans="8:8">
      <c r="H267176" s="12"/>
    </row>
    <row r="267177" spans="8:8">
      <c r="H267177" s="12"/>
    </row>
    <row r="267178" spans="8:8">
      <c r="H267178" s="12"/>
    </row>
    <row r="267179" spans="8:8">
      <c r="H267179" s="12"/>
    </row>
    <row r="267180" spans="8:8">
      <c r="H267180" s="12"/>
    </row>
    <row r="267181" spans="8:8">
      <c r="H267181" s="12"/>
    </row>
    <row r="267182" spans="8:8">
      <c r="H267182" s="12"/>
    </row>
    <row r="267183" spans="8:8">
      <c r="H267183" s="12"/>
    </row>
    <row r="267184" spans="8:8">
      <c r="H267184" s="12"/>
    </row>
    <row r="267185" spans="8:8">
      <c r="H267185" s="12"/>
    </row>
    <row r="267186" spans="8:8">
      <c r="H267186" s="12"/>
    </row>
    <row r="267187" spans="8:8">
      <c r="H267187" s="12"/>
    </row>
    <row r="267188" spans="8:8">
      <c r="H267188" s="12"/>
    </row>
    <row r="267189" spans="8:8">
      <c r="H267189" s="12"/>
    </row>
    <row r="267190" spans="8:8">
      <c r="H267190" s="12"/>
    </row>
    <row r="267191" spans="8:8">
      <c r="H267191" s="12"/>
    </row>
    <row r="267192" spans="8:8">
      <c r="H267192" s="12"/>
    </row>
    <row r="267193" spans="8:8">
      <c r="H267193" s="12"/>
    </row>
    <row r="267194" spans="8:8">
      <c r="H267194" s="12"/>
    </row>
    <row r="267195" spans="8:8">
      <c r="H267195" s="12"/>
    </row>
    <row r="267196" spans="8:8">
      <c r="H267196" s="12"/>
    </row>
    <row r="267197" spans="8:8">
      <c r="H267197" s="12"/>
    </row>
    <row r="267198" spans="8:8">
      <c r="H267198" s="12"/>
    </row>
    <row r="267199" spans="8:8">
      <c r="H267199" s="12"/>
    </row>
    <row r="267200" spans="8:8">
      <c r="H267200" s="12"/>
    </row>
    <row r="267201" spans="8:8">
      <c r="H267201" s="12"/>
    </row>
    <row r="267202" spans="8:8">
      <c r="H267202" s="12"/>
    </row>
    <row r="267203" spans="8:8">
      <c r="H267203" s="12"/>
    </row>
    <row r="267204" spans="8:8">
      <c r="H267204" s="12"/>
    </row>
    <row r="267205" spans="8:8">
      <c r="H267205" s="12"/>
    </row>
    <row r="267206" spans="8:8">
      <c r="H267206" s="12"/>
    </row>
    <row r="267207" spans="8:8">
      <c r="H267207" s="12"/>
    </row>
    <row r="267208" spans="8:8">
      <c r="H267208" s="12"/>
    </row>
    <row r="267209" spans="8:8">
      <c r="H267209" s="12"/>
    </row>
    <row r="267210" spans="8:8">
      <c r="H267210" s="12"/>
    </row>
    <row r="267211" spans="8:8">
      <c r="H267211" s="12"/>
    </row>
    <row r="267212" spans="8:8">
      <c r="H267212" s="12"/>
    </row>
    <row r="267213" spans="8:8">
      <c r="H267213" s="12"/>
    </row>
    <row r="267214" spans="8:8">
      <c r="H267214" s="12"/>
    </row>
    <row r="267215" spans="8:8">
      <c r="H267215" s="12"/>
    </row>
    <row r="267216" spans="8:8">
      <c r="H267216" s="12"/>
    </row>
    <row r="267217" spans="8:8">
      <c r="H267217" s="12"/>
    </row>
    <row r="267218" spans="8:8">
      <c r="H267218" s="12"/>
    </row>
    <row r="267219" spans="8:8">
      <c r="H267219" s="12"/>
    </row>
    <row r="267220" spans="8:8">
      <c r="H267220" s="12"/>
    </row>
    <row r="267221" spans="8:8">
      <c r="H267221" s="12"/>
    </row>
    <row r="267222" spans="8:8">
      <c r="H267222" s="12"/>
    </row>
    <row r="267223" spans="8:8">
      <c r="H267223" s="12"/>
    </row>
    <row r="267224" spans="8:8">
      <c r="H267224" s="12"/>
    </row>
    <row r="267225" spans="8:8">
      <c r="H267225" s="12"/>
    </row>
    <row r="267226" spans="8:8">
      <c r="H267226" s="12"/>
    </row>
    <row r="267227" spans="8:8">
      <c r="H267227" s="12"/>
    </row>
    <row r="267228" spans="8:8">
      <c r="H267228" s="12"/>
    </row>
    <row r="267229" spans="8:8">
      <c r="H267229" s="12"/>
    </row>
    <row r="267230" spans="8:8">
      <c r="H267230" s="12"/>
    </row>
    <row r="267231" spans="8:8">
      <c r="H267231" s="12"/>
    </row>
    <row r="267232" spans="8:8">
      <c r="H267232" s="12"/>
    </row>
    <row r="267233" spans="8:8">
      <c r="H267233" s="12"/>
    </row>
    <row r="267234" spans="8:8">
      <c r="H267234" s="12"/>
    </row>
    <row r="267235" spans="8:8">
      <c r="H267235" s="12"/>
    </row>
    <row r="267236" spans="8:8">
      <c r="H267236" s="12"/>
    </row>
    <row r="267237" spans="8:8">
      <c r="H267237" s="12"/>
    </row>
    <row r="267238" spans="8:8">
      <c r="H267238" s="12"/>
    </row>
    <row r="267239" spans="8:8">
      <c r="H267239" s="12"/>
    </row>
    <row r="267240" spans="8:8">
      <c r="H267240" s="12"/>
    </row>
    <row r="267241" spans="8:8">
      <c r="H267241" s="12"/>
    </row>
    <row r="267242" spans="8:8">
      <c r="H267242" s="12"/>
    </row>
    <row r="267243" spans="8:8">
      <c r="H267243" s="12"/>
    </row>
    <row r="267244" spans="8:8">
      <c r="H267244" s="12"/>
    </row>
    <row r="267245" spans="8:8">
      <c r="H267245" s="12"/>
    </row>
    <row r="267246" spans="8:8">
      <c r="H267246" s="12"/>
    </row>
    <row r="267247" spans="8:8">
      <c r="H267247" s="12"/>
    </row>
    <row r="267248" spans="8:8">
      <c r="H267248" s="12"/>
    </row>
    <row r="267249" spans="8:8">
      <c r="H267249" s="12"/>
    </row>
    <row r="267250" spans="8:8">
      <c r="H267250" s="12"/>
    </row>
    <row r="267251" spans="8:8">
      <c r="H267251" s="12"/>
    </row>
    <row r="267252" spans="8:8">
      <c r="H267252" s="12"/>
    </row>
    <row r="267253" spans="8:8">
      <c r="H267253" s="12"/>
    </row>
    <row r="267254" spans="8:8">
      <c r="H267254" s="12"/>
    </row>
    <row r="267255" spans="8:8">
      <c r="H267255" s="12"/>
    </row>
    <row r="267256" spans="8:8">
      <c r="H267256" s="12"/>
    </row>
    <row r="267257" spans="8:8">
      <c r="H267257" s="12"/>
    </row>
    <row r="267258" spans="8:8">
      <c r="H267258" s="12"/>
    </row>
    <row r="267259" spans="8:8">
      <c r="H267259" s="12"/>
    </row>
    <row r="267260" spans="8:8">
      <c r="H267260" s="12"/>
    </row>
    <row r="267261" spans="8:8">
      <c r="H267261" s="12"/>
    </row>
    <row r="267262" spans="8:8">
      <c r="H267262" s="12"/>
    </row>
    <row r="267263" spans="8:8">
      <c r="H267263" s="12"/>
    </row>
    <row r="267264" spans="8:8">
      <c r="H267264" s="12"/>
    </row>
    <row r="267265" spans="8:8">
      <c r="H267265" s="12"/>
    </row>
    <row r="267266" spans="8:8">
      <c r="H267266" s="12"/>
    </row>
    <row r="267267" spans="8:8">
      <c r="H267267" s="12"/>
    </row>
    <row r="267268" spans="8:8">
      <c r="H267268" s="12"/>
    </row>
    <row r="267269" spans="8:8">
      <c r="H267269" s="12"/>
    </row>
    <row r="267270" spans="8:8">
      <c r="H267270" s="12"/>
    </row>
    <row r="267271" spans="8:8">
      <c r="H267271" s="12"/>
    </row>
    <row r="267272" spans="8:8">
      <c r="H267272" s="12"/>
    </row>
    <row r="267273" spans="8:8">
      <c r="H267273" s="12"/>
    </row>
    <row r="267274" spans="8:8">
      <c r="H267274" s="12"/>
    </row>
    <row r="267275" spans="8:8">
      <c r="H267275" s="12"/>
    </row>
    <row r="267276" spans="8:8">
      <c r="H267276" s="12"/>
    </row>
    <row r="267277" spans="8:8">
      <c r="H267277" s="12"/>
    </row>
    <row r="267278" spans="8:8">
      <c r="H267278" s="12"/>
    </row>
    <row r="267279" spans="8:8">
      <c r="H267279" s="12"/>
    </row>
    <row r="267280" spans="8:8">
      <c r="H267280" s="12"/>
    </row>
    <row r="267281" spans="8:8">
      <c r="H267281" s="12"/>
    </row>
    <row r="267282" spans="8:8">
      <c r="H267282" s="12"/>
    </row>
    <row r="267283" spans="8:8">
      <c r="H267283" s="12"/>
    </row>
    <row r="267284" spans="8:8">
      <c r="H267284" s="12"/>
    </row>
    <row r="267285" spans="8:8">
      <c r="H267285" s="12"/>
    </row>
    <row r="267286" spans="8:8">
      <c r="H267286" s="12"/>
    </row>
    <row r="267287" spans="8:8">
      <c r="H267287" s="12"/>
    </row>
    <row r="267288" spans="8:8">
      <c r="H267288" s="12"/>
    </row>
    <row r="267289" spans="8:8">
      <c r="H267289" s="12"/>
    </row>
    <row r="267290" spans="8:8">
      <c r="H267290" s="12"/>
    </row>
    <row r="267291" spans="8:8">
      <c r="H267291" s="12"/>
    </row>
    <row r="267292" spans="8:8">
      <c r="H267292" s="12"/>
    </row>
    <row r="267293" spans="8:8">
      <c r="H267293" s="12"/>
    </row>
    <row r="267294" spans="8:8">
      <c r="H267294" s="12"/>
    </row>
    <row r="267295" spans="8:8">
      <c r="H267295" s="12"/>
    </row>
    <row r="267296" spans="8:8">
      <c r="H267296" s="12"/>
    </row>
    <row r="267297" spans="8:8">
      <c r="H267297" s="12"/>
    </row>
    <row r="267298" spans="8:8">
      <c r="H267298" s="12"/>
    </row>
    <row r="267299" spans="8:8">
      <c r="H267299" s="12"/>
    </row>
    <row r="267300" spans="8:8">
      <c r="H267300" s="12"/>
    </row>
    <row r="267301" spans="8:8">
      <c r="H267301" s="12"/>
    </row>
    <row r="267302" spans="8:8">
      <c r="H267302" s="12"/>
    </row>
    <row r="267303" spans="8:8">
      <c r="H267303" s="12"/>
    </row>
    <row r="267304" spans="8:8">
      <c r="H267304" s="12"/>
    </row>
    <row r="267305" spans="8:8">
      <c r="H267305" s="12"/>
    </row>
    <row r="267306" spans="8:8">
      <c r="H267306" s="12"/>
    </row>
    <row r="267307" spans="8:8">
      <c r="H267307" s="12"/>
    </row>
    <row r="267308" spans="8:8">
      <c r="H267308" s="12"/>
    </row>
    <row r="267309" spans="8:8">
      <c r="H267309" s="12"/>
    </row>
    <row r="267310" spans="8:8">
      <c r="H267310" s="12"/>
    </row>
    <row r="267311" spans="8:8">
      <c r="H267311" s="12"/>
    </row>
    <row r="267312" spans="8:8">
      <c r="H267312" s="12"/>
    </row>
    <row r="267313" spans="8:8">
      <c r="H267313" s="12"/>
    </row>
    <row r="267314" spans="8:8">
      <c r="H267314" s="12"/>
    </row>
    <row r="267315" spans="8:8">
      <c r="H267315" s="12"/>
    </row>
    <row r="267316" spans="8:8">
      <c r="H267316" s="12"/>
    </row>
    <row r="267317" spans="8:8">
      <c r="H267317" s="12"/>
    </row>
    <row r="267318" spans="8:8">
      <c r="H267318" s="12"/>
    </row>
    <row r="267319" spans="8:8">
      <c r="H267319" s="12"/>
    </row>
    <row r="267320" spans="8:8">
      <c r="H267320" s="12"/>
    </row>
    <row r="267321" spans="8:8">
      <c r="H267321" s="12"/>
    </row>
    <row r="267322" spans="8:8">
      <c r="H267322" s="12"/>
    </row>
    <row r="267323" spans="8:8">
      <c r="H267323" s="12"/>
    </row>
    <row r="267324" spans="8:8">
      <c r="H267324" s="12"/>
    </row>
    <row r="267325" spans="8:8">
      <c r="H267325" s="12"/>
    </row>
    <row r="267326" spans="8:8">
      <c r="H267326" s="12"/>
    </row>
    <row r="267327" spans="8:8">
      <c r="H267327" s="12"/>
    </row>
    <row r="267328" spans="8:8">
      <c r="H267328" s="12"/>
    </row>
    <row r="267329" spans="8:8">
      <c r="H267329" s="12"/>
    </row>
    <row r="267330" spans="8:8">
      <c r="H267330" s="12"/>
    </row>
    <row r="267331" spans="8:8">
      <c r="H267331" s="12"/>
    </row>
    <row r="267332" spans="8:8">
      <c r="H267332" s="12"/>
    </row>
    <row r="267333" spans="8:8">
      <c r="H267333" s="12"/>
    </row>
    <row r="267334" spans="8:8">
      <c r="H267334" s="12"/>
    </row>
    <row r="267335" spans="8:8">
      <c r="H267335" s="12"/>
    </row>
    <row r="267336" spans="8:8">
      <c r="H267336" s="12"/>
    </row>
    <row r="267337" spans="8:8">
      <c r="H267337" s="12"/>
    </row>
    <row r="267338" spans="8:8">
      <c r="H267338" s="12"/>
    </row>
    <row r="267339" spans="8:8">
      <c r="H267339" s="12"/>
    </row>
    <row r="267340" spans="8:8">
      <c r="H267340" s="12"/>
    </row>
    <row r="267341" spans="8:8">
      <c r="H267341" s="12"/>
    </row>
    <row r="267342" spans="8:8">
      <c r="H267342" s="12"/>
    </row>
    <row r="267343" spans="8:8">
      <c r="H267343" s="12"/>
    </row>
    <row r="267344" spans="8:8">
      <c r="H267344" s="12"/>
    </row>
    <row r="267345" spans="8:8">
      <c r="H267345" s="12"/>
    </row>
    <row r="267346" spans="8:8">
      <c r="H267346" s="12"/>
    </row>
    <row r="267347" spans="8:8">
      <c r="H267347" s="12"/>
    </row>
    <row r="267348" spans="8:8">
      <c r="H267348" s="12"/>
    </row>
    <row r="267349" spans="8:8">
      <c r="H267349" s="12"/>
    </row>
    <row r="267350" spans="8:8">
      <c r="H267350" s="12"/>
    </row>
    <row r="267351" spans="8:8">
      <c r="H267351" s="12"/>
    </row>
    <row r="267352" spans="8:8">
      <c r="H267352" s="12"/>
    </row>
    <row r="267353" spans="8:8">
      <c r="H267353" s="12"/>
    </row>
    <row r="267354" spans="8:8">
      <c r="H267354" s="12"/>
    </row>
    <row r="267355" spans="8:8">
      <c r="H267355" s="12"/>
    </row>
    <row r="267356" spans="8:8">
      <c r="H267356" s="12"/>
    </row>
    <row r="267357" spans="8:8">
      <c r="H267357" s="12"/>
    </row>
    <row r="267358" spans="8:8">
      <c r="H267358" s="12"/>
    </row>
    <row r="267359" spans="8:8">
      <c r="H267359" s="12"/>
    </row>
    <row r="267360" spans="8:8">
      <c r="H267360" s="12"/>
    </row>
    <row r="267361" spans="8:8">
      <c r="H267361" s="12"/>
    </row>
    <row r="267362" spans="8:8">
      <c r="H267362" s="12"/>
    </row>
    <row r="267363" spans="8:8">
      <c r="H267363" s="12"/>
    </row>
    <row r="267364" spans="8:8">
      <c r="H267364" s="12"/>
    </row>
    <row r="267365" spans="8:8">
      <c r="H267365" s="12"/>
    </row>
    <row r="267366" spans="8:8">
      <c r="H267366" s="12"/>
    </row>
    <row r="267367" spans="8:8">
      <c r="H267367" s="12"/>
    </row>
    <row r="267368" spans="8:8">
      <c r="H267368" s="12"/>
    </row>
    <row r="267369" spans="8:8">
      <c r="H267369" s="12"/>
    </row>
    <row r="267370" spans="8:8">
      <c r="H267370" s="12"/>
    </row>
    <row r="267371" spans="8:8">
      <c r="H267371" s="12"/>
    </row>
    <row r="267372" spans="8:8">
      <c r="H267372" s="12"/>
    </row>
    <row r="267373" spans="8:8">
      <c r="H267373" s="12"/>
    </row>
    <row r="267374" spans="8:8">
      <c r="H267374" s="12"/>
    </row>
    <row r="267375" spans="8:8">
      <c r="H267375" s="12"/>
    </row>
    <row r="267376" spans="8:8">
      <c r="H267376" s="12"/>
    </row>
    <row r="267377" spans="8:8">
      <c r="H267377" s="12"/>
    </row>
    <row r="267378" spans="8:8">
      <c r="H267378" s="12"/>
    </row>
    <row r="267379" spans="8:8">
      <c r="H267379" s="12"/>
    </row>
    <row r="267380" spans="8:8">
      <c r="H267380" s="12"/>
    </row>
    <row r="267381" spans="8:8">
      <c r="H267381" s="12"/>
    </row>
    <row r="267382" spans="8:8">
      <c r="H267382" s="12"/>
    </row>
    <row r="267383" spans="8:8">
      <c r="H267383" s="12"/>
    </row>
    <row r="267384" spans="8:8">
      <c r="H267384" s="12"/>
    </row>
    <row r="267385" spans="8:8">
      <c r="H267385" s="12"/>
    </row>
    <row r="267386" spans="8:8">
      <c r="H267386" s="12"/>
    </row>
    <row r="267387" spans="8:8">
      <c r="H267387" s="12"/>
    </row>
    <row r="267388" spans="8:8">
      <c r="H267388" s="12"/>
    </row>
    <row r="267389" spans="8:8">
      <c r="H267389" s="12"/>
    </row>
    <row r="267390" spans="8:8">
      <c r="H267390" s="12"/>
    </row>
    <row r="267391" spans="8:8">
      <c r="H267391" s="12"/>
    </row>
    <row r="267392" spans="8:8">
      <c r="H267392" s="12"/>
    </row>
    <row r="267393" spans="8:8">
      <c r="H267393" s="12"/>
    </row>
    <row r="267394" spans="8:8">
      <c r="H267394" s="12"/>
    </row>
    <row r="267395" spans="8:8">
      <c r="H267395" s="12"/>
    </row>
    <row r="267396" spans="8:8">
      <c r="H267396" s="12"/>
    </row>
    <row r="267397" spans="8:8">
      <c r="H267397" s="12"/>
    </row>
    <row r="267398" spans="8:8">
      <c r="H267398" s="12"/>
    </row>
    <row r="267399" spans="8:8">
      <c r="H267399" s="12"/>
    </row>
    <row r="267400" spans="8:8">
      <c r="H267400" s="12"/>
    </row>
    <row r="267401" spans="8:8">
      <c r="H267401" s="12"/>
    </row>
    <row r="267402" spans="8:8">
      <c r="H267402" s="12"/>
    </row>
    <row r="267403" spans="8:8">
      <c r="H267403" s="12"/>
    </row>
    <row r="267404" spans="8:8">
      <c r="H267404" s="12"/>
    </row>
    <row r="267405" spans="8:8">
      <c r="H267405" s="12"/>
    </row>
    <row r="267406" spans="8:8">
      <c r="H267406" s="12"/>
    </row>
    <row r="267407" spans="8:8">
      <c r="H267407" s="12"/>
    </row>
    <row r="267408" spans="8:8">
      <c r="H267408" s="12"/>
    </row>
    <row r="267409" spans="8:8">
      <c r="H267409" s="12"/>
    </row>
    <row r="267410" spans="8:8">
      <c r="H267410" s="12"/>
    </row>
    <row r="267411" spans="8:8">
      <c r="H267411" s="12"/>
    </row>
    <row r="267412" spans="8:8">
      <c r="H267412" s="12"/>
    </row>
    <row r="267413" spans="8:8">
      <c r="H267413" s="12"/>
    </row>
    <row r="267414" spans="8:8">
      <c r="H267414" s="12"/>
    </row>
    <row r="267415" spans="8:8">
      <c r="H267415" s="12"/>
    </row>
    <row r="267416" spans="8:8">
      <c r="H267416" s="12"/>
    </row>
    <row r="267417" spans="8:8">
      <c r="H267417" s="12"/>
    </row>
    <row r="267418" spans="8:8">
      <c r="H267418" s="12"/>
    </row>
    <row r="267419" spans="8:8">
      <c r="H267419" s="12"/>
    </row>
    <row r="267420" spans="8:8">
      <c r="H267420" s="12"/>
    </row>
    <row r="267421" spans="8:8">
      <c r="H267421" s="12"/>
    </row>
    <row r="267422" spans="8:8">
      <c r="H267422" s="12"/>
    </row>
    <row r="267423" spans="8:8">
      <c r="H267423" s="12"/>
    </row>
    <row r="267424" spans="8:8">
      <c r="H267424" s="12"/>
    </row>
    <row r="267425" spans="8:8">
      <c r="H267425" s="12"/>
    </row>
    <row r="267426" spans="8:8">
      <c r="H267426" s="12"/>
    </row>
    <row r="267427" spans="8:8">
      <c r="H267427" s="12"/>
    </row>
    <row r="267428" spans="8:8">
      <c r="H267428" s="12"/>
    </row>
    <row r="267429" spans="8:8">
      <c r="H267429" s="12"/>
    </row>
    <row r="267430" spans="8:8">
      <c r="H267430" s="12"/>
    </row>
    <row r="267431" spans="8:8">
      <c r="H267431" s="12"/>
    </row>
    <row r="267432" spans="8:8">
      <c r="H267432" s="12"/>
    </row>
    <row r="267433" spans="8:8">
      <c r="H267433" s="12"/>
    </row>
    <row r="267434" spans="8:8">
      <c r="H267434" s="12"/>
    </row>
    <row r="267435" spans="8:8">
      <c r="H267435" s="12"/>
    </row>
    <row r="267436" spans="8:8">
      <c r="H267436" s="12"/>
    </row>
    <row r="267437" spans="8:8">
      <c r="H267437" s="12"/>
    </row>
    <row r="267438" spans="8:8">
      <c r="H267438" s="12"/>
    </row>
    <row r="267439" spans="8:8">
      <c r="H267439" s="12"/>
    </row>
    <row r="267440" spans="8:8">
      <c r="H267440" s="12"/>
    </row>
    <row r="267441" spans="8:8">
      <c r="H267441" s="12"/>
    </row>
    <row r="267442" spans="8:8">
      <c r="H267442" s="12"/>
    </row>
    <row r="267443" spans="8:8">
      <c r="H267443" s="12"/>
    </row>
    <row r="267444" spans="8:8">
      <c r="H267444" s="12"/>
    </row>
    <row r="267445" spans="8:8">
      <c r="H267445" s="12"/>
    </row>
    <row r="267446" spans="8:8">
      <c r="H267446" s="12"/>
    </row>
    <row r="267447" spans="8:8">
      <c r="H267447" s="12"/>
    </row>
    <row r="267448" spans="8:8">
      <c r="H267448" s="12"/>
    </row>
    <row r="267449" spans="8:8">
      <c r="H267449" s="12"/>
    </row>
    <row r="267450" spans="8:8">
      <c r="H267450" s="12"/>
    </row>
    <row r="267451" spans="8:8">
      <c r="H267451" s="12"/>
    </row>
    <row r="267452" spans="8:8">
      <c r="H267452" s="12"/>
    </row>
    <row r="267453" spans="8:8">
      <c r="H267453" s="12"/>
    </row>
    <row r="267454" spans="8:8">
      <c r="H267454" s="12"/>
    </row>
    <row r="267455" spans="8:8">
      <c r="H267455" s="12"/>
    </row>
    <row r="267456" spans="8:8">
      <c r="H267456" s="12"/>
    </row>
    <row r="267457" spans="8:8">
      <c r="H267457" s="12"/>
    </row>
    <row r="267458" spans="8:8">
      <c r="H267458" s="12"/>
    </row>
    <row r="267459" spans="8:8">
      <c r="H267459" s="12"/>
    </row>
    <row r="267460" spans="8:8">
      <c r="H267460" s="12"/>
    </row>
    <row r="267461" spans="8:8">
      <c r="H267461" s="12"/>
    </row>
    <row r="267462" spans="8:8">
      <c r="H267462" s="12"/>
    </row>
    <row r="267463" spans="8:8">
      <c r="H267463" s="12"/>
    </row>
    <row r="267464" spans="8:8">
      <c r="H267464" s="12"/>
    </row>
    <row r="267465" spans="8:8">
      <c r="H267465" s="12"/>
    </row>
    <row r="267466" spans="8:8">
      <c r="H267466" s="12"/>
    </row>
    <row r="267467" spans="8:8">
      <c r="H267467" s="12"/>
    </row>
    <row r="267468" spans="8:8">
      <c r="H267468" s="12"/>
    </row>
    <row r="267469" spans="8:8">
      <c r="H267469" s="12"/>
    </row>
    <row r="267470" spans="8:8">
      <c r="H267470" s="12"/>
    </row>
    <row r="267471" spans="8:8">
      <c r="H267471" s="12"/>
    </row>
    <row r="267472" spans="8:8">
      <c r="H267472" s="12"/>
    </row>
    <row r="267473" spans="8:8">
      <c r="H267473" s="12"/>
    </row>
    <row r="267474" spans="8:8">
      <c r="H267474" s="12"/>
    </row>
    <row r="267475" spans="8:8">
      <c r="H267475" s="12"/>
    </row>
    <row r="267476" spans="8:8">
      <c r="H267476" s="12"/>
    </row>
    <row r="267477" spans="8:8">
      <c r="H267477" s="12"/>
    </row>
    <row r="267478" spans="8:8">
      <c r="H267478" s="12"/>
    </row>
    <row r="267479" spans="8:8">
      <c r="H267479" s="12"/>
    </row>
    <row r="267480" spans="8:8">
      <c r="H267480" s="12"/>
    </row>
    <row r="267481" spans="8:8">
      <c r="H267481" s="12"/>
    </row>
    <row r="267482" spans="8:8">
      <c r="H267482" s="12"/>
    </row>
    <row r="267483" spans="8:8">
      <c r="H267483" s="12"/>
    </row>
    <row r="267484" spans="8:8">
      <c r="H267484" s="12"/>
    </row>
    <row r="267485" spans="8:8">
      <c r="H267485" s="12"/>
    </row>
    <row r="267486" spans="8:8">
      <c r="H267486" s="12"/>
    </row>
    <row r="267487" spans="8:8">
      <c r="H267487" s="12"/>
    </row>
    <row r="267488" spans="8:8">
      <c r="H267488" s="12"/>
    </row>
    <row r="267489" spans="8:8">
      <c r="H267489" s="12"/>
    </row>
    <row r="267490" spans="8:8">
      <c r="H267490" s="12"/>
    </row>
    <row r="267491" spans="8:8">
      <c r="H267491" s="12"/>
    </row>
    <row r="267492" spans="8:8">
      <c r="H267492" s="12"/>
    </row>
    <row r="267493" spans="8:8">
      <c r="H267493" s="12"/>
    </row>
    <row r="267494" spans="8:8">
      <c r="H267494" s="12"/>
    </row>
    <row r="267495" spans="8:8">
      <c r="H267495" s="12"/>
    </row>
    <row r="267496" spans="8:8">
      <c r="H267496" s="12"/>
    </row>
    <row r="267497" spans="8:8">
      <c r="H267497" s="12"/>
    </row>
    <row r="267498" spans="8:8">
      <c r="H267498" s="12"/>
    </row>
    <row r="267499" spans="8:8">
      <c r="H267499" s="12"/>
    </row>
    <row r="267500" spans="8:8">
      <c r="H267500" s="12"/>
    </row>
    <row r="267501" spans="8:8">
      <c r="H267501" s="12"/>
    </row>
    <row r="267502" spans="8:8">
      <c r="H267502" s="12"/>
    </row>
    <row r="267503" spans="8:8">
      <c r="H267503" s="12"/>
    </row>
    <row r="267504" spans="8:8">
      <c r="H267504" s="12"/>
    </row>
    <row r="267505" spans="8:8">
      <c r="H267505" s="12"/>
    </row>
    <row r="267506" spans="8:8">
      <c r="H267506" s="12"/>
    </row>
    <row r="267507" spans="8:8">
      <c r="H267507" s="12"/>
    </row>
    <row r="267508" spans="8:8">
      <c r="H267508" s="12"/>
    </row>
    <row r="267509" spans="8:8">
      <c r="H267509" s="12"/>
    </row>
    <row r="267510" spans="8:8">
      <c r="H267510" s="12"/>
    </row>
    <row r="267511" spans="8:8">
      <c r="H267511" s="12"/>
    </row>
    <row r="267512" spans="8:8">
      <c r="H267512" s="12"/>
    </row>
    <row r="267513" spans="8:8">
      <c r="H267513" s="12"/>
    </row>
    <row r="267514" spans="8:8">
      <c r="H267514" s="12"/>
    </row>
    <row r="267515" spans="8:8">
      <c r="H267515" s="12"/>
    </row>
    <row r="267516" spans="8:8">
      <c r="H267516" s="12"/>
    </row>
    <row r="267517" spans="8:8">
      <c r="H267517" s="12"/>
    </row>
    <row r="267518" spans="8:8">
      <c r="H267518" s="12"/>
    </row>
    <row r="267519" spans="8:8">
      <c r="H267519" s="12"/>
    </row>
    <row r="267520" spans="8:8">
      <c r="H267520" s="12"/>
    </row>
    <row r="267521" spans="8:8">
      <c r="H267521" s="12"/>
    </row>
    <row r="267522" spans="8:8">
      <c r="H267522" s="12"/>
    </row>
    <row r="267523" spans="8:8">
      <c r="H267523" s="12"/>
    </row>
    <row r="267524" spans="8:8">
      <c r="H267524" s="12"/>
    </row>
    <row r="267525" spans="8:8">
      <c r="H267525" s="12"/>
    </row>
    <row r="267526" spans="8:8">
      <c r="H267526" s="12"/>
    </row>
    <row r="267527" spans="8:8">
      <c r="H267527" s="12"/>
    </row>
    <row r="267528" spans="8:8">
      <c r="H267528" s="12"/>
    </row>
    <row r="267529" spans="8:8">
      <c r="H267529" s="12"/>
    </row>
    <row r="267530" spans="8:8">
      <c r="H267530" s="12"/>
    </row>
    <row r="267531" spans="8:8">
      <c r="H267531" s="12"/>
    </row>
    <row r="267532" spans="8:8">
      <c r="H267532" s="12"/>
    </row>
    <row r="267533" spans="8:8">
      <c r="H267533" s="12"/>
    </row>
    <row r="267534" spans="8:8">
      <c r="H267534" s="12"/>
    </row>
    <row r="267535" spans="8:8">
      <c r="H267535" s="12"/>
    </row>
    <row r="267536" spans="8:8">
      <c r="H267536" s="12"/>
    </row>
    <row r="267537" spans="8:8">
      <c r="H267537" s="12"/>
    </row>
    <row r="267538" spans="8:8">
      <c r="H267538" s="12"/>
    </row>
    <row r="267539" spans="8:8">
      <c r="H267539" s="12"/>
    </row>
    <row r="267540" spans="8:8">
      <c r="H267540" s="12"/>
    </row>
    <row r="267541" spans="8:8">
      <c r="H267541" s="12"/>
    </row>
    <row r="267542" spans="8:8">
      <c r="H267542" s="12"/>
    </row>
    <row r="267543" spans="8:8">
      <c r="H267543" s="12"/>
    </row>
    <row r="267544" spans="8:8">
      <c r="H267544" s="12"/>
    </row>
    <row r="267545" spans="8:8">
      <c r="H267545" s="12"/>
    </row>
    <row r="267546" spans="8:8">
      <c r="H267546" s="12"/>
    </row>
    <row r="267547" spans="8:8">
      <c r="H267547" s="12"/>
    </row>
    <row r="267548" spans="8:8">
      <c r="H267548" s="12"/>
    </row>
    <row r="267549" spans="8:8">
      <c r="H267549" s="12"/>
    </row>
    <row r="267550" spans="8:8">
      <c r="H267550" s="12"/>
    </row>
    <row r="267551" spans="8:8">
      <c r="H267551" s="12"/>
    </row>
    <row r="267552" spans="8:8">
      <c r="H267552" s="12"/>
    </row>
    <row r="267553" spans="8:8">
      <c r="H267553" s="12"/>
    </row>
    <row r="267554" spans="8:8">
      <c r="H267554" s="12"/>
    </row>
    <row r="267555" spans="8:8">
      <c r="H267555" s="12"/>
    </row>
    <row r="267556" spans="8:8">
      <c r="H267556" s="12"/>
    </row>
    <row r="267557" spans="8:8">
      <c r="H267557" s="12"/>
    </row>
    <row r="267558" spans="8:8">
      <c r="H267558" s="12"/>
    </row>
    <row r="267559" spans="8:8">
      <c r="H267559" s="12"/>
    </row>
    <row r="267560" spans="8:8">
      <c r="H267560" s="12"/>
    </row>
    <row r="267561" spans="8:8">
      <c r="H267561" s="12"/>
    </row>
    <row r="267562" spans="8:8">
      <c r="H267562" s="12"/>
    </row>
    <row r="267563" spans="8:8">
      <c r="H267563" s="12"/>
    </row>
    <row r="267564" spans="8:8">
      <c r="H267564" s="12"/>
    </row>
    <row r="267565" spans="8:8">
      <c r="H267565" s="12"/>
    </row>
    <row r="267566" spans="8:8">
      <c r="H267566" s="12"/>
    </row>
    <row r="267567" spans="8:8">
      <c r="H267567" s="12"/>
    </row>
    <row r="267568" spans="8:8">
      <c r="H267568" s="12"/>
    </row>
    <row r="267569" spans="8:8">
      <c r="H267569" s="12"/>
    </row>
    <row r="267570" spans="8:8">
      <c r="H267570" s="12"/>
    </row>
    <row r="267571" spans="8:8">
      <c r="H267571" s="12"/>
    </row>
    <row r="267572" spans="8:8">
      <c r="H267572" s="12"/>
    </row>
    <row r="267573" spans="8:8">
      <c r="H267573" s="12"/>
    </row>
    <row r="267574" spans="8:8">
      <c r="H267574" s="12"/>
    </row>
    <row r="267575" spans="8:8">
      <c r="H267575" s="12"/>
    </row>
    <row r="267576" spans="8:8">
      <c r="H267576" s="12"/>
    </row>
    <row r="267577" spans="8:8">
      <c r="H267577" s="12"/>
    </row>
    <row r="267578" spans="8:8">
      <c r="H267578" s="12"/>
    </row>
    <row r="267579" spans="8:8">
      <c r="H267579" s="12"/>
    </row>
    <row r="267580" spans="8:8">
      <c r="H267580" s="12"/>
    </row>
    <row r="267581" spans="8:8">
      <c r="H267581" s="12"/>
    </row>
    <row r="267582" spans="8:8">
      <c r="H267582" s="12"/>
    </row>
    <row r="267583" spans="8:8">
      <c r="H267583" s="12"/>
    </row>
    <row r="267584" spans="8:8">
      <c r="H267584" s="12"/>
    </row>
    <row r="267585" spans="8:8">
      <c r="H267585" s="12"/>
    </row>
    <row r="267586" spans="8:8">
      <c r="H267586" s="12"/>
    </row>
    <row r="267587" spans="8:8">
      <c r="H267587" s="12"/>
    </row>
    <row r="267588" spans="8:8">
      <c r="H267588" s="12"/>
    </row>
    <row r="267589" spans="8:8">
      <c r="H267589" s="12"/>
    </row>
    <row r="267590" spans="8:8">
      <c r="H267590" s="12"/>
    </row>
    <row r="267591" spans="8:8">
      <c r="H267591" s="12"/>
    </row>
    <row r="267592" spans="8:8">
      <c r="H267592" s="12"/>
    </row>
    <row r="267593" spans="8:8">
      <c r="H267593" s="12"/>
    </row>
    <row r="267594" spans="8:8">
      <c r="H267594" s="12"/>
    </row>
    <row r="267595" spans="8:8">
      <c r="H267595" s="12"/>
    </row>
    <row r="267596" spans="8:8">
      <c r="H267596" s="12"/>
    </row>
    <row r="267597" spans="8:8">
      <c r="H267597" s="12"/>
    </row>
    <row r="267598" spans="8:8">
      <c r="H267598" s="12"/>
    </row>
    <row r="267599" spans="8:8">
      <c r="H267599" s="12"/>
    </row>
    <row r="267600" spans="8:8">
      <c r="H267600" s="12"/>
    </row>
    <row r="267601" spans="8:8">
      <c r="H267601" s="12"/>
    </row>
    <row r="267602" spans="8:8">
      <c r="H267602" s="12"/>
    </row>
    <row r="267603" spans="8:8">
      <c r="H267603" s="12"/>
    </row>
    <row r="267604" spans="8:8">
      <c r="H267604" s="12"/>
    </row>
    <row r="267605" spans="8:8">
      <c r="H267605" s="12"/>
    </row>
    <row r="267606" spans="8:8">
      <c r="H267606" s="12"/>
    </row>
    <row r="267607" spans="8:8">
      <c r="H267607" s="12"/>
    </row>
    <row r="267608" spans="8:8">
      <c r="H267608" s="12"/>
    </row>
    <row r="267609" spans="8:8">
      <c r="H267609" s="12"/>
    </row>
    <row r="267610" spans="8:8">
      <c r="H267610" s="12"/>
    </row>
    <row r="267611" spans="8:8">
      <c r="H267611" s="12"/>
    </row>
    <row r="267612" spans="8:8">
      <c r="H267612" s="12"/>
    </row>
    <row r="267613" spans="8:8">
      <c r="H267613" s="12"/>
    </row>
    <row r="267614" spans="8:8">
      <c r="H267614" s="12"/>
    </row>
    <row r="267615" spans="8:8">
      <c r="H267615" s="12"/>
    </row>
    <row r="267616" spans="8:8">
      <c r="H267616" s="12"/>
    </row>
    <row r="267617" spans="8:8">
      <c r="H267617" s="12"/>
    </row>
    <row r="267618" spans="8:8">
      <c r="H267618" s="12"/>
    </row>
    <row r="267619" spans="8:8">
      <c r="H267619" s="12"/>
    </row>
    <row r="267620" spans="8:8">
      <c r="H267620" s="12"/>
    </row>
    <row r="267621" spans="8:8">
      <c r="H267621" s="12"/>
    </row>
    <row r="267622" spans="8:8">
      <c r="H267622" s="12"/>
    </row>
    <row r="267623" spans="8:8">
      <c r="H267623" s="12"/>
    </row>
    <row r="267624" spans="8:8">
      <c r="H267624" s="12"/>
    </row>
    <row r="267625" spans="8:8">
      <c r="H267625" s="12"/>
    </row>
    <row r="267626" spans="8:8">
      <c r="H267626" s="12"/>
    </row>
    <row r="267627" spans="8:8">
      <c r="H267627" s="12"/>
    </row>
    <row r="267628" spans="8:8">
      <c r="H267628" s="12"/>
    </row>
    <row r="267629" spans="8:8">
      <c r="H267629" s="12"/>
    </row>
    <row r="267630" spans="8:8">
      <c r="H267630" s="12"/>
    </row>
    <row r="267631" spans="8:8">
      <c r="H267631" s="12"/>
    </row>
    <row r="267632" spans="8:8">
      <c r="H267632" s="12"/>
    </row>
    <row r="267633" spans="8:8">
      <c r="H267633" s="12"/>
    </row>
    <row r="267634" spans="8:8">
      <c r="H267634" s="12"/>
    </row>
    <row r="267635" spans="8:8">
      <c r="H267635" s="12"/>
    </row>
    <row r="267636" spans="8:8">
      <c r="H267636" s="12"/>
    </row>
    <row r="267637" spans="8:8">
      <c r="H267637" s="12"/>
    </row>
    <row r="267638" spans="8:8">
      <c r="H267638" s="12"/>
    </row>
    <row r="267639" spans="8:8">
      <c r="H267639" s="12"/>
    </row>
    <row r="267640" spans="8:8">
      <c r="H267640" s="12"/>
    </row>
    <row r="267641" spans="8:8">
      <c r="H267641" s="12"/>
    </row>
    <row r="267642" spans="8:8">
      <c r="H267642" s="12"/>
    </row>
    <row r="267643" spans="8:8">
      <c r="H267643" s="12"/>
    </row>
    <row r="267644" spans="8:8">
      <c r="H267644" s="12"/>
    </row>
    <row r="267645" spans="8:8">
      <c r="H267645" s="12"/>
    </row>
    <row r="267646" spans="8:8">
      <c r="H267646" s="12"/>
    </row>
    <row r="267647" spans="8:8">
      <c r="H267647" s="12"/>
    </row>
    <row r="267648" spans="8:8">
      <c r="H267648" s="12"/>
    </row>
    <row r="267649" spans="8:8">
      <c r="H267649" s="12"/>
    </row>
    <row r="267650" spans="8:8">
      <c r="H267650" s="12"/>
    </row>
    <row r="267651" spans="8:8">
      <c r="H267651" s="12"/>
    </row>
    <row r="267652" spans="8:8">
      <c r="H267652" s="12"/>
    </row>
    <row r="267653" spans="8:8">
      <c r="H267653" s="12"/>
    </row>
    <row r="267654" spans="8:8">
      <c r="H267654" s="12"/>
    </row>
    <row r="267655" spans="8:8">
      <c r="H267655" s="12"/>
    </row>
    <row r="267656" spans="8:8">
      <c r="H267656" s="12"/>
    </row>
    <row r="267657" spans="8:8">
      <c r="H267657" s="12"/>
    </row>
    <row r="267658" spans="8:8">
      <c r="H267658" s="12"/>
    </row>
    <row r="267659" spans="8:8">
      <c r="H267659" s="12"/>
    </row>
    <row r="267660" spans="8:8">
      <c r="H267660" s="12"/>
    </row>
    <row r="267661" spans="8:8">
      <c r="H267661" s="12"/>
    </row>
    <row r="267662" spans="8:8">
      <c r="H267662" s="12"/>
    </row>
    <row r="267663" spans="8:8">
      <c r="H267663" s="12"/>
    </row>
    <row r="267664" spans="8:8">
      <c r="H267664" s="12"/>
    </row>
    <row r="267665" spans="8:8">
      <c r="H267665" s="12"/>
    </row>
    <row r="267666" spans="8:8">
      <c r="H267666" s="12"/>
    </row>
    <row r="267667" spans="8:8">
      <c r="H267667" s="12"/>
    </row>
    <row r="267668" spans="8:8">
      <c r="H267668" s="12"/>
    </row>
    <row r="267669" spans="8:8">
      <c r="H267669" s="12"/>
    </row>
    <row r="267670" spans="8:8">
      <c r="H267670" s="12"/>
    </row>
    <row r="267671" spans="8:8">
      <c r="H267671" s="12"/>
    </row>
    <row r="267672" spans="8:8">
      <c r="H267672" s="12"/>
    </row>
    <row r="267673" spans="8:8">
      <c r="H267673" s="12"/>
    </row>
    <row r="267674" spans="8:8">
      <c r="H267674" s="12"/>
    </row>
    <row r="267675" spans="8:8">
      <c r="H267675" s="12"/>
    </row>
    <row r="267676" spans="8:8">
      <c r="H267676" s="12"/>
    </row>
    <row r="267677" spans="8:8">
      <c r="H267677" s="12"/>
    </row>
    <row r="267678" spans="8:8">
      <c r="H267678" s="12"/>
    </row>
    <row r="267679" spans="8:8">
      <c r="H267679" s="12"/>
    </row>
    <row r="267680" spans="8:8">
      <c r="H267680" s="12"/>
    </row>
    <row r="267681" spans="8:8">
      <c r="H267681" s="12"/>
    </row>
    <row r="267682" spans="8:8">
      <c r="H267682" s="12"/>
    </row>
    <row r="267683" spans="8:8">
      <c r="H267683" s="12"/>
    </row>
    <row r="267684" spans="8:8">
      <c r="H267684" s="12"/>
    </row>
    <row r="267685" spans="8:8">
      <c r="H267685" s="12"/>
    </row>
    <row r="267686" spans="8:8">
      <c r="H267686" s="12"/>
    </row>
    <row r="267687" spans="8:8">
      <c r="H267687" s="12"/>
    </row>
    <row r="267688" spans="8:8">
      <c r="H267688" s="12"/>
    </row>
    <row r="267689" spans="8:8">
      <c r="H267689" s="12"/>
    </row>
    <row r="267690" spans="8:8">
      <c r="H267690" s="12"/>
    </row>
    <row r="267691" spans="8:8">
      <c r="H267691" s="12"/>
    </row>
    <row r="267692" spans="8:8">
      <c r="H267692" s="12"/>
    </row>
    <row r="267693" spans="8:8">
      <c r="H267693" s="12"/>
    </row>
    <row r="267694" spans="8:8">
      <c r="H267694" s="12"/>
    </row>
    <row r="267695" spans="8:8">
      <c r="H267695" s="12"/>
    </row>
    <row r="267696" spans="8:8">
      <c r="H267696" s="12"/>
    </row>
    <row r="267697" spans="8:8">
      <c r="H267697" s="12"/>
    </row>
    <row r="267698" spans="8:8">
      <c r="H267698" s="12"/>
    </row>
    <row r="267699" spans="8:8">
      <c r="H267699" s="12"/>
    </row>
    <row r="267700" spans="8:8">
      <c r="H267700" s="12"/>
    </row>
    <row r="267701" spans="8:8">
      <c r="H267701" s="12"/>
    </row>
    <row r="267702" spans="8:8">
      <c r="H267702" s="12"/>
    </row>
    <row r="267703" spans="8:8">
      <c r="H267703" s="12"/>
    </row>
    <row r="267704" spans="8:8">
      <c r="H267704" s="12"/>
    </row>
    <row r="267705" spans="8:8">
      <c r="H267705" s="12"/>
    </row>
    <row r="267706" spans="8:8">
      <c r="H267706" s="12"/>
    </row>
    <row r="267707" spans="8:8">
      <c r="H267707" s="12"/>
    </row>
    <row r="267708" spans="8:8">
      <c r="H267708" s="12"/>
    </row>
    <row r="267709" spans="8:8">
      <c r="H267709" s="12"/>
    </row>
    <row r="267710" spans="8:8">
      <c r="H267710" s="12"/>
    </row>
    <row r="267711" spans="8:8">
      <c r="H267711" s="12"/>
    </row>
    <row r="267712" spans="8:8">
      <c r="H267712" s="12"/>
    </row>
    <row r="267713" spans="8:8">
      <c r="H267713" s="12"/>
    </row>
    <row r="267714" spans="8:8">
      <c r="H267714" s="12"/>
    </row>
    <row r="267715" spans="8:8">
      <c r="H267715" s="12"/>
    </row>
    <row r="267716" spans="8:8">
      <c r="H267716" s="12"/>
    </row>
    <row r="267717" spans="8:8">
      <c r="H267717" s="12"/>
    </row>
    <row r="267718" spans="8:8">
      <c r="H267718" s="12"/>
    </row>
    <row r="267719" spans="8:8">
      <c r="H267719" s="12"/>
    </row>
    <row r="267720" spans="8:8">
      <c r="H267720" s="12"/>
    </row>
    <row r="267721" spans="8:8">
      <c r="H267721" s="12"/>
    </row>
    <row r="267722" spans="8:8">
      <c r="H267722" s="12"/>
    </row>
    <row r="267723" spans="8:8">
      <c r="H267723" s="12"/>
    </row>
    <row r="267724" spans="8:8">
      <c r="H267724" s="12"/>
    </row>
    <row r="267725" spans="8:8">
      <c r="H267725" s="12"/>
    </row>
    <row r="267726" spans="8:8">
      <c r="H267726" s="12"/>
    </row>
    <row r="267727" spans="8:8">
      <c r="H267727" s="12"/>
    </row>
    <row r="267728" spans="8:8">
      <c r="H267728" s="12"/>
    </row>
    <row r="267729" spans="8:8">
      <c r="H267729" s="12"/>
    </row>
    <row r="267730" spans="8:8">
      <c r="H267730" s="12"/>
    </row>
    <row r="267731" spans="8:8">
      <c r="H267731" s="12"/>
    </row>
    <row r="267732" spans="8:8">
      <c r="H267732" s="12"/>
    </row>
    <row r="267733" spans="8:8">
      <c r="H267733" s="12"/>
    </row>
    <row r="267734" spans="8:8">
      <c r="H267734" s="12"/>
    </row>
    <row r="267735" spans="8:8">
      <c r="H267735" s="12"/>
    </row>
    <row r="267736" spans="8:8">
      <c r="H267736" s="12"/>
    </row>
    <row r="267737" spans="8:8">
      <c r="H267737" s="12"/>
    </row>
    <row r="267738" spans="8:8">
      <c r="H267738" s="12"/>
    </row>
    <row r="267739" spans="8:8">
      <c r="H267739" s="12"/>
    </row>
    <row r="267740" spans="8:8">
      <c r="H267740" s="12"/>
    </row>
    <row r="267741" spans="8:8">
      <c r="H267741" s="12"/>
    </row>
    <row r="267742" spans="8:8">
      <c r="H267742" s="12"/>
    </row>
    <row r="267743" spans="8:8">
      <c r="H267743" s="12"/>
    </row>
    <row r="267744" spans="8:8">
      <c r="H267744" s="12"/>
    </row>
    <row r="267745" spans="8:8">
      <c r="H267745" s="12"/>
    </row>
    <row r="267746" spans="8:8">
      <c r="H267746" s="12"/>
    </row>
    <row r="267747" spans="8:8">
      <c r="H267747" s="12"/>
    </row>
    <row r="267748" spans="8:8">
      <c r="H267748" s="12"/>
    </row>
    <row r="267749" spans="8:8">
      <c r="H267749" s="12"/>
    </row>
    <row r="267750" spans="8:8">
      <c r="H267750" s="12"/>
    </row>
    <row r="267751" spans="8:8">
      <c r="H267751" s="12"/>
    </row>
    <row r="267752" spans="8:8">
      <c r="H267752" s="12"/>
    </row>
    <row r="267753" spans="8:8">
      <c r="H267753" s="12"/>
    </row>
    <row r="267754" spans="8:8">
      <c r="H267754" s="12"/>
    </row>
    <row r="267755" spans="8:8">
      <c r="H267755" s="12"/>
    </row>
    <row r="267756" spans="8:8">
      <c r="H267756" s="12"/>
    </row>
    <row r="267757" spans="8:8">
      <c r="H267757" s="12"/>
    </row>
    <row r="267758" spans="8:8">
      <c r="H267758" s="12"/>
    </row>
    <row r="267759" spans="8:8">
      <c r="H267759" s="12"/>
    </row>
    <row r="267760" spans="8:8">
      <c r="H267760" s="12"/>
    </row>
    <row r="267761" spans="8:8">
      <c r="H267761" s="12"/>
    </row>
    <row r="267762" spans="8:8">
      <c r="H267762" s="12"/>
    </row>
    <row r="267763" spans="8:8">
      <c r="H267763" s="12"/>
    </row>
    <row r="267764" spans="8:8">
      <c r="H267764" s="12"/>
    </row>
    <row r="267765" spans="8:8">
      <c r="H267765" s="12"/>
    </row>
    <row r="267766" spans="8:8">
      <c r="H267766" s="12"/>
    </row>
    <row r="267767" spans="8:8">
      <c r="H267767" s="12"/>
    </row>
    <row r="267768" spans="8:8">
      <c r="H267768" s="12"/>
    </row>
    <row r="267769" spans="8:8">
      <c r="H267769" s="12"/>
    </row>
    <row r="267770" spans="8:8">
      <c r="H267770" s="12"/>
    </row>
    <row r="267771" spans="8:8">
      <c r="H267771" s="12"/>
    </row>
    <row r="267772" spans="8:8">
      <c r="H267772" s="12"/>
    </row>
    <row r="267773" spans="8:8">
      <c r="H267773" s="12"/>
    </row>
    <row r="267774" spans="8:8">
      <c r="H267774" s="12"/>
    </row>
    <row r="267775" spans="8:8">
      <c r="H267775" s="12"/>
    </row>
    <row r="267776" spans="8:8">
      <c r="H267776" s="12"/>
    </row>
    <row r="267777" spans="8:8">
      <c r="H267777" s="12"/>
    </row>
    <row r="267778" spans="8:8">
      <c r="H267778" s="12"/>
    </row>
    <row r="267779" spans="8:8">
      <c r="H267779" s="12"/>
    </row>
    <row r="267780" spans="8:8">
      <c r="H267780" s="12"/>
    </row>
    <row r="267781" spans="8:8">
      <c r="H267781" s="12"/>
    </row>
    <row r="267782" spans="8:8">
      <c r="H267782" s="12"/>
    </row>
    <row r="267783" spans="8:8">
      <c r="H267783" s="12"/>
    </row>
    <row r="267784" spans="8:8">
      <c r="H267784" s="12"/>
    </row>
    <row r="267785" spans="8:8">
      <c r="H267785" s="12"/>
    </row>
    <row r="267786" spans="8:8">
      <c r="H267786" s="12"/>
    </row>
    <row r="267787" spans="8:8">
      <c r="H267787" s="12"/>
    </row>
    <row r="267788" spans="8:8">
      <c r="H267788" s="12"/>
    </row>
    <row r="267789" spans="8:8">
      <c r="H267789" s="12"/>
    </row>
    <row r="267790" spans="8:8">
      <c r="H267790" s="12"/>
    </row>
    <row r="267791" spans="8:8">
      <c r="H267791" s="12"/>
    </row>
    <row r="267792" spans="8:8">
      <c r="H267792" s="12"/>
    </row>
    <row r="267793" spans="8:8">
      <c r="H267793" s="12"/>
    </row>
    <row r="267794" spans="8:8">
      <c r="H267794" s="12"/>
    </row>
    <row r="267795" spans="8:8">
      <c r="H267795" s="12"/>
    </row>
    <row r="267796" spans="8:8">
      <c r="H267796" s="12"/>
    </row>
    <row r="267797" spans="8:8">
      <c r="H267797" s="12"/>
    </row>
    <row r="267798" spans="8:8">
      <c r="H267798" s="12"/>
    </row>
    <row r="267799" spans="8:8">
      <c r="H267799" s="12"/>
    </row>
    <row r="267800" spans="8:8">
      <c r="H267800" s="12"/>
    </row>
    <row r="267801" spans="8:8">
      <c r="H267801" s="12"/>
    </row>
    <row r="267802" spans="8:8">
      <c r="H267802" s="12"/>
    </row>
    <row r="267803" spans="8:8">
      <c r="H267803" s="12"/>
    </row>
    <row r="267804" spans="8:8">
      <c r="H267804" s="12"/>
    </row>
    <row r="267805" spans="8:8">
      <c r="H267805" s="12"/>
    </row>
    <row r="267806" spans="8:8">
      <c r="H267806" s="12"/>
    </row>
    <row r="267807" spans="8:8">
      <c r="H267807" s="12"/>
    </row>
    <row r="267808" spans="8:8">
      <c r="H267808" s="12"/>
    </row>
    <row r="267809" spans="8:8">
      <c r="H267809" s="12"/>
    </row>
    <row r="267810" spans="8:8">
      <c r="H267810" s="12"/>
    </row>
    <row r="267811" spans="8:8">
      <c r="H267811" s="12"/>
    </row>
    <row r="267812" spans="8:8">
      <c r="H267812" s="12"/>
    </row>
    <row r="267813" spans="8:8">
      <c r="H267813" s="12"/>
    </row>
    <row r="267814" spans="8:8">
      <c r="H267814" s="12"/>
    </row>
    <row r="267815" spans="8:8">
      <c r="H267815" s="12"/>
    </row>
    <row r="267816" spans="8:8">
      <c r="H267816" s="12"/>
    </row>
    <row r="267817" spans="8:8">
      <c r="H267817" s="12"/>
    </row>
    <row r="267818" spans="8:8">
      <c r="H267818" s="12"/>
    </row>
    <row r="267819" spans="8:8">
      <c r="H267819" s="12"/>
    </row>
    <row r="267820" spans="8:8">
      <c r="H267820" s="12"/>
    </row>
    <row r="267821" spans="8:8">
      <c r="H267821" s="12"/>
    </row>
    <row r="267822" spans="8:8">
      <c r="H267822" s="12"/>
    </row>
    <row r="267823" spans="8:8">
      <c r="H267823" s="12"/>
    </row>
    <row r="267824" spans="8:8">
      <c r="H267824" s="12"/>
    </row>
    <row r="267825" spans="8:8">
      <c r="H267825" s="12"/>
    </row>
    <row r="267826" spans="8:8">
      <c r="H267826" s="12"/>
    </row>
    <row r="267827" spans="8:8">
      <c r="H267827" s="12"/>
    </row>
    <row r="267828" spans="8:8">
      <c r="H267828" s="12"/>
    </row>
    <row r="267829" spans="8:8">
      <c r="H267829" s="12"/>
    </row>
    <row r="267830" spans="8:8">
      <c r="H267830" s="12"/>
    </row>
    <row r="267831" spans="8:8">
      <c r="H267831" s="12"/>
    </row>
    <row r="267832" spans="8:8">
      <c r="H267832" s="12"/>
    </row>
    <row r="267833" spans="8:8">
      <c r="H267833" s="12"/>
    </row>
    <row r="267834" spans="8:8">
      <c r="H267834" s="12"/>
    </row>
    <row r="267835" spans="8:8">
      <c r="H267835" s="12"/>
    </row>
    <row r="267836" spans="8:8">
      <c r="H267836" s="12"/>
    </row>
    <row r="267837" spans="8:8">
      <c r="H267837" s="12"/>
    </row>
    <row r="267838" spans="8:8">
      <c r="H267838" s="12"/>
    </row>
    <row r="267839" spans="8:8">
      <c r="H267839" s="12"/>
    </row>
    <row r="267840" spans="8:8">
      <c r="H267840" s="12"/>
    </row>
    <row r="267841" spans="8:8">
      <c r="H267841" s="12"/>
    </row>
    <row r="267842" spans="8:8">
      <c r="H267842" s="12"/>
    </row>
    <row r="267843" spans="8:8">
      <c r="H267843" s="12"/>
    </row>
    <row r="267844" spans="8:8">
      <c r="H267844" s="12"/>
    </row>
    <row r="267845" spans="8:8">
      <c r="H267845" s="12"/>
    </row>
    <row r="267846" spans="8:8">
      <c r="H267846" s="12"/>
    </row>
    <row r="267847" spans="8:8">
      <c r="H267847" s="12"/>
    </row>
    <row r="267848" spans="8:8">
      <c r="H267848" s="12"/>
    </row>
    <row r="267849" spans="8:8">
      <c r="H267849" s="12"/>
    </row>
    <row r="267850" spans="8:8">
      <c r="H267850" s="12"/>
    </row>
    <row r="267851" spans="8:8">
      <c r="H267851" s="12"/>
    </row>
    <row r="267852" spans="8:8">
      <c r="H267852" s="12"/>
    </row>
    <row r="267853" spans="8:8">
      <c r="H267853" s="12"/>
    </row>
    <row r="267854" spans="8:8">
      <c r="H267854" s="12"/>
    </row>
    <row r="267855" spans="8:8">
      <c r="H267855" s="12"/>
    </row>
    <row r="267856" spans="8:8">
      <c r="H267856" s="12"/>
    </row>
    <row r="267857" spans="8:8">
      <c r="H267857" s="12"/>
    </row>
    <row r="267858" spans="8:8">
      <c r="H267858" s="12"/>
    </row>
    <row r="267859" spans="8:8">
      <c r="H267859" s="12"/>
    </row>
    <row r="267860" spans="8:8">
      <c r="H267860" s="12"/>
    </row>
    <row r="267861" spans="8:8">
      <c r="H267861" s="12"/>
    </row>
    <row r="267862" spans="8:8">
      <c r="H267862" s="12"/>
    </row>
    <row r="267863" spans="8:8">
      <c r="H267863" s="12"/>
    </row>
    <row r="267864" spans="8:8">
      <c r="H267864" s="12"/>
    </row>
    <row r="267865" spans="8:8">
      <c r="H267865" s="12"/>
    </row>
    <row r="267866" spans="8:8">
      <c r="H267866" s="12"/>
    </row>
    <row r="267867" spans="8:8">
      <c r="H267867" s="12"/>
    </row>
    <row r="267868" spans="8:8">
      <c r="H267868" s="12"/>
    </row>
    <row r="267869" spans="8:8">
      <c r="H267869" s="12"/>
    </row>
    <row r="267870" spans="8:8">
      <c r="H267870" s="12"/>
    </row>
    <row r="267871" spans="8:8">
      <c r="H267871" s="12"/>
    </row>
    <row r="267872" spans="8:8">
      <c r="H267872" s="12"/>
    </row>
    <row r="267873" spans="8:8">
      <c r="H267873" s="12"/>
    </row>
    <row r="267874" spans="8:8">
      <c r="H267874" s="12"/>
    </row>
    <row r="267875" spans="8:8">
      <c r="H267875" s="12"/>
    </row>
    <row r="267876" spans="8:8">
      <c r="H267876" s="12"/>
    </row>
    <row r="267877" spans="8:8">
      <c r="H267877" s="12"/>
    </row>
    <row r="267878" spans="8:8">
      <c r="H267878" s="12"/>
    </row>
    <row r="267879" spans="8:8">
      <c r="H267879" s="12"/>
    </row>
    <row r="267880" spans="8:8">
      <c r="H267880" s="12"/>
    </row>
    <row r="267881" spans="8:8">
      <c r="H267881" s="12"/>
    </row>
    <row r="267882" spans="8:8">
      <c r="H267882" s="12"/>
    </row>
    <row r="267883" spans="8:8">
      <c r="H267883" s="12"/>
    </row>
    <row r="267884" spans="8:8">
      <c r="H267884" s="12"/>
    </row>
    <row r="267885" spans="8:8">
      <c r="H267885" s="12"/>
    </row>
    <row r="267886" spans="8:8">
      <c r="H267886" s="12"/>
    </row>
    <row r="267887" spans="8:8">
      <c r="H267887" s="12"/>
    </row>
    <row r="267888" spans="8:8">
      <c r="H267888" s="12"/>
    </row>
    <row r="267889" spans="8:8">
      <c r="H267889" s="12"/>
    </row>
    <row r="267890" spans="8:8">
      <c r="H267890" s="12"/>
    </row>
    <row r="267891" spans="8:8">
      <c r="H267891" s="12"/>
    </row>
    <row r="267892" spans="8:8">
      <c r="H267892" s="12"/>
    </row>
    <row r="267893" spans="8:8">
      <c r="H267893" s="12"/>
    </row>
    <row r="267894" spans="8:8">
      <c r="H267894" s="12"/>
    </row>
    <row r="267895" spans="8:8">
      <c r="H267895" s="12"/>
    </row>
    <row r="267896" spans="8:8">
      <c r="H267896" s="12"/>
    </row>
    <row r="267897" spans="8:8">
      <c r="H267897" s="12"/>
    </row>
    <row r="267898" spans="8:8">
      <c r="H267898" s="12"/>
    </row>
    <row r="267899" spans="8:8">
      <c r="H267899" s="12"/>
    </row>
    <row r="267900" spans="8:8">
      <c r="H267900" s="12"/>
    </row>
    <row r="267901" spans="8:8">
      <c r="H267901" s="12"/>
    </row>
    <row r="267902" spans="8:8">
      <c r="H267902" s="12"/>
    </row>
    <row r="267903" spans="8:8">
      <c r="H267903" s="12"/>
    </row>
    <row r="267904" spans="8:8">
      <c r="H267904" s="12"/>
    </row>
    <row r="267905" spans="8:8">
      <c r="H267905" s="12"/>
    </row>
    <row r="267906" spans="8:8">
      <c r="H267906" s="12"/>
    </row>
    <row r="267907" spans="8:8">
      <c r="H267907" s="12"/>
    </row>
    <row r="267908" spans="8:8">
      <c r="H267908" s="12"/>
    </row>
    <row r="267909" spans="8:8">
      <c r="H267909" s="12"/>
    </row>
    <row r="267910" spans="8:8">
      <c r="H267910" s="12"/>
    </row>
    <row r="267911" spans="8:8">
      <c r="H267911" s="12"/>
    </row>
    <row r="267912" spans="8:8">
      <c r="H267912" s="12"/>
    </row>
    <row r="267913" spans="8:8">
      <c r="H267913" s="12"/>
    </row>
    <row r="267914" spans="8:8">
      <c r="H267914" s="12"/>
    </row>
    <row r="267915" spans="8:8">
      <c r="H267915" s="12"/>
    </row>
    <row r="267916" spans="8:8">
      <c r="H267916" s="12"/>
    </row>
    <row r="267917" spans="8:8">
      <c r="H267917" s="12"/>
    </row>
    <row r="267918" spans="8:8">
      <c r="H267918" s="12"/>
    </row>
    <row r="267919" spans="8:8">
      <c r="H267919" s="12"/>
    </row>
    <row r="267920" spans="8:8">
      <c r="H267920" s="12"/>
    </row>
    <row r="267921" spans="8:8">
      <c r="H267921" s="12"/>
    </row>
    <row r="267922" spans="8:8">
      <c r="H267922" s="12"/>
    </row>
    <row r="267923" spans="8:8">
      <c r="H267923" s="12"/>
    </row>
    <row r="267924" spans="8:8">
      <c r="H267924" s="12"/>
    </row>
    <row r="267925" spans="8:8">
      <c r="H267925" s="12"/>
    </row>
    <row r="267926" spans="8:8">
      <c r="H267926" s="12"/>
    </row>
    <row r="267927" spans="8:8">
      <c r="H267927" s="12"/>
    </row>
    <row r="267928" spans="8:8">
      <c r="H267928" s="12"/>
    </row>
    <row r="267929" spans="8:8">
      <c r="H267929" s="12"/>
    </row>
    <row r="267930" spans="8:8">
      <c r="H267930" s="12"/>
    </row>
    <row r="267931" spans="8:8">
      <c r="H267931" s="12"/>
    </row>
    <row r="267932" spans="8:8">
      <c r="H267932" s="12"/>
    </row>
    <row r="267933" spans="8:8">
      <c r="H267933" s="12"/>
    </row>
    <row r="267934" spans="8:8">
      <c r="H267934" s="12"/>
    </row>
    <row r="267935" spans="8:8">
      <c r="H267935" s="12"/>
    </row>
    <row r="267936" spans="8:8">
      <c r="H267936" s="12"/>
    </row>
    <row r="267937" spans="8:8">
      <c r="H267937" s="12"/>
    </row>
    <row r="267938" spans="8:8">
      <c r="H267938" s="12"/>
    </row>
    <row r="267939" spans="8:8">
      <c r="H267939" s="12"/>
    </row>
    <row r="267940" spans="8:8">
      <c r="H267940" s="12"/>
    </row>
    <row r="267941" spans="8:8">
      <c r="H267941" s="12"/>
    </row>
    <row r="267942" spans="8:8">
      <c r="H267942" s="12"/>
    </row>
    <row r="267943" spans="8:8">
      <c r="H267943" s="12"/>
    </row>
    <row r="267944" spans="8:8">
      <c r="H267944" s="12"/>
    </row>
    <row r="267945" spans="8:8">
      <c r="H267945" s="12"/>
    </row>
    <row r="267946" spans="8:8">
      <c r="H267946" s="12"/>
    </row>
    <row r="267947" spans="8:8">
      <c r="H267947" s="12"/>
    </row>
    <row r="267948" spans="8:8">
      <c r="H267948" s="12"/>
    </row>
    <row r="267949" spans="8:8">
      <c r="H267949" s="12"/>
    </row>
    <row r="267950" spans="8:8">
      <c r="H267950" s="12"/>
    </row>
    <row r="267951" spans="8:8">
      <c r="H267951" s="12"/>
    </row>
    <row r="267952" spans="8:8">
      <c r="H267952" s="12"/>
    </row>
    <row r="267953" spans="8:8">
      <c r="H267953" s="12"/>
    </row>
    <row r="267954" spans="8:8">
      <c r="H267954" s="12"/>
    </row>
    <row r="267955" spans="8:8">
      <c r="H267955" s="12"/>
    </row>
    <row r="267956" spans="8:8">
      <c r="H267956" s="12"/>
    </row>
    <row r="267957" spans="8:8">
      <c r="H267957" s="12"/>
    </row>
    <row r="267958" spans="8:8">
      <c r="H267958" s="12"/>
    </row>
    <row r="267959" spans="8:8">
      <c r="H267959" s="12"/>
    </row>
    <row r="267960" spans="8:8">
      <c r="H267960" s="12"/>
    </row>
    <row r="267961" spans="8:8">
      <c r="H267961" s="12"/>
    </row>
    <row r="267962" spans="8:8">
      <c r="H267962" s="12"/>
    </row>
    <row r="267963" spans="8:8">
      <c r="H267963" s="12"/>
    </row>
    <row r="267964" spans="8:8">
      <c r="H267964" s="12"/>
    </row>
    <row r="267965" spans="8:8">
      <c r="H267965" s="12"/>
    </row>
    <row r="267966" spans="8:8">
      <c r="H267966" s="12"/>
    </row>
    <row r="267967" spans="8:8">
      <c r="H267967" s="12"/>
    </row>
    <row r="267968" spans="8:8">
      <c r="H267968" s="12"/>
    </row>
    <row r="267969" spans="8:8">
      <c r="H267969" s="12"/>
    </row>
    <row r="267970" spans="8:8">
      <c r="H267970" s="12"/>
    </row>
    <row r="267971" spans="8:8">
      <c r="H267971" s="12"/>
    </row>
    <row r="267972" spans="8:8">
      <c r="H267972" s="12"/>
    </row>
    <row r="267973" spans="8:8">
      <c r="H267973" s="12"/>
    </row>
    <row r="267974" spans="8:8">
      <c r="H267974" s="12"/>
    </row>
    <row r="267975" spans="8:8">
      <c r="H267975" s="12"/>
    </row>
    <row r="267976" spans="8:8">
      <c r="H267976" s="12"/>
    </row>
    <row r="267977" spans="8:8">
      <c r="H267977" s="12"/>
    </row>
    <row r="267978" spans="8:8">
      <c r="H267978" s="12"/>
    </row>
    <row r="267979" spans="8:8">
      <c r="H267979" s="12"/>
    </row>
    <row r="267980" spans="8:8">
      <c r="H267980" s="12"/>
    </row>
    <row r="267981" spans="8:8">
      <c r="H267981" s="12"/>
    </row>
    <row r="267982" spans="8:8">
      <c r="H267982" s="12"/>
    </row>
    <row r="267983" spans="8:8">
      <c r="H267983" s="12"/>
    </row>
    <row r="267984" spans="8:8">
      <c r="H267984" s="12"/>
    </row>
    <row r="267985" spans="8:8">
      <c r="H267985" s="12"/>
    </row>
    <row r="267986" spans="8:8">
      <c r="H267986" s="12"/>
    </row>
    <row r="267987" spans="8:8">
      <c r="H267987" s="12"/>
    </row>
    <row r="267988" spans="8:8">
      <c r="H267988" s="12"/>
    </row>
    <row r="267989" spans="8:8">
      <c r="H267989" s="12"/>
    </row>
    <row r="267990" spans="8:8">
      <c r="H267990" s="12"/>
    </row>
    <row r="267991" spans="8:8">
      <c r="H267991" s="12"/>
    </row>
    <row r="267992" spans="8:8">
      <c r="H267992" s="12"/>
    </row>
    <row r="267993" spans="8:8">
      <c r="H267993" s="12"/>
    </row>
    <row r="267994" spans="8:8">
      <c r="H267994" s="12"/>
    </row>
    <row r="267995" spans="8:8">
      <c r="H267995" s="12"/>
    </row>
    <row r="267996" spans="8:8">
      <c r="H267996" s="12"/>
    </row>
    <row r="267997" spans="8:8">
      <c r="H267997" s="12"/>
    </row>
    <row r="267998" spans="8:8">
      <c r="H267998" s="12"/>
    </row>
    <row r="267999" spans="8:8">
      <c r="H267999" s="12"/>
    </row>
    <row r="268000" spans="8:8">
      <c r="H268000" s="12"/>
    </row>
    <row r="268001" spans="8:8">
      <c r="H268001" s="12"/>
    </row>
    <row r="268002" spans="8:8">
      <c r="H268002" s="12"/>
    </row>
    <row r="268003" spans="8:8">
      <c r="H268003" s="12"/>
    </row>
    <row r="268004" spans="8:8">
      <c r="H268004" s="12"/>
    </row>
    <row r="268005" spans="8:8">
      <c r="H268005" s="12"/>
    </row>
    <row r="268006" spans="8:8">
      <c r="H268006" s="12"/>
    </row>
    <row r="268007" spans="8:8">
      <c r="H268007" s="12"/>
    </row>
    <row r="268008" spans="8:8">
      <c r="H268008" s="12"/>
    </row>
    <row r="268009" spans="8:8">
      <c r="H268009" s="12"/>
    </row>
    <row r="268010" spans="8:8">
      <c r="H268010" s="12"/>
    </row>
    <row r="268011" spans="8:8">
      <c r="H268011" s="12"/>
    </row>
    <row r="268012" spans="8:8">
      <c r="H268012" s="12"/>
    </row>
    <row r="268013" spans="8:8">
      <c r="H268013" s="12"/>
    </row>
    <row r="268014" spans="8:8">
      <c r="H268014" s="12"/>
    </row>
    <row r="268015" spans="8:8">
      <c r="H268015" s="12"/>
    </row>
    <row r="268016" spans="8:8">
      <c r="H268016" s="12"/>
    </row>
    <row r="268017" spans="8:8">
      <c r="H268017" s="12"/>
    </row>
    <row r="268018" spans="8:8">
      <c r="H268018" s="12"/>
    </row>
    <row r="268019" spans="8:8">
      <c r="H268019" s="12"/>
    </row>
    <row r="268020" spans="8:8">
      <c r="H268020" s="12"/>
    </row>
    <row r="268021" spans="8:8">
      <c r="H268021" s="12"/>
    </row>
    <row r="268022" spans="8:8">
      <c r="H268022" s="12"/>
    </row>
    <row r="268023" spans="8:8">
      <c r="H268023" s="12"/>
    </row>
    <row r="268024" spans="8:8">
      <c r="H268024" s="12"/>
    </row>
    <row r="268025" spans="8:8">
      <c r="H268025" s="12"/>
    </row>
    <row r="268026" spans="8:8">
      <c r="H268026" s="12"/>
    </row>
    <row r="268027" spans="8:8">
      <c r="H268027" s="12"/>
    </row>
    <row r="268028" spans="8:8">
      <c r="H268028" s="12"/>
    </row>
    <row r="268029" spans="8:8">
      <c r="H268029" s="12"/>
    </row>
    <row r="268030" spans="8:8">
      <c r="H268030" s="12"/>
    </row>
    <row r="268031" spans="8:8">
      <c r="H268031" s="12"/>
    </row>
    <row r="268032" spans="8:8">
      <c r="H268032" s="12"/>
    </row>
    <row r="268033" spans="8:8">
      <c r="H268033" s="12"/>
    </row>
    <row r="268034" spans="8:8">
      <c r="H268034" s="12"/>
    </row>
    <row r="268035" spans="8:8">
      <c r="H268035" s="12"/>
    </row>
    <row r="268036" spans="8:8">
      <c r="H268036" s="12"/>
    </row>
    <row r="268037" spans="8:8">
      <c r="H268037" s="12"/>
    </row>
    <row r="268038" spans="8:8">
      <c r="H268038" s="12"/>
    </row>
    <row r="268039" spans="8:8">
      <c r="H268039" s="12"/>
    </row>
    <row r="268040" spans="8:8">
      <c r="H268040" s="12"/>
    </row>
    <row r="268041" spans="8:8">
      <c r="H268041" s="12"/>
    </row>
    <row r="268042" spans="8:8">
      <c r="H268042" s="12"/>
    </row>
    <row r="268043" spans="8:8">
      <c r="H268043" s="12"/>
    </row>
    <row r="268044" spans="8:8">
      <c r="H268044" s="12"/>
    </row>
    <row r="268045" spans="8:8">
      <c r="H268045" s="12"/>
    </row>
    <row r="268046" spans="8:8">
      <c r="H268046" s="12"/>
    </row>
    <row r="268047" spans="8:8">
      <c r="H268047" s="12"/>
    </row>
    <row r="268048" spans="8:8">
      <c r="H268048" s="12"/>
    </row>
    <row r="268049" spans="8:8">
      <c r="H268049" s="12"/>
    </row>
    <row r="268050" spans="8:8">
      <c r="H268050" s="12"/>
    </row>
    <row r="268051" spans="8:8">
      <c r="H268051" s="12"/>
    </row>
    <row r="268052" spans="8:8">
      <c r="H268052" s="12"/>
    </row>
    <row r="268053" spans="8:8">
      <c r="H268053" s="12"/>
    </row>
    <row r="268054" spans="8:8">
      <c r="H268054" s="12"/>
    </row>
    <row r="268055" spans="8:8">
      <c r="H268055" s="12"/>
    </row>
    <row r="268056" spans="8:8">
      <c r="H268056" s="12"/>
    </row>
    <row r="268057" spans="8:8">
      <c r="H268057" s="12"/>
    </row>
    <row r="268058" spans="8:8">
      <c r="H268058" s="12"/>
    </row>
    <row r="268059" spans="8:8">
      <c r="H268059" s="12"/>
    </row>
    <row r="268060" spans="8:8">
      <c r="H268060" s="12"/>
    </row>
    <row r="268061" spans="8:8">
      <c r="H268061" s="12"/>
    </row>
    <row r="268062" spans="8:8">
      <c r="H268062" s="12"/>
    </row>
    <row r="268063" spans="8:8">
      <c r="H268063" s="12"/>
    </row>
    <row r="268064" spans="8:8">
      <c r="H268064" s="12"/>
    </row>
    <row r="268065" spans="8:8">
      <c r="H268065" s="12"/>
    </row>
    <row r="268066" spans="8:8">
      <c r="H268066" s="12"/>
    </row>
    <row r="268067" spans="8:8">
      <c r="H268067" s="12"/>
    </row>
    <row r="268068" spans="8:8">
      <c r="H268068" s="12"/>
    </row>
    <row r="268069" spans="8:8">
      <c r="H268069" s="12"/>
    </row>
    <row r="268070" spans="8:8">
      <c r="H268070" s="12"/>
    </row>
    <row r="268071" spans="8:8">
      <c r="H268071" s="12"/>
    </row>
    <row r="268072" spans="8:8">
      <c r="H268072" s="12"/>
    </row>
    <row r="268073" spans="8:8">
      <c r="H268073" s="12"/>
    </row>
    <row r="268074" spans="8:8">
      <c r="H268074" s="12"/>
    </row>
    <row r="268075" spans="8:8">
      <c r="H268075" s="12"/>
    </row>
    <row r="268076" spans="8:8">
      <c r="H268076" s="12"/>
    </row>
    <row r="268077" spans="8:8">
      <c r="H268077" s="12"/>
    </row>
    <row r="268078" spans="8:8">
      <c r="H268078" s="12"/>
    </row>
    <row r="268079" spans="8:8">
      <c r="H268079" s="12"/>
    </row>
    <row r="268080" spans="8:8">
      <c r="H268080" s="12"/>
    </row>
    <row r="268081" spans="8:8">
      <c r="H268081" s="12"/>
    </row>
    <row r="268082" spans="8:8">
      <c r="H268082" s="12"/>
    </row>
    <row r="268083" spans="8:8">
      <c r="H268083" s="12"/>
    </row>
    <row r="268084" spans="8:8">
      <c r="H268084" s="12"/>
    </row>
    <row r="268085" spans="8:8">
      <c r="H268085" s="12"/>
    </row>
    <row r="268086" spans="8:8">
      <c r="H268086" s="12"/>
    </row>
    <row r="268087" spans="8:8">
      <c r="H268087" s="12"/>
    </row>
    <row r="268088" spans="8:8">
      <c r="H268088" s="12"/>
    </row>
    <row r="268089" spans="8:8">
      <c r="H268089" s="12"/>
    </row>
    <row r="268090" spans="8:8">
      <c r="H268090" s="12"/>
    </row>
    <row r="268091" spans="8:8">
      <c r="H268091" s="12"/>
    </row>
    <row r="268092" spans="8:8">
      <c r="H268092" s="12"/>
    </row>
    <row r="268093" spans="8:8">
      <c r="H268093" s="12"/>
    </row>
    <row r="268094" spans="8:8">
      <c r="H268094" s="12"/>
    </row>
    <row r="268095" spans="8:8">
      <c r="H268095" s="12"/>
    </row>
    <row r="268096" spans="8:8">
      <c r="H268096" s="12"/>
    </row>
    <row r="268097" spans="8:8">
      <c r="H268097" s="12"/>
    </row>
    <row r="268098" spans="8:8">
      <c r="H268098" s="12"/>
    </row>
    <row r="268099" spans="8:8">
      <c r="H268099" s="12"/>
    </row>
    <row r="268100" spans="8:8">
      <c r="H268100" s="12"/>
    </row>
    <row r="268101" spans="8:8">
      <c r="H268101" s="12"/>
    </row>
    <row r="268102" spans="8:8">
      <c r="H268102" s="12"/>
    </row>
    <row r="268103" spans="8:8">
      <c r="H268103" s="12"/>
    </row>
    <row r="268104" spans="8:8">
      <c r="H268104" s="12"/>
    </row>
    <row r="268105" spans="8:8">
      <c r="H268105" s="12"/>
    </row>
    <row r="268106" spans="8:8">
      <c r="H268106" s="12"/>
    </row>
    <row r="268107" spans="8:8">
      <c r="H268107" s="12"/>
    </row>
    <row r="268108" spans="8:8">
      <c r="H268108" s="12"/>
    </row>
    <row r="268109" spans="8:8">
      <c r="H268109" s="12"/>
    </row>
    <row r="268110" spans="8:8">
      <c r="H268110" s="12"/>
    </row>
    <row r="268111" spans="8:8">
      <c r="H268111" s="12"/>
    </row>
    <row r="268112" spans="8:8">
      <c r="H268112" s="12"/>
    </row>
    <row r="268113" spans="8:8">
      <c r="H268113" s="12"/>
    </row>
    <row r="268114" spans="8:8">
      <c r="H268114" s="12"/>
    </row>
    <row r="268115" spans="8:8">
      <c r="H268115" s="12"/>
    </row>
    <row r="268116" spans="8:8">
      <c r="H268116" s="12"/>
    </row>
    <row r="268117" spans="8:8">
      <c r="H268117" s="12"/>
    </row>
    <row r="268118" spans="8:8">
      <c r="H268118" s="12"/>
    </row>
    <row r="268119" spans="8:8">
      <c r="H268119" s="12"/>
    </row>
    <row r="268120" spans="8:8">
      <c r="H268120" s="12"/>
    </row>
    <row r="268121" spans="8:8">
      <c r="H268121" s="12"/>
    </row>
    <row r="268122" spans="8:8">
      <c r="H268122" s="12"/>
    </row>
    <row r="268123" spans="8:8">
      <c r="H268123" s="12"/>
    </row>
    <row r="268124" spans="8:8">
      <c r="H268124" s="12"/>
    </row>
    <row r="268125" spans="8:8">
      <c r="H268125" s="12"/>
    </row>
    <row r="268126" spans="8:8">
      <c r="H268126" s="12"/>
    </row>
    <row r="268127" spans="8:8">
      <c r="H268127" s="12"/>
    </row>
    <row r="268128" spans="8:8">
      <c r="H268128" s="12"/>
    </row>
    <row r="268129" spans="8:8">
      <c r="H268129" s="12"/>
    </row>
    <row r="268130" spans="8:8">
      <c r="H268130" s="12"/>
    </row>
    <row r="268131" spans="8:8">
      <c r="H268131" s="12"/>
    </row>
    <row r="268132" spans="8:8">
      <c r="H268132" s="12"/>
    </row>
    <row r="268133" spans="8:8">
      <c r="H268133" s="12"/>
    </row>
    <row r="268134" spans="8:8">
      <c r="H268134" s="12"/>
    </row>
    <row r="268135" spans="8:8">
      <c r="H268135" s="12"/>
    </row>
    <row r="268136" spans="8:8">
      <c r="H268136" s="12"/>
    </row>
    <row r="268137" spans="8:8">
      <c r="H268137" s="12"/>
    </row>
    <row r="268138" spans="8:8">
      <c r="H268138" s="12"/>
    </row>
    <row r="268139" spans="8:8">
      <c r="H268139" s="12"/>
    </row>
    <row r="268140" spans="8:8">
      <c r="H268140" s="12"/>
    </row>
    <row r="268141" spans="8:8">
      <c r="H268141" s="12"/>
    </row>
    <row r="268142" spans="8:8">
      <c r="H268142" s="12"/>
    </row>
    <row r="268143" spans="8:8">
      <c r="H268143" s="12"/>
    </row>
    <row r="268144" spans="8:8">
      <c r="H268144" s="12"/>
    </row>
    <row r="268145" spans="8:8">
      <c r="H268145" s="12"/>
    </row>
    <row r="268146" spans="8:8">
      <c r="H268146" s="12"/>
    </row>
    <row r="268147" spans="8:8">
      <c r="H268147" s="12"/>
    </row>
    <row r="268148" spans="8:8">
      <c r="H268148" s="12"/>
    </row>
    <row r="268149" spans="8:8">
      <c r="H268149" s="12"/>
    </row>
    <row r="268150" spans="8:8">
      <c r="H268150" s="12"/>
    </row>
    <row r="268151" spans="8:8">
      <c r="H268151" s="12"/>
    </row>
    <row r="268152" spans="8:8">
      <c r="H268152" s="12"/>
    </row>
    <row r="268153" spans="8:8">
      <c r="H268153" s="12"/>
    </row>
    <row r="268154" spans="8:8">
      <c r="H268154" s="12"/>
    </row>
    <row r="268155" spans="8:8">
      <c r="H268155" s="12"/>
    </row>
    <row r="268156" spans="8:8">
      <c r="H268156" s="12"/>
    </row>
    <row r="268157" spans="8:8">
      <c r="H268157" s="12"/>
    </row>
    <row r="268158" spans="8:8">
      <c r="H268158" s="12"/>
    </row>
    <row r="268159" spans="8:8">
      <c r="H268159" s="12"/>
    </row>
    <row r="268160" spans="8:8">
      <c r="H268160" s="12"/>
    </row>
    <row r="268161" spans="8:8">
      <c r="H268161" s="12"/>
    </row>
    <row r="268162" spans="8:8">
      <c r="H268162" s="12"/>
    </row>
    <row r="268163" spans="8:8">
      <c r="H268163" s="12"/>
    </row>
    <row r="268164" spans="8:8">
      <c r="H268164" s="12"/>
    </row>
    <row r="268165" spans="8:8">
      <c r="H268165" s="12"/>
    </row>
    <row r="268166" spans="8:8">
      <c r="H268166" s="12"/>
    </row>
    <row r="268167" spans="8:8">
      <c r="H268167" s="12"/>
    </row>
    <row r="268168" spans="8:8">
      <c r="H268168" s="12"/>
    </row>
    <row r="268169" spans="8:8">
      <c r="H268169" s="12"/>
    </row>
    <row r="268170" spans="8:8">
      <c r="H268170" s="12"/>
    </row>
    <row r="268171" spans="8:8">
      <c r="H268171" s="12"/>
    </row>
    <row r="268172" spans="8:8">
      <c r="H268172" s="12"/>
    </row>
    <row r="268173" spans="8:8">
      <c r="H268173" s="12"/>
    </row>
    <row r="268174" spans="8:8">
      <c r="H268174" s="12"/>
    </row>
    <row r="268175" spans="8:8">
      <c r="H268175" s="12"/>
    </row>
    <row r="268176" spans="8:8">
      <c r="H268176" s="12"/>
    </row>
    <row r="268177" spans="8:8">
      <c r="H268177" s="12"/>
    </row>
    <row r="268178" spans="8:8">
      <c r="H268178" s="12"/>
    </row>
    <row r="268179" spans="8:8">
      <c r="H268179" s="12"/>
    </row>
    <row r="268180" spans="8:8">
      <c r="H268180" s="12"/>
    </row>
    <row r="268181" spans="8:8">
      <c r="H268181" s="12"/>
    </row>
    <row r="268182" spans="8:8">
      <c r="H268182" s="12"/>
    </row>
    <row r="268183" spans="8:8">
      <c r="H268183" s="12"/>
    </row>
    <row r="268184" spans="8:8">
      <c r="H268184" s="12"/>
    </row>
    <row r="268185" spans="8:8">
      <c r="H268185" s="12"/>
    </row>
    <row r="268186" spans="8:8">
      <c r="H268186" s="12"/>
    </row>
    <row r="268187" spans="8:8">
      <c r="H268187" s="12"/>
    </row>
    <row r="268188" spans="8:8">
      <c r="H268188" s="12"/>
    </row>
    <row r="268189" spans="8:8">
      <c r="H268189" s="12"/>
    </row>
    <row r="268190" spans="8:8">
      <c r="H268190" s="12"/>
    </row>
    <row r="268191" spans="8:8">
      <c r="H268191" s="12"/>
    </row>
    <row r="268192" spans="8:8">
      <c r="H268192" s="12"/>
    </row>
    <row r="268193" spans="8:8">
      <c r="H268193" s="12"/>
    </row>
    <row r="268194" spans="8:8">
      <c r="H268194" s="12"/>
    </row>
    <row r="268195" spans="8:8">
      <c r="H268195" s="12"/>
    </row>
    <row r="268196" spans="8:8">
      <c r="H268196" s="12"/>
    </row>
    <row r="268197" spans="8:8">
      <c r="H268197" s="12"/>
    </row>
    <row r="268198" spans="8:8">
      <c r="H268198" s="12"/>
    </row>
    <row r="268199" spans="8:8">
      <c r="H268199" s="12"/>
    </row>
    <row r="268200" spans="8:8">
      <c r="H268200" s="12"/>
    </row>
    <row r="268201" spans="8:8">
      <c r="H268201" s="12"/>
    </row>
    <row r="268202" spans="8:8">
      <c r="H268202" s="12"/>
    </row>
    <row r="268203" spans="8:8">
      <c r="H268203" s="12"/>
    </row>
    <row r="268204" spans="8:8">
      <c r="H268204" s="12"/>
    </row>
    <row r="268205" spans="8:8">
      <c r="H268205" s="12"/>
    </row>
    <row r="268206" spans="8:8">
      <c r="H268206" s="12"/>
    </row>
    <row r="268207" spans="8:8">
      <c r="H268207" s="12"/>
    </row>
    <row r="268208" spans="8:8">
      <c r="H268208" s="12"/>
    </row>
    <row r="268209" spans="8:8">
      <c r="H268209" s="12"/>
    </row>
    <row r="268210" spans="8:8">
      <c r="H268210" s="12"/>
    </row>
    <row r="268211" spans="8:8">
      <c r="H268211" s="12"/>
    </row>
    <row r="268212" spans="8:8">
      <c r="H268212" s="12"/>
    </row>
    <row r="268213" spans="8:8">
      <c r="H268213" s="12"/>
    </row>
    <row r="268214" spans="8:8">
      <c r="H268214" s="12"/>
    </row>
    <row r="268215" spans="8:8">
      <c r="H268215" s="12"/>
    </row>
    <row r="268216" spans="8:8">
      <c r="H268216" s="12"/>
    </row>
    <row r="268217" spans="8:8">
      <c r="H268217" s="12"/>
    </row>
    <row r="268218" spans="8:8">
      <c r="H268218" s="12"/>
    </row>
    <row r="268219" spans="8:8">
      <c r="H268219" s="12"/>
    </row>
    <row r="268220" spans="8:8">
      <c r="H268220" s="12"/>
    </row>
    <row r="268221" spans="8:8">
      <c r="H268221" s="12"/>
    </row>
    <row r="268222" spans="8:8">
      <c r="H268222" s="12"/>
    </row>
    <row r="268223" spans="8:8">
      <c r="H268223" s="12"/>
    </row>
    <row r="268224" spans="8:8">
      <c r="H268224" s="12"/>
    </row>
    <row r="268225" spans="8:8">
      <c r="H268225" s="12"/>
    </row>
    <row r="268226" spans="8:8">
      <c r="H268226" s="12"/>
    </row>
    <row r="268227" spans="8:8">
      <c r="H268227" s="12"/>
    </row>
    <row r="268228" spans="8:8">
      <c r="H268228" s="12"/>
    </row>
    <row r="268229" spans="8:8">
      <c r="H268229" s="12"/>
    </row>
    <row r="268230" spans="8:8">
      <c r="H268230" s="12"/>
    </row>
    <row r="268231" spans="8:8">
      <c r="H268231" s="12"/>
    </row>
    <row r="268232" spans="8:8">
      <c r="H268232" s="12"/>
    </row>
    <row r="268233" spans="8:8">
      <c r="H268233" s="12"/>
    </row>
    <row r="268234" spans="8:8">
      <c r="H268234" s="12"/>
    </row>
    <row r="268235" spans="8:8">
      <c r="H268235" s="12"/>
    </row>
    <row r="268236" spans="8:8">
      <c r="H268236" s="12"/>
    </row>
    <row r="268237" spans="8:8">
      <c r="H268237" s="12"/>
    </row>
    <row r="268238" spans="8:8">
      <c r="H268238" s="12"/>
    </row>
    <row r="268239" spans="8:8">
      <c r="H268239" s="12"/>
    </row>
    <row r="268240" spans="8:8">
      <c r="H268240" s="12"/>
    </row>
    <row r="268241" spans="8:8">
      <c r="H268241" s="12"/>
    </row>
    <row r="268242" spans="8:8">
      <c r="H268242" s="12"/>
    </row>
    <row r="268243" spans="8:8">
      <c r="H268243" s="12"/>
    </row>
    <row r="268244" spans="8:8">
      <c r="H268244" s="12"/>
    </row>
    <row r="268245" spans="8:8">
      <c r="H268245" s="12"/>
    </row>
    <row r="268246" spans="8:8">
      <c r="H268246" s="12"/>
    </row>
    <row r="268247" spans="8:8">
      <c r="H268247" s="12"/>
    </row>
    <row r="268248" spans="8:8">
      <c r="H268248" s="12"/>
    </row>
    <row r="268249" spans="8:8">
      <c r="H268249" s="12"/>
    </row>
    <row r="268250" spans="8:8">
      <c r="H268250" s="12"/>
    </row>
    <row r="268251" spans="8:8">
      <c r="H268251" s="12"/>
    </row>
    <row r="268252" spans="8:8">
      <c r="H268252" s="12"/>
    </row>
    <row r="268253" spans="8:8">
      <c r="H268253" s="12"/>
    </row>
    <row r="268254" spans="8:8">
      <c r="H268254" s="12"/>
    </row>
    <row r="268255" spans="8:8">
      <c r="H268255" s="12"/>
    </row>
    <row r="268256" spans="8:8">
      <c r="H268256" s="12"/>
    </row>
    <row r="268257" spans="8:8">
      <c r="H268257" s="12"/>
    </row>
    <row r="268258" spans="8:8">
      <c r="H268258" s="12"/>
    </row>
    <row r="268259" spans="8:8">
      <c r="H268259" s="12"/>
    </row>
    <row r="268260" spans="8:8">
      <c r="H268260" s="12"/>
    </row>
    <row r="268261" spans="8:8">
      <c r="H268261" s="12"/>
    </row>
    <row r="268262" spans="8:8">
      <c r="H268262" s="12"/>
    </row>
    <row r="268263" spans="8:8">
      <c r="H268263" s="12"/>
    </row>
    <row r="268264" spans="8:8">
      <c r="H268264" s="12"/>
    </row>
    <row r="268265" spans="8:8">
      <c r="H268265" s="12"/>
    </row>
    <row r="268266" spans="8:8">
      <c r="H268266" s="12"/>
    </row>
    <row r="268267" spans="8:8">
      <c r="H268267" s="12"/>
    </row>
    <row r="268268" spans="8:8">
      <c r="H268268" s="12"/>
    </row>
    <row r="268269" spans="8:8">
      <c r="H268269" s="12"/>
    </row>
    <row r="268270" spans="8:8">
      <c r="H268270" s="12"/>
    </row>
    <row r="268271" spans="8:8">
      <c r="H268271" s="12"/>
    </row>
    <row r="268272" spans="8:8">
      <c r="H268272" s="12"/>
    </row>
    <row r="268273" spans="8:8">
      <c r="H268273" s="12"/>
    </row>
    <row r="268274" spans="8:8">
      <c r="H268274" s="12"/>
    </row>
    <row r="268275" spans="8:8">
      <c r="H268275" s="12"/>
    </row>
    <row r="268276" spans="8:8">
      <c r="H268276" s="12"/>
    </row>
    <row r="268277" spans="8:8">
      <c r="H268277" s="12"/>
    </row>
    <row r="268278" spans="8:8">
      <c r="H268278" s="12"/>
    </row>
    <row r="268279" spans="8:8">
      <c r="H268279" s="12"/>
    </row>
    <row r="268280" spans="8:8">
      <c r="H268280" s="12"/>
    </row>
    <row r="268281" spans="8:8">
      <c r="H268281" s="12"/>
    </row>
    <row r="268282" spans="8:8">
      <c r="H268282" s="12"/>
    </row>
    <row r="268283" spans="8:8">
      <c r="H268283" s="12"/>
    </row>
    <row r="268284" spans="8:8">
      <c r="H268284" s="12"/>
    </row>
    <row r="268285" spans="8:8">
      <c r="H268285" s="12"/>
    </row>
    <row r="268286" spans="8:8">
      <c r="H268286" s="12"/>
    </row>
    <row r="268287" spans="8:8">
      <c r="H268287" s="12"/>
    </row>
    <row r="268288" spans="8:8">
      <c r="H268288" s="12"/>
    </row>
    <row r="268289" spans="8:8">
      <c r="H268289" s="12"/>
    </row>
    <row r="268290" spans="8:8">
      <c r="H268290" s="12"/>
    </row>
    <row r="268291" spans="8:8">
      <c r="H268291" s="12"/>
    </row>
    <row r="268292" spans="8:8">
      <c r="H268292" s="12"/>
    </row>
    <row r="268293" spans="8:8">
      <c r="H268293" s="12"/>
    </row>
    <row r="268294" spans="8:8">
      <c r="H268294" s="12"/>
    </row>
    <row r="268295" spans="8:8">
      <c r="H268295" s="12"/>
    </row>
    <row r="268296" spans="8:8">
      <c r="H268296" s="12"/>
    </row>
    <row r="268297" spans="8:8">
      <c r="H268297" s="12"/>
    </row>
    <row r="268298" spans="8:8">
      <c r="H268298" s="12"/>
    </row>
    <row r="268299" spans="8:8">
      <c r="H268299" s="12"/>
    </row>
    <row r="268300" spans="8:8">
      <c r="H268300" s="12"/>
    </row>
    <row r="268301" spans="8:8">
      <c r="H268301" s="12"/>
    </row>
    <row r="268302" spans="8:8">
      <c r="H268302" s="12"/>
    </row>
    <row r="268303" spans="8:8">
      <c r="H268303" s="12"/>
    </row>
    <row r="268304" spans="8:8">
      <c r="H268304" s="12"/>
    </row>
    <row r="268305" spans="8:8">
      <c r="H268305" s="12"/>
    </row>
    <row r="268306" spans="8:8">
      <c r="H268306" s="12"/>
    </row>
    <row r="268307" spans="8:8">
      <c r="H268307" s="12"/>
    </row>
    <row r="268308" spans="8:8">
      <c r="H268308" s="12"/>
    </row>
    <row r="268309" spans="8:8">
      <c r="H268309" s="12"/>
    </row>
    <row r="268310" spans="8:8">
      <c r="H268310" s="12"/>
    </row>
    <row r="268311" spans="8:8">
      <c r="H268311" s="12"/>
    </row>
    <row r="268312" spans="8:8">
      <c r="H268312" s="12"/>
    </row>
    <row r="268313" spans="8:8">
      <c r="H268313" s="12"/>
    </row>
    <row r="268314" spans="8:8">
      <c r="H268314" s="12"/>
    </row>
    <row r="268315" spans="8:8">
      <c r="H268315" s="12"/>
    </row>
    <row r="268316" spans="8:8">
      <c r="H268316" s="12"/>
    </row>
    <row r="268317" spans="8:8">
      <c r="H268317" s="12"/>
    </row>
    <row r="268318" spans="8:8">
      <c r="H268318" s="12"/>
    </row>
    <row r="268319" spans="8:8">
      <c r="H268319" s="12"/>
    </row>
    <row r="268320" spans="8:8">
      <c r="H268320" s="12"/>
    </row>
    <row r="268321" spans="8:8">
      <c r="H268321" s="12"/>
    </row>
    <row r="268322" spans="8:8">
      <c r="H268322" s="12"/>
    </row>
    <row r="268323" spans="8:8">
      <c r="H268323" s="12"/>
    </row>
    <row r="268324" spans="8:8">
      <c r="H268324" s="12"/>
    </row>
    <row r="268325" spans="8:8">
      <c r="H268325" s="12"/>
    </row>
    <row r="268326" spans="8:8">
      <c r="H268326" s="12"/>
    </row>
    <row r="268327" spans="8:8">
      <c r="H268327" s="12"/>
    </row>
    <row r="268328" spans="8:8">
      <c r="H268328" s="12"/>
    </row>
    <row r="268329" spans="8:8">
      <c r="H268329" s="12"/>
    </row>
    <row r="268330" spans="8:8">
      <c r="H268330" s="12"/>
    </row>
    <row r="268331" spans="8:8">
      <c r="H268331" s="12"/>
    </row>
    <row r="268332" spans="8:8">
      <c r="H268332" s="12"/>
    </row>
    <row r="268333" spans="8:8">
      <c r="H268333" s="12"/>
    </row>
    <row r="268334" spans="8:8">
      <c r="H268334" s="12"/>
    </row>
    <row r="268335" spans="8:8">
      <c r="H268335" s="12"/>
    </row>
    <row r="268336" spans="8:8">
      <c r="H268336" s="12"/>
    </row>
    <row r="268337" spans="8:8">
      <c r="H268337" s="12"/>
    </row>
    <row r="268338" spans="8:8">
      <c r="H268338" s="12"/>
    </row>
    <row r="268339" spans="8:8">
      <c r="H268339" s="12"/>
    </row>
    <row r="268340" spans="8:8">
      <c r="H268340" s="12"/>
    </row>
    <row r="268341" spans="8:8">
      <c r="H268341" s="12"/>
    </row>
    <row r="268342" spans="8:8">
      <c r="H268342" s="12"/>
    </row>
    <row r="268343" spans="8:8">
      <c r="H268343" s="12"/>
    </row>
    <row r="268344" spans="8:8">
      <c r="H268344" s="12"/>
    </row>
    <row r="268345" spans="8:8">
      <c r="H268345" s="12"/>
    </row>
    <row r="268346" spans="8:8">
      <c r="H268346" s="12"/>
    </row>
    <row r="268347" spans="8:8">
      <c r="H268347" s="12"/>
    </row>
    <row r="268348" spans="8:8">
      <c r="H268348" s="12"/>
    </row>
    <row r="268349" spans="8:8">
      <c r="H268349" s="12"/>
    </row>
    <row r="268350" spans="8:8">
      <c r="H268350" s="12"/>
    </row>
    <row r="268351" spans="8:8">
      <c r="H268351" s="12"/>
    </row>
    <row r="268352" spans="8:8">
      <c r="H268352" s="12"/>
    </row>
    <row r="268353" spans="8:8">
      <c r="H268353" s="12"/>
    </row>
    <row r="268354" spans="8:8">
      <c r="H268354" s="12"/>
    </row>
    <row r="268355" spans="8:8">
      <c r="H268355" s="12"/>
    </row>
    <row r="268356" spans="8:8">
      <c r="H268356" s="12"/>
    </row>
    <row r="268357" spans="8:8">
      <c r="H268357" s="12"/>
    </row>
    <row r="268358" spans="8:8">
      <c r="H268358" s="12"/>
    </row>
    <row r="268359" spans="8:8">
      <c r="H268359" s="12"/>
    </row>
    <row r="268360" spans="8:8">
      <c r="H268360" s="12"/>
    </row>
    <row r="268361" spans="8:8">
      <c r="H268361" s="12"/>
    </row>
    <row r="268362" spans="8:8">
      <c r="H268362" s="12"/>
    </row>
    <row r="268363" spans="8:8">
      <c r="H268363" s="12"/>
    </row>
    <row r="268364" spans="8:8">
      <c r="H268364" s="12"/>
    </row>
    <row r="268365" spans="8:8">
      <c r="H268365" s="12"/>
    </row>
    <row r="268366" spans="8:8">
      <c r="H268366" s="12"/>
    </row>
    <row r="268367" spans="8:8">
      <c r="H268367" s="12"/>
    </row>
    <row r="268368" spans="8:8">
      <c r="H268368" s="12"/>
    </row>
    <row r="268369" spans="8:8">
      <c r="H268369" s="12"/>
    </row>
    <row r="268370" spans="8:8">
      <c r="H268370" s="12"/>
    </row>
    <row r="268371" spans="8:8">
      <c r="H268371" s="12"/>
    </row>
    <row r="268372" spans="8:8">
      <c r="H268372" s="12"/>
    </row>
    <row r="268373" spans="8:8">
      <c r="H268373" s="12"/>
    </row>
    <row r="268374" spans="8:8">
      <c r="H268374" s="12"/>
    </row>
    <row r="268375" spans="8:8">
      <c r="H268375" s="12"/>
    </row>
    <row r="268376" spans="8:8">
      <c r="H268376" s="12"/>
    </row>
    <row r="268377" spans="8:8">
      <c r="H268377" s="12"/>
    </row>
    <row r="268378" spans="8:8">
      <c r="H268378" s="12"/>
    </row>
    <row r="268379" spans="8:8">
      <c r="H268379" s="12"/>
    </row>
    <row r="268380" spans="8:8">
      <c r="H268380" s="12"/>
    </row>
    <row r="268381" spans="8:8">
      <c r="H268381" s="12"/>
    </row>
    <row r="268382" spans="8:8">
      <c r="H268382" s="12"/>
    </row>
    <row r="268383" spans="8:8">
      <c r="H268383" s="12"/>
    </row>
    <row r="268384" spans="8:8">
      <c r="H268384" s="12"/>
    </row>
    <row r="268385" spans="8:8">
      <c r="H268385" s="12"/>
    </row>
    <row r="268386" spans="8:8">
      <c r="H268386" s="12"/>
    </row>
    <row r="268387" spans="8:8">
      <c r="H268387" s="12"/>
    </row>
    <row r="268388" spans="8:8">
      <c r="H268388" s="12"/>
    </row>
    <row r="268389" spans="8:8">
      <c r="H268389" s="12"/>
    </row>
    <row r="268390" spans="8:8">
      <c r="H268390" s="12"/>
    </row>
    <row r="268391" spans="8:8">
      <c r="H268391" s="12"/>
    </row>
    <row r="268392" spans="8:8">
      <c r="H268392" s="12"/>
    </row>
    <row r="268393" spans="8:8">
      <c r="H268393" s="12"/>
    </row>
    <row r="268394" spans="8:8">
      <c r="H268394" s="12"/>
    </row>
    <row r="268395" spans="8:8">
      <c r="H268395" s="12"/>
    </row>
    <row r="268396" spans="8:8">
      <c r="H268396" s="12"/>
    </row>
    <row r="268397" spans="8:8">
      <c r="H268397" s="12"/>
    </row>
    <row r="268398" spans="8:8">
      <c r="H268398" s="12"/>
    </row>
    <row r="268399" spans="8:8">
      <c r="H268399" s="12"/>
    </row>
    <row r="268400" spans="8:8">
      <c r="H268400" s="12"/>
    </row>
    <row r="268401" spans="8:8">
      <c r="H268401" s="12"/>
    </row>
    <row r="268402" spans="8:8">
      <c r="H268402" s="12"/>
    </row>
    <row r="268403" spans="8:8">
      <c r="H268403" s="12"/>
    </row>
    <row r="268404" spans="8:8">
      <c r="H268404" s="12"/>
    </row>
    <row r="268405" spans="8:8">
      <c r="H268405" s="12"/>
    </row>
    <row r="268406" spans="8:8">
      <c r="H268406" s="12"/>
    </row>
    <row r="268407" spans="8:8">
      <c r="H268407" s="12"/>
    </row>
    <row r="268408" spans="8:8">
      <c r="H268408" s="12"/>
    </row>
    <row r="268409" spans="8:8">
      <c r="H268409" s="12"/>
    </row>
    <row r="268410" spans="8:8">
      <c r="H268410" s="12"/>
    </row>
    <row r="268411" spans="8:8">
      <c r="H268411" s="12"/>
    </row>
    <row r="268412" spans="8:8">
      <c r="H268412" s="12"/>
    </row>
    <row r="268413" spans="8:8">
      <c r="H268413" s="12"/>
    </row>
    <row r="268414" spans="8:8">
      <c r="H268414" s="12"/>
    </row>
    <row r="268415" spans="8:8">
      <c r="H268415" s="12"/>
    </row>
    <row r="268416" spans="8:8">
      <c r="H268416" s="12"/>
    </row>
    <row r="268417" spans="8:8">
      <c r="H268417" s="12"/>
    </row>
    <row r="268418" spans="8:8">
      <c r="H268418" s="12"/>
    </row>
    <row r="268419" spans="8:8">
      <c r="H268419" s="12"/>
    </row>
    <row r="268420" spans="8:8">
      <c r="H268420" s="12"/>
    </row>
    <row r="268421" spans="8:8">
      <c r="H268421" s="12"/>
    </row>
    <row r="268422" spans="8:8">
      <c r="H268422" s="12"/>
    </row>
    <row r="268423" spans="8:8">
      <c r="H268423" s="12"/>
    </row>
    <row r="268424" spans="8:8">
      <c r="H268424" s="12"/>
    </row>
    <row r="268425" spans="8:8">
      <c r="H268425" s="12"/>
    </row>
    <row r="268426" spans="8:8">
      <c r="H268426" s="12"/>
    </row>
    <row r="268427" spans="8:8">
      <c r="H268427" s="12"/>
    </row>
    <row r="268428" spans="8:8">
      <c r="H268428" s="12"/>
    </row>
    <row r="268429" spans="8:8">
      <c r="H268429" s="12"/>
    </row>
    <row r="268430" spans="8:8">
      <c r="H268430" s="12"/>
    </row>
    <row r="268431" spans="8:8">
      <c r="H268431" s="12"/>
    </row>
    <row r="268432" spans="8:8">
      <c r="H268432" s="12"/>
    </row>
    <row r="268433" spans="8:8">
      <c r="H268433" s="12"/>
    </row>
    <row r="268434" spans="8:8">
      <c r="H268434" s="12"/>
    </row>
    <row r="268435" spans="8:8">
      <c r="H268435" s="12"/>
    </row>
    <row r="268436" spans="8:8">
      <c r="H268436" s="12"/>
    </row>
    <row r="268437" spans="8:8">
      <c r="H268437" s="12"/>
    </row>
    <row r="268438" spans="8:8">
      <c r="H268438" s="12"/>
    </row>
    <row r="268439" spans="8:8">
      <c r="H268439" s="12"/>
    </row>
    <row r="268440" spans="8:8">
      <c r="H268440" s="12"/>
    </row>
    <row r="268441" spans="8:8">
      <c r="H268441" s="12"/>
    </row>
    <row r="268442" spans="8:8">
      <c r="H268442" s="12"/>
    </row>
    <row r="268443" spans="8:8">
      <c r="H268443" s="12"/>
    </row>
    <row r="268444" spans="8:8">
      <c r="H268444" s="12"/>
    </row>
    <row r="268445" spans="8:8">
      <c r="H268445" s="12"/>
    </row>
    <row r="268446" spans="8:8">
      <c r="H268446" s="12"/>
    </row>
    <row r="268447" spans="8:8">
      <c r="H268447" s="12"/>
    </row>
    <row r="268448" spans="8:8">
      <c r="H268448" s="12"/>
    </row>
    <row r="268449" spans="8:8">
      <c r="H268449" s="12"/>
    </row>
    <row r="268450" spans="8:8">
      <c r="H268450" s="12"/>
    </row>
    <row r="268451" spans="8:8">
      <c r="H268451" s="12"/>
    </row>
    <row r="268452" spans="8:8">
      <c r="H268452" s="12"/>
    </row>
    <row r="268453" spans="8:8">
      <c r="H268453" s="12"/>
    </row>
    <row r="268454" spans="8:8">
      <c r="H268454" s="12"/>
    </row>
    <row r="268455" spans="8:8">
      <c r="H268455" s="12"/>
    </row>
    <row r="268456" spans="8:8">
      <c r="H268456" s="12"/>
    </row>
    <row r="268457" spans="8:8">
      <c r="H268457" s="12"/>
    </row>
    <row r="268458" spans="8:8">
      <c r="H268458" s="12"/>
    </row>
    <row r="268459" spans="8:8">
      <c r="H268459" s="12"/>
    </row>
    <row r="268460" spans="8:8">
      <c r="H268460" s="12"/>
    </row>
    <row r="268461" spans="8:8">
      <c r="H268461" s="12"/>
    </row>
    <row r="268462" spans="8:8">
      <c r="H268462" s="12"/>
    </row>
    <row r="268463" spans="8:8">
      <c r="H268463" s="12"/>
    </row>
    <row r="268464" spans="8:8">
      <c r="H268464" s="12"/>
    </row>
    <row r="268465" spans="8:8">
      <c r="H268465" s="12"/>
    </row>
    <row r="268466" spans="8:8">
      <c r="H268466" s="12"/>
    </row>
    <row r="268467" spans="8:8">
      <c r="H268467" s="12"/>
    </row>
    <row r="268468" spans="8:8">
      <c r="H268468" s="12"/>
    </row>
    <row r="268469" spans="8:8">
      <c r="H268469" s="12"/>
    </row>
    <row r="268470" spans="8:8">
      <c r="H268470" s="12"/>
    </row>
    <row r="268471" spans="8:8">
      <c r="H268471" s="12"/>
    </row>
    <row r="268472" spans="8:8">
      <c r="H268472" s="12"/>
    </row>
    <row r="268473" spans="8:8">
      <c r="H268473" s="12"/>
    </row>
    <row r="268474" spans="8:8">
      <c r="H268474" s="12"/>
    </row>
    <row r="268475" spans="8:8">
      <c r="H268475" s="12"/>
    </row>
    <row r="268476" spans="8:8">
      <c r="H268476" s="12"/>
    </row>
    <row r="268477" spans="8:8">
      <c r="H268477" s="12"/>
    </row>
    <row r="268478" spans="8:8">
      <c r="H268478" s="12"/>
    </row>
    <row r="268479" spans="8:8">
      <c r="H268479" s="12"/>
    </row>
    <row r="268480" spans="8:8">
      <c r="H268480" s="12"/>
    </row>
    <row r="268481" spans="8:8">
      <c r="H268481" s="12"/>
    </row>
    <row r="268482" spans="8:8">
      <c r="H268482" s="12"/>
    </row>
    <row r="268483" spans="8:8">
      <c r="H268483" s="12"/>
    </row>
    <row r="268484" spans="8:8">
      <c r="H268484" s="12"/>
    </row>
    <row r="268485" spans="8:8">
      <c r="H268485" s="12"/>
    </row>
    <row r="268486" spans="8:8">
      <c r="H268486" s="12"/>
    </row>
    <row r="268487" spans="8:8">
      <c r="H268487" s="12"/>
    </row>
    <row r="268488" spans="8:8">
      <c r="H268488" s="12"/>
    </row>
    <row r="268489" spans="8:8">
      <c r="H268489" s="12"/>
    </row>
    <row r="268490" spans="8:8">
      <c r="H268490" s="12"/>
    </row>
    <row r="268491" spans="8:8">
      <c r="H268491" s="12"/>
    </row>
    <row r="268492" spans="8:8">
      <c r="H268492" s="12"/>
    </row>
    <row r="268493" spans="8:8">
      <c r="H268493" s="12"/>
    </row>
    <row r="268494" spans="8:8">
      <c r="H268494" s="12"/>
    </row>
    <row r="268495" spans="8:8">
      <c r="H268495" s="12"/>
    </row>
    <row r="268496" spans="8:8">
      <c r="H268496" s="12"/>
    </row>
    <row r="268497" spans="8:8">
      <c r="H268497" s="12"/>
    </row>
    <row r="268498" spans="8:8">
      <c r="H268498" s="12"/>
    </row>
    <row r="268499" spans="8:8">
      <c r="H268499" s="12"/>
    </row>
    <row r="268500" spans="8:8">
      <c r="H268500" s="12"/>
    </row>
    <row r="268501" spans="8:8">
      <c r="H268501" s="12"/>
    </row>
    <row r="268502" spans="8:8">
      <c r="H268502" s="12"/>
    </row>
    <row r="268503" spans="8:8">
      <c r="H268503" s="12"/>
    </row>
    <row r="268504" spans="8:8">
      <c r="H268504" s="12"/>
    </row>
    <row r="268505" spans="8:8">
      <c r="H268505" s="12"/>
    </row>
    <row r="268506" spans="8:8">
      <c r="H268506" s="12"/>
    </row>
    <row r="268507" spans="8:8">
      <c r="H268507" s="12"/>
    </row>
    <row r="268508" spans="8:8">
      <c r="H268508" s="12"/>
    </row>
    <row r="268509" spans="8:8">
      <c r="H268509" s="12"/>
    </row>
    <row r="268510" spans="8:8">
      <c r="H268510" s="12"/>
    </row>
    <row r="268511" spans="8:8">
      <c r="H268511" s="12"/>
    </row>
    <row r="268512" spans="8:8">
      <c r="H268512" s="12"/>
    </row>
    <row r="268513" spans="8:8">
      <c r="H268513" s="12"/>
    </row>
    <row r="268514" spans="8:8">
      <c r="H268514" s="12"/>
    </row>
    <row r="268515" spans="8:8">
      <c r="H268515" s="12"/>
    </row>
    <row r="268516" spans="8:8">
      <c r="H268516" s="12"/>
    </row>
    <row r="268517" spans="8:8">
      <c r="H268517" s="12"/>
    </row>
    <row r="268518" spans="8:8">
      <c r="H268518" s="12"/>
    </row>
    <row r="268519" spans="8:8">
      <c r="H268519" s="12"/>
    </row>
    <row r="268520" spans="8:8">
      <c r="H268520" s="12"/>
    </row>
    <row r="268521" spans="8:8">
      <c r="H268521" s="12"/>
    </row>
    <row r="268522" spans="8:8">
      <c r="H268522" s="12"/>
    </row>
    <row r="268523" spans="8:8">
      <c r="H268523" s="12"/>
    </row>
    <row r="268524" spans="8:8">
      <c r="H268524" s="12"/>
    </row>
    <row r="268525" spans="8:8">
      <c r="H268525" s="12"/>
    </row>
    <row r="268526" spans="8:8">
      <c r="H268526" s="12"/>
    </row>
    <row r="268527" spans="8:8">
      <c r="H268527" s="12"/>
    </row>
    <row r="268528" spans="8:8">
      <c r="H268528" s="12"/>
    </row>
    <row r="268529" spans="8:8">
      <c r="H268529" s="12"/>
    </row>
    <row r="268530" spans="8:8">
      <c r="H268530" s="12"/>
    </row>
    <row r="268531" spans="8:8">
      <c r="H268531" s="12"/>
    </row>
    <row r="268532" spans="8:8">
      <c r="H268532" s="12"/>
    </row>
    <row r="268533" spans="8:8">
      <c r="H268533" s="12"/>
    </row>
    <row r="268534" spans="8:8">
      <c r="H268534" s="12"/>
    </row>
    <row r="268535" spans="8:8">
      <c r="H268535" s="12"/>
    </row>
    <row r="268536" spans="8:8">
      <c r="H268536" s="12"/>
    </row>
    <row r="268537" spans="8:8">
      <c r="H268537" s="12"/>
    </row>
    <row r="268538" spans="8:8">
      <c r="H268538" s="12"/>
    </row>
    <row r="268539" spans="8:8">
      <c r="H268539" s="12"/>
    </row>
    <row r="268540" spans="8:8">
      <c r="H268540" s="12"/>
    </row>
    <row r="268541" spans="8:8">
      <c r="H268541" s="12"/>
    </row>
    <row r="268542" spans="8:8">
      <c r="H268542" s="12"/>
    </row>
    <row r="268543" spans="8:8">
      <c r="H268543" s="12"/>
    </row>
    <row r="268544" spans="8:8">
      <c r="H268544" s="12"/>
    </row>
    <row r="268545" spans="8:8">
      <c r="H268545" s="12"/>
    </row>
    <row r="268546" spans="8:8">
      <c r="H268546" s="12"/>
    </row>
    <row r="268547" spans="8:8">
      <c r="H268547" s="12"/>
    </row>
    <row r="268548" spans="8:8">
      <c r="H268548" s="12"/>
    </row>
    <row r="268549" spans="8:8">
      <c r="H268549" s="12"/>
    </row>
    <row r="268550" spans="8:8">
      <c r="H268550" s="12"/>
    </row>
    <row r="268551" spans="8:8">
      <c r="H268551" s="12"/>
    </row>
    <row r="268552" spans="8:8">
      <c r="H268552" s="12"/>
    </row>
    <row r="268553" spans="8:8">
      <c r="H268553" s="12"/>
    </row>
    <row r="268554" spans="8:8">
      <c r="H268554" s="12"/>
    </row>
    <row r="268555" spans="8:8">
      <c r="H268555" s="12"/>
    </row>
    <row r="268556" spans="8:8">
      <c r="H268556" s="12"/>
    </row>
    <row r="268557" spans="8:8">
      <c r="H268557" s="12"/>
    </row>
    <row r="268558" spans="8:8">
      <c r="H268558" s="12"/>
    </row>
    <row r="268559" spans="8:8">
      <c r="H268559" s="12"/>
    </row>
    <row r="268560" spans="8:8">
      <c r="H268560" s="12"/>
    </row>
    <row r="268561" spans="8:8">
      <c r="H268561" s="12"/>
    </row>
    <row r="268562" spans="8:8">
      <c r="H268562" s="12"/>
    </row>
    <row r="268563" spans="8:8">
      <c r="H268563" s="12"/>
    </row>
    <row r="268564" spans="8:8">
      <c r="H268564" s="12"/>
    </row>
    <row r="268565" spans="8:8">
      <c r="H268565" s="12"/>
    </row>
    <row r="268566" spans="8:8">
      <c r="H268566" s="12"/>
    </row>
    <row r="268567" spans="8:8">
      <c r="H268567" s="12"/>
    </row>
    <row r="268568" spans="8:8">
      <c r="H268568" s="12"/>
    </row>
    <row r="268569" spans="8:8">
      <c r="H268569" s="12"/>
    </row>
    <row r="268570" spans="8:8">
      <c r="H268570" s="12"/>
    </row>
    <row r="268571" spans="8:8">
      <c r="H268571" s="12"/>
    </row>
    <row r="268572" spans="8:8">
      <c r="H268572" s="12"/>
    </row>
    <row r="268573" spans="8:8">
      <c r="H268573" s="12"/>
    </row>
    <row r="268574" spans="8:8">
      <c r="H268574" s="12"/>
    </row>
    <row r="268575" spans="8:8">
      <c r="H268575" s="12"/>
    </row>
    <row r="268576" spans="8:8">
      <c r="H268576" s="12"/>
    </row>
    <row r="268577" spans="8:8">
      <c r="H268577" s="12"/>
    </row>
    <row r="268578" spans="8:8">
      <c r="H268578" s="12"/>
    </row>
    <row r="268579" spans="8:8">
      <c r="H268579" s="12"/>
    </row>
    <row r="268580" spans="8:8">
      <c r="H268580" s="12"/>
    </row>
    <row r="268581" spans="8:8">
      <c r="H268581" s="12"/>
    </row>
    <row r="268582" spans="8:8">
      <c r="H268582" s="12"/>
    </row>
    <row r="268583" spans="8:8">
      <c r="H268583" s="12"/>
    </row>
    <row r="268584" spans="8:8">
      <c r="H268584" s="12"/>
    </row>
    <row r="268585" spans="8:8">
      <c r="H268585" s="12"/>
    </row>
    <row r="268586" spans="8:8">
      <c r="H268586" s="12"/>
    </row>
    <row r="268587" spans="8:8">
      <c r="H268587" s="12"/>
    </row>
    <row r="268588" spans="8:8">
      <c r="H268588" s="12"/>
    </row>
    <row r="268589" spans="8:8">
      <c r="H268589" s="12"/>
    </row>
    <row r="268590" spans="8:8">
      <c r="H268590" s="12"/>
    </row>
    <row r="268591" spans="8:8">
      <c r="H268591" s="12"/>
    </row>
    <row r="268592" spans="8:8">
      <c r="H268592" s="12"/>
    </row>
    <row r="268593" spans="8:8">
      <c r="H268593" s="12"/>
    </row>
    <row r="268594" spans="8:8">
      <c r="H268594" s="12"/>
    </row>
    <row r="268595" spans="8:8">
      <c r="H268595" s="12"/>
    </row>
    <row r="268596" spans="8:8">
      <c r="H268596" s="12"/>
    </row>
    <row r="268597" spans="8:8">
      <c r="H268597" s="12"/>
    </row>
    <row r="268598" spans="8:8">
      <c r="H268598" s="12"/>
    </row>
    <row r="268599" spans="8:8">
      <c r="H268599" s="12"/>
    </row>
    <row r="268600" spans="8:8">
      <c r="H268600" s="12"/>
    </row>
    <row r="268601" spans="8:8">
      <c r="H268601" s="12"/>
    </row>
    <row r="268602" spans="8:8">
      <c r="H268602" s="12"/>
    </row>
    <row r="268603" spans="8:8">
      <c r="H268603" s="12"/>
    </row>
    <row r="268604" spans="8:8">
      <c r="H268604" s="12"/>
    </row>
    <row r="268605" spans="8:8">
      <c r="H268605" s="12"/>
    </row>
    <row r="268606" spans="8:8">
      <c r="H268606" s="12"/>
    </row>
    <row r="268607" spans="8:8">
      <c r="H268607" s="12"/>
    </row>
    <row r="268608" spans="8:8">
      <c r="H268608" s="12"/>
    </row>
    <row r="268609" spans="8:8">
      <c r="H268609" s="12"/>
    </row>
    <row r="268610" spans="8:8">
      <c r="H268610" s="12"/>
    </row>
    <row r="268611" spans="8:8">
      <c r="H268611" s="12"/>
    </row>
    <row r="268612" spans="8:8">
      <c r="H268612" s="12"/>
    </row>
    <row r="268613" spans="8:8">
      <c r="H268613" s="12"/>
    </row>
    <row r="268614" spans="8:8">
      <c r="H268614" s="12"/>
    </row>
    <row r="268615" spans="8:8">
      <c r="H268615" s="12"/>
    </row>
    <row r="268616" spans="8:8">
      <c r="H268616" s="12"/>
    </row>
    <row r="268617" spans="8:8">
      <c r="H268617" s="12"/>
    </row>
    <row r="268618" spans="8:8">
      <c r="H268618" s="12"/>
    </row>
    <row r="268619" spans="8:8">
      <c r="H268619" s="12"/>
    </row>
    <row r="268620" spans="8:8">
      <c r="H268620" s="12"/>
    </row>
    <row r="268621" spans="8:8">
      <c r="H268621" s="12"/>
    </row>
    <row r="268622" spans="8:8">
      <c r="H268622" s="12"/>
    </row>
    <row r="268623" spans="8:8">
      <c r="H268623" s="12"/>
    </row>
    <row r="268624" spans="8:8">
      <c r="H268624" s="12"/>
    </row>
    <row r="268625" spans="8:8">
      <c r="H268625" s="12"/>
    </row>
    <row r="268626" spans="8:8">
      <c r="H268626" s="12"/>
    </row>
    <row r="268627" spans="8:8">
      <c r="H268627" s="12"/>
    </row>
    <row r="268628" spans="8:8">
      <c r="H268628" s="12"/>
    </row>
    <row r="268629" spans="8:8">
      <c r="H268629" s="12"/>
    </row>
    <row r="268630" spans="8:8">
      <c r="H268630" s="12"/>
    </row>
    <row r="268631" spans="8:8">
      <c r="H268631" s="12"/>
    </row>
    <row r="268632" spans="8:8">
      <c r="H268632" s="12"/>
    </row>
    <row r="268633" spans="8:8">
      <c r="H268633" s="12"/>
    </row>
    <row r="268634" spans="8:8">
      <c r="H268634" s="12"/>
    </row>
    <row r="268635" spans="8:8">
      <c r="H268635" s="12"/>
    </row>
    <row r="268636" spans="8:8">
      <c r="H268636" s="12"/>
    </row>
    <row r="268637" spans="8:8">
      <c r="H268637" s="12"/>
    </row>
    <row r="268638" spans="8:8">
      <c r="H268638" s="12"/>
    </row>
    <row r="268639" spans="8:8">
      <c r="H268639" s="12"/>
    </row>
    <row r="268640" spans="8:8">
      <c r="H268640" s="12"/>
    </row>
    <row r="268641" spans="8:8">
      <c r="H268641" s="12"/>
    </row>
    <row r="268642" spans="8:8">
      <c r="H268642" s="12"/>
    </row>
    <row r="268643" spans="8:8">
      <c r="H268643" s="12"/>
    </row>
    <row r="268644" spans="8:8">
      <c r="H268644" s="12"/>
    </row>
    <row r="268645" spans="8:8">
      <c r="H268645" s="12"/>
    </row>
    <row r="268646" spans="8:8">
      <c r="H268646" s="12"/>
    </row>
    <row r="268647" spans="8:8">
      <c r="H268647" s="12"/>
    </row>
    <row r="268648" spans="8:8">
      <c r="H268648" s="12"/>
    </row>
    <row r="268649" spans="8:8">
      <c r="H268649" s="12"/>
    </row>
    <row r="268650" spans="8:8">
      <c r="H268650" s="12"/>
    </row>
    <row r="268651" spans="8:8">
      <c r="H268651" s="12"/>
    </row>
    <row r="268652" spans="8:8">
      <c r="H268652" s="12"/>
    </row>
    <row r="268653" spans="8:8">
      <c r="H268653" s="12"/>
    </row>
    <row r="268654" spans="8:8">
      <c r="H268654" s="12"/>
    </row>
    <row r="268655" spans="8:8">
      <c r="H268655" s="12"/>
    </row>
    <row r="268656" spans="8:8">
      <c r="H268656" s="12"/>
    </row>
    <row r="268657" spans="8:8">
      <c r="H268657" s="12"/>
    </row>
    <row r="268658" spans="8:8">
      <c r="H268658" s="12"/>
    </row>
    <row r="268659" spans="8:8">
      <c r="H268659" s="12"/>
    </row>
    <row r="268660" spans="8:8">
      <c r="H268660" s="12"/>
    </row>
    <row r="268661" spans="8:8">
      <c r="H268661" s="12"/>
    </row>
    <row r="268662" spans="8:8">
      <c r="H268662" s="12"/>
    </row>
    <row r="268663" spans="8:8">
      <c r="H268663" s="12"/>
    </row>
    <row r="268664" spans="8:8">
      <c r="H268664" s="12"/>
    </row>
    <row r="268665" spans="8:8">
      <c r="H268665" s="12"/>
    </row>
    <row r="268666" spans="8:8">
      <c r="H268666" s="12"/>
    </row>
    <row r="268667" spans="8:8">
      <c r="H268667" s="12"/>
    </row>
    <row r="268668" spans="8:8">
      <c r="H268668" s="12"/>
    </row>
    <row r="268669" spans="8:8">
      <c r="H268669" s="12"/>
    </row>
    <row r="268670" spans="8:8">
      <c r="H268670" s="12"/>
    </row>
    <row r="268671" spans="8:8">
      <c r="H268671" s="12"/>
    </row>
    <row r="268672" spans="8:8">
      <c r="H268672" s="12"/>
    </row>
    <row r="268673" spans="8:8">
      <c r="H268673" s="12"/>
    </row>
    <row r="268674" spans="8:8">
      <c r="H268674" s="12"/>
    </row>
    <row r="268675" spans="8:8">
      <c r="H268675" s="12"/>
    </row>
    <row r="268676" spans="8:8">
      <c r="H268676" s="12"/>
    </row>
    <row r="268677" spans="8:8">
      <c r="H268677" s="12"/>
    </row>
    <row r="268678" spans="8:8">
      <c r="H268678" s="12"/>
    </row>
    <row r="268679" spans="8:8">
      <c r="H268679" s="12"/>
    </row>
    <row r="268680" spans="8:8">
      <c r="H268680" s="12"/>
    </row>
    <row r="268681" spans="8:8">
      <c r="H268681" s="12"/>
    </row>
    <row r="268682" spans="8:8">
      <c r="H268682" s="12"/>
    </row>
    <row r="268683" spans="8:8">
      <c r="H268683" s="12"/>
    </row>
    <row r="268684" spans="8:8">
      <c r="H268684" s="12"/>
    </row>
    <row r="268685" spans="8:8">
      <c r="H268685" s="12"/>
    </row>
    <row r="268686" spans="8:8">
      <c r="H268686" s="12"/>
    </row>
    <row r="268687" spans="8:8">
      <c r="H268687" s="12"/>
    </row>
    <row r="268688" spans="8:8">
      <c r="H268688" s="12"/>
    </row>
    <row r="268689" spans="8:8">
      <c r="H268689" s="12"/>
    </row>
    <row r="268690" spans="8:8">
      <c r="H268690" s="12"/>
    </row>
    <row r="268691" spans="8:8">
      <c r="H268691" s="12"/>
    </row>
    <row r="268692" spans="8:8">
      <c r="H268692" s="12"/>
    </row>
    <row r="268693" spans="8:8">
      <c r="H268693" s="12"/>
    </row>
    <row r="268694" spans="8:8">
      <c r="H268694" s="12"/>
    </row>
    <row r="268695" spans="8:8">
      <c r="H268695" s="12"/>
    </row>
    <row r="268696" spans="8:8">
      <c r="H268696" s="12"/>
    </row>
    <row r="268697" spans="8:8">
      <c r="H268697" s="12"/>
    </row>
    <row r="268698" spans="8:8">
      <c r="H268698" s="12"/>
    </row>
    <row r="268699" spans="8:8">
      <c r="H268699" s="12"/>
    </row>
    <row r="268700" spans="8:8">
      <c r="H268700" s="12"/>
    </row>
    <row r="268701" spans="8:8">
      <c r="H268701" s="12"/>
    </row>
    <row r="268702" spans="8:8">
      <c r="H268702" s="12"/>
    </row>
    <row r="268703" spans="8:8">
      <c r="H268703" s="12"/>
    </row>
    <row r="268704" spans="8:8">
      <c r="H268704" s="12"/>
    </row>
    <row r="268705" spans="8:8">
      <c r="H268705" s="12"/>
    </row>
    <row r="268706" spans="8:8">
      <c r="H268706" s="12"/>
    </row>
    <row r="268707" spans="8:8">
      <c r="H268707" s="12"/>
    </row>
    <row r="268708" spans="8:8">
      <c r="H268708" s="12"/>
    </row>
    <row r="268709" spans="8:8">
      <c r="H268709" s="12"/>
    </row>
    <row r="268710" spans="8:8">
      <c r="H268710" s="12"/>
    </row>
    <row r="268711" spans="8:8">
      <c r="H268711" s="12"/>
    </row>
    <row r="268712" spans="8:8">
      <c r="H268712" s="12"/>
    </row>
    <row r="268713" spans="8:8">
      <c r="H268713" s="12"/>
    </row>
    <row r="268714" spans="8:8">
      <c r="H268714" s="12"/>
    </row>
    <row r="268715" spans="8:8">
      <c r="H268715" s="12"/>
    </row>
    <row r="268716" spans="8:8">
      <c r="H268716" s="12"/>
    </row>
    <row r="268717" spans="8:8">
      <c r="H268717" s="12"/>
    </row>
    <row r="268718" spans="8:8">
      <c r="H268718" s="12"/>
    </row>
    <row r="268719" spans="8:8">
      <c r="H268719" s="12"/>
    </row>
    <row r="268720" spans="8:8">
      <c r="H268720" s="12"/>
    </row>
    <row r="268721" spans="8:8">
      <c r="H268721" s="12"/>
    </row>
    <row r="268722" spans="8:8">
      <c r="H268722" s="12"/>
    </row>
    <row r="268723" spans="8:8">
      <c r="H268723" s="12"/>
    </row>
    <row r="268724" spans="8:8">
      <c r="H268724" s="12"/>
    </row>
    <row r="268725" spans="8:8">
      <c r="H268725" s="12"/>
    </row>
    <row r="268726" spans="8:8">
      <c r="H268726" s="12"/>
    </row>
    <row r="268727" spans="8:8">
      <c r="H268727" s="12"/>
    </row>
    <row r="268728" spans="8:8">
      <c r="H268728" s="12"/>
    </row>
    <row r="268729" spans="8:8">
      <c r="H268729" s="12"/>
    </row>
    <row r="268730" spans="8:8">
      <c r="H268730" s="12"/>
    </row>
    <row r="268731" spans="8:8">
      <c r="H268731" s="12"/>
    </row>
    <row r="268732" spans="8:8">
      <c r="H268732" s="12"/>
    </row>
    <row r="268733" spans="8:8">
      <c r="H268733" s="12"/>
    </row>
    <row r="268734" spans="8:8">
      <c r="H268734" s="12"/>
    </row>
    <row r="268735" spans="8:8">
      <c r="H268735" s="12"/>
    </row>
    <row r="268736" spans="8:8">
      <c r="H268736" s="12"/>
    </row>
    <row r="268737" spans="8:8">
      <c r="H268737" s="12"/>
    </row>
    <row r="268738" spans="8:8">
      <c r="H268738" s="12"/>
    </row>
    <row r="268739" spans="8:8">
      <c r="H268739" s="12"/>
    </row>
    <row r="268740" spans="8:8">
      <c r="H268740" s="12"/>
    </row>
    <row r="268741" spans="8:8">
      <c r="H268741" s="12"/>
    </row>
    <row r="268742" spans="8:8">
      <c r="H268742" s="12"/>
    </row>
    <row r="268743" spans="8:8">
      <c r="H268743" s="12"/>
    </row>
    <row r="268744" spans="8:8">
      <c r="H268744" s="12"/>
    </row>
    <row r="268745" spans="8:8">
      <c r="H268745" s="12"/>
    </row>
    <row r="268746" spans="8:8">
      <c r="H268746" s="12"/>
    </row>
    <row r="268747" spans="8:8">
      <c r="H268747" s="12"/>
    </row>
    <row r="268748" spans="8:8">
      <c r="H268748" s="12"/>
    </row>
    <row r="268749" spans="8:8">
      <c r="H268749" s="12"/>
    </row>
    <row r="268750" spans="8:8">
      <c r="H268750" s="12"/>
    </row>
    <row r="268751" spans="8:8">
      <c r="H268751" s="12"/>
    </row>
    <row r="268752" spans="8:8">
      <c r="H268752" s="12"/>
    </row>
    <row r="268753" spans="8:8">
      <c r="H268753" s="12"/>
    </row>
    <row r="268754" spans="8:8">
      <c r="H268754" s="12"/>
    </row>
    <row r="268755" spans="8:8">
      <c r="H268755" s="12"/>
    </row>
    <row r="268756" spans="8:8">
      <c r="H268756" s="12"/>
    </row>
    <row r="268757" spans="8:8">
      <c r="H268757" s="12"/>
    </row>
    <row r="268758" spans="8:8">
      <c r="H268758" s="12"/>
    </row>
    <row r="268759" spans="8:8">
      <c r="H268759" s="12"/>
    </row>
    <row r="268760" spans="8:8">
      <c r="H268760" s="12"/>
    </row>
    <row r="268761" spans="8:8">
      <c r="H268761" s="12"/>
    </row>
    <row r="268762" spans="8:8">
      <c r="H268762" s="12"/>
    </row>
    <row r="268763" spans="8:8">
      <c r="H268763" s="12"/>
    </row>
    <row r="268764" spans="8:8">
      <c r="H268764" s="12"/>
    </row>
    <row r="268765" spans="8:8">
      <c r="H268765" s="12"/>
    </row>
    <row r="268766" spans="8:8">
      <c r="H268766" s="12"/>
    </row>
    <row r="268767" spans="8:8">
      <c r="H268767" s="12"/>
    </row>
    <row r="268768" spans="8:8">
      <c r="H268768" s="12"/>
    </row>
    <row r="268769" spans="8:8">
      <c r="H268769" s="12"/>
    </row>
    <row r="268770" spans="8:8">
      <c r="H268770" s="12"/>
    </row>
    <row r="268771" spans="8:8">
      <c r="H268771" s="12"/>
    </row>
    <row r="268772" spans="8:8">
      <c r="H268772" s="12"/>
    </row>
    <row r="268773" spans="8:8">
      <c r="H268773" s="12"/>
    </row>
    <row r="268774" spans="8:8">
      <c r="H268774" s="12"/>
    </row>
    <row r="268775" spans="8:8">
      <c r="H268775" s="12"/>
    </row>
    <row r="268776" spans="8:8">
      <c r="H268776" s="12"/>
    </row>
    <row r="268777" spans="8:8">
      <c r="H268777" s="12"/>
    </row>
    <row r="268778" spans="8:8">
      <c r="H268778" s="12"/>
    </row>
    <row r="268779" spans="8:8">
      <c r="H268779" s="12"/>
    </row>
    <row r="268780" spans="8:8">
      <c r="H268780" s="12"/>
    </row>
    <row r="268781" spans="8:8">
      <c r="H268781" s="12"/>
    </row>
    <row r="268782" spans="8:8">
      <c r="H268782" s="12"/>
    </row>
    <row r="268783" spans="8:8">
      <c r="H268783" s="12"/>
    </row>
    <row r="268784" spans="8:8">
      <c r="H268784" s="12"/>
    </row>
    <row r="268785" spans="8:8">
      <c r="H268785" s="12"/>
    </row>
    <row r="268786" spans="8:8">
      <c r="H268786" s="12"/>
    </row>
    <row r="268787" spans="8:8">
      <c r="H268787" s="12"/>
    </row>
    <row r="268788" spans="8:8">
      <c r="H268788" s="12"/>
    </row>
    <row r="268789" spans="8:8">
      <c r="H268789" s="12"/>
    </row>
    <row r="268790" spans="8:8">
      <c r="H268790" s="12"/>
    </row>
    <row r="268791" spans="8:8">
      <c r="H268791" s="12"/>
    </row>
    <row r="268792" spans="8:8">
      <c r="H268792" s="12"/>
    </row>
    <row r="268793" spans="8:8">
      <c r="H268793" s="12"/>
    </row>
    <row r="268794" spans="8:8">
      <c r="H268794" s="12"/>
    </row>
    <row r="268795" spans="8:8">
      <c r="H268795" s="12"/>
    </row>
    <row r="268796" spans="8:8">
      <c r="H268796" s="12"/>
    </row>
    <row r="268797" spans="8:8">
      <c r="H268797" s="12"/>
    </row>
    <row r="268798" spans="8:8">
      <c r="H268798" s="12"/>
    </row>
    <row r="268799" spans="8:8">
      <c r="H268799" s="12"/>
    </row>
    <row r="268800" spans="8:8">
      <c r="H268800" s="12"/>
    </row>
    <row r="268801" spans="8:8">
      <c r="H268801" s="12"/>
    </row>
    <row r="268802" spans="8:8">
      <c r="H268802" s="12"/>
    </row>
    <row r="268803" spans="8:8">
      <c r="H268803" s="12"/>
    </row>
    <row r="268804" spans="8:8">
      <c r="H268804" s="12"/>
    </row>
    <row r="268805" spans="8:8">
      <c r="H268805" s="12"/>
    </row>
    <row r="268806" spans="8:8">
      <c r="H268806" s="12"/>
    </row>
    <row r="268807" spans="8:8">
      <c r="H268807" s="12"/>
    </row>
    <row r="268808" spans="8:8">
      <c r="H268808" s="12"/>
    </row>
    <row r="268809" spans="8:8">
      <c r="H268809" s="12"/>
    </row>
    <row r="268810" spans="8:8">
      <c r="H268810" s="12"/>
    </row>
    <row r="268811" spans="8:8">
      <c r="H268811" s="12"/>
    </row>
    <row r="268812" spans="8:8">
      <c r="H268812" s="12"/>
    </row>
    <row r="268813" spans="8:8">
      <c r="H268813" s="12"/>
    </row>
    <row r="268814" spans="8:8">
      <c r="H268814" s="12"/>
    </row>
    <row r="268815" spans="8:8">
      <c r="H268815" s="12"/>
    </row>
    <row r="268816" spans="8:8">
      <c r="H268816" s="12"/>
    </row>
    <row r="268817" spans="8:8">
      <c r="H268817" s="12"/>
    </row>
    <row r="268818" spans="8:8">
      <c r="H268818" s="12"/>
    </row>
    <row r="268819" spans="8:8">
      <c r="H268819" s="12"/>
    </row>
    <row r="268820" spans="8:8">
      <c r="H268820" s="12"/>
    </row>
    <row r="268821" spans="8:8">
      <c r="H268821" s="12"/>
    </row>
    <row r="268822" spans="8:8">
      <c r="H268822" s="12"/>
    </row>
    <row r="268823" spans="8:8">
      <c r="H268823" s="12"/>
    </row>
    <row r="268824" spans="8:8">
      <c r="H268824" s="12"/>
    </row>
    <row r="268825" spans="8:8">
      <c r="H268825" s="12"/>
    </row>
    <row r="268826" spans="8:8">
      <c r="H268826" s="12"/>
    </row>
    <row r="268827" spans="8:8">
      <c r="H268827" s="12"/>
    </row>
    <row r="268828" spans="8:8">
      <c r="H268828" s="12"/>
    </row>
    <row r="268829" spans="8:8">
      <c r="H268829" s="12"/>
    </row>
    <row r="268830" spans="8:8">
      <c r="H268830" s="12"/>
    </row>
    <row r="268831" spans="8:8">
      <c r="H268831" s="12"/>
    </row>
    <row r="268832" spans="8:8">
      <c r="H268832" s="12"/>
    </row>
    <row r="268833" spans="8:8">
      <c r="H268833" s="12"/>
    </row>
    <row r="268834" spans="8:8">
      <c r="H268834" s="12"/>
    </row>
    <row r="268835" spans="8:8">
      <c r="H268835" s="12"/>
    </row>
    <row r="268836" spans="8:8">
      <c r="H268836" s="12"/>
    </row>
    <row r="268837" spans="8:8">
      <c r="H268837" s="12"/>
    </row>
    <row r="268838" spans="8:8">
      <c r="H268838" s="12"/>
    </row>
    <row r="268839" spans="8:8">
      <c r="H268839" s="12"/>
    </row>
    <row r="268840" spans="8:8">
      <c r="H268840" s="12"/>
    </row>
    <row r="268841" spans="8:8">
      <c r="H268841" s="12"/>
    </row>
    <row r="268842" spans="8:8">
      <c r="H268842" s="12"/>
    </row>
    <row r="268843" spans="8:8">
      <c r="H268843" s="12"/>
    </row>
    <row r="268844" spans="8:8">
      <c r="H268844" s="12"/>
    </row>
    <row r="268845" spans="8:8">
      <c r="H268845" s="12"/>
    </row>
    <row r="268846" spans="8:8">
      <c r="H268846" s="12"/>
    </row>
    <row r="268847" spans="8:8">
      <c r="H268847" s="12"/>
    </row>
    <row r="268848" spans="8:8">
      <c r="H268848" s="12"/>
    </row>
    <row r="268849" spans="8:8">
      <c r="H268849" s="12"/>
    </row>
    <row r="268850" spans="8:8">
      <c r="H268850" s="12"/>
    </row>
    <row r="268851" spans="8:8">
      <c r="H268851" s="12"/>
    </row>
    <row r="268852" spans="8:8">
      <c r="H268852" s="12"/>
    </row>
    <row r="268853" spans="8:8">
      <c r="H268853" s="12"/>
    </row>
    <row r="268854" spans="8:8">
      <c r="H268854" s="12"/>
    </row>
    <row r="268855" spans="8:8">
      <c r="H268855" s="12"/>
    </row>
    <row r="268856" spans="8:8">
      <c r="H268856" s="12"/>
    </row>
    <row r="268857" spans="8:8">
      <c r="H268857" s="12"/>
    </row>
    <row r="268858" spans="8:8">
      <c r="H268858" s="12"/>
    </row>
    <row r="268859" spans="8:8">
      <c r="H268859" s="12"/>
    </row>
    <row r="268860" spans="8:8">
      <c r="H268860" s="12"/>
    </row>
    <row r="268861" spans="8:8">
      <c r="H268861" s="12"/>
    </row>
    <row r="268862" spans="8:8">
      <c r="H268862" s="12"/>
    </row>
    <row r="268863" spans="8:8">
      <c r="H268863" s="12"/>
    </row>
    <row r="268864" spans="8:8">
      <c r="H268864" s="12"/>
    </row>
    <row r="268865" spans="8:8">
      <c r="H268865" s="12"/>
    </row>
    <row r="268866" spans="8:8">
      <c r="H268866" s="12"/>
    </row>
    <row r="268867" spans="8:8">
      <c r="H268867" s="12"/>
    </row>
    <row r="268868" spans="8:8">
      <c r="H268868" s="12"/>
    </row>
    <row r="268869" spans="8:8">
      <c r="H268869" s="12"/>
    </row>
    <row r="268870" spans="8:8">
      <c r="H268870" s="12"/>
    </row>
    <row r="268871" spans="8:8">
      <c r="H268871" s="12"/>
    </row>
    <row r="268872" spans="8:8">
      <c r="H268872" s="12"/>
    </row>
    <row r="268873" spans="8:8">
      <c r="H268873" s="12"/>
    </row>
    <row r="268874" spans="8:8">
      <c r="H268874" s="12"/>
    </row>
    <row r="268875" spans="8:8">
      <c r="H268875" s="12"/>
    </row>
    <row r="268876" spans="8:8">
      <c r="H268876" s="12"/>
    </row>
    <row r="268877" spans="8:8">
      <c r="H268877" s="12"/>
    </row>
    <row r="268878" spans="8:8">
      <c r="H268878" s="12"/>
    </row>
    <row r="268879" spans="8:8">
      <c r="H268879" s="12"/>
    </row>
    <row r="268880" spans="8:8">
      <c r="H268880" s="12"/>
    </row>
    <row r="268881" spans="8:8">
      <c r="H268881" s="12"/>
    </row>
    <row r="268882" spans="8:8">
      <c r="H268882" s="12"/>
    </row>
    <row r="268883" spans="8:8">
      <c r="H268883" s="12"/>
    </row>
    <row r="268884" spans="8:8">
      <c r="H268884" s="12"/>
    </row>
    <row r="268885" spans="8:8">
      <c r="H268885" s="12"/>
    </row>
    <row r="268886" spans="8:8">
      <c r="H268886" s="12"/>
    </row>
    <row r="268887" spans="8:8">
      <c r="H268887" s="12"/>
    </row>
    <row r="268888" spans="8:8">
      <c r="H268888" s="12"/>
    </row>
    <row r="268889" spans="8:8">
      <c r="H268889" s="12"/>
    </row>
    <row r="268890" spans="8:8">
      <c r="H268890" s="12"/>
    </row>
    <row r="268891" spans="8:8">
      <c r="H268891" s="12"/>
    </row>
    <row r="268892" spans="8:8">
      <c r="H268892" s="12"/>
    </row>
    <row r="268893" spans="8:8">
      <c r="H268893" s="12"/>
    </row>
    <row r="268894" spans="8:8">
      <c r="H268894" s="12"/>
    </row>
    <row r="268895" spans="8:8">
      <c r="H268895" s="12"/>
    </row>
    <row r="268896" spans="8:8">
      <c r="H268896" s="12"/>
    </row>
    <row r="268897" spans="8:8">
      <c r="H268897" s="12"/>
    </row>
    <row r="268898" spans="8:8">
      <c r="H268898" s="12"/>
    </row>
    <row r="268899" spans="8:8">
      <c r="H268899" s="12"/>
    </row>
    <row r="268900" spans="8:8">
      <c r="H268900" s="12"/>
    </row>
    <row r="268901" spans="8:8">
      <c r="H268901" s="12"/>
    </row>
    <row r="268902" spans="8:8">
      <c r="H268902" s="12"/>
    </row>
    <row r="268903" spans="8:8">
      <c r="H268903" s="12"/>
    </row>
    <row r="268904" spans="8:8">
      <c r="H268904" s="12"/>
    </row>
    <row r="268905" spans="8:8">
      <c r="H268905" s="12"/>
    </row>
    <row r="268906" spans="8:8">
      <c r="H268906" s="12"/>
    </row>
    <row r="268907" spans="8:8">
      <c r="H268907" s="12"/>
    </row>
    <row r="268908" spans="8:8">
      <c r="H268908" s="12"/>
    </row>
    <row r="268909" spans="8:8">
      <c r="H268909" s="12"/>
    </row>
    <row r="268910" spans="8:8">
      <c r="H268910" s="12"/>
    </row>
    <row r="268911" spans="8:8">
      <c r="H268911" s="12"/>
    </row>
    <row r="268912" spans="8:8">
      <c r="H268912" s="12"/>
    </row>
    <row r="268913" spans="8:8">
      <c r="H268913" s="12"/>
    </row>
    <row r="268914" spans="8:8">
      <c r="H268914" s="12"/>
    </row>
    <row r="268915" spans="8:8">
      <c r="H268915" s="12"/>
    </row>
    <row r="268916" spans="8:8">
      <c r="H268916" s="12"/>
    </row>
    <row r="268917" spans="8:8">
      <c r="H268917" s="12"/>
    </row>
    <row r="268918" spans="8:8">
      <c r="H268918" s="12"/>
    </row>
    <row r="268919" spans="8:8">
      <c r="H268919" s="12"/>
    </row>
    <row r="268920" spans="8:8">
      <c r="H268920" s="12"/>
    </row>
    <row r="268921" spans="8:8">
      <c r="H268921" s="12"/>
    </row>
    <row r="268922" spans="8:8">
      <c r="H268922" s="12"/>
    </row>
    <row r="268923" spans="8:8">
      <c r="H268923" s="12"/>
    </row>
    <row r="268924" spans="8:8">
      <c r="H268924" s="12"/>
    </row>
    <row r="268925" spans="8:8">
      <c r="H268925" s="12"/>
    </row>
    <row r="268926" spans="8:8">
      <c r="H268926" s="12"/>
    </row>
    <row r="268927" spans="8:8">
      <c r="H268927" s="12"/>
    </row>
    <row r="268928" spans="8:8">
      <c r="H268928" s="12"/>
    </row>
    <row r="268929" spans="8:8">
      <c r="H268929" s="12"/>
    </row>
    <row r="268930" spans="8:8">
      <c r="H268930" s="12"/>
    </row>
    <row r="268931" spans="8:8">
      <c r="H268931" s="12"/>
    </row>
    <row r="268932" spans="8:8">
      <c r="H268932" s="12"/>
    </row>
    <row r="268933" spans="8:8">
      <c r="H268933" s="12"/>
    </row>
    <row r="268934" spans="8:8">
      <c r="H268934" s="12"/>
    </row>
    <row r="268935" spans="8:8">
      <c r="H268935" s="12"/>
    </row>
    <row r="268936" spans="8:8">
      <c r="H268936" s="12"/>
    </row>
    <row r="268937" spans="8:8">
      <c r="H268937" s="12"/>
    </row>
    <row r="268938" spans="8:8">
      <c r="H268938" s="12"/>
    </row>
    <row r="268939" spans="8:8">
      <c r="H268939" s="12"/>
    </row>
    <row r="268940" spans="8:8">
      <c r="H268940" s="12"/>
    </row>
    <row r="268941" spans="8:8">
      <c r="H268941" s="12"/>
    </row>
    <row r="268942" spans="8:8">
      <c r="H268942" s="12"/>
    </row>
    <row r="268943" spans="8:8">
      <c r="H268943" s="12"/>
    </row>
    <row r="268944" spans="8:8">
      <c r="H268944" s="12"/>
    </row>
    <row r="268945" spans="8:8">
      <c r="H268945" s="12"/>
    </row>
    <row r="268946" spans="8:8">
      <c r="H268946" s="12"/>
    </row>
    <row r="268947" spans="8:8">
      <c r="H268947" s="12"/>
    </row>
    <row r="268948" spans="8:8">
      <c r="H268948" s="12"/>
    </row>
    <row r="268949" spans="8:8">
      <c r="H268949" s="12"/>
    </row>
    <row r="268950" spans="8:8">
      <c r="H268950" s="12"/>
    </row>
    <row r="268951" spans="8:8">
      <c r="H268951" s="12"/>
    </row>
    <row r="268952" spans="8:8">
      <c r="H268952" s="12"/>
    </row>
    <row r="268953" spans="8:8">
      <c r="H268953" s="12"/>
    </row>
    <row r="268954" spans="8:8">
      <c r="H268954" s="12"/>
    </row>
    <row r="268955" spans="8:8">
      <c r="H268955" s="12"/>
    </row>
    <row r="268956" spans="8:8">
      <c r="H268956" s="12"/>
    </row>
    <row r="268957" spans="8:8">
      <c r="H268957" s="12"/>
    </row>
    <row r="268958" spans="8:8">
      <c r="H268958" s="12"/>
    </row>
    <row r="268959" spans="8:8">
      <c r="H268959" s="12"/>
    </row>
    <row r="268960" spans="8:8">
      <c r="H268960" s="12"/>
    </row>
    <row r="268961" spans="8:8">
      <c r="H268961" s="12"/>
    </row>
    <row r="268962" spans="8:8">
      <c r="H268962" s="12"/>
    </row>
    <row r="268963" spans="8:8">
      <c r="H268963" s="12"/>
    </row>
    <row r="268964" spans="8:8">
      <c r="H268964" s="12"/>
    </row>
    <row r="268965" spans="8:8">
      <c r="H268965" s="12"/>
    </row>
    <row r="268966" spans="8:8">
      <c r="H268966" s="12"/>
    </row>
    <row r="268967" spans="8:8">
      <c r="H268967" s="12"/>
    </row>
    <row r="268968" spans="8:8">
      <c r="H268968" s="12"/>
    </row>
    <row r="268969" spans="8:8">
      <c r="H268969" s="12"/>
    </row>
    <row r="268970" spans="8:8">
      <c r="H268970" s="12"/>
    </row>
    <row r="268971" spans="8:8">
      <c r="H268971" s="12"/>
    </row>
    <row r="268972" spans="8:8">
      <c r="H268972" s="12"/>
    </row>
    <row r="268973" spans="8:8">
      <c r="H268973" s="12"/>
    </row>
    <row r="268974" spans="8:8">
      <c r="H268974" s="12"/>
    </row>
    <row r="268975" spans="8:8">
      <c r="H268975" s="12"/>
    </row>
    <row r="268976" spans="8:8">
      <c r="H268976" s="12"/>
    </row>
    <row r="268977" spans="8:8">
      <c r="H268977" s="12"/>
    </row>
    <row r="268978" spans="8:8">
      <c r="H268978" s="12"/>
    </row>
    <row r="268979" spans="8:8">
      <c r="H268979" s="12"/>
    </row>
    <row r="268980" spans="8:8">
      <c r="H268980" s="12"/>
    </row>
    <row r="268981" spans="8:8">
      <c r="H268981" s="12"/>
    </row>
    <row r="268982" spans="8:8">
      <c r="H268982" s="12"/>
    </row>
    <row r="268983" spans="8:8">
      <c r="H268983" s="12"/>
    </row>
    <row r="268984" spans="8:8">
      <c r="H268984" s="12"/>
    </row>
    <row r="268985" spans="8:8">
      <c r="H268985" s="12"/>
    </row>
    <row r="268986" spans="8:8">
      <c r="H268986" s="12"/>
    </row>
    <row r="268987" spans="8:8">
      <c r="H268987" s="12"/>
    </row>
    <row r="268988" spans="8:8">
      <c r="H268988" s="12"/>
    </row>
    <row r="268989" spans="8:8">
      <c r="H268989" s="12"/>
    </row>
    <row r="268990" spans="8:8">
      <c r="H268990" s="12"/>
    </row>
    <row r="268991" spans="8:8">
      <c r="H268991" s="12"/>
    </row>
    <row r="268992" spans="8:8">
      <c r="H268992" s="12"/>
    </row>
    <row r="268993" spans="8:8">
      <c r="H268993" s="12"/>
    </row>
    <row r="268994" spans="8:8">
      <c r="H268994" s="12"/>
    </row>
    <row r="268995" spans="8:8">
      <c r="H268995" s="12"/>
    </row>
    <row r="268996" spans="8:8">
      <c r="H268996" s="12"/>
    </row>
    <row r="268997" spans="8:8">
      <c r="H268997" s="12"/>
    </row>
    <row r="268998" spans="8:8">
      <c r="H268998" s="12"/>
    </row>
    <row r="268999" spans="8:8">
      <c r="H268999" s="12"/>
    </row>
    <row r="269000" spans="8:8">
      <c r="H269000" s="12"/>
    </row>
    <row r="269001" spans="8:8">
      <c r="H269001" s="12"/>
    </row>
    <row r="269002" spans="8:8">
      <c r="H269002" s="12"/>
    </row>
    <row r="269003" spans="8:8">
      <c r="H269003" s="12"/>
    </row>
    <row r="269004" spans="8:8">
      <c r="H269004" s="12"/>
    </row>
    <row r="269005" spans="8:8">
      <c r="H269005" s="12"/>
    </row>
    <row r="269006" spans="8:8">
      <c r="H269006" s="12"/>
    </row>
    <row r="269007" spans="8:8">
      <c r="H269007" s="12"/>
    </row>
    <row r="269008" spans="8:8">
      <c r="H269008" s="12"/>
    </row>
    <row r="269009" spans="8:8">
      <c r="H269009" s="12"/>
    </row>
    <row r="269010" spans="8:8">
      <c r="H269010" s="12"/>
    </row>
    <row r="269011" spans="8:8">
      <c r="H269011" s="12"/>
    </row>
    <row r="269012" spans="8:8">
      <c r="H269012" s="12"/>
    </row>
    <row r="269013" spans="8:8">
      <c r="H269013" s="12"/>
    </row>
    <row r="269014" spans="8:8">
      <c r="H269014" s="12"/>
    </row>
    <row r="269015" spans="8:8">
      <c r="H269015" s="12"/>
    </row>
    <row r="269016" spans="8:8">
      <c r="H269016" s="12"/>
    </row>
    <row r="269017" spans="8:8">
      <c r="H269017" s="12"/>
    </row>
    <row r="269018" spans="8:8">
      <c r="H269018" s="12"/>
    </row>
    <row r="269019" spans="8:8">
      <c r="H269019" s="12"/>
    </row>
    <row r="269020" spans="8:8">
      <c r="H269020" s="12"/>
    </row>
    <row r="269021" spans="8:8">
      <c r="H269021" s="12"/>
    </row>
    <row r="269022" spans="8:8">
      <c r="H269022" s="12"/>
    </row>
    <row r="269023" spans="8:8">
      <c r="H269023" s="12"/>
    </row>
    <row r="269024" spans="8:8">
      <c r="H269024" s="12"/>
    </row>
    <row r="269025" spans="8:8">
      <c r="H269025" s="12"/>
    </row>
    <row r="269026" spans="8:8">
      <c r="H269026" s="12"/>
    </row>
    <row r="269027" spans="8:8">
      <c r="H269027" s="12"/>
    </row>
    <row r="269028" spans="8:8">
      <c r="H269028" s="12"/>
    </row>
    <row r="269029" spans="8:8">
      <c r="H269029" s="12"/>
    </row>
    <row r="269030" spans="8:8">
      <c r="H269030" s="12"/>
    </row>
    <row r="269031" spans="8:8">
      <c r="H269031" s="12"/>
    </row>
    <row r="269032" spans="8:8">
      <c r="H269032" s="12"/>
    </row>
    <row r="269033" spans="8:8">
      <c r="H269033" s="12"/>
    </row>
    <row r="269034" spans="8:8">
      <c r="H269034" s="12"/>
    </row>
    <row r="269035" spans="8:8">
      <c r="H269035" s="12"/>
    </row>
    <row r="269036" spans="8:8">
      <c r="H269036" s="12"/>
    </row>
    <row r="269037" spans="8:8">
      <c r="H269037" s="12"/>
    </row>
    <row r="269038" spans="8:8">
      <c r="H269038" s="12"/>
    </row>
    <row r="269039" spans="8:8">
      <c r="H269039" s="12"/>
    </row>
    <row r="269040" spans="8:8">
      <c r="H269040" s="12"/>
    </row>
    <row r="269041" spans="8:8">
      <c r="H269041" s="12"/>
    </row>
    <row r="269042" spans="8:8">
      <c r="H269042" s="12"/>
    </row>
    <row r="269043" spans="8:8">
      <c r="H269043" s="12"/>
    </row>
    <row r="269044" spans="8:8">
      <c r="H269044" s="12"/>
    </row>
    <row r="269045" spans="8:8">
      <c r="H269045" s="12"/>
    </row>
    <row r="269046" spans="8:8">
      <c r="H269046" s="12"/>
    </row>
    <row r="269047" spans="8:8">
      <c r="H269047" s="12"/>
    </row>
    <row r="269048" spans="8:8">
      <c r="H269048" s="12"/>
    </row>
    <row r="269049" spans="8:8">
      <c r="H269049" s="12"/>
    </row>
    <row r="269050" spans="8:8">
      <c r="H269050" s="12"/>
    </row>
    <row r="269051" spans="8:8">
      <c r="H269051" s="12"/>
    </row>
    <row r="269052" spans="8:8">
      <c r="H269052" s="12"/>
    </row>
    <row r="269053" spans="8:8">
      <c r="H269053" s="12"/>
    </row>
    <row r="269054" spans="8:8">
      <c r="H269054" s="12"/>
    </row>
    <row r="269055" spans="8:8">
      <c r="H269055" s="12"/>
    </row>
    <row r="269056" spans="8:8">
      <c r="H269056" s="12"/>
    </row>
    <row r="269057" spans="8:8">
      <c r="H269057" s="12"/>
    </row>
    <row r="269058" spans="8:8">
      <c r="H269058" s="12"/>
    </row>
    <row r="269059" spans="8:8">
      <c r="H269059" s="12"/>
    </row>
    <row r="269060" spans="8:8">
      <c r="H269060" s="12"/>
    </row>
    <row r="269061" spans="8:8">
      <c r="H269061" s="12"/>
    </row>
    <row r="269062" spans="8:8">
      <c r="H269062" s="12"/>
    </row>
    <row r="269063" spans="8:8">
      <c r="H269063" s="12"/>
    </row>
    <row r="269064" spans="8:8">
      <c r="H269064" s="12"/>
    </row>
    <row r="269065" spans="8:8">
      <c r="H269065" s="12"/>
    </row>
    <row r="269066" spans="8:8">
      <c r="H269066" s="12"/>
    </row>
    <row r="269067" spans="8:8">
      <c r="H269067" s="12"/>
    </row>
    <row r="269068" spans="8:8">
      <c r="H269068" s="12"/>
    </row>
    <row r="269069" spans="8:8">
      <c r="H269069" s="12"/>
    </row>
    <row r="269070" spans="8:8">
      <c r="H269070" s="12"/>
    </row>
    <row r="269071" spans="8:8">
      <c r="H269071" s="12"/>
    </row>
    <row r="269072" spans="8:8">
      <c r="H269072" s="12"/>
    </row>
    <row r="269073" spans="8:8">
      <c r="H269073" s="12"/>
    </row>
    <row r="269074" spans="8:8">
      <c r="H269074" s="12"/>
    </row>
    <row r="269075" spans="8:8">
      <c r="H269075" s="12"/>
    </row>
    <row r="269076" spans="8:8">
      <c r="H269076" s="12"/>
    </row>
    <row r="269077" spans="8:8">
      <c r="H269077" s="12"/>
    </row>
    <row r="269078" spans="8:8">
      <c r="H269078" s="12"/>
    </row>
    <row r="269079" spans="8:8">
      <c r="H269079" s="12"/>
    </row>
    <row r="269080" spans="8:8">
      <c r="H269080" s="12"/>
    </row>
    <row r="269081" spans="8:8">
      <c r="H269081" s="12"/>
    </row>
    <row r="269082" spans="8:8">
      <c r="H269082" s="12"/>
    </row>
    <row r="269083" spans="8:8">
      <c r="H269083" s="12"/>
    </row>
    <row r="269084" spans="8:8">
      <c r="H269084" s="12"/>
    </row>
    <row r="269085" spans="8:8">
      <c r="H269085" s="12"/>
    </row>
    <row r="269086" spans="8:8">
      <c r="H269086" s="12"/>
    </row>
    <row r="269087" spans="8:8">
      <c r="H269087" s="12"/>
    </row>
    <row r="269088" spans="8:8">
      <c r="H269088" s="12"/>
    </row>
    <row r="269089" spans="8:8">
      <c r="H269089" s="12"/>
    </row>
    <row r="269090" spans="8:8">
      <c r="H269090" s="12"/>
    </row>
    <row r="269091" spans="8:8">
      <c r="H269091" s="12"/>
    </row>
    <row r="269092" spans="8:8">
      <c r="H269092" s="12"/>
    </row>
    <row r="269093" spans="8:8">
      <c r="H269093" s="12"/>
    </row>
    <row r="269094" spans="8:8">
      <c r="H269094" s="12"/>
    </row>
    <row r="269095" spans="8:8">
      <c r="H269095" s="12"/>
    </row>
    <row r="269096" spans="8:8">
      <c r="H269096" s="12"/>
    </row>
    <row r="269097" spans="8:8">
      <c r="H269097" s="12"/>
    </row>
    <row r="269098" spans="8:8">
      <c r="H269098" s="12"/>
    </row>
    <row r="269099" spans="8:8">
      <c r="H269099" s="12"/>
    </row>
    <row r="269100" spans="8:8">
      <c r="H269100" s="12"/>
    </row>
    <row r="269101" spans="8:8">
      <c r="H269101" s="12"/>
    </row>
    <row r="269102" spans="8:8">
      <c r="H269102" s="12"/>
    </row>
    <row r="269103" spans="8:8">
      <c r="H269103" s="12"/>
    </row>
    <row r="269104" spans="8:8">
      <c r="H269104" s="12"/>
    </row>
    <row r="269105" spans="8:8">
      <c r="H269105" s="12"/>
    </row>
    <row r="269106" spans="8:8">
      <c r="H269106" s="12"/>
    </row>
    <row r="269107" spans="8:8">
      <c r="H269107" s="12"/>
    </row>
    <row r="269108" spans="8:8">
      <c r="H269108" s="12"/>
    </row>
    <row r="269109" spans="8:8">
      <c r="H269109" s="12"/>
    </row>
    <row r="269110" spans="8:8">
      <c r="H269110" s="12"/>
    </row>
    <row r="269111" spans="8:8">
      <c r="H269111" s="12"/>
    </row>
    <row r="269112" spans="8:8">
      <c r="H269112" s="12"/>
    </row>
    <row r="269113" spans="8:8">
      <c r="H269113" s="12"/>
    </row>
    <row r="269114" spans="8:8">
      <c r="H269114" s="12"/>
    </row>
    <row r="269115" spans="8:8">
      <c r="H269115" s="12"/>
    </row>
    <row r="269116" spans="8:8">
      <c r="H269116" s="12"/>
    </row>
    <row r="269117" spans="8:8">
      <c r="H269117" s="12"/>
    </row>
    <row r="269118" spans="8:8">
      <c r="H269118" s="12"/>
    </row>
    <row r="269119" spans="8:8">
      <c r="H269119" s="12"/>
    </row>
    <row r="269120" spans="8:8">
      <c r="H269120" s="12"/>
    </row>
    <row r="269121" spans="8:8">
      <c r="H269121" s="12"/>
    </row>
    <row r="269122" spans="8:8">
      <c r="H269122" s="12"/>
    </row>
    <row r="269123" spans="8:8">
      <c r="H269123" s="12"/>
    </row>
    <row r="269124" spans="8:8">
      <c r="H269124" s="12"/>
    </row>
    <row r="269125" spans="8:8">
      <c r="H269125" s="12"/>
    </row>
    <row r="269126" spans="8:8">
      <c r="H269126" s="12"/>
    </row>
    <row r="269127" spans="8:8">
      <c r="H269127" s="12"/>
    </row>
    <row r="269128" spans="8:8">
      <c r="H269128" s="12"/>
    </row>
    <row r="269129" spans="8:8">
      <c r="H269129" s="12"/>
    </row>
    <row r="269130" spans="8:8">
      <c r="H269130" s="12"/>
    </row>
    <row r="269131" spans="8:8">
      <c r="H269131" s="12"/>
    </row>
    <row r="269132" spans="8:8">
      <c r="H269132" s="12"/>
    </row>
    <row r="269133" spans="8:8">
      <c r="H269133" s="12"/>
    </row>
    <row r="269134" spans="8:8">
      <c r="H269134" s="12"/>
    </row>
    <row r="269135" spans="8:8">
      <c r="H269135" s="12"/>
    </row>
    <row r="269136" spans="8:8">
      <c r="H269136" s="12"/>
    </row>
    <row r="269137" spans="8:8">
      <c r="H269137" s="12"/>
    </row>
    <row r="269138" spans="8:8">
      <c r="H269138" s="12"/>
    </row>
    <row r="269139" spans="8:8">
      <c r="H269139" s="12"/>
    </row>
    <row r="269140" spans="8:8">
      <c r="H269140" s="12"/>
    </row>
    <row r="269141" spans="8:8">
      <c r="H269141" s="12"/>
    </row>
    <row r="269142" spans="8:8">
      <c r="H269142" s="12"/>
    </row>
    <row r="269143" spans="8:8">
      <c r="H269143" s="12"/>
    </row>
    <row r="269144" spans="8:8">
      <c r="H269144" s="12"/>
    </row>
    <row r="269145" spans="8:8">
      <c r="H269145" s="12"/>
    </row>
    <row r="269146" spans="8:8">
      <c r="H269146" s="12"/>
    </row>
    <row r="269147" spans="8:8">
      <c r="H269147" s="12"/>
    </row>
    <row r="269148" spans="8:8">
      <c r="H269148" s="12"/>
    </row>
    <row r="269149" spans="8:8">
      <c r="H269149" s="12"/>
    </row>
    <row r="269150" spans="8:8">
      <c r="H269150" s="12"/>
    </row>
    <row r="269151" spans="8:8">
      <c r="H269151" s="12"/>
    </row>
    <row r="269152" spans="8:8">
      <c r="H269152" s="12"/>
    </row>
    <row r="269153" spans="8:8">
      <c r="H269153" s="12"/>
    </row>
    <row r="269154" spans="8:8">
      <c r="H269154" s="12"/>
    </row>
    <row r="269155" spans="8:8">
      <c r="H269155" s="12"/>
    </row>
    <row r="269156" spans="8:8">
      <c r="H269156" s="12"/>
    </row>
    <row r="269157" spans="8:8">
      <c r="H269157" s="12"/>
    </row>
    <row r="269158" spans="8:8">
      <c r="H269158" s="12"/>
    </row>
    <row r="269159" spans="8:8">
      <c r="H269159" s="12"/>
    </row>
    <row r="269160" spans="8:8">
      <c r="H269160" s="12"/>
    </row>
    <row r="269161" spans="8:8">
      <c r="H269161" s="12"/>
    </row>
    <row r="269162" spans="8:8">
      <c r="H269162" s="12"/>
    </row>
    <row r="269163" spans="8:8">
      <c r="H269163" s="12"/>
    </row>
    <row r="269164" spans="8:8">
      <c r="H269164" s="12"/>
    </row>
    <row r="269165" spans="8:8">
      <c r="H269165" s="12"/>
    </row>
    <row r="269166" spans="8:8">
      <c r="H269166" s="12"/>
    </row>
    <row r="269167" spans="8:8">
      <c r="H269167" s="12"/>
    </row>
    <row r="269168" spans="8:8">
      <c r="H269168" s="12"/>
    </row>
    <row r="269169" spans="8:8">
      <c r="H269169" s="12"/>
    </row>
    <row r="269170" spans="8:8">
      <c r="H269170" s="12"/>
    </row>
    <row r="269171" spans="8:8">
      <c r="H269171" s="12"/>
    </row>
    <row r="269172" spans="8:8">
      <c r="H269172" s="12"/>
    </row>
    <row r="269173" spans="8:8">
      <c r="H269173" s="12"/>
    </row>
    <row r="269174" spans="8:8">
      <c r="H269174" s="12"/>
    </row>
    <row r="269175" spans="8:8">
      <c r="H269175" s="12"/>
    </row>
    <row r="269176" spans="8:8">
      <c r="H269176" s="12"/>
    </row>
    <row r="269177" spans="8:8">
      <c r="H269177" s="12"/>
    </row>
    <row r="269178" spans="8:8">
      <c r="H269178" s="12"/>
    </row>
    <row r="269179" spans="8:8">
      <c r="H269179" s="12"/>
    </row>
    <row r="269180" spans="8:8">
      <c r="H269180" s="12"/>
    </row>
    <row r="269181" spans="8:8">
      <c r="H269181" s="12"/>
    </row>
    <row r="269182" spans="8:8">
      <c r="H269182" s="12"/>
    </row>
    <row r="269183" spans="8:8">
      <c r="H269183" s="12"/>
    </row>
    <row r="269184" spans="8:8">
      <c r="H269184" s="12"/>
    </row>
    <row r="269185" spans="8:8">
      <c r="H269185" s="12"/>
    </row>
    <row r="269186" spans="8:8">
      <c r="H269186" s="12"/>
    </row>
    <row r="269187" spans="8:8">
      <c r="H269187" s="12"/>
    </row>
    <row r="269188" spans="8:8">
      <c r="H269188" s="12"/>
    </row>
    <row r="269189" spans="8:8">
      <c r="H269189" s="12"/>
    </row>
    <row r="269190" spans="8:8">
      <c r="H269190" s="12"/>
    </row>
    <row r="269191" spans="8:8">
      <c r="H269191" s="12"/>
    </row>
    <row r="269192" spans="8:8">
      <c r="H269192" s="12"/>
    </row>
    <row r="269193" spans="8:8">
      <c r="H269193" s="12"/>
    </row>
    <row r="269194" spans="8:8">
      <c r="H269194" s="12"/>
    </row>
    <row r="269195" spans="8:8">
      <c r="H269195" s="12"/>
    </row>
    <row r="269196" spans="8:8">
      <c r="H269196" s="12"/>
    </row>
    <row r="269197" spans="8:8">
      <c r="H269197" s="12"/>
    </row>
    <row r="269198" spans="8:8">
      <c r="H269198" s="12"/>
    </row>
    <row r="269199" spans="8:8">
      <c r="H269199" s="12"/>
    </row>
    <row r="269200" spans="8:8">
      <c r="H269200" s="12"/>
    </row>
    <row r="269201" spans="8:8">
      <c r="H269201" s="12"/>
    </row>
    <row r="269202" spans="8:8">
      <c r="H269202" s="12"/>
    </row>
    <row r="269203" spans="8:8">
      <c r="H269203" s="12"/>
    </row>
    <row r="269204" spans="8:8">
      <c r="H269204" s="12"/>
    </row>
    <row r="269205" spans="8:8">
      <c r="H269205" s="12"/>
    </row>
    <row r="269206" spans="8:8">
      <c r="H269206" s="12"/>
    </row>
    <row r="269207" spans="8:8">
      <c r="H269207" s="12"/>
    </row>
    <row r="269208" spans="8:8">
      <c r="H269208" s="12"/>
    </row>
    <row r="269209" spans="8:8">
      <c r="H269209" s="12"/>
    </row>
    <row r="269210" spans="8:8">
      <c r="H269210" s="12"/>
    </row>
    <row r="269211" spans="8:8">
      <c r="H269211" s="12"/>
    </row>
    <row r="269212" spans="8:8">
      <c r="H269212" s="12"/>
    </row>
    <row r="269213" spans="8:8">
      <c r="H269213" s="12"/>
    </row>
    <row r="269214" spans="8:8">
      <c r="H269214" s="12"/>
    </row>
    <row r="269215" spans="8:8">
      <c r="H269215" s="12"/>
    </row>
    <row r="269216" spans="8:8">
      <c r="H269216" s="12"/>
    </row>
    <row r="269217" spans="8:8">
      <c r="H269217" s="12"/>
    </row>
    <row r="269218" spans="8:8">
      <c r="H269218" s="12"/>
    </row>
    <row r="269219" spans="8:8">
      <c r="H269219" s="12"/>
    </row>
    <row r="269220" spans="8:8">
      <c r="H269220" s="12"/>
    </row>
    <row r="269221" spans="8:8">
      <c r="H269221" s="12"/>
    </row>
    <row r="269222" spans="8:8">
      <c r="H269222" s="12"/>
    </row>
    <row r="269223" spans="8:8">
      <c r="H269223" s="12"/>
    </row>
    <row r="269224" spans="8:8">
      <c r="H269224" s="12"/>
    </row>
    <row r="269225" spans="8:8">
      <c r="H269225" s="12"/>
    </row>
    <row r="269226" spans="8:8">
      <c r="H269226" s="12"/>
    </row>
    <row r="269227" spans="8:8">
      <c r="H269227" s="12"/>
    </row>
    <row r="269228" spans="8:8">
      <c r="H269228" s="12"/>
    </row>
    <row r="269229" spans="8:8">
      <c r="H269229" s="12"/>
    </row>
    <row r="269230" spans="8:8">
      <c r="H269230" s="12"/>
    </row>
    <row r="269231" spans="8:8">
      <c r="H269231" s="12"/>
    </row>
    <row r="269232" spans="8:8">
      <c r="H269232" s="12"/>
    </row>
    <row r="269233" spans="8:8">
      <c r="H269233" s="12"/>
    </row>
    <row r="269234" spans="8:8">
      <c r="H269234" s="12"/>
    </row>
    <row r="269235" spans="8:8">
      <c r="H269235" s="12"/>
    </row>
    <row r="269236" spans="8:8">
      <c r="H269236" s="12"/>
    </row>
    <row r="269237" spans="8:8">
      <c r="H269237" s="12"/>
    </row>
    <row r="269238" spans="8:8">
      <c r="H269238" s="12"/>
    </row>
    <row r="269239" spans="8:8">
      <c r="H269239" s="12"/>
    </row>
    <row r="269240" spans="8:8">
      <c r="H269240" s="12"/>
    </row>
    <row r="269241" spans="8:8">
      <c r="H269241" s="12"/>
    </row>
    <row r="269242" spans="8:8">
      <c r="H269242" s="12"/>
    </row>
    <row r="269243" spans="8:8">
      <c r="H269243" s="12"/>
    </row>
    <row r="269244" spans="8:8">
      <c r="H269244" s="12"/>
    </row>
    <row r="269245" spans="8:8">
      <c r="H269245" s="12"/>
    </row>
    <row r="269246" spans="8:8">
      <c r="H269246" s="12"/>
    </row>
    <row r="269247" spans="8:8">
      <c r="H269247" s="12"/>
    </row>
    <row r="269248" spans="8:8">
      <c r="H269248" s="12"/>
    </row>
    <row r="269249" spans="8:8">
      <c r="H269249" s="12"/>
    </row>
    <row r="269250" spans="8:8">
      <c r="H269250" s="12"/>
    </row>
    <row r="269251" spans="8:8">
      <c r="H269251" s="12"/>
    </row>
    <row r="269252" spans="8:8">
      <c r="H269252" s="12"/>
    </row>
    <row r="269253" spans="8:8">
      <c r="H269253" s="12"/>
    </row>
    <row r="269254" spans="8:8">
      <c r="H269254" s="12"/>
    </row>
    <row r="269255" spans="8:8">
      <c r="H269255" s="12"/>
    </row>
    <row r="269256" spans="8:8">
      <c r="H269256" s="12"/>
    </row>
    <row r="269257" spans="8:8">
      <c r="H269257" s="12"/>
    </row>
    <row r="269258" spans="8:8">
      <c r="H269258" s="12"/>
    </row>
    <row r="269259" spans="8:8">
      <c r="H269259" s="12"/>
    </row>
    <row r="269260" spans="8:8">
      <c r="H269260" s="12"/>
    </row>
    <row r="269261" spans="8:8">
      <c r="H269261" s="12"/>
    </row>
    <row r="269262" spans="8:8">
      <c r="H269262" s="12"/>
    </row>
    <row r="269263" spans="8:8">
      <c r="H269263" s="12"/>
    </row>
    <row r="269264" spans="8:8">
      <c r="H269264" s="12"/>
    </row>
    <row r="269265" spans="8:8">
      <c r="H269265" s="12"/>
    </row>
    <row r="269266" spans="8:8">
      <c r="H269266" s="12"/>
    </row>
    <row r="269267" spans="8:8">
      <c r="H269267" s="12"/>
    </row>
    <row r="269268" spans="8:8">
      <c r="H269268" s="12"/>
    </row>
    <row r="269269" spans="8:8">
      <c r="H269269" s="12"/>
    </row>
    <row r="269270" spans="8:8">
      <c r="H269270" s="12"/>
    </row>
    <row r="269271" spans="8:8">
      <c r="H269271" s="12"/>
    </row>
    <row r="269272" spans="8:8">
      <c r="H269272" s="12"/>
    </row>
    <row r="269273" spans="8:8">
      <c r="H269273" s="12"/>
    </row>
    <row r="269274" spans="8:8">
      <c r="H269274" s="12"/>
    </row>
    <row r="269275" spans="8:8">
      <c r="H269275" s="12"/>
    </row>
    <row r="269276" spans="8:8">
      <c r="H269276" s="12"/>
    </row>
    <row r="269277" spans="8:8">
      <c r="H269277" s="12"/>
    </row>
    <row r="269278" spans="8:8">
      <c r="H269278" s="12"/>
    </row>
    <row r="269279" spans="8:8">
      <c r="H269279" s="12"/>
    </row>
    <row r="269280" spans="8:8">
      <c r="H269280" s="12"/>
    </row>
    <row r="269281" spans="8:8">
      <c r="H269281" s="12"/>
    </row>
    <row r="269282" spans="8:8">
      <c r="H269282" s="12"/>
    </row>
    <row r="269283" spans="8:8">
      <c r="H269283" s="12"/>
    </row>
    <row r="269284" spans="8:8">
      <c r="H269284" s="12"/>
    </row>
    <row r="269285" spans="8:8">
      <c r="H269285" s="12"/>
    </row>
    <row r="269286" spans="8:8">
      <c r="H269286" s="12"/>
    </row>
    <row r="269287" spans="8:8">
      <c r="H269287" s="12"/>
    </row>
    <row r="269288" spans="8:8">
      <c r="H269288" s="12"/>
    </row>
    <row r="269289" spans="8:8">
      <c r="H269289" s="12"/>
    </row>
    <row r="269290" spans="8:8">
      <c r="H269290" s="12"/>
    </row>
    <row r="269291" spans="8:8">
      <c r="H269291" s="12"/>
    </row>
    <row r="269292" spans="8:8">
      <c r="H269292" s="12"/>
    </row>
    <row r="269293" spans="8:8">
      <c r="H269293" s="12"/>
    </row>
    <row r="269294" spans="8:8">
      <c r="H269294" s="12"/>
    </row>
    <row r="269295" spans="8:8">
      <c r="H269295" s="12"/>
    </row>
    <row r="269296" spans="8:8">
      <c r="H269296" s="12"/>
    </row>
    <row r="269297" spans="8:8">
      <c r="H269297" s="12"/>
    </row>
    <row r="269298" spans="8:8">
      <c r="H269298" s="12"/>
    </row>
    <row r="269299" spans="8:8">
      <c r="H269299" s="12"/>
    </row>
    <row r="269300" spans="8:8">
      <c r="H269300" s="12"/>
    </row>
    <row r="269301" spans="8:8">
      <c r="H269301" s="12"/>
    </row>
    <row r="269302" spans="8:8">
      <c r="H269302" s="12"/>
    </row>
    <row r="269303" spans="8:8">
      <c r="H269303" s="12"/>
    </row>
    <row r="269304" spans="8:8">
      <c r="H269304" s="12"/>
    </row>
    <row r="269305" spans="8:8">
      <c r="H269305" s="12"/>
    </row>
    <row r="269306" spans="8:8">
      <c r="H269306" s="12"/>
    </row>
    <row r="269307" spans="8:8">
      <c r="H269307" s="12"/>
    </row>
    <row r="269308" spans="8:8">
      <c r="H269308" s="12"/>
    </row>
    <row r="269309" spans="8:8">
      <c r="H269309" s="12"/>
    </row>
    <row r="269310" spans="8:8">
      <c r="H269310" s="12"/>
    </row>
    <row r="269311" spans="8:8">
      <c r="H269311" s="12"/>
    </row>
    <row r="269312" spans="8:8">
      <c r="H269312" s="12"/>
    </row>
    <row r="269313" spans="8:8">
      <c r="H269313" s="12"/>
    </row>
    <row r="269314" spans="8:8">
      <c r="H269314" s="12"/>
    </row>
    <row r="269315" spans="8:8">
      <c r="H269315" s="12"/>
    </row>
    <row r="269316" spans="8:8">
      <c r="H269316" s="12"/>
    </row>
    <row r="269317" spans="8:8">
      <c r="H269317" s="12"/>
    </row>
    <row r="269318" spans="8:8">
      <c r="H269318" s="12"/>
    </row>
    <row r="269319" spans="8:8">
      <c r="H269319" s="12"/>
    </row>
    <row r="269320" spans="8:8">
      <c r="H269320" s="12"/>
    </row>
    <row r="269321" spans="8:8">
      <c r="H269321" s="12"/>
    </row>
    <row r="269322" spans="8:8">
      <c r="H269322" s="12"/>
    </row>
    <row r="269323" spans="8:8">
      <c r="H269323" s="12"/>
    </row>
    <row r="269324" spans="8:8">
      <c r="H269324" s="12"/>
    </row>
    <row r="269325" spans="8:8">
      <c r="H269325" s="12"/>
    </row>
    <row r="269326" spans="8:8">
      <c r="H269326" s="12"/>
    </row>
    <row r="269327" spans="8:8">
      <c r="H269327" s="12"/>
    </row>
    <row r="269328" spans="8:8">
      <c r="H269328" s="12"/>
    </row>
    <row r="269329" spans="8:8">
      <c r="H269329" s="12"/>
    </row>
    <row r="269330" spans="8:8">
      <c r="H269330" s="12"/>
    </row>
    <row r="269331" spans="8:8">
      <c r="H269331" s="12"/>
    </row>
    <row r="269332" spans="8:8">
      <c r="H269332" s="12"/>
    </row>
    <row r="269333" spans="8:8">
      <c r="H269333" s="12"/>
    </row>
    <row r="269334" spans="8:8">
      <c r="H269334" s="12"/>
    </row>
    <row r="269335" spans="8:8">
      <c r="H269335" s="12"/>
    </row>
    <row r="269336" spans="8:8">
      <c r="H269336" s="12"/>
    </row>
    <row r="269337" spans="8:8">
      <c r="H269337" s="12"/>
    </row>
    <row r="269338" spans="8:8">
      <c r="H269338" s="12"/>
    </row>
    <row r="269339" spans="8:8">
      <c r="H269339" s="12"/>
    </row>
    <row r="269340" spans="8:8">
      <c r="H269340" s="12"/>
    </row>
    <row r="269341" spans="8:8">
      <c r="H269341" s="12"/>
    </row>
    <row r="269342" spans="8:8">
      <c r="H269342" s="12"/>
    </row>
    <row r="269343" spans="8:8">
      <c r="H269343" s="12"/>
    </row>
    <row r="269344" spans="8:8">
      <c r="H269344" s="12"/>
    </row>
    <row r="269345" spans="8:8">
      <c r="H269345" s="12"/>
    </row>
    <row r="269346" spans="8:8">
      <c r="H269346" s="12"/>
    </row>
    <row r="269347" spans="8:8">
      <c r="H269347" s="12"/>
    </row>
    <row r="269348" spans="8:8">
      <c r="H269348" s="12"/>
    </row>
    <row r="269349" spans="8:8">
      <c r="H269349" s="12"/>
    </row>
    <row r="269350" spans="8:8">
      <c r="H269350" s="12"/>
    </row>
    <row r="269351" spans="8:8">
      <c r="H269351" s="12"/>
    </row>
    <row r="269352" spans="8:8">
      <c r="H269352" s="12"/>
    </row>
    <row r="269353" spans="8:8">
      <c r="H269353" s="12"/>
    </row>
    <row r="269354" spans="8:8">
      <c r="H269354" s="12"/>
    </row>
    <row r="269355" spans="8:8">
      <c r="H269355" s="12"/>
    </row>
    <row r="269356" spans="8:8">
      <c r="H269356" s="12"/>
    </row>
    <row r="269357" spans="8:8">
      <c r="H269357" s="12"/>
    </row>
    <row r="269358" spans="8:8">
      <c r="H269358" s="12"/>
    </row>
    <row r="269359" spans="8:8">
      <c r="H269359" s="12"/>
    </row>
    <row r="269360" spans="8:8">
      <c r="H269360" s="12"/>
    </row>
    <row r="269361" spans="8:8">
      <c r="H269361" s="12"/>
    </row>
    <row r="269362" spans="8:8">
      <c r="H269362" s="12"/>
    </row>
    <row r="269363" spans="8:8">
      <c r="H269363" s="12"/>
    </row>
    <row r="269364" spans="8:8">
      <c r="H269364" s="12"/>
    </row>
    <row r="269365" spans="8:8">
      <c r="H269365" s="12"/>
    </row>
    <row r="269366" spans="8:8">
      <c r="H269366" s="12"/>
    </row>
    <row r="269367" spans="8:8">
      <c r="H269367" s="12"/>
    </row>
    <row r="269368" spans="8:8">
      <c r="H269368" s="12"/>
    </row>
    <row r="269369" spans="8:8">
      <c r="H269369" s="12"/>
    </row>
    <row r="269370" spans="8:8">
      <c r="H269370" s="12"/>
    </row>
    <row r="269371" spans="8:8">
      <c r="H269371" s="12"/>
    </row>
    <row r="269372" spans="8:8">
      <c r="H269372" s="12"/>
    </row>
    <row r="269373" spans="8:8">
      <c r="H269373" s="12"/>
    </row>
    <row r="269374" spans="8:8">
      <c r="H269374" s="12"/>
    </row>
    <row r="269375" spans="8:8">
      <c r="H269375" s="12"/>
    </row>
    <row r="269376" spans="8:8">
      <c r="H269376" s="12"/>
    </row>
    <row r="269377" spans="8:8">
      <c r="H269377" s="12"/>
    </row>
    <row r="269378" spans="8:8">
      <c r="H269378" s="12"/>
    </row>
    <row r="269379" spans="8:8">
      <c r="H269379" s="12"/>
    </row>
    <row r="269380" spans="8:8">
      <c r="H269380" s="12"/>
    </row>
    <row r="269381" spans="8:8">
      <c r="H269381" s="12"/>
    </row>
    <row r="269382" spans="8:8">
      <c r="H269382" s="12"/>
    </row>
    <row r="269383" spans="8:8">
      <c r="H269383" s="12"/>
    </row>
    <row r="269384" spans="8:8">
      <c r="H269384" s="12"/>
    </row>
    <row r="269385" spans="8:8">
      <c r="H269385" s="12"/>
    </row>
    <row r="269386" spans="8:8">
      <c r="H269386" s="12"/>
    </row>
    <row r="269387" spans="8:8">
      <c r="H269387" s="12"/>
    </row>
    <row r="269388" spans="8:8">
      <c r="H269388" s="12"/>
    </row>
    <row r="269389" spans="8:8">
      <c r="H269389" s="12"/>
    </row>
    <row r="269390" spans="8:8">
      <c r="H269390" s="12"/>
    </row>
    <row r="269391" spans="8:8">
      <c r="H269391" s="12"/>
    </row>
    <row r="269392" spans="8:8">
      <c r="H269392" s="12"/>
    </row>
    <row r="269393" spans="8:8">
      <c r="H269393" s="12"/>
    </row>
    <row r="269394" spans="8:8">
      <c r="H269394" s="12"/>
    </row>
    <row r="269395" spans="8:8">
      <c r="H269395" s="12"/>
    </row>
    <row r="269396" spans="8:8">
      <c r="H269396" s="12"/>
    </row>
    <row r="269397" spans="8:8">
      <c r="H269397" s="12"/>
    </row>
    <row r="269398" spans="8:8">
      <c r="H269398" s="12"/>
    </row>
    <row r="269399" spans="8:8">
      <c r="H269399" s="12"/>
    </row>
    <row r="269400" spans="8:8">
      <c r="H269400" s="12"/>
    </row>
    <row r="269401" spans="8:8">
      <c r="H269401" s="12"/>
    </row>
    <row r="269402" spans="8:8">
      <c r="H269402" s="12"/>
    </row>
    <row r="269403" spans="8:8">
      <c r="H269403" s="12"/>
    </row>
    <row r="269404" spans="8:8">
      <c r="H269404" s="12"/>
    </row>
    <row r="269405" spans="8:8">
      <c r="H269405" s="12"/>
    </row>
    <row r="269406" spans="8:8">
      <c r="H269406" s="12"/>
    </row>
    <row r="269407" spans="8:8">
      <c r="H269407" s="12"/>
    </row>
    <row r="269408" spans="8:8">
      <c r="H269408" s="12"/>
    </row>
    <row r="269409" spans="8:8">
      <c r="H269409" s="12"/>
    </row>
    <row r="269410" spans="8:8">
      <c r="H269410" s="12"/>
    </row>
    <row r="269411" spans="8:8">
      <c r="H269411" s="12"/>
    </row>
    <row r="269412" spans="8:8">
      <c r="H269412" s="12"/>
    </row>
    <row r="269413" spans="8:8">
      <c r="H269413" s="12"/>
    </row>
    <row r="269414" spans="8:8">
      <c r="H269414" s="12"/>
    </row>
    <row r="269415" spans="8:8">
      <c r="H269415" s="12"/>
    </row>
    <row r="269416" spans="8:8">
      <c r="H269416" s="12"/>
    </row>
    <row r="269417" spans="8:8">
      <c r="H269417" s="12"/>
    </row>
    <row r="269418" spans="8:8">
      <c r="H269418" s="12"/>
    </row>
    <row r="269419" spans="8:8">
      <c r="H269419" s="12"/>
    </row>
    <row r="269420" spans="8:8">
      <c r="H269420" s="12"/>
    </row>
    <row r="269421" spans="8:8">
      <c r="H269421" s="12"/>
    </row>
    <row r="269422" spans="8:8">
      <c r="H269422" s="12"/>
    </row>
    <row r="269423" spans="8:8">
      <c r="H269423" s="12"/>
    </row>
    <row r="269424" spans="8:8">
      <c r="H269424" s="12"/>
    </row>
    <row r="269425" spans="8:8">
      <c r="H269425" s="12"/>
    </row>
    <row r="269426" spans="8:8">
      <c r="H269426" s="12"/>
    </row>
    <row r="269427" spans="8:8">
      <c r="H269427" s="12"/>
    </row>
    <row r="269428" spans="8:8">
      <c r="H269428" s="12"/>
    </row>
    <row r="269429" spans="8:8">
      <c r="H269429" s="12"/>
    </row>
    <row r="269430" spans="8:8">
      <c r="H269430" s="12"/>
    </row>
    <row r="269431" spans="8:8">
      <c r="H269431" s="12"/>
    </row>
    <row r="269432" spans="8:8">
      <c r="H269432" s="12"/>
    </row>
    <row r="269433" spans="8:8">
      <c r="H269433" s="12"/>
    </row>
    <row r="269434" spans="8:8">
      <c r="H269434" s="12"/>
    </row>
    <row r="269435" spans="8:8">
      <c r="H269435" s="12"/>
    </row>
    <row r="269436" spans="8:8">
      <c r="H269436" s="12"/>
    </row>
    <row r="269437" spans="8:8">
      <c r="H269437" s="12"/>
    </row>
    <row r="269438" spans="8:8">
      <c r="H269438" s="12"/>
    </row>
    <row r="269439" spans="8:8">
      <c r="H269439" s="12"/>
    </row>
    <row r="269440" spans="8:8">
      <c r="H269440" s="12"/>
    </row>
    <row r="269441" spans="8:8">
      <c r="H269441" s="12"/>
    </row>
    <row r="269442" spans="8:8">
      <c r="H269442" s="12"/>
    </row>
    <row r="269443" spans="8:8">
      <c r="H269443" s="12"/>
    </row>
    <row r="269444" spans="8:8">
      <c r="H269444" s="12"/>
    </row>
    <row r="269445" spans="8:8">
      <c r="H269445" s="12"/>
    </row>
    <row r="269446" spans="8:8">
      <c r="H269446" s="12"/>
    </row>
    <row r="269447" spans="8:8">
      <c r="H269447" s="12"/>
    </row>
    <row r="269448" spans="8:8">
      <c r="H269448" s="12"/>
    </row>
    <row r="269449" spans="8:8">
      <c r="H269449" s="12"/>
    </row>
    <row r="269450" spans="8:8">
      <c r="H269450" s="12"/>
    </row>
    <row r="269451" spans="8:8">
      <c r="H269451" s="12"/>
    </row>
    <row r="269452" spans="8:8">
      <c r="H269452" s="12"/>
    </row>
    <row r="269453" spans="8:8">
      <c r="H269453" s="12"/>
    </row>
    <row r="269454" spans="8:8">
      <c r="H269454" s="12"/>
    </row>
    <row r="269455" spans="8:8">
      <c r="H269455" s="12"/>
    </row>
    <row r="269456" spans="8:8">
      <c r="H269456" s="12"/>
    </row>
    <row r="269457" spans="8:8">
      <c r="H269457" s="12"/>
    </row>
    <row r="269458" spans="8:8">
      <c r="H269458" s="12"/>
    </row>
    <row r="269459" spans="8:8">
      <c r="H269459" s="12"/>
    </row>
    <row r="269460" spans="8:8">
      <c r="H269460" s="12"/>
    </row>
    <row r="269461" spans="8:8">
      <c r="H269461" s="12"/>
    </row>
    <row r="269462" spans="8:8">
      <c r="H269462" s="12"/>
    </row>
    <row r="269463" spans="8:8">
      <c r="H269463" s="12"/>
    </row>
    <row r="269464" spans="8:8">
      <c r="H269464" s="12"/>
    </row>
    <row r="269465" spans="8:8">
      <c r="H269465" s="12"/>
    </row>
    <row r="269466" spans="8:8">
      <c r="H269466" s="12"/>
    </row>
    <row r="269467" spans="8:8">
      <c r="H269467" s="12"/>
    </row>
    <row r="269468" spans="8:8">
      <c r="H269468" s="12"/>
    </row>
    <row r="269469" spans="8:8">
      <c r="H269469" s="12"/>
    </row>
    <row r="269470" spans="8:8">
      <c r="H269470" s="12"/>
    </row>
    <row r="269471" spans="8:8">
      <c r="H269471" s="12"/>
    </row>
    <row r="269472" spans="8:8">
      <c r="H269472" s="12"/>
    </row>
    <row r="269473" spans="8:8">
      <c r="H269473" s="12"/>
    </row>
    <row r="269474" spans="8:8">
      <c r="H269474" s="12"/>
    </row>
    <row r="269475" spans="8:8">
      <c r="H269475" s="12"/>
    </row>
    <row r="269476" spans="8:8">
      <c r="H269476" s="12"/>
    </row>
    <row r="269477" spans="8:8">
      <c r="H269477" s="12"/>
    </row>
    <row r="269478" spans="8:8">
      <c r="H269478" s="12"/>
    </row>
    <row r="269479" spans="8:8">
      <c r="H269479" s="12"/>
    </row>
    <row r="269480" spans="8:8">
      <c r="H269480" s="12"/>
    </row>
    <row r="269481" spans="8:8">
      <c r="H269481" s="12"/>
    </row>
    <row r="269482" spans="8:8">
      <c r="H269482" s="12"/>
    </row>
    <row r="269483" spans="8:8">
      <c r="H269483" s="12"/>
    </row>
    <row r="269484" spans="8:8">
      <c r="H269484" s="12"/>
    </row>
    <row r="269485" spans="8:8">
      <c r="H269485" s="12"/>
    </row>
    <row r="269486" spans="8:8">
      <c r="H269486" s="12"/>
    </row>
    <row r="269487" spans="8:8">
      <c r="H269487" s="12"/>
    </row>
    <row r="269488" spans="8:8">
      <c r="H269488" s="12"/>
    </row>
    <row r="269489" spans="8:8">
      <c r="H269489" s="12"/>
    </row>
    <row r="269490" spans="8:8">
      <c r="H269490" s="12"/>
    </row>
    <row r="269491" spans="8:8">
      <c r="H269491" s="12"/>
    </row>
    <row r="269492" spans="8:8">
      <c r="H269492" s="12"/>
    </row>
    <row r="269493" spans="8:8">
      <c r="H269493" s="12"/>
    </row>
    <row r="269494" spans="8:8">
      <c r="H269494" s="12"/>
    </row>
    <row r="269495" spans="8:8">
      <c r="H269495" s="12"/>
    </row>
    <row r="269496" spans="8:8">
      <c r="H269496" s="12"/>
    </row>
    <row r="269497" spans="8:8">
      <c r="H269497" s="12"/>
    </row>
    <row r="269498" spans="8:8">
      <c r="H269498" s="12"/>
    </row>
    <row r="269499" spans="8:8">
      <c r="H269499" s="12"/>
    </row>
    <row r="269500" spans="8:8">
      <c r="H269500" s="12"/>
    </row>
    <row r="269501" spans="8:8">
      <c r="H269501" s="12"/>
    </row>
    <row r="269502" spans="8:8">
      <c r="H269502" s="12"/>
    </row>
    <row r="269503" spans="8:8">
      <c r="H269503" s="12"/>
    </row>
    <row r="269504" spans="8:8">
      <c r="H269504" s="12"/>
    </row>
    <row r="269505" spans="8:8">
      <c r="H269505" s="12"/>
    </row>
    <row r="269506" spans="8:8">
      <c r="H269506" s="12"/>
    </row>
    <row r="269507" spans="8:8">
      <c r="H269507" s="12"/>
    </row>
    <row r="269508" spans="8:8">
      <c r="H269508" s="12"/>
    </row>
    <row r="269509" spans="8:8">
      <c r="H269509" s="12"/>
    </row>
    <row r="269510" spans="8:8">
      <c r="H269510" s="12"/>
    </row>
    <row r="269511" spans="8:8">
      <c r="H269511" s="12"/>
    </row>
    <row r="269512" spans="8:8">
      <c r="H269512" s="12"/>
    </row>
    <row r="269513" spans="8:8">
      <c r="H269513" s="12"/>
    </row>
    <row r="269514" spans="8:8">
      <c r="H269514" s="12"/>
    </row>
    <row r="269515" spans="8:8">
      <c r="H269515" s="12"/>
    </row>
    <row r="269516" spans="8:8">
      <c r="H269516" s="12"/>
    </row>
    <row r="269517" spans="8:8">
      <c r="H269517" s="12"/>
    </row>
    <row r="269518" spans="8:8">
      <c r="H269518" s="12"/>
    </row>
    <row r="269519" spans="8:8">
      <c r="H269519" s="12"/>
    </row>
    <row r="269520" spans="8:8">
      <c r="H269520" s="12"/>
    </row>
    <row r="269521" spans="8:8">
      <c r="H269521" s="12"/>
    </row>
    <row r="269522" spans="8:8">
      <c r="H269522" s="12"/>
    </row>
    <row r="269523" spans="8:8">
      <c r="H269523" s="12"/>
    </row>
    <row r="269524" spans="8:8">
      <c r="H269524" s="12"/>
    </row>
    <row r="269525" spans="8:8">
      <c r="H269525" s="12"/>
    </row>
    <row r="269526" spans="8:8">
      <c r="H269526" s="12"/>
    </row>
    <row r="269527" spans="8:8">
      <c r="H269527" s="12"/>
    </row>
    <row r="269528" spans="8:8">
      <c r="H269528" s="12"/>
    </row>
    <row r="269529" spans="8:8">
      <c r="H269529" s="12"/>
    </row>
    <row r="269530" spans="8:8">
      <c r="H269530" s="12"/>
    </row>
    <row r="269531" spans="8:8">
      <c r="H269531" s="12"/>
    </row>
    <row r="269532" spans="8:8">
      <c r="H269532" s="12"/>
    </row>
    <row r="269533" spans="8:8">
      <c r="H269533" s="12"/>
    </row>
    <row r="269534" spans="8:8">
      <c r="H269534" s="12"/>
    </row>
    <row r="269535" spans="8:8">
      <c r="H269535" s="12"/>
    </row>
    <row r="269536" spans="8:8">
      <c r="H269536" s="12"/>
    </row>
    <row r="269537" spans="8:8">
      <c r="H269537" s="12"/>
    </row>
    <row r="269538" spans="8:8">
      <c r="H269538" s="12"/>
    </row>
    <row r="269539" spans="8:8">
      <c r="H269539" s="12"/>
    </row>
    <row r="269540" spans="8:8">
      <c r="H269540" s="12"/>
    </row>
    <row r="269541" spans="8:8">
      <c r="H269541" s="12"/>
    </row>
    <row r="269542" spans="8:8">
      <c r="H269542" s="12"/>
    </row>
    <row r="269543" spans="8:8">
      <c r="H269543" s="12"/>
    </row>
    <row r="269544" spans="8:8">
      <c r="H269544" s="12"/>
    </row>
    <row r="269545" spans="8:8">
      <c r="H269545" s="12"/>
    </row>
    <row r="269546" spans="8:8">
      <c r="H269546" s="12"/>
    </row>
    <row r="269547" spans="8:8">
      <c r="H269547" s="12"/>
    </row>
    <row r="269548" spans="8:8">
      <c r="H269548" s="12"/>
    </row>
    <row r="269549" spans="8:8">
      <c r="H269549" s="12"/>
    </row>
    <row r="269550" spans="8:8">
      <c r="H269550" s="12"/>
    </row>
    <row r="269551" spans="8:8">
      <c r="H269551" s="12"/>
    </row>
    <row r="269552" spans="8:8">
      <c r="H269552" s="12"/>
    </row>
    <row r="269553" spans="8:8">
      <c r="H269553" s="12"/>
    </row>
    <row r="269554" spans="8:8">
      <c r="H269554" s="12"/>
    </row>
    <row r="269555" spans="8:8">
      <c r="H269555" s="12"/>
    </row>
    <row r="269556" spans="8:8">
      <c r="H269556" s="12"/>
    </row>
    <row r="269557" spans="8:8">
      <c r="H269557" s="12"/>
    </row>
    <row r="269558" spans="8:8">
      <c r="H269558" s="12"/>
    </row>
    <row r="269559" spans="8:8">
      <c r="H269559" s="12"/>
    </row>
    <row r="269560" spans="8:8">
      <c r="H269560" s="12"/>
    </row>
    <row r="269561" spans="8:8">
      <c r="H269561" s="12"/>
    </row>
    <row r="269562" spans="8:8">
      <c r="H269562" s="12"/>
    </row>
    <row r="269563" spans="8:8">
      <c r="H269563" s="12"/>
    </row>
    <row r="269564" spans="8:8">
      <c r="H269564" s="12"/>
    </row>
    <row r="269565" spans="8:8">
      <c r="H269565" s="12"/>
    </row>
    <row r="269566" spans="8:8">
      <c r="H269566" s="12"/>
    </row>
    <row r="269567" spans="8:8">
      <c r="H269567" s="12"/>
    </row>
    <row r="269568" spans="8:8">
      <c r="H269568" s="12"/>
    </row>
    <row r="269569" spans="8:8">
      <c r="H269569" s="12"/>
    </row>
    <row r="269570" spans="8:8">
      <c r="H269570" s="12"/>
    </row>
    <row r="269571" spans="8:8">
      <c r="H269571" s="12"/>
    </row>
    <row r="269572" spans="8:8">
      <c r="H269572" s="12"/>
    </row>
    <row r="269573" spans="8:8">
      <c r="H269573" s="12"/>
    </row>
    <row r="269574" spans="8:8">
      <c r="H269574" s="12"/>
    </row>
    <row r="269575" spans="8:8">
      <c r="H269575" s="12"/>
    </row>
    <row r="269576" spans="8:8">
      <c r="H269576" s="12"/>
    </row>
    <row r="269577" spans="8:8">
      <c r="H269577" s="12"/>
    </row>
    <row r="269578" spans="8:8">
      <c r="H269578" s="12"/>
    </row>
    <row r="269579" spans="8:8">
      <c r="H269579" s="12"/>
    </row>
    <row r="269580" spans="8:8">
      <c r="H269580" s="12"/>
    </row>
    <row r="269581" spans="8:8">
      <c r="H269581" s="12"/>
    </row>
    <row r="269582" spans="8:8">
      <c r="H269582" s="12"/>
    </row>
    <row r="269583" spans="8:8">
      <c r="H269583" s="12"/>
    </row>
    <row r="269584" spans="8:8">
      <c r="H269584" s="12"/>
    </row>
    <row r="269585" spans="8:8">
      <c r="H269585" s="12"/>
    </row>
    <row r="269586" spans="8:8">
      <c r="H269586" s="12"/>
    </row>
    <row r="269587" spans="8:8">
      <c r="H269587" s="12"/>
    </row>
    <row r="269588" spans="8:8">
      <c r="H269588" s="12"/>
    </row>
    <row r="269589" spans="8:8">
      <c r="H269589" s="12"/>
    </row>
    <row r="269590" spans="8:8">
      <c r="H269590" s="12"/>
    </row>
    <row r="269591" spans="8:8">
      <c r="H269591" s="12"/>
    </row>
    <row r="269592" spans="8:8">
      <c r="H269592" s="12"/>
    </row>
    <row r="269593" spans="8:8">
      <c r="H269593" s="12"/>
    </row>
    <row r="269594" spans="8:8">
      <c r="H269594" s="12"/>
    </row>
    <row r="269595" spans="8:8">
      <c r="H269595" s="12"/>
    </row>
    <row r="269596" spans="8:8">
      <c r="H269596" s="12"/>
    </row>
    <row r="269597" spans="8:8">
      <c r="H269597" s="12"/>
    </row>
    <row r="269598" spans="8:8">
      <c r="H269598" s="12"/>
    </row>
    <row r="269599" spans="8:8">
      <c r="H269599" s="12"/>
    </row>
    <row r="269600" spans="8:8">
      <c r="H269600" s="12"/>
    </row>
    <row r="269601" spans="8:8">
      <c r="H269601" s="12"/>
    </row>
    <row r="269602" spans="8:8">
      <c r="H269602" s="12"/>
    </row>
    <row r="269603" spans="8:8">
      <c r="H269603" s="12"/>
    </row>
    <row r="269604" spans="8:8">
      <c r="H269604" s="12"/>
    </row>
    <row r="269605" spans="8:8">
      <c r="H269605" s="12"/>
    </row>
    <row r="269606" spans="8:8">
      <c r="H269606" s="12"/>
    </row>
    <row r="269607" spans="8:8">
      <c r="H269607" s="12"/>
    </row>
    <row r="269608" spans="8:8">
      <c r="H269608" s="12"/>
    </row>
    <row r="269609" spans="8:8">
      <c r="H269609" s="12"/>
    </row>
    <row r="269610" spans="8:8">
      <c r="H269610" s="12"/>
    </row>
    <row r="269611" spans="8:8">
      <c r="H269611" s="12"/>
    </row>
    <row r="269612" spans="8:8">
      <c r="H269612" s="12"/>
    </row>
    <row r="269613" spans="8:8">
      <c r="H269613" s="12"/>
    </row>
    <row r="269614" spans="8:8">
      <c r="H269614" s="12"/>
    </row>
    <row r="269615" spans="8:8">
      <c r="H269615" s="12"/>
    </row>
    <row r="269616" spans="8:8">
      <c r="H269616" s="12"/>
    </row>
    <row r="269617" spans="8:8">
      <c r="H269617" s="12"/>
    </row>
    <row r="269618" spans="8:8">
      <c r="H269618" s="12"/>
    </row>
    <row r="269619" spans="8:8">
      <c r="H269619" s="12"/>
    </row>
    <row r="269620" spans="8:8">
      <c r="H269620" s="12"/>
    </row>
    <row r="269621" spans="8:8">
      <c r="H269621" s="12"/>
    </row>
    <row r="269622" spans="8:8">
      <c r="H269622" s="12"/>
    </row>
    <row r="269623" spans="8:8">
      <c r="H269623" s="12"/>
    </row>
    <row r="269624" spans="8:8">
      <c r="H269624" s="12"/>
    </row>
    <row r="269625" spans="8:8">
      <c r="H269625" s="12"/>
    </row>
    <row r="269626" spans="8:8">
      <c r="H269626" s="12"/>
    </row>
    <row r="269627" spans="8:8">
      <c r="H269627" s="12"/>
    </row>
    <row r="269628" spans="8:8">
      <c r="H269628" s="12"/>
    </row>
    <row r="269629" spans="8:8">
      <c r="H269629" s="12"/>
    </row>
    <row r="269630" spans="8:8">
      <c r="H269630" s="12"/>
    </row>
    <row r="269631" spans="8:8">
      <c r="H269631" s="12"/>
    </row>
    <row r="269632" spans="8:8">
      <c r="H269632" s="12"/>
    </row>
    <row r="269633" spans="8:8">
      <c r="H269633" s="12"/>
    </row>
    <row r="269634" spans="8:8">
      <c r="H269634" s="12"/>
    </row>
    <row r="269635" spans="8:8">
      <c r="H269635" s="12"/>
    </row>
    <row r="269636" spans="8:8">
      <c r="H269636" s="12"/>
    </row>
    <row r="269637" spans="8:8">
      <c r="H269637" s="12"/>
    </row>
    <row r="269638" spans="8:8">
      <c r="H269638" s="12"/>
    </row>
    <row r="269639" spans="8:8">
      <c r="H269639" s="12"/>
    </row>
    <row r="269640" spans="8:8">
      <c r="H269640" s="12"/>
    </row>
    <row r="269641" spans="8:8">
      <c r="H269641" s="12"/>
    </row>
    <row r="269642" spans="8:8">
      <c r="H269642" s="12"/>
    </row>
    <row r="269643" spans="8:8">
      <c r="H269643" s="12"/>
    </row>
    <row r="269644" spans="8:8">
      <c r="H269644" s="12"/>
    </row>
    <row r="269645" spans="8:8">
      <c r="H269645" s="12"/>
    </row>
    <row r="269646" spans="8:8">
      <c r="H269646" s="12"/>
    </row>
    <row r="269647" spans="8:8">
      <c r="H269647" s="12"/>
    </row>
    <row r="269648" spans="8:8">
      <c r="H269648" s="12"/>
    </row>
    <row r="269649" spans="8:8">
      <c r="H269649" s="12"/>
    </row>
    <row r="269650" spans="8:8">
      <c r="H269650" s="12"/>
    </row>
    <row r="269651" spans="8:8">
      <c r="H269651" s="12"/>
    </row>
    <row r="269652" spans="8:8">
      <c r="H269652" s="12"/>
    </row>
    <row r="269653" spans="8:8">
      <c r="H269653" s="12"/>
    </row>
    <row r="269654" spans="8:8">
      <c r="H269654" s="12"/>
    </row>
    <row r="269655" spans="8:8">
      <c r="H269655" s="12"/>
    </row>
    <row r="269656" spans="8:8">
      <c r="H269656" s="12"/>
    </row>
    <row r="269657" spans="8:8">
      <c r="H269657" s="12"/>
    </row>
    <row r="269658" spans="8:8">
      <c r="H269658" s="12"/>
    </row>
    <row r="269659" spans="8:8">
      <c r="H269659" s="12"/>
    </row>
    <row r="269660" spans="8:8">
      <c r="H269660" s="12"/>
    </row>
    <row r="269661" spans="8:8">
      <c r="H269661" s="12"/>
    </row>
    <row r="269662" spans="8:8">
      <c r="H269662" s="12"/>
    </row>
    <row r="269663" spans="8:8">
      <c r="H269663" s="12"/>
    </row>
    <row r="269664" spans="8:8">
      <c r="H269664" s="12"/>
    </row>
    <row r="269665" spans="8:8">
      <c r="H269665" s="12"/>
    </row>
    <row r="269666" spans="8:8">
      <c r="H269666" s="12"/>
    </row>
    <row r="269667" spans="8:8">
      <c r="H269667" s="12"/>
    </row>
    <row r="269668" spans="8:8">
      <c r="H269668" s="12"/>
    </row>
    <row r="269669" spans="8:8">
      <c r="H269669" s="12"/>
    </row>
    <row r="269670" spans="8:8">
      <c r="H269670" s="12"/>
    </row>
    <row r="269671" spans="8:8">
      <c r="H269671" s="12"/>
    </row>
    <row r="269672" spans="8:8">
      <c r="H269672" s="12"/>
    </row>
    <row r="269673" spans="8:8">
      <c r="H269673" s="12"/>
    </row>
    <row r="269674" spans="8:8">
      <c r="H269674" s="12"/>
    </row>
    <row r="269675" spans="8:8">
      <c r="H269675" s="12"/>
    </row>
    <row r="269676" spans="8:8">
      <c r="H269676" s="12"/>
    </row>
    <row r="269677" spans="8:8">
      <c r="H269677" s="12"/>
    </row>
    <row r="269678" spans="8:8">
      <c r="H269678" s="12"/>
    </row>
    <row r="269679" spans="8:8">
      <c r="H269679" s="12"/>
    </row>
    <row r="269680" spans="8:8">
      <c r="H269680" s="12"/>
    </row>
    <row r="269681" spans="8:8">
      <c r="H269681" s="12"/>
    </row>
    <row r="269682" spans="8:8">
      <c r="H269682" s="12"/>
    </row>
    <row r="269683" spans="8:8">
      <c r="H269683" s="12"/>
    </row>
    <row r="269684" spans="8:8">
      <c r="H269684" s="12"/>
    </row>
    <row r="269685" spans="8:8">
      <c r="H269685" s="12"/>
    </row>
    <row r="269686" spans="8:8">
      <c r="H269686" s="12"/>
    </row>
    <row r="269687" spans="8:8">
      <c r="H269687" s="12"/>
    </row>
    <row r="269688" spans="8:8">
      <c r="H269688" s="12"/>
    </row>
    <row r="269689" spans="8:8">
      <c r="H269689" s="12"/>
    </row>
    <row r="269690" spans="8:8">
      <c r="H269690" s="12"/>
    </row>
    <row r="269691" spans="8:8">
      <c r="H269691" s="12"/>
    </row>
    <row r="269692" spans="8:8">
      <c r="H269692" s="12"/>
    </row>
    <row r="269693" spans="8:8">
      <c r="H269693" s="12"/>
    </row>
    <row r="269694" spans="8:8">
      <c r="H269694" s="12"/>
    </row>
    <row r="269695" spans="8:8">
      <c r="H269695" s="12"/>
    </row>
    <row r="269696" spans="8:8">
      <c r="H269696" s="12"/>
    </row>
    <row r="269697" spans="8:8">
      <c r="H269697" s="12"/>
    </row>
    <row r="269698" spans="8:8">
      <c r="H269698" s="12"/>
    </row>
    <row r="269699" spans="8:8">
      <c r="H269699" s="12"/>
    </row>
    <row r="269700" spans="8:8">
      <c r="H269700" s="12"/>
    </row>
    <row r="269701" spans="8:8">
      <c r="H269701" s="12"/>
    </row>
    <row r="269702" spans="8:8">
      <c r="H269702" s="12"/>
    </row>
    <row r="269703" spans="8:8">
      <c r="H269703" s="12"/>
    </row>
    <row r="269704" spans="8:8">
      <c r="H269704" s="12"/>
    </row>
    <row r="269705" spans="8:8">
      <c r="H269705" s="12"/>
    </row>
    <row r="269706" spans="8:8">
      <c r="H269706" s="12"/>
    </row>
    <row r="269707" spans="8:8">
      <c r="H269707" s="12"/>
    </row>
    <row r="269708" spans="8:8">
      <c r="H269708" s="12"/>
    </row>
    <row r="269709" spans="8:8">
      <c r="H269709" s="12"/>
    </row>
    <row r="269710" spans="8:8">
      <c r="H269710" s="12"/>
    </row>
    <row r="269711" spans="8:8">
      <c r="H269711" s="12"/>
    </row>
    <row r="269712" spans="8:8">
      <c r="H269712" s="12"/>
    </row>
    <row r="269713" spans="8:8">
      <c r="H269713" s="12"/>
    </row>
    <row r="269714" spans="8:8">
      <c r="H269714" s="12"/>
    </row>
    <row r="269715" spans="8:8">
      <c r="H269715" s="12"/>
    </row>
    <row r="269716" spans="8:8">
      <c r="H269716" s="12"/>
    </row>
    <row r="269717" spans="8:8">
      <c r="H269717" s="12"/>
    </row>
    <row r="269718" spans="8:8">
      <c r="H269718" s="12"/>
    </row>
    <row r="269719" spans="8:8">
      <c r="H269719" s="12"/>
    </row>
    <row r="269720" spans="8:8">
      <c r="H269720" s="12"/>
    </row>
    <row r="269721" spans="8:8">
      <c r="H269721" s="12"/>
    </row>
    <row r="269722" spans="8:8">
      <c r="H269722" s="12"/>
    </row>
    <row r="269723" spans="8:8">
      <c r="H269723" s="12"/>
    </row>
    <row r="269724" spans="8:8">
      <c r="H269724" s="12"/>
    </row>
    <row r="269725" spans="8:8">
      <c r="H269725" s="12"/>
    </row>
    <row r="269726" spans="8:8">
      <c r="H269726" s="12"/>
    </row>
    <row r="269727" spans="8:8">
      <c r="H269727" s="12"/>
    </row>
    <row r="269728" spans="8:8">
      <c r="H269728" s="12"/>
    </row>
    <row r="269729" spans="8:8">
      <c r="H269729" s="12"/>
    </row>
    <row r="269730" spans="8:8">
      <c r="H269730" s="12"/>
    </row>
    <row r="269731" spans="8:8">
      <c r="H269731" s="12"/>
    </row>
    <row r="269732" spans="8:8">
      <c r="H269732" s="12"/>
    </row>
    <row r="269733" spans="8:8">
      <c r="H269733" s="12"/>
    </row>
    <row r="269734" spans="8:8">
      <c r="H269734" s="12"/>
    </row>
    <row r="269735" spans="8:8">
      <c r="H269735" s="12"/>
    </row>
    <row r="269736" spans="8:8">
      <c r="H269736" s="12"/>
    </row>
    <row r="269737" spans="8:8">
      <c r="H269737" s="12"/>
    </row>
    <row r="269738" spans="8:8">
      <c r="H269738" s="12"/>
    </row>
    <row r="269739" spans="8:8">
      <c r="H269739" s="12"/>
    </row>
    <row r="269740" spans="8:8">
      <c r="H269740" s="12"/>
    </row>
    <row r="269741" spans="8:8">
      <c r="H269741" s="12"/>
    </row>
    <row r="269742" spans="8:8">
      <c r="H269742" s="12"/>
    </row>
    <row r="269743" spans="8:8">
      <c r="H269743" s="12"/>
    </row>
    <row r="269744" spans="8:8">
      <c r="H269744" s="12"/>
    </row>
    <row r="269745" spans="8:8">
      <c r="H269745" s="12"/>
    </row>
    <row r="269746" spans="8:8">
      <c r="H269746" s="12"/>
    </row>
    <row r="269747" spans="8:8">
      <c r="H269747" s="12"/>
    </row>
    <row r="269748" spans="8:8">
      <c r="H269748" s="12"/>
    </row>
    <row r="269749" spans="8:8">
      <c r="H269749" s="12"/>
    </row>
    <row r="269750" spans="8:8">
      <c r="H269750" s="12"/>
    </row>
    <row r="269751" spans="8:8">
      <c r="H269751" s="12"/>
    </row>
    <row r="269752" spans="8:8">
      <c r="H269752" s="12"/>
    </row>
    <row r="269753" spans="8:8">
      <c r="H269753" s="12"/>
    </row>
    <row r="269754" spans="8:8">
      <c r="H269754" s="12"/>
    </row>
    <row r="269755" spans="8:8">
      <c r="H269755" s="12"/>
    </row>
    <row r="269756" spans="8:8">
      <c r="H269756" s="12"/>
    </row>
    <row r="269757" spans="8:8">
      <c r="H269757" s="12"/>
    </row>
    <row r="269758" spans="8:8">
      <c r="H269758" s="12"/>
    </row>
    <row r="269759" spans="8:8">
      <c r="H269759" s="12"/>
    </row>
    <row r="269760" spans="8:8">
      <c r="H269760" s="12"/>
    </row>
    <row r="269761" spans="8:8">
      <c r="H269761" s="12"/>
    </row>
    <row r="269762" spans="8:8">
      <c r="H269762" s="12"/>
    </row>
    <row r="269763" spans="8:8">
      <c r="H269763" s="12"/>
    </row>
    <row r="269764" spans="8:8">
      <c r="H269764" s="12"/>
    </row>
    <row r="269765" spans="8:8">
      <c r="H269765" s="12"/>
    </row>
    <row r="269766" spans="8:8">
      <c r="H269766" s="12"/>
    </row>
    <row r="269767" spans="8:8">
      <c r="H269767" s="12"/>
    </row>
    <row r="269768" spans="8:8">
      <c r="H269768" s="12"/>
    </row>
    <row r="269769" spans="8:8">
      <c r="H269769" s="12"/>
    </row>
    <row r="269770" spans="8:8">
      <c r="H269770" s="12"/>
    </row>
    <row r="269771" spans="8:8">
      <c r="H269771" s="12"/>
    </row>
    <row r="269772" spans="8:8">
      <c r="H269772" s="12"/>
    </row>
    <row r="269773" spans="8:8">
      <c r="H269773" s="12"/>
    </row>
    <row r="269774" spans="8:8">
      <c r="H269774" s="12"/>
    </row>
    <row r="269775" spans="8:8">
      <c r="H269775" s="12"/>
    </row>
    <row r="269776" spans="8:8">
      <c r="H269776" s="12"/>
    </row>
    <row r="269777" spans="8:8">
      <c r="H269777" s="12"/>
    </row>
    <row r="269778" spans="8:8">
      <c r="H269778" s="12"/>
    </row>
    <row r="269779" spans="8:8">
      <c r="H269779" s="12"/>
    </row>
    <row r="269780" spans="8:8">
      <c r="H269780" s="12"/>
    </row>
    <row r="269781" spans="8:8">
      <c r="H269781" s="12"/>
    </row>
    <row r="269782" spans="8:8">
      <c r="H269782" s="12"/>
    </row>
    <row r="269783" spans="8:8">
      <c r="H269783" s="12"/>
    </row>
    <row r="269784" spans="8:8">
      <c r="H269784" s="12"/>
    </row>
    <row r="269785" spans="8:8">
      <c r="H269785" s="12"/>
    </row>
    <row r="269786" spans="8:8">
      <c r="H269786" s="12"/>
    </row>
    <row r="269787" spans="8:8">
      <c r="H269787" s="12"/>
    </row>
    <row r="269788" spans="8:8">
      <c r="H269788" s="12"/>
    </row>
    <row r="269789" spans="8:8">
      <c r="H269789" s="12"/>
    </row>
    <row r="269790" spans="8:8">
      <c r="H269790" s="12"/>
    </row>
    <row r="269791" spans="8:8">
      <c r="H269791" s="12"/>
    </row>
    <row r="269792" spans="8:8">
      <c r="H269792" s="12"/>
    </row>
    <row r="269793" spans="8:8">
      <c r="H269793" s="12"/>
    </row>
    <row r="269794" spans="8:8">
      <c r="H269794" s="12"/>
    </row>
    <row r="269795" spans="8:8">
      <c r="H269795" s="12"/>
    </row>
    <row r="269796" spans="8:8">
      <c r="H269796" s="12"/>
    </row>
    <row r="269797" spans="8:8">
      <c r="H269797" s="12"/>
    </row>
    <row r="269798" spans="8:8">
      <c r="H269798" s="12"/>
    </row>
    <row r="269799" spans="8:8">
      <c r="H269799" s="12"/>
    </row>
    <row r="269800" spans="8:8">
      <c r="H269800" s="12"/>
    </row>
    <row r="269801" spans="8:8">
      <c r="H269801" s="12"/>
    </row>
    <row r="269802" spans="8:8">
      <c r="H269802" s="12"/>
    </row>
    <row r="269803" spans="8:8">
      <c r="H269803" s="12"/>
    </row>
    <row r="269804" spans="8:8">
      <c r="H269804" s="12"/>
    </row>
    <row r="269805" spans="8:8">
      <c r="H269805" s="12"/>
    </row>
    <row r="269806" spans="8:8">
      <c r="H269806" s="12"/>
    </row>
    <row r="269807" spans="8:8">
      <c r="H269807" s="12"/>
    </row>
    <row r="269808" spans="8:8">
      <c r="H269808" s="12"/>
    </row>
    <row r="269809" spans="8:8">
      <c r="H269809" s="12"/>
    </row>
    <row r="269810" spans="8:8">
      <c r="H269810" s="12"/>
    </row>
    <row r="269811" spans="8:8">
      <c r="H269811" s="12"/>
    </row>
    <row r="269812" spans="8:8">
      <c r="H269812" s="12"/>
    </row>
    <row r="269813" spans="8:8">
      <c r="H269813" s="12"/>
    </row>
    <row r="269814" spans="8:8">
      <c r="H269814" s="12"/>
    </row>
    <row r="269815" spans="8:8">
      <c r="H269815" s="12"/>
    </row>
    <row r="269816" spans="8:8">
      <c r="H269816" s="12"/>
    </row>
    <row r="269817" spans="8:8">
      <c r="H269817" s="12"/>
    </row>
    <row r="269818" spans="8:8">
      <c r="H269818" s="12"/>
    </row>
    <row r="269819" spans="8:8">
      <c r="H269819" s="12"/>
    </row>
    <row r="269820" spans="8:8">
      <c r="H269820" s="12"/>
    </row>
    <row r="269821" spans="8:8">
      <c r="H269821" s="12"/>
    </row>
    <row r="269822" spans="8:8">
      <c r="H269822" s="12"/>
    </row>
    <row r="269823" spans="8:8">
      <c r="H269823" s="12"/>
    </row>
    <row r="269824" spans="8:8">
      <c r="H269824" s="12"/>
    </row>
    <row r="269825" spans="8:8">
      <c r="H269825" s="12"/>
    </row>
    <row r="269826" spans="8:8">
      <c r="H269826" s="12"/>
    </row>
    <row r="269827" spans="8:8">
      <c r="H269827" s="12"/>
    </row>
    <row r="269828" spans="8:8">
      <c r="H269828" s="12"/>
    </row>
    <row r="269829" spans="8:8">
      <c r="H269829" s="12"/>
    </row>
    <row r="269830" spans="8:8">
      <c r="H269830" s="12"/>
    </row>
    <row r="269831" spans="8:8">
      <c r="H269831" s="12"/>
    </row>
    <row r="269832" spans="8:8">
      <c r="H269832" s="12"/>
    </row>
    <row r="269833" spans="8:8">
      <c r="H269833" s="12"/>
    </row>
    <row r="269834" spans="8:8">
      <c r="H269834" s="12"/>
    </row>
    <row r="269835" spans="8:8">
      <c r="H269835" s="12"/>
    </row>
    <row r="269836" spans="8:8">
      <c r="H269836" s="12"/>
    </row>
    <row r="269837" spans="8:8">
      <c r="H269837" s="12"/>
    </row>
    <row r="269838" spans="8:8">
      <c r="H269838" s="12"/>
    </row>
    <row r="269839" spans="8:8">
      <c r="H269839" s="12"/>
    </row>
    <row r="269840" spans="8:8">
      <c r="H269840" s="12"/>
    </row>
    <row r="269841" spans="8:8">
      <c r="H269841" s="12"/>
    </row>
    <row r="269842" spans="8:8">
      <c r="H269842" s="12"/>
    </row>
    <row r="269843" spans="8:8">
      <c r="H269843" s="12"/>
    </row>
    <row r="269844" spans="8:8">
      <c r="H269844" s="12"/>
    </row>
    <row r="269845" spans="8:8">
      <c r="H269845" s="12"/>
    </row>
    <row r="269846" spans="8:8">
      <c r="H269846" s="12"/>
    </row>
    <row r="269847" spans="8:8">
      <c r="H269847" s="12"/>
    </row>
    <row r="269848" spans="8:8">
      <c r="H269848" s="12"/>
    </row>
    <row r="269849" spans="8:8">
      <c r="H269849" s="12"/>
    </row>
    <row r="269850" spans="8:8">
      <c r="H269850" s="12"/>
    </row>
    <row r="269851" spans="8:8">
      <c r="H269851" s="12"/>
    </row>
    <row r="269852" spans="8:8">
      <c r="H269852" s="12"/>
    </row>
    <row r="269853" spans="8:8">
      <c r="H269853" s="12"/>
    </row>
    <row r="269854" spans="8:8">
      <c r="H269854" s="12"/>
    </row>
    <row r="269855" spans="8:8">
      <c r="H269855" s="12"/>
    </row>
    <row r="269856" spans="8:8">
      <c r="H269856" s="12"/>
    </row>
    <row r="269857" spans="8:8">
      <c r="H269857" s="12"/>
    </row>
    <row r="269858" spans="8:8">
      <c r="H269858" s="12"/>
    </row>
    <row r="269859" spans="8:8">
      <c r="H269859" s="12"/>
    </row>
    <row r="269860" spans="8:8">
      <c r="H269860" s="12"/>
    </row>
    <row r="269861" spans="8:8">
      <c r="H269861" s="12"/>
    </row>
    <row r="269862" spans="8:8">
      <c r="H269862" s="12"/>
    </row>
    <row r="269863" spans="8:8">
      <c r="H269863" s="12"/>
    </row>
    <row r="269864" spans="8:8">
      <c r="H269864" s="12"/>
    </row>
    <row r="269865" spans="8:8">
      <c r="H269865" s="12"/>
    </row>
    <row r="269866" spans="8:8">
      <c r="H269866" s="12"/>
    </row>
    <row r="269867" spans="8:8">
      <c r="H269867" s="12"/>
    </row>
    <row r="269868" spans="8:8">
      <c r="H269868" s="12"/>
    </row>
    <row r="269869" spans="8:8">
      <c r="H269869" s="12"/>
    </row>
    <row r="269870" spans="8:8">
      <c r="H269870" s="12"/>
    </row>
    <row r="269871" spans="8:8">
      <c r="H269871" s="12"/>
    </row>
    <row r="269872" spans="8:8">
      <c r="H269872" s="12"/>
    </row>
    <row r="269873" spans="8:8">
      <c r="H269873" s="12"/>
    </row>
    <row r="269874" spans="8:8">
      <c r="H269874" s="12"/>
    </row>
    <row r="269875" spans="8:8">
      <c r="H269875" s="12"/>
    </row>
    <row r="269876" spans="8:8">
      <c r="H269876" s="12"/>
    </row>
    <row r="269877" spans="8:8">
      <c r="H269877" s="12"/>
    </row>
    <row r="269878" spans="8:8">
      <c r="H269878" s="12"/>
    </row>
    <row r="269879" spans="8:8">
      <c r="H269879" s="12"/>
    </row>
    <row r="269880" spans="8:8">
      <c r="H269880" s="12"/>
    </row>
    <row r="269881" spans="8:8">
      <c r="H269881" s="12"/>
    </row>
    <row r="269882" spans="8:8">
      <c r="H269882" s="12"/>
    </row>
    <row r="269883" spans="8:8">
      <c r="H269883" s="12"/>
    </row>
    <row r="269884" spans="8:8">
      <c r="H269884" s="12"/>
    </row>
    <row r="269885" spans="8:8">
      <c r="H269885" s="12"/>
    </row>
    <row r="269886" spans="8:8">
      <c r="H269886" s="12"/>
    </row>
    <row r="269887" spans="8:8">
      <c r="H269887" s="12"/>
    </row>
    <row r="269888" spans="8:8">
      <c r="H269888" s="12"/>
    </row>
    <row r="269889" spans="8:8">
      <c r="H269889" s="12"/>
    </row>
    <row r="269890" spans="8:8">
      <c r="H269890" s="12"/>
    </row>
    <row r="269891" spans="8:8">
      <c r="H269891" s="12"/>
    </row>
    <row r="269892" spans="8:8">
      <c r="H269892" s="12"/>
    </row>
    <row r="269893" spans="8:8">
      <c r="H269893" s="12"/>
    </row>
    <row r="269894" spans="8:8">
      <c r="H269894" s="12"/>
    </row>
    <row r="269895" spans="8:8">
      <c r="H269895" s="12"/>
    </row>
    <row r="269896" spans="8:8">
      <c r="H269896" s="12"/>
    </row>
    <row r="269897" spans="8:8">
      <c r="H269897" s="12"/>
    </row>
    <row r="269898" spans="8:8">
      <c r="H269898" s="12"/>
    </row>
    <row r="269899" spans="8:8">
      <c r="H269899" s="12"/>
    </row>
    <row r="269900" spans="8:8">
      <c r="H269900" s="12"/>
    </row>
    <row r="269901" spans="8:8">
      <c r="H269901" s="12"/>
    </row>
    <row r="269902" spans="8:8">
      <c r="H269902" s="12"/>
    </row>
    <row r="269903" spans="8:8">
      <c r="H269903" s="12"/>
    </row>
    <row r="269904" spans="8:8">
      <c r="H269904" s="12"/>
    </row>
    <row r="269905" spans="8:8">
      <c r="H269905" s="12"/>
    </row>
    <row r="269906" spans="8:8">
      <c r="H269906" s="12"/>
    </row>
    <row r="269907" spans="8:8">
      <c r="H269907" s="12"/>
    </row>
    <row r="269908" spans="8:8">
      <c r="H269908" s="12"/>
    </row>
    <row r="269909" spans="8:8">
      <c r="H269909" s="12"/>
    </row>
    <row r="269910" spans="8:8">
      <c r="H269910" s="12"/>
    </row>
    <row r="269911" spans="8:8">
      <c r="H269911" s="12"/>
    </row>
    <row r="269912" spans="8:8">
      <c r="H269912" s="12"/>
    </row>
    <row r="269913" spans="8:8">
      <c r="H269913" s="12"/>
    </row>
    <row r="269914" spans="8:8">
      <c r="H269914" s="12"/>
    </row>
    <row r="269915" spans="8:8">
      <c r="H269915" s="12"/>
    </row>
    <row r="269916" spans="8:8">
      <c r="H269916" s="12"/>
    </row>
    <row r="269917" spans="8:8">
      <c r="H269917" s="12"/>
    </row>
    <row r="269918" spans="8:8">
      <c r="H269918" s="12"/>
    </row>
    <row r="269919" spans="8:8">
      <c r="H269919" s="12"/>
    </row>
    <row r="269920" spans="8:8">
      <c r="H269920" s="12"/>
    </row>
    <row r="269921" spans="8:8">
      <c r="H269921" s="12"/>
    </row>
    <row r="269922" spans="8:8">
      <c r="H269922" s="12"/>
    </row>
    <row r="269923" spans="8:8">
      <c r="H269923" s="12"/>
    </row>
    <row r="269924" spans="8:8">
      <c r="H269924" s="12"/>
    </row>
    <row r="269925" spans="8:8">
      <c r="H269925" s="12"/>
    </row>
    <row r="269926" spans="8:8">
      <c r="H269926" s="12"/>
    </row>
    <row r="269927" spans="8:8">
      <c r="H269927" s="12"/>
    </row>
    <row r="269928" spans="8:8">
      <c r="H269928" s="12"/>
    </row>
    <row r="269929" spans="8:8">
      <c r="H269929" s="12"/>
    </row>
    <row r="269930" spans="8:8">
      <c r="H269930" s="12"/>
    </row>
    <row r="269931" spans="8:8">
      <c r="H269931" s="12"/>
    </row>
    <row r="269932" spans="8:8">
      <c r="H269932" s="12"/>
    </row>
    <row r="269933" spans="8:8">
      <c r="H269933" s="12"/>
    </row>
    <row r="269934" spans="8:8">
      <c r="H269934" s="12"/>
    </row>
    <row r="269935" spans="8:8">
      <c r="H269935" s="12"/>
    </row>
    <row r="269936" spans="8:8">
      <c r="H269936" s="12"/>
    </row>
    <row r="269937" spans="8:8">
      <c r="H269937" s="12"/>
    </row>
    <row r="269938" spans="8:8">
      <c r="H269938" s="12"/>
    </row>
    <row r="269939" spans="8:8">
      <c r="H269939" s="12"/>
    </row>
    <row r="269940" spans="8:8">
      <c r="H269940" s="12"/>
    </row>
    <row r="269941" spans="8:8">
      <c r="H269941" s="12"/>
    </row>
    <row r="269942" spans="8:8">
      <c r="H269942" s="12"/>
    </row>
    <row r="269943" spans="8:8">
      <c r="H269943" s="12"/>
    </row>
    <row r="269944" spans="8:8">
      <c r="H269944" s="12"/>
    </row>
    <row r="269945" spans="8:8">
      <c r="H269945" s="12"/>
    </row>
    <row r="269946" spans="8:8">
      <c r="H269946" s="12"/>
    </row>
    <row r="269947" spans="8:8">
      <c r="H269947" s="12"/>
    </row>
    <row r="269948" spans="8:8">
      <c r="H269948" s="12"/>
    </row>
    <row r="269949" spans="8:8">
      <c r="H269949" s="12"/>
    </row>
    <row r="269950" spans="8:8">
      <c r="H269950" s="12"/>
    </row>
    <row r="269951" spans="8:8">
      <c r="H269951" s="12"/>
    </row>
    <row r="269952" spans="8:8">
      <c r="H269952" s="12"/>
    </row>
    <row r="269953" spans="8:8">
      <c r="H269953" s="12"/>
    </row>
    <row r="269954" spans="8:8">
      <c r="H269954" s="12"/>
    </row>
    <row r="269955" spans="8:8">
      <c r="H269955" s="12"/>
    </row>
    <row r="269956" spans="8:8">
      <c r="H269956" s="12"/>
    </row>
    <row r="269957" spans="8:8">
      <c r="H269957" s="12"/>
    </row>
    <row r="269958" spans="8:8">
      <c r="H269958" s="12"/>
    </row>
    <row r="269959" spans="8:8">
      <c r="H269959" s="12"/>
    </row>
    <row r="269960" spans="8:8">
      <c r="H269960" s="12"/>
    </row>
    <row r="269961" spans="8:8">
      <c r="H269961" s="12"/>
    </row>
    <row r="269962" spans="8:8">
      <c r="H269962" s="12"/>
    </row>
    <row r="269963" spans="8:8">
      <c r="H269963" s="12"/>
    </row>
    <row r="269964" spans="8:8">
      <c r="H269964" s="12"/>
    </row>
    <row r="269965" spans="8:8">
      <c r="H269965" s="12"/>
    </row>
    <row r="269966" spans="8:8">
      <c r="H269966" s="12"/>
    </row>
    <row r="269967" spans="8:8">
      <c r="H269967" s="12"/>
    </row>
    <row r="269968" spans="8:8">
      <c r="H269968" s="12"/>
    </row>
    <row r="269969" spans="8:8">
      <c r="H269969" s="12"/>
    </row>
    <row r="269970" spans="8:8">
      <c r="H269970" s="12"/>
    </row>
    <row r="269971" spans="8:8">
      <c r="H269971" s="12"/>
    </row>
    <row r="269972" spans="8:8">
      <c r="H269972" s="12"/>
    </row>
    <row r="269973" spans="8:8">
      <c r="H269973" s="12"/>
    </row>
    <row r="269974" spans="8:8">
      <c r="H269974" s="12"/>
    </row>
    <row r="269975" spans="8:8">
      <c r="H269975" s="12"/>
    </row>
    <row r="269976" spans="8:8">
      <c r="H269976" s="12"/>
    </row>
    <row r="269977" spans="8:8">
      <c r="H269977" s="12"/>
    </row>
    <row r="269978" spans="8:8">
      <c r="H269978" s="12"/>
    </row>
    <row r="269979" spans="8:8">
      <c r="H269979" s="12"/>
    </row>
    <row r="269980" spans="8:8">
      <c r="H269980" s="12"/>
    </row>
    <row r="269981" spans="8:8">
      <c r="H269981" s="12"/>
    </row>
    <row r="269982" spans="8:8">
      <c r="H269982" s="12"/>
    </row>
    <row r="269983" spans="8:8">
      <c r="H269983" s="12"/>
    </row>
    <row r="269984" spans="8:8">
      <c r="H269984" s="12"/>
    </row>
    <row r="269985" spans="8:8">
      <c r="H269985" s="12"/>
    </row>
    <row r="269986" spans="8:8">
      <c r="H269986" s="12"/>
    </row>
    <row r="269987" spans="8:8">
      <c r="H269987" s="12"/>
    </row>
    <row r="269988" spans="8:8">
      <c r="H269988" s="12"/>
    </row>
    <row r="269989" spans="8:8">
      <c r="H269989" s="12"/>
    </row>
    <row r="269990" spans="8:8">
      <c r="H269990" s="12"/>
    </row>
    <row r="269991" spans="8:8">
      <c r="H269991" s="12"/>
    </row>
    <row r="269992" spans="8:8">
      <c r="H269992" s="12"/>
    </row>
    <row r="269993" spans="8:8">
      <c r="H269993" s="12"/>
    </row>
    <row r="269994" spans="8:8">
      <c r="H269994" s="12"/>
    </row>
    <row r="269995" spans="8:8">
      <c r="H269995" s="12"/>
    </row>
    <row r="269996" spans="8:8">
      <c r="H269996" s="12"/>
    </row>
    <row r="269997" spans="8:8">
      <c r="H269997" s="12"/>
    </row>
    <row r="269998" spans="8:8">
      <c r="H269998" s="12"/>
    </row>
    <row r="269999" spans="8:8">
      <c r="H269999" s="12"/>
    </row>
    <row r="270000" spans="8:8">
      <c r="H270000" s="12"/>
    </row>
    <row r="270001" spans="8:8">
      <c r="H270001" s="12"/>
    </row>
    <row r="270002" spans="8:8">
      <c r="H270002" s="12"/>
    </row>
    <row r="270003" spans="8:8">
      <c r="H270003" s="12"/>
    </row>
    <row r="270004" spans="8:8">
      <c r="H270004" s="12"/>
    </row>
    <row r="270005" spans="8:8">
      <c r="H270005" s="12"/>
    </row>
    <row r="270006" spans="8:8">
      <c r="H270006" s="12"/>
    </row>
    <row r="270007" spans="8:8">
      <c r="H270007" s="12"/>
    </row>
    <row r="270008" spans="8:8">
      <c r="H270008" s="12"/>
    </row>
    <row r="270009" spans="8:8">
      <c r="H270009" s="12"/>
    </row>
    <row r="270010" spans="8:8">
      <c r="H270010" s="12"/>
    </row>
    <row r="270011" spans="8:8">
      <c r="H270011" s="12"/>
    </row>
    <row r="270012" spans="8:8">
      <c r="H270012" s="12"/>
    </row>
    <row r="270013" spans="8:8">
      <c r="H270013" s="12"/>
    </row>
    <row r="270014" spans="8:8">
      <c r="H270014" s="12"/>
    </row>
    <row r="270015" spans="8:8">
      <c r="H270015" s="12"/>
    </row>
    <row r="270016" spans="8:8">
      <c r="H270016" s="12"/>
    </row>
    <row r="270017" spans="8:8">
      <c r="H270017" s="12"/>
    </row>
    <row r="270018" spans="8:8">
      <c r="H270018" s="12"/>
    </row>
    <row r="270019" spans="8:8">
      <c r="H270019" s="12"/>
    </row>
    <row r="270020" spans="8:8">
      <c r="H270020" s="12"/>
    </row>
    <row r="270021" spans="8:8">
      <c r="H270021" s="12"/>
    </row>
    <row r="270022" spans="8:8">
      <c r="H270022" s="12"/>
    </row>
    <row r="270023" spans="8:8">
      <c r="H270023" s="12"/>
    </row>
    <row r="270024" spans="8:8">
      <c r="H270024" s="12"/>
    </row>
    <row r="270025" spans="8:8">
      <c r="H270025" s="12"/>
    </row>
    <row r="270026" spans="8:8">
      <c r="H270026" s="12"/>
    </row>
    <row r="270027" spans="8:8">
      <c r="H270027" s="12"/>
    </row>
    <row r="270028" spans="8:8">
      <c r="H270028" s="12"/>
    </row>
    <row r="270029" spans="8:8">
      <c r="H270029" s="12"/>
    </row>
    <row r="270030" spans="8:8">
      <c r="H270030" s="12"/>
    </row>
    <row r="270031" spans="8:8">
      <c r="H270031" s="12"/>
    </row>
    <row r="270032" spans="8:8">
      <c r="H270032" s="12"/>
    </row>
    <row r="270033" spans="8:8">
      <c r="H270033" s="12"/>
    </row>
    <row r="270034" spans="8:8">
      <c r="H270034" s="12"/>
    </row>
    <row r="270035" spans="8:8">
      <c r="H270035" s="12"/>
    </row>
    <row r="270036" spans="8:8">
      <c r="H270036" s="12"/>
    </row>
    <row r="270037" spans="8:8">
      <c r="H270037" s="12"/>
    </row>
    <row r="270038" spans="8:8">
      <c r="H270038" s="12"/>
    </row>
    <row r="270039" spans="8:8">
      <c r="H270039" s="12"/>
    </row>
    <row r="270040" spans="8:8">
      <c r="H270040" s="12"/>
    </row>
    <row r="270041" spans="8:8">
      <c r="H270041" s="12"/>
    </row>
    <row r="270042" spans="8:8">
      <c r="H270042" s="12"/>
    </row>
    <row r="270043" spans="8:8">
      <c r="H270043" s="12"/>
    </row>
    <row r="270044" spans="8:8">
      <c r="H270044" s="12"/>
    </row>
    <row r="270045" spans="8:8">
      <c r="H270045" s="12"/>
    </row>
    <row r="270046" spans="8:8">
      <c r="H270046" s="12"/>
    </row>
    <row r="270047" spans="8:8">
      <c r="H270047" s="12"/>
    </row>
    <row r="270048" spans="8:8">
      <c r="H270048" s="12"/>
    </row>
    <row r="270049" spans="8:8">
      <c r="H270049" s="12"/>
    </row>
    <row r="270050" spans="8:8">
      <c r="H270050" s="12"/>
    </row>
    <row r="270051" spans="8:8">
      <c r="H270051" s="12"/>
    </row>
    <row r="270052" spans="8:8">
      <c r="H270052" s="12"/>
    </row>
    <row r="270053" spans="8:8">
      <c r="H270053" s="12"/>
    </row>
    <row r="270054" spans="8:8">
      <c r="H270054" s="12"/>
    </row>
    <row r="270055" spans="8:8">
      <c r="H270055" s="12"/>
    </row>
    <row r="270056" spans="8:8">
      <c r="H270056" s="12"/>
    </row>
    <row r="270057" spans="8:8">
      <c r="H270057" s="12"/>
    </row>
    <row r="270058" spans="8:8">
      <c r="H270058" s="12"/>
    </row>
    <row r="270059" spans="8:8">
      <c r="H270059" s="12"/>
    </row>
    <row r="270060" spans="8:8">
      <c r="H270060" s="12"/>
    </row>
    <row r="270061" spans="8:8">
      <c r="H270061" s="12"/>
    </row>
    <row r="270062" spans="8:8">
      <c r="H270062" s="12"/>
    </row>
    <row r="270063" spans="8:8">
      <c r="H270063" s="12"/>
    </row>
    <row r="270064" spans="8:8">
      <c r="H270064" s="12"/>
    </row>
    <row r="270065" spans="8:8">
      <c r="H270065" s="12"/>
    </row>
    <row r="270066" spans="8:8">
      <c r="H270066" s="12"/>
    </row>
    <row r="270067" spans="8:8">
      <c r="H270067" s="12"/>
    </row>
    <row r="270068" spans="8:8">
      <c r="H270068" s="12"/>
    </row>
    <row r="270069" spans="8:8">
      <c r="H270069" s="12"/>
    </row>
    <row r="270070" spans="8:8">
      <c r="H270070" s="12"/>
    </row>
    <row r="270071" spans="8:8">
      <c r="H270071" s="12"/>
    </row>
    <row r="270072" spans="8:8">
      <c r="H270072" s="12"/>
    </row>
    <row r="270073" spans="8:8">
      <c r="H270073" s="12"/>
    </row>
    <row r="270074" spans="8:8">
      <c r="H270074" s="12"/>
    </row>
    <row r="270075" spans="8:8">
      <c r="H270075" s="12"/>
    </row>
    <row r="270076" spans="8:8">
      <c r="H270076" s="12"/>
    </row>
    <row r="270077" spans="8:8">
      <c r="H270077" s="12"/>
    </row>
    <row r="270078" spans="8:8">
      <c r="H270078" s="12"/>
    </row>
    <row r="270079" spans="8:8">
      <c r="H270079" s="12"/>
    </row>
    <row r="270080" spans="8:8">
      <c r="H270080" s="12"/>
    </row>
    <row r="270081" spans="8:8">
      <c r="H270081" s="12"/>
    </row>
    <row r="270082" spans="8:8">
      <c r="H270082" s="12"/>
    </row>
    <row r="270083" spans="8:8">
      <c r="H270083" s="12"/>
    </row>
    <row r="270084" spans="8:8">
      <c r="H270084" s="12"/>
    </row>
    <row r="270085" spans="8:8">
      <c r="H270085" s="12"/>
    </row>
    <row r="270086" spans="8:8">
      <c r="H270086" s="12"/>
    </row>
    <row r="270087" spans="8:8">
      <c r="H270087" s="12"/>
    </row>
    <row r="270088" spans="8:8">
      <c r="H270088" s="12"/>
    </row>
    <row r="270089" spans="8:8">
      <c r="H270089" s="12"/>
    </row>
    <row r="270090" spans="8:8">
      <c r="H270090" s="12"/>
    </row>
    <row r="270091" spans="8:8">
      <c r="H270091" s="12"/>
    </row>
    <row r="270092" spans="8:8">
      <c r="H270092" s="12"/>
    </row>
    <row r="270093" spans="8:8">
      <c r="H270093" s="12"/>
    </row>
    <row r="270094" spans="8:8">
      <c r="H270094" s="12"/>
    </row>
    <row r="270095" spans="8:8">
      <c r="H270095" s="12"/>
    </row>
    <row r="270096" spans="8:8">
      <c r="H270096" s="12"/>
    </row>
    <row r="270097" spans="8:8">
      <c r="H270097" s="12"/>
    </row>
    <row r="270098" spans="8:8">
      <c r="H270098" s="12"/>
    </row>
    <row r="270099" spans="8:8">
      <c r="H270099" s="12"/>
    </row>
    <row r="270100" spans="8:8">
      <c r="H270100" s="12"/>
    </row>
    <row r="270101" spans="8:8">
      <c r="H270101" s="12"/>
    </row>
    <row r="270102" spans="8:8">
      <c r="H270102" s="12"/>
    </row>
    <row r="270103" spans="8:8">
      <c r="H270103" s="12"/>
    </row>
    <row r="270104" spans="8:8">
      <c r="H270104" s="12"/>
    </row>
    <row r="270105" spans="8:8">
      <c r="H270105" s="12"/>
    </row>
    <row r="270106" spans="8:8">
      <c r="H270106" s="12"/>
    </row>
    <row r="270107" spans="8:8">
      <c r="H270107" s="12"/>
    </row>
    <row r="270108" spans="8:8">
      <c r="H270108" s="12"/>
    </row>
    <row r="270109" spans="8:8">
      <c r="H270109" s="12"/>
    </row>
    <row r="270110" spans="8:8">
      <c r="H270110" s="12"/>
    </row>
    <row r="270111" spans="8:8">
      <c r="H270111" s="12"/>
    </row>
    <row r="270112" spans="8:8">
      <c r="H270112" s="12"/>
    </row>
    <row r="270113" spans="8:8">
      <c r="H270113" s="12"/>
    </row>
    <row r="270114" spans="8:8">
      <c r="H270114" s="12"/>
    </row>
    <row r="270115" spans="8:8">
      <c r="H270115" s="12"/>
    </row>
    <row r="270116" spans="8:8">
      <c r="H270116" s="12"/>
    </row>
    <row r="270117" spans="8:8">
      <c r="H270117" s="12"/>
    </row>
    <row r="270118" spans="8:8">
      <c r="H270118" s="12"/>
    </row>
    <row r="270119" spans="8:8">
      <c r="H270119" s="12"/>
    </row>
    <row r="270120" spans="8:8">
      <c r="H270120" s="12"/>
    </row>
    <row r="270121" spans="8:8">
      <c r="H270121" s="12"/>
    </row>
    <row r="270122" spans="8:8">
      <c r="H270122" s="12"/>
    </row>
    <row r="270123" spans="8:8">
      <c r="H270123" s="12"/>
    </row>
    <row r="270124" spans="8:8">
      <c r="H270124" s="12"/>
    </row>
    <row r="270125" spans="8:8">
      <c r="H270125" s="12"/>
    </row>
    <row r="270126" spans="8:8">
      <c r="H270126" s="12"/>
    </row>
    <row r="270127" spans="8:8">
      <c r="H270127" s="12"/>
    </row>
    <row r="270128" spans="8:8">
      <c r="H270128" s="12"/>
    </row>
    <row r="270129" spans="8:8">
      <c r="H270129" s="12"/>
    </row>
    <row r="270130" spans="8:8">
      <c r="H270130" s="12"/>
    </row>
    <row r="270131" spans="8:8">
      <c r="H270131" s="12"/>
    </row>
    <row r="270132" spans="8:8">
      <c r="H270132" s="12"/>
    </row>
    <row r="270133" spans="8:8">
      <c r="H270133" s="12"/>
    </row>
    <row r="270134" spans="8:8">
      <c r="H270134" s="12"/>
    </row>
    <row r="270135" spans="8:8">
      <c r="H270135" s="12"/>
    </row>
    <row r="270136" spans="8:8">
      <c r="H270136" s="12"/>
    </row>
    <row r="270137" spans="8:8">
      <c r="H270137" s="12"/>
    </row>
    <row r="270138" spans="8:8">
      <c r="H270138" s="12"/>
    </row>
    <row r="270139" spans="8:8">
      <c r="H270139" s="12"/>
    </row>
    <row r="270140" spans="8:8">
      <c r="H270140" s="12"/>
    </row>
    <row r="270141" spans="8:8">
      <c r="H270141" s="12"/>
    </row>
    <row r="270142" spans="8:8">
      <c r="H270142" s="12"/>
    </row>
    <row r="270143" spans="8:8">
      <c r="H270143" s="12"/>
    </row>
    <row r="270144" spans="8:8">
      <c r="H270144" s="12"/>
    </row>
    <row r="270145" spans="8:8">
      <c r="H270145" s="12"/>
    </row>
    <row r="270146" spans="8:8">
      <c r="H270146" s="12"/>
    </row>
    <row r="270147" spans="8:8">
      <c r="H270147" s="12"/>
    </row>
    <row r="270148" spans="8:8">
      <c r="H270148" s="12"/>
    </row>
    <row r="270149" spans="8:8">
      <c r="H270149" s="12"/>
    </row>
    <row r="270150" spans="8:8">
      <c r="H270150" s="12"/>
    </row>
    <row r="270151" spans="8:8">
      <c r="H270151" s="12"/>
    </row>
    <row r="270152" spans="8:8">
      <c r="H270152" s="12"/>
    </row>
    <row r="270153" spans="8:8">
      <c r="H270153" s="12"/>
    </row>
    <row r="270154" spans="8:8">
      <c r="H270154" s="12"/>
    </row>
    <row r="270155" spans="8:8">
      <c r="H270155" s="12"/>
    </row>
    <row r="270156" spans="8:8">
      <c r="H270156" s="12"/>
    </row>
    <row r="270157" spans="8:8">
      <c r="H270157" s="12"/>
    </row>
    <row r="270158" spans="8:8">
      <c r="H270158" s="12"/>
    </row>
    <row r="270159" spans="8:8">
      <c r="H270159" s="12"/>
    </row>
    <row r="270160" spans="8:8">
      <c r="H270160" s="12"/>
    </row>
    <row r="270161" spans="8:8">
      <c r="H270161" s="12"/>
    </row>
    <row r="270162" spans="8:8">
      <c r="H270162" s="12"/>
    </row>
    <row r="270163" spans="8:8">
      <c r="H270163" s="12"/>
    </row>
    <row r="270164" spans="8:8">
      <c r="H270164" s="12"/>
    </row>
    <row r="270165" spans="8:8">
      <c r="H270165" s="12"/>
    </row>
    <row r="270166" spans="8:8">
      <c r="H270166" s="12"/>
    </row>
    <row r="270167" spans="8:8">
      <c r="H270167" s="12"/>
    </row>
    <row r="270168" spans="8:8">
      <c r="H270168" s="12"/>
    </row>
    <row r="270169" spans="8:8">
      <c r="H270169" s="12"/>
    </row>
    <row r="270170" spans="8:8">
      <c r="H270170" s="12"/>
    </row>
    <row r="270171" spans="8:8">
      <c r="H270171" s="12"/>
    </row>
    <row r="270172" spans="8:8">
      <c r="H270172" s="12"/>
    </row>
    <row r="270173" spans="8:8">
      <c r="H270173" s="12"/>
    </row>
    <row r="270174" spans="8:8">
      <c r="H270174" s="12"/>
    </row>
    <row r="270175" spans="8:8">
      <c r="H270175" s="12"/>
    </row>
    <row r="270176" spans="8:8">
      <c r="H270176" s="12"/>
    </row>
    <row r="270177" spans="8:8">
      <c r="H270177" s="12"/>
    </row>
    <row r="270178" spans="8:8">
      <c r="H270178" s="12"/>
    </row>
    <row r="270179" spans="8:8">
      <c r="H270179" s="12"/>
    </row>
    <row r="270180" spans="8:8">
      <c r="H270180" s="12"/>
    </row>
    <row r="270181" spans="8:8">
      <c r="H270181" s="12"/>
    </row>
    <row r="270182" spans="8:8">
      <c r="H270182" s="12"/>
    </row>
    <row r="270183" spans="8:8">
      <c r="H270183" s="12"/>
    </row>
    <row r="270184" spans="8:8">
      <c r="H270184" s="12"/>
    </row>
    <row r="270185" spans="8:8">
      <c r="H270185" s="12"/>
    </row>
    <row r="270186" spans="8:8">
      <c r="H270186" s="12"/>
    </row>
    <row r="270187" spans="8:8">
      <c r="H270187" s="12"/>
    </row>
    <row r="270188" spans="8:8">
      <c r="H270188" s="12"/>
    </row>
    <row r="270189" spans="8:8">
      <c r="H270189" s="12"/>
    </row>
    <row r="270190" spans="8:8">
      <c r="H270190" s="12"/>
    </row>
    <row r="270191" spans="8:8">
      <c r="H270191" s="12"/>
    </row>
    <row r="270192" spans="8:8">
      <c r="H270192" s="12"/>
    </row>
    <row r="270193" spans="8:8">
      <c r="H270193" s="12"/>
    </row>
    <row r="270194" spans="8:8">
      <c r="H270194" s="12"/>
    </row>
    <row r="270195" spans="8:8">
      <c r="H270195" s="12"/>
    </row>
    <row r="270196" spans="8:8">
      <c r="H270196" s="12"/>
    </row>
    <row r="270197" spans="8:8">
      <c r="H270197" s="12"/>
    </row>
    <row r="270198" spans="8:8">
      <c r="H270198" s="12"/>
    </row>
    <row r="270199" spans="8:8">
      <c r="H270199" s="12"/>
    </row>
    <row r="270200" spans="8:8">
      <c r="H270200" s="12"/>
    </row>
    <row r="270201" spans="8:8">
      <c r="H270201" s="12"/>
    </row>
    <row r="270202" spans="8:8">
      <c r="H270202" s="12"/>
    </row>
    <row r="270203" spans="8:8">
      <c r="H270203" s="12"/>
    </row>
    <row r="270204" spans="8:8">
      <c r="H270204" s="12"/>
    </row>
    <row r="270205" spans="8:8">
      <c r="H270205" s="12"/>
    </row>
    <row r="270206" spans="8:8">
      <c r="H270206" s="12"/>
    </row>
    <row r="270207" spans="8:8">
      <c r="H270207" s="12"/>
    </row>
    <row r="270208" spans="8:8">
      <c r="H270208" s="12"/>
    </row>
    <row r="270209" spans="8:8">
      <c r="H270209" s="12"/>
    </row>
    <row r="270210" spans="8:8">
      <c r="H270210" s="12"/>
    </row>
    <row r="270211" spans="8:8">
      <c r="H270211" s="12"/>
    </row>
    <row r="270212" spans="8:8">
      <c r="H270212" s="12"/>
    </row>
    <row r="270213" spans="8:8">
      <c r="H270213" s="12"/>
    </row>
    <row r="270214" spans="8:8">
      <c r="H270214" s="12"/>
    </row>
    <row r="270215" spans="8:8">
      <c r="H270215" s="12"/>
    </row>
    <row r="270216" spans="8:8">
      <c r="H270216" s="12"/>
    </row>
    <row r="270217" spans="8:8">
      <c r="H270217" s="12"/>
    </row>
    <row r="270218" spans="8:8">
      <c r="H270218" s="12"/>
    </row>
    <row r="270219" spans="8:8">
      <c r="H270219" s="12"/>
    </row>
    <row r="270220" spans="8:8">
      <c r="H270220" s="12"/>
    </row>
    <row r="270221" spans="8:8">
      <c r="H270221" s="12"/>
    </row>
    <row r="270222" spans="8:8">
      <c r="H270222" s="12"/>
    </row>
    <row r="270223" spans="8:8">
      <c r="H270223" s="12"/>
    </row>
    <row r="270224" spans="8:8">
      <c r="H270224" s="12"/>
    </row>
    <row r="270225" spans="8:8">
      <c r="H270225" s="12"/>
    </row>
    <row r="270226" spans="8:8">
      <c r="H270226" s="12"/>
    </row>
    <row r="270227" spans="8:8">
      <c r="H270227" s="12"/>
    </row>
    <row r="270228" spans="8:8">
      <c r="H270228" s="12"/>
    </row>
    <row r="270229" spans="8:8">
      <c r="H270229" s="12"/>
    </row>
    <row r="270230" spans="8:8">
      <c r="H270230" s="12"/>
    </row>
    <row r="270231" spans="8:8">
      <c r="H270231" s="12"/>
    </row>
    <row r="270232" spans="8:8">
      <c r="H270232" s="12"/>
    </row>
    <row r="270233" spans="8:8">
      <c r="H270233" s="12"/>
    </row>
    <row r="270234" spans="8:8">
      <c r="H270234" s="12"/>
    </row>
    <row r="270235" spans="8:8">
      <c r="H270235" s="12"/>
    </row>
    <row r="270236" spans="8:8">
      <c r="H270236" s="12"/>
    </row>
    <row r="270237" spans="8:8">
      <c r="H270237" s="12"/>
    </row>
    <row r="270238" spans="8:8">
      <c r="H270238" s="12"/>
    </row>
    <row r="270239" spans="8:8">
      <c r="H270239" s="12"/>
    </row>
    <row r="270240" spans="8:8">
      <c r="H270240" s="12"/>
    </row>
    <row r="270241" spans="8:8">
      <c r="H270241" s="12"/>
    </row>
    <row r="270242" spans="8:8">
      <c r="H270242" s="12"/>
    </row>
    <row r="270243" spans="8:8">
      <c r="H270243" s="12"/>
    </row>
    <row r="270244" spans="8:8">
      <c r="H270244" s="12"/>
    </row>
    <row r="270245" spans="8:8">
      <c r="H270245" s="12"/>
    </row>
    <row r="270246" spans="8:8">
      <c r="H270246" s="12"/>
    </row>
    <row r="270247" spans="8:8">
      <c r="H270247" s="12"/>
    </row>
    <row r="270248" spans="8:8">
      <c r="H270248" s="12"/>
    </row>
    <row r="270249" spans="8:8">
      <c r="H270249" s="12"/>
    </row>
    <row r="270250" spans="8:8">
      <c r="H270250" s="12"/>
    </row>
    <row r="270251" spans="8:8">
      <c r="H270251" s="12"/>
    </row>
    <row r="270252" spans="8:8">
      <c r="H270252" s="12"/>
    </row>
    <row r="270253" spans="8:8">
      <c r="H270253" s="12"/>
    </row>
    <row r="270254" spans="8:8">
      <c r="H270254" s="12"/>
    </row>
    <row r="270255" spans="8:8">
      <c r="H270255" s="12"/>
    </row>
    <row r="270256" spans="8:8">
      <c r="H270256" s="12"/>
    </row>
    <row r="270257" spans="8:8">
      <c r="H270257" s="12"/>
    </row>
    <row r="270258" spans="8:8">
      <c r="H270258" s="12"/>
    </row>
    <row r="270259" spans="8:8">
      <c r="H270259" s="12"/>
    </row>
    <row r="270260" spans="8:8">
      <c r="H270260" s="12"/>
    </row>
    <row r="270261" spans="8:8">
      <c r="H270261" s="12"/>
    </row>
    <row r="270262" spans="8:8">
      <c r="H270262" s="12"/>
    </row>
    <row r="270263" spans="8:8">
      <c r="H270263" s="12"/>
    </row>
    <row r="270264" spans="8:8">
      <c r="H270264" s="12"/>
    </row>
    <row r="270265" spans="8:8">
      <c r="H270265" s="12"/>
    </row>
    <row r="270266" spans="8:8">
      <c r="H270266" s="12"/>
    </row>
    <row r="270267" spans="8:8">
      <c r="H270267" s="12"/>
    </row>
    <row r="270268" spans="8:8">
      <c r="H270268" s="12"/>
    </row>
    <row r="270269" spans="8:8">
      <c r="H270269" s="12"/>
    </row>
    <row r="270270" spans="8:8">
      <c r="H270270" s="12"/>
    </row>
    <row r="270271" spans="8:8">
      <c r="H270271" s="12"/>
    </row>
    <row r="270272" spans="8:8">
      <c r="H270272" s="12"/>
    </row>
    <row r="270273" spans="8:8">
      <c r="H270273" s="12"/>
    </row>
    <row r="270274" spans="8:8">
      <c r="H270274" s="12"/>
    </row>
    <row r="270275" spans="8:8">
      <c r="H270275" s="12"/>
    </row>
    <row r="270276" spans="8:8">
      <c r="H270276" s="12"/>
    </row>
    <row r="270277" spans="8:8">
      <c r="H270277" s="12"/>
    </row>
    <row r="270278" spans="8:8">
      <c r="H270278" s="12"/>
    </row>
    <row r="270279" spans="8:8">
      <c r="H270279" s="12"/>
    </row>
    <row r="270280" spans="8:8">
      <c r="H270280" s="12"/>
    </row>
    <row r="270281" spans="8:8">
      <c r="H270281" s="12"/>
    </row>
    <row r="270282" spans="8:8">
      <c r="H270282" s="12"/>
    </row>
    <row r="270283" spans="8:8">
      <c r="H270283" s="12"/>
    </row>
    <row r="270284" spans="8:8">
      <c r="H270284" s="12"/>
    </row>
    <row r="270285" spans="8:8">
      <c r="H270285" s="12"/>
    </row>
    <row r="270286" spans="8:8">
      <c r="H270286" s="12"/>
    </row>
    <row r="270287" spans="8:8">
      <c r="H270287" s="12"/>
    </row>
    <row r="270288" spans="8:8">
      <c r="H270288" s="12"/>
    </row>
    <row r="270289" spans="8:8">
      <c r="H270289" s="12"/>
    </row>
    <row r="270290" spans="8:8">
      <c r="H270290" s="12"/>
    </row>
    <row r="270291" spans="8:8">
      <c r="H270291" s="12"/>
    </row>
    <row r="270292" spans="8:8">
      <c r="H270292" s="12"/>
    </row>
    <row r="270293" spans="8:8">
      <c r="H270293" s="12"/>
    </row>
    <row r="270294" spans="8:8">
      <c r="H270294" s="12"/>
    </row>
    <row r="270295" spans="8:8">
      <c r="H270295" s="12"/>
    </row>
    <row r="270296" spans="8:8">
      <c r="H270296" s="12"/>
    </row>
    <row r="270297" spans="8:8">
      <c r="H270297" s="12"/>
    </row>
    <row r="270298" spans="8:8">
      <c r="H270298" s="12"/>
    </row>
    <row r="270299" spans="8:8">
      <c r="H270299" s="12"/>
    </row>
    <row r="270300" spans="8:8">
      <c r="H270300" s="12"/>
    </row>
    <row r="270301" spans="8:8">
      <c r="H270301" s="12"/>
    </row>
    <row r="270302" spans="8:8">
      <c r="H270302" s="12"/>
    </row>
    <row r="270303" spans="8:8">
      <c r="H270303" s="12"/>
    </row>
    <row r="270304" spans="8:8">
      <c r="H270304" s="12"/>
    </row>
    <row r="270305" spans="8:8">
      <c r="H270305" s="12"/>
    </row>
    <row r="270306" spans="8:8">
      <c r="H270306" s="12"/>
    </row>
    <row r="270307" spans="8:8">
      <c r="H270307" s="12"/>
    </row>
    <row r="270308" spans="8:8">
      <c r="H270308" s="12"/>
    </row>
    <row r="270309" spans="8:8">
      <c r="H270309" s="12"/>
    </row>
    <row r="270310" spans="8:8">
      <c r="H270310" s="12"/>
    </row>
    <row r="270311" spans="8:8">
      <c r="H270311" s="12"/>
    </row>
    <row r="270312" spans="8:8">
      <c r="H270312" s="12"/>
    </row>
    <row r="270313" spans="8:8">
      <c r="H270313" s="12"/>
    </row>
    <row r="270314" spans="8:8">
      <c r="H270314" s="12"/>
    </row>
    <row r="270315" spans="8:8">
      <c r="H270315" s="12"/>
    </row>
    <row r="270316" spans="8:8">
      <c r="H270316" s="12"/>
    </row>
    <row r="270317" spans="8:8">
      <c r="H270317" s="12"/>
    </row>
    <row r="270318" spans="8:8">
      <c r="H270318" s="12"/>
    </row>
    <row r="270319" spans="8:8">
      <c r="H270319" s="12"/>
    </row>
    <row r="270320" spans="8:8">
      <c r="H270320" s="12"/>
    </row>
    <row r="270321" spans="8:8">
      <c r="H270321" s="12"/>
    </row>
    <row r="270322" spans="8:8">
      <c r="H270322" s="12"/>
    </row>
    <row r="270323" spans="8:8">
      <c r="H270323" s="12"/>
    </row>
    <row r="270324" spans="8:8">
      <c r="H270324" s="12"/>
    </row>
    <row r="270325" spans="8:8">
      <c r="H270325" s="12"/>
    </row>
    <row r="270326" spans="8:8">
      <c r="H270326" s="12"/>
    </row>
    <row r="270327" spans="8:8">
      <c r="H270327" s="12"/>
    </row>
    <row r="270328" spans="8:8">
      <c r="H270328" s="12"/>
    </row>
    <row r="270329" spans="8:8">
      <c r="H270329" s="12"/>
    </row>
    <row r="270330" spans="8:8">
      <c r="H270330" s="12"/>
    </row>
    <row r="270331" spans="8:8">
      <c r="H270331" s="12"/>
    </row>
    <row r="270332" spans="8:8">
      <c r="H270332" s="12"/>
    </row>
    <row r="270333" spans="8:8">
      <c r="H270333" s="12"/>
    </row>
    <row r="270334" spans="8:8">
      <c r="H270334" s="12"/>
    </row>
    <row r="270335" spans="8:8">
      <c r="H270335" s="12"/>
    </row>
    <row r="270336" spans="8:8">
      <c r="H270336" s="12"/>
    </row>
    <row r="270337" spans="8:8">
      <c r="H270337" s="12"/>
    </row>
    <row r="270338" spans="8:8">
      <c r="H270338" s="12"/>
    </row>
    <row r="270339" spans="8:8">
      <c r="H270339" s="12"/>
    </row>
    <row r="270340" spans="8:8">
      <c r="H270340" s="12"/>
    </row>
    <row r="270341" spans="8:8">
      <c r="H270341" s="12"/>
    </row>
    <row r="270342" spans="8:8">
      <c r="H270342" s="12"/>
    </row>
    <row r="270343" spans="8:8">
      <c r="H270343" s="12"/>
    </row>
    <row r="270344" spans="8:8">
      <c r="H270344" s="12"/>
    </row>
    <row r="270345" spans="8:8">
      <c r="H270345" s="12"/>
    </row>
    <row r="270346" spans="8:8">
      <c r="H270346" s="12"/>
    </row>
    <row r="270347" spans="8:8">
      <c r="H270347" s="12"/>
    </row>
    <row r="270348" spans="8:8">
      <c r="H270348" s="12"/>
    </row>
    <row r="270349" spans="8:8">
      <c r="H270349" s="12"/>
    </row>
    <row r="270350" spans="8:8">
      <c r="H270350" s="12"/>
    </row>
    <row r="270351" spans="8:8">
      <c r="H270351" s="12"/>
    </row>
    <row r="270352" spans="8:8">
      <c r="H270352" s="12"/>
    </row>
    <row r="270353" spans="8:8">
      <c r="H270353" s="12"/>
    </row>
    <row r="270354" spans="8:8">
      <c r="H270354" s="12"/>
    </row>
    <row r="270355" spans="8:8">
      <c r="H270355" s="12"/>
    </row>
    <row r="270356" spans="8:8">
      <c r="H270356" s="12"/>
    </row>
    <row r="270357" spans="8:8">
      <c r="H270357" s="12"/>
    </row>
    <row r="270358" spans="8:8">
      <c r="H270358" s="12"/>
    </row>
    <row r="270359" spans="8:8">
      <c r="H270359" s="12"/>
    </row>
    <row r="270360" spans="8:8">
      <c r="H270360" s="12"/>
    </row>
    <row r="270361" spans="8:8">
      <c r="H270361" s="12"/>
    </row>
    <row r="270362" spans="8:8">
      <c r="H270362" s="12"/>
    </row>
    <row r="270363" spans="8:8">
      <c r="H270363" s="12"/>
    </row>
    <row r="270364" spans="8:8">
      <c r="H270364" s="12"/>
    </row>
    <row r="270365" spans="8:8">
      <c r="H270365" s="12"/>
    </row>
    <row r="270366" spans="8:8">
      <c r="H270366" s="12"/>
    </row>
    <row r="270367" spans="8:8">
      <c r="H270367" s="12"/>
    </row>
    <row r="270368" spans="8:8">
      <c r="H270368" s="12"/>
    </row>
    <row r="270369" spans="8:8">
      <c r="H270369" s="12"/>
    </row>
    <row r="270370" spans="8:8">
      <c r="H270370" s="12"/>
    </row>
    <row r="270371" spans="8:8">
      <c r="H270371" s="12"/>
    </row>
    <row r="270372" spans="8:8">
      <c r="H270372" s="12"/>
    </row>
    <row r="270373" spans="8:8">
      <c r="H270373" s="12"/>
    </row>
    <row r="270374" spans="8:8">
      <c r="H270374" s="12"/>
    </row>
    <row r="270375" spans="8:8">
      <c r="H270375" s="12"/>
    </row>
    <row r="270376" spans="8:8">
      <c r="H270376" s="12"/>
    </row>
    <row r="270377" spans="8:8">
      <c r="H270377" s="12"/>
    </row>
    <row r="270378" spans="8:8">
      <c r="H270378" s="12"/>
    </row>
    <row r="270379" spans="8:8">
      <c r="H270379" s="12"/>
    </row>
    <row r="270380" spans="8:8">
      <c r="H270380" s="12"/>
    </row>
    <row r="270381" spans="8:8">
      <c r="H270381" s="12"/>
    </row>
    <row r="270382" spans="8:8">
      <c r="H270382" s="12"/>
    </row>
    <row r="270383" spans="8:8">
      <c r="H270383" s="12"/>
    </row>
    <row r="270384" spans="8:8">
      <c r="H270384" s="12"/>
    </row>
    <row r="270385" spans="8:8">
      <c r="H270385" s="12"/>
    </row>
    <row r="270386" spans="8:8">
      <c r="H270386" s="12"/>
    </row>
    <row r="270387" spans="8:8">
      <c r="H270387" s="12"/>
    </row>
    <row r="270388" spans="8:8">
      <c r="H270388" s="12"/>
    </row>
    <row r="270389" spans="8:8">
      <c r="H270389" s="12"/>
    </row>
    <row r="270390" spans="8:8">
      <c r="H270390" s="12"/>
    </row>
    <row r="270391" spans="8:8">
      <c r="H270391" s="12"/>
    </row>
    <row r="270392" spans="8:8">
      <c r="H270392" s="12"/>
    </row>
    <row r="270393" spans="8:8">
      <c r="H270393" s="12"/>
    </row>
    <row r="270394" spans="8:8">
      <c r="H270394" s="12"/>
    </row>
    <row r="270395" spans="8:8">
      <c r="H270395" s="12"/>
    </row>
    <row r="270396" spans="8:8">
      <c r="H270396" s="12"/>
    </row>
    <row r="270397" spans="8:8">
      <c r="H270397" s="12"/>
    </row>
    <row r="270398" spans="8:8">
      <c r="H270398" s="12"/>
    </row>
    <row r="270399" spans="8:8">
      <c r="H270399" s="12"/>
    </row>
    <row r="270400" spans="8:8">
      <c r="H270400" s="12"/>
    </row>
    <row r="270401" spans="8:8">
      <c r="H270401" s="12"/>
    </row>
    <row r="270402" spans="8:8">
      <c r="H270402" s="12"/>
    </row>
    <row r="270403" spans="8:8">
      <c r="H270403" s="12"/>
    </row>
    <row r="270404" spans="8:8">
      <c r="H270404" s="12"/>
    </row>
    <row r="270405" spans="8:8">
      <c r="H270405" s="12"/>
    </row>
    <row r="270406" spans="8:8">
      <c r="H270406" s="12"/>
    </row>
    <row r="270407" spans="8:8">
      <c r="H270407" s="12"/>
    </row>
    <row r="270408" spans="8:8">
      <c r="H270408" s="12"/>
    </row>
    <row r="270409" spans="8:8">
      <c r="H270409" s="12"/>
    </row>
    <row r="270410" spans="8:8">
      <c r="H270410" s="12"/>
    </row>
    <row r="270411" spans="8:8">
      <c r="H270411" s="12"/>
    </row>
    <row r="270412" spans="8:8">
      <c r="H270412" s="12"/>
    </row>
    <row r="270413" spans="8:8">
      <c r="H270413" s="12"/>
    </row>
    <row r="270414" spans="8:8">
      <c r="H270414" s="12"/>
    </row>
    <row r="270415" spans="8:8">
      <c r="H270415" s="12"/>
    </row>
    <row r="270416" spans="8:8">
      <c r="H270416" s="12"/>
    </row>
    <row r="270417" spans="8:8">
      <c r="H270417" s="12"/>
    </row>
    <row r="270418" spans="8:8">
      <c r="H270418" s="12"/>
    </row>
    <row r="270419" spans="8:8">
      <c r="H270419" s="12"/>
    </row>
    <row r="270420" spans="8:8">
      <c r="H270420" s="12"/>
    </row>
    <row r="270421" spans="8:8">
      <c r="H270421" s="12"/>
    </row>
    <row r="270422" spans="8:8">
      <c r="H270422" s="12"/>
    </row>
    <row r="270423" spans="8:8">
      <c r="H270423" s="12"/>
    </row>
    <row r="270424" spans="8:8">
      <c r="H270424" s="12"/>
    </row>
    <row r="270425" spans="8:8">
      <c r="H270425" s="12"/>
    </row>
    <row r="270426" spans="8:8">
      <c r="H270426" s="12"/>
    </row>
    <row r="270427" spans="8:8">
      <c r="H270427" s="12"/>
    </row>
    <row r="270428" spans="8:8">
      <c r="H270428" s="12"/>
    </row>
    <row r="270429" spans="8:8">
      <c r="H270429" s="12"/>
    </row>
    <row r="270430" spans="8:8">
      <c r="H270430" s="12"/>
    </row>
    <row r="270431" spans="8:8">
      <c r="H270431" s="12"/>
    </row>
    <row r="270432" spans="8:8">
      <c r="H270432" s="12"/>
    </row>
    <row r="270433" spans="8:8">
      <c r="H270433" s="12"/>
    </row>
    <row r="270434" spans="8:8">
      <c r="H270434" s="12"/>
    </row>
    <row r="270435" spans="8:8">
      <c r="H270435" s="12"/>
    </row>
    <row r="270436" spans="8:8">
      <c r="H270436" s="12"/>
    </row>
    <row r="270437" spans="8:8">
      <c r="H270437" s="12"/>
    </row>
    <row r="270438" spans="8:8">
      <c r="H270438" s="12"/>
    </row>
    <row r="270439" spans="8:8">
      <c r="H270439" s="12"/>
    </row>
    <row r="270440" spans="8:8">
      <c r="H270440" s="12"/>
    </row>
    <row r="270441" spans="8:8">
      <c r="H270441" s="12"/>
    </row>
    <row r="270442" spans="8:8">
      <c r="H270442" s="12"/>
    </row>
    <row r="270443" spans="8:8">
      <c r="H270443" s="12"/>
    </row>
    <row r="270444" spans="8:8">
      <c r="H270444" s="12"/>
    </row>
    <row r="270445" spans="8:8">
      <c r="H270445" s="12"/>
    </row>
    <row r="270446" spans="8:8">
      <c r="H270446" s="12"/>
    </row>
    <row r="270447" spans="8:8">
      <c r="H270447" s="12"/>
    </row>
    <row r="270448" spans="8:8">
      <c r="H270448" s="12"/>
    </row>
    <row r="270449" spans="8:8">
      <c r="H270449" s="12"/>
    </row>
    <row r="270450" spans="8:8">
      <c r="H270450" s="12"/>
    </row>
    <row r="270451" spans="8:8">
      <c r="H270451" s="12"/>
    </row>
    <row r="270452" spans="8:8">
      <c r="H270452" s="12"/>
    </row>
    <row r="270453" spans="8:8">
      <c r="H270453" s="12"/>
    </row>
    <row r="270454" spans="8:8">
      <c r="H270454" s="12"/>
    </row>
    <row r="270455" spans="8:8">
      <c r="H270455" s="12"/>
    </row>
    <row r="270456" spans="8:8">
      <c r="H270456" s="12"/>
    </row>
    <row r="270457" spans="8:8">
      <c r="H270457" s="12"/>
    </row>
    <row r="270458" spans="8:8">
      <c r="H270458" s="12"/>
    </row>
    <row r="270459" spans="8:8">
      <c r="H270459" s="12"/>
    </row>
    <row r="270460" spans="8:8">
      <c r="H270460" s="12"/>
    </row>
    <row r="270461" spans="8:8">
      <c r="H270461" s="12"/>
    </row>
    <row r="270462" spans="8:8">
      <c r="H270462" s="12"/>
    </row>
    <row r="270463" spans="8:8">
      <c r="H270463" s="12"/>
    </row>
    <row r="270464" spans="8:8">
      <c r="H270464" s="12"/>
    </row>
    <row r="270465" spans="8:8">
      <c r="H270465" s="12"/>
    </row>
    <row r="270466" spans="8:8">
      <c r="H270466" s="12"/>
    </row>
    <row r="270467" spans="8:8">
      <c r="H270467" s="12"/>
    </row>
    <row r="270468" spans="8:8">
      <c r="H270468" s="12"/>
    </row>
    <row r="270469" spans="8:8">
      <c r="H270469" s="12"/>
    </row>
    <row r="270470" spans="8:8">
      <c r="H270470" s="12"/>
    </row>
    <row r="270471" spans="8:8">
      <c r="H270471" s="12"/>
    </row>
    <row r="270472" spans="8:8">
      <c r="H270472" s="12"/>
    </row>
    <row r="270473" spans="8:8">
      <c r="H270473" s="12"/>
    </row>
    <row r="270474" spans="8:8">
      <c r="H270474" s="12"/>
    </row>
    <row r="270475" spans="8:8">
      <c r="H270475" s="12"/>
    </row>
    <row r="270476" spans="8:8">
      <c r="H270476" s="12"/>
    </row>
    <row r="270477" spans="8:8">
      <c r="H270477" s="12"/>
    </row>
    <row r="270478" spans="8:8">
      <c r="H270478" s="12"/>
    </row>
    <row r="270479" spans="8:8">
      <c r="H270479" s="12"/>
    </row>
    <row r="270480" spans="8:8">
      <c r="H270480" s="12"/>
    </row>
    <row r="270481" spans="8:8">
      <c r="H270481" s="12"/>
    </row>
    <row r="270482" spans="8:8">
      <c r="H270482" s="12"/>
    </row>
    <row r="270483" spans="8:8">
      <c r="H270483" s="12"/>
    </row>
    <row r="270484" spans="8:8">
      <c r="H270484" s="12"/>
    </row>
    <row r="270485" spans="8:8">
      <c r="H270485" s="12"/>
    </row>
    <row r="270486" spans="8:8">
      <c r="H270486" s="12"/>
    </row>
    <row r="270487" spans="8:8">
      <c r="H270487" s="12"/>
    </row>
    <row r="270488" spans="8:8">
      <c r="H270488" s="12"/>
    </row>
    <row r="270489" spans="8:8">
      <c r="H270489" s="12"/>
    </row>
    <row r="270490" spans="8:8">
      <c r="H270490" s="12"/>
    </row>
    <row r="270491" spans="8:8">
      <c r="H270491" s="12"/>
    </row>
    <row r="270492" spans="8:8">
      <c r="H270492" s="12"/>
    </row>
    <row r="270493" spans="8:8">
      <c r="H270493" s="12"/>
    </row>
    <row r="270494" spans="8:8">
      <c r="H270494" s="12"/>
    </row>
    <row r="270495" spans="8:8">
      <c r="H270495" s="12"/>
    </row>
    <row r="270496" spans="8:8">
      <c r="H270496" s="12"/>
    </row>
    <row r="270497" spans="8:8">
      <c r="H270497" s="12"/>
    </row>
    <row r="270498" spans="8:8">
      <c r="H270498" s="12"/>
    </row>
    <row r="270499" spans="8:8">
      <c r="H270499" s="12"/>
    </row>
    <row r="270500" spans="8:8">
      <c r="H270500" s="12"/>
    </row>
    <row r="270501" spans="8:8">
      <c r="H270501" s="12"/>
    </row>
    <row r="270502" spans="8:8">
      <c r="H270502" s="12"/>
    </row>
    <row r="270503" spans="8:8">
      <c r="H270503" s="12"/>
    </row>
    <row r="270504" spans="8:8">
      <c r="H270504" s="12"/>
    </row>
    <row r="270505" spans="8:8">
      <c r="H270505" s="12"/>
    </row>
    <row r="270506" spans="8:8">
      <c r="H270506" s="12"/>
    </row>
    <row r="270507" spans="8:8">
      <c r="H270507" s="12"/>
    </row>
    <row r="270508" spans="8:8">
      <c r="H270508" s="12"/>
    </row>
    <row r="270509" spans="8:8">
      <c r="H270509" s="12"/>
    </row>
    <row r="270510" spans="8:8">
      <c r="H270510" s="12"/>
    </row>
    <row r="270511" spans="8:8">
      <c r="H270511" s="12"/>
    </row>
    <row r="270512" spans="8:8">
      <c r="H270512" s="12"/>
    </row>
    <row r="270513" spans="8:8">
      <c r="H270513" s="12"/>
    </row>
    <row r="270514" spans="8:8">
      <c r="H270514" s="12"/>
    </row>
    <row r="270515" spans="8:8">
      <c r="H270515" s="12"/>
    </row>
    <row r="270516" spans="8:8">
      <c r="H270516" s="12"/>
    </row>
    <row r="270517" spans="8:8">
      <c r="H270517" s="12"/>
    </row>
    <row r="270518" spans="8:8">
      <c r="H270518" s="12"/>
    </row>
    <row r="270519" spans="8:8">
      <c r="H270519" s="12"/>
    </row>
    <row r="270520" spans="8:8">
      <c r="H270520" s="12"/>
    </row>
    <row r="270521" spans="8:8">
      <c r="H270521" s="12"/>
    </row>
    <row r="270522" spans="8:8">
      <c r="H270522" s="12"/>
    </row>
    <row r="270523" spans="8:8">
      <c r="H270523" s="12"/>
    </row>
    <row r="270524" spans="8:8">
      <c r="H270524" s="12"/>
    </row>
    <row r="270525" spans="8:8">
      <c r="H270525" s="12"/>
    </row>
    <row r="270526" spans="8:8">
      <c r="H270526" s="12"/>
    </row>
    <row r="270527" spans="8:8">
      <c r="H270527" s="12"/>
    </row>
    <row r="270528" spans="8:8">
      <c r="H270528" s="12"/>
    </row>
    <row r="270529" spans="8:8">
      <c r="H270529" s="12"/>
    </row>
    <row r="270530" spans="8:8">
      <c r="H270530" s="12"/>
    </row>
    <row r="270531" spans="8:8">
      <c r="H270531" s="12"/>
    </row>
    <row r="270532" spans="8:8">
      <c r="H270532" s="12"/>
    </row>
    <row r="270533" spans="8:8">
      <c r="H270533" s="12"/>
    </row>
    <row r="270534" spans="8:8">
      <c r="H270534" s="12"/>
    </row>
    <row r="270535" spans="8:8">
      <c r="H270535" s="12"/>
    </row>
    <row r="270536" spans="8:8">
      <c r="H270536" s="12"/>
    </row>
    <row r="270537" spans="8:8">
      <c r="H270537" s="12"/>
    </row>
    <row r="270538" spans="8:8">
      <c r="H270538" s="12"/>
    </row>
    <row r="270539" spans="8:8">
      <c r="H270539" s="12"/>
    </row>
    <row r="270540" spans="8:8">
      <c r="H270540" s="12"/>
    </row>
    <row r="270541" spans="8:8">
      <c r="H270541" s="12"/>
    </row>
    <row r="270542" spans="8:8">
      <c r="H270542" s="12"/>
    </row>
    <row r="270543" spans="8:8">
      <c r="H270543" s="12"/>
    </row>
    <row r="270544" spans="8:8">
      <c r="H270544" s="12"/>
    </row>
    <row r="270545" spans="8:8">
      <c r="H270545" s="12"/>
    </row>
    <row r="270546" spans="8:8">
      <c r="H270546" s="12"/>
    </row>
    <row r="270547" spans="8:8">
      <c r="H270547" s="12"/>
    </row>
    <row r="270548" spans="8:8">
      <c r="H270548" s="12"/>
    </row>
    <row r="270549" spans="8:8">
      <c r="H270549" s="12"/>
    </row>
    <row r="270550" spans="8:8">
      <c r="H270550" s="12"/>
    </row>
    <row r="270551" spans="8:8">
      <c r="H270551" s="12"/>
    </row>
    <row r="270552" spans="8:8">
      <c r="H270552" s="12"/>
    </row>
    <row r="270553" spans="8:8">
      <c r="H270553" s="12"/>
    </row>
    <row r="270554" spans="8:8">
      <c r="H270554" s="12"/>
    </row>
    <row r="270555" spans="8:8">
      <c r="H270555" s="12"/>
    </row>
    <row r="270556" spans="8:8">
      <c r="H270556" s="12"/>
    </row>
    <row r="270557" spans="8:8">
      <c r="H270557" s="12"/>
    </row>
    <row r="270558" spans="8:8">
      <c r="H270558" s="12"/>
    </row>
    <row r="270559" spans="8:8">
      <c r="H270559" s="12"/>
    </row>
    <row r="270560" spans="8:8">
      <c r="H270560" s="12"/>
    </row>
    <row r="270561" spans="8:8">
      <c r="H270561" s="12"/>
    </row>
    <row r="270562" spans="8:8">
      <c r="H270562" s="12"/>
    </row>
    <row r="270563" spans="8:8">
      <c r="H270563" s="12"/>
    </row>
    <row r="270564" spans="8:8">
      <c r="H270564" s="12"/>
    </row>
    <row r="270565" spans="8:8">
      <c r="H270565" s="12"/>
    </row>
    <row r="270566" spans="8:8">
      <c r="H270566" s="12"/>
    </row>
    <row r="270567" spans="8:8">
      <c r="H270567" s="12"/>
    </row>
    <row r="270568" spans="8:8">
      <c r="H270568" s="12"/>
    </row>
    <row r="270569" spans="8:8">
      <c r="H270569" s="12"/>
    </row>
    <row r="270570" spans="8:8">
      <c r="H270570" s="12"/>
    </row>
    <row r="270571" spans="8:8">
      <c r="H270571" s="12"/>
    </row>
    <row r="270572" spans="8:8">
      <c r="H270572" s="12"/>
    </row>
    <row r="270573" spans="8:8">
      <c r="H270573" s="12"/>
    </row>
    <row r="270574" spans="8:8">
      <c r="H270574" s="12"/>
    </row>
    <row r="270575" spans="8:8">
      <c r="H270575" s="12"/>
    </row>
    <row r="270576" spans="8:8">
      <c r="H270576" s="12"/>
    </row>
    <row r="270577" spans="8:8">
      <c r="H270577" s="12"/>
    </row>
    <row r="270578" spans="8:8">
      <c r="H270578" s="12"/>
    </row>
    <row r="270579" spans="8:8">
      <c r="H270579" s="12"/>
    </row>
    <row r="270580" spans="8:8">
      <c r="H270580" s="12"/>
    </row>
    <row r="270581" spans="8:8">
      <c r="H270581" s="12"/>
    </row>
    <row r="270582" spans="8:8">
      <c r="H270582" s="12"/>
    </row>
    <row r="270583" spans="8:8">
      <c r="H270583" s="12"/>
    </row>
    <row r="270584" spans="8:8">
      <c r="H270584" s="12"/>
    </row>
    <row r="270585" spans="8:8">
      <c r="H270585" s="12"/>
    </row>
    <row r="270586" spans="8:8">
      <c r="H270586" s="12"/>
    </row>
    <row r="270587" spans="8:8">
      <c r="H270587" s="12"/>
    </row>
    <row r="270588" spans="8:8">
      <c r="H270588" s="12"/>
    </row>
    <row r="270589" spans="8:8">
      <c r="H270589" s="12"/>
    </row>
    <row r="270590" spans="8:8">
      <c r="H270590" s="12"/>
    </row>
    <row r="270591" spans="8:8">
      <c r="H270591" s="12"/>
    </row>
    <row r="270592" spans="8:8">
      <c r="H270592" s="12"/>
    </row>
    <row r="270593" spans="8:8">
      <c r="H270593" s="12"/>
    </row>
    <row r="270594" spans="8:8">
      <c r="H270594" s="12"/>
    </row>
    <row r="270595" spans="8:8">
      <c r="H270595" s="12"/>
    </row>
    <row r="270596" spans="8:8">
      <c r="H270596" s="12"/>
    </row>
    <row r="270597" spans="8:8">
      <c r="H270597" s="12"/>
    </row>
    <row r="270598" spans="8:8">
      <c r="H270598" s="12"/>
    </row>
    <row r="270599" spans="8:8">
      <c r="H270599" s="12"/>
    </row>
    <row r="270600" spans="8:8">
      <c r="H270600" s="12"/>
    </row>
    <row r="270601" spans="8:8">
      <c r="H270601" s="12"/>
    </row>
    <row r="270602" spans="8:8">
      <c r="H270602" s="12"/>
    </row>
    <row r="270603" spans="8:8">
      <c r="H270603" s="12"/>
    </row>
    <row r="270604" spans="8:8">
      <c r="H270604" s="12"/>
    </row>
    <row r="270605" spans="8:8">
      <c r="H270605" s="12"/>
    </row>
    <row r="270606" spans="8:8">
      <c r="H270606" s="12"/>
    </row>
    <row r="270607" spans="8:8">
      <c r="H270607" s="12"/>
    </row>
    <row r="270608" spans="8:8">
      <c r="H270608" s="12"/>
    </row>
    <row r="270609" spans="8:8">
      <c r="H270609" s="12"/>
    </row>
    <row r="270610" spans="8:8">
      <c r="H270610" s="12"/>
    </row>
    <row r="270611" spans="8:8">
      <c r="H270611" s="12"/>
    </row>
    <row r="270612" spans="8:8">
      <c r="H270612" s="12"/>
    </row>
    <row r="270613" spans="8:8">
      <c r="H270613" s="12"/>
    </row>
    <row r="270614" spans="8:8">
      <c r="H270614" s="12"/>
    </row>
    <row r="270615" spans="8:8">
      <c r="H270615" s="12"/>
    </row>
    <row r="270616" spans="8:8">
      <c r="H270616" s="12"/>
    </row>
    <row r="270617" spans="8:8">
      <c r="H270617" s="12"/>
    </row>
    <row r="270618" spans="8:8">
      <c r="H270618" s="12"/>
    </row>
    <row r="270619" spans="8:8">
      <c r="H270619" s="12"/>
    </row>
    <row r="270620" spans="8:8">
      <c r="H270620" s="12"/>
    </row>
    <row r="270621" spans="8:8">
      <c r="H270621" s="12"/>
    </row>
    <row r="270622" spans="8:8">
      <c r="H270622" s="12"/>
    </row>
    <row r="270623" spans="8:8">
      <c r="H270623" s="12"/>
    </row>
    <row r="270624" spans="8:8">
      <c r="H270624" s="12"/>
    </row>
    <row r="270625" spans="8:8">
      <c r="H270625" s="12"/>
    </row>
    <row r="270626" spans="8:8">
      <c r="H270626" s="12"/>
    </row>
    <row r="270627" spans="8:8">
      <c r="H270627" s="12"/>
    </row>
    <row r="270628" spans="8:8">
      <c r="H270628" s="12"/>
    </row>
    <row r="270629" spans="8:8">
      <c r="H270629" s="12"/>
    </row>
    <row r="270630" spans="8:8">
      <c r="H270630" s="12"/>
    </row>
    <row r="270631" spans="8:8">
      <c r="H270631" s="12"/>
    </row>
    <row r="270632" spans="8:8">
      <c r="H270632" s="12"/>
    </row>
    <row r="270633" spans="8:8">
      <c r="H270633" s="12"/>
    </row>
    <row r="270634" spans="8:8">
      <c r="H270634" s="12"/>
    </row>
    <row r="270635" spans="8:8">
      <c r="H270635" s="12"/>
    </row>
    <row r="270636" spans="8:8">
      <c r="H270636" s="12"/>
    </row>
    <row r="270637" spans="8:8">
      <c r="H270637" s="12"/>
    </row>
    <row r="270638" spans="8:8">
      <c r="H270638" s="12"/>
    </row>
    <row r="270639" spans="8:8">
      <c r="H270639" s="12"/>
    </row>
    <row r="270640" spans="8:8">
      <c r="H270640" s="12"/>
    </row>
    <row r="270641" spans="8:8">
      <c r="H270641" s="12"/>
    </row>
    <row r="270642" spans="8:8">
      <c r="H270642" s="12"/>
    </row>
    <row r="270643" spans="8:8">
      <c r="H270643" s="12"/>
    </row>
    <row r="270644" spans="8:8">
      <c r="H270644" s="12"/>
    </row>
    <row r="270645" spans="8:8">
      <c r="H270645" s="12"/>
    </row>
    <row r="270646" spans="8:8">
      <c r="H270646" s="12"/>
    </row>
    <row r="270647" spans="8:8">
      <c r="H270647" s="12"/>
    </row>
    <row r="270648" spans="8:8">
      <c r="H270648" s="12"/>
    </row>
    <row r="270649" spans="8:8">
      <c r="H270649" s="12"/>
    </row>
    <row r="270650" spans="8:8">
      <c r="H270650" s="12"/>
    </row>
    <row r="270651" spans="8:8">
      <c r="H270651" s="12"/>
    </row>
    <row r="270652" spans="8:8">
      <c r="H270652" s="12"/>
    </row>
    <row r="270653" spans="8:8">
      <c r="H270653" s="12"/>
    </row>
    <row r="270654" spans="8:8">
      <c r="H270654" s="12"/>
    </row>
    <row r="270655" spans="8:8">
      <c r="H270655" s="12"/>
    </row>
    <row r="270656" spans="8:8">
      <c r="H270656" s="12"/>
    </row>
    <row r="270657" spans="8:8">
      <c r="H270657" s="12"/>
    </row>
    <row r="270658" spans="8:8">
      <c r="H270658" s="12"/>
    </row>
    <row r="270659" spans="8:8">
      <c r="H270659" s="12"/>
    </row>
    <row r="270660" spans="8:8">
      <c r="H270660" s="12"/>
    </row>
    <row r="270661" spans="8:8">
      <c r="H270661" s="12"/>
    </row>
    <row r="270662" spans="8:8">
      <c r="H270662" s="12"/>
    </row>
    <row r="270663" spans="8:8">
      <c r="H270663" s="12"/>
    </row>
    <row r="270664" spans="8:8">
      <c r="H270664" s="12"/>
    </row>
    <row r="270665" spans="8:8">
      <c r="H270665" s="12"/>
    </row>
    <row r="270666" spans="8:8">
      <c r="H270666" s="12"/>
    </row>
    <row r="270667" spans="8:8">
      <c r="H270667" s="12"/>
    </row>
    <row r="270668" spans="8:8">
      <c r="H270668" s="12"/>
    </row>
    <row r="270669" spans="8:8">
      <c r="H270669" s="12"/>
    </row>
    <row r="270670" spans="8:8">
      <c r="H270670" s="12"/>
    </row>
    <row r="270671" spans="8:8">
      <c r="H270671" s="12"/>
    </row>
    <row r="270672" spans="8:8">
      <c r="H270672" s="12"/>
    </row>
    <row r="270673" spans="8:8">
      <c r="H270673" s="12"/>
    </row>
    <row r="270674" spans="8:8">
      <c r="H270674" s="12"/>
    </row>
    <row r="270675" spans="8:8">
      <c r="H270675" s="12"/>
    </row>
    <row r="270676" spans="8:8">
      <c r="H270676" s="12"/>
    </row>
    <row r="270677" spans="8:8">
      <c r="H270677" s="12"/>
    </row>
    <row r="270678" spans="8:8">
      <c r="H270678" s="12"/>
    </row>
    <row r="270679" spans="8:8">
      <c r="H270679" s="12"/>
    </row>
    <row r="270680" spans="8:8">
      <c r="H270680" s="12"/>
    </row>
    <row r="270681" spans="8:8">
      <c r="H270681" s="12"/>
    </row>
    <row r="270682" spans="8:8">
      <c r="H270682" s="12"/>
    </row>
    <row r="270683" spans="8:8">
      <c r="H270683" s="12"/>
    </row>
    <row r="270684" spans="8:8">
      <c r="H270684" s="12"/>
    </row>
    <row r="270685" spans="8:8">
      <c r="H270685" s="12"/>
    </row>
    <row r="270686" spans="8:8">
      <c r="H270686" s="12"/>
    </row>
    <row r="270687" spans="8:8">
      <c r="H270687" s="12"/>
    </row>
    <row r="270688" spans="8:8">
      <c r="H270688" s="12"/>
    </row>
    <row r="270689" spans="8:8">
      <c r="H270689" s="12"/>
    </row>
    <row r="270690" spans="8:8">
      <c r="H270690" s="12"/>
    </row>
    <row r="270691" spans="8:8">
      <c r="H270691" s="12"/>
    </row>
    <row r="270692" spans="8:8">
      <c r="H270692" s="12"/>
    </row>
    <row r="270693" spans="8:8">
      <c r="H270693" s="12"/>
    </row>
    <row r="270694" spans="8:8">
      <c r="H270694" s="12"/>
    </row>
    <row r="270695" spans="8:8">
      <c r="H270695" s="12"/>
    </row>
    <row r="270696" spans="8:8">
      <c r="H270696" s="12"/>
    </row>
    <row r="270697" spans="8:8">
      <c r="H270697" s="12"/>
    </row>
    <row r="270698" spans="8:8">
      <c r="H270698" s="12"/>
    </row>
    <row r="270699" spans="8:8">
      <c r="H270699" s="12"/>
    </row>
    <row r="270700" spans="8:8">
      <c r="H270700" s="12"/>
    </row>
    <row r="270701" spans="8:8">
      <c r="H270701" s="12"/>
    </row>
    <row r="270702" spans="8:8">
      <c r="H270702" s="12"/>
    </row>
    <row r="270703" spans="8:8">
      <c r="H270703" s="12"/>
    </row>
    <row r="270704" spans="8:8">
      <c r="H270704" s="12"/>
    </row>
    <row r="270705" spans="8:8">
      <c r="H270705" s="12"/>
    </row>
    <row r="270706" spans="8:8">
      <c r="H270706" s="12"/>
    </row>
    <row r="270707" spans="8:8">
      <c r="H270707" s="12"/>
    </row>
    <row r="270708" spans="8:8">
      <c r="H270708" s="12"/>
    </row>
    <row r="270709" spans="8:8">
      <c r="H270709" s="12"/>
    </row>
    <row r="270710" spans="8:8">
      <c r="H270710" s="12"/>
    </row>
    <row r="270711" spans="8:8">
      <c r="H270711" s="12"/>
    </row>
    <row r="270712" spans="8:8">
      <c r="H270712" s="12"/>
    </row>
    <row r="270713" spans="8:8">
      <c r="H270713" s="12"/>
    </row>
    <row r="270714" spans="8:8">
      <c r="H270714" s="12"/>
    </row>
    <row r="270715" spans="8:8">
      <c r="H270715" s="12"/>
    </row>
    <row r="270716" spans="8:8">
      <c r="H270716" s="12"/>
    </row>
    <row r="270717" spans="8:8">
      <c r="H270717" s="12"/>
    </row>
    <row r="270718" spans="8:8">
      <c r="H270718" s="12"/>
    </row>
    <row r="270719" spans="8:8">
      <c r="H270719" s="12"/>
    </row>
    <row r="270720" spans="8:8">
      <c r="H270720" s="12"/>
    </row>
    <row r="270721" spans="8:8">
      <c r="H270721" s="12"/>
    </row>
    <row r="270722" spans="8:8">
      <c r="H270722" s="12"/>
    </row>
    <row r="270723" spans="8:8">
      <c r="H270723" s="12"/>
    </row>
    <row r="270724" spans="8:8">
      <c r="H270724" s="12"/>
    </row>
    <row r="270725" spans="8:8">
      <c r="H270725" s="12"/>
    </row>
    <row r="270726" spans="8:8">
      <c r="H270726" s="12"/>
    </row>
    <row r="270727" spans="8:8">
      <c r="H270727" s="12"/>
    </row>
    <row r="270728" spans="8:8">
      <c r="H270728" s="12"/>
    </row>
    <row r="270729" spans="8:8">
      <c r="H270729" s="12"/>
    </row>
    <row r="270730" spans="8:8">
      <c r="H270730" s="12"/>
    </row>
    <row r="270731" spans="8:8">
      <c r="H270731" s="12"/>
    </row>
    <row r="270732" spans="8:8">
      <c r="H270732" s="12"/>
    </row>
    <row r="270733" spans="8:8">
      <c r="H270733" s="12"/>
    </row>
    <row r="270734" spans="8:8">
      <c r="H270734" s="12"/>
    </row>
    <row r="270735" spans="8:8">
      <c r="H270735" s="12"/>
    </row>
    <row r="270736" spans="8:8">
      <c r="H270736" s="12"/>
    </row>
    <row r="270737" spans="8:8">
      <c r="H270737" s="12"/>
    </row>
    <row r="270738" spans="8:8">
      <c r="H270738" s="12"/>
    </row>
    <row r="270739" spans="8:8">
      <c r="H270739" s="12"/>
    </row>
    <row r="270740" spans="8:8">
      <c r="H270740" s="12"/>
    </row>
    <row r="270741" spans="8:8">
      <c r="H270741" s="12"/>
    </row>
    <row r="270742" spans="8:8">
      <c r="H270742" s="12"/>
    </row>
    <row r="270743" spans="8:8">
      <c r="H270743" s="12"/>
    </row>
    <row r="270744" spans="8:8">
      <c r="H270744" s="12"/>
    </row>
    <row r="270745" spans="8:8">
      <c r="H270745" s="12"/>
    </row>
    <row r="270746" spans="8:8">
      <c r="H270746" s="12"/>
    </row>
    <row r="270747" spans="8:8">
      <c r="H270747" s="12"/>
    </row>
    <row r="270748" spans="8:8">
      <c r="H270748" s="12"/>
    </row>
    <row r="270749" spans="8:8">
      <c r="H270749" s="12"/>
    </row>
    <row r="270750" spans="8:8">
      <c r="H270750" s="12"/>
    </row>
    <row r="270751" spans="8:8">
      <c r="H270751" s="12"/>
    </row>
    <row r="270752" spans="8:8">
      <c r="H270752" s="12"/>
    </row>
    <row r="270753" spans="8:8">
      <c r="H270753" s="12"/>
    </row>
    <row r="270754" spans="8:8">
      <c r="H270754" s="12"/>
    </row>
    <row r="270755" spans="8:8">
      <c r="H270755" s="12"/>
    </row>
    <row r="270756" spans="8:8">
      <c r="H270756" s="12"/>
    </row>
    <row r="270757" spans="8:8">
      <c r="H270757" s="12"/>
    </row>
    <row r="270758" spans="8:8">
      <c r="H270758" s="12"/>
    </row>
    <row r="270759" spans="8:8">
      <c r="H270759" s="12"/>
    </row>
    <row r="270760" spans="8:8">
      <c r="H270760" s="12"/>
    </row>
    <row r="270761" spans="8:8">
      <c r="H270761" s="12"/>
    </row>
    <row r="270762" spans="8:8">
      <c r="H270762" s="12"/>
    </row>
    <row r="270763" spans="8:8">
      <c r="H270763" s="12"/>
    </row>
    <row r="270764" spans="8:8">
      <c r="H270764" s="12"/>
    </row>
    <row r="270765" spans="8:8">
      <c r="H270765" s="12"/>
    </row>
    <row r="270766" spans="8:8">
      <c r="H270766" s="12"/>
    </row>
    <row r="270767" spans="8:8">
      <c r="H270767" s="12"/>
    </row>
    <row r="270768" spans="8:8">
      <c r="H270768" s="12"/>
    </row>
    <row r="270769" spans="8:8">
      <c r="H270769" s="12"/>
    </row>
    <row r="270770" spans="8:8">
      <c r="H270770" s="12"/>
    </row>
    <row r="270771" spans="8:8">
      <c r="H270771" s="12"/>
    </row>
    <row r="270772" spans="8:8">
      <c r="H270772" s="12"/>
    </row>
    <row r="270773" spans="8:8">
      <c r="H270773" s="12"/>
    </row>
    <row r="270774" spans="8:8">
      <c r="H270774" s="12"/>
    </row>
    <row r="270775" spans="8:8">
      <c r="H270775" s="12"/>
    </row>
    <row r="270776" spans="8:8">
      <c r="H270776" s="12"/>
    </row>
    <row r="270777" spans="8:8">
      <c r="H270777" s="12"/>
    </row>
    <row r="270778" spans="8:8">
      <c r="H270778" s="12"/>
    </row>
    <row r="270779" spans="8:8">
      <c r="H270779" s="12"/>
    </row>
    <row r="270780" spans="8:8">
      <c r="H270780" s="12"/>
    </row>
    <row r="270781" spans="8:8">
      <c r="H270781" s="12"/>
    </row>
    <row r="270782" spans="8:8">
      <c r="H270782" s="12"/>
    </row>
    <row r="270783" spans="8:8">
      <c r="H270783" s="12"/>
    </row>
    <row r="270784" spans="8:8">
      <c r="H270784" s="12"/>
    </row>
    <row r="270785" spans="8:8">
      <c r="H270785" s="12"/>
    </row>
    <row r="270786" spans="8:8">
      <c r="H270786" s="12"/>
    </row>
    <row r="270787" spans="8:8">
      <c r="H270787" s="12"/>
    </row>
    <row r="270788" spans="8:8">
      <c r="H270788" s="12"/>
    </row>
    <row r="270789" spans="8:8">
      <c r="H270789" s="12"/>
    </row>
    <row r="270790" spans="8:8">
      <c r="H270790" s="12"/>
    </row>
    <row r="270791" spans="8:8">
      <c r="H270791" s="12"/>
    </row>
    <row r="270792" spans="8:8">
      <c r="H270792" s="12"/>
    </row>
    <row r="270793" spans="8:8">
      <c r="H270793" s="12"/>
    </row>
    <row r="270794" spans="8:8">
      <c r="H270794" s="12"/>
    </row>
    <row r="270795" spans="8:8">
      <c r="H270795" s="12"/>
    </row>
    <row r="270796" spans="8:8">
      <c r="H270796" s="12"/>
    </row>
    <row r="270797" spans="8:8">
      <c r="H270797" s="12"/>
    </row>
    <row r="270798" spans="8:8">
      <c r="H270798" s="12"/>
    </row>
    <row r="270799" spans="8:8">
      <c r="H270799" s="12"/>
    </row>
    <row r="270800" spans="8:8">
      <c r="H270800" s="12"/>
    </row>
    <row r="270801" spans="8:8">
      <c r="H270801" s="12"/>
    </row>
    <row r="270802" spans="8:8">
      <c r="H270802" s="12"/>
    </row>
    <row r="270803" spans="8:8">
      <c r="H270803" s="12"/>
    </row>
    <row r="270804" spans="8:8">
      <c r="H270804" s="12"/>
    </row>
    <row r="270805" spans="8:8">
      <c r="H270805" s="12"/>
    </row>
    <row r="270806" spans="8:8">
      <c r="H270806" s="12"/>
    </row>
    <row r="270807" spans="8:8">
      <c r="H270807" s="12"/>
    </row>
    <row r="270808" spans="8:8">
      <c r="H270808" s="12"/>
    </row>
    <row r="270809" spans="8:8">
      <c r="H270809" s="12"/>
    </row>
    <row r="270810" spans="8:8">
      <c r="H270810" s="12"/>
    </row>
    <row r="270811" spans="8:8">
      <c r="H270811" s="12"/>
    </row>
    <row r="270812" spans="8:8">
      <c r="H270812" s="12"/>
    </row>
    <row r="270813" spans="8:8">
      <c r="H270813" s="12"/>
    </row>
    <row r="270814" spans="8:8">
      <c r="H270814" s="12"/>
    </row>
    <row r="270815" spans="8:8">
      <c r="H270815" s="12"/>
    </row>
    <row r="270816" spans="8:8">
      <c r="H270816" s="12"/>
    </row>
    <row r="270817" spans="8:8">
      <c r="H270817" s="12"/>
    </row>
    <row r="270818" spans="8:8">
      <c r="H270818" s="12"/>
    </row>
    <row r="270819" spans="8:8">
      <c r="H270819" s="12"/>
    </row>
    <row r="270820" spans="8:8">
      <c r="H270820" s="12"/>
    </row>
    <row r="270821" spans="8:8">
      <c r="H270821" s="12"/>
    </row>
    <row r="270822" spans="8:8">
      <c r="H270822" s="12"/>
    </row>
    <row r="270823" spans="8:8">
      <c r="H270823" s="12"/>
    </row>
    <row r="270824" spans="8:8">
      <c r="H270824" s="12"/>
    </row>
    <row r="270825" spans="8:8">
      <c r="H270825" s="12"/>
    </row>
    <row r="270826" spans="8:8">
      <c r="H270826" s="12"/>
    </row>
    <row r="270827" spans="8:8">
      <c r="H270827" s="12"/>
    </row>
    <row r="270828" spans="8:8">
      <c r="H270828" s="12"/>
    </row>
    <row r="270829" spans="8:8">
      <c r="H270829" s="12"/>
    </row>
    <row r="270830" spans="8:8">
      <c r="H270830" s="12"/>
    </row>
    <row r="270831" spans="8:8">
      <c r="H270831" s="12"/>
    </row>
    <row r="270832" spans="8:8">
      <c r="H270832" s="12"/>
    </row>
    <row r="270833" spans="8:8">
      <c r="H270833" s="12"/>
    </row>
    <row r="270834" spans="8:8">
      <c r="H270834" s="12"/>
    </row>
    <row r="270835" spans="8:8">
      <c r="H270835" s="12"/>
    </row>
    <row r="270836" spans="8:8">
      <c r="H270836" s="12"/>
    </row>
    <row r="270837" spans="8:8">
      <c r="H270837" s="12"/>
    </row>
    <row r="270838" spans="8:8">
      <c r="H270838" s="12"/>
    </row>
    <row r="270839" spans="8:8">
      <c r="H270839" s="12"/>
    </row>
    <row r="270840" spans="8:8">
      <c r="H270840" s="12"/>
    </row>
    <row r="270841" spans="8:8">
      <c r="H270841" s="12"/>
    </row>
    <row r="270842" spans="8:8">
      <c r="H270842" s="12"/>
    </row>
    <row r="270843" spans="8:8">
      <c r="H270843" s="12"/>
    </row>
    <row r="270844" spans="8:8">
      <c r="H270844" s="12"/>
    </row>
    <row r="270845" spans="8:8">
      <c r="H270845" s="12"/>
    </row>
    <row r="270846" spans="8:8">
      <c r="H270846" s="12"/>
    </row>
    <row r="270847" spans="8:8">
      <c r="H270847" s="12"/>
    </row>
    <row r="270848" spans="8:8">
      <c r="H270848" s="12"/>
    </row>
    <row r="270849" spans="8:8">
      <c r="H270849" s="12"/>
    </row>
    <row r="270850" spans="8:8">
      <c r="H270850" s="12"/>
    </row>
    <row r="270851" spans="8:8">
      <c r="H270851" s="12"/>
    </row>
    <row r="270852" spans="8:8">
      <c r="H270852" s="12"/>
    </row>
    <row r="270853" spans="8:8">
      <c r="H270853" s="12"/>
    </row>
    <row r="270854" spans="8:8">
      <c r="H270854" s="12"/>
    </row>
    <row r="270855" spans="8:8">
      <c r="H270855" s="12"/>
    </row>
    <row r="270856" spans="8:8">
      <c r="H270856" s="12"/>
    </row>
    <row r="270857" spans="8:8">
      <c r="H270857" s="12"/>
    </row>
    <row r="270858" spans="8:8">
      <c r="H270858" s="12"/>
    </row>
    <row r="270859" spans="8:8">
      <c r="H270859" s="12"/>
    </row>
    <row r="270860" spans="8:8">
      <c r="H270860" s="12"/>
    </row>
    <row r="270861" spans="8:8">
      <c r="H270861" s="12"/>
    </row>
    <row r="270862" spans="8:8">
      <c r="H270862" s="12"/>
    </row>
    <row r="270863" spans="8:8">
      <c r="H270863" s="12"/>
    </row>
    <row r="270864" spans="8:8">
      <c r="H270864" s="12"/>
    </row>
    <row r="270865" spans="8:8">
      <c r="H270865" s="12"/>
    </row>
    <row r="270866" spans="8:8">
      <c r="H270866" s="12"/>
    </row>
    <row r="270867" spans="8:8">
      <c r="H270867" s="12"/>
    </row>
    <row r="270868" spans="8:8">
      <c r="H270868" s="12"/>
    </row>
    <row r="270869" spans="8:8">
      <c r="H270869" s="12"/>
    </row>
    <row r="270870" spans="8:8">
      <c r="H270870" s="12"/>
    </row>
    <row r="270871" spans="8:8">
      <c r="H270871" s="12"/>
    </row>
    <row r="270872" spans="8:8">
      <c r="H270872" s="12"/>
    </row>
    <row r="270873" spans="8:8">
      <c r="H270873" s="12"/>
    </row>
    <row r="270874" spans="8:8">
      <c r="H270874" s="12"/>
    </row>
    <row r="270875" spans="8:8">
      <c r="H270875" s="12"/>
    </row>
    <row r="270876" spans="8:8">
      <c r="H270876" s="12"/>
    </row>
    <row r="270877" spans="8:8">
      <c r="H270877" s="12"/>
    </row>
    <row r="270878" spans="8:8">
      <c r="H270878" s="12"/>
    </row>
    <row r="270879" spans="8:8">
      <c r="H270879" s="12"/>
    </row>
    <row r="270880" spans="8:8">
      <c r="H270880" s="12"/>
    </row>
    <row r="270881" spans="8:8">
      <c r="H270881" s="12"/>
    </row>
    <row r="270882" spans="8:8">
      <c r="H270882" s="12"/>
    </row>
    <row r="270883" spans="8:8">
      <c r="H270883" s="12"/>
    </row>
    <row r="270884" spans="8:8">
      <c r="H270884" s="12"/>
    </row>
    <row r="270885" spans="8:8">
      <c r="H270885" s="12"/>
    </row>
    <row r="270886" spans="8:8">
      <c r="H270886" s="12"/>
    </row>
    <row r="270887" spans="8:8">
      <c r="H270887" s="12"/>
    </row>
    <row r="270888" spans="8:8">
      <c r="H270888" s="12"/>
    </row>
    <row r="270889" spans="8:8">
      <c r="H270889" s="12"/>
    </row>
    <row r="270890" spans="8:8">
      <c r="H270890" s="12"/>
    </row>
    <row r="270891" spans="8:8">
      <c r="H270891" s="12"/>
    </row>
    <row r="270892" spans="8:8">
      <c r="H270892" s="12"/>
    </row>
    <row r="270893" spans="8:8">
      <c r="H270893" s="12"/>
    </row>
    <row r="270894" spans="8:8">
      <c r="H270894" s="12"/>
    </row>
    <row r="270895" spans="8:8">
      <c r="H270895" s="12"/>
    </row>
    <row r="270896" spans="8:8">
      <c r="H270896" s="12"/>
    </row>
    <row r="270897" spans="8:8">
      <c r="H270897" s="12"/>
    </row>
    <row r="270898" spans="8:8">
      <c r="H270898" s="12"/>
    </row>
    <row r="270899" spans="8:8">
      <c r="H270899" s="12"/>
    </row>
    <row r="270900" spans="8:8">
      <c r="H270900" s="12"/>
    </row>
    <row r="270901" spans="8:8">
      <c r="H270901" s="12"/>
    </row>
    <row r="270902" spans="8:8">
      <c r="H270902" s="12"/>
    </row>
    <row r="270903" spans="8:8">
      <c r="H270903" s="12"/>
    </row>
    <row r="270904" spans="8:8">
      <c r="H270904" s="12"/>
    </row>
    <row r="270905" spans="8:8">
      <c r="H270905" s="12"/>
    </row>
    <row r="270906" spans="8:8">
      <c r="H270906" s="12"/>
    </row>
    <row r="270907" spans="8:8">
      <c r="H270907" s="12"/>
    </row>
    <row r="270908" spans="8:8">
      <c r="H270908" s="12"/>
    </row>
    <row r="270909" spans="8:8">
      <c r="H270909" s="12"/>
    </row>
    <row r="270910" spans="8:8">
      <c r="H270910" s="12"/>
    </row>
    <row r="270911" spans="8:8">
      <c r="H270911" s="12"/>
    </row>
    <row r="270912" spans="8:8">
      <c r="H270912" s="12"/>
    </row>
    <row r="270913" spans="8:8">
      <c r="H270913" s="12"/>
    </row>
    <row r="270914" spans="8:8">
      <c r="H270914" s="12"/>
    </row>
    <row r="270915" spans="8:8">
      <c r="H270915" s="12"/>
    </row>
    <row r="270916" spans="8:8">
      <c r="H270916" s="12"/>
    </row>
    <row r="270917" spans="8:8">
      <c r="H270917" s="12"/>
    </row>
    <row r="270918" spans="8:8">
      <c r="H270918" s="12"/>
    </row>
    <row r="270919" spans="8:8">
      <c r="H270919" s="12"/>
    </row>
    <row r="270920" spans="8:8">
      <c r="H270920" s="12"/>
    </row>
    <row r="270921" spans="8:8">
      <c r="H270921" s="12"/>
    </row>
    <row r="270922" spans="8:8">
      <c r="H270922" s="12"/>
    </row>
    <row r="270923" spans="8:8">
      <c r="H270923" s="12"/>
    </row>
    <row r="270924" spans="8:8">
      <c r="H270924" s="12"/>
    </row>
    <row r="270925" spans="8:8">
      <c r="H270925" s="12"/>
    </row>
    <row r="270926" spans="8:8">
      <c r="H270926" s="12"/>
    </row>
    <row r="270927" spans="8:8">
      <c r="H270927" s="12"/>
    </row>
    <row r="270928" spans="8:8">
      <c r="H270928" s="12"/>
    </row>
    <row r="270929" spans="8:8">
      <c r="H270929" s="12"/>
    </row>
    <row r="270930" spans="8:8">
      <c r="H270930" s="12"/>
    </row>
    <row r="270931" spans="8:8">
      <c r="H270931" s="12"/>
    </row>
    <row r="270932" spans="8:8">
      <c r="H270932" s="12"/>
    </row>
    <row r="270933" spans="8:8">
      <c r="H270933" s="12"/>
    </row>
    <row r="270934" spans="8:8">
      <c r="H270934" s="12"/>
    </row>
    <row r="270935" spans="8:8">
      <c r="H270935" s="12"/>
    </row>
    <row r="270936" spans="8:8">
      <c r="H270936" s="12"/>
    </row>
    <row r="270937" spans="8:8">
      <c r="H270937" s="12"/>
    </row>
    <row r="270938" spans="8:8">
      <c r="H270938" s="12"/>
    </row>
    <row r="270939" spans="8:8">
      <c r="H270939" s="12"/>
    </row>
    <row r="270940" spans="8:8">
      <c r="H270940" s="12"/>
    </row>
    <row r="270941" spans="8:8">
      <c r="H270941" s="12"/>
    </row>
    <row r="270942" spans="8:8">
      <c r="H270942" s="12"/>
    </row>
    <row r="270943" spans="8:8">
      <c r="H270943" s="12"/>
    </row>
    <row r="270944" spans="8:8">
      <c r="H270944" s="12"/>
    </row>
    <row r="270945" spans="8:8">
      <c r="H270945" s="12"/>
    </row>
    <row r="270946" spans="8:8">
      <c r="H270946" s="12"/>
    </row>
    <row r="270947" spans="8:8">
      <c r="H270947" s="12"/>
    </row>
    <row r="270948" spans="8:8">
      <c r="H270948" s="12"/>
    </row>
    <row r="270949" spans="8:8">
      <c r="H270949" s="12"/>
    </row>
    <row r="270950" spans="8:8">
      <c r="H270950" s="12"/>
    </row>
    <row r="270951" spans="8:8">
      <c r="H270951" s="12"/>
    </row>
    <row r="270952" spans="8:8">
      <c r="H270952" s="12"/>
    </row>
    <row r="270953" spans="8:8">
      <c r="H270953" s="12"/>
    </row>
    <row r="270954" spans="8:8">
      <c r="H270954" s="12"/>
    </row>
    <row r="270955" spans="8:8">
      <c r="H270955" s="12"/>
    </row>
    <row r="270956" spans="8:8">
      <c r="H270956" s="12"/>
    </row>
    <row r="270957" spans="8:8">
      <c r="H270957" s="12"/>
    </row>
    <row r="270958" spans="8:8">
      <c r="H270958" s="12"/>
    </row>
    <row r="270959" spans="8:8">
      <c r="H270959" s="12"/>
    </row>
    <row r="270960" spans="8:8">
      <c r="H270960" s="12"/>
    </row>
    <row r="270961" spans="8:8">
      <c r="H270961" s="12"/>
    </row>
    <row r="270962" spans="8:8">
      <c r="H270962" s="12"/>
    </row>
    <row r="270963" spans="8:8">
      <c r="H270963" s="12"/>
    </row>
    <row r="270964" spans="8:8">
      <c r="H270964" s="12"/>
    </row>
    <row r="270965" spans="8:8">
      <c r="H270965" s="12"/>
    </row>
    <row r="270966" spans="8:8">
      <c r="H270966" s="12"/>
    </row>
    <row r="270967" spans="8:8">
      <c r="H270967" s="12"/>
    </row>
    <row r="270968" spans="8:8">
      <c r="H270968" s="12"/>
    </row>
    <row r="270969" spans="8:8">
      <c r="H270969" s="12"/>
    </row>
    <row r="270970" spans="8:8">
      <c r="H270970" s="12"/>
    </row>
    <row r="270971" spans="8:8">
      <c r="H270971" s="12"/>
    </row>
    <row r="270972" spans="8:8">
      <c r="H270972" s="12"/>
    </row>
    <row r="270973" spans="8:8">
      <c r="H270973" s="12"/>
    </row>
    <row r="270974" spans="8:8">
      <c r="H270974" s="12"/>
    </row>
    <row r="270975" spans="8:8">
      <c r="H270975" s="12"/>
    </row>
    <row r="270976" spans="8:8">
      <c r="H270976" s="12"/>
    </row>
    <row r="270977" spans="8:8">
      <c r="H270977" s="12"/>
    </row>
    <row r="270978" spans="8:8">
      <c r="H270978" s="12"/>
    </row>
    <row r="270979" spans="8:8">
      <c r="H270979" s="12"/>
    </row>
    <row r="270980" spans="8:8">
      <c r="H270980" s="12"/>
    </row>
    <row r="270981" spans="8:8">
      <c r="H270981" s="12"/>
    </row>
    <row r="270982" spans="8:8">
      <c r="H270982" s="12"/>
    </row>
    <row r="270983" spans="8:8">
      <c r="H270983" s="12"/>
    </row>
    <row r="270984" spans="8:8">
      <c r="H270984" s="12"/>
    </row>
    <row r="270985" spans="8:8">
      <c r="H270985" s="12"/>
    </row>
    <row r="270986" spans="8:8">
      <c r="H270986" s="12"/>
    </row>
    <row r="270987" spans="8:8">
      <c r="H270987" s="12"/>
    </row>
    <row r="270988" spans="8:8">
      <c r="H270988" s="12"/>
    </row>
    <row r="270989" spans="8:8">
      <c r="H270989" s="12"/>
    </row>
    <row r="270990" spans="8:8">
      <c r="H270990" s="12"/>
    </row>
    <row r="270991" spans="8:8">
      <c r="H270991" s="12"/>
    </row>
    <row r="270992" spans="8:8">
      <c r="H270992" s="12"/>
    </row>
    <row r="270993" spans="8:8">
      <c r="H270993" s="12"/>
    </row>
    <row r="270994" spans="8:8">
      <c r="H270994" s="12"/>
    </row>
    <row r="270995" spans="8:8">
      <c r="H270995" s="12"/>
    </row>
    <row r="270996" spans="8:8">
      <c r="H270996" s="12"/>
    </row>
    <row r="270997" spans="8:8">
      <c r="H270997" s="12"/>
    </row>
    <row r="270998" spans="8:8">
      <c r="H270998" s="12"/>
    </row>
    <row r="270999" spans="8:8">
      <c r="H270999" s="12"/>
    </row>
    <row r="271000" spans="8:8">
      <c r="H271000" s="12"/>
    </row>
    <row r="271001" spans="8:8">
      <c r="H271001" s="12"/>
    </row>
    <row r="271002" spans="8:8">
      <c r="H271002" s="12"/>
    </row>
    <row r="271003" spans="8:8">
      <c r="H271003" s="12"/>
    </row>
    <row r="271004" spans="8:8">
      <c r="H271004" s="12"/>
    </row>
    <row r="271005" spans="8:8">
      <c r="H271005" s="12"/>
    </row>
    <row r="271006" spans="8:8">
      <c r="H271006" s="12"/>
    </row>
    <row r="271007" spans="8:8">
      <c r="H271007" s="12"/>
    </row>
    <row r="271008" spans="8:8">
      <c r="H271008" s="12"/>
    </row>
    <row r="271009" spans="8:8">
      <c r="H271009" s="12"/>
    </row>
    <row r="271010" spans="8:8">
      <c r="H271010" s="12"/>
    </row>
    <row r="271011" spans="8:8">
      <c r="H271011" s="12"/>
    </row>
    <row r="271012" spans="8:8">
      <c r="H271012" s="12"/>
    </row>
    <row r="271013" spans="8:8">
      <c r="H271013" s="12"/>
    </row>
    <row r="271014" spans="8:8">
      <c r="H271014" s="12"/>
    </row>
    <row r="271015" spans="8:8">
      <c r="H271015" s="12"/>
    </row>
    <row r="271016" spans="8:8">
      <c r="H271016" s="12"/>
    </row>
    <row r="271017" spans="8:8">
      <c r="H271017" s="12"/>
    </row>
    <row r="271018" spans="8:8">
      <c r="H271018" s="12"/>
    </row>
    <row r="271019" spans="8:8">
      <c r="H271019" s="12"/>
    </row>
    <row r="271020" spans="8:8">
      <c r="H271020" s="12"/>
    </row>
    <row r="271021" spans="8:8">
      <c r="H271021" s="12"/>
    </row>
    <row r="271022" spans="8:8">
      <c r="H271022" s="12"/>
    </row>
    <row r="271023" spans="8:8">
      <c r="H271023" s="12"/>
    </row>
    <row r="271024" spans="8:8">
      <c r="H271024" s="12"/>
    </row>
    <row r="271025" spans="8:8">
      <c r="H271025" s="12"/>
    </row>
    <row r="271026" spans="8:8">
      <c r="H271026" s="12"/>
    </row>
    <row r="271027" spans="8:8">
      <c r="H271027" s="12"/>
    </row>
    <row r="271028" spans="8:8">
      <c r="H271028" s="12"/>
    </row>
    <row r="271029" spans="8:8">
      <c r="H271029" s="12"/>
    </row>
    <row r="271030" spans="8:8">
      <c r="H271030" s="12"/>
    </row>
    <row r="271031" spans="8:8">
      <c r="H271031" s="12"/>
    </row>
    <row r="271032" spans="8:8">
      <c r="H271032" s="12"/>
    </row>
    <row r="271033" spans="8:8">
      <c r="H271033" s="12"/>
    </row>
    <row r="271034" spans="8:8">
      <c r="H271034" s="12"/>
    </row>
    <row r="271035" spans="8:8">
      <c r="H271035" s="12"/>
    </row>
    <row r="271036" spans="8:8">
      <c r="H271036" s="12"/>
    </row>
    <row r="271037" spans="8:8">
      <c r="H271037" s="12"/>
    </row>
    <row r="271038" spans="8:8">
      <c r="H271038" s="12"/>
    </row>
    <row r="271039" spans="8:8">
      <c r="H271039" s="12"/>
    </row>
    <row r="271040" spans="8:8">
      <c r="H271040" s="12"/>
    </row>
    <row r="271041" spans="8:8">
      <c r="H271041" s="12"/>
    </row>
    <row r="271042" spans="8:8">
      <c r="H271042" s="12"/>
    </row>
    <row r="271043" spans="8:8">
      <c r="H271043" s="12"/>
    </row>
    <row r="271044" spans="8:8">
      <c r="H271044" s="12"/>
    </row>
    <row r="271045" spans="8:8">
      <c r="H271045" s="12"/>
    </row>
    <row r="271046" spans="8:8">
      <c r="H271046" s="12"/>
    </row>
    <row r="271047" spans="8:8">
      <c r="H271047" s="12"/>
    </row>
    <row r="271048" spans="8:8">
      <c r="H271048" s="12"/>
    </row>
    <row r="271049" spans="8:8">
      <c r="H271049" s="12"/>
    </row>
    <row r="271050" spans="8:8">
      <c r="H271050" s="12"/>
    </row>
    <row r="271051" spans="8:8">
      <c r="H271051" s="12"/>
    </row>
    <row r="271052" spans="8:8">
      <c r="H271052" s="12"/>
    </row>
    <row r="271053" spans="8:8">
      <c r="H271053" s="12"/>
    </row>
    <row r="271054" spans="8:8">
      <c r="H271054" s="12"/>
    </row>
    <row r="271055" spans="8:8">
      <c r="H271055" s="12"/>
    </row>
    <row r="271056" spans="8:8">
      <c r="H271056" s="12"/>
    </row>
    <row r="271057" spans="8:8">
      <c r="H271057" s="12"/>
    </row>
    <row r="271058" spans="8:8">
      <c r="H271058" s="12"/>
    </row>
    <row r="271059" spans="8:8">
      <c r="H271059" s="12"/>
    </row>
    <row r="271060" spans="8:8">
      <c r="H271060" s="12"/>
    </row>
    <row r="271061" spans="8:8">
      <c r="H271061" s="12"/>
    </row>
    <row r="271062" spans="8:8">
      <c r="H271062" s="12"/>
    </row>
    <row r="271063" spans="8:8">
      <c r="H271063" s="12"/>
    </row>
    <row r="271064" spans="8:8">
      <c r="H271064" s="12"/>
    </row>
    <row r="271065" spans="8:8">
      <c r="H271065" s="12"/>
    </row>
    <row r="271066" spans="8:8">
      <c r="H271066" s="12"/>
    </row>
    <row r="271067" spans="8:8">
      <c r="H271067" s="12"/>
    </row>
    <row r="271068" spans="8:8">
      <c r="H271068" s="12"/>
    </row>
    <row r="271069" spans="8:8">
      <c r="H271069" s="12"/>
    </row>
    <row r="271070" spans="8:8">
      <c r="H271070" s="12"/>
    </row>
    <row r="271071" spans="8:8">
      <c r="H271071" s="12"/>
    </row>
    <row r="271072" spans="8:8">
      <c r="H271072" s="12"/>
    </row>
    <row r="271073" spans="8:8">
      <c r="H271073" s="12"/>
    </row>
    <row r="271074" spans="8:8">
      <c r="H271074" s="12"/>
    </row>
    <row r="271075" spans="8:8">
      <c r="H271075" s="12"/>
    </row>
    <row r="271076" spans="8:8">
      <c r="H271076" s="12"/>
    </row>
    <row r="271077" spans="8:8">
      <c r="H271077" s="12"/>
    </row>
    <row r="271078" spans="8:8">
      <c r="H271078" s="12"/>
    </row>
    <row r="271079" spans="8:8">
      <c r="H271079" s="12"/>
    </row>
    <row r="271080" spans="8:8">
      <c r="H271080" s="12"/>
    </row>
    <row r="271081" spans="8:8">
      <c r="H271081" s="12"/>
    </row>
    <row r="271082" spans="8:8">
      <c r="H271082" s="12"/>
    </row>
    <row r="271083" spans="8:8">
      <c r="H271083" s="12"/>
    </row>
    <row r="271084" spans="8:8">
      <c r="H271084" s="12"/>
    </row>
    <row r="271085" spans="8:8">
      <c r="H271085" s="12"/>
    </row>
    <row r="271086" spans="8:8">
      <c r="H271086" s="12"/>
    </row>
    <row r="271087" spans="8:8">
      <c r="H271087" s="12"/>
    </row>
    <row r="271088" spans="8:8">
      <c r="H271088" s="12"/>
    </row>
    <row r="271089" spans="8:8">
      <c r="H271089" s="12"/>
    </row>
    <row r="271090" spans="8:8">
      <c r="H271090" s="12"/>
    </row>
    <row r="271091" spans="8:8">
      <c r="H271091" s="12"/>
    </row>
    <row r="271092" spans="8:8">
      <c r="H271092" s="12"/>
    </row>
    <row r="271093" spans="8:8">
      <c r="H271093" s="12"/>
    </row>
    <row r="271094" spans="8:8">
      <c r="H271094" s="12"/>
    </row>
    <row r="271095" spans="8:8">
      <c r="H271095" s="12"/>
    </row>
    <row r="271096" spans="8:8">
      <c r="H271096" s="12"/>
    </row>
    <row r="271097" spans="8:8">
      <c r="H271097" s="12"/>
    </row>
    <row r="271098" spans="8:8">
      <c r="H271098" s="12"/>
    </row>
    <row r="271099" spans="8:8">
      <c r="H271099" s="12"/>
    </row>
    <row r="271100" spans="8:8">
      <c r="H271100" s="12"/>
    </row>
    <row r="271101" spans="8:8">
      <c r="H271101" s="12"/>
    </row>
    <row r="271102" spans="8:8">
      <c r="H271102" s="12"/>
    </row>
    <row r="271103" spans="8:8">
      <c r="H271103" s="12"/>
    </row>
    <row r="271104" spans="8:8">
      <c r="H271104" s="12"/>
    </row>
    <row r="271105" spans="8:8">
      <c r="H271105" s="12"/>
    </row>
    <row r="271106" spans="8:8">
      <c r="H271106" s="12"/>
    </row>
    <row r="271107" spans="8:8">
      <c r="H271107" s="12"/>
    </row>
    <row r="271108" spans="8:8">
      <c r="H271108" s="12"/>
    </row>
    <row r="271109" spans="8:8">
      <c r="H271109" s="12"/>
    </row>
    <row r="271110" spans="8:8">
      <c r="H271110" s="12"/>
    </row>
    <row r="271111" spans="8:8">
      <c r="H271111" s="12"/>
    </row>
    <row r="271112" spans="8:8">
      <c r="H271112" s="12"/>
    </row>
    <row r="271113" spans="8:8">
      <c r="H271113" s="12"/>
    </row>
    <row r="271114" spans="8:8">
      <c r="H271114" s="12"/>
    </row>
    <row r="271115" spans="8:8">
      <c r="H271115" s="12"/>
    </row>
    <row r="271116" spans="8:8">
      <c r="H271116" s="12"/>
    </row>
    <row r="271117" spans="8:8">
      <c r="H271117" s="12"/>
    </row>
    <row r="271118" spans="8:8">
      <c r="H271118" s="12"/>
    </row>
    <row r="271119" spans="8:8">
      <c r="H271119" s="12"/>
    </row>
    <row r="271120" spans="8:8">
      <c r="H271120" s="12"/>
    </row>
    <row r="271121" spans="8:8">
      <c r="H271121" s="12"/>
    </row>
    <row r="271122" spans="8:8">
      <c r="H271122" s="12"/>
    </row>
    <row r="271123" spans="8:8">
      <c r="H271123" s="12"/>
    </row>
    <row r="271124" spans="8:8">
      <c r="H271124" s="12"/>
    </row>
    <row r="271125" spans="8:8">
      <c r="H271125" s="12"/>
    </row>
    <row r="271126" spans="8:8">
      <c r="H271126" s="12"/>
    </row>
    <row r="271127" spans="8:8">
      <c r="H271127" s="12"/>
    </row>
    <row r="271128" spans="8:8">
      <c r="H271128" s="12"/>
    </row>
    <row r="271129" spans="8:8">
      <c r="H271129" s="12"/>
    </row>
    <row r="271130" spans="8:8">
      <c r="H271130" s="12"/>
    </row>
    <row r="271131" spans="8:8">
      <c r="H271131" s="12"/>
    </row>
    <row r="271132" spans="8:8">
      <c r="H271132" s="12"/>
    </row>
    <row r="271133" spans="8:8">
      <c r="H271133" s="12"/>
    </row>
    <row r="271134" spans="8:8">
      <c r="H271134" s="12"/>
    </row>
    <row r="271135" spans="8:8">
      <c r="H271135" s="12"/>
    </row>
    <row r="271136" spans="8:8">
      <c r="H271136" s="12"/>
    </row>
    <row r="271137" spans="8:8">
      <c r="H271137" s="12"/>
    </row>
    <row r="271138" spans="8:8">
      <c r="H271138" s="12"/>
    </row>
    <row r="271139" spans="8:8">
      <c r="H271139" s="12"/>
    </row>
    <row r="271140" spans="8:8">
      <c r="H271140" s="12"/>
    </row>
    <row r="271141" spans="8:8">
      <c r="H271141" s="12"/>
    </row>
    <row r="271142" spans="8:8">
      <c r="H271142" s="12"/>
    </row>
    <row r="271143" spans="8:8">
      <c r="H271143" s="12"/>
    </row>
    <row r="271144" spans="8:8">
      <c r="H271144" s="12"/>
    </row>
    <row r="271145" spans="8:8">
      <c r="H271145" s="12"/>
    </row>
    <row r="271146" spans="8:8">
      <c r="H271146" s="12"/>
    </row>
    <row r="271147" spans="8:8">
      <c r="H271147" s="12"/>
    </row>
    <row r="271148" spans="8:8">
      <c r="H271148" s="12"/>
    </row>
    <row r="271149" spans="8:8">
      <c r="H271149" s="12"/>
    </row>
    <row r="271150" spans="8:8">
      <c r="H271150" s="12"/>
    </row>
    <row r="271151" spans="8:8">
      <c r="H271151" s="12"/>
    </row>
    <row r="271152" spans="8:8">
      <c r="H271152" s="12"/>
    </row>
    <row r="271153" spans="8:8">
      <c r="H271153" s="12"/>
    </row>
    <row r="271154" spans="8:8">
      <c r="H271154" s="12"/>
    </row>
    <row r="271155" spans="8:8">
      <c r="H271155" s="12"/>
    </row>
    <row r="271156" spans="8:8">
      <c r="H271156" s="12"/>
    </row>
    <row r="271157" spans="8:8">
      <c r="H271157" s="12"/>
    </row>
    <row r="271158" spans="8:8">
      <c r="H271158" s="12"/>
    </row>
    <row r="271159" spans="8:8">
      <c r="H271159" s="12"/>
    </row>
    <row r="271160" spans="8:8">
      <c r="H271160" s="12"/>
    </row>
    <row r="271161" spans="8:8">
      <c r="H271161" s="12"/>
    </row>
    <row r="271162" spans="8:8">
      <c r="H271162" s="12"/>
    </row>
    <row r="271163" spans="8:8">
      <c r="H271163" s="12"/>
    </row>
    <row r="271164" spans="8:8">
      <c r="H271164" s="12"/>
    </row>
    <row r="271165" spans="8:8">
      <c r="H271165" s="12"/>
    </row>
    <row r="271166" spans="8:8">
      <c r="H271166" s="12"/>
    </row>
    <row r="271167" spans="8:8">
      <c r="H271167" s="12"/>
    </row>
    <row r="271168" spans="8:8">
      <c r="H271168" s="12"/>
    </row>
    <row r="271169" spans="8:8">
      <c r="H271169" s="12"/>
    </row>
    <row r="271170" spans="8:8">
      <c r="H271170" s="12"/>
    </row>
    <row r="271171" spans="8:8">
      <c r="H271171" s="12"/>
    </row>
    <row r="271172" spans="8:8">
      <c r="H271172" s="12"/>
    </row>
    <row r="271173" spans="8:8">
      <c r="H271173" s="12"/>
    </row>
    <row r="271174" spans="8:8">
      <c r="H271174" s="12"/>
    </row>
    <row r="271175" spans="8:8">
      <c r="H271175" s="12"/>
    </row>
    <row r="271176" spans="8:8">
      <c r="H271176" s="12"/>
    </row>
    <row r="271177" spans="8:8">
      <c r="H271177" s="12"/>
    </row>
    <row r="271178" spans="8:8">
      <c r="H271178" s="12"/>
    </row>
    <row r="271179" spans="8:8">
      <c r="H271179" s="12"/>
    </row>
    <row r="271180" spans="8:8">
      <c r="H271180" s="12"/>
    </row>
    <row r="271181" spans="8:8">
      <c r="H271181" s="12"/>
    </row>
    <row r="271182" spans="8:8">
      <c r="H271182" s="12"/>
    </row>
    <row r="271183" spans="8:8">
      <c r="H271183" s="12"/>
    </row>
    <row r="271184" spans="8:8">
      <c r="H271184" s="12"/>
    </row>
    <row r="271185" spans="8:8">
      <c r="H271185" s="12"/>
    </row>
    <row r="271186" spans="8:8">
      <c r="H271186" s="12"/>
    </row>
    <row r="271187" spans="8:8">
      <c r="H271187" s="12"/>
    </row>
    <row r="271188" spans="8:8">
      <c r="H271188" s="12"/>
    </row>
    <row r="271189" spans="8:8">
      <c r="H271189" s="12"/>
    </row>
    <row r="271190" spans="8:8">
      <c r="H271190" s="12"/>
    </row>
    <row r="271191" spans="8:8">
      <c r="H271191" s="12"/>
    </row>
    <row r="271192" spans="8:8">
      <c r="H271192" s="12"/>
    </row>
    <row r="271193" spans="8:8">
      <c r="H271193" s="12"/>
    </row>
    <row r="271194" spans="8:8">
      <c r="H271194" s="12"/>
    </row>
    <row r="271195" spans="8:8">
      <c r="H271195" s="12"/>
    </row>
    <row r="271196" spans="8:8">
      <c r="H271196" s="12"/>
    </row>
    <row r="271197" spans="8:8">
      <c r="H271197" s="12"/>
    </row>
    <row r="271198" spans="8:8">
      <c r="H271198" s="12"/>
    </row>
    <row r="271199" spans="8:8">
      <c r="H271199" s="12"/>
    </row>
    <row r="271200" spans="8:8">
      <c r="H271200" s="12"/>
    </row>
    <row r="271201" spans="8:8">
      <c r="H271201" s="12"/>
    </row>
    <row r="271202" spans="8:8">
      <c r="H271202" s="12"/>
    </row>
    <row r="271203" spans="8:8">
      <c r="H271203" s="12"/>
    </row>
    <row r="271204" spans="8:8">
      <c r="H271204" s="12"/>
    </row>
    <row r="271205" spans="8:8">
      <c r="H271205" s="12"/>
    </row>
    <row r="271206" spans="8:8">
      <c r="H271206" s="12"/>
    </row>
    <row r="271207" spans="8:8">
      <c r="H271207" s="12"/>
    </row>
    <row r="271208" spans="8:8">
      <c r="H271208" s="12"/>
    </row>
    <row r="271209" spans="8:8">
      <c r="H271209" s="12"/>
    </row>
    <row r="271210" spans="8:8">
      <c r="H271210" s="12"/>
    </row>
    <row r="271211" spans="8:8">
      <c r="H271211" s="12"/>
    </row>
    <row r="271212" spans="8:8">
      <c r="H271212" s="12"/>
    </row>
    <row r="271213" spans="8:8">
      <c r="H271213" s="12"/>
    </row>
    <row r="271214" spans="8:8">
      <c r="H271214" s="12"/>
    </row>
    <row r="271215" spans="8:8">
      <c r="H271215" s="12"/>
    </row>
    <row r="271216" spans="8:8">
      <c r="H271216" s="12"/>
    </row>
    <row r="271217" spans="8:8">
      <c r="H271217" s="12"/>
    </row>
    <row r="271218" spans="8:8">
      <c r="H271218" s="12"/>
    </row>
    <row r="271219" spans="8:8">
      <c r="H271219" s="12"/>
    </row>
    <row r="271220" spans="8:8">
      <c r="H271220" s="12"/>
    </row>
    <row r="271221" spans="8:8">
      <c r="H271221" s="12"/>
    </row>
    <row r="271222" spans="8:8">
      <c r="H271222" s="12"/>
    </row>
    <row r="271223" spans="8:8">
      <c r="H271223" s="12"/>
    </row>
    <row r="271224" spans="8:8">
      <c r="H271224" s="12"/>
    </row>
    <row r="271225" spans="8:8">
      <c r="H271225" s="12"/>
    </row>
    <row r="271226" spans="8:8">
      <c r="H271226" s="12"/>
    </row>
    <row r="271227" spans="8:8">
      <c r="H271227" s="12"/>
    </row>
    <row r="271228" spans="8:8">
      <c r="H271228" s="12"/>
    </row>
    <row r="271229" spans="8:8">
      <c r="H271229" s="12"/>
    </row>
    <row r="271230" spans="8:8">
      <c r="H271230" s="12"/>
    </row>
    <row r="271231" spans="8:8">
      <c r="H271231" s="12"/>
    </row>
    <row r="271232" spans="8:8">
      <c r="H271232" s="12"/>
    </row>
    <row r="271233" spans="8:8">
      <c r="H271233" s="12"/>
    </row>
    <row r="271234" spans="8:8">
      <c r="H271234" s="12"/>
    </row>
    <row r="271235" spans="8:8">
      <c r="H271235" s="12"/>
    </row>
    <row r="271236" spans="8:8">
      <c r="H271236" s="12"/>
    </row>
    <row r="271237" spans="8:8">
      <c r="H271237" s="12"/>
    </row>
    <row r="271238" spans="8:8">
      <c r="H271238" s="12"/>
    </row>
    <row r="271239" spans="8:8">
      <c r="H271239" s="12"/>
    </row>
    <row r="271240" spans="8:8">
      <c r="H271240" s="12"/>
    </row>
    <row r="271241" spans="8:8">
      <c r="H271241" s="12"/>
    </row>
    <row r="271242" spans="8:8">
      <c r="H271242" s="12"/>
    </row>
    <row r="271243" spans="8:8">
      <c r="H271243" s="12"/>
    </row>
    <row r="271244" spans="8:8">
      <c r="H271244" s="12"/>
    </row>
    <row r="271245" spans="8:8">
      <c r="H271245" s="12"/>
    </row>
    <row r="271246" spans="8:8">
      <c r="H271246" s="12"/>
    </row>
    <row r="271247" spans="8:8">
      <c r="H271247" s="12"/>
    </row>
    <row r="271248" spans="8:8">
      <c r="H271248" s="12"/>
    </row>
    <row r="271249" spans="8:8">
      <c r="H271249" s="12"/>
    </row>
    <row r="271250" spans="8:8">
      <c r="H271250" s="12"/>
    </row>
    <row r="271251" spans="8:8">
      <c r="H271251" s="12"/>
    </row>
    <row r="271252" spans="8:8">
      <c r="H271252" s="12"/>
    </row>
    <row r="271253" spans="8:8">
      <c r="H271253" s="12"/>
    </row>
    <row r="271254" spans="8:8">
      <c r="H271254" s="12"/>
    </row>
    <row r="271255" spans="8:8">
      <c r="H271255" s="12"/>
    </row>
    <row r="271256" spans="8:8">
      <c r="H271256" s="12"/>
    </row>
    <row r="271257" spans="8:8">
      <c r="H271257" s="12"/>
    </row>
    <row r="271258" spans="8:8">
      <c r="H271258" s="12"/>
    </row>
    <row r="271259" spans="8:8">
      <c r="H271259" s="12"/>
    </row>
    <row r="271260" spans="8:8">
      <c r="H271260" s="12"/>
    </row>
    <row r="271261" spans="8:8">
      <c r="H271261" s="12"/>
    </row>
    <row r="271262" spans="8:8">
      <c r="H271262" s="12"/>
    </row>
    <row r="271263" spans="8:8">
      <c r="H271263" s="12"/>
    </row>
    <row r="271264" spans="8:8">
      <c r="H271264" s="12"/>
    </row>
    <row r="271265" spans="8:8">
      <c r="H271265" s="12"/>
    </row>
    <row r="271266" spans="8:8">
      <c r="H271266" s="12"/>
    </row>
    <row r="271267" spans="8:8">
      <c r="H271267" s="12"/>
    </row>
    <row r="271268" spans="8:8">
      <c r="H271268" s="12"/>
    </row>
    <row r="271269" spans="8:8">
      <c r="H271269" s="12"/>
    </row>
    <row r="271270" spans="8:8">
      <c r="H271270" s="12"/>
    </row>
    <row r="271271" spans="8:8">
      <c r="H271271" s="12"/>
    </row>
    <row r="271272" spans="8:8">
      <c r="H271272" s="12"/>
    </row>
    <row r="271273" spans="8:8">
      <c r="H271273" s="12"/>
    </row>
    <row r="271274" spans="8:8">
      <c r="H271274" s="12"/>
    </row>
    <row r="271275" spans="8:8">
      <c r="H271275" s="12"/>
    </row>
    <row r="271276" spans="8:8">
      <c r="H271276" s="12"/>
    </row>
    <row r="271277" spans="8:8">
      <c r="H271277" s="12"/>
    </row>
    <row r="271278" spans="8:8">
      <c r="H271278" s="12"/>
    </row>
    <row r="271279" spans="8:8">
      <c r="H271279" s="12"/>
    </row>
    <row r="271280" spans="8:8">
      <c r="H271280" s="12"/>
    </row>
    <row r="271281" spans="8:8">
      <c r="H271281" s="12"/>
    </row>
    <row r="271282" spans="8:8">
      <c r="H271282" s="12"/>
    </row>
    <row r="271283" spans="8:8">
      <c r="H271283" s="12"/>
    </row>
    <row r="271284" spans="8:8">
      <c r="H271284" s="12"/>
    </row>
    <row r="271285" spans="8:8">
      <c r="H271285" s="12"/>
    </row>
    <row r="271286" spans="8:8">
      <c r="H271286" s="12"/>
    </row>
    <row r="271287" spans="8:8">
      <c r="H271287" s="12"/>
    </row>
    <row r="271288" spans="8:8">
      <c r="H271288" s="12"/>
    </row>
    <row r="271289" spans="8:8">
      <c r="H271289" s="12"/>
    </row>
    <row r="271290" spans="8:8">
      <c r="H271290" s="12"/>
    </row>
    <row r="271291" spans="8:8">
      <c r="H271291" s="12"/>
    </row>
    <row r="271292" spans="8:8">
      <c r="H271292" s="12"/>
    </row>
    <row r="271293" spans="8:8">
      <c r="H271293" s="12"/>
    </row>
    <row r="271294" spans="8:8">
      <c r="H271294" s="12"/>
    </row>
    <row r="271295" spans="8:8">
      <c r="H271295" s="12"/>
    </row>
    <row r="271296" spans="8:8">
      <c r="H271296" s="12"/>
    </row>
    <row r="271297" spans="8:8">
      <c r="H271297" s="12"/>
    </row>
    <row r="271298" spans="8:8">
      <c r="H271298" s="12"/>
    </row>
    <row r="271299" spans="8:8">
      <c r="H271299" s="12"/>
    </row>
    <row r="271300" spans="8:8">
      <c r="H271300" s="12"/>
    </row>
    <row r="271301" spans="8:8">
      <c r="H271301" s="12"/>
    </row>
    <row r="271302" spans="8:8">
      <c r="H271302" s="12"/>
    </row>
    <row r="271303" spans="8:8">
      <c r="H271303" s="12"/>
    </row>
    <row r="271304" spans="8:8">
      <c r="H271304" s="12"/>
    </row>
    <row r="271305" spans="8:8">
      <c r="H271305" s="12"/>
    </row>
    <row r="271306" spans="8:8">
      <c r="H271306" s="12"/>
    </row>
    <row r="271307" spans="8:8">
      <c r="H271307" s="12"/>
    </row>
    <row r="271308" spans="8:8">
      <c r="H271308" s="12"/>
    </row>
    <row r="271309" spans="8:8">
      <c r="H271309" s="12"/>
    </row>
    <row r="271310" spans="8:8">
      <c r="H271310" s="12"/>
    </row>
    <row r="271311" spans="8:8">
      <c r="H271311" s="12"/>
    </row>
    <row r="271312" spans="8:8">
      <c r="H271312" s="12"/>
    </row>
    <row r="271313" spans="8:8">
      <c r="H271313" s="12"/>
    </row>
    <row r="271314" spans="8:8">
      <c r="H271314" s="12"/>
    </row>
    <row r="271315" spans="8:8">
      <c r="H271315" s="12"/>
    </row>
    <row r="271316" spans="8:8">
      <c r="H271316" s="12"/>
    </row>
    <row r="271317" spans="8:8">
      <c r="H271317" s="12"/>
    </row>
    <row r="271318" spans="8:8">
      <c r="H271318" s="12"/>
    </row>
    <row r="271319" spans="8:8">
      <c r="H271319" s="12"/>
    </row>
    <row r="271320" spans="8:8">
      <c r="H271320" s="12"/>
    </row>
    <row r="271321" spans="8:8">
      <c r="H271321" s="12"/>
    </row>
    <row r="271322" spans="8:8">
      <c r="H271322" s="12"/>
    </row>
    <row r="271323" spans="8:8">
      <c r="H271323" s="12"/>
    </row>
    <row r="271324" spans="8:8">
      <c r="H271324" s="12"/>
    </row>
    <row r="271325" spans="8:8">
      <c r="H271325" s="12"/>
    </row>
    <row r="271326" spans="8:8">
      <c r="H271326" s="12"/>
    </row>
    <row r="271327" spans="8:8">
      <c r="H271327" s="12"/>
    </row>
    <row r="271328" spans="8:8">
      <c r="H271328" s="12"/>
    </row>
    <row r="271329" spans="8:8">
      <c r="H271329" s="12"/>
    </row>
    <row r="271330" spans="8:8">
      <c r="H271330" s="12"/>
    </row>
    <row r="271331" spans="8:8">
      <c r="H271331" s="12"/>
    </row>
    <row r="271332" spans="8:8">
      <c r="H271332" s="12"/>
    </row>
    <row r="271333" spans="8:8">
      <c r="H271333" s="12"/>
    </row>
    <row r="271334" spans="8:8">
      <c r="H271334" s="12"/>
    </row>
    <row r="271335" spans="8:8">
      <c r="H271335" s="12"/>
    </row>
    <row r="271336" spans="8:8">
      <c r="H271336" s="12"/>
    </row>
    <row r="271337" spans="8:8">
      <c r="H271337" s="12"/>
    </row>
    <row r="271338" spans="8:8">
      <c r="H271338" s="12"/>
    </row>
    <row r="271339" spans="8:8">
      <c r="H271339" s="12"/>
    </row>
    <row r="271340" spans="8:8">
      <c r="H271340" s="12"/>
    </row>
    <row r="271341" spans="8:8">
      <c r="H271341" s="12"/>
    </row>
    <row r="271342" spans="8:8">
      <c r="H271342" s="12"/>
    </row>
    <row r="271343" spans="8:8">
      <c r="H271343" s="12"/>
    </row>
    <row r="271344" spans="8:8">
      <c r="H271344" s="12"/>
    </row>
    <row r="271345" spans="8:8">
      <c r="H271345" s="12"/>
    </row>
    <row r="271346" spans="8:8">
      <c r="H271346" s="12"/>
    </row>
    <row r="271347" spans="8:8">
      <c r="H271347" s="12"/>
    </row>
    <row r="271348" spans="8:8">
      <c r="H271348" s="12"/>
    </row>
    <row r="271349" spans="8:8">
      <c r="H271349" s="12"/>
    </row>
    <row r="271350" spans="8:8">
      <c r="H271350" s="12"/>
    </row>
    <row r="271351" spans="8:8">
      <c r="H271351" s="12"/>
    </row>
    <row r="271352" spans="8:8">
      <c r="H271352" s="12"/>
    </row>
    <row r="271353" spans="8:8">
      <c r="H271353" s="12"/>
    </row>
    <row r="271354" spans="8:8">
      <c r="H271354" s="12"/>
    </row>
    <row r="271355" spans="8:8">
      <c r="H271355" s="12"/>
    </row>
    <row r="271356" spans="8:8">
      <c r="H271356" s="12"/>
    </row>
    <row r="271357" spans="8:8">
      <c r="H271357" s="12"/>
    </row>
    <row r="271358" spans="8:8">
      <c r="H271358" s="12"/>
    </row>
    <row r="271359" spans="8:8">
      <c r="H271359" s="12"/>
    </row>
    <row r="271360" spans="8:8">
      <c r="H271360" s="12"/>
    </row>
    <row r="271361" spans="8:8">
      <c r="H271361" s="12"/>
    </row>
    <row r="271362" spans="8:8">
      <c r="H271362" s="12"/>
    </row>
    <row r="271363" spans="8:8">
      <c r="H271363" s="12"/>
    </row>
    <row r="271364" spans="8:8">
      <c r="H271364" s="12"/>
    </row>
    <row r="271365" spans="8:8">
      <c r="H271365" s="12"/>
    </row>
    <row r="271366" spans="8:8">
      <c r="H271366" s="12"/>
    </row>
    <row r="271367" spans="8:8">
      <c r="H271367" s="12"/>
    </row>
    <row r="271368" spans="8:8">
      <c r="H271368" s="12"/>
    </row>
    <row r="271369" spans="8:8">
      <c r="H271369" s="12"/>
    </row>
    <row r="271370" spans="8:8">
      <c r="H271370" s="12"/>
    </row>
    <row r="271371" spans="8:8">
      <c r="H271371" s="12"/>
    </row>
    <row r="271372" spans="8:8">
      <c r="H271372" s="12"/>
    </row>
    <row r="271373" spans="8:8">
      <c r="H271373" s="12"/>
    </row>
    <row r="271374" spans="8:8">
      <c r="H271374" s="12"/>
    </row>
    <row r="271375" spans="8:8">
      <c r="H271375" s="12"/>
    </row>
    <row r="271376" spans="8:8">
      <c r="H271376" s="12"/>
    </row>
    <row r="271377" spans="8:8">
      <c r="H271377" s="12"/>
    </row>
    <row r="271378" spans="8:8">
      <c r="H271378" s="12"/>
    </row>
    <row r="271379" spans="8:8">
      <c r="H271379" s="12"/>
    </row>
    <row r="271380" spans="8:8">
      <c r="H271380" s="12"/>
    </row>
    <row r="271381" spans="8:8">
      <c r="H271381" s="12"/>
    </row>
    <row r="271382" spans="8:8">
      <c r="H271382" s="12"/>
    </row>
    <row r="271383" spans="8:8">
      <c r="H271383" s="12"/>
    </row>
    <row r="271384" spans="8:8">
      <c r="H271384" s="12"/>
    </row>
    <row r="271385" spans="8:8">
      <c r="H271385" s="12"/>
    </row>
    <row r="271386" spans="8:8">
      <c r="H271386" s="12"/>
    </row>
    <row r="271387" spans="8:8">
      <c r="H271387" s="12"/>
    </row>
    <row r="271388" spans="8:8">
      <c r="H271388" s="12"/>
    </row>
    <row r="271389" spans="8:8">
      <c r="H271389" s="12"/>
    </row>
    <row r="271390" spans="8:8">
      <c r="H271390" s="12"/>
    </row>
    <row r="271391" spans="8:8">
      <c r="H271391" s="12"/>
    </row>
    <row r="271392" spans="8:8">
      <c r="H271392" s="12"/>
    </row>
    <row r="271393" spans="8:8">
      <c r="H271393" s="12"/>
    </row>
    <row r="271394" spans="8:8">
      <c r="H271394" s="12"/>
    </row>
    <row r="271395" spans="8:8">
      <c r="H271395" s="12"/>
    </row>
    <row r="271396" spans="8:8">
      <c r="H271396" s="12"/>
    </row>
    <row r="271397" spans="8:8">
      <c r="H271397" s="12"/>
    </row>
    <row r="271398" spans="8:8">
      <c r="H271398" s="12"/>
    </row>
    <row r="271399" spans="8:8">
      <c r="H271399" s="12"/>
    </row>
    <row r="271400" spans="8:8">
      <c r="H271400" s="12"/>
    </row>
    <row r="271401" spans="8:8">
      <c r="H271401" s="12"/>
    </row>
    <row r="271402" spans="8:8">
      <c r="H271402" s="12"/>
    </row>
    <row r="271403" spans="8:8">
      <c r="H271403" s="12"/>
    </row>
    <row r="271404" spans="8:8">
      <c r="H271404" s="12"/>
    </row>
    <row r="271405" spans="8:8">
      <c r="H271405" s="12"/>
    </row>
    <row r="271406" spans="8:8">
      <c r="H271406" s="12"/>
    </row>
    <row r="271407" spans="8:8">
      <c r="H271407" s="12"/>
    </row>
    <row r="271408" spans="8:8">
      <c r="H271408" s="12"/>
    </row>
    <row r="271409" spans="8:8">
      <c r="H271409" s="12"/>
    </row>
    <row r="271410" spans="8:8">
      <c r="H271410" s="12"/>
    </row>
    <row r="271411" spans="8:8">
      <c r="H271411" s="12"/>
    </row>
    <row r="271412" spans="8:8">
      <c r="H271412" s="12"/>
    </row>
    <row r="271413" spans="8:8">
      <c r="H271413" s="12"/>
    </row>
    <row r="271414" spans="8:8">
      <c r="H271414" s="12"/>
    </row>
    <row r="271415" spans="8:8">
      <c r="H271415" s="12"/>
    </row>
    <row r="271416" spans="8:8">
      <c r="H271416" s="12"/>
    </row>
    <row r="271417" spans="8:8">
      <c r="H271417" s="12"/>
    </row>
    <row r="271418" spans="8:8">
      <c r="H271418" s="12"/>
    </row>
    <row r="271419" spans="8:8">
      <c r="H271419" s="12"/>
    </row>
    <row r="271420" spans="8:8">
      <c r="H271420" s="12"/>
    </row>
    <row r="271421" spans="8:8">
      <c r="H271421" s="12"/>
    </row>
    <row r="271422" spans="8:8">
      <c r="H271422" s="12"/>
    </row>
    <row r="271423" spans="8:8">
      <c r="H271423" s="12"/>
    </row>
    <row r="271424" spans="8:8">
      <c r="H271424" s="12"/>
    </row>
    <row r="271425" spans="8:8">
      <c r="H271425" s="12"/>
    </row>
    <row r="271426" spans="8:8">
      <c r="H271426" s="12"/>
    </row>
    <row r="271427" spans="8:8">
      <c r="H271427" s="12"/>
    </row>
    <row r="271428" spans="8:8">
      <c r="H271428" s="12"/>
    </row>
    <row r="271429" spans="8:8">
      <c r="H271429" s="12"/>
    </row>
    <row r="271430" spans="8:8">
      <c r="H271430" s="12"/>
    </row>
    <row r="271431" spans="8:8">
      <c r="H271431" s="12"/>
    </row>
    <row r="271432" spans="8:8">
      <c r="H271432" s="12"/>
    </row>
    <row r="271433" spans="8:8">
      <c r="H271433" s="12"/>
    </row>
    <row r="271434" spans="8:8">
      <c r="H271434" s="12"/>
    </row>
    <row r="271435" spans="8:8">
      <c r="H271435" s="12"/>
    </row>
    <row r="271436" spans="8:8">
      <c r="H271436" s="12"/>
    </row>
    <row r="271437" spans="8:8">
      <c r="H271437" s="12"/>
    </row>
    <row r="271438" spans="8:8">
      <c r="H271438" s="12"/>
    </row>
    <row r="271439" spans="8:8">
      <c r="H271439" s="12"/>
    </row>
    <row r="271440" spans="8:8">
      <c r="H271440" s="12"/>
    </row>
    <row r="271441" spans="8:8">
      <c r="H271441" s="12"/>
    </row>
    <row r="271442" spans="8:8">
      <c r="H271442" s="12"/>
    </row>
    <row r="271443" spans="8:8">
      <c r="H271443" s="12"/>
    </row>
    <row r="271444" spans="8:8">
      <c r="H271444" s="12"/>
    </row>
    <row r="271445" spans="8:8">
      <c r="H271445" s="12"/>
    </row>
    <row r="271446" spans="8:8">
      <c r="H271446" s="12"/>
    </row>
    <row r="271447" spans="8:8">
      <c r="H271447" s="12"/>
    </row>
    <row r="271448" spans="8:8">
      <c r="H271448" s="12"/>
    </row>
    <row r="271449" spans="8:8">
      <c r="H271449" s="12"/>
    </row>
    <row r="271450" spans="8:8">
      <c r="H271450" s="12"/>
    </row>
    <row r="271451" spans="8:8">
      <c r="H271451" s="12"/>
    </row>
    <row r="271452" spans="8:8">
      <c r="H271452" s="12"/>
    </row>
    <row r="271453" spans="8:8">
      <c r="H271453" s="12"/>
    </row>
    <row r="271454" spans="8:8">
      <c r="H271454" s="12"/>
    </row>
    <row r="271455" spans="8:8">
      <c r="H271455" s="12"/>
    </row>
    <row r="271456" spans="8:8">
      <c r="H271456" s="12"/>
    </row>
    <row r="271457" spans="8:8">
      <c r="H271457" s="12"/>
    </row>
    <row r="271458" spans="8:8">
      <c r="H271458" s="12"/>
    </row>
    <row r="271459" spans="8:8">
      <c r="H271459" s="12"/>
    </row>
    <row r="271460" spans="8:8">
      <c r="H271460" s="12"/>
    </row>
    <row r="271461" spans="8:8">
      <c r="H271461" s="12"/>
    </row>
    <row r="271462" spans="8:8">
      <c r="H271462" s="12"/>
    </row>
    <row r="271463" spans="8:8">
      <c r="H271463" s="12"/>
    </row>
    <row r="271464" spans="8:8">
      <c r="H271464" s="12"/>
    </row>
    <row r="271465" spans="8:8">
      <c r="H271465" s="12"/>
    </row>
    <row r="271466" spans="8:8">
      <c r="H271466" s="12"/>
    </row>
    <row r="271467" spans="8:8">
      <c r="H271467" s="12"/>
    </row>
    <row r="271468" spans="8:8">
      <c r="H271468" s="12"/>
    </row>
    <row r="271469" spans="8:8">
      <c r="H271469" s="12"/>
    </row>
    <row r="271470" spans="8:8">
      <c r="H271470" s="12"/>
    </row>
    <row r="271471" spans="8:8">
      <c r="H271471" s="12"/>
    </row>
    <row r="271472" spans="8:8">
      <c r="H271472" s="12"/>
    </row>
    <row r="271473" spans="8:8">
      <c r="H271473" s="12"/>
    </row>
    <row r="271474" spans="8:8">
      <c r="H271474" s="12"/>
    </row>
    <row r="271475" spans="8:8">
      <c r="H271475" s="12"/>
    </row>
    <row r="271476" spans="8:8">
      <c r="H271476" s="12"/>
    </row>
    <row r="271477" spans="8:8">
      <c r="H271477" s="12"/>
    </row>
    <row r="271478" spans="8:8">
      <c r="H271478" s="12"/>
    </row>
    <row r="271479" spans="8:8">
      <c r="H271479" s="12"/>
    </row>
    <row r="271480" spans="8:8">
      <c r="H271480" s="12"/>
    </row>
    <row r="271481" spans="8:8">
      <c r="H271481" s="12"/>
    </row>
    <row r="271482" spans="8:8">
      <c r="H271482" s="12"/>
    </row>
    <row r="271483" spans="8:8">
      <c r="H271483" s="12"/>
    </row>
    <row r="271484" spans="8:8">
      <c r="H271484" s="12"/>
    </row>
    <row r="271485" spans="8:8">
      <c r="H271485" s="12"/>
    </row>
    <row r="271486" spans="8:8">
      <c r="H271486" s="12"/>
    </row>
    <row r="271487" spans="8:8">
      <c r="H271487" s="12"/>
    </row>
    <row r="271488" spans="8:8">
      <c r="H271488" s="12"/>
    </row>
    <row r="271489" spans="8:8">
      <c r="H271489" s="12"/>
    </row>
    <row r="271490" spans="8:8">
      <c r="H271490" s="12"/>
    </row>
    <row r="271491" spans="8:8">
      <c r="H271491" s="12"/>
    </row>
    <row r="271492" spans="8:8">
      <c r="H271492" s="12"/>
    </row>
    <row r="271493" spans="8:8">
      <c r="H271493" s="12"/>
    </row>
    <row r="271494" spans="8:8">
      <c r="H271494" s="12"/>
    </row>
    <row r="271495" spans="8:8">
      <c r="H271495" s="12"/>
    </row>
    <row r="271496" spans="8:8">
      <c r="H271496" s="12"/>
    </row>
    <row r="271497" spans="8:8">
      <c r="H271497" s="12"/>
    </row>
    <row r="271498" spans="8:8">
      <c r="H271498" s="12"/>
    </row>
    <row r="271499" spans="8:8">
      <c r="H271499" s="12"/>
    </row>
    <row r="271500" spans="8:8">
      <c r="H271500" s="12"/>
    </row>
    <row r="271501" spans="8:8">
      <c r="H271501" s="12"/>
    </row>
    <row r="271502" spans="8:8">
      <c r="H271502" s="12"/>
    </row>
    <row r="271503" spans="8:8">
      <c r="H271503" s="12"/>
    </row>
    <row r="271504" spans="8:8">
      <c r="H271504" s="12"/>
    </row>
    <row r="271505" spans="8:8">
      <c r="H271505" s="12"/>
    </row>
    <row r="271506" spans="8:8">
      <c r="H271506" s="12"/>
    </row>
    <row r="271507" spans="8:8">
      <c r="H271507" s="12"/>
    </row>
    <row r="271508" spans="8:8">
      <c r="H271508" s="12"/>
    </row>
    <row r="271509" spans="8:8">
      <c r="H271509" s="12"/>
    </row>
    <row r="271510" spans="8:8">
      <c r="H271510" s="12"/>
    </row>
    <row r="271511" spans="8:8">
      <c r="H271511" s="12"/>
    </row>
    <row r="271512" spans="8:8">
      <c r="H271512" s="12"/>
    </row>
    <row r="271513" spans="8:8">
      <c r="H271513" s="12"/>
    </row>
    <row r="271514" spans="8:8">
      <c r="H271514" s="12"/>
    </row>
    <row r="271515" spans="8:8">
      <c r="H271515" s="12"/>
    </row>
    <row r="271516" spans="8:8">
      <c r="H271516" s="12"/>
    </row>
    <row r="271517" spans="8:8">
      <c r="H271517" s="12"/>
    </row>
    <row r="271518" spans="8:8">
      <c r="H271518" s="12"/>
    </row>
    <row r="271519" spans="8:8">
      <c r="H271519" s="12"/>
    </row>
    <row r="271520" spans="8:8">
      <c r="H271520" s="12"/>
    </row>
    <row r="271521" spans="8:8">
      <c r="H271521" s="12"/>
    </row>
    <row r="271522" spans="8:8">
      <c r="H271522" s="12"/>
    </row>
    <row r="271523" spans="8:8">
      <c r="H271523" s="12"/>
    </row>
    <row r="271524" spans="8:8">
      <c r="H271524" s="12"/>
    </row>
    <row r="271525" spans="8:8">
      <c r="H271525" s="12"/>
    </row>
    <row r="271526" spans="8:8">
      <c r="H271526" s="12"/>
    </row>
    <row r="271527" spans="8:8">
      <c r="H271527" s="12"/>
    </row>
    <row r="271528" spans="8:8">
      <c r="H271528" s="12"/>
    </row>
    <row r="271529" spans="8:8">
      <c r="H271529" s="12"/>
    </row>
    <row r="271530" spans="8:8">
      <c r="H271530" s="12"/>
    </row>
    <row r="271531" spans="8:8">
      <c r="H271531" s="12"/>
    </row>
    <row r="271532" spans="8:8">
      <c r="H271532" s="12"/>
    </row>
    <row r="271533" spans="8:8">
      <c r="H271533" s="12"/>
    </row>
    <row r="271534" spans="8:8">
      <c r="H271534" s="12"/>
    </row>
    <row r="271535" spans="8:8">
      <c r="H271535" s="12"/>
    </row>
    <row r="271536" spans="8:8">
      <c r="H271536" s="12"/>
    </row>
    <row r="271537" spans="8:8">
      <c r="H271537" s="12"/>
    </row>
    <row r="271538" spans="8:8">
      <c r="H271538" s="12"/>
    </row>
    <row r="271539" spans="8:8">
      <c r="H271539" s="12"/>
    </row>
    <row r="271540" spans="8:8">
      <c r="H271540" s="12"/>
    </row>
    <row r="271541" spans="8:8">
      <c r="H271541" s="12"/>
    </row>
    <row r="271542" spans="8:8">
      <c r="H271542" s="12"/>
    </row>
    <row r="271543" spans="8:8">
      <c r="H271543" s="12"/>
    </row>
    <row r="271544" spans="8:8">
      <c r="H271544" s="12"/>
    </row>
    <row r="271545" spans="8:8">
      <c r="H271545" s="12"/>
    </row>
    <row r="271546" spans="8:8">
      <c r="H271546" s="12"/>
    </row>
    <row r="271547" spans="8:8">
      <c r="H271547" s="12"/>
    </row>
    <row r="271548" spans="8:8">
      <c r="H271548" s="12"/>
    </row>
    <row r="271549" spans="8:8">
      <c r="H271549" s="12"/>
    </row>
    <row r="271550" spans="8:8">
      <c r="H271550" s="12"/>
    </row>
    <row r="271551" spans="8:8">
      <c r="H271551" s="12"/>
    </row>
    <row r="271552" spans="8:8">
      <c r="H271552" s="12"/>
    </row>
    <row r="271553" spans="8:8">
      <c r="H271553" s="12"/>
    </row>
    <row r="271554" spans="8:8">
      <c r="H271554" s="12"/>
    </row>
    <row r="271555" spans="8:8">
      <c r="H271555" s="12"/>
    </row>
    <row r="271556" spans="8:8">
      <c r="H271556" s="12"/>
    </row>
    <row r="271557" spans="8:8">
      <c r="H271557" s="12"/>
    </row>
    <row r="271558" spans="8:8">
      <c r="H271558" s="12"/>
    </row>
    <row r="271559" spans="8:8">
      <c r="H271559" s="12"/>
    </row>
    <row r="271560" spans="8:8">
      <c r="H271560" s="12"/>
    </row>
    <row r="271561" spans="8:8">
      <c r="H271561" s="12"/>
    </row>
    <row r="271562" spans="8:8">
      <c r="H271562" s="12"/>
    </row>
    <row r="271563" spans="8:8">
      <c r="H271563" s="12"/>
    </row>
    <row r="271564" spans="8:8">
      <c r="H271564" s="12"/>
    </row>
    <row r="271565" spans="8:8">
      <c r="H271565" s="12"/>
    </row>
    <row r="271566" spans="8:8">
      <c r="H271566" s="12"/>
    </row>
    <row r="271567" spans="8:8">
      <c r="H271567" s="12"/>
    </row>
    <row r="271568" spans="8:8">
      <c r="H271568" s="12"/>
    </row>
    <row r="271569" spans="8:8">
      <c r="H271569" s="12"/>
    </row>
    <row r="271570" spans="8:8">
      <c r="H271570" s="12"/>
    </row>
    <row r="271571" spans="8:8">
      <c r="H271571" s="12"/>
    </row>
    <row r="271572" spans="8:8">
      <c r="H271572" s="12"/>
    </row>
    <row r="271573" spans="8:8">
      <c r="H271573" s="12"/>
    </row>
    <row r="271574" spans="8:8">
      <c r="H271574" s="12"/>
    </row>
    <row r="271575" spans="8:8">
      <c r="H271575" s="12"/>
    </row>
    <row r="271576" spans="8:8">
      <c r="H271576" s="12"/>
    </row>
    <row r="271577" spans="8:8">
      <c r="H271577" s="12"/>
    </row>
    <row r="271578" spans="8:8">
      <c r="H271578" s="12"/>
    </row>
    <row r="271579" spans="8:8">
      <c r="H271579" s="12"/>
    </row>
    <row r="271580" spans="8:8">
      <c r="H271580" s="12"/>
    </row>
    <row r="271581" spans="8:8">
      <c r="H271581" s="12"/>
    </row>
    <row r="271582" spans="8:8">
      <c r="H271582" s="12"/>
    </row>
    <row r="271583" spans="8:8">
      <c r="H271583" s="12"/>
    </row>
    <row r="271584" spans="8:8">
      <c r="H271584" s="12"/>
    </row>
    <row r="271585" spans="8:8">
      <c r="H271585" s="12"/>
    </row>
    <row r="271586" spans="8:8">
      <c r="H271586" s="12"/>
    </row>
    <row r="271587" spans="8:8">
      <c r="H271587" s="12"/>
    </row>
    <row r="271588" spans="8:8">
      <c r="H271588" s="12"/>
    </row>
    <row r="271589" spans="8:8">
      <c r="H271589" s="12"/>
    </row>
    <row r="271590" spans="8:8">
      <c r="H271590" s="12"/>
    </row>
    <row r="271591" spans="8:8">
      <c r="H271591" s="12"/>
    </row>
    <row r="271592" spans="8:8">
      <c r="H271592" s="12"/>
    </row>
    <row r="271593" spans="8:8">
      <c r="H271593" s="12"/>
    </row>
    <row r="271594" spans="8:8">
      <c r="H271594" s="12"/>
    </row>
    <row r="271595" spans="8:8">
      <c r="H271595" s="12"/>
    </row>
    <row r="271596" spans="8:8">
      <c r="H271596" s="12"/>
    </row>
    <row r="271597" spans="8:8">
      <c r="H271597" s="12"/>
    </row>
    <row r="271598" spans="8:8">
      <c r="H271598" s="12"/>
    </row>
    <row r="271599" spans="8:8">
      <c r="H271599" s="12"/>
    </row>
    <row r="271600" spans="8:8">
      <c r="H271600" s="12"/>
    </row>
    <row r="271601" spans="8:8">
      <c r="H271601" s="12"/>
    </row>
    <row r="271602" spans="8:8">
      <c r="H271602" s="12"/>
    </row>
    <row r="271603" spans="8:8">
      <c r="H271603" s="12"/>
    </row>
    <row r="271604" spans="8:8">
      <c r="H271604" s="12"/>
    </row>
    <row r="271605" spans="8:8">
      <c r="H271605" s="12"/>
    </row>
    <row r="271606" spans="8:8">
      <c r="H271606" s="12"/>
    </row>
    <row r="271607" spans="8:8">
      <c r="H271607" s="12"/>
    </row>
    <row r="271608" spans="8:8">
      <c r="H271608" s="12"/>
    </row>
    <row r="271609" spans="8:8">
      <c r="H271609" s="12"/>
    </row>
    <row r="271610" spans="8:8">
      <c r="H271610" s="12"/>
    </row>
    <row r="271611" spans="8:8">
      <c r="H271611" s="12"/>
    </row>
    <row r="271612" spans="8:8">
      <c r="H271612" s="12"/>
    </row>
    <row r="271613" spans="8:8">
      <c r="H271613" s="12"/>
    </row>
    <row r="271614" spans="8:8">
      <c r="H271614" s="12"/>
    </row>
    <row r="271615" spans="8:8">
      <c r="H271615" s="12"/>
    </row>
    <row r="271616" spans="8:8">
      <c r="H271616" s="12"/>
    </row>
    <row r="271617" spans="8:8">
      <c r="H271617" s="12"/>
    </row>
    <row r="271618" spans="8:8">
      <c r="H271618" s="12"/>
    </row>
    <row r="271619" spans="8:8">
      <c r="H271619" s="12"/>
    </row>
    <row r="271620" spans="8:8">
      <c r="H271620" s="12"/>
    </row>
    <row r="271621" spans="8:8">
      <c r="H271621" s="12"/>
    </row>
    <row r="271622" spans="8:8">
      <c r="H271622" s="12"/>
    </row>
    <row r="271623" spans="8:8">
      <c r="H271623" s="12"/>
    </row>
    <row r="271624" spans="8:8">
      <c r="H271624" s="12"/>
    </row>
    <row r="271625" spans="8:8">
      <c r="H271625" s="12"/>
    </row>
    <row r="271626" spans="8:8">
      <c r="H271626" s="12"/>
    </row>
    <row r="271627" spans="8:8">
      <c r="H271627" s="12"/>
    </row>
    <row r="271628" spans="8:8">
      <c r="H271628" s="12"/>
    </row>
    <row r="271629" spans="8:8">
      <c r="H271629" s="12"/>
    </row>
    <row r="271630" spans="8:8">
      <c r="H271630" s="12"/>
    </row>
    <row r="271631" spans="8:8">
      <c r="H271631" s="12"/>
    </row>
    <row r="271632" spans="8:8">
      <c r="H271632" s="12"/>
    </row>
    <row r="271633" spans="8:8">
      <c r="H271633" s="12"/>
    </row>
    <row r="271634" spans="8:8">
      <c r="H271634" s="12"/>
    </row>
    <row r="271635" spans="8:8">
      <c r="H271635" s="12"/>
    </row>
    <row r="271636" spans="8:8">
      <c r="H271636" s="12"/>
    </row>
    <row r="271637" spans="8:8">
      <c r="H271637" s="12"/>
    </row>
    <row r="271638" spans="8:8">
      <c r="H271638" s="12"/>
    </row>
    <row r="271639" spans="8:8">
      <c r="H271639" s="12"/>
    </row>
    <row r="271640" spans="8:8">
      <c r="H271640" s="12"/>
    </row>
    <row r="271641" spans="8:8">
      <c r="H271641" s="12"/>
    </row>
    <row r="271642" spans="8:8">
      <c r="H271642" s="12"/>
    </row>
    <row r="271643" spans="8:8">
      <c r="H271643" s="12"/>
    </row>
    <row r="271644" spans="8:8">
      <c r="H271644" s="12"/>
    </row>
    <row r="271645" spans="8:8">
      <c r="H271645" s="12"/>
    </row>
    <row r="271646" spans="8:8">
      <c r="H271646" s="12"/>
    </row>
    <row r="271647" spans="8:8">
      <c r="H271647" s="12"/>
    </row>
    <row r="271648" spans="8:8">
      <c r="H271648" s="12"/>
    </row>
    <row r="271649" spans="8:8">
      <c r="H271649" s="12"/>
    </row>
    <row r="271650" spans="8:8">
      <c r="H271650" s="12"/>
    </row>
    <row r="271651" spans="8:8">
      <c r="H271651" s="12"/>
    </row>
    <row r="271652" spans="8:8">
      <c r="H271652" s="12"/>
    </row>
    <row r="271653" spans="8:8">
      <c r="H271653" s="12"/>
    </row>
    <row r="271654" spans="8:8">
      <c r="H271654" s="12"/>
    </row>
    <row r="271655" spans="8:8">
      <c r="H271655" s="12"/>
    </row>
    <row r="271656" spans="8:8">
      <c r="H271656" s="12"/>
    </row>
    <row r="271657" spans="8:8">
      <c r="H271657" s="12"/>
    </row>
    <row r="271658" spans="8:8">
      <c r="H271658" s="12"/>
    </row>
    <row r="271659" spans="8:8">
      <c r="H271659" s="12"/>
    </row>
    <row r="271660" spans="8:8">
      <c r="H271660" s="12"/>
    </row>
    <row r="271661" spans="8:8">
      <c r="H271661" s="12"/>
    </row>
    <row r="271662" spans="8:8">
      <c r="H271662" s="12"/>
    </row>
    <row r="271663" spans="8:8">
      <c r="H271663" s="12"/>
    </row>
    <row r="271664" spans="8:8">
      <c r="H271664" s="12"/>
    </row>
    <row r="271665" spans="8:8">
      <c r="H271665" s="12"/>
    </row>
    <row r="271666" spans="8:8">
      <c r="H271666" s="12"/>
    </row>
    <row r="271667" spans="8:8">
      <c r="H271667" s="12"/>
    </row>
    <row r="271668" spans="8:8">
      <c r="H271668" s="12"/>
    </row>
    <row r="271669" spans="8:8">
      <c r="H271669" s="12"/>
    </row>
    <row r="271670" spans="8:8">
      <c r="H271670" s="12"/>
    </row>
    <row r="271671" spans="8:8">
      <c r="H271671" s="12"/>
    </row>
    <row r="271672" spans="8:8">
      <c r="H271672" s="12"/>
    </row>
    <row r="271673" spans="8:8">
      <c r="H271673" s="12"/>
    </row>
    <row r="271674" spans="8:8">
      <c r="H271674" s="12"/>
    </row>
    <row r="271675" spans="8:8">
      <c r="H271675" s="12"/>
    </row>
    <row r="271676" spans="8:8">
      <c r="H271676" s="12"/>
    </row>
    <row r="271677" spans="8:8">
      <c r="H271677" s="12"/>
    </row>
    <row r="271678" spans="8:8">
      <c r="H271678" s="12"/>
    </row>
    <row r="271679" spans="8:8">
      <c r="H271679" s="12"/>
    </row>
    <row r="271680" spans="8:8">
      <c r="H271680" s="12"/>
    </row>
    <row r="271681" spans="8:8">
      <c r="H271681" s="12"/>
    </row>
    <row r="271682" spans="8:8">
      <c r="H271682" s="12"/>
    </row>
    <row r="271683" spans="8:8">
      <c r="H271683" s="12"/>
    </row>
    <row r="271684" spans="8:8">
      <c r="H271684" s="12"/>
    </row>
    <row r="271685" spans="8:8">
      <c r="H271685" s="12"/>
    </row>
    <row r="271686" spans="8:8">
      <c r="H271686" s="12"/>
    </row>
    <row r="271687" spans="8:8">
      <c r="H271687" s="12"/>
    </row>
    <row r="271688" spans="8:8">
      <c r="H271688" s="12"/>
    </row>
    <row r="271689" spans="8:8">
      <c r="H271689" s="12"/>
    </row>
    <row r="271690" spans="8:8">
      <c r="H271690" s="12"/>
    </row>
    <row r="271691" spans="8:8">
      <c r="H271691" s="12"/>
    </row>
    <row r="271692" spans="8:8">
      <c r="H271692" s="12"/>
    </row>
    <row r="271693" spans="8:8">
      <c r="H271693" s="12"/>
    </row>
    <row r="271694" spans="8:8">
      <c r="H271694" s="12"/>
    </row>
    <row r="271695" spans="8:8">
      <c r="H271695" s="12"/>
    </row>
    <row r="271696" spans="8:8">
      <c r="H271696" s="12"/>
    </row>
    <row r="271697" spans="8:8">
      <c r="H271697" s="12"/>
    </row>
    <row r="271698" spans="8:8">
      <c r="H271698" s="12"/>
    </row>
    <row r="271699" spans="8:8">
      <c r="H271699" s="12"/>
    </row>
    <row r="271700" spans="8:8">
      <c r="H271700" s="12"/>
    </row>
    <row r="271701" spans="8:8">
      <c r="H271701" s="12"/>
    </row>
    <row r="271702" spans="8:8">
      <c r="H271702" s="12"/>
    </row>
    <row r="271703" spans="8:8">
      <c r="H271703" s="12"/>
    </row>
    <row r="271704" spans="8:8">
      <c r="H271704" s="12"/>
    </row>
    <row r="271705" spans="8:8">
      <c r="H271705" s="12"/>
    </row>
    <row r="271706" spans="8:8">
      <c r="H271706" s="12"/>
    </row>
    <row r="271707" spans="8:8">
      <c r="H271707" s="12"/>
    </row>
    <row r="271708" spans="8:8">
      <c r="H271708" s="12"/>
    </row>
    <row r="271709" spans="8:8">
      <c r="H271709" s="12"/>
    </row>
    <row r="271710" spans="8:8">
      <c r="H271710" s="12"/>
    </row>
    <row r="271711" spans="8:8">
      <c r="H271711" s="12"/>
    </row>
    <row r="271712" spans="8:8">
      <c r="H271712" s="12"/>
    </row>
    <row r="271713" spans="8:8">
      <c r="H271713" s="12"/>
    </row>
    <row r="271714" spans="8:8">
      <c r="H271714" s="12"/>
    </row>
    <row r="271715" spans="8:8">
      <c r="H271715" s="12"/>
    </row>
    <row r="271716" spans="8:8">
      <c r="H271716" s="12"/>
    </row>
    <row r="271717" spans="8:8">
      <c r="H271717" s="12"/>
    </row>
    <row r="271718" spans="8:8">
      <c r="H271718" s="12"/>
    </row>
    <row r="271719" spans="8:8">
      <c r="H271719" s="12"/>
    </row>
    <row r="271720" spans="8:8">
      <c r="H271720" s="12"/>
    </row>
    <row r="271721" spans="8:8">
      <c r="H271721" s="12"/>
    </row>
    <row r="271722" spans="8:8">
      <c r="H271722" s="12"/>
    </row>
    <row r="271723" spans="8:8">
      <c r="H271723" s="12"/>
    </row>
    <row r="271724" spans="8:8">
      <c r="H271724" s="12"/>
    </row>
    <row r="271725" spans="8:8">
      <c r="H271725" s="12"/>
    </row>
    <row r="271726" spans="8:8">
      <c r="H271726" s="12"/>
    </row>
    <row r="271727" spans="8:8">
      <c r="H271727" s="12"/>
    </row>
    <row r="271728" spans="8:8">
      <c r="H271728" s="12"/>
    </row>
    <row r="271729" spans="8:8">
      <c r="H271729" s="12"/>
    </row>
    <row r="271730" spans="8:8">
      <c r="H271730" s="12"/>
    </row>
    <row r="271731" spans="8:8">
      <c r="H271731" s="12"/>
    </row>
    <row r="271732" spans="8:8">
      <c r="H271732" s="12"/>
    </row>
    <row r="271733" spans="8:8">
      <c r="H271733" s="12"/>
    </row>
    <row r="271734" spans="8:8">
      <c r="H271734" s="12"/>
    </row>
    <row r="271735" spans="8:8">
      <c r="H271735" s="12"/>
    </row>
    <row r="271736" spans="8:8">
      <c r="H271736" s="12"/>
    </row>
    <row r="271737" spans="8:8">
      <c r="H271737" s="12"/>
    </row>
    <row r="271738" spans="8:8">
      <c r="H271738" s="12"/>
    </row>
    <row r="271739" spans="8:8">
      <c r="H271739" s="12"/>
    </row>
    <row r="271740" spans="8:8">
      <c r="H271740" s="12"/>
    </row>
    <row r="271741" spans="8:8">
      <c r="H271741" s="12"/>
    </row>
    <row r="271742" spans="8:8">
      <c r="H271742" s="12"/>
    </row>
    <row r="271743" spans="8:8">
      <c r="H271743" s="12"/>
    </row>
    <row r="271744" spans="8:8">
      <c r="H271744" s="12"/>
    </row>
    <row r="271745" spans="8:8">
      <c r="H271745" s="12"/>
    </row>
    <row r="271746" spans="8:8">
      <c r="H271746" s="12"/>
    </row>
    <row r="271747" spans="8:8">
      <c r="H271747" s="12"/>
    </row>
    <row r="271748" spans="8:8">
      <c r="H271748" s="12"/>
    </row>
    <row r="271749" spans="8:8">
      <c r="H271749" s="12"/>
    </row>
    <row r="271750" spans="8:8">
      <c r="H271750" s="12"/>
    </row>
    <row r="271751" spans="8:8">
      <c r="H271751" s="12"/>
    </row>
    <row r="271752" spans="8:8">
      <c r="H271752" s="12"/>
    </row>
    <row r="271753" spans="8:8">
      <c r="H271753" s="12"/>
    </row>
    <row r="271754" spans="8:8">
      <c r="H271754" s="12"/>
    </row>
    <row r="271755" spans="8:8">
      <c r="H271755" s="12"/>
    </row>
    <row r="271756" spans="8:8">
      <c r="H271756" s="12"/>
    </row>
    <row r="271757" spans="8:8">
      <c r="H271757" s="12"/>
    </row>
    <row r="271758" spans="8:8">
      <c r="H271758" s="12"/>
    </row>
    <row r="271759" spans="8:8">
      <c r="H271759" s="12"/>
    </row>
    <row r="271760" spans="8:8">
      <c r="H271760" s="12"/>
    </row>
    <row r="271761" spans="8:8">
      <c r="H271761" s="12"/>
    </row>
    <row r="271762" spans="8:8">
      <c r="H271762" s="12"/>
    </row>
    <row r="271763" spans="8:8">
      <c r="H271763" s="12"/>
    </row>
    <row r="271764" spans="8:8">
      <c r="H271764" s="12"/>
    </row>
    <row r="271765" spans="8:8">
      <c r="H271765" s="12"/>
    </row>
    <row r="271766" spans="8:8">
      <c r="H271766" s="12"/>
    </row>
    <row r="271767" spans="8:8">
      <c r="H271767" s="12"/>
    </row>
    <row r="271768" spans="8:8">
      <c r="H271768" s="12"/>
    </row>
    <row r="271769" spans="8:8">
      <c r="H271769" s="12"/>
    </row>
    <row r="271770" spans="8:8">
      <c r="H271770" s="12"/>
    </row>
    <row r="271771" spans="8:8">
      <c r="H271771" s="12"/>
    </row>
    <row r="271772" spans="8:8">
      <c r="H271772" s="12"/>
    </row>
    <row r="271773" spans="8:8">
      <c r="H271773" s="12"/>
    </row>
    <row r="271774" spans="8:8">
      <c r="H271774" s="12"/>
    </row>
    <row r="271775" spans="8:8">
      <c r="H271775" s="12"/>
    </row>
    <row r="271776" spans="8:8">
      <c r="H271776" s="12"/>
    </row>
    <row r="271777" spans="8:8">
      <c r="H271777" s="12"/>
    </row>
    <row r="271778" spans="8:8">
      <c r="H271778" s="12"/>
    </row>
    <row r="271779" spans="8:8">
      <c r="H271779" s="12"/>
    </row>
    <row r="271780" spans="8:8">
      <c r="H271780" s="12"/>
    </row>
    <row r="271781" spans="8:8">
      <c r="H271781" s="12"/>
    </row>
    <row r="271782" spans="8:8">
      <c r="H271782" s="12"/>
    </row>
    <row r="271783" spans="8:8">
      <c r="H271783" s="12"/>
    </row>
    <row r="271784" spans="8:8">
      <c r="H271784" s="12"/>
    </row>
    <row r="271785" spans="8:8">
      <c r="H271785" s="12"/>
    </row>
    <row r="271786" spans="8:8">
      <c r="H271786" s="12"/>
    </row>
    <row r="271787" spans="8:8">
      <c r="H271787" s="12"/>
    </row>
    <row r="271788" spans="8:8">
      <c r="H271788" s="12"/>
    </row>
    <row r="271789" spans="8:8">
      <c r="H271789" s="12"/>
    </row>
    <row r="271790" spans="8:8">
      <c r="H271790" s="12"/>
    </row>
    <row r="271791" spans="8:8">
      <c r="H271791" s="12"/>
    </row>
    <row r="271792" spans="8:8">
      <c r="H271792" s="12"/>
    </row>
    <row r="271793" spans="8:8">
      <c r="H271793" s="12"/>
    </row>
    <row r="271794" spans="8:8">
      <c r="H271794" s="12"/>
    </row>
    <row r="271795" spans="8:8">
      <c r="H271795" s="12"/>
    </row>
    <row r="271796" spans="8:8">
      <c r="H271796" s="12"/>
    </row>
    <row r="271797" spans="8:8">
      <c r="H271797" s="12"/>
    </row>
    <row r="271798" spans="8:8">
      <c r="H271798" s="12"/>
    </row>
    <row r="271799" spans="8:8">
      <c r="H271799" s="12"/>
    </row>
    <row r="271800" spans="8:8">
      <c r="H271800" s="12"/>
    </row>
    <row r="271801" spans="8:8">
      <c r="H271801" s="12"/>
    </row>
    <row r="271802" spans="8:8">
      <c r="H271802" s="12"/>
    </row>
    <row r="271803" spans="8:8">
      <c r="H271803" s="12"/>
    </row>
    <row r="271804" spans="8:8">
      <c r="H271804" s="12"/>
    </row>
    <row r="271805" spans="8:8">
      <c r="H271805" s="12"/>
    </row>
    <row r="271806" spans="8:8">
      <c r="H271806" s="12"/>
    </row>
    <row r="271807" spans="8:8">
      <c r="H271807" s="12"/>
    </row>
    <row r="271808" spans="8:8">
      <c r="H271808" s="12"/>
    </row>
    <row r="271809" spans="8:8">
      <c r="H271809" s="12"/>
    </row>
    <row r="271810" spans="8:8">
      <c r="H271810" s="12"/>
    </row>
    <row r="271811" spans="8:8">
      <c r="H271811" s="12"/>
    </row>
    <row r="271812" spans="8:8">
      <c r="H271812" s="12"/>
    </row>
    <row r="271813" spans="8:8">
      <c r="H271813" s="12"/>
    </row>
    <row r="271814" spans="8:8">
      <c r="H271814" s="12"/>
    </row>
    <row r="271815" spans="8:8">
      <c r="H271815" s="12"/>
    </row>
    <row r="271816" spans="8:8">
      <c r="H271816" s="12"/>
    </row>
    <row r="271817" spans="8:8">
      <c r="H271817" s="12"/>
    </row>
    <row r="271818" spans="8:8">
      <c r="H271818" s="12"/>
    </row>
    <row r="271819" spans="8:8">
      <c r="H271819" s="12"/>
    </row>
    <row r="271820" spans="8:8">
      <c r="H271820" s="12"/>
    </row>
    <row r="271821" spans="8:8">
      <c r="H271821" s="12"/>
    </row>
    <row r="271822" spans="8:8">
      <c r="H271822" s="12"/>
    </row>
    <row r="271823" spans="8:8">
      <c r="H271823" s="12"/>
    </row>
    <row r="271824" spans="8:8">
      <c r="H271824" s="12"/>
    </row>
    <row r="271825" spans="8:8">
      <c r="H271825" s="12"/>
    </row>
    <row r="271826" spans="8:8">
      <c r="H271826" s="12"/>
    </row>
    <row r="271827" spans="8:8">
      <c r="H271827" s="12"/>
    </row>
    <row r="271828" spans="8:8">
      <c r="H271828" s="12"/>
    </row>
    <row r="271829" spans="8:8">
      <c r="H271829" s="12"/>
    </row>
    <row r="271830" spans="8:8">
      <c r="H271830" s="12"/>
    </row>
    <row r="271831" spans="8:8">
      <c r="H271831" s="12"/>
    </row>
    <row r="271832" spans="8:8">
      <c r="H271832" s="12"/>
    </row>
    <row r="271833" spans="8:8">
      <c r="H271833" s="12"/>
    </row>
    <row r="271834" spans="8:8">
      <c r="H271834" s="12"/>
    </row>
    <row r="271835" spans="8:8">
      <c r="H271835" s="12"/>
    </row>
    <row r="271836" spans="8:8">
      <c r="H271836" s="12"/>
    </row>
    <row r="271837" spans="8:8">
      <c r="H271837" s="12"/>
    </row>
    <row r="271838" spans="8:8">
      <c r="H271838" s="12"/>
    </row>
    <row r="271839" spans="8:8">
      <c r="H271839" s="12"/>
    </row>
    <row r="271840" spans="8:8">
      <c r="H271840" s="12"/>
    </row>
    <row r="271841" spans="8:8">
      <c r="H271841" s="12"/>
    </row>
    <row r="271842" spans="8:8">
      <c r="H271842" s="12"/>
    </row>
    <row r="271843" spans="8:8">
      <c r="H271843" s="12"/>
    </row>
    <row r="271844" spans="8:8">
      <c r="H271844" s="12"/>
    </row>
    <row r="271845" spans="8:8">
      <c r="H271845" s="12"/>
    </row>
    <row r="271846" spans="8:8">
      <c r="H271846" s="12"/>
    </row>
    <row r="271847" spans="8:8">
      <c r="H271847" s="12"/>
    </row>
    <row r="271848" spans="8:8">
      <c r="H271848" s="12"/>
    </row>
    <row r="271849" spans="8:8">
      <c r="H271849" s="12"/>
    </row>
    <row r="271850" spans="8:8">
      <c r="H271850" s="12"/>
    </row>
    <row r="271851" spans="8:8">
      <c r="H271851" s="12"/>
    </row>
    <row r="271852" spans="8:8">
      <c r="H271852" s="12"/>
    </row>
    <row r="271853" spans="8:8">
      <c r="H271853" s="12"/>
    </row>
    <row r="271854" spans="8:8">
      <c r="H271854" s="12"/>
    </row>
    <row r="271855" spans="8:8">
      <c r="H271855" s="12"/>
    </row>
    <row r="271856" spans="8:8">
      <c r="H271856" s="12"/>
    </row>
    <row r="271857" spans="8:8">
      <c r="H271857" s="12"/>
    </row>
    <row r="271858" spans="8:8">
      <c r="H271858" s="12"/>
    </row>
    <row r="271859" spans="8:8">
      <c r="H271859" s="12"/>
    </row>
    <row r="271860" spans="8:8">
      <c r="H271860" s="12"/>
    </row>
    <row r="271861" spans="8:8">
      <c r="H271861" s="12"/>
    </row>
    <row r="271862" spans="8:8">
      <c r="H271862" s="12"/>
    </row>
    <row r="271863" spans="8:8">
      <c r="H271863" s="12"/>
    </row>
    <row r="271864" spans="8:8">
      <c r="H271864" s="12"/>
    </row>
    <row r="271865" spans="8:8">
      <c r="H271865" s="12"/>
    </row>
    <row r="271866" spans="8:8">
      <c r="H271866" s="12"/>
    </row>
    <row r="271867" spans="8:8">
      <c r="H271867" s="12"/>
    </row>
    <row r="271868" spans="8:8">
      <c r="H271868" s="12"/>
    </row>
    <row r="271869" spans="8:8">
      <c r="H271869" s="12"/>
    </row>
    <row r="271870" spans="8:8">
      <c r="H271870" s="12"/>
    </row>
    <row r="271871" spans="8:8">
      <c r="H271871" s="12"/>
    </row>
    <row r="271872" spans="8:8">
      <c r="H271872" s="12"/>
    </row>
    <row r="271873" spans="8:8">
      <c r="H271873" s="12"/>
    </row>
    <row r="271874" spans="8:8">
      <c r="H271874" s="12"/>
    </row>
    <row r="271875" spans="8:8">
      <c r="H271875" s="12"/>
    </row>
    <row r="271876" spans="8:8">
      <c r="H271876" s="12"/>
    </row>
    <row r="271877" spans="8:8">
      <c r="H271877" s="12"/>
    </row>
    <row r="271878" spans="8:8">
      <c r="H271878" s="12"/>
    </row>
    <row r="271879" spans="8:8">
      <c r="H271879" s="12"/>
    </row>
    <row r="271880" spans="8:8">
      <c r="H271880" s="12"/>
    </row>
    <row r="271881" spans="8:8">
      <c r="H271881" s="12"/>
    </row>
    <row r="271882" spans="8:8">
      <c r="H271882" s="12"/>
    </row>
    <row r="271883" spans="8:8">
      <c r="H271883" s="12"/>
    </row>
    <row r="271884" spans="8:8">
      <c r="H271884" s="12"/>
    </row>
    <row r="271885" spans="8:8">
      <c r="H271885" s="12"/>
    </row>
    <row r="271886" spans="8:8">
      <c r="H271886" s="12"/>
    </row>
    <row r="271887" spans="8:8">
      <c r="H271887" s="12"/>
    </row>
    <row r="271888" spans="8:8">
      <c r="H271888" s="12"/>
    </row>
    <row r="271889" spans="8:8">
      <c r="H271889" s="12"/>
    </row>
    <row r="271890" spans="8:8">
      <c r="H271890" s="12"/>
    </row>
    <row r="271891" spans="8:8">
      <c r="H271891" s="12"/>
    </row>
    <row r="271892" spans="8:8">
      <c r="H271892" s="12"/>
    </row>
    <row r="271893" spans="8:8">
      <c r="H271893" s="12"/>
    </row>
    <row r="271894" spans="8:8">
      <c r="H271894" s="12"/>
    </row>
    <row r="271895" spans="8:8">
      <c r="H271895" s="12"/>
    </row>
    <row r="271896" spans="8:8">
      <c r="H271896" s="12"/>
    </row>
    <row r="271897" spans="8:8">
      <c r="H271897" s="12"/>
    </row>
    <row r="271898" spans="8:8">
      <c r="H271898" s="12"/>
    </row>
    <row r="271899" spans="8:8">
      <c r="H271899" s="12"/>
    </row>
    <row r="271900" spans="8:8">
      <c r="H271900" s="12"/>
    </row>
    <row r="271901" spans="8:8">
      <c r="H271901" s="12"/>
    </row>
    <row r="271902" spans="8:8">
      <c r="H271902" s="12"/>
    </row>
    <row r="271903" spans="8:8">
      <c r="H271903" s="12"/>
    </row>
    <row r="271904" spans="8:8">
      <c r="H271904" s="12"/>
    </row>
    <row r="271905" spans="8:8">
      <c r="H271905" s="12"/>
    </row>
    <row r="271906" spans="8:8">
      <c r="H271906" s="12"/>
    </row>
    <row r="271907" spans="8:8">
      <c r="H271907" s="12"/>
    </row>
    <row r="271908" spans="8:8">
      <c r="H271908" s="12"/>
    </row>
    <row r="271909" spans="8:8">
      <c r="H271909" s="12"/>
    </row>
    <row r="271910" spans="8:8">
      <c r="H271910" s="12"/>
    </row>
    <row r="271911" spans="8:8">
      <c r="H271911" s="12"/>
    </row>
    <row r="271912" spans="8:8">
      <c r="H271912" s="12"/>
    </row>
    <row r="271913" spans="8:8">
      <c r="H271913" s="12"/>
    </row>
    <row r="271914" spans="8:8">
      <c r="H271914" s="12"/>
    </row>
    <row r="271915" spans="8:8">
      <c r="H271915" s="12"/>
    </row>
    <row r="271916" spans="8:8">
      <c r="H271916" s="12"/>
    </row>
    <row r="271917" spans="8:8">
      <c r="H271917" s="12"/>
    </row>
    <row r="271918" spans="8:8">
      <c r="H271918" s="12"/>
    </row>
    <row r="271919" spans="8:8">
      <c r="H271919" s="12"/>
    </row>
    <row r="271920" spans="8:8">
      <c r="H271920" s="12"/>
    </row>
    <row r="271921" spans="8:8">
      <c r="H271921" s="12"/>
    </row>
    <row r="271922" spans="8:8">
      <c r="H271922" s="12"/>
    </row>
    <row r="271923" spans="8:8">
      <c r="H271923" s="12"/>
    </row>
    <row r="271924" spans="8:8">
      <c r="H271924" s="12"/>
    </row>
    <row r="271925" spans="8:8">
      <c r="H271925" s="12"/>
    </row>
    <row r="271926" spans="8:8">
      <c r="H271926" s="12"/>
    </row>
    <row r="271927" spans="8:8">
      <c r="H271927" s="12"/>
    </row>
    <row r="271928" spans="8:8">
      <c r="H271928" s="12"/>
    </row>
    <row r="271929" spans="8:8">
      <c r="H271929" s="12"/>
    </row>
    <row r="271930" spans="8:8">
      <c r="H271930" s="12"/>
    </row>
    <row r="271931" spans="8:8">
      <c r="H271931" s="12"/>
    </row>
    <row r="271932" spans="8:8">
      <c r="H271932" s="12"/>
    </row>
    <row r="271933" spans="8:8">
      <c r="H271933" s="12"/>
    </row>
    <row r="271934" spans="8:8">
      <c r="H271934" s="12"/>
    </row>
    <row r="271935" spans="8:8">
      <c r="H271935" s="12"/>
    </row>
    <row r="271936" spans="8:8">
      <c r="H271936" s="12"/>
    </row>
    <row r="271937" spans="8:8">
      <c r="H271937" s="12"/>
    </row>
    <row r="271938" spans="8:8">
      <c r="H271938" s="12"/>
    </row>
    <row r="271939" spans="8:8">
      <c r="H271939" s="12"/>
    </row>
    <row r="271940" spans="8:8">
      <c r="H271940" s="12"/>
    </row>
    <row r="271941" spans="8:8">
      <c r="H271941" s="12"/>
    </row>
    <row r="271942" spans="8:8">
      <c r="H271942" s="12"/>
    </row>
    <row r="271943" spans="8:8">
      <c r="H271943" s="12"/>
    </row>
    <row r="271944" spans="8:8">
      <c r="H271944" s="12"/>
    </row>
    <row r="271945" spans="8:8">
      <c r="H271945" s="12"/>
    </row>
    <row r="271946" spans="8:8">
      <c r="H271946" s="12"/>
    </row>
    <row r="271947" spans="8:8">
      <c r="H271947" s="12"/>
    </row>
    <row r="271948" spans="8:8">
      <c r="H271948" s="12"/>
    </row>
    <row r="271949" spans="8:8">
      <c r="H271949" s="12"/>
    </row>
    <row r="271950" spans="8:8">
      <c r="H271950" s="12"/>
    </row>
    <row r="271951" spans="8:8">
      <c r="H271951" s="12"/>
    </row>
    <row r="271952" spans="8:8">
      <c r="H271952" s="12"/>
    </row>
    <row r="271953" spans="8:8">
      <c r="H271953" s="12"/>
    </row>
    <row r="271954" spans="8:8">
      <c r="H271954" s="12"/>
    </row>
    <row r="271955" spans="8:8">
      <c r="H271955" s="12"/>
    </row>
    <row r="271956" spans="8:8">
      <c r="H271956" s="12"/>
    </row>
    <row r="271957" spans="8:8">
      <c r="H271957" s="12"/>
    </row>
    <row r="271958" spans="8:8">
      <c r="H271958" s="12"/>
    </row>
    <row r="271959" spans="8:8">
      <c r="H271959" s="12"/>
    </row>
    <row r="271960" spans="8:8">
      <c r="H271960" s="12"/>
    </row>
    <row r="271961" spans="8:8">
      <c r="H271961" s="12"/>
    </row>
    <row r="271962" spans="8:8">
      <c r="H271962" s="12"/>
    </row>
    <row r="271963" spans="8:8">
      <c r="H271963" s="12"/>
    </row>
    <row r="271964" spans="8:8">
      <c r="H271964" s="12"/>
    </row>
    <row r="271965" spans="8:8">
      <c r="H271965" s="12"/>
    </row>
    <row r="271966" spans="8:8">
      <c r="H271966" s="12"/>
    </row>
    <row r="271967" spans="8:8">
      <c r="H271967" s="12"/>
    </row>
    <row r="271968" spans="8:8">
      <c r="H271968" s="12"/>
    </row>
    <row r="271969" spans="8:8">
      <c r="H271969" s="12"/>
    </row>
    <row r="271970" spans="8:8">
      <c r="H271970" s="12"/>
    </row>
    <row r="271971" spans="8:8">
      <c r="H271971" s="12"/>
    </row>
    <row r="271972" spans="8:8">
      <c r="H271972" s="12"/>
    </row>
    <row r="271973" spans="8:8">
      <c r="H271973" s="12"/>
    </row>
    <row r="271974" spans="8:8">
      <c r="H271974" s="12"/>
    </row>
    <row r="271975" spans="8:8">
      <c r="H271975" s="12"/>
    </row>
    <row r="271976" spans="8:8">
      <c r="H271976" s="12"/>
    </row>
    <row r="271977" spans="8:8">
      <c r="H271977" s="12"/>
    </row>
    <row r="271978" spans="8:8">
      <c r="H271978" s="12"/>
    </row>
    <row r="271979" spans="8:8">
      <c r="H271979" s="12"/>
    </row>
    <row r="271980" spans="8:8">
      <c r="H271980" s="12"/>
    </row>
    <row r="271981" spans="8:8">
      <c r="H271981" s="12"/>
    </row>
    <row r="271982" spans="8:8">
      <c r="H271982" s="12"/>
    </row>
    <row r="271983" spans="8:8">
      <c r="H271983" s="12"/>
    </row>
    <row r="271984" spans="8:8">
      <c r="H271984" s="12"/>
    </row>
    <row r="271985" spans="8:8">
      <c r="H271985" s="12"/>
    </row>
    <row r="271986" spans="8:8">
      <c r="H271986" s="12"/>
    </row>
    <row r="271987" spans="8:8">
      <c r="H271987" s="12"/>
    </row>
    <row r="271988" spans="8:8">
      <c r="H271988" s="12"/>
    </row>
    <row r="271989" spans="8:8">
      <c r="H271989" s="12"/>
    </row>
    <row r="271990" spans="8:8">
      <c r="H271990" s="12"/>
    </row>
    <row r="271991" spans="8:8">
      <c r="H271991" s="12"/>
    </row>
    <row r="271992" spans="8:8">
      <c r="H271992" s="12"/>
    </row>
    <row r="271993" spans="8:8">
      <c r="H271993" s="12"/>
    </row>
    <row r="271994" spans="8:8">
      <c r="H271994" s="12"/>
    </row>
    <row r="271995" spans="8:8">
      <c r="H271995" s="12"/>
    </row>
    <row r="271996" spans="8:8">
      <c r="H271996" s="12"/>
    </row>
    <row r="271997" spans="8:8">
      <c r="H271997" s="12"/>
    </row>
    <row r="271998" spans="8:8">
      <c r="H271998" s="12"/>
    </row>
    <row r="271999" spans="8:8">
      <c r="H271999" s="12"/>
    </row>
    <row r="272000" spans="8:8">
      <c r="H272000" s="12"/>
    </row>
    <row r="272001" spans="8:8">
      <c r="H272001" s="12"/>
    </row>
    <row r="272002" spans="8:8">
      <c r="H272002" s="12"/>
    </row>
    <row r="272003" spans="8:8">
      <c r="H272003" s="12"/>
    </row>
    <row r="272004" spans="8:8">
      <c r="H272004" s="12"/>
    </row>
    <row r="272005" spans="8:8">
      <c r="H272005" s="12"/>
    </row>
    <row r="272006" spans="8:8">
      <c r="H272006" s="12"/>
    </row>
    <row r="272007" spans="8:8">
      <c r="H272007" s="12"/>
    </row>
    <row r="272008" spans="8:8">
      <c r="H272008" s="12"/>
    </row>
    <row r="272009" spans="8:8">
      <c r="H272009" s="12"/>
    </row>
    <row r="272010" spans="8:8">
      <c r="H272010" s="12"/>
    </row>
    <row r="272011" spans="8:8">
      <c r="H272011" s="12"/>
    </row>
    <row r="272012" spans="8:8">
      <c r="H272012" s="12"/>
    </row>
    <row r="272013" spans="8:8">
      <c r="H272013" s="12"/>
    </row>
    <row r="272014" spans="8:8">
      <c r="H272014" s="12"/>
    </row>
    <row r="272015" spans="8:8">
      <c r="H272015" s="12"/>
    </row>
    <row r="272016" spans="8:8">
      <c r="H272016" s="12"/>
    </row>
    <row r="272017" spans="8:8">
      <c r="H272017" s="12"/>
    </row>
    <row r="272018" spans="8:8">
      <c r="H272018" s="12"/>
    </row>
    <row r="272019" spans="8:8">
      <c r="H272019" s="12"/>
    </row>
    <row r="272020" spans="8:8">
      <c r="H272020" s="12"/>
    </row>
    <row r="272021" spans="8:8">
      <c r="H272021" s="12"/>
    </row>
    <row r="272022" spans="8:8">
      <c r="H272022" s="12"/>
    </row>
    <row r="272023" spans="8:8">
      <c r="H272023" s="12"/>
    </row>
    <row r="272024" spans="8:8">
      <c r="H272024" s="12"/>
    </row>
    <row r="272025" spans="8:8">
      <c r="H272025" s="12"/>
    </row>
    <row r="272026" spans="8:8">
      <c r="H272026" s="12"/>
    </row>
    <row r="272027" spans="8:8">
      <c r="H272027" s="12"/>
    </row>
    <row r="272028" spans="8:8">
      <c r="H272028" s="12"/>
    </row>
    <row r="272029" spans="8:8">
      <c r="H272029" s="12"/>
    </row>
    <row r="272030" spans="8:8">
      <c r="H272030" s="12"/>
    </row>
    <row r="272031" spans="8:8">
      <c r="H272031" s="12"/>
    </row>
    <row r="272032" spans="8:8">
      <c r="H272032" s="12"/>
    </row>
    <row r="272033" spans="8:8">
      <c r="H272033" s="12"/>
    </row>
    <row r="272034" spans="8:8">
      <c r="H272034" s="12"/>
    </row>
    <row r="272035" spans="8:8">
      <c r="H272035" s="12"/>
    </row>
    <row r="272036" spans="8:8">
      <c r="H272036" s="12"/>
    </row>
    <row r="272037" spans="8:8">
      <c r="H272037" s="12"/>
    </row>
    <row r="272038" spans="8:8">
      <c r="H272038" s="12"/>
    </row>
    <row r="272039" spans="8:8">
      <c r="H272039" s="12"/>
    </row>
    <row r="272040" spans="8:8">
      <c r="H272040" s="12"/>
    </row>
    <row r="272041" spans="8:8">
      <c r="H272041" s="12"/>
    </row>
    <row r="272042" spans="8:8">
      <c r="H272042" s="12"/>
    </row>
    <row r="272043" spans="8:8">
      <c r="H272043" s="12"/>
    </row>
    <row r="272044" spans="8:8">
      <c r="H272044" s="12"/>
    </row>
    <row r="272045" spans="8:8">
      <c r="H272045" s="12"/>
    </row>
    <row r="272046" spans="8:8">
      <c r="H272046" s="12"/>
    </row>
    <row r="272047" spans="8:8">
      <c r="H272047" s="12"/>
    </row>
    <row r="272048" spans="8:8">
      <c r="H272048" s="12"/>
    </row>
    <row r="272049" spans="8:8">
      <c r="H272049" s="12"/>
    </row>
    <row r="272050" spans="8:8">
      <c r="H272050" s="12"/>
    </row>
    <row r="272051" spans="8:8">
      <c r="H272051" s="12"/>
    </row>
    <row r="272052" spans="8:8">
      <c r="H272052" s="12"/>
    </row>
    <row r="272053" spans="8:8">
      <c r="H272053" s="12"/>
    </row>
    <row r="272054" spans="8:8">
      <c r="H272054" s="12"/>
    </row>
    <row r="272055" spans="8:8">
      <c r="H272055" s="12"/>
    </row>
    <row r="272056" spans="8:8">
      <c r="H272056" s="12"/>
    </row>
    <row r="272057" spans="8:8">
      <c r="H272057" s="12"/>
    </row>
    <row r="272058" spans="8:8">
      <c r="H272058" s="12"/>
    </row>
    <row r="272059" spans="8:8">
      <c r="H272059" s="12"/>
    </row>
    <row r="272060" spans="8:8">
      <c r="H272060" s="12"/>
    </row>
    <row r="272061" spans="8:8">
      <c r="H272061" s="12"/>
    </row>
    <row r="272062" spans="8:8">
      <c r="H272062" s="12"/>
    </row>
    <row r="272063" spans="8:8">
      <c r="H272063" s="12"/>
    </row>
    <row r="272064" spans="8:8">
      <c r="H272064" s="12"/>
    </row>
    <row r="272065" spans="8:8">
      <c r="H272065" s="12"/>
    </row>
    <row r="272066" spans="8:8">
      <c r="H272066" s="12"/>
    </row>
    <row r="272067" spans="8:8">
      <c r="H272067" s="12"/>
    </row>
    <row r="272068" spans="8:8">
      <c r="H272068" s="12"/>
    </row>
    <row r="272069" spans="8:8">
      <c r="H272069" s="12"/>
    </row>
    <row r="272070" spans="8:8">
      <c r="H272070" s="12"/>
    </row>
    <row r="272071" spans="8:8">
      <c r="H272071" s="12"/>
    </row>
    <row r="272072" spans="8:8">
      <c r="H272072" s="12"/>
    </row>
    <row r="272073" spans="8:8">
      <c r="H272073" s="12"/>
    </row>
    <row r="272074" spans="8:8">
      <c r="H272074" s="12"/>
    </row>
    <row r="272075" spans="8:8">
      <c r="H272075" s="12"/>
    </row>
    <row r="272076" spans="8:8">
      <c r="H272076" s="12"/>
    </row>
    <row r="272077" spans="8:8">
      <c r="H272077" s="12"/>
    </row>
    <row r="272078" spans="8:8">
      <c r="H272078" s="12"/>
    </row>
    <row r="272079" spans="8:8">
      <c r="H272079" s="12"/>
    </row>
    <row r="272080" spans="8:8">
      <c r="H272080" s="12"/>
    </row>
    <row r="272081" spans="8:8">
      <c r="H272081" s="12"/>
    </row>
    <row r="272082" spans="8:8">
      <c r="H272082" s="12"/>
    </row>
    <row r="272083" spans="8:8">
      <c r="H272083" s="12"/>
    </row>
    <row r="272084" spans="8:8">
      <c r="H272084" s="12"/>
    </row>
    <row r="272085" spans="8:8">
      <c r="H272085" s="12"/>
    </row>
    <row r="272086" spans="8:8">
      <c r="H272086" s="12"/>
    </row>
    <row r="272087" spans="8:8">
      <c r="H272087" s="12"/>
    </row>
    <row r="272088" spans="8:8">
      <c r="H272088" s="12"/>
    </row>
    <row r="272089" spans="8:8">
      <c r="H272089" s="12"/>
    </row>
    <row r="272090" spans="8:8">
      <c r="H272090" s="12"/>
    </row>
    <row r="272091" spans="8:8">
      <c r="H272091" s="12"/>
    </row>
    <row r="272092" spans="8:8">
      <c r="H272092" s="12"/>
    </row>
    <row r="272093" spans="8:8">
      <c r="H272093" s="12"/>
    </row>
    <row r="272094" spans="8:8">
      <c r="H272094" s="12"/>
    </row>
    <row r="272095" spans="8:8">
      <c r="H272095" s="12"/>
    </row>
    <row r="272096" spans="8:8">
      <c r="H272096" s="12"/>
    </row>
    <row r="272097" spans="8:8">
      <c r="H272097" s="12"/>
    </row>
    <row r="272098" spans="8:8">
      <c r="H272098" s="12"/>
    </row>
    <row r="272099" spans="8:8">
      <c r="H272099" s="12"/>
    </row>
    <row r="272100" spans="8:8">
      <c r="H272100" s="12"/>
    </row>
    <row r="272101" spans="8:8">
      <c r="H272101" s="12"/>
    </row>
    <row r="272102" spans="8:8">
      <c r="H272102" s="12"/>
    </row>
    <row r="272103" spans="8:8">
      <c r="H272103" s="12"/>
    </row>
    <row r="272104" spans="8:8">
      <c r="H272104" s="12"/>
    </row>
    <row r="272105" spans="8:8">
      <c r="H272105" s="12"/>
    </row>
    <row r="272106" spans="8:8">
      <c r="H272106" s="12"/>
    </row>
    <row r="272107" spans="8:8">
      <c r="H272107" s="12"/>
    </row>
    <row r="272108" spans="8:8">
      <c r="H272108" s="12"/>
    </row>
    <row r="272109" spans="8:8">
      <c r="H272109" s="12"/>
    </row>
    <row r="272110" spans="8:8">
      <c r="H272110" s="12"/>
    </row>
    <row r="272111" spans="8:8">
      <c r="H272111" s="12"/>
    </row>
    <row r="272112" spans="8:8">
      <c r="H272112" s="12"/>
    </row>
    <row r="272113" spans="8:8">
      <c r="H272113" s="12"/>
    </row>
    <row r="272114" spans="8:8">
      <c r="H272114" s="12"/>
    </row>
    <row r="272115" spans="8:8">
      <c r="H272115" s="12"/>
    </row>
    <row r="272116" spans="8:8">
      <c r="H272116" s="12"/>
    </row>
    <row r="272117" spans="8:8">
      <c r="H272117" s="12"/>
    </row>
    <row r="272118" spans="8:8">
      <c r="H272118" s="12"/>
    </row>
    <row r="272119" spans="8:8">
      <c r="H272119" s="12"/>
    </row>
    <row r="272120" spans="8:8">
      <c r="H272120" s="12"/>
    </row>
    <row r="272121" spans="8:8">
      <c r="H272121" s="12"/>
    </row>
    <row r="272122" spans="8:8">
      <c r="H272122" s="12"/>
    </row>
    <row r="272123" spans="8:8">
      <c r="H272123" s="12"/>
    </row>
    <row r="272124" spans="8:8">
      <c r="H272124" s="12"/>
    </row>
    <row r="272125" spans="8:8">
      <c r="H272125" s="12"/>
    </row>
    <row r="272126" spans="8:8">
      <c r="H272126" s="12"/>
    </row>
    <row r="272127" spans="8:8">
      <c r="H272127" s="12"/>
    </row>
    <row r="272128" spans="8:8">
      <c r="H272128" s="12"/>
    </row>
    <row r="272129" spans="8:8">
      <c r="H272129" s="12"/>
    </row>
    <row r="272130" spans="8:8">
      <c r="H272130" s="12"/>
    </row>
    <row r="272131" spans="8:8">
      <c r="H272131" s="12"/>
    </row>
    <row r="272132" spans="8:8">
      <c r="H272132" s="12"/>
    </row>
    <row r="272133" spans="8:8">
      <c r="H272133" s="12"/>
    </row>
    <row r="272134" spans="8:8">
      <c r="H272134" s="12"/>
    </row>
    <row r="272135" spans="8:8">
      <c r="H272135" s="12"/>
    </row>
    <row r="272136" spans="8:8">
      <c r="H272136" s="12"/>
    </row>
    <row r="272137" spans="8:8">
      <c r="H272137" s="12"/>
    </row>
    <row r="272138" spans="8:8">
      <c r="H272138" s="12"/>
    </row>
    <row r="272139" spans="8:8">
      <c r="H272139" s="12"/>
    </row>
    <row r="272140" spans="8:8">
      <c r="H272140" s="12"/>
    </row>
    <row r="272141" spans="8:8">
      <c r="H272141" s="12"/>
    </row>
    <row r="272142" spans="8:8">
      <c r="H272142" s="12"/>
    </row>
    <row r="272143" spans="8:8">
      <c r="H272143" s="12"/>
    </row>
    <row r="272144" spans="8:8">
      <c r="H272144" s="12"/>
    </row>
    <row r="272145" spans="8:8">
      <c r="H272145" s="12"/>
    </row>
    <row r="272146" spans="8:8">
      <c r="H272146" s="12"/>
    </row>
    <row r="272147" spans="8:8">
      <c r="H272147" s="12"/>
    </row>
    <row r="272148" spans="8:8">
      <c r="H272148" s="12"/>
    </row>
    <row r="272149" spans="8:8">
      <c r="H272149" s="12"/>
    </row>
    <row r="272150" spans="8:8">
      <c r="H272150" s="12"/>
    </row>
    <row r="272151" spans="8:8">
      <c r="H272151" s="12"/>
    </row>
    <row r="272152" spans="8:8">
      <c r="H272152" s="12"/>
    </row>
    <row r="272153" spans="8:8">
      <c r="H272153" s="12"/>
    </row>
    <row r="272154" spans="8:8">
      <c r="H272154" s="12"/>
    </row>
    <row r="272155" spans="8:8">
      <c r="H272155" s="12"/>
    </row>
    <row r="272156" spans="8:8">
      <c r="H272156" s="12"/>
    </row>
    <row r="272157" spans="8:8">
      <c r="H272157" s="12"/>
    </row>
    <row r="272158" spans="8:8">
      <c r="H272158" s="12"/>
    </row>
    <row r="272159" spans="8:8">
      <c r="H272159" s="12"/>
    </row>
    <row r="272160" spans="8:8">
      <c r="H272160" s="12"/>
    </row>
    <row r="272161" spans="8:8">
      <c r="H272161" s="12"/>
    </row>
    <row r="272162" spans="8:8">
      <c r="H272162" s="12"/>
    </row>
    <row r="272163" spans="8:8">
      <c r="H272163" s="12"/>
    </row>
    <row r="272164" spans="8:8">
      <c r="H272164" s="12"/>
    </row>
    <row r="272165" spans="8:8">
      <c r="H272165" s="12"/>
    </row>
    <row r="272166" spans="8:8">
      <c r="H272166" s="12"/>
    </row>
    <row r="272167" spans="8:8">
      <c r="H272167" s="12"/>
    </row>
    <row r="272168" spans="8:8">
      <c r="H272168" s="12"/>
    </row>
    <row r="272169" spans="8:8">
      <c r="H272169" s="12"/>
    </row>
    <row r="272170" spans="8:8">
      <c r="H272170" s="12"/>
    </row>
    <row r="272171" spans="8:8">
      <c r="H272171" s="12"/>
    </row>
    <row r="272172" spans="8:8">
      <c r="H272172" s="12"/>
    </row>
    <row r="272173" spans="8:8">
      <c r="H272173" s="12"/>
    </row>
    <row r="272174" spans="8:8">
      <c r="H272174" s="12"/>
    </row>
    <row r="272175" spans="8:8">
      <c r="H272175" s="12"/>
    </row>
    <row r="272176" spans="8:8">
      <c r="H272176" s="12"/>
    </row>
    <row r="272177" spans="8:8">
      <c r="H272177" s="12"/>
    </row>
    <row r="272178" spans="8:8">
      <c r="H272178" s="12"/>
    </row>
    <row r="272179" spans="8:8">
      <c r="H272179" s="12"/>
    </row>
    <row r="272180" spans="8:8">
      <c r="H272180" s="12"/>
    </row>
    <row r="272181" spans="8:8">
      <c r="H272181" s="12"/>
    </row>
    <row r="272182" spans="8:8">
      <c r="H272182" s="12"/>
    </row>
    <row r="272183" spans="8:8">
      <c r="H272183" s="12"/>
    </row>
    <row r="272184" spans="8:8">
      <c r="H272184" s="12"/>
    </row>
    <row r="272185" spans="8:8">
      <c r="H272185" s="12"/>
    </row>
    <row r="272186" spans="8:8">
      <c r="H272186" s="12"/>
    </row>
    <row r="272187" spans="8:8">
      <c r="H272187" s="12"/>
    </row>
    <row r="272188" spans="8:8">
      <c r="H272188" s="12"/>
    </row>
    <row r="272189" spans="8:8">
      <c r="H272189" s="12"/>
    </row>
    <row r="272190" spans="8:8">
      <c r="H272190" s="12"/>
    </row>
    <row r="272191" spans="8:8">
      <c r="H272191" s="12"/>
    </row>
    <row r="272192" spans="8:8">
      <c r="H272192" s="12"/>
    </row>
    <row r="272193" spans="8:8">
      <c r="H272193" s="12"/>
    </row>
    <row r="272194" spans="8:8">
      <c r="H272194" s="12"/>
    </row>
    <row r="272195" spans="8:8">
      <c r="H272195" s="12"/>
    </row>
    <row r="272196" spans="8:8">
      <c r="H272196" s="12"/>
    </row>
    <row r="272197" spans="8:8">
      <c r="H272197" s="12"/>
    </row>
    <row r="272198" spans="8:8">
      <c r="H272198" s="12"/>
    </row>
    <row r="272199" spans="8:8">
      <c r="H272199" s="12"/>
    </row>
    <row r="272200" spans="8:8">
      <c r="H272200" s="12"/>
    </row>
    <row r="272201" spans="8:8">
      <c r="H272201" s="12"/>
    </row>
    <row r="272202" spans="8:8">
      <c r="H272202" s="12"/>
    </row>
    <row r="272203" spans="8:8">
      <c r="H272203" s="12"/>
    </row>
    <row r="272204" spans="8:8">
      <c r="H272204" s="12"/>
    </row>
    <row r="272205" spans="8:8">
      <c r="H272205" s="12"/>
    </row>
    <row r="272206" spans="8:8">
      <c r="H272206" s="12"/>
    </row>
    <row r="272207" spans="8:8">
      <c r="H272207" s="12"/>
    </row>
    <row r="272208" spans="8:8">
      <c r="H272208" s="12"/>
    </row>
    <row r="272209" spans="8:8">
      <c r="H272209" s="12"/>
    </row>
    <row r="272210" spans="8:8">
      <c r="H272210" s="12"/>
    </row>
    <row r="272211" spans="8:8">
      <c r="H272211" s="12"/>
    </row>
    <row r="272212" spans="8:8">
      <c r="H272212" s="12"/>
    </row>
    <row r="272213" spans="8:8">
      <c r="H272213" s="12"/>
    </row>
    <row r="272214" spans="8:8">
      <c r="H272214" s="12"/>
    </row>
    <row r="272215" spans="8:8">
      <c r="H272215" s="12"/>
    </row>
    <row r="272216" spans="8:8">
      <c r="H272216" s="12"/>
    </row>
    <row r="272217" spans="8:8">
      <c r="H272217" s="12"/>
    </row>
    <row r="272218" spans="8:8">
      <c r="H272218" s="12"/>
    </row>
    <row r="272219" spans="8:8">
      <c r="H272219" s="12"/>
    </row>
    <row r="272220" spans="8:8">
      <c r="H272220" s="12"/>
    </row>
    <row r="272221" spans="8:8">
      <c r="H272221" s="12"/>
    </row>
    <row r="272222" spans="8:8">
      <c r="H272222" s="12"/>
    </row>
    <row r="272223" spans="8:8">
      <c r="H272223" s="12"/>
    </row>
    <row r="272224" spans="8:8">
      <c r="H272224" s="12"/>
    </row>
    <row r="272225" spans="8:8">
      <c r="H272225" s="12"/>
    </row>
    <row r="272226" spans="8:8">
      <c r="H272226" s="12"/>
    </row>
    <row r="272227" spans="8:8">
      <c r="H272227" s="12"/>
    </row>
    <row r="272228" spans="8:8">
      <c r="H272228" s="12"/>
    </row>
    <row r="272229" spans="8:8">
      <c r="H272229" s="12"/>
    </row>
    <row r="272230" spans="8:8">
      <c r="H272230" s="12"/>
    </row>
    <row r="272231" spans="8:8">
      <c r="H272231" s="12"/>
    </row>
    <row r="272232" spans="8:8">
      <c r="H272232" s="12"/>
    </row>
    <row r="272233" spans="8:8">
      <c r="H272233" s="12"/>
    </row>
    <row r="272234" spans="8:8">
      <c r="H272234" s="12"/>
    </row>
    <row r="272235" spans="8:8">
      <c r="H272235" s="12"/>
    </row>
    <row r="272236" spans="8:8">
      <c r="H272236" s="12"/>
    </row>
    <row r="272237" spans="8:8">
      <c r="H272237" s="12"/>
    </row>
    <row r="272238" spans="8:8">
      <c r="H272238" s="12"/>
    </row>
    <row r="272239" spans="8:8">
      <c r="H272239" s="12"/>
    </row>
    <row r="272240" spans="8:8">
      <c r="H272240" s="12"/>
    </row>
    <row r="272241" spans="8:8">
      <c r="H272241" s="12"/>
    </row>
    <row r="272242" spans="8:8">
      <c r="H272242" s="12"/>
    </row>
    <row r="272243" spans="8:8">
      <c r="H272243" s="12"/>
    </row>
    <row r="272244" spans="8:8">
      <c r="H272244" s="12"/>
    </row>
    <row r="272245" spans="8:8">
      <c r="H272245" s="12"/>
    </row>
    <row r="272246" spans="8:8">
      <c r="H272246" s="12"/>
    </row>
    <row r="272247" spans="8:8">
      <c r="H272247" s="12"/>
    </row>
    <row r="272248" spans="8:8">
      <c r="H272248" s="12"/>
    </row>
    <row r="272249" spans="8:8">
      <c r="H272249" s="12"/>
    </row>
    <row r="272250" spans="8:8">
      <c r="H272250" s="12"/>
    </row>
    <row r="272251" spans="8:8">
      <c r="H272251" s="12"/>
    </row>
    <row r="272252" spans="8:8">
      <c r="H272252" s="12"/>
    </row>
    <row r="272253" spans="8:8">
      <c r="H272253" s="12"/>
    </row>
    <row r="272254" spans="8:8">
      <c r="H272254" s="12"/>
    </row>
    <row r="272255" spans="8:8">
      <c r="H272255" s="12"/>
    </row>
    <row r="272256" spans="8:8">
      <c r="H272256" s="12"/>
    </row>
    <row r="272257" spans="8:8">
      <c r="H272257" s="12"/>
    </row>
    <row r="272258" spans="8:8">
      <c r="H272258" s="12"/>
    </row>
    <row r="272259" spans="8:8">
      <c r="H272259" s="12"/>
    </row>
    <row r="272260" spans="8:8">
      <c r="H272260" s="12"/>
    </row>
    <row r="272261" spans="8:8">
      <c r="H272261" s="12"/>
    </row>
    <row r="272262" spans="8:8">
      <c r="H272262" s="12"/>
    </row>
    <row r="272263" spans="8:8">
      <c r="H272263" s="12"/>
    </row>
    <row r="272264" spans="8:8">
      <c r="H272264" s="12"/>
    </row>
    <row r="272265" spans="8:8">
      <c r="H272265" s="12"/>
    </row>
    <row r="272266" spans="8:8">
      <c r="H272266" s="12"/>
    </row>
    <row r="272267" spans="8:8">
      <c r="H272267" s="12"/>
    </row>
    <row r="272268" spans="8:8">
      <c r="H272268" s="12"/>
    </row>
    <row r="272269" spans="8:8">
      <c r="H272269" s="12"/>
    </row>
    <row r="272270" spans="8:8">
      <c r="H272270" s="12"/>
    </row>
    <row r="272271" spans="8:8">
      <c r="H272271" s="12"/>
    </row>
    <row r="272272" spans="8:8">
      <c r="H272272" s="12"/>
    </row>
    <row r="272273" spans="8:8">
      <c r="H272273" s="12"/>
    </row>
    <row r="272274" spans="8:8">
      <c r="H272274" s="12"/>
    </row>
    <row r="272275" spans="8:8">
      <c r="H272275" s="12"/>
    </row>
    <row r="272276" spans="8:8">
      <c r="H272276" s="12"/>
    </row>
    <row r="272277" spans="8:8">
      <c r="H272277" s="12"/>
    </row>
    <row r="272278" spans="8:8">
      <c r="H272278" s="12"/>
    </row>
    <row r="272279" spans="8:8">
      <c r="H272279" s="12"/>
    </row>
    <row r="272280" spans="8:8">
      <c r="H272280" s="12"/>
    </row>
    <row r="272281" spans="8:8">
      <c r="H272281" s="12"/>
    </row>
    <row r="272282" spans="8:8">
      <c r="H272282" s="12"/>
    </row>
    <row r="272283" spans="8:8">
      <c r="H272283" s="12"/>
    </row>
    <row r="272284" spans="8:8">
      <c r="H272284" s="12"/>
    </row>
    <row r="272285" spans="8:8">
      <c r="H272285" s="12"/>
    </row>
    <row r="272286" spans="8:8">
      <c r="H272286" s="12"/>
    </row>
    <row r="272287" spans="8:8">
      <c r="H272287" s="12"/>
    </row>
    <row r="272288" spans="8:8">
      <c r="H272288" s="12"/>
    </row>
    <row r="272289" spans="8:8">
      <c r="H272289" s="12"/>
    </row>
    <row r="272290" spans="8:8">
      <c r="H272290" s="12"/>
    </row>
    <row r="272291" spans="8:8">
      <c r="H272291" s="12"/>
    </row>
    <row r="272292" spans="8:8">
      <c r="H272292" s="12"/>
    </row>
    <row r="272293" spans="8:8">
      <c r="H272293" s="12"/>
    </row>
    <row r="272294" spans="8:8">
      <c r="H272294" s="12"/>
    </row>
    <row r="272295" spans="8:8">
      <c r="H272295" s="12"/>
    </row>
    <row r="272296" spans="8:8">
      <c r="H272296" s="12"/>
    </row>
    <row r="272297" spans="8:8">
      <c r="H272297" s="12"/>
    </row>
    <row r="272298" spans="8:8">
      <c r="H272298" s="12"/>
    </row>
    <row r="272299" spans="8:8">
      <c r="H272299" s="12"/>
    </row>
    <row r="272300" spans="8:8">
      <c r="H272300" s="12"/>
    </row>
    <row r="272301" spans="8:8">
      <c r="H272301" s="12"/>
    </row>
    <row r="272302" spans="8:8">
      <c r="H272302" s="12"/>
    </row>
    <row r="272303" spans="8:8">
      <c r="H272303" s="12"/>
    </row>
    <row r="272304" spans="8:8">
      <c r="H272304" s="12"/>
    </row>
    <row r="272305" spans="8:8">
      <c r="H272305" s="12"/>
    </row>
    <row r="272306" spans="8:8">
      <c r="H272306" s="12"/>
    </row>
    <row r="272307" spans="8:8">
      <c r="H272307" s="12"/>
    </row>
    <row r="272308" spans="8:8">
      <c r="H272308" s="12"/>
    </row>
    <row r="272309" spans="8:8">
      <c r="H272309" s="12"/>
    </row>
    <row r="272310" spans="8:8">
      <c r="H272310" s="12"/>
    </row>
    <row r="272311" spans="8:8">
      <c r="H272311" s="12"/>
    </row>
    <row r="272312" spans="8:8">
      <c r="H272312" s="12"/>
    </row>
    <row r="272313" spans="8:8">
      <c r="H272313" s="12"/>
    </row>
    <row r="272314" spans="8:8">
      <c r="H272314" s="12"/>
    </row>
    <row r="272315" spans="8:8">
      <c r="H272315" s="12"/>
    </row>
    <row r="272316" spans="8:8">
      <c r="H272316" s="12"/>
    </row>
    <row r="272317" spans="8:8">
      <c r="H272317" s="12"/>
    </row>
    <row r="272318" spans="8:8">
      <c r="H272318" s="12"/>
    </row>
    <row r="272319" spans="8:8">
      <c r="H272319" s="12"/>
    </row>
    <row r="272320" spans="8:8">
      <c r="H272320" s="12"/>
    </row>
    <row r="272321" spans="8:8">
      <c r="H272321" s="12"/>
    </row>
    <row r="272322" spans="8:8">
      <c r="H272322" s="12"/>
    </row>
    <row r="272323" spans="8:8">
      <c r="H272323" s="12"/>
    </row>
    <row r="272324" spans="8:8">
      <c r="H272324" s="12"/>
    </row>
    <row r="272325" spans="8:8">
      <c r="H272325" s="12"/>
    </row>
    <row r="272326" spans="8:8">
      <c r="H272326" s="12"/>
    </row>
    <row r="272327" spans="8:8">
      <c r="H272327" s="12"/>
    </row>
    <row r="272328" spans="8:8">
      <c r="H272328" s="12"/>
    </row>
    <row r="272329" spans="8:8">
      <c r="H272329" s="12"/>
    </row>
    <row r="272330" spans="8:8">
      <c r="H272330" s="12"/>
    </row>
    <row r="272331" spans="8:8">
      <c r="H272331" s="12"/>
    </row>
    <row r="272332" spans="8:8">
      <c r="H272332" s="12"/>
    </row>
    <row r="272333" spans="8:8">
      <c r="H272333" s="12"/>
    </row>
    <row r="272334" spans="8:8">
      <c r="H272334" s="12"/>
    </row>
    <row r="272335" spans="8:8">
      <c r="H272335" s="12"/>
    </row>
    <row r="272336" spans="8:8">
      <c r="H272336" s="12"/>
    </row>
    <row r="272337" spans="8:8">
      <c r="H272337" s="12"/>
    </row>
    <row r="272338" spans="8:8">
      <c r="H272338" s="12"/>
    </row>
    <row r="272339" spans="8:8">
      <c r="H272339" s="12"/>
    </row>
    <row r="272340" spans="8:8">
      <c r="H272340" s="12"/>
    </row>
    <row r="272341" spans="8:8">
      <c r="H272341" s="12"/>
    </row>
    <row r="272342" spans="8:8">
      <c r="H272342" s="12"/>
    </row>
    <row r="272343" spans="8:8">
      <c r="H272343" s="12"/>
    </row>
    <row r="272344" spans="8:8">
      <c r="H272344" s="12"/>
    </row>
    <row r="272345" spans="8:8">
      <c r="H272345" s="12"/>
    </row>
    <row r="272346" spans="8:8">
      <c r="H272346" s="12"/>
    </row>
    <row r="272347" spans="8:8">
      <c r="H272347" s="12"/>
    </row>
    <row r="272348" spans="8:8">
      <c r="H272348" s="12"/>
    </row>
    <row r="272349" spans="8:8">
      <c r="H272349" s="12"/>
    </row>
    <row r="272350" spans="8:8">
      <c r="H272350" s="12"/>
    </row>
    <row r="272351" spans="8:8">
      <c r="H272351" s="12"/>
    </row>
    <row r="272352" spans="8:8">
      <c r="H272352" s="12"/>
    </row>
    <row r="272353" spans="8:8">
      <c r="H272353" s="12"/>
    </row>
    <row r="272354" spans="8:8">
      <c r="H272354" s="12"/>
    </row>
    <row r="272355" spans="8:8">
      <c r="H272355" s="12"/>
    </row>
    <row r="272356" spans="8:8">
      <c r="H272356" s="12"/>
    </row>
    <row r="272357" spans="8:8">
      <c r="H272357" s="12"/>
    </row>
    <row r="272358" spans="8:8">
      <c r="H272358" s="12"/>
    </row>
    <row r="272359" spans="8:8">
      <c r="H272359" s="12"/>
    </row>
    <row r="272360" spans="8:8">
      <c r="H272360" s="12"/>
    </row>
    <row r="272361" spans="8:8">
      <c r="H272361" s="12"/>
    </row>
    <row r="272362" spans="8:8">
      <c r="H272362" s="12"/>
    </row>
    <row r="272363" spans="8:8">
      <c r="H272363" s="12"/>
    </row>
    <row r="272364" spans="8:8">
      <c r="H272364" s="12"/>
    </row>
    <row r="272365" spans="8:8">
      <c r="H272365" s="12"/>
    </row>
    <row r="272366" spans="8:8">
      <c r="H272366" s="12"/>
    </row>
    <row r="272367" spans="8:8">
      <c r="H272367" s="12"/>
    </row>
    <row r="272368" spans="8:8">
      <c r="H272368" s="12"/>
    </row>
    <row r="272369" spans="8:8">
      <c r="H272369" s="12"/>
    </row>
    <row r="272370" spans="8:8">
      <c r="H272370" s="12"/>
    </row>
    <row r="272371" spans="8:8">
      <c r="H272371" s="12"/>
    </row>
    <row r="272372" spans="8:8">
      <c r="H272372" s="12"/>
    </row>
    <row r="272373" spans="8:8">
      <c r="H272373" s="12"/>
    </row>
    <row r="272374" spans="8:8">
      <c r="H272374" s="12"/>
    </row>
    <row r="272375" spans="8:8">
      <c r="H272375" s="12"/>
    </row>
    <row r="272376" spans="8:8">
      <c r="H272376" s="12"/>
    </row>
    <row r="272377" spans="8:8">
      <c r="H272377" s="12"/>
    </row>
    <row r="272378" spans="8:8">
      <c r="H272378" s="12"/>
    </row>
    <row r="272379" spans="8:8">
      <c r="H272379" s="12"/>
    </row>
    <row r="272380" spans="8:8">
      <c r="H272380" s="12"/>
    </row>
    <row r="272381" spans="8:8">
      <c r="H272381" s="12"/>
    </row>
    <row r="272382" spans="8:8">
      <c r="H272382" s="12"/>
    </row>
    <row r="272383" spans="8:8">
      <c r="H272383" s="12"/>
    </row>
    <row r="272384" spans="8:8">
      <c r="H272384" s="12"/>
    </row>
    <row r="272385" spans="8:8">
      <c r="H272385" s="12"/>
    </row>
    <row r="272386" spans="8:8">
      <c r="H272386" s="12"/>
    </row>
    <row r="272387" spans="8:8">
      <c r="H272387" s="12"/>
    </row>
    <row r="272388" spans="8:8">
      <c r="H272388" s="12"/>
    </row>
    <row r="272389" spans="8:8">
      <c r="H272389" s="12"/>
    </row>
    <row r="272390" spans="8:8">
      <c r="H272390" s="12"/>
    </row>
    <row r="272391" spans="8:8">
      <c r="H272391" s="12"/>
    </row>
    <row r="272392" spans="8:8">
      <c r="H272392" s="12"/>
    </row>
    <row r="272393" spans="8:8">
      <c r="H272393" s="12"/>
    </row>
    <row r="272394" spans="8:8">
      <c r="H272394" s="12"/>
    </row>
    <row r="272395" spans="8:8">
      <c r="H272395" s="12"/>
    </row>
    <row r="272396" spans="8:8">
      <c r="H272396" s="12"/>
    </row>
    <row r="272397" spans="8:8">
      <c r="H272397" s="12"/>
    </row>
    <row r="272398" spans="8:8">
      <c r="H272398" s="12"/>
    </row>
    <row r="272399" spans="8:8">
      <c r="H272399" s="12"/>
    </row>
    <row r="272400" spans="8:8">
      <c r="H272400" s="12"/>
    </row>
    <row r="272401" spans="8:8">
      <c r="H272401" s="12"/>
    </row>
    <row r="272402" spans="8:8">
      <c r="H272402" s="12"/>
    </row>
    <row r="272403" spans="8:8">
      <c r="H272403" s="12"/>
    </row>
    <row r="272404" spans="8:8">
      <c r="H272404" s="12"/>
    </row>
    <row r="272405" spans="8:8">
      <c r="H272405" s="12"/>
    </row>
    <row r="272406" spans="8:8">
      <c r="H272406" s="12"/>
    </row>
    <row r="272407" spans="8:8">
      <c r="H272407" s="12"/>
    </row>
    <row r="272408" spans="8:8">
      <c r="H272408" s="12"/>
    </row>
    <row r="272409" spans="8:8">
      <c r="H272409" s="12"/>
    </row>
    <row r="272410" spans="8:8">
      <c r="H272410" s="12"/>
    </row>
    <row r="272411" spans="8:8">
      <c r="H272411" s="12"/>
    </row>
    <row r="272412" spans="8:8">
      <c r="H272412" s="12"/>
    </row>
    <row r="272413" spans="8:8">
      <c r="H272413" s="12"/>
    </row>
    <row r="272414" spans="8:8">
      <c r="H272414" s="12"/>
    </row>
    <row r="272415" spans="8:8">
      <c r="H272415" s="12"/>
    </row>
    <row r="272416" spans="8:8">
      <c r="H272416" s="12"/>
    </row>
    <row r="272417" spans="8:8">
      <c r="H272417" s="12"/>
    </row>
    <row r="272418" spans="8:8">
      <c r="H272418" s="12"/>
    </row>
    <row r="272419" spans="8:8">
      <c r="H272419" s="12"/>
    </row>
    <row r="272420" spans="8:8">
      <c r="H272420" s="12"/>
    </row>
    <row r="272421" spans="8:8">
      <c r="H272421" s="12"/>
    </row>
    <row r="272422" spans="8:8">
      <c r="H272422" s="12"/>
    </row>
    <row r="272423" spans="8:8">
      <c r="H272423" s="12"/>
    </row>
    <row r="272424" spans="8:8">
      <c r="H272424" s="12"/>
    </row>
    <row r="272425" spans="8:8">
      <c r="H272425" s="12"/>
    </row>
    <row r="272426" spans="8:8">
      <c r="H272426" s="12"/>
    </row>
    <row r="272427" spans="8:8">
      <c r="H272427" s="12"/>
    </row>
    <row r="272428" spans="8:8">
      <c r="H272428" s="12"/>
    </row>
    <row r="272429" spans="8:8">
      <c r="H272429" s="12"/>
    </row>
    <row r="272430" spans="8:8">
      <c r="H272430" s="12"/>
    </row>
    <row r="272431" spans="8:8">
      <c r="H272431" s="12"/>
    </row>
    <row r="272432" spans="8:8">
      <c r="H272432" s="12"/>
    </row>
    <row r="272433" spans="8:8">
      <c r="H272433" s="12"/>
    </row>
    <row r="272434" spans="8:8">
      <c r="H272434" s="12"/>
    </row>
    <row r="272435" spans="8:8">
      <c r="H272435" s="12"/>
    </row>
    <row r="272436" spans="8:8">
      <c r="H272436" s="12"/>
    </row>
    <row r="272437" spans="8:8">
      <c r="H272437" s="12"/>
    </row>
    <row r="272438" spans="8:8">
      <c r="H272438" s="12"/>
    </row>
    <row r="272439" spans="8:8">
      <c r="H272439" s="12"/>
    </row>
    <row r="272440" spans="8:8">
      <c r="H272440" s="12"/>
    </row>
    <row r="272441" spans="8:8">
      <c r="H272441" s="12"/>
    </row>
    <row r="272442" spans="8:8">
      <c r="H272442" s="12"/>
    </row>
    <row r="272443" spans="8:8">
      <c r="H272443" s="12"/>
    </row>
    <row r="272444" spans="8:8">
      <c r="H272444" s="12"/>
    </row>
    <row r="272445" spans="8:8">
      <c r="H272445" s="12"/>
    </row>
    <row r="272446" spans="8:8">
      <c r="H272446" s="12"/>
    </row>
    <row r="272447" spans="8:8">
      <c r="H272447" s="12"/>
    </row>
    <row r="272448" spans="8:8">
      <c r="H272448" s="12"/>
    </row>
    <row r="272449" spans="8:8">
      <c r="H272449" s="12"/>
    </row>
    <row r="272450" spans="8:8">
      <c r="H272450" s="12"/>
    </row>
    <row r="272451" spans="8:8">
      <c r="H272451" s="12"/>
    </row>
    <row r="272452" spans="8:8">
      <c r="H272452" s="12"/>
    </row>
    <row r="272453" spans="8:8">
      <c r="H272453" s="12"/>
    </row>
    <row r="272454" spans="8:8">
      <c r="H272454" s="12"/>
    </row>
    <row r="272455" spans="8:8">
      <c r="H272455" s="12"/>
    </row>
    <row r="272456" spans="8:8">
      <c r="H272456" s="12"/>
    </row>
    <row r="272457" spans="8:8">
      <c r="H272457" s="12"/>
    </row>
    <row r="272458" spans="8:8">
      <c r="H272458" s="12"/>
    </row>
    <row r="272459" spans="8:8">
      <c r="H272459" s="12"/>
    </row>
    <row r="272460" spans="8:8">
      <c r="H272460" s="12"/>
    </row>
    <row r="272461" spans="8:8">
      <c r="H272461" s="12"/>
    </row>
    <row r="272462" spans="8:8">
      <c r="H272462" s="12"/>
    </row>
    <row r="272463" spans="8:8">
      <c r="H272463" s="12"/>
    </row>
    <row r="272464" spans="8:8">
      <c r="H272464" s="12"/>
    </row>
    <row r="272465" spans="8:8">
      <c r="H272465" s="12"/>
    </row>
    <row r="272466" spans="8:8">
      <c r="H272466" s="12"/>
    </row>
    <row r="272467" spans="8:8">
      <c r="H272467" s="12"/>
    </row>
    <row r="272468" spans="8:8">
      <c r="H272468" s="12"/>
    </row>
    <row r="272469" spans="8:8">
      <c r="H272469" s="12"/>
    </row>
    <row r="272470" spans="8:8">
      <c r="H272470" s="12"/>
    </row>
    <row r="272471" spans="8:8">
      <c r="H272471" s="12"/>
    </row>
    <row r="272472" spans="8:8">
      <c r="H272472" s="12"/>
    </row>
    <row r="272473" spans="8:8">
      <c r="H272473" s="12"/>
    </row>
    <row r="272474" spans="8:8">
      <c r="H272474" s="12"/>
    </row>
    <row r="272475" spans="8:8">
      <c r="H272475" s="12"/>
    </row>
    <row r="272476" spans="8:8">
      <c r="H272476" s="12"/>
    </row>
    <row r="272477" spans="8:8">
      <c r="H272477" s="12"/>
    </row>
    <row r="272478" spans="8:8">
      <c r="H272478" s="12"/>
    </row>
    <row r="272479" spans="8:8">
      <c r="H272479" s="12"/>
    </row>
    <row r="272480" spans="8:8">
      <c r="H272480" s="12"/>
    </row>
    <row r="272481" spans="8:8">
      <c r="H272481" s="12"/>
    </row>
    <row r="272482" spans="8:8">
      <c r="H272482" s="12"/>
    </row>
    <row r="272483" spans="8:8">
      <c r="H272483" s="12"/>
    </row>
    <row r="272484" spans="8:8">
      <c r="H272484" s="12"/>
    </row>
    <row r="272485" spans="8:8">
      <c r="H272485" s="12"/>
    </row>
    <row r="272486" spans="8:8">
      <c r="H272486" s="12"/>
    </row>
    <row r="272487" spans="8:8">
      <c r="H272487" s="12"/>
    </row>
    <row r="272488" spans="8:8">
      <c r="H272488" s="12"/>
    </row>
    <row r="272489" spans="8:8">
      <c r="H272489" s="12"/>
    </row>
    <row r="272490" spans="8:8">
      <c r="H272490" s="12"/>
    </row>
    <row r="272491" spans="8:8">
      <c r="H272491" s="12"/>
    </row>
    <row r="272492" spans="8:8">
      <c r="H272492" s="12"/>
    </row>
    <row r="272493" spans="8:8">
      <c r="H272493" s="12"/>
    </row>
    <row r="272494" spans="8:8">
      <c r="H272494" s="12"/>
    </row>
    <row r="272495" spans="8:8">
      <c r="H272495" s="12"/>
    </row>
    <row r="272496" spans="8:8">
      <c r="H272496" s="12"/>
    </row>
    <row r="272497" spans="8:8">
      <c r="H272497" s="12"/>
    </row>
    <row r="272498" spans="8:8">
      <c r="H272498" s="12"/>
    </row>
    <row r="272499" spans="8:8">
      <c r="H272499" s="12"/>
    </row>
    <row r="272500" spans="8:8">
      <c r="H272500" s="12"/>
    </row>
    <row r="272501" spans="8:8">
      <c r="H272501" s="12"/>
    </row>
    <row r="272502" spans="8:8">
      <c r="H272502" s="12"/>
    </row>
    <row r="272503" spans="8:8">
      <c r="H272503" s="12"/>
    </row>
    <row r="272504" spans="8:8">
      <c r="H272504" s="12"/>
    </row>
    <row r="272505" spans="8:8">
      <c r="H272505" s="12"/>
    </row>
    <row r="272506" spans="8:8">
      <c r="H272506" s="12"/>
    </row>
    <row r="272507" spans="8:8">
      <c r="H272507" s="12"/>
    </row>
    <row r="272508" spans="8:8">
      <c r="H272508" s="12"/>
    </row>
    <row r="272509" spans="8:8">
      <c r="H272509" s="12"/>
    </row>
    <row r="272510" spans="8:8">
      <c r="H272510" s="12"/>
    </row>
    <row r="272511" spans="8:8">
      <c r="H272511" s="12"/>
    </row>
    <row r="272512" spans="8:8">
      <c r="H272512" s="12"/>
    </row>
    <row r="272513" spans="8:8">
      <c r="H272513" s="12"/>
    </row>
    <row r="272514" spans="8:8">
      <c r="H272514" s="12"/>
    </row>
    <row r="272515" spans="8:8">
      <c r="H272515" s="12"/>
    </row>
    <row r="272516" spans="8:8">
      <c r="H272516" s="12"/>
    </row>
    <row r="272517" spans="8:8">
      <c r="H272517" s="12"/>
    </row>
    <row r="272518" spans="8:8">
      <c r="H272518" s="12"/>
    </row>
    <row r="272519" spans="8:8">
      <c r="H272519" s="12"/>
    </row>
    <row r="272520" spans="8:8">
      <c r="H272520" s="12"/>
    </row>
    <row r="272521" spans="8:8">
      <c r="H272521" s="12"/>
    </row>
    <row r="272522" spans="8:8">
      <c r="H272522" s="12"/>
    </row>
    <row r="272523" spans="8:8">
      <c r="H272523" s="12"/>
    </row>
    <row r="272524" spans="8:8">
      <c r="H272524" s="12"/>
    </row>
    <row r="272525" spans="8:8">
      <c r="H272525" s="12"/>
    </row>
    <row r="272526" spans="8:8">
      <c r="H272526" s="12"/>
    </row>
    <row r="272527" spans="8:8">
      <c r="H272527" s="12"/>
    </row>
    <row r="272528" spans="8:8">
      <c r="H272528" s="12"/>
    </row>
    <row r="272529" spans="8:8">
      <c r="H272529" s="12"/>
    </row>
    <row r="272530" spans="8:8">
      <c r="H272530" s="12"/>
    </row>
    <row r="272531" spans="8:8">
      <c r="H272531" s="12"/>
    </row>
    <row r="272532" spans="8:8">
      <c r="H272532" s="12"/>
    </row>
    <row r="272533" spans="8:8">
      <c r="H272533" s="12"/>
    </row>
    <row r="272534" spans="8:8">
      <c r="H272534" s="12"/>
    </row>
    <row r="272535" spans="8:8">
      <c r="H272535" s="12"/>
    </row>
    <row r="272536" spans="8:8">
      <c r="H272536" s="12"/>
    </row>
    <row r="272537" spans="8:8">
      <c r="H272537" s="12"/>
    </row>
    <row r="272538" spans="8:8">
      <c r="H272538" s="12"/>
    </row>
    <row r="272539" spans="8:8">
      <c r="H272539" s="12"/>
    </row>
    <row r="272540" spans="8:8">
      <c r="H272540" s="12"/>
    </row>
    <row r="272541" spans="8:8">
      <c r="H272541" s="12"/>
    </row>
    <row r="272542" spans="8:8">
      <c r="H272542" s="12"/>
    </row>
    <row r="272543" spans="8:8">
      <c r="H272543" s="12"/>
    </row>
    <row r="272544" spans="8:8">
      <c r="H272544" s="12"/>
    </row>
    <row r="272545" spans="8:8">
      <c r="H272545" s="12"/>
    </row>
    <row r="272546" spans="8:8">
      <c r="H272546" s="12"/>
    </row>
    <row r="272547" spans="8:8">
      <c r="H272547" s="12"/>
    </row>
    <row r="272548" spans="8:8">
      <c r="H272548" s="12"/>
    </row>
    <row r="272549" spans="8:8">
      <c r="H272549" s="12"/>
    </row>
    <row r="272550" spans="8:8">
      <c r="H272550" s="12"/>
    </row>
    <row r="272551" spans="8:8">
      <c r="H272551" s="12"/>
    </row>
    <row r="272552" spans="8:8">
      <c r="H272552" s="12"/>
    </row>
    <row r="272553" spans="8:8">
      <c r="H272553" s="12"/>
    </row>
    <row r="272554" spans="8:8">
      <c r="H272554" s="12"/>
    </row>
    <row r="272555" spans="8:8">
      <c r="H272555" s="12"/>
    </row>
    <row r="272556" spans="8:8">
      <c r="H272556" s="12"/>
    </row>
    <row r="272557" spans="8:8">
      <c r="H272557" s="12"/>
    </row>
    <row r="272558" spans="8:8">
      <c r="H272558" s="12"/>
    </row>
    <row r="272559" spans="8:8">
      <c r="H272559" s="12"/>
    </row>
    <row r="272560" spans="8:8">
      <c r="H272560" s="12"/>
    </row>
    <row r="272561" spans="8:8">
      <c r="H272561" s="12"/>
    </row>
    <row r="272562" spans="8:8">
      <c r="H272562" s="12"/>
    </row>
    <row r="272563" spans="8:8">
      <c r="H272563" s="12"/>
    </row>
    <row r="272564" spans="8:8">
      <c r="H272564" s="12"/>
    </row>
    <row r="272565" spans="8:8">
      <c r="H272565" s="12"/>
    </row>
    <row r="272566" spans="8:8">
      <c r="H272566" s="12"/>
    </row>
    <row r="272567" spans="8:8">
      <c r="H272567" s="12"/>
    </row>
    <row r="272568" spans="8:8">
      <c r="H272568" s="12"/>
    </row>
    <row r="272569" spans="8:8">
      <c r="H272569" s="12"/>
    </row>
    <row r="272570" spans="8:8">
      <c r="H272570" s="12"/>
    </row>
    <row r="272571" spans="8:8">
      <c r="H272571" s="12"/>
    </row>
    <row r="272572" spans="8:8">
      <c r="H272572" s="12"/>
    </row>
    <row r="272573" spans="8:8">
      <c r="H272573" s="12"/>
    </row>
    <row r="272574" spans="8:8">
      <c r="H272574" s="12"/>
    </row>
    <row r="272575" spans="8:8">
      <c r="H272575" s="12"/>
    </row>
    <row r="272576" spans="8:8">
      <c r="H272576" s="12"/>
    </row>
    <row r="272577" spans="8:8">
      <c r="H272577" s="12"/>
    </row>
    <row r="272578" spans="8:8">
      <c r="H272578" s="12"/>
    </row>
    <row r="272579" spans="8:8">
      <c r="H272579" s="12"/>
    </row>
    <row r="272580" spans="8:8">
      <c r="H272580" s="12"/>
    </row>
    <row r="272581" spans="8:8">
      <c r="H272581" s="12"/>
    </row>
    <row r="272582" spans="8:8">
      <c r="H272582" s="12"/>
    </row>
    <row r="272583" spans="8:8">
      <c r="H272583" s="12"/>
    </row>
    <row r="272584" spans="8:8">
      <c r="H272584" s="12"/>
    </row>
    <row r="272585" spans="8:8">
      <c r="H272585" s="12"/>
    </row>
    <row r="272586" spans="8:8">
      <c r="H272586" s="12"/>
    </row>
    <row r="272587" spans="8:8">
      <c r="H272587" s="12"/>
    </row>
    <row r="272588" spans="8:8">
      <c r="H272588" s="12"/>
    </row>
    <row r="272589" spans="8:8">
      <c r="H272589" s="12"/>
    </row>
    <row r="272590" spans="8:8">
      <c r="H272590" s="12"/>
    </row>
    <row r="272591" spans="8:8">
      <c r="H272591" s="12"/>
    </row>
    <row r="272592" spans="8:8">
      <c r="H272592" s="12"/>
    </row>
    <row r="272593" spans="8:8">
      <c r="H272593" s="12"/>
    </row>
    <row r="272594" spans="8:8">
      <c r="H272594" s="12"/>
    </row>
    <row r="272595" spans="8:8">
      <c r="H272595" s="12"/>
    </row>
    <row r="272596" spans="8:8">
      <c r="H272596" s="12"/>
    </row>
    <row r="272597" spans="8:8">
      <c r="H272597" s="12"/>
    </row>
    <row r="272598" spans="8:8">
      <c r="H272598" s="12"/>
    </row>
    <row r="272599" spans="8:8">
      <c r="H272599" s="12"/>
    </row>
    <row r="272600" spans="8:8">
      <c r="H272600" s="12"/>
    </row>
    <row r="272601" spans="8:8">
      <c r="H272601" s="12"/>
    </row>
    <row r="272602" spans="8:8">
      <c r="H272602" s="12"/>
    </row>
    <row r="272603" spans="8:8">
      <c r="H272603" s="12"/>
    </row>
    <row r="272604" spans="8:8">
      <c r="H272604" s="12"/>
    </row>
    <row r="272605" spans="8:8">
      <c r="H272605" s="12"/>
    </row>
    <row r="272606" spans="8:8">
      <c r="H272606" s="12"/>
    </row>
    <row r="272607" spans="8:8">
      <c r="H272607" s="12"/>
    </row>
    <row r="272608" spans="8:8">
      <c r="H272608" s="12"/>
    </row>
    <row r="272609" spans="8:8">
      <c r="H272609" s="12"/>
    </row>
    <row r="272610" spans="8:8">
      <c r="H272610" s="12"/>
    </row>
    <row r="272611" spans="8:8">
      <c r="H272611" s="12"/>
    </row>
    <row r="272612" spans="8:8">
      <c r="H272612" s="12"/>
    </row>
    <row r="272613" spans="8:8">
      <c r="H272613" s="12"/>
    </row>
    <row r="272614" spans="8:8">
      <c r="H272614" s="12"/>
    </row>
    <row r="272615" spans="8:8">
      <c r="H272615" s="12"/>
    </row>
    <row r="272616" spans="8:8">
      <c r="H272616" s="12"/>
    </row>
    <row r="272617" spans="8:8">
      <c r="H272617" s="12"/>
    </row>
    <row r="272618" spans="8:8">
      <c r="H272618" s="12"/>
    </row>
    <row r="272619" spans="8:8">
      <c r="H272619" s="12"/>
    </row>
    <row r="272620" spans="8:8">
      <c r="H272620" s="12"/>
    </row>
    <row r="272621" spans="8:8">
      <c r="H272621" s="12"/>
    </row>
    <row r="272622" spans="8:8">
      <c r="H272622" s="12"/>
    </row>
    <row r="272623" spans="8:8">
      <c r="H272623" s="12"/>
    </row>
    <row r="272624" spans="8:8">
      <c r="H272624" s="12"/>
    </row>
    <row r="272625" spans="8:8">
      <c r="H272625" s="12"/>
    </row>
    <row r="272626" spans="8:8">
      <c r="H272626" s="12"/>
    </row>
    <row r="272627" spans="8:8">
      <c r="H272627" s="12"/>
    </row>
    <row r="272628" spans="8:8">
      <c r="H272628" s="12"/>
    </row>
    <row r="272629" spans="8:8">
      <c r="H272629" s="12"/>
    </row>
    <row r="272630" spans="8:8">
      <c r="H272630" s="12"/>
    </row>
    <row r="272631" spans="8:8">
      <c r="H272631" s="12"/>
    </row>
    <row r="272632" spans="8:8">
      <c r="H272632" s="12"/>
    </row>
    <row r="272633" spans="8:8">
      <c r="H272633" s="12"/>
    </row>
    <row r="272634" spans="8:8">
      <c r="H272634" s="12"/>
    </row>
    <row r="272635" spans="8:8">
      <c r="H272635" s="12"/>
    </row>
    <row r="272636" spans="8:8">
      <c r="H272636" s="12"/>
    </row>
    <row r="272637" spans="8:8">
      <c r="H272637" s="12"/>
    </row>
    <row r="272638" spans="8:8">
      <c r="H272638" s="12"/>
    </row>
    <row r="272639" spans="8:8">
      <c r="H272639" s="12"/>
    </row>
    <row r="272640" spans="8:8">
      <c r="H272640" s="12"/>
    </row>
    <row r="272641" spans="8:8">
      <c r="H272641" s="12"/>
    </row>
    <row r="272642" spans="8:8">
      <c r="H272642" s="12"/>
    </row>
    <row r="272643" spans="8:8">
      <c r="H272643" s="12"/>
    </row>
    <row r="272644" spans="8:8">
      <c r="H272644" s="12"/>
    </row>
    <row r="272645" spans="8:8">
      <c r="H272645" s="12"/>
    </row>
    <row r="272646" spans="8:8">
      <c r="H272646" s="12"/>
    </row>
    <row r="272647" spans="8:8">
      <c r="H272647" s="12"/>
    </row>
    <row r="272648" spans="8:8">
      <c r="H272648" s="12"/>
    </row>
    <row r="272649" spans="8:8">
      <c r="H272649" s="12"/>
    </row>
    <row r="272650" spans="8:8">
      <c r="H272650" s="12"/>
    </row>
    <row r="272651" spans="8:8">
      <c r="H272651" s="12"/>
    </row>
    <row r="272652" spans="8:8">
      <c r="H272652" s="12"/>
    </row>
    <row r="272653" spans="8:8">
      <c r="H272653" s="12"/>
    </row>
    <row r="272654" spans="8:8">
      <c r="H272654" s="12"/>
    </row>
    <row r="272655" spans="8:8">
      <c r="H272655" s="12"/>
    </row>
    <row r="272656" spans="8:8">
      <c r="H272656" s="12"/>
    </row>
    <row r="272657" spans="8:8">
      <c r="H272657" s="12"/>
    </row>
    <row r="272658" spans="8:8">
      <c r="H272658" s="12"/>
    </row>
    <row r="272659" spans="8:8">
      <c r="H272659" s="12"/>
    </row>
    <row r="272660" spans="8:8">
      <c r="H272660" s="12"/>
    </row>
    <row r="272661" spans="8:8">
      <c r="H272661" s="12"/>
    </row>
    <row r="272662" spans="8:8">
      <c r="H272662" s="12"/>
    </row>
    <row r="272663" spans="8:8">
      <c r="H272663" s="12"/>
    </row>
    <row r="272664" spans="8:8">
      <c r="H272664" s="12"/>
    </row>
    <row r="272665" spans="8:8">
      <c r="H272665" s="12"/>
    </row>
    <row r="272666" spans="8:8">
      <c r="H272666" s="12"/>
    </row>
    <row r="272667" spans="8:8">
      <c r="H272667" s="12"/>
    </row>
    <row r="272668" spans="8:8">
      <c r="H272668" s="12"/>
    </row>
    <row r="272669" spans="8:8">
      <c r="H272669" s="12"/>
    </row>
    <row r="272670" spans="8:8">
      <c r="H272670" s="12"/>
    </row>
    <row r="272671" spans="8:8">
      <c r="H272671" s="12"/>
    </row>
    <row r="272672" spans="8:8">
      <c r="H272672" s="12"/>
    </row>
    <row r="272673" spans="8:8">
      <c r="H272673" s="12"/>
    </row>
    <row r="272674" spans="8:8">
      <c r="H272674" s="12"/>
    </row>
    <row r="272675" spans="8:8">
      <c r="H272675" s="12"/>
    </row>
    <row r="272676" spans="8:8">
      <c r="H272676" s="12"/>
    </row>
    <row r="272677" spans="8:8">
      <c r="H272677" s="12"/>
    </row>
    <row r="272678" spans="8:8">
      <c r="H272678" s="12"/>
    </row>
    <row r="272679" spans="8:8">
      <c r="H272679" s="12"/>
    </row>
    <row r="272680" spans="8:8">
      <c r="H272680" s="12"/>
    </row>
    <row r="272681" spans="8:8">
      <c r="H272681" s="12"/>
    </row>
    <row r="272682" spans="8:8">
      <c r="H272682" s="12"/>
    </row>
    <row r="272683" spans="8:8">
      <c r="H272683" s="12"/>
    </row>
    <row r="272684" spans="8:8">
      <c r="H272684" s="12"/>
    </row>
    <row r="272685" spans="8:8">
      <c r="H272685" s="12"/>
    </row>
    <row r="272686" spans="8:8">
      <c r="H272686" s="12"/>
    </row>
    <row r="272687" spans="8:8">
      <c r="H272687" s="12"/>
    </row>
    <row r="272688" spans="8:8">
      <c r="H272688" s="12"/>
    </row>
    <row r="272689" spans="8:8">
      <c r="H272689" s="12"/>
    </row>
    <row r="272690" spans="8:8">
      <c r="H272690" s="12"/>
    </row>
    <row r="272691" spans="8:8">
      <c r="H272691" s="12"/>
    </row>
    <row r="272692" spans="8:8">
      <c r="H272692" s="12"/>
    </row>
    <row r="272693" spans="8:8">
      <c r="H272693" s="12"/>
    </row>
    <row r="272694" spans="8:8">
      <c r="H272694" s="12"/>
    </row>
    <row r="272695" spans="8:8">
      <c r="H272695" s="12"/>
    </row>
    <row r="272696" spans="8:8">
      <c r="H272696" s="12"/>
    </row>
    <row r="272697" spans="8:8">
      <c r="H272697" s="12"/>
    </row>
    <row r="272698" spans="8:8">
      <c r="H272698" s="12"/>
    </row>
    <row r="272699" spans="8:8">
      <c r="H272699" s="12"/>
    </row>
    <row r="272700" spans="8:8">
      <c r="H272700" s="12"/>
    </row>
    <row r="272701" spans="8:8">
      <c r="H272701" s="12"/>
    </row>
    <row r="272702" spans="8:8">
      <c r="H272702" s="12"/>
    </row>
    <row r="272703" spans="8:8">
      <c r="H272703" s="12"/>
    </row>
    <row r="272704" spans="8:8">
      <c r="H272704" s="12"/>
    </row>
    <row r="272705" spans="8:8">
      <c r="H272705" s="12"/>
    </row>
    <row r="272706" spans="8:8">
      <c r="H272706" s="12"/>
    </row>
    <row r="272707" spans="8:8">
      <c r="H272707" s="12"/>
    </row>
    <row r="272708" spans="8:8">
      <c r="H272708" s="12"/>
    </row>
    <row r="272709" spans="8:8">
      <c r="H272709" s="12"/>
    </row>
    <row r="272710" spans="8:8">
      <c r="H272710" s="12"/>
    </row>
    <row r="272711" spans="8:8">
      <c r="H272711" s="12"/>
    </row>
    <row r="272712" spans="8:8">
      <c r="H272712" s="12"/>
    </row>
    <row r="272713" spans="8:8">
      <c r="H272713" s="12"/>
    </row>
    <row r="272714" spans="8:8">
      <c r="H272714" s="12"/>
    </row>
    <row r="272715" spans="8:8">
      <c r="H272715" s="12"/>
    </row>
    <row r="272716" spans="8:8">
      <c r="H272716" s="12"/>
    </row>
    <row r="272717" spans="8:8">
      <c r="H272717" s="12"/>
    </row>
    <row r="272718" spans="8:8">
      <c r="H272718" s="12"/>
    </row>
    <row r="272719" spans="8:8">
      <c r="H272719" s="12"/>
    </row>
    <row r="272720" spans="8:8">
      <c r="H272720" s="12"/>
    </row>
    <row r="272721" spans="8:8">
      <c r="H272721" s="12"/>
    </row>
    <row r="272722" spans="8:8">
      <c r="H272722" s="12"/>
    </row>
    <row r="272723" spans="8:8">
      <c r="H272723" s="12"/>
    </row>
    <row r="272724" spans="8:8">
      <c r="H272724" s="12"/>
    </row>
    <row r="272725" spans="8:8">
      <c r="H272725" s="12"/>
    </row>
    <row r="272726" spans="8:8">
      <c r="H272726" s="12"/>
    </row>
    <row r="272727" spans="8:8">
      <c r="H272727" s="12"/>
    </row>
    <row r="272728" spans="8:8">
      <c r="H272728" s="12"/>
    </row>
    <row r="272729" spans="8:8">
      <c r="H272729" s="12"/>
    </row>
    <row r="272730" spans="8:8">
      <c r="H272730" s="12"/>
    </row>
    <row r="272731" spans="8:8">
      <c r="H272731" s="12"/>
    </row>
    <row r="272732" spans="8:8">
      <c r="H272732" s="12"/>
    </row>
    <row r="272733" spans="8:8">
      <c r="H272733" s="12"/>
    </row>
    <row r="272734" spans="8:8">
      <c r="H272734" s="12"/>
    </row>
    <row r="272735" spans="8:8">
      <c r="H272735" s="12"/>
    </row>
    <row r="272736" spans="8:8">
      <c r="H272736" s="12"/>
    </row>
    <row r="272737" spans="8:8">
      <c r="H272737" s="12"/>
    </row>
    <row r="272738" spans="8:8">
      <c r="H272738" s="12"/>
    </row>
    <row r="272739" spans="8:8">
      <c r="H272739" s="12"/>
    </row>
    <row r="272740" spans="8:8">
      <c r="H272740" s="12"/>
    </row>
    <row r="272741" spans="8:8">
      <c r="H272741" s="12"/>
    </row>
    <row r="272742" spans="8:8">
      <c r="H272742" s="12"/>
    </row>
    <row r="272743" spans="8:8">
      <c r="H272743" s="12"/>
    </row>
    <row r="272744" spans="8:8">
      <c r="H272744" s="12"/>
    </row>
    <row r="272745" spans="8:8">
      <c r="H272745" s="12"/>
    </row>
    <row r="272746" spans="8:8">
      <c r="H272746" s="12"/>
    </row>
    <row r="272747" spans="8:8">
      <c r="H272747" s="12"/>
    </row>
    <row r="272748" spans="8:8">
      <c r="H272748" s="12"/>
    </row>
    <row r="272749" spans="8:8">
      <c r="H272749" s="12"/>
    </row>
    <row r="272750" spans="8:8">
      <c r="H272750" s="12"/>
    </row>
    <row r="272751" spans="8:8">
      <c r="H272751" s="12"/>
    </row>
    <row r="272752" spans="8:8">
      <c r="H272752" s="12"/>
    </row>
    <row r="272753" spans="8:8">
      <c r="H272753" s="12"/>
    </row>
    <row r="272754" spans="8:8">
      <c r="H272754" s="12"/>
    </row>
    <row r="272755" spans="8:8">
      <c r="H272755" s="12"/>
    </row>
    <row r="272756" spans="8:8">
      <c r="H272756" s="12"/>
    </row>
    <row r="272757" spans="8:8">
      <c r="H272757" s="12"/>
    </row>
    <row r="272758" spans="8:8">
      <c r="H272758" s="12"/>
    </row>
    <row r="272759" spans="8:8">
      <c r="H272759" s="12"/>
    </row>
    <row r="272760" spans="8:8">
      <c r="H272760" s="12"/>
    </row>
    <row r="272761" spans="8:8">
      <c r="H272761" s="12"/>
    </row>
    <row r="272762" spans="8:8">
      <c r="H272762" s="12"/>
    </row>
    <row r="272763" spans="8:8">
      <c r="H272763" s="12"/>
    </row>
    <row r="272764" spans="8:8">
      <c r="H272764" s="12"/>
    </row>
    <row r="272765" spans="8:8">
      <c r="H272765" s="12"/>
    </row>
    <row r="272766" spans="8:8">
      <c r="H272766" s="12"/>
    </row>
    <row r="272767" spans="8:8">
      <c r="H272767" s="12"/>
    </row>
    <row r="272768" spans="8:8">
      <c r="H272768" s="12"/>
    </row>
    <row r="272769" spans="8:8">
      <c r="H272769" s="12"/>
    </row>
    <row r="272770" spans="8:8">
      <c r="H272770" s="12"/>
    </row>
    <row r="272771" spans="8:8">
      <c r="H272771" s="12"/>
    </row>
    <row r="272772" spans="8:8">
      <c r="H272772" s="12"/>
    </row>
    <row r="272773" spans="8:8">
      <c r="H272773" s="12"/>
    </row>
    <row r="272774" spans="8:8">
      <c r="H272774" s="12"/>
    </row>
    <row r="272775" spans="8:8">
      <c r="H272775" s="12"/>
    </row>
    <row r="272776" spans="8:8">
      <c r="H272776" s="12"/>
    </row>
    <row r="272777" spans="8:8">
      <c r="H272777" s="12"/>
    </row>
    <row r="272778" spans="8:8">
      <c r="H272778" s="12"/>
    </row>
    <row r="272779" spans="8:8">
      <c r="H272779" s="12"/>
    </row>
    <row r="272780" spans="8:8">
      <c r="H272780" s="12"/>
    </row>
    <row r="272781" spans="8:8">
      <c r="H272781" s="12"/>
    </row>
    <row r="272782" spans="8:8">
      <c r="H272782" s="12"/>
    </row>
    <row r="272783" spans="8:8">
      <c r="H272783" s="12"/>
    </row>
    <row r="272784" spans="8:8">
      <c r="H272784" s="12"/>
    </row>
    <row r="272785" spans="8:8">
      <c r="H272785" s="12"/>
    </row>
    <row r="272786" spans="8:8">
      <c r="H272786" s="12"/>
    </row>
    <row r="272787" spans="8:8">
      <c r="H272787" s="12"/>
    </row>
    <row r="272788" spans="8:8">
      <c r="H272788" s="12"/>
    </row>
    <row r="272789" spans="8:8">
      <c r="H272789" s="12"/>
    </row>
    <row r="272790" spans="8:8">
      <c r="H272790" s="12"/>
    </row>
    <row r="272791" spans="8:8">
      <c r="H272791" s="12"/>
    </row>
    <row r="272792" spans="8:8">
      <c r="H272792" s="12"/>
    </row>
    <row r="272793" spans="8:8">
      <c r="H272793" s="12"/>
    </row>
    <row r="272794" spans="8:8">
      <c r="H272794" s="12"/>
    </row>
    <row r="272795" spans="8:8">
      <c r="H272795" s="12"/>
    </row>
    <row r="272796" spans="8:8">
      <c r="H272796" s="12"/>
    </row>
    <row r="272797" spans="8:8">
      <c r="H272797" s="12"/>
    </row>
    <row r="272798" spans="8:8">
      <c r="H272798" s="12"/>
    </row>
    <row r="272799" spans="8:8">
      <c r="H272799" s="12"/>
    </row>
    <row r="272800" spans="8:8">
      <c r="H272800" s="12"/>
    </row>
    <row r="272801" spans="8:8">
      <c r="H272801" s="12"/>
    </row>
    <row r="272802" spans="8:8">
      <c r="H272802" s="12"/>
    </row>
    <row r="272803" spans="8:8">
      <c r="H272803" s="12"/>
    </row>
    <row r="272804" spans="8:8">
      <c r="H272804" s="12"/>
    </row>
    <row r="272805" spans="8:8">
      <c r="H272805" s="12"/>
    </row>
    <row r="272806" spans="8:8">
      <c r="H272806" s="12"/>
    </row>
    <row r="272807" spans="8:8">
      <c r="H272807" s="12"/>
    </row>
    <row r="272808" spans="8:8">
      <c r="H272808" s="12"/>
    </row>
    <row r="272809" spans="8:8">
      <c r="H272809" s="12"/>
    </row>
    <row r="272810" spans="8:8">
      <c r="H272810" s="12"/>
    </row>
    <row r="272811" spans="8:8">
      <c r="H272811" s="12"/>
    </row>
    <row r="272812" spans="8:8">
      <c r="H272812" s="12"/>
    </row>
    <row r="272813" spans="8:8">
      <c r="H272813" s="12"/>
    </row>
    <row r="272814" spans="8:8">
      <c r="H272814" s="12"/>
    </row>
    <row r="272815" spans="8:8">
      <c r="H272815" s="12"/>
    </row>
    <row r="272816" spans="8:8">
      <c r="H272816" s="12"/>
    </row>
    <row r="272817" spans="8:8">
      <c r="H272817" s="12"/>
    </row>
    <row r="272818" spans="8:8">
      <c r="H272818" s="12"/>
    </row>
    <row r="272819" spans="8:8">
      <c r="H272819" s="12"/>
    </row>
    <row r="272820" spans="8:8">
      <c r="H272820" s="12"/>
    </row>
    <row r="272821" spans="8:8">
      <c r="H272821" s="12"/>
    </row>
    <row r="272822" spans="8:8">
      <c r="H272822" s="12"/>
    </row>
    <row r="272823" spans="8:8">
      <c r="H272823" s="12"/>
    </row>
    <row r="272824" spans="8:8">
      <c r="H272824" s="12"/>
    </row>
    <row r="272825" spans="8:8">
      <c r="H272825" s="12"/>
    </row>
    <row r="272826" spans="8:8">
      <c r="H272826" s="12"/>
    </row>
    <row r="272827" spans="8:8">
      <c r="H272827" s="12"/>
    </row>
    <row r="272828" spans="8:8">
      <c r="H272828" s="12"/>
    </row>
    <row r="272829" spans="8:8">
      <c r="H272829" s="12"/>
    </row>
    <row r="272830" spans="8:8">
      <c r="H272830" s="12"/>
    </row>
    <row r="272831" spans="8:8">
      <c r="H272831" s="12"/>
    </row>
    <row r="272832" spans="8:8">
      <c r="H272832" s="12"/>
    </row>
    <row r="272833" spans="8:8">
      <c r="H272833" s="12"/>
    </row>
    <row r="272834" spans="8:8">
      <c r="H272834" s="12"/>
    </row>
    <row r="272835" spans="8:8">
      <c r="H272835" s="12"/>
    </row>
    <row r="272836" spans="8:8">
      <c r="H272836" s="12"/>
    </row>
    <row r="272837" spans="8:8">
      <c r="H272837" s="12"/>
    </row>
    <row r="272838" spans="8:8">
      <c r="H272838" s="12"/>
    </row>
    <row r="272839" spans="8:8">
      <c r="H272839" s="12"/>
    </row>
    <row r="272840" spans="8:8">
      <c r="H272840" s="12"/>
    </row>
    <row r="272841" spans="8:8">
      <c r="H272841" s="12"/>
    </row>
    <row r="272842" spans="8:8">
      <c r="H272842" s="12"/>
    </row>
    <row r="272843" spans="8:8">
      <c r="H272843" s="12"/>
    </row>
    <row r="272844" spans="8:8">
      <c r="H272844" s="12"/>
    </row>
    <row r="272845" spans="8:8">
      <c r="H272845" s="12"/>
    </row>
    <row r="272846" spans="8:8">
      <c r="H272846" s="12"/>
    </row>
    <row r="272847" spans="8:8">
      <c r="H272847" s="12"/>
    </row>
    <row r="272848" spans="8:8">
      <c r="H272848" s="12"/>
    </row>
    <row r="272849" spans="8:8">
      <c r="H272849" s="12"/>
    </row>
    <row r="272850" spans="8:8">
      <c r="H272850" s="12"/>
    </row>
    <row r="272851" spans="8:8">
      <c r="H272851" s="12"/>
    </row>
    <row r="272852" spans="8:8">
      <c r="H272852" s="12"/>
    </row>
    <row r="272853" spans="8:8">
      <c r="H272853" s="12"/>
    </row>
    <row r="272854" spans="8:8">
      <c r="H272854" s="12"/>
    </row>
    <row r="272855" spans="8:8">
      <c r="H272855" s="12"/>
    </row>
    <row r="272856" spans="8:8">
      <c r="H272856" s="12"/>
    </row>
    <row r="272857" spans="8:8">
      <c r="H272857" s="12"/>
    </row>
    <row r="272858" spans="8:8">
      <c r="H272858" s="12"/>
    </row>
    <row r="272859" spans="8:8">
      <c r="H272859" s="12"/>
    </row>
    <row r="272860" spans="8:8">
      <c r="H272860" s="12"/>
    </row>
    <row r="272861" spans="8:8">
      <c r="H272861" s="12"/>
    </row>
    <row r="272862" spans="8:8">
      <c r="H272862" s="12"/>
    </row>
    <row r="272863" spans="8:8">
      <c r="H272863" s="12"/>
    </row>
    <row r="272864" spans="8:8">
      <c r="H272864" s="12"/>
    </row>
    <row r="272865" spans="8:8">
      <c r="H272865" s="12"/>
    </row>
    <row r="272866" spans="8:8">
      <c r="H272866" s="12"/>
    </row>
    <row r="272867" spans="8:8">
      <c r="H272867" s="12"/>
    </row>
    <row r="272868" spans="8:8">
      <c r="H272868" s="12"/>
    </row>
    <row r="272869" spans="8:8">
      <c r="H272869" s="12"/>
    </row>
    <row r="272870" spans="8:8">
      <c r="H272870" s="12"/>
    </row>
    <row r="272871" spans="8:8">
      <c r="H272871" s="12"/>
    </row>
    <row r="272872" spans="8:8">
      <c r="H272872" s="12"/>
    </row>
    <row r="272873" spans="8:8">
      <c r="H272873" s="12"/>
    </row>
    <row r="272874" spans="8:8">
      <c r="H272874" s="12"/>
    </row>
    <row r="272875" spans="8:8">
      <c r="H272875" s="12"/>
    </row>
    <row r="272876" spans="8:8">
      <c r="H272876" s="12"/>
    </row>
    <row r="272877" spans="8:8">
      <c r="H272877" s="12"/>
    </row>
    <row r="272878" spans="8:8">
      <c r="H272878" s="12"/>
    </row>
    <row r="272879" spans="8:8">
      <c r="H272879" s="12"/>
    </row>
    <row r="272880" spans="8:8">
      <c r="H272880" s="12"/>
    </row>
    <row r="272881" spans="8:8">
      <c r="H272881" s="12"/>
    </row>
    <row r="272882" spans="8:8">
      <c r="H272882" s="12"/>
    </row>
    <row r="272883" spans="8:8">
      <c r="H272883" s="12"/>
    </row>
    <row r="272884" spans="8:8">
      <c r="H272884" s="12"/>
    </row>
    <row r="272885" spans="8:8">
      <c r="H272885" s="12"/>
    </row>
    <row r="272886" spans="8:8">
      <c r="H272886" s="12"/>
    </row>
    <row r="272887" spans="8:8">
      <c r="H272887" s="12"/>
    </row>
    <row r="272888" spans="8:8">
      <c r="H272888" s="12"/>
    </row>
    <row r="272889" spans="8:8">
      <c r="H272889" s="12"/>
    </row>
    <row r="272890" spans="8:8">
      <c r="H272890" s="12"/>
    </row>
    <row r="272891" spans="8:8">
      <c r="H272891" s="12"/>
    </row>
    <row r="272892" spans="8:8">
      <c r="H272892" s="12"/>
    </row>
    <row r="272893" spans="8:8">
      <c r="H272893" s="12"/>
    </row>
    <row r="272894" spans="8:8">
      <c r="H272894" s="12"/>
    </row>
    <row r="272895" spans="8:8">
      <c r="H272895" s="12"/>
    </row>
    <row r="272896" spans="8:8">
      <c r="H272896" s="12"/>
    </row>
    <row r="272897" spans="8:8">
      <c r="H272897" s="12"/>
    </row>
    <row r="272898" spans="8:8">
      <c r="H272898" s="12"/>
    </row>
    <row r="272899" spans="8:8">
      <c r="H272899" s="12"/>
    </row>
    <row r="272900" spans="8:8">
      <c r="H272900" s="12"/>
    </row>
    <row r="272901" spans="8:8">
      <c r="H272901" s="12"/>
    </row>
    <row r="272902" spans="8:8">
      <c r="H272902" s="12"/>
    </row>
    <row r="272903" spans="8:8">
      <c r="H272903" s="12"/>
    </row>
    <row r="272904" spans="8:8">
      <c r="H272904" s="12"/>
    </row>
    <row r="272905" spans="8:8">
      <c r="H272905" s="12"/>
    </row>
    <row r="272906" spans="8:8">
      <c r="H272906" s="12"/>
    </row>
    <row r="272907" spans="8:8">
      <c r="H272907" s="12"/>
    </row>
    <row r="272908" spans="8:8">
      <c r="H272908" s="12"/>
    </row>
    <row r="272909" spans="8:8">
      <c r="H272909" s="12"/>
    </row>
    <row r="272910" spans="8:8">
      <c r="H272910" s="12"/>
    </row>
    <row r="272911" spans="8:8">
      <c r="H272911" s="12"/>
    </row>
    <row r="272912" spans="8:8">
      <c r="H272912" s="12"/>
    </row>
    <row r="272913" spans="8:8">
      <c r="H272913" s="12"/>
    </row>
    <row r="272914" spans="8:8">
      <c r="H272914" s="12"/>
    </row>
    <row r="272915" spans="8:8">
      <c r="H272915" s="12"/>
    </row>
    <row r="272916" spans="8:8">
      <c r="H272916" s="12"/>
    </row>
    <row r="272917" spans="8:8">
      <c r="H272917" s="12"/>
    </row>
    <row r="272918" spans="8:8">
      <c r="H272918" s="12"/>
    </row>
    <row r="272919" spans="8:8">
      <c r="H272919" s="12"/>
    </row>
    <row r="272920" spans="8:8">
      <c r="H272920" s="12"/>
    </row>
    <row r="272921" spans="8:8">
      <c r="H272921" s="12"/>
    </row>
    <row r="272922" spans="8:8">
      <c r="H272922" s="12"/>
    </row>
    <row r="272923" spans="8:8">
      <c r="H272923" s="12"/>
    </row>
    <row r="272924" spans="8:8">
      <c r="H272924" s="12"/>
    </row>
    <row r="272925" spans="8:8">
      <c r="H272925" s="12"/>
    </row>
    <row r="272926" spans="8:8">
      <c r="H272926" s="12"/>
    </row>
    <row r="272927" spans="8:8">
      <c r="H272927" s="12"/>
    </row>
    <row r="272928" spans="8:8">
      <c r="H272928" s="12"/>
    </row>
    <row r="272929" spans="8:8">
      <c r="H272929" s="12"/>
    </row>
    <row r="272930" spans="8:8">
      <c r="H272930" s="12"/>
    </row>
    <row r="272931" spans="8:8">
      <c r="H272931" s="12"/>
    </row>
    <row r="272932" spans="8:8">
      <c r="H272932" s="12"/>
    </row>
    <row r="272933" spans="8:8">
      <c r="H272933" s="12"/>
    </row>
    <row r="272934" spans="8:8">
      <c r="H272934" s="12"/>
    </row>
    <row r="272935" spans="8:8">
      <c r="H272935" s="12"/>
    </row>
    <row r="272936" spans="8:8">
      <c r="H272936" s="12"/>
    </row>
    <row r="272937" spans="8:8">
      <c r="H272937" s="12"/>
    </row>
    <row r="272938" spans="8:8">
      <c r="H272938" s="12"/>
    </row>
    <row r="272939" spans="8:8">
      <c r="H272939" s="12"/>
    </row>
    <row r="272940" spans="8:8">
      <c r="H272940" s="12"/>
    </row>
    <row r="272941" spans="8:8">
      <c r="H272941" s="12"/>
    </row>
    <row r="272942" spans="8:8">
      <c r="H272942" s="12"/>
    </row>
    <row r="272943" spans="8:8">
      <c r="H272943" s="12"/>
    </row>
    <row r="272944" spans="8:8">
      <c r="H272944" s="12"/>
    </row>
    <row r="272945" spans="8:8">
      <c r="H272945" s="12"/>
    </row>
    <row r="272946" spans="8:8">
      <c r="H272946" s="12"/>
    </row>
    <row r="272947" spans="8:8">
      <c r="H272947" s="12"/>
    </row>
    <row r="272948" spans="8:8">
      <c r="H272948" s="12"/>
    </row>
    <row r="272949" spans="8:8">
      <c r="H272949" s="12"/>
    </row>
    <row r="272950" spans="8:8">
      <c r="H272950" s="12"/>
    </row>
    <row r="272951" spans="8:8">
      <c r="H272951" s="12"/>
    </row>
    <row r="272952" spans="8:8">
      <c r="H272952" s="12"/>
    </row>
    <row r="272953" spans="8:8">
      <c r="H272953" s="12"/>
    </row>
    <row r="272954" spans="8:8">
      <c r="H272954" s="12"/>
    </row>
    <row r="272955" spans="8:8">
      <c r="H272955" s="12"/>
    </row>
    <row r="272956" spans="8:8">
      <c r="H272956" s="12"/>
    </row>
    <row r="272957" spans="8:8">
      <c r="H272957" s="12"/>
    </row>
    <row r="272958" spans="8:8">
      <c r="H272958" s="12"/>
    </row>
    <row r="272959" spans="8:8">
      <c r="H272959" s="12"/>
    </row>
    <row r="272960" spans="8:8">
      <c r="H272960" s="12"/>
    </row>
    <row r="272961" spans="8:8">
      <c r="H272961" s="12"/>
    </row>
    <row r="272962" spans="8:8">
      <c r="H272962" s="12"/>
    </row>
    <row r="272963" spans="8:8">
      <c r="H272963" s="12"/>
    </row>
    <row r="272964" spans="8:8">
      <c r="H272964" s="12"/>
    </row>
    <row r="272965" spans="8:8">
      <c r="H272965" s="12"/>
    </row>
    <row r="272966" spans="8:8">
      <c r="H272966" s="12"/>
    </row>
    <row r="272967" spans="8:8">
      <c r="H272967" s="12"/>
    </row>
    <row r="272968" spans="8:8">
      <c r="H272968" s="12"/>
    </row>
    <row r="272969" spans="8:8">
      <c r="H272969" s="12"/>
    </row>
    <row r="272970" spans="8:8">
      <c r="H272970" s="12"/>
    </row>
    <row r="272971" spans="8:8">
      <c r="H272971" s="12"/>
    </row>
    <row r="272972" spans="8:8">
      <c r="H272972" s="12"/>
    </row>
    <row r="272973" spans="8:8">
      <c r="H272973" s="12"/>
    </row>
    <row r="272974" spans="8:8">
      <c r="H272974" s="12"/>
    </row>
    <row r="272975" spans="8:8">
      <c r="H272975" s="12"/>
    </row>
    <row r="272976" spans="8:8">
      <c r="H272976" s="12"/>
    </row>
    <row r="272977" spans="8:8">
      <c r="H272977" s="12"/>
    </row>
    <row r="272978" spans="8:8">
      <c r="H272978" s="12"/>
    </row>
    <row r="272979" spans="8:8">
      <c r="H272979" s="12"/>
    </row>
    <row r="272980" spans="8:8">
      <c r="H272980" s="12"/>
    </row>
    <row r="272981" spans="8:8">
      <c r="H272981" s="12"/>
    </row>
    <row r="272982" spans="8:8">
      <c r="H272982" s="12"/>
    </row>
    <row r="272983" spans="8:8">
      <c r="H272983" s="12"/>
    </row>
    <row r="272984" spans="8:8">
      <c r="H272984" s="12"/>
    </row>
    <row r="272985" spans="8:8">
      <c r="H272985" s="12"/>
    </row>
    <row r="272986" spans="8:8">
      <c r="H272986" s="12"/>
    </row>
    <row r="272987" spans="8:8">
      <c r="H272987" s="12"/>
    </row>
    <row r="272988" spans="8:8">
      <c r="H272988" s="12"/>
    </row>
    <row r="272989" spans="8:8">
      <c r="H272989" s="12"/>
    </row>
    <row r="272990" spans="8:8">
      <c r="H272990" s="12"/>
    </row>
    <row r="272991" spans="8:8">
      <c r="H272991" s="12"/>
    </row>
    <row r="272992" spans="8:8">
      <c r="H272992" s="12"/>
    </row>
    <row r="272993" spans="8:8">
      <c r="H272993" s="12"/>
    </row>
    <row r="272994" spans="8:8">
      <c r="H272994" s="12"/>
    </row>
    <row r="272995" spans="8:8">
      <c r="H272995" s="12"/>
    </row>
    <row r="272996" spans="8:8">
      <c r="H272996" s="12"/>
    </row>
    <row r="272997" spans="8:8">
      <c r="H272997" s="12"/>
    </row>
    <row r="272998" spans="8:8">
      <c r="H272998" s="12"/>
    </row>
    <row r="272999" spans="8:8">
      <c r="H272999" s="12"/>
    </row>
    <row r="273000" spans="8:8">
      <c r="H273000" s="12"/>
    </row>
    <row r="273001" spans="8:8">
      <c r="H273001" s="12"/>
    </row>
    <row r="273002" spans="8:8">
      <c r="H273002" s="12"/>
    </row>
    <row r="273003" spans="8:8">
      <c r="H273003" s="12"/>
    </row>
    <row r="273004" spans="8:8">
      <c r="H273004" s="12"/>
    </row>
    <row r="273005" spans="8:8">
      <c r="H273005" s="12"/>
    </row>
    <row r="273006" spans="8:8">
      <c r="H273006" s="12"/>
    </row>
    <row r="273007" spans="8:8">
      <c r="H273007" s="12"/>
    </row>
    <row r="273008" spans="8:8">
      <c r="H273008" s="12"/>
    </row>
    <row r="273009" spans="8:8">
      <c r="H273009" s="12"/>
    </row>
    <row r="273010" spans="8:8">
      <c r="H273010" s="12"/>
    </row>
    <row r="273011" spans="8:8">
      <c r="H273011" s="12"/>
    </row>
    <row r="273012" spans="8:8">
      <c r="H273012" s="12"/>
    </row>
    <row r="273013" spans="8:8">
      <c r="H273013" s="12"/>
    </row>
    <row r="273014" spans="8:8">
      <c r="H273014" s="12"/>
    </row>
    <row r="273015" spans="8:8">
      <c r="H273015" s="12"/>
    </row>
    <row r="273016" spans="8:8">
      <c r="H273016" s="12"/>
    </row>
    <row r="273017" spans="8:8">
      <c r="H273017" s="12"/>
    </row>
    <row r="273018" spans="8:8">
      <c r="H273018" s="12"/>
    </row>
    <row r="273019" spans="8:8">
      <c r="H273019" s="12"/>
    </row>
    <row r="273020" spans="8:8">
      <c r="H273020" s="12"/>
    </row>
    <row r="273021" spans="8:8">
      <c r="H273021" s="12"/>
    </row>
    <row r="273022" spans="8:8">
      <c r="H273022" s="12"/>
    </row>
    <row r="273023" spans="8:8">
      <c r="H273023" s="12"/>
    </row>
    <row r="273024" spans="8:8">
      <c r="H273024" s="12"/>
    </row>
    <row r="273025" spans="8:8">
      <c r="H273025" s="12"/>
    </row>
    <row r="273026" spans="8:8">
      <c r="H273026" s="12"/>
    </row>
    <row r="273027" spans="8:8">
      <c r="H273027" s="12"/>
    </row>
    <row r="273028" spans="8:8">
      <c r="H273028" s="12"/>
    </row>
    <row r="273029" spans="8:8">
      <c r="H273029" s="12"/>
    </row>
    <row r="273030" spans="8:8">
      <c r="H273030" s="12"/>
    </row>
    <row r="273031" spans="8:8">
      <c r="H273031" s="12"/>
    </row>
    <row r="273032" spans="8:8">
      <c r="H273032" s="12"/>
    </row>
    <row r="273033" spans="8:8">
      <c r="H273033" s="12"/>
    </row>
    <row r="273034" spans="8:8">
      <c r="H273034" s="12"/>
    </row>
    <row r="273035" spans="8:8">
      <c r="H273035" s="12"/>
    </row>
    <row r="273036" spans="8:8">
      <c r="H273036" s="12"/>
    </row>
    <row r="273037" spans="8:8">
      <c r="H273037" s="12"/>
    </row>
    <row r="273038" spans="8:8">
      <c r="H273038" s="12"/>
    </row>
    <row r="273039" spans="8:8">
      <c r="H273039" s="12"/>
    </row>
    <row r="273040" spans="8:8">
      <c r="H273040" s="12"/>
    </row>
    <row r="273041" spans="8:8">
      <c r="H273041" s="12"/>
    </row>
    <row r="273042" spans="8:8">
      <c r="H273042" s="12"/>
    </row>
    <row r="273043" spans="8:8">
      <c r="H273043" s="12"/>
    </row>
    <row r="273044" spans="8:8">
      <c r="H273044" s="12"/>
    </row>
    <row r="273045" spans="8:8">
      <c r="H273045" s="12"/>
    </row>
    <row r="273046" spans="8:8">
      <c r="H273046" s="12"/>
    </row>
    <row r="273047" spans="8:8">
      <c r="H273047" s="12"/>
    </row>
    <row r="273048" spans="8:8">
      <c r="H273048" s="12"/>
    </row>
    <row r="273049" spans="8:8">
      <c r="H273049" s="12"/>
    </row>
    <row r="273050" spans="8:8">
      <c r="H273050" s="12"/>
    </row>
    <row r="273051" spans="8:8">
      <c r="H273051" s="12"/>
    </row>
    <row r="273052" spans="8:8">
      <c r="H273052" s="12"/>
    </row>
    <row r="273053" spans="8:8">
      <c r="H273053" s="12"/>
    </row>
    <row r="273054" spans="8:8">
      <c r="H273054" s="12"/>
    </row>
    <row r="273055" spans="8:8">
      <c r="H273055" s="12"/>
    </row>
    <row r="273056" spans="8:8">
      <c r="H273056" s="12"/>
    </row>
    <row r="273057" spans="8:8">
      <c r="H273057" s="12"/>
    </row>
    <row r="273058" spans="8:8">
      <c r="H273058" s="12"/>
    </row>
    <row r="273059" spans="8:8">
      <c r="H273059" s="12"/>
    </row>
    <row r="273060" spans="8:8">
      <c r="H273060" s="12"/>
    </row>
    <row r="273061" spans="8:8">
      <c r="H273061" s="12"/>
    </row>
    <row r="273062" spans="8:8">
      <c r="H273062" s="12"/>
    </row>
    <row r="273063" spans="8:8">
      <c r="H273063" s="12"/>
    </row>
    <row r="273064" spans="8:8">
      <c r="H273064" s="12"/>
    </row>
    <row r="273065" spans="8:8">
      <c r="H273065" s="12"/>
    </row>
    <row r="273066" spans="8:8">
      <c r="H273066" s="12"/>
    </row>
    <row r="273067" spans="8:8">
      <c r="H273067" s="12"/>
    </row>
    <row r="273068" spans="8:8">
      <c r="H273068" s="12"/>
    </row>
    <row r="273069" spans="8:8">
      <c r="H273069" s="12"/>
    </row>
    <row r="273070" spans="8:8">
      <c r="H273070" s="12"/>
    </row>
    <row r="273071" spans="8:8">
      <c r="H273071" s="12"/>
    </row>
    <row r="273072" spans="8:8">
      <c r="H273072" s="12"/>
    </row>
    <row r="273073" spans="8:8">
      <c r="H273073" s="12"/>
    </row>
    <row r="273074" spans="8:8">
      <c r="H273074" s="12"/>
    </row>
    <row r="273075" spans="8:8">
      <c r="H273075" s="12"/>
    </row>
    <row r="273076" spans="8:8">
      <c r="H273076" s="12"/>
    </row>
    <row r="273077" spans="8:8">
      <c r="H273077" s="12"/>
    </row>
    <row r="273078" spans="8:8">
      <c r="H273078" s="12"/>
    </row>
    <row r="273079" spans="8:8">
      <c r="H273079" s="12"/>
    </row>
    <row r="273080" spans="8:8">
      <c r="H273080" s="12"/>
    </row>
    <row r="273081" spans="8:8">
      <c r="H273081" s="12"/>
    </row>
    <row r="273082" spans="8:8">
      <c r="H273082" s="12"/>
    </row>
    <row r="273083" spans="8:8">
      <c r="H273083" s="12"/>
    </row>
    <row r="273084" spans="8:8">
      <c r="H273084" s="12"/>
    </row>
    <row r="273085" spans="8:8">
      <c r="H273085" s="12"/>
    </row>
    <row r="273086" spans="8:8">
      <c r="H273086" s="12"/>
    </row>
    <row r="273087" spans="8:8">
      <c r="H273087" s="12"/>
    </row>
    <row r="273088" spans="8:8">
      <c r="H273088" s="12"/>
    </row>
    <row r="273089" spans="8:8">
      <c r="H273089" s="12"/>
    </row>
    <row r="273090" spans="8:8">
      <c r="H273090" s="12"/>
    </row>
    <row r="273091" spans="8:8">
      <c r="H273091" s="12"/>
    </row>
    <row r="273092" spans="8:8">
      <c r="H273092" s="12"/>
    </row>
    <row r="273093" spans="8:8">
      <c r="H273093" s="12"/>
    </row>
    <row r="273094" spans="8:8">
      <c r="H273094" s="12"/>
    </row>
    <row r="273095" spans="8:8">
      <c r="H273095" s="12"/>
    </row>
    <row r="273096" spans="8:8">
      <c r="H273096" s="12"/>
    </row>
    <row r="273097" spans="8:8">
      <c r="H273097" s="12"/>
    </row>
    <row r="273098" spans="8:8">
      <c r="H273098" s="12"/>
    </row>
    <row r="273099" spans="8:8">
      <c r="H273099" s="12"/>
    </row>
    <row r="273100" spans="8:8">
      <c r="H273100" s="12"/>
    </row>
    <row r="273101" spans="8:8">
      <c r="H273101" s="12"/>
    </row>
    <row r="273102" spans="8:8">
      <c r="H273102" s="12"/>
    </row>
    <row r="273103" spans="8:8">
      <c r="H273103" s="12"/>
    </row>
    <row r="273104" spans="8:8">
      <c r="H273104" s="12"/>
    </row>
    <row r="273105" spans="8:8">
      <c r="H273105" s="12"/>
    </row>
    <row r="273106" spans="8:8">
      <c r="H273106" s="12"/>
    </row>
    <row r="273107" spans="8:8">
      <c r="H273107" s="12"/>
    </row>
    <row r="273108" spans="8:8">
      <c r="H273108" s="12"/>
    </row>
    <row r="273109" spans="8:8">
      <c r="H273109" s="12"/>
    </row>
    <row r="273110" spans="8:8">
      <c r="H273110" s="12"/>
    </row>
    <row r="273111" spans="8:8">
      <c r="H273111" s="12"/>
    </row>
    <row r="273112" spans="8:8">
      <c r="H273112" s="12"/>
    </row>
    <row r="273113" spans="8:8">
      <c r="H273113" s="12"/>
    </row>
    <row r="273114" spans="8:8">
      <c r="H273114" s="12"/>
    </row>
    <row r="273115" spans="8:8">
      <c r="H273115" s="12"/>
    </row>
    <row r="273116" spans="8:8">
      <c r="H273116" s="12"/>
    </row>
    <row r="273117" spans="8:8">
      <c r="H273117" s="12"/>
    </row>
    <row r="273118" spans="8:8">
      <c r="H273118" s="12"/>
    </row>
    <row r="273119" spans="8:8">
      <c r="H273119" s="12"/>
    </row>
    <row r="273120" spans="8:8">
      <c r="H273120" s="12"/>
    </row>
    <row r="273121" spans="8:8">
      <c r="H273121" s="12"/>
    </row>
    <row r="273122" spans="8:8">
      <c r="H273122" s="12"/>
    </row>
    <row r="273123" spans="8:8">
      <c r="H273123" s="12"/>
    </row>
    <row r="273124" spans="8:8">
      <c r="H273124" s="12"/>
    </row>
    <row r="273125" spans="8:8">
      <c r="H273125" s="12"/>
    </row>
    <row r="273126" spans="8:8">
      <c r="H273126" s="12"/>
    </row>
    <row r="273127" spans="8:8">
      <c r="H273127" s="12"/>
    </row>
    <row r="273128" spans="8:8">
      <c r="H273128" s="12"/>
    </row>
    <row r="273129" spans="8:8">
      <c r="H273129" s="12"/>
    </row>
    <row r="273130" spans="8:8">
      <c r="H273130" s="12"/>
    </row>
    <row r="273131" spans="8:8">
      <c r="H273131" s="12"/>
    </row>
    <row r="273132" spans="8:8">
      <c r="H273132" s="12"/>
    </row>
    <row r="273133" spans="8:8">
      <c r="H273133" s="12"/>
    </row>
    <row r="273134" spans="8:8">
      <c r="H273134" s="12"/>
    </row>
    <row r="273135" spans="8:8">
      <c r="H273135" s="12"/>
    </row>
    <row r="273136" spans="8:8">
      <c r="H273136" s="12"/>
    </row>
    <row r="273137" spans="8:8">
      <c r="H273137" s="12"/>
    </row>
    <row r="273138" spans="8:8">
      <c r="H273138" s="12"/>
    </row>
    <row r="273139" spans="8:8">
      <c r="H273139" s="12"/>
    </row>
    <row r="273140" spans="8:8">
      <c r="H273140" s="12"/>
    </row>
    <row r="273141" spans="8:8">
      <c r="H273141" s="12"/>
    </row>
    <row r="273142" spans="8:8">
      <c r="H273142" s="12"/>
    </row>
    <row r="273143" spans="8:8">
      <c r="H273143" s="12"/>
    </row>
    <row r="273144" spans="8:8">
      <c r="H273144" s="12"/>
    </row>
    <row r="273145" spans="8:8">
      <c r="H273145" s="12"/>
    </row>
    <row r="273146" spans="8:8">
      <c r="H273146" s="12"/>
    </row>
    <row r="273147" spans="8:8">
      <c r="H273147" s="12"/>
    </row>
    <row r="273148" spans="8:8">
      <c r="H273148" s="12"/>
    </row>
    <row r="273149" spans="8:8">
      <c r="H273149" s="12"/>
    </row>
    <row r="273150" spans="8:8">
      <c r="H273150" s="12"/>
    </row>
    <row r="273151" spans="8:8">
      <c r="H273151" s="12"/>
    </row>
    <row r="273152" spans="8:8">
      <c r="H273152" s="12"/>
    </row>
    <row r="273153" spans="8:8">
      <c r="H273153" s="12"/>
    </row>
    <row r="273154" spans="8:8">
      <c r="H273154" s="12"/>
    </row>
    <row r="273155" spans="8:8">
      <c r="H273155" s="12"/>
    </row>
    <row r="273156" spans="8:8">
      <c r="H273156" s="12"/>
    </row>
    <row r="273157" spans="8:8">
      <c r="H273157" s="12"/>
    </row>
    <row r="273158" spans="8:8">
      <c r="H273158" s="12"/>
    </row>
    <row r="273159" spans="8:8">
      <c r="H273159" s="12"/>
    </row>
    <row r="273160" spans="8:8">
      <c r="H273160" s="12"/>
    </row>
    <row r="273161" spans="8:8">
      <c r="H273161" s="12"/>
    </row>
    <row r="273162" spans="8:8">
      <c r="H273162" s="12"/>
    </row>
    <row r="273163" spans="8:8">
      <c r="H273163" s="12"/>
    </row>
    <row r="273164" spans="8:8">
      <c r="H273164" s="12"/>
    </row>
    <row r="273165" spans="8:8">
      <c r="H273165" s="12"/>
    </row>
    <row r="273166" spans="8:8">
      <c r="H273166" s="12"/>
    </row>
    <row r="273167" spans="8:8">
      <c r="H273167" s="12"/>
    </row>
    <row r="273168" spans="8:8">
      <c r="H273168" s="12"/>
    </row>
    <row r="273169" spans="8:8">
      <c r="H273169" s="12"/>
    </row>
    <row r="273170" spans="8:8">
      <c r="H273170" s="12"/>
    </row>
    <row r="273171" spans="8:8">
      <c r="H273171" s="12"/>
    </row>
    <row r="273172" spans="8:8">
      <c r="H273172" s="12"/>
    </row>
    <row r="273173" spans="8:8">
      <c r="H273173" s="12"/>
    </row>
    <row r="273174" spans="8:8">
      <c r="H273174" s="12"/>
    </row>
    <row r="273175" spans="8:8">
      <c r="H273175" s="12"/>
    </row>
    <row r="273176" spans="8:8">
      <c r="H273176" s="12"/>
    </row>
    <row r="273177" spans="8:8">
      <c r="H273177" s="12"/>
    </row>
    <row r="273178" spans="8:8">
      <c r="H273178" s="12"/>
    </row>
    <row r="273179" spans="8:8">
      <c r="H273179" s="12"/>
    </row>
    <row r="273180" spans="8:8">
      <c r="H273180" s="12"/>
    </row>
    <row r="273181" spans="8:8">
      <c r="H273181" s="12"/>
    </row>
    <row r="273182" spans="8:8">
      <c r="H273182" s="12"/>
    </row>
    <row r="273183" spans="8:8">
      <c r="H273183" s="12"/>
    </row>
    <row r="273184" spans="8:8">
      <c r="H273184" s="12"/>
    </row>
    <row r="273185" spans="8:8">
      <c r="H273185" s="12"/>
    </row>
    <row r="273186" spans="8:8">
      <c r="H273186" s="12"/>
    </row>
    <row r="273187" spans="8:8">
      <c r="H273187" s="12"/>
    </row>
    <row r="273188" spans="8:8">
      <c r="H273188" s="12"/>
    </row>
    <row r="273189" spans="8:8">
      <c r="H273189" s="12"/>
    </row>
    <row r="273190" spans="8:8">
      <c r="H273190" s="12"/>
    </row>
    <row r="273191" spans="8:8">
      <c r="H273191" s="12"/>
    </row>
    <row r="273192" spans="8:8">
      <c r="H273192" s="12"/>
    </row>
    <row r="273193" spans="8:8">
      <c r="H273193" s="12"/>
    </row>
    <row r="273194" spans="8:8">
      <c r="H273194" s="12"/>
    </row>
    <row r="273195" spans="8:8">
      <c r="H273195" s="12"/>
    </row>
    <row r="273196" spans="8:8">
      <c r="H273196" s="12"/>
    </row>
    <row r="273197" spans="8:8">
      <c r="H273197" s="12"/>
    </row>
    <row r="273198" spans="8:8">
      <c r="H273198" s="12"/>
    </row>
    <row r="273199" spans="8:8">
      <c r="H273199" s="12"/>
    </row>
    <row r="273200" spans="8:8">
      <c r="H273200" s="12"/>
    </row>
    <row r="273201" spans="8:8">
      <c r="H273201" s="12"/>
    </row>
    <row r="273202" spans="8:8">
      <c r="H273202" s="12"/>
    </row>
    <row r="273203" spans="8:8">
      <c r="H273203" s="12"/>
    </row>
    <row r="273204" spans="8:8">
      <c r="H273204" s="12"/>
    </row>
    <row r="273205" spans="8:8">
      <c r="H273205" s="12"/>
    </row>
    <row r="273206" spans="8:8">
      <c r="H273206" s="12"/>
    </row>
    <row r="273207" spans="8:8">
      <c r="H273207" s="12"/>
    </row>
    <row r="273208" spans="8:8">
      <c r="H273208" s="12"/>
    </row>
    <row r="273209" spans="8:8">
      <c r="H273209" s="12"/>
    </row>
    <row r="273210" spans="8:8">
      <c r="H273210" s="12"/>
    </row>
    <row r="273211" spans="8:8">
      <c r="H273211" s="12"/>
    </row>
    <row r="273212" spans="8:8">
      <c r="H273212" s="12"/>
    </row>
    <row r="273213" spans="8:8">
      <c r="H273213" s="12"/>
    </row>
    <row r="273214" spans="8:8">
      <c r="H273214" s="12"/>
    </row>
    <row r="273215" spans="8:8">
      <c r="H273215" s="12"/>
    </row>
    <row r="273216" spans="8:8">
      <c r="H273216" s="12"/>
    </row>
    <row r="273217" spans="8:8">
      <c r="H273217" s="12"/>
    </row>
    <row r="273218" spans="8:8">
      <c r="H273218" s="12"/>
    </row>
    <row r="273219" spans="8:8">
      <c r="H273219" s="12"/>
    </row>
    <row r="273220" spans="8:8">
      <c r="H273220" s="12"/>
    </row>
    <row r="273221" spans="8:8">
      <c r="H273221" s="12"/>
    </row>
    <row r="273222" spans="8:8">
      <c r="H273222" s="12"/>
    </row>
    <row r="273223" spans="8:8">
      <c r="H273223" s="12"/>
    </row>
    <row r="273224" spans="8:8">
      <c r="H273224" s="12"/>
    </row>
    <row r="273225" spans="8:8">
      <c r="H273225" s="12"/>
    </row>
    <row r="273226" spans="8:8">
      <c r="H273226" s="12"/>
    </row>
    <row r="273227" spans="8:8">
      <c r="H273227" s="12"/>
    </row>
    <row r="273228" spans="8:8">
      <c r="H273228" s="12"/>
    </row>
    <row r="273229" spans="8:8">
      <c r="H273229" s="12"/>
    </row>
    <row r="273230" spans="8:8">
      <c r="H273230" s="12"/>
    </row>
    <row r="273231" spans="8:8">
      <c r="H273231" s="12"/>
    </row>
    <row r="273232" spans="8:8">
      <c r="H273232" s="12"/>
    </row>
    <row r="273233" spans="8:8">
      <c r="H273233" s="12"/>
    </row>
    <row r="273234" spans="8:8">
      <c r="H273234" s="12"/>
    </row>
    <row r="273235" spans="8:8">
      <c r="H273235" s="12"/>
    </row>
    <row r="273236" spans="8:8">
      <c r="H273236" s="12"/>
    </row>
    <row r="273237" spans="8:8">
      <c r="H273237" s="12"/>
    </row>
    <row r="273238" spans="8:8">
      <c r="H273238" s="12"/>
    </row>
    <row r="273239" spans="8:8">
      <c r="H273239" s="12"/>
    </row>
    <row r="273240" spans="8:8">
      <c r="H273240" s="12"/>
    </row>
    <row r="273241" spans="8:8">
      <c r="H273241" s="12"/>
    </row>
    <row r="273242" spans="8:8">
      <c r="H273242" s="12"/>
    </row>
    <row r="273243" spans="8:8">
      <c r="H273243" s="12"/>
    </row>
    <row r="273244" spans="8:8">
      <c r="H273244" s="12"/>
    </row>
    <row r="273245" spans="8:8">
      <c r="H273245" s="12"/>
    </row>
    <row r="273246" spans="8:8">
      <c r="H273246" s="12"/>
    </row>
    <row r="273247" spans="8:8">
      <c r="H273247" s="12"/>
    </row>
    <row r="273248" spans="8:8">
      <c r="H273248" s="12"/>
    </row>
    <row r="273249" spans="8:8">
      <c r="H273249" s="12"/>
    </row>
    <row r="273250" spans="8:8">
      <c r="H273250" s="12"/>
    </row>
    <row r="273251" spans="8:8">
      <c r="H273251" s="12"/>
    </row>
    <row r="273252" spans="8:8">
      <c r="H273252" s="12"/>
    </row>
    <row r="273253" spans="8:8">
      <c r="H273253" s="12"/>
    </row>
    <row r="273254" spans="8:8">
      <c r="H273254" s="12"/>
    </row>
    <row r="273255" spans="8:8">
      <c r="H273255" s="12"/>
    </row>
    <row r="273256" spans="8:8">
      <c r="H273256" s="12"/>
    </row>
    <row r="273257" spans="8:8">
      <c r="H273257" s="12"/>
    </row>
    <row r="273258" spans="8:8">
      <c r="H273258" s="12"/>
    </row>
    <row r="273259" spans="8:8">
      <c r="H273259" s="12"/>
    </row>
    <row r="273260" spans="8:8">
      <c r="H273260" s="12"/>
    </row>
    <row r="273261" spans="8:8">
      <c r="H273261" s="12"/>
    </row>
    <row r="273262" spans="8:8">
      <c r="H273262" s="12"/>
    </row>
    <row r="273263" spans="8:8">
      <c r="H273263" s="12"/>
    </row>
    <row r="273264" spans="8:8">
      <c r="H273264" s="12"/>
    </row>
    <row r="273265" spans="8:8">
      <c r="H273265" s="12"/>
    </row>
    <row r="273266" spans="8:8">
      <c r="H273266" s="12"/>
    </row>
    <row r="273267" spans="8:8">
      <c r="H273267" s="12"/>
    </row>
    <row r="273268" spans="8:8">
      <c r="H273268" s="12"/>
    </row>
    <row r="273269" spans="8:8">
      <c r="H273269" s="12"/>
    </row>
    <row r="273270" spans="8:8">
      <c r="H273270" s="12"/>
    </row>
    <row r="273271" spans="8:8">
      <c r="H273271" s="12"/>
    </row>
    <row r="273272" spans="8:8">
      <c r="H273272" s="12"/>
    </row>
    <row r="273273" spans="8:8">
      <c r="H273273" s="12"/>
    </row>
    <row r="273274" spans="8:8">
      <c r="H273274" s="12"/>
    </row>
    <row r="273275" spans="8:8">
      <c r="H273275" s="12"/>
    </row>
    <row r="273276" spans="8:8">
      <c r="H273276" s="12"/>
    </row>
    <row r="273277" spans="8:8">
      <c r="H273277" s="12"/>
    </row>
    <row r="273278" spans="8:8">
      <c r="H273278" s="12"/>
    </row>
    <row r="273279" spans="8:8">
      <c r="H273279" s="12"/>
    </row>
    <row r="273280" spans="8:8">
      <c r="H273280" s="12"/>
    </row>
    <row r="273281" spans="8:8">
      <c r="H273281" s="12"/>
    </row>
    <row r="273282" spans="8:8">
      <c r="H273282" s="12"/>
    </row>
    <row r="273283" spans="8:8">
      <c r="H273283" s="12"/>
    </row>
    <row r="273284" spans="8:8">
      <c r="H273284" s="12"/>
    </row>
    <row r="273285" spans="8:8">
      <c r="H273285" s="12"/>
    </row>
    <row r="273286" spans="8:8">
      <c r="H273286" s="12"/>
    </row>
    <row r="273287" spans="8:8">
      <c r="H273287" s="12"/>
    </row>
    <row r="273288" spans="8:8">
      <c r="H273288" s="12"/>
    </row>
    <row r="273289" spans="8:8">
      <c r="H273289" s="12"/>
    </row>
    <row r="273290" spans="8:8">
      <c r="H273290" s="12"/>
    </row>
    <row r="273291" spans="8:8">
      <c r="H273291" s="12"/>
    </row>
    <row r="273292" spans="8:8">
      <c r="H273292" s="12"/>
    </row>
    <row r="273293" spans="8:8">
      <c r="H273293" s="12"/>
    </row>
    <row r="273294" spans="8:8">
      <c r="H273294" s="12"/>
    </row>
    <row r="273295" spans="8:8">
      <c r="H273295" s="12"/>
    </row>
    <row r="273296" spans="8:8">
      <c r="H273296" s="12"/>
    </row>
    <row r="273297" spans="8:8">
      <c r="H273297" s="12"/>
    </row>
    <row r="273298" spans="8:8">
      <c r="H273298" s="12"/>
    </row>
    <row r="273299" spans="8:8">
      <c r="H273299" s="12"/>
    </row>
    <row r="273300" spans="8:8">
      <c r="H273300" s="12"/>
    </row>
    <row r="273301" spans="8:8">
      <c r="H273301" s="12"/>
    </row>
    <row r="273302" spans="8:8">
      <c r="H273302" s="12"/>
    </row>
    <row r="273303" spans="8:8">
      <c r="H273303" s="12"/>
    </row>
    <row r="273304" spans="8:8">
      <c r="H273304" s="12"/>
    </row>
    <row r="273305" spans="8:8">
      <c r="H273305" s="12"/>
    </row>
    <row r="273306" spans="8:8">
      <c r="H273306" s="12"/>
    </row>
    <row r="273307" spans="8:8">
      <c r="H273307" s="12"/>
    </row>
    <row r="273308" spans="8:8">
      <c r="H273308" s="12"/>
    </row>
    <row r="273309" spans="8:8">
      <c r="H273309" s="12"/>
    </row>
    <row r="273310" spans="8:8">
      <c r="H273310" s="12"/>
    </row>
    <row r="273311" spans="8:8">
      <c r="H273311" s="12"/>
    </row>
    <row r="273312" spans="8:8">
      <c r="H273312" s="12"/>
    </row>
    <row r="273313" spans="8:8">
      <c r="H273313" s="12"/>
    </row>
    <row r="273314" spans="8:8">
      <c r="H273314" s="12"/>
    </row>
    <row r="273315" spans="8:8">
      <c r="H273315" s="12"/>
    </row>
    <row r="273316" spans="8:8">
      <c r="H273316" s="12"/>
    </row>
    <row r="273317" spans="8:8">
      <c r="H273317" s="12"/>
    </row>
    <row r="273318" spans="8:8">
      <c r="H273318" s="12"/>
    </row>
    <row r="273319" spans="8:8">
      <c r="H273319" s="12"/>
    </row>
    <row r="273320" spans="8:8">
      <c r="H273320" s="12"/>
    </row>
    <row r="273321" spans="8:8">
      <c r="H273321" s="12"/>
    </row>
    <row r="273322" spans="8:8">
      <c r="H273322" s="12"/>
    </row>
    <row r="273323" spans="8:8">
      <c r="H273323" s="12"/>
    </row>
    <row r="273324" spans="8:8">
      <c r="H273324" s="12"/>
    </row>
    <row r="273325" spans="8:8">
      <c r="H273325" s="12"/>
    </row>
    <row r="273326" spans="8:8">
      <c r="H273326" s="12"/>
    </row>
    <row r="273327" spans="8:8">
      <c r="H273327" s="12"/>
    </row>
    <row r="273328" spans="8:8">
      <c r="H273328" s="12"/>
    </row>
    <row r="273329" spans="8:8">
      <c r="H273329" s="12"/>
    </row>
    <row r="273330" spans="8:8">
      <c r="H273330" s="12"/>
    </row>
    <row r="273331" spans="8:8">
      <c r="H273331" s="12"/>
    </row>
    <row r="273332" spans="8:8">
      <c r="H273332" s="12"/>
    </row>
    <row r="273333" spans="8:8">
      <c r="H273333" s="12"/>
    </row>
    <row r="273334" spans="8:8">
      <c r="H273334" s="12"/>
    </row>
    <row r="273335" spans="8:8">
      <c r="H273335" s="12"/>
    </row>
    <row r="273336" spans="8:8">
      <c r="H273336" s="12"/>
    </row>
    <row r="273337" spans="8:8">
      <c r="H273337" s="12"/>
    </row>
    <row r="273338" spans="8:8">
      <c r="H273338" s="12"/>
    </row>
    <row r="273339" spans="8:8">
      <c r="H273339" s="12"/>
    </row>
    <row r="273340" spans="8:8">
      <c r="H273340" s="12"/>
    </row>
    <row r="273341" spans="8:8">
      <c r="H273341" s="12"/>
    </row>
    <row r="273342" spans="8:8">
      <c r="H273342" s="12"/>
    </row>
    <row r="273343" spans="8:8">
      <c r="H273343" s="12"/>
    </row>
    <row r="273344" spans="8:8">
      <c r="H273344" s="12"/>
    </row>
    <row r="273345" spans="8:8">
      <c r="H273345" s="12"/>
    </row>
    <row r="273346" spans="8:8">
      <c r="H273346" s="12"/>
    </row>
    <row r="273347" spans="8:8">
      <c r="H273347" s="12"/>
    </row>
    <row r="273348" spans="8:8">
      <c r="H273348" s="12"/>
    </row>
    <row r="273349" spans="8:8">
      <c r="H273349" s="12"/>
    </row>
    <row r="273350" spans="8:8">
      <c r="H273350" s="12"/>
    </row>
    <row r="273351" spans="8:8">
      <c r="H273351" s="12"/>
    </row>
    <row r="273352" spans="8:8">
      <c r="H273352" s="12"/>
    </row>
    <row r="273353" spans="8:8">
      <c r="H273353" s="12"/>
    </row>
    <row r="273354" spans="8:8">
      <c r="H273354" s="12"/>
    </row>
    <row r="273355" spans="8:8">
      <c r="H273355" s="12"/>
    </row>
    <row r="273356" spans="8:8">
      <c r="H273356" s="12"/>
    </row>
    <row r="273357" spans="8:8">
      <c r="H273357" s="12"/>
    </row>
    <row r="273358" spans="8:8">
      <c r="H273358" s="12"/>
    </row>
    <row r="273359" spans="8:8">
      <c r="H273359" s="12"/>
    </row>
    <row r="273360" spans="8:8">
      <c r="H273360" s="12"/>
    </row>
    <row r="273361" spans="8:8">
      <c r="H273361" s="12"/>
    </row>
    <row r="273362" spans="8:8">
      <c r="H273362" s="12"/>
    </row>
    <row r="273363" spans="8:8">
      <c r="H273363" s="12"/>
    </row>
    <row r="273364" spans="8:8">
      <c r="H273364" s="12"/>
    </row>
    <row r="273365" spans="8:8">
      <c r="H273365" s="12"/>
    </row>
    <row r="273366" spans="8:8">
      <c r="H273366" s="12"/>
    </row>
    <row r="273367" spans="8:8">
      <c r="H273367" s="12"/>
    </row>
    <row r="273368" spans="8:8">
      <c r="H273368" s="12"/>
    </row>
    <row r="273369" spans="8:8">
      <c r="H273369" s="12"/>
    </row>
    <row r="273370" spans="8:8">
      <c r="H273370" s="12"/>
    </row>
    <row r="273371" spans="8:8">
      <c r="H273371" s="12"/>
    </row>
    <row r="273372" spans="8:8">
      <c r="H273372" s="12"/>
    </row>
    <row r="273373" spans="8:8">
      <c r="H273373" s="12"/>
    </row>
    <row r="273374" spans="8:8">
      <c r="H273374" s="12"/>
    </row>
    <row r="273375" spans="8:8">
      <c r="H273375" s="12"/>
    </row>
    <row r="273376" spans="8:8">
      <c r="H273376" s="12"/>
    </row>
    <row r="273377" spans="8:8">
      <c r="H273377" s="12"/>
    </row>
    <row r="273378" spans="8:8">
      <c r="H273378" s="12"/>
    </row>
    <row r="273379" spans="8:8">
      <c r="H273379" s="12"/>
    </row>
    <row r="273380" spans="8:8">
      <c r="H273380" s="12"/>
    </row>
    <row r="273381" spans="8:8">
      <c r="H273381" s="12"/>
    </row>
    <row r="273382" spans="8:8">
      <c r="H273382" s="12"/>
    </row>
    <row r="273383" spans="8:8">
      <c r="H273383" s="12"/>
    </row>
    <row r="273384" spans="8:8">
      <c r="H273384" s="12"/>
    </row>
    <row r="273385" spans="8:8">
      <c r="H273385" s="12"/>
    </row>
    <row r="273386" spans="8:8">
      <c r="H273386" s="12"/>
    </row>
    <row r="273387" spans="8:8">
      <c r="H273387" s="12"/>
    </row>
    <row r="273388" spans="8:8">
      <c r="H273388" s="12"/>
    </row>
    <row r="273389" spans="8:8">
      <c r="H273389" s="12"/>
    </row>
    <row r="273390" spans="8:8">
      <c r="H273390" s="12"/>
    </row>
    <row r="273391" spans="8:8">
      <c r="H273391" s="12"/>
    </row>
    <row r="273392" spans="8:8">
      <c r="H273392" s="12"/>
    </row>
    <row r="273393" spans="8:8">
      <c r="H273393" s="12"/>
    </row>
    <row r="273394" spans="8:8">
      <c r="H273394" s="12"/>
    </row>
    <row r="273395" spans="8:8">
      <c r="H273395" s="12"/>
    </row>
    <row r="273396" spans="8:8">
      <c r="H273396" s="12"/>
    </row>
    <row r="273397" spans="8:8">
      <c r="H273397" s="12"/>
    </row>
    <row r="273398" spans="8:8">
      <c r="H273398" s="12"/>
    </row>
    <row r="273399" spans="8:8">
      <c r="H273399" s="12"/>
    </row>
    <row r="273400" spans="8:8">
      <c r="H273400" s="12"/>
    </row>
    <row r="273401" spans="8:8">
      <c r="H273401" s="12"/>
    </row>
    <row r="273402" spans="8:8">
      <c r="H273402" s="12"/>
    </row>
    <row r="273403" spans="8:8">
      <c r="H273403" s="12"/>
    </row>
    <row r="273404" spans="8:8">
      <c r="H273404" s="12"/>
    </row>
    <row r="273405" spans="8:8">
      <c r="H273405" s="12"/>
    </row>
    <row r="273406" spans="8:8">
      <c r="H273406" s="12"/>
    </row>
    <row r="273407" spans="8:8">
      <c r="H273407" s="12"/>
    </row>
    <row r="273408" spans="8:8">
      <c r="H273408" s="12"/>
    </row>
    <row r="273409" spans="8:8">
      <c r="H273409" s="12"/>
    </row>
    <row r="273410" spans="8:8">
      <c r="H273410" s="12"/>
    </row>
    <row r="273411" spans="8:8">
      <c r="H273411" s="12"/>
    </row>
    <row r="273412" spans="8:8">
      <c r="H273412" s="12"/>
    </row>
    <row r="273413" spans="8:8">
      <c r="H273413" s="12"/>
    </row>
    <row r="273414" spans="8:8">
      <c r="H273414" s="12"/>
    </row>
    <row r="273415" spans="8:8">
      <c r="H273415" s="12"/>
    </row>
    <row r="273416" spans="8:8">
      <c r="H273416" s="12"/>
    </row>
    <row r="273417" spans="8:8">
      <c r="H273417" s="12"/>
    </row>
    <row r="273418" spans="8:8">
      <c r="H273418" s="12"/>
    </row>
    <row r="273419" spans="8:8">
      <c r="H273419" s="12"/>
    </row>
    <row r="273420" spans="8:8">
      <c r="H273420" s="12"/>
    </row>
    <row r="273421" spans="8:8">
      <c r="H273421" s="12"/>
    </row>
    <row r="273422" spans="8:8">
      <c r="H273422" s="12"/>
    </row>
    <row r="273423" spans="8:8">
      <c r="H273423" s="12"/>
    </row>
    <row r="273424" spans="8:8">
      <c r="H273424" s="12"/>
    </row>
    <row r="273425" spans="8:8">
      <c r="H273425" s="12"/>
    </row>
    <row r="273426" spans="8:8">
      <c r="H273426" s="12"/>
    </row>
    <row r="273427" spans="8:8">
      <c r="H273427" s="12"/>
    </row>
    <row r="273428" spans="8:8">
      <c r="H273428" s="12"/>
    </row>
    <row r="273429" spans="8:8">
      <c r="H273429" s="12"/>
    </row>
    <row r="273430" spans="8:8">
      <c r="H273430" s="12"/>
    </row>
    <row r="273431" spans="8:8">
      <c r="H273431" s="12"/>
    </row>
    <row r="273432" spans="8:8">
      <c r="H273432" s="12"/>
    </row>
    <row r="273433" spans="8:8">
      <c r="H273433" s="12"/>
    </row>
    <row r="273434" spans="8:8">
      <c r="H273434" s="12"/>
    </row>
    <row r="273435" spans="8:8">
      <c r="H273435" s="12"/>
    </row>
    <row r="273436" spans="8:8">
      <c r="H273436" s="12"/>
    </row>
    <row r="273437" spans="8:8">
      <c r="H273437" s="12"/>
    </row>
    <row r="273438" spans="8:8">
      <c r="H273438" s="12"/>
    </row>
    <row r="273439" spans="8:8">
      <c r="H273439" s="12"/>
    </row>
    <row r="273440" spans="8:8">
      <c r="H273440" s="12"/>
    </row>
    <row r="273441" spans="8:8">
      <c r="H273441" s="12"/>
    </row>
    <row r="273442" spans="8:8">
      <c r="H273442" s="12"/>
    </row>
    <row r="273443" spans="8:8">
      <c r="H273443" s="12"/>
    </row>
    <row r="273444" spans="8:8">
      <c r="H273444" s="12"/>
    </row>
    <row r="273445" spans="8:8">
      <c r="H273445" s="12"/>
    </row>
    <row r="273446" spans="8:8">
      <c r="H273446" s="12"/>
    </row>
    <row r="273447" spans="8:8">
      <c r="H273447" s="12"/>
    </row>
    <row r="273448" spans="8:8">
      <c r="H273448" s="12"/>
    </row>
    <row r="273449" spans="8:8">
      <c r="H273449" s="12"/>
    </row>
    <row r="273450" spans="8:8">
      <c r="H273450" s="12"/>
    </row>
    <row r="273451" spans="8:8">
      <c r="H273451" s="12"/>
    </row>
    <row r="273452" spans="8:8">
      <c r="H273452" s="12"/>
    </row>
    <row r="273453" spans="8:8">
      <c r="H273453" s="12"/>
    </row>
    <row r="273454" spans="8:8">
      <c r="H273454" s="12"/>
    </row>
    <row r="273455" spans="8:8">
      <c r="H273455" s="12"/>
    </row>
    <row r="273456" spans="8:8">
      <c r="H273456" s="12"/>
    </row>
    <row r="273457" spans="8:8">
      <c r="H273457" s="12"/>
    </row>
    <row r="273458" spans="8:8">
      <c r="H273458" s="12"/>
    </row>
    <row r="273459" spans="8:8">
      <c r="H273459" s="12"/>
    </row>
    <row r="273460" spans="8:8">
      <c r="H273460" s="12"/>
    </row>
    <row r="273461" spans="8:8">
      <c r="H273461" s="12"/>
    </row>
    <row r="273462" spans="8:8">
      <c r="H273462" s="12"/>
    </row>
    <row r="273463" spans="8:8">
      <c r="H273463" s="12"/>
    </row>
    <row r="273464" spans="8:8">
      <c r="H273464" s="12"/>
    </row>
    <row r="273465" spans="8:8">
      <c r="H273465" s="12"/>
    </row>
    <row r="273466" spans="8:8">
      <c r="H273466" s="12"/>
    </row>
    <row r="273467" spans="8:8">
      <c r="H273467" s="12"/>
    </row>
    <row r="273468" spans="8:8">
      <c r="H273468" s="12"/>
    </row>
    <row r="273469" spans="8:8">
      <c r="H273469" s="12"/>
    </row>
    <row r="273470" spans="8:8">
      <c r="H273470" s="12"/>
    </row>
    <row r="273471" spans="8:8">
      <c r="H273471" s="12"/>
    </row>
    <row r="273472" spans="8:8">
      <c r="H273472" s="12"/>
    </row>
    <row r="273473" spans="8:8">
      <c r="H273473" s="12"/>
    </row>
    <row r="273474" spans="8:8">
      <c r="H273474" s="12"/>
    </row>
    <row r="273475" spans="8:8">
      <c r="H273475" s="12"/>
    </row>
    <row r="273476" spans="8:8">
      <c r="H273476" s="12"/>
    </row>
    <row r="273477" spans="8:8">
      <c r="H273477" s="12"/>
    </row>
    <row r="273478" spans="8:8">
      <c r="H273478" s="12"/>
    </row>
    <row r="273479" spans="8:8">
      <c r="H273479" s="12"/>
    </row>
    <row r="273480" spans="8:8">
      <c r="H273480" s="12"/>
    </row>
    <row r="273481" spans="8:8">
      <c r="H273481" s="12"/>
    </row>
    <row r="273482" spans="8:8">
      <c r="H273482" s="12"/>
    </row>
    <row r="273483" spans="8:8">
      <c r="H273483" s="12"/>
    </row>
    <row r="273484" spans="8:8">
      <c r="H273484" s="12"/>
    </row>
    <row r="273485" spans="8:8">
      <c r="H273485" s="12"/>
    </row>
    <row r="273486" spans="8:8">
      <c r="H273486" s="12"/>
    </row>
    <row r="273487" spans="8:8">
      <c r="H273487" s="12"/>
    </row>
    <row r="273488" spans="8:8">
      <c r="H273488" s="12"/>
    </row>
    <row r="273489" spans="8:8">
      <c r="H273489" s="12"/>
    </row>
    <row r="273490" spans="8:8">
      <c r="H273490" s="12"/>
    </row>
    <row r="273491" spans="8:8">
      <c r="H273491" s="12"/>
    </row>
    <row r="273492" spans="8:8">
      <c r="H273492" s="12"/>
    </row>
    <row r="273493" spans="8:8">
      <c r="H273493" s="12"/>
    </row>
    <row r="273494" spans="8:8">
      <c r="H273494" s="12"/>
    </row>
    <row r="273495" spans="8:8">
      <c r="H273495" s="12"/>
    </row>
    <row r="273496" spans="8:8">
      <c r="H273496" s="12"/>
    </row>
    <row r="273497" spans="8:8">
      <c r="H273497" s="12"/>
    </row>
    <row r="273498" spans="8:8">
      <c r="H273498" s="12"/>
    </row>
    <row r="273499" spans="8:8">
      <c r="H273499" s="12"/>
    </row>
    <row r="273500" spans="8:8">
      <c r="H273500" s="12"/>
    </row>
    <row r="273501" spans="8:8">
      <c r="H273501" s="12"/>
    </row>
    <row r="273502" spans="8:8">
      <c r="H273502" s="12"/>
    </row>
    <row r="273503" spans="8:8">
      <c r="H273503" s="12"/>
    </row>
    <row r="273504" spans="8:8">
      <c r="H273504" s="12"/>
    </row>
    <row r="273505" spans="8:8">
      <c r="H273505" s="12"/>
    </row>
    <row r="273506" spans="8:8">
      <c r="H273506" s="12"/>
    </row>
    <row r="273507" spans="8:8">
      <c r="H273507" s="12"/>
    </row>
    <row r="273508" spans="8:8">
      <c r="H273508" s="12"/>
    </row>
    <row r="273509" spans="8:8">
      <c r="H273509" s="12"/>
    </row>
    <row r="273510" spans="8:8">
      <c r="H273510" s="12"/>
    </row>
    <row r="273511" spans="8:8">
      <c r="H273511" s="12"/>
    </row>
    <row r="273512" spans="8:8">
      <c r="H273512" s="12"/>
    </row>
    <row r="273513" spans="8:8">
      <c r="H273513" s="12"/>
    </row>
    <row r="273514" spans="8:8">
      <c r="H273514" s="12"/>
    </row>
    <row r="273515" spans="8:8">
      <c r="H273515" s="12"/>
    </row>
    <row r="273516" spans="8:8">
      <c r="H273516" s="12"/>
    </row>
    <row r="273517" spans="8:8">
      <c r="H273517" s="12"/>
    </row>
    <row r="273518" spans="8:8">
      <c r="H273518" s="12"/>
    </row>
    <row r="273519" spans="8:8">
      <c r="H273519" s="12"/>
    </row>
    <row r="273520" spans="8:8">
      <c r="H273520" s="12"/>
    </row>
    <row r="273521" spans="8:8">
      <c r="H273521" s="12"/>
    </row>
    <row r="273522" spans="8:8">
      <c r="H273522" s="12"/>
    </row>
    <row r="273523" spans="8:8">
      <c r="H273523" s="12"/>
    </row>
    <row r="273524" spans="8:8">
      <c r="H273524" s="12"/>
    </row>
    <row r="273525" spans="8:8">
      <c r="H273525" s="12"/>
    </row>
    <row r="273526" spans="8:8">
      <c r="H273526" s="12"/>
    </row>
    <row r="273527" spans="8:8">
      <c r="H273527" s="12"/>
    </row>
    <row r="273528" spans="8:8">
      <c r="H273528" s="12"/>
    </row>
    <row r="273529" spans="8:8">
      <c r="H273529" s="12"/>
    </row>
    <row r="273530" spans="8:8">
      <c r="H273530" s="12"/>
    </row>
    <row r="273531" spans="8:8">
      <c r="H273531" s="12"/>
    </row>
    <row r="273532" spans="8:8">
      <c r="H273532" s="12"/>
    </row>
    <row r="273533" spans="8:8">
      <c r="H273533" s="12"/>
    </row>
    <row r="273534" spans="8:8">
      <c r="H273534" s="12"/>
    </row>
    <row r="273535" spans="8:8">
      <c r="H273535" s="12"/>
    </row>
    <row r="273536" spans="8:8">
      <c r="H273536" s="12"/>
    </row>
    <row r="273537" spans="8:8">
      <c r="H273537" s="12"/>
    </row>
    <row r="273538" spans="8:8">
      <c r="H273538" s="12"/>
    </row>
    <row r="273539" spans="8:8">
      <c r="H273539" s="12"/>
    </row>
    <row r="273540" spans="8:8">
      <c r="H273540" s="12"/>
    </row>
    <row r="273541" spans="8:8">
      <c r="H273541" s="12"/>
    </row>
    <row r="273542" spans="8:8">
      <c r="H273542" s="12"/>
    </row>
    <row r="273543" spans="8:8">
      <c r="H273543" s="12"/>
    </row>
    <row r="273544" spans="8:8">
      <c r="H273544" s="12"/>
    </row>
    <row r="273545" spans="8:8">
      <c r="H273545" s="12"/>
    </row>
    <row r="273546" spans="8:8">
      <c r="H273546" s="12"/>
    </row>
    <row r="273547" spans="8:8">
      <c r="H273547" s="12"/>
    </row>
    <row r="273548" spans="8:8">
      <c r="H273548" s="12"/>
    </row>
    <row r="273549" spans="8:8">
      <c r="H273549" s="12"/>
    </row>
    <row r="273550" spans="8:8">
      <c r="H273550" s="12"/>
    </row>
    <row r="273551" spans="8:8">
      <c r="H273551" s="12"/>
    </row>
    <row r="273552" spans="8:8">
      <c r="H273552" s="12"/>
    </row>
    <row r="273553" spans="8:8">
      <c r="H273553" s="12"/>
    </row>
    <row r="273554" spans="8:8">
      <c r="H273554" s="12"/>
    </row>
    <row r="273555" spans="8:8">
      <c r="H273555" s="12"/>
    </row>
    <row r="273556" spans="8:8">
      <c r="H273556" s="12"/>
    </row>
    <row r="273557" spans="8:8">
      <c r="H273557" s="12"/>
    </row>
    <row r="273558" spans="8:8">
      <c r="H273558" s="12"/>
    </row>
    <row r="273559" spans="8:8">
      <c r="H273559" s="12"/>
    </row>
    <row r="273560" spans="8:8">
      <c r="H273560" s="12"/>
    </row>
    <row r="273561" spans="8:8">
      <c r="H273561" s="12"/>
    </row>
    <row r="273562" spans="8:8">
      <c r="H273562" s="12"/>
    </row>
    <row r="273563" spans="8:8">
      <c r="H273563" s="12"/>
    </row>
    <row r="273564" spans="8:8">
      <c r="H273564" s="12"/>
    </row>
    <row r="273565" spans="8:8">
      <c r="H273565" s="12"/>
    </row>
    <row r="273566" spans="8:8">
      <c r="H273566" s="12"/>
    </row>
    <row r="273567" spans="8:8">
      <c r="H273567" s="12"/>
    </row>
    <row r="273568" spans="8:8">
      <c r="H273568" s="12"/>
    </row>
    <row r="273569" spans="8:8">
      <c r="H273569" s="12"/>
    </row>
    <row r="273570" spans="8:8">
      <c r="H273570" s="12"/>
    </row>
    <row r="273571" spans="8:8">
      <c r="H273571" s="12"/>
    </row>
    <row r="273572" spans="8:8">
      <c r="H273572" s="12"/>
    </row>
    <row r="273573" spans="8:8">
      <c r="H273573" s="12"/>
    </row>
    <row r="273574" spans="8:8">
      <c r="H273574" s="12"/>
    </row>
    <row r="273575" spans="8:8">
      <c r="H273575" s="12"/>
    </row>
    <row r="273576" spans="8:8">
      <c r="H273576" s="12"/>
    </row>
    <row r="273577" spans="8:8">
      <c r="H273577" s="12"/>
    </row>
    <row r="273578" spans="8:8">
      <c r="H273578" s="12"/>
    </row>
    <row r="273579" spans="8:8">
      <c r="H273579" s="12"/>
    </row>
    <row r="273580" spans="8:8">
      <c r="H273580" s="12"/>
    </row>
    <row r="273581" spans="8:8">
      <c r="H273581" s="12"/>
    </row>
    <row r="273582" spans="8:8">
      <c r="H273582" s="12"/>
    </row>
    <row r="273583" spans="8:8">
      <c r="H273583" s="12"/>
    </row>
    <row r="273584" spans="8:8">
      <c r="H273584" s="12"/>
    </row>
    <row r="273585" spans="8:8">
      <c r="H273585" s="12"/>
    </row>
    <row r="273586" spans="8:8">
      <c r="H273586" s="12"/>
    </row>
    <row r="273587" spans="8:8">
      <c r="H273587" s="12"/>
    </row>
    <row r="273588" spans="8:8">
      <c r="H273588" s="12"/>
    </row>
    <row r="273589" spans="8:8">
      <c r="H273589" s="12"/>
    </row>
    <row r="273590" spans="8:8">
      <c r="H273590" s="12"/>
    </row>
    <row r="273591" spans="8:8">
      <c r="H273591" s="12"/>
    </row>
    <row r="273592" spans="8:8">
      <c r="H273592" s="12"/>
    </row>
    <row r="273593" spans="8:8">
      <c r="H273593" s="12"/>
    </row>
    <row r="273594" spans="8:8">
      <c r="H273594" s="12"/>
    </row>
    <row r="273595" spans="8:8">
      <c r="H273595" s="12"/>
    </row>
    <row r="273596" spans="8:8">
      <c r="H273596" s="12"/>
    </row>
    <row r="273597" spans="8:8">
      <c r="H273597" s="12"/>
    </row>
    <row r="273598" spans="8:8">
      <c r="H273598" s="12"/>
    </row>
    <row r="273599" spans="8:8">
      <c r="H273599" s="12"/>
    </row>
    <row r="273600" spans="8:8">
      <c r="H273600" s="12"/>
    </row>
    <row r="273601" spans="8:8">
      <c r="H273601" s="12"/>
    </row>
    <row r="273602" spans="8:8">
      <c r="H273602" s="12"/>
    </row>
    <row r="273603" spans="8:8">
      <c r="H273603" s="12"/>
    </row>
    <row r="273604" spans="8:8">
      <c r="H273604" s="12"/>
    </row>
    <row r="273605" spans="8:8">
      <c r="H273605" s="12"/>
    </row>
    <row r="273606" spans="8:8">
      <c r="H273606" s="12"/>
    </row>
    <row r="273607" spans="8:8">
      <c r="H273607" s="12"/>
    </row>
    <row r="273608" spans="8:8">
      <c r="H273608" s="12"/>
    </row>
    <row r="273609" spans="8:8">
      <c r="H273609" s="12"/>
    </row>
    <row r="273610" spans="8:8">
      <c r="H273610" s="12"/>
    </row>
    <row r="273611" spans="8:8">
      <c r="H273611" s="12"/>
    </row>
    <row r="273612" spans="8:8">
      <c r="H273612" s="12"/>
    </row>
    <row r="273613" spans="8:8">
      <c r="H273613" s="12"/>
    </row>
    <row r="273614" spans="8:8">
      <c r="H273614" s="12"/>
    </row>
    <row r="273615" spans="8:8">
      <c r="H273615" s="12"/>
    </row>
    <row r="273616" spans="8:8">
      <c r="H273616" s="12"/>
    </row>
    <row r="273617" spans="8:8">
      <c r="H273617" s="12"/>
    </row>
    <row r="273618" spans="8:8">
      <c r="H273618" s="12"/>
    </row>
    <row r="273619" spans="8:8">
      <c r="H273619" s="12"/>
    </row>
    <row r="273620" spans="8:8">
      <c r="H273620" s="12"/>
    </row>
    <row r="273621" spans="8:8">
      <c r="H273621" s="12"/>
    </row>
    <row r="273622" spans="8:8">
      <c r="H273622" s="12"/>
    </row>
    <row r="273623" spans="8:8">
      <c r="H273623" s="12"/>
    </row>
    <row r="273624" spans="8:8">
      <c r="H273624" s="12"/>
    </row>
    <row r="273625" spans="8:8">
      <c r="H273625" s="12"/>
    </row>
    <row r="273626" spans="8:8">
      <c r="H273626" s="12"/>
    </row>
    <row r="273627" spans="8:8">
      <c r="H273627" s="12"/>
    </row>
    <row r="273628" spans="8:8">
      <c r="H273628" s="12"/>
    </row>
    <row r="273629" spans="8:8">
      <c r="H273629" s="12"/>
    </row>
    <row r="273630" spans="8:8">
      <c r="H273630" s="12"/>
    </row>
    <row r="273631" spans="8:8">
      <c r="H273631" s="12"/>
    </row>
    <row r="273632" spans="8:8">
      <c r="H273632" s="12"/>
    </row>
    <row r="273633" spans="8:8">
      <c r="H273633" s="12"/>
    </row>
    <row r="273634" spans="8:8">
      <c r="H273634" s="12"/>
    </row>
    <row r="273635" spans="8:8">
      <c r="H273635" s="12"/>
    </row>
    <row r="273636" spans="8:8">
      <c r="H273636" s="12"/>
    </row>
    <row r="273637" spans="8:8">
      <c r="H273637" s="12"/>
    </row>
    <row r="273638" spans="8:8">
      <c r="H273638" s="12"/>
    </row>
    <row r="273639" spans="8:8">
      <c r="H273639" s="12"/>
    </row>
    <row r="273640" spans="8:8">
      <c r="H273640" s="12"/>
    </row>
    <row r="273641" spans="8:8">
      <c r="H273641" s="12"/>
    </row>
    <row r="273642" spans="8:8">
      <c r="H273642" s="12"/>
    </row>
    <row r="273643" spans="8:8">
      <c r="H273643" s="12"/>
    </row>
    <row r="273644" spans="8:8">
      <c r="H273644" s="12"/>
    </row>
    <row r="273645" spans="8:8">
      <c r="H273645" s="12"/>
    </row>
    <row r="273646" spans="8:8">
      <c r="H273646" s="12"/>
    </row>
    <row r="273647" spans="8:8">
      <c r="H273647" s="12"/>
    </row>
    <row r="273648" spans="8:8">
      <c r="H273648" s="12"/>
    </row>
    <row r="273649" spans="8:8">
      <c r="H273649" s="12"/>
    </row>
    <row r="273650" spans="8:8">
      <c r="H273650" s="12"/>
    </row>
    <row r="273651" spans="8:8">
      <c r="H273651" s="12"/>
    </row>
    <row r="273652" spans="8:8">
      <c r="H273652" s="12"/>
    </row>
    <row r="273653" spans="8:8">
      <c r="H273653" s="12"/>
    </row>
    <row r="273654" spans="8:8">
      <c r="H273654" s="12"/>
    </row>
    <row r="273655" spans="8:8">
      <c r="H273655" s="12"/>
    </row>
    <row r="273656" spans="8:8">
      <c r="H273656" s="12"/>
    </row>
    <row r="273657" spans="8:8">
      <c r="H273657" s="12"/>
    </row>
    <row r="273658" spans="8:8">
      <c r="H273658" s="12"/>
    </row>
    <row r="273659" spans="8:8">
      <c r="H273659" s="12"/>
    </row>
    <row r="273660" spans="8:8">
      <c r="H273660" s="12"/>
    </row>
    <row r="273661" spans="8:8">
      <c r="H273661" s="12"/>
    </row>
    <row r="273662" spans="8:8">
      <c r="H273662" s="12"/>
    </row>
    <row r="273663" spans="8:8">
      <c r="H273663" s="12"/>
    </row>
    <row r="273664" spans="8:8">
      <c r="H273664" s="12"/>
    </row>
    <row r="273665" spans="8:8">
      <c r="H273665" s="12"/>
    </row>
    <row r="273666" spans="8:8">
      <c r="H273666" s="12"/>
    </row>
    <row r="273667" spans="8:8">
      <c r="H273667" s="12"/>
    </row>
    <row r="273668" spans="8:8">
      <c r="H273668" s="12"/>
    </row>
    <row r="273669" spans="8:8">
      <c r="H273669" s="12"/>
    </row>
    <row r="273670" spans="8:8">
      <c r="H273670" s="12"/>
    </row>
    <row r="273671" spans="8:8">
      <c r="H273671" s="12"/>
    </row>
    <row r="273672" spans="8:8">
      <c r="H273672" s="12"/>
    </row>
    <row r="273673" spans="8:8">
      <c r="H273673" s="12"/>
    </row>
    <row r="273674" spans="8:8">
      <c r="H273674" s="12"/>
    </row>
    <row r="273675" spans="8:8">
      <c r="H273675" s="12"/>
    </row>
    <row r="273676" spans="8:8">
      <c r="H273676" s="12"/>
    </row>
    <row r="273677" spans="8:8">
      <c r="H273677" s="12"/>
    </row>
    <row r="273678" spans="8:8">
      <c r="H273678" s="12"/>
    </row>
    <row r="273679" spans="8:8">
      <c r="H273679" s="12"/>
    </row>
    <row r="273680" spans="8:8">
      <c r="H273680" s="12"/>
    </row>
    <row r="273681" spans="8:8">
      <c r="H273681" s="12"/>
    </row>
    <row r="273682" spans="8:8">
      <c r="H273682" s="12"/>
    </row>
    <row r="273683" spans="8:8">
      <c r="H273683" s="12"/>
    </row>
    <row r="273684" spans="8:8">
      <c r="H273684" s="12"/>
    </row>
    <row r="273685" spans="8:8">
      <c r="H273685" s="12"/>
    </row>
    <row r="273686" spans="8:8">
      <c r="H273686" s="12"/>
    </row>
    <row r="273687" spans="8:8">
      <c r="H273687" s="12"/>
    </row>
    <row r="273688" spans="8:8">
      <c r="H273688" s="12"/>
    </row>
    <row r="273689" spans="8:8">
      <c r="H273689" s="12"/>
    </row>
    <row r="273690" spans="8:8">
      <c r="H273690" s="12"/>
    </row>
    <row r="273691" spans="8:8">
      <c r="H273691" s="12"/>
    </row>
    <row r="273692" spans="8:8">
      <c r="H273692" s="12"/>
    </row>
    <row r="273693" spans="8:8">
      <c r="H273693" s="12"/>
    </row>
    <row r="273694" spans="8:8">
      <c r="H273694" s="12"/>
    </row>
    <row r="273695" spans="8:8">
      <c r="H273695" s="12"/>
    </row>
    <row r="273696" spans="8:8">
      <c r="H273696" s="12"/>
    </row>
    <row r="273697" spans="8:8">
      <c r="H273697" s="12"/>
    </row>
    <row r="273698" spans="8:8">
      <c r="H273698" s="12"/>
    </row>
    <row r="273699" spans="8:8">
      <c r="H273699" s="12"/>
    </row>
    <row r="273700" spans="8:8">
      <c r="H273700" s="12"/>
    </row>
    <row r="273701" spans="8:8">
      <c r="H273701" s="12"/>
    </row>
    <row r="273702" spans="8:8">
      <c r="H273702" s="12"/>
    </row>
    <row r="273703" spans="8:8">
      <c r="H273703" s="12"/>
    </row>
    <row r="273704" spans="8:8">
      <c r="H273704" s="12"/>
    </row>
    <row r="273705" spans="8:8">
      <c r="H273705" s="12"/>
    </row>
    <row r="273706" spans="8:8">
      <c r="H273706" s="12"/>
    </row>
    <row r="273707" spans="8:8">
      <c r="H273707" s="12"/>
    </row>
    <row r="273708" spans="8:8">
      <c r="H273708" s="12"/>
    </row>
    <row r="273709" spans="8:8">
      <c r="H273709" s="12"/>
    </row>
    <row r="273710" spans="8:8">
      <c r="H273710" s="12"/>
    </row>
    <row r="273711" spans="8:8">
      <c r="H273711" s="12"/>
    </row>
    <row r="273712" spans="8:8">
      <c r="H273712" s="12"/>
    </row>
    <row r="273713" spans="8:8">
      <c r="H273713" s="12"/>
    </row>
    <row r="273714" spans="8:8">
      <c r="H273714" s="12"/>
    </row>
    <row r="273715" spans="8:8">
      <c r="H273715" s="12"/>
    </row>
    <row r="273716" spans="8:8">
      <c r="H273716" s="12"/>
    </row>
    <row r="273717" spans="8:8">
      <c r="H273717" s="12"/>
    </row>
    <row r="273718" spans="8:8">
      <c r="H273718" s="12"/>
    </row>
    <row r="273719" spans="8:8">
      <c r="H273719" s="12"/>
    </row>
    <row r="273720" spans="8:8">
      <c r="H273720" s="12"/>
    </row>
    <row r="273721" spans="8:8">
      <c r="H273721" s="12"/>
    </row>
    <row r="273722" spans="8:8">
      <c r="H273722" s="12"/>
    </row>
    <row r="273723" spans="8:8">
      <c r="H273723" s="12"/>
    </row>
    <row r="273724" spans="8:8">
      <c r="H273724" s="12"/>
    </row>
    <row r="273725" spans="8:8">
      <c r="H273725" s="12"/>
    </row>
    <row r="273726" spans="8:8">
      <c r="H273726" s="12"/>
    </row>
    <row r="273727" spans="8:8">
      <c r="H273727" s="12"/>
    </row>
    <row r="273728" spans="8:8">
      <c r="H273728" s="12"/>
    </row>
    <row r="273729" spans="8:8">
      <c r="H273729" s="12"/>
    </row>
    <row r="273730" spans="8:8">
      <c r="H273730" s="12"/>
    </row>
    <row r="273731" spans="8:8">
      <c r="H273731" s="12"/>
    </row>
    <row r="273732" spans="8:8">
      <c r="H273732" s="12"/>
    </row>
    <row r="273733" spans="8:8">
      <c r="H273733" s="12"/>
    </row>
    <row r="273734" spans="8:8">
      <c r="H273734" s="12"/>
    </row>
    <row r="273735" spans="8:8">
      <c r="H273735" s="12"/>
    </row>
    <row r="273736" spans="8:8">
      <c r="H273736" s="12"/>
    </row>
    <row r="273737" spans="8:8">
      <c r="H273737" s="12"/>
    </row>
    <row r="273738" spans="8:8">
      <c r="H273738" s="12"/>
    </row>
    <row r="273739" spans="8:8">
      <c r="H273739" s="12"/>
    </row>
    <row r="273740" spans="8:8">
      <c r="H273740" s="12"/>
    </row>
    <row r="273741" spans="8:8">
      <c r="H273741" s="12"/>
    </row>
    <row r="273742" spans="8:8">
      <c r="H273742" s="12"/>
    </row>
    <row r="273743" spans="8:8">
      <c r="H273743" s="12"/>
    </row>
    <row r="273744" spans="8:8">
      <c r="H273744" s="12"/>
    </row>
    <row r="273745" spans="8:8">
      <c r="H273745" s="12"/>
    </row>
    <row r="273746" spans="8:8">
      <c r="H273746" s="12"/>
    </row>
    <row r="273747" spans="8:8">
      <c r="H273747" s="12"/>
    </row>
    <row r="273748" spans="8:8">
      <c r="H273748" s="12"/>
    </row>
    <row r="273749" spans="8:8">
      <c r="H273749" s="12"/>
    </row>
    <row r="273750" spans="8:8">
      <c r="H273750" s="12"/>
    </row>
    <row r="273751" spans="8:8">
      <c r="H273751" s="12"/>
    </row>
    <row r="273752" spans="8:8">
      <c r="H273752" s="12"/>
    </row>
    <row r="273753" spans="8:8">
      <c r="H273753" s="12"/>
    </row>
    <row r="273754" spans="8:8">
      <c r="H273754" s="12"/>
    </row>
    <row r="273755" spans="8:8">
      <c r="H273755" s="12"/>
    </row>
    <row r="273756" spans="8:8">
      <c r="H273756" s="12"/>
    </row>
    <row r="273757" spans="8:8">
      <c r="H273757" s="12"/>
    </row>
    <row r="273758" spans="8:8">
      <c r="H273758" s="12"/>
    </row>
    <row r="273759" spans="8:8">
      <c r="H273759" s="12"/>
    </row>
    <row r="273760" spans="8:8">
      <c r="H273760" s="12"/>
    </row>
    <row r="273761" spans="8:8">
      <c r="H273761" s="12"/>
    </row>
    <row r="273762" spans="8:8">
      <c r="H273762" s="12"/>
    </row>
    <row r="273763" spans="8:8">
      <c r="H273763" s="12"/>
    </row>
    <row r="273764" spans="8:8">
      <c r="H273764" s="12"/>
    </row>
    <row r="273765" spans="8:8">
      <c r="H273765" s="12"/>
    </row>
    <row r="273766" spans="8:8">
      <c r="H273766" s="12"/>
    </row>
    <row r="273767" spans="8:8">
      <c r="H273767" s="12"/>
    </row>
    <row r="273768" spans="8:8">
      <c r="H273768" s="12"/>
    </row>
    <row r="273769" spans="8:8">
      <c r="H273769" s="12"/>
    </row>
    <row r="273770" spans="8:8">
      <c r="H273770" s="12"/>
    </row>
    <row r="273771" spans="8:8">
      <c r="H273771" s="12"/>
    </row>
    <row r="273772" spans="8:8">
      <c r="H273772" s="12"/>
    </row>
    <row r="273773" spans="8:8">
      <c r="H273773" s="12"/>
    </row>
    <row r="273774" spans="8:8">
      <c r="H273774" s="12"/>
    </row>
    <row r="273775" spans="8:8">
      <c r="H273775" s="12"/>
    </row>
    <row r="273776" spans="8:8">
      <c r="H273776" s="12"/>
    </row>
    <row r="273777" spans="8:8">
      <c r="H273777" s="12"/>
    </row>
    <row r="273778" spans="8:8">
      <c r="H273778" s="12"/>
    </row>
    <row r="273779" spans="8:8">
      <c r="H273779" s="12"/>
    </row>
    <row r="273780" spans="8:8">
      <c r="H273780" s="12"/>
    </row>
    <row r="273781" spans="8:8">
      <c r="H273781" s="12"/>
    </row>
    <row r="273782" spans="8:8">
      <c r="H273782" s="12"/>
    </row>
    <row r="273783" spans="8:8">
      <c r="H273783" s="12"/>
    </row>
    <row r="273784" spans="8:8">
      <c r="H273784" s="12"/>
    </row>
    <row r="273785" spans="8:8">
      <c r="H273785" s="12"/>
    </row>
    <row r="273786" spans="8:8">
      <c r="H273786" s="12"/>
    </row>
    <row r="273787" spans="8:8">
      <c r="H273787" s="12"/>
    </row>
    <row r="273788" spans="8:8">
      <c r="H273788" s="12"/>
    </row>
    <row r="273789" spans="8:8">
      <c r="H273789" s="12"/>
    </row>
    <row r="273790" spans="8:8">
      <c r="H273790" s="12"/>
    </row>
    <row r="273791" spans="8:8">
      <c r="H273791" s="12"/>
    </row>
    <row r="273792" spans="8:8">
      <c r="H273792" s="12"/>
    </row>
    <row r="273793" spans="8:8">
      <c r="H273793" s="12"/>
    </row>
    <row r="273794" spans="8:8">
      <c r="H273794" s="12"/>
    </row>
    <row r="273795" spans="8:8">
      <c r="H273795" s="12"/>
    </row>
    <row r="273796" spans="8:8">
      <c r="H273796" s="12"/>
    </row>
    <row r="273797" spans="8:8">
      <c r="H273797" s="12"/>
    </row>
    <row r="273798" spans="8:8">
      <c r="H273798" s="12"/>
    </row>
    <row r="273799" spans="8:8">
      <c r="H273799" s="12"/>
    </row>
    <row r="273800" spans="8:8">
      <c r="H273800" s="12"/>
    </row>
    <row r="273801" spans="8:8">
      <c r="H273801" s="12"/>
    </row>
    <row r="273802" spans="8:8">
      <c r="H273802" s="12"/>
    </row>
    <row r="273803" spans="8:8">
      <c r="H273803" s="12"/>
    </row>
    <row r="273804" spans="8:8">
      <c r="H273804" s="12"/>
    </row>
    <row r="273805" spans="8:8">
      <c r="H273805" s="12"/>
    </row>
    <row r="273806" spans="8:8">
      <c r="H273806" s="12"/>
    </row>
    <row r="273807" spans="8:8">
      <c r="H273807" s="12"/>
    </row>
    <row r="273808" spans="8:8">
      <c r="H273808" s="12"/>
    </row>
    <row r="273809" spans="8:8">
      <c r="H273809" s="12"/>
    </row>
    <row r="273810" spans="8:8">
      <c r="H273810" s="12"/>
    </row>
    <row r="273811" spans="8:8">
      <c r="H273811" s="12"/>
    </row>
    <row r="273812" spans="8:8">
      <c r="H273812" s="12"/>
    </row>
    <row r="273813" spans="8:8">
      <c r="H273813" s="12"/>
    </row>
    <row r="273814" spans="8:8">
      <c r="H273814" s="12"/>
    </row>
    <row r="273815" spans="8:8">
      <c r="H273815" s="12"/>
    </row>
    <row r="273816" spans="8:8">
      <c r="H273816" s="12"/>
    </row>
    <row r="273817" spans="8:8">
      <c r="H273817" s="12"/>
    </row>
    <row r="273818" spans="8:8">
      <c r="H273818" s="12"/>
    </row>
    <row r="273819" spans="8:8">
      <c r="H273819" s="12"/>
    </row>
    <row r="273820" spans="8:8">
      <c r="H273820" s="12"/>
    </row>
    <row r="273821" spans="8:8">
      <c r="H273821" s="12"/>
    </row>
    <row r="273822" spans="8:8">
      <c r="H273822" s="12"/>
    </row>
    <row r="273823" spans="8:8">
      <c r="H273823" s="12"/>
    </row>
    <row r="273824" spans="8:8">
      <c r="H273824" s="12"/>
    </row>
    <row r="273825" spans="8:8">
      <c r="H273825" s="12"/>
    </row>
    <row r="273826" spans="8:8">
      <c r="H273826" s="12"/>
    </row>
    <row r="273827" spans="8:8">
      <c r="H273827" s="12"/>
    </row>
    <row r="273828" spans="8:8">
      <c r="H273828" s="12"/>
    </row>
    <row r="273829" spans="8:8">
      <c r="H273829" s="12"/>
    </row>
    <row r="273830" spans="8:8">
      <c r="H273830" s="12"/>
    </row>
    <row r="273831" spans="8:8">
      <c r="H273831" s="12"/>
    </row>
    <row r="273832" spans="8:8">
      <c r="H273832" s="12"/>
    </row>
    <row r="273833" spans="8:8">
      <c r="H273833" s="12"/>
    </row>
    <row r="273834" spans="8:8">
      <c r="H273834" s="12"/>
    </row>
    <row r="273835" spans="8:8">
      <c r="H273835" s="12"/>
    </row>
    <row r="273836" spans="8:8">
      <c r="H273836" s="12"/>
    </row>
    <row r="273837" spans="8:8">
      <c r="H273837" s="12"/>
    </row>
    <row r="273838" spans="8:8">
      <c r="H273838" s="12"/>
    </row>
    <row r="273839" spans="8:8">
      <c r="H273839" s="12"/>
    </row>
    <row r="273840" spans="8:8">
      <c r="H273840" s="12"/>
    </row>
    <row r="273841" spans="8:8">
      <c r="H273841" s="12"/>
    </row>
    <row r="273842" spans="8:8">
      <c r="H273842" s="12"/>
    </row>
    <row r="273843" spans="8:8">
      <c r="H273843" s="12"/>
    </row>
    <row r="273844" spans="8:8">
      <c r="H273844" s="12"/>
    </row>
    <row r="273845" spans="8:8">
      <c r="H273845" s="12"/>
    </row>
    <row r="273846" spans="8:8">
      <c r="H273846" s="12"/>
    </row>
    <row r="273847" spans="8:8">
      <c r="H273847" s="12"/>
    </row>
    <row r="273848" spans="8:8">
      <c r="H273848" s="12"/>
    </row>
    <row r="273849" spans="8:8">
      <c r="H273849" s="12"/>
    </row>
    <row r="273850" spans="8:8">
      <c r="H273850" s="12"/>
    </row>
    <row r="273851" spans="8:8">
      <c r="H273851" s="12"/>
    </row>
    <row r="273852" spans="8:8">
      <c r="H273852" s="12"/>
    </row>
    <row r="273853" spans="8:8">
      <c r="H273853" s="12"/>
    </row>
    <row r="273854" spans="8:8">
      <c r="H273854" s="12"/>
    </row>
    <row r="273855" spans="8:8">
      <c r="H273855" s="12"/>
    </row>
    <row r="273856" spans="8:8">
      <c r="H273856" s="12"/>
    </row>
    <row r="273857" spans="8:8">
      <c r="H273857" s="12"/>
    </row>
    <row r="273858" spans="8:8">
      <c r="H273858" s="12"/>
    </row>
    <row r="273859" spans="8:8">
      <c r="H273859" s="12"/>
    </row>
    <row r="273860" spans="8:8">
      <c r="H273860" s="12"/>
    </row>
    <row r="273861" spans="8:8">
      <c r="H273861" s="12"/>
    </row>
    <row r="273862" spans="8:8">
      <c r="H273862" s="12"/>
    </row>
    <row r="273863" spans="8:8">
      <c r="H273863" s="12"/>
    </row>
    <row r="273864" spans="8:8">
      <c r="H273864" s="12"/>
    </row>
    <row r="273865" spans="8:8">
      <c r="H273865" s="12"/>
    </row>
    <row r="273866" spans="8:8">
      <c r="H273866" s="12"/>
    </row>
    <row r="273867" spans="8:8">
      <c r="H273867" s="12"/>
    </row>
    <row r="273868" spans="8:8">
      <c r="H273868" s="12"/>
    </row>
    <row r="273869" spans="8:8">
      <c r="H273869" s="12"/>
    </row>
    <row r="273870" spans="8:8">
      <c r="H273870" s="12"/>
    </row>
    <row r="273871" spans="8:8">
      <c r="H273871" s="12"/>
    </row>
    <row r="273872" spans="8:8">
      <c r="H273872" s="12"/>
    </row>
    <row r="273873" spans="8:8">
      <c r="H273873" s="12"/>
    </row>
    <row r="273874" spans="8:8">
      <c r="H273874" s="12"/>
    </row>
    <row r="273875" spans="8:8">
      <c r="H273875" s="12"/>
    </row>
    <row r="273876" spans="8:8">
      <c r="H273876" s="12"/>
    </row>
    <row r="273877" spans="8:8">
      <c r="H273877" s="12"/>
    </row>
    <row r="273878" spans="8:8">
      <c r="H273878" s="12"/>
    </row>
    <row r="273879" spans="8:8">
      <c r="H273879" s="12"/>
    </row>
    <row r="273880" spans="8:8">
      <c r="H273880" s="12"/>
    </row>
    <row r="273881" spans="8:8">
      <c r="H273881" s="12"/>
    </row>
    <row r="273882" spans="8:8">
      <c r="H273882" s="12"/>
    </row>
    <row r="273883" spans="8:8">
      <c r="H273883" s="12"/>
    </row>
    <row r="273884" spans="8:8">
      <c r="H273884" s="12"/>
    </row>
    <row r="273885" spans="8:8">
      <c r="H273885" s="12"/>
    </row>
    <row r="273886" spans="8:8">
      <c r="H273886" s="12"/>
    </row>
    <row r="273887" spans="8:8">
      <c r="H273887" s="12"/>
    </row>
    <row r="273888" spans="8:8">
      <c r="H273888" s="12"/>
    </row>
    <row r="273889" spans="8:8">
      <c r="H273889" s="12"/>
    </row>
    <row r="273890" spans="8:8">
      <c r="H273890" s="12"/>
    </row>
    <row r="273891" spans="8:8">
      <c r="H273891" s="12"/>
    </row>
    <row r="273892" spans="8:8">
      <c r="H273892" s="12"/>
    </row>
    <row r="273893" spans="8:8">
      <c r="H273893" s="12"/>
    </row>
    <row r="273894" spans="8:8">
      <c r="H273894" s="12"/>
    </row>
    <row r="273895" spans="8:8">
      <c r="H273895" s="12"/>
    </row>
    <row r="273896" spans="8:8">
      <c r="H273896" s="12"/>
    </row>
    <row r="273897" spans="8:8">
      <c r="H273897" s="12"/>
    </row>
    <row r="273898" spans="8:8">
      <c r="H273898" s="12"/>
    </row>
    <row r="273899" spans="8:8">
      <c r="H273899" s="12"/>
    </row>
    <row r="273900" spans="8:8">
      <c r="H273900" s="12"/>
    </row>
    <row r="273901" spans="8:8">
      <c r="H273901" s="12"/>
    </row>
    <row r="273902" spans="8:8">
      <c r="H273902" s="12"/>
    </row>
    <row r="273903" spans="8:8">
      <c r="H273903" s="12"/>
    </row>
    <row r="273904" spans="8:8">
      <c r="H273904" s="12"/>
    </row>
    <row r="273905" spans="8:8">
      <c r="H273905" s="12"/>
    </row>
    <row r="273906" spans="8:8">
      <c r="H273906" s="12"/>
    </row>
    <row r="273907" spans="8:8">
      <c r="H273907" s="12"/>
    </row>
    <row r="273908" spans="8:8">
      <c r="H273908" s="12"/>
    </row>
    <row r="273909" spans="8:8">
      <c r="H273909" s="12"/>
    </row>
    <row r="273910" spans="8:8">
      <c r="H273910" s="12"/>
    </row>
    <row r="273911" spans="8:8">
      <c r="H273911" s="12"/>
    </row>
    <row r="273912" spans="8:8">
      <c r="H273912" s="12"/>
    </row>
    <row r="273913" spans="8:8">
      <c r="H273913" s="12"/>
    </row>
    <row r="273914" spans="8:8">
      <c r="H273914" s="12"/>
    </row>
    <row r="273915" spans="8:8">
      <c r="H273915" s="12"/>
    </row>
    <row r="273916" spans="8:8">
      <c r="H273916" s="12"/>
    </row>
    <row r="273917" spans="8:8">
      <c r="H273917" s="12"/>
    </row>
    <row r="273918" spans="8:8">
      <c r="H273918" s="12"/>
    </row>
    <row r="273919" spans="8:8">
      <c r="H273919" s="12"/>
    </row>
    <row r="273920" spans="8:8">
      <c r="H273920" s="12"/>
    </row>
    <row r="273921" spans="8:8">
      <c r="H273921" s="12"/>
    </row>
    <row r="273922" spans="8:8">
      <c r="H273922" s="12"/>
    </row>
    <row r="273923" spans="8:8">
      <c r="H273923" s="12"/>
    </row>
    <row r="273924" spans="8:8">
      <c r="H273924" s="12"/>
    </row>
    <row r="273925" spans="8:8">
      <c r="H273925" s="12"/>
    </row>
    <row r="273926" spans="8:8">
      <c r="H273926" s="12"/>
    </row>
    <row r="273927" spans="8:8">
      <c r="H273927" s="12"/>
    </row>
    <row r="273928" spans="8:8">
      <c r="H273928" s="12"/>
    </row>
    <row r="273929" spans="8:8">
      <c r="H273929" s="12"/>
    </row>
    <row r="273930" spans="8:8">
      <c r="H273930" s="12"/>
    </row>
    <row r="273931" spans="8:8">
      <c r="H273931" s="12"/>
    </row>
    <row r="273932" spans="8:8">
      <c r="H273932" s="12"/>
    </row>
    <row r="273933" spans="8:8">
      <c r="H273933" s="12"/>
    </row>
    <row r="273934" spans="8:8">
      <c r="H273934" s="12"/>
    </row>
    <row r="273935" spans="8:8">
      <c r="H273935" s="12"/>
    </row>
    <row r="273936" spans="8:8">
      <c r="H273936" s="12"/>
    </row>
    <row r="273937" spans="8:8">
      <c r="H273937" s="12"/>
    </row>
    <row r="273938" spans="8:8">
      <c r="H273938" s="12"/>
    </row>
    <row r="273939" spans="8:8">
      <c r="H273939" s="12"/>
    </row>
    <row r="273940" spans="8:8">
      <c r="H273940" s="12"/>
    </row>
    <row r="273941" spans="8:8">
      <c r="H273941" s="12"/>
    </row>
    <row r="273942" spans="8:8">
      <c r="H273942" s="12"/>
    </row>
    <row r="273943" spans="8:8">
      <c r="H273943" s="12"/>
    </row>
    <row r="273944" spans="8:8">
      <c r="H273944" s="12"/>
    </row>
    <row r="273945" spans="8:8">
      <c r="H273945" s="12"/>
    </row>
    <row r="273946" spans="8:8">
      <c r="H273946" s="12"/>
    </row>
    <row r="273947" spans="8:8">
      <c r="H273947" s="12"/>
    </row>
    <row r="273948" spans="8:8">
      <c r="H273948" s="12"/>
    </row>
    <row r="273949" spans="8:8">
      <c r="H273949" s="12"/>
    </row>
    <row r="273950" spans="8:8">
      <c r="H273950" s="12"/>
    </row>
    <row r="273951" spans="8:8">
      <c r="H273951" s="12"/>
    </row>
    <row r="273952" spans="8:8">
      <c r="H273952" s="12"/>
    </row>
    <row r="273953" spans="8:8">
      <c r="H273953" s="12"/>
    </row>
    <row r="273954" spans="8:8">
      <c r="H273954" s="12"/>
    </row>
    <row r="273955" spans="8:8">
      <c r="H273955" s="12"/>
    </row>
    <row r="273956" spans="8:8">
      <c r="H273956" s="12"/>
    </row>
    <row r="273957" spans="8:8">
      <c r="H273957" s="12"/>
    </row>
    <row r="273958" spans="8:8">
      <c r="H273958" s="12"/>
    </row>
    <row r="273959" spans="8:8">
      <c r="H273959" s="12"/>
    </row>
    <row r="273960" spans="8:8">
      <c r="H273960" s="12"/>
    </row>
    <row r="273961" spans="8:8">
      <c r="H273961" s="12"/>
    </row>
    <row r="273962" spans="8:8">
      <c r="H273962" s="12"/>
    </row>
    <row r="273963" spans="8:8">
      <c r="H273963" s="12"/>
    </row>
    <row r="273964" spans="8:8">
      <c r="H273964" s="12"/>
    </row>
    <row r="273965" spans="8:8">
      <c r="H273965" s="12"/>
    </row>
    <row r="273966" spans="8:8">
      <c r="H273966" s="12"/>
    </row>
    <row r="273967" spans="8:8">
      <c r="H273967" s="12"/>
    </row>
    <row r="273968" spans="8:8">
      <c r="H273968" s="12"/>
    </row>
    <row r="273969" spans="8:8">
      <c r="H273969" s="12"/>
    </row>
    <row r="273970" spans="8:8">
      <c r="H273970" s="12"/>
    </row>
    <row r="273971" spans="8:8">
      <c r="H273971" s="12"/>
    </row>
    <row r="273972" spans="8:8">
      <c r="H273972" s="12"/>
    </row>
    <row r="273973" spans="8:8">
      <c r="H273973" s="12"/>
    </row>
    <row r="273974" spans="8:8">
      <c r="H273974" s="12"/>
    </row>
    <row r="273975" spans="8:8">
      <c r="H273975" s="12"/>
    </row>
    <row r="273976" spans="8:8">
      <c r="H273976" s="12"/>
    </row>
    <row r="273977" spans="8:8">
      <c r="H273977" s="12"/>
    </row>
    <row r="273978" spans="8:8">
      <c r="H273978" s="12"/>
    </row>
    <row r="273979" spans="8:8">
      <c r="H273979" s="12"/>
    </row>
    <row r="273980" spans="8:8">
      <c r="H273980" s="12"/>
    </row>
    <row r="273981" spans="8:8">
      <c r="H273981" s="12"/>
    </row>
    <row r="273982" spans="8:8">
      <c r="H273982" s="12"/>
    </row>
    <row r="273983" spans="8:8">
      <c r="H273983" s="12"/>
    </row>
    <row r="273984" spans="8:8">
      <c r="H273984" s="12"/>
    </row>
    <row r="273985" spans="8:8">
      <c r="H273985" s="12"/>
    </row>
    <row r="273986" spans="8:8">
      <c r="H273986" s="12"/>
    </row>
    <row r="273987" spans="8:8">
      <c r="H273987" s="12"/>
    </row>
    <row r="273988" spans="8:8">
      <c r="H273988" s="12"/>
    </row>
    <row r="273989" spans="8:8">
      <c r="H273989" s="12"/>
    </row>
    <row r="273990" spans="8:8">
      <c r="H273990" s="12"/>
    </row>
    <row r="273991" spans="8:8">
      <c r="H273991" s="12"/>
    </row>
    <row r="273992" spans="8:8">
      <c r="H273992" s="12"/>
    </row>
    <row r="273993" spans="8:8">
      <c r="H273993" s="12"/>
    </row>
    <row r="273994" spans="8:8">
      <c r="H273994" s="12"/>
    </row>
    <row r="273995" spans="8:8">
      <c r="H273995" s="12"/>
    </row>
    <row r="273996" spans="8:8">
      <c r="H273996" s="12"/>
    </row>
    <row r="273997" spans="8:8">
      <c r="H273997" s="12"/>
    </row>
    <row r="273998" spans="8:8">
      <c r="H273998" s="12"/>
    </row>
    <row r="273999" spans="8:8">
      <c r="H273999" s="12"/>
    </row>
    <row r="274000" spans="8:8">
      <c r="H274000" s="12"/>
    </row>
    <row r="274001" spans="8:8">
      <c r="H274001" s="12"/>
    </row>
    <row r="274002" spans="8:8">
      <c r="H274002" s="12"/>
    </row>
    <row r="274003" spans="8:8">
      <c r="H274003" s="12"/>
    </row>
    <row r="274004" spans="8:8">
      <c r="H274004" s="12"/>
    </row>
    <row r="274005" spans="8:8">
      <c r="H274005" s="12"/>
    </row>
    <row r="274006" spans="8:8">
      <c r="H274006" s="12"/>
    </row>
    <row r="274007" spans="8:8">
      <c r="H274007" s="12"/>
    </row>
    <row r="274008" spans="8:8">
      <c r="H274008" s="12"/>
    </row>
    <row r="274009" spans="8:8">
      <c r="H274009" s="12"/>
    </row>
    <row r="274010" spans="8:8">
      <c r="H274010" s="12"/>
    </row>
    <row r="274011" spans="8:8">
      <c r="H274011" s="12"/>
    </row>
    <row r="274012" spans="8:8">
      <c r="H274012" s="12"/>
    </row>
    <row r="274013" spans="8:8">
      <c r="H274013" s="12"/>
    </row>
    <row r="274014" spans="8:8">
      <c r="H274014" s="12"/>
    </row>
    <row r="274015" spans="8:8">
      <c r="H274015" s="12"/>
    </row>
    <row r="274016" spans="8:8">
      <c r="H274016" s="12"/>
    </row>
    <row r="274017" spans="8:8">
      <c r="H274017" s="12"/>
    </row>
    <row r="274018" spans="8:8">
      <c r="H274018" s="12"/>
    </row>
    <row r="274019" spans="8:8">
      <c r="H274019" s="12"/>
    </row>
    <row r="274020" spans="8:8">
      <c r="H274020" s="12"/>
    </row>
    <row r="274021" spans="8:8">
      <c r="H274021" s="12"/>
    </row>
    <row r="274022" spans="8:8">
      <c r="H274022" s="12"/>
    </row>
    <row r="274023" spans="8:8">
      <c r="H274023" s="12"/>
    </row>
    <row r="274024" spans="8:8">
      <c r="H274024" s="12"/>
    </row>
    <row r="274025" spans="8:8">
      <c r="H274025" s="12"/>
    </row>
    <row r="274026" spans="8:8">
      <c r="H274026" s="12"/>
    </row>
    <row r="274027" spans="8:8">
      <c r="H274027" s="12"/>
    </row>
    <row r="274028" spans="8:8">
      <c r="H274028" s="12"/>
    </row>
    <row r="274029" spans="8:8">
      <c r="H274029" s="12"/>
    </row>
    <row r="274030" spans="8:8">
      <c r="H274030" s="12"/>
    </row>
    <row r="274031" spans="8:8">
      <c r="H274031" s="12"/>
    </row>
    <row r="274032" spans="8:8">
      <c r="H274032" s="12"/>
    </row>
    <row r="274033" spans="8:8">
      <c r="H274033" s="12"/>
    </row>
    <row r="274034" spans="8:8">
      <c r="H274034" s="12"/>
    </row>
    <row r="274035" spans="8:8">
      <c r="H274035" s="12"/>
    </row>
    <row r="274036" spans="8:8">
      <c r="H274036" s="12"/>
    </row>
    <row r="274037" spans="8:8">
      <c r="H274037" s="12"/>
    </row>
    <row r="274038" spans="8:8">
      <c r="H274038" s="12"/>
    </row>
    <row r="274039" spans="8:8">
      <c r="H274039" s="12"/>
    </row>
    <row r="274040" spans="8:8">
      <c r="H274040" s="12"/>
    </row>
    <row r="274041" spans="8:8">
      <c r="H274041" s="12"/>
    </row>
    <row r="274042" spans="8:8">
      <c r="H274042" s="12"/>
    </row>
    <row r="274043" spans="8:8">
      <c r="H274043" s="12"/>
    </row>
    <row r="274044" spans="8:8">
      <c r="H274044" s="12"/>
    </row>
    <row r="274045" spans="8:8">
      <c r="H274045" s="12"/>
    </row>
    <row r="274046" spans="8:8">
      <c r="H274046" s="12"/>
    </row>
    <row r="274047" spans="8:8">
      <c r="H274047" s="12"/>
    </row>
    <row r="274048" spans="8:8">
      <c r="H274048" s="12"/>
    </row>
    <row r="274049" spans="8:8">
      <c r="H274049" s="12"/>
    </row>
    <row r="274050" spans="8:8">
      <c r="H274050" s="12"/>
    </row>
    <row r="274051" spans="8:8">
      <c r="H274051" s="12"/>
    </row>
    <row r="274052" spans="8:8">
      <c r="H274052" s="12"/>
    </row>
    <row r="274053" spans="8:8">
      <c r="H274053" s="12"/>
    </row>
    <row r="274054" spans="8:8">
      <c r="H274054" s="12"/>
    </row>
    <row r="274055" spans="8:8">
      <c r="H274055" s="12"/>
    </row>
    <row r="274056" spans="8:8">
      <c r="H274056" s="12"/>
    </row>
    <row r="274057" spans="8:8">
      <c r="H274057" s="12"/>
    </row>
    <row r="274058" spans="8:8">
      <c r="H274058" s="12"/>
    </row>
    <row r="274059" spans="8:8">
      <c r="H274059" s="12"/>
    </row>
    <row r="274060" spans="8:8">
      <c r="H274060" s="12"/>
    </row>
    <row r="274061" spans="8:8">
      <c r="H274061" s="12"/>
    </row>
    <row r="274062" spans="8:8">
      <c r="H274062" s="12"/>
    </row>
    <row r="274063" spans="8:8">
      <c r="H274063" s="12"/>
    </row>
    <row r="274064" spans="8:8">
      <c r="H274064" s="12"/>
    </row>
    <row r="274065" spans="8:8">
      <c r="H274065" s="12"/>
    </row>
    <row r="274066" spans="8:8">
      <c r="H274066" s="12"/>
    </row>
    <row r="274067" spans="8:8">
      <c r="H274067" s="12"/>
    </row>
    <row r="274068" spans="8:8">
      <c r="H274068" s="12"/>
    </row>
    <row r="274069" spans="8:8">
      <c r="H274069" s="12"/>
    </row>
    <row r="274070" spans="8:8">
      <c r="H274070" s="12"/>
    </row>
    <row r="274071" spans="8:8">
      <c r="H274071" s="12"/>
    </row>
    <row r="274072" spans="8:8">
      <c r="H274072" s="12"/>
    </row>
    <row r="274073" spans="8:8">
      <c r="H274073" s="12"/>
    </row>
    <row r="274074" spans="8:8">
      <c r="H274074" s="12"/>
    </row>
    <row r="274075" spans="8:8">
      <c r="H274075" s="12"/>
    </row>
    <row r="274076" spans="8:8">
      <c r="H274076" s="12"/>
    </row>
    <row r="274077" spans="8:8">
      <c r="H274077" s="12"/>
    </row>
    <row r="274078" spans="8:8">
      <c r="H274078" s="12"/>
    </row>
    <row r="274079" spans="8:8">
      <c r="H274079" s="12"/>
    </row>
    <row r="274080" spans="8:8">
      <c r="H274080" s="12"/>
    </row>
    <row r="274081" spans="8:8">
      <c r="H274081" s="12"/>
    </row>
    <row r="274082" spans="8:8">
      <c r="H274082" s="12"/>
    </row>
    <row r="274083" spans="8:8">
      <c r="H274083" s="12"/>
    </row>
    <row r="274084" spans="8:8">
      <c r="H274084" s="12"/>
    </row>
    <row r="274085" spans="8:8">
      <c r="H274085" s="12"/>
    </row>
    <row r="274086" spans="8:8">
      <c r="H274086" s="12"/>
    </row>
    <row r="274087" spans="8:8">
      <c r="H274087" s="12"/>
    </row>
    <row r="274088" spans="8:8">
      <c r="H274088" s="12"/>
    </row>
    <row r="274089" spans="8:8">
      <c r="H274089" s="12"/>
    </row>
    <row r="274090" spans="8:8">
      <c r="H274090" s="12"/>
    </row>
    <row r="274091" spans="8:8">
      <c r="H274091" s="12"/>
    </row>
    <row r="274092" spans="8:8">
      <c r="H274092" s="12"/>
    </row>
    <row r="274093" spans="8:8">
      <c r="H274093" s="12"/>
    </row>
    <row r="274094" spans="8:8">
      <c r="H274094" s="12"/>
    </row>
    <row r="274095" spans="8:8">
      <c r="H274095" s="12"/>
    </row>
    <row r="274096" spans="8:8">
      <c r="H274096" s="12"/>
    </row>
    <row r="274097" spans="8:8">
      <c r="H274097" s="12"/>
    </row>
    <row r="274098" spans="8:8">
      <c r="H274098" s="12"/>
    </row>
    <row r="274099" spans="8:8">
      <c r="H274099" s="12"/>
    </row>
    <row r="274100" spans="8:8">
      <c r="H274100" s="12"/>
    </row>
    <row r="274101" spans="8:8">
      <c r="H274101" s="12"/>
    </row>
    <row r="274102" spans="8:8">
      <c r="H274102" s="12"/>
    </row>
    <row r="274103" spans="8:8">
      <c r="H274103" s="12"/>
    </row>
    <row r="274104" spans="8:8">
      <c r="H274104" s="12"/>
    </row>
    <row r="274105" spans="8:8">
      <c r="H274105" s="12"/>
    </row>
    <row r="274106" spans="8:8">
      <c r="H274106" s="12"/>
    </row>
    <row r="274107" spans="8:8">
      <c r="H274107" s="12"/>
    </row>
    <row r="274108" spans="8:8">
      <c r="H274108" s="12"/>
    </row>
    <row r="274109" spans="8:8">
      <c r="H274109" s="12"/>
    </row>
    <row r="274110" spans="8:8">
      <c r="H274110" s="12"/>
    </row>
    <row r="274111" spans="8:8">
      <c r="H274111" s="12"/>
    </row>
    <row r="274112" spans="8:8">
      <c r="H274112" s="12"/>
    </row>
    <row r="274113" spans="8:8">
      <c r="H274113" s="12"/>
    </row>
    <row r="274114" spans="8:8">
      <c r="H274114" s="12"/>
    </row>
    <row r="274115" spans="8:8">
      <c r="H274115" s="12"/>
    </row>
    <row r="274116" spans="8:8">
      <c r="H274116" s="12"/>
    </row>
    <row r="274117" spans="8:8">
      <c r="H274117" s="12"/>
    </row>
    <row r="274118" spans="8:8">
      <c r="H274118" s="12"/>
    </row>
    <row r="274119" spans="8:8">
      <c r="H274119" s="12"/>
    </row>
    <row r="274120" spans="8:8">
      <c r="H274120" s="12"/>
    </row>
    <row r="274121" spans="8:8">
      <c r="H274121" s="12"/>
    </row>
    <row r="274122" spans="8:8">
      <c r="H274122" s="12"/>
    </row>
    <row r="274123" spans="8:8">
      <c r="H274123" s="12"/>
    </row>
    <row r="274124" spans="8:8">
      <c r="H274124" s="12"/>
    </row>
    <row r="274125" spans="8:8">
      <c r="H274125" s="12"/>
    </row>
    <row r="274126" spans="8:8">
      <c r="H274126" s="12"/>
    </row>
    <row r="274127" spans="8:8">
      <c r="H274127" s="12"/>
    </row>
    <row r="274128" spans="8:8">
      <c r="H274128" s="12"/>
    </row>
    <row r="274129" spans="8:8">
      <c r="H274129" s="12"/>
    </row>
    <row r="274130" spans="8:8">
      <c r="H274130" s="12"/>
    </row>
    <row r="274131" spans="8:8">
      <c r="H274131" s="12"/>
    </row>
    <row r="274132" spans="8:8">
      <c r="H274132" s="12"/>
    </row>
    <row r="274133" spans="8:8">
      <c r="H274133" s="12"/>
    </row>
    <row r="274134" spans="8:8">
      <c r="H274134" s="12"/>
    </row>
    <row r="274135" spans="8:8">
      <c r="H274135" s="12"/>
    </row>
    <row r="274136" spans="8:8">
      <c r="H274136" s="12"/>
    </row>
    <row r="274137" spans="8:8">
      <c r="H274137" s="12"/>
    </row>
    <row r="274138" spans="8:8">
      <c r="H274138" s="12"/>
    </row>
    <row r="274139" spans="8:8">
      <c r="H274139" s="12"/>
    </row>
    <row r="274140" spans="8:8">
      <c r="H274140" s="12"/>
    </row>
    <row r="274141" spans="8:8">
      <c r="H274141" s="12"/>
    </row>
    <row r="274142" spans="8:8">
      <c r="H274142" s="12"/>
    </row>
    <row r="274143" spans="8:8">
      <c r="H274143" s="12"/>
    </row>
    <row r="274144" spans="8:8">
      <c r="H274144" s="12"/>
    </row>
    <row r="274145" spans="8:8">
      <c r="H274145" s="12"/>
    </row>
    <row r="274146" spans="8:8">
      <c r="H274146" s="12"/>
    </row>
    <row r="274147" spans="8:8">
      <c r="H274147" s="12"/>
    </row>
    <row r="274148" spans="8:8">
      <c r="H274148" s="12"/>
    </row>
    <row r="274149" spans="8:8">
      <c r="H274149" s="12"/>
    </row>
    <row r="274150" spans="8:8">
      <c r="H274150" s="12"/>
    </row>
    <row r="274151" spans="8:8">
      <c r="H274151" s="12"/>
    </row>
    <row r="274152" spans="8:8">
      <c r="H274152" s="12"/>
    </row>
    <row r="274153" spans="8:8">
      <c r="H274153" s="12"/>
    </row>
    <row r="274154" spans="8:8">
      <c r="H274154" s="12"/>
    </row>
    <row r="274155" spans="8:8">
      <c r="H274155" s="12"/>
    </row>
    <row r="274156" spans="8:8">
      <c r="H274156" s="12"/>
    </row>
    <row r="274157" spans="8:8">
      <c r="H274157" s="12"/>
    </row>
    <row r="274158" spans="8:8">
      <c r="H274158" s="12"/>
    </row>
    <row r="274159" spans="8:8">
      <c r="H274159" s="12"/>
    </row>
    <row r="274160" spans="8:8">
      <c r="H274160" s="12"/>
    </row>
    <row r="274161" spans="8:8">
      <c r="H274161" s="12"/>
    </row>
    <row r="274162" spans="8:8">
      <c r="H274162" s="12"/>
    </row>
    <row r="274163" spans="8:8">
      <c r="H274163" s="12"/>
    </row>
    <row r="274164" spans="8:8">
      <c r="H274164" s="12"/>
    </row>
    <row r="274165" spans="8:8">
      <c r="H274165" s="12"/>
    </row>
    <row r="274166" spans="8:8">
      <c r="H274166" s="12"/>
    </row>
    <row r="274167" spans="8:8">
      <c r="H274167" s="12"/>
    </row>
    <row r="274168" spans="8:8">
      <c r="H274168" s="12"/>
    </row>
    <row r="274169" spans="8:8">
      <c r="H274169" s="12"/>
    </row>
    <row r="274170" spans="8:8">
      <c r="H274170" s="12"/>
    </row>
    <row r="274171" spans="8:8">
      <c r="H274171" s="12"/>
    </row>
    <row r="274172" spans="8:8">
      <c r="H274172" s="12"/>
    </row>
    <row r="274173" spans="8:8">
      <c r="H274173" s="12"/>
    </row>
    <row r="274174" spans="8:8">
      <c r="H274174" s="12"/>
    </row>
    <row r="274175" spans="8:8">
      <c r="H274175" s="12"/>
    </row>
    <row r="274176" spans="8:8">
      <c r="H274176" s="12"/>
    </row>
    <row r="274177" spans="8:8">
      <c r="H274177" s="12"/>
    </row>
    <row r="274178" spans="8:8">
      <c r="H274178" s="12"/>
    </row>
    <row r="274179" spans="8:8">
      <c r="H274179" s="12"/>
    </row>
    <row r="274180" spans="8:8">
      <c r="H274180" s="12"/>
    </row>
    <row r="274181" spans="8:8">
      <c r="H274181" s="12"/>
    </row>
    <row r="274182" spans="8:8">
      <c r="H274182" s="12"/>
    </row>
    <row r="274183" spans="8:8">
      <c r="H274183" s="12"/>
    </row>
    <row r="274184" spans="8:8">
      <c r="H274184" s="12"/>
    </row>
    <row r="274185" spans="8:8">
      <c r="H274185" s="12"/>
    </row>
    <row r="274186" spans="8:8">
      <c r="H274186" s="12"/>
    </row>
    <row r="274187" spans="8:8">
      <c r="H274187" s="12"/>
    </row>
    <row r="274188" spans="8:8">
      <c r="H274188" s="12"/>
    </row>
    <row r="274189" spans="8:8">
      <c r="H274189" s="12"/>
    </row>
    <row r="274190" spans="8:8">
      <c r="H274190" s="12"/>
    </row>
    <row r="274191" spans="8:8">
      <c r="H274191" s="12"/>
    </row>
    <row r="274192" spans="8:8">
      <c r="H274192" s="12"/>
    </row>
    <row r="274193" spans="8:8">
      <c r="H274193" s="12"/>
    </row>
    <row r="274194" spans="8:8">
      <c r="H274194" s="12"/>
    </row>
    <row r="274195" spans="8:8">
      <c r="H274195" s="12"/>
    </row>
    <row r="274196" spans="8:8">
      <c r="H274196" s="12"/>
    </row>
    <row r="274197" spans="8:8">
      <c r="H274197" s="12"/>
    </row>
    <row r="274198" spans="8:8">
      <c r="H274198" s="12"/>
    </row>
    <row r="274199" spans="8:8">
      <c r="H274199" s="12"/>
    </row>
    <row r="274200" spans="8:8">
      <c r="H274200" s="12"/>
    </row>
    <row r="274201" spans="8:8">
      <c r="H274201" s="12"/>
    </row>
    <row r="274202" spans="8:8">
      <c r="H274202" s="12"/>
    </row>
    <row r="274203" spans="8:8">
      <c r="H274203" s="12"/>
    </row>
    <row r="274204" spans="8:8">
      <c r="H274204" s="12"/>
    </row>
    <row r="274205" spans="8:8">
      <c r="H274205" s="12"/>
    </row>
    <row r="274206" spans="8:8">
      <c r="H274206" s="12"/>
    </row>
    <row r="274207" spans="8:8">
      <c r="H274207" s="12"/>
    </row>
    <row r="274208" spans="8:8">
      <c r="H274208" s="12"/>
    </row>
    <row r="274209" spans="8:8">
      <c r="H274209" s="12"/>
    </row>
    <row r="274210" spans="8:8">
      <c r="H274210" s="12"/>
    </row>
    <row r="274211" spans="8:8">
      <c r="H274211" s="12"/>
    </row>
    <row r="274212" spans="8:8">
      <c r="H274212" s="12"/>
    </row>
    <row r="274213" spans="8:8">
      <c r="H274213" s="12"/>
    </row>
    <row r="274214" spans="8:8">
      <c r="H274214" s="12"/>
    </row>
    <row r="274215" spans="8:8">
      <c r="H274215" s="12"/>
    </row>
    <row r="274216" spans="8:8">
      <c r="H274216" s="12"/>
    </row>
    <row r="274217" spans="8:8">
      <c r="H274217" s="12"/>
    </row>
    <row r="274218" spans="8:8">
      <c r="H274218" s="12"/>
    </row>
    <row r="274219" spans="8:8">
      <c r="H274219" s="12"/>
    </row>
    <row r="274220" spans="8:8">
      <c r="H274220" s="12"/>
    </row>
    <row r="274221" spans="8:8">
      <c r="H274221" s="12"/>
    </row>
    <row r="274222" spans="8:8">
      <c r="H274222" s="12"/>
    </row>
    <row r="274223" spans="8:8">
      <c r="H274223" s="12"/>
    </row>
    <row r="274224" spans="8:8">
      <c r="H274224" s="12"/>
    </row>
    <row r="274225" spans="8:8">
      <c r="H274225" s="12"/>
    </row>
    <row r="274226" spans="8:8">
      <c r="H274226" s="12"/>
    </row>
    <row r="274227" spans="8:8">
      <c r="H274227" s="12"/>
    </row>
    <row r="274228" spans="8:8">
      <c r="H274228" s="12"/>
    </row>
    <row r="274229" spans="8:8">
      <c r="H274229" s="12"/>
    </row>
    <row r="274230" spans="8:8">
      <c r="H274230" s="12"/>
    </row>
    <row r="274231" spans="8:8">
      <c r="H274231" s="12"/>
    </row>
    <row r="274232" spans="8:8">
      <c r="H274232" s="12"/>
    </row>
    <row r="274233" spans="8:8">
      <c r="H274233" s="12"/>
    </row>
    <row r="274234" spans="8:8">
      <c r="H274234" s="12"/>
    </row>
    <row r="274235" spans="8:8">
      <c r="H274235" s="12"/>
    </row>
    <row r="274236" spans="8:8">
      <c r="H274236" s="12"/>
    </row>
    <row r="274237" spans="8:8">
      <c r="H274237" s="12"/>
    </row>
    <row r="274238" spans="8:8">
      <c r="H274238" s="12"/>
    </row>
    <row r="274239" spans="8:8">
      <c r="H274239" s="12"/>
    </row>
    <row r="274240" spans="8:8">
      <c r="H274240" s="12"/>
    </row>
    <row r="274241" spans="8:8">
      <c r="H274241" s="12"/>
    </row>
    <row r="274242" spans="8:8">
      <c r="H274242" s="12"/>
    </row>
    <row r="274243" spans="8:8">
      <c r="H274243" s="12"/>
    </row>
    <row r="274244" spans="8:8">
      <c r="H274244" s="12"/>
    </row>
    <row r="274245" spans="8:8">
      <c r="H274245" s="12"/>
    </row>
    <row r="274246" spans="8:8">
      <c r="H274246" s="12"/>
    </row>
    <row r="274247" spans="8:8">
      <c r="H274247" s="12"/>
    </row>
    <row r="274248" spans="8:8">
      <c r="H274248" s="12"/>
    </row>
    <row r="274249" spans="8:8">
      <c r="H274249" s="12"/>
    </row>
    <row r="274250" spans="8:8">
      <c r="H274250" s="12"/>
    </row>
    <row r="274251" spans="8:8">
      <c r="H274251" s="12"/>
    </row>
    <row r="274252" spans="8:8">
      <c r="H274252" s="12"/>
    </row>
    <row r="274253" spans="8:8">
      <c r="H274253" s="12"/>
    </row>
    <row r="274254" spans="8:8">
      <c r="H274254" s="12"/>
    </row>
    <row r="274255" spans="8:8">
      <c r="H274255" s="12"/>
    </row>
    <row r="274256" spans="8:8">
      <c r="H274256" s="12"/>
    </row>
    <row r="274257" spans="8:8">
      <c r="H274257" s="12"/>
    </row>
    <row r="274258" spans="8:8">
      <c r="H274258" s="12"/>
    </row>
    <row r="274259" spans="8:8">
      <c r="H274259" s="12"/>
    </row>
    <row r="274260" spans="8:8">
      <c r="H274260" s="12"/>
    </row>
    <row r="274261" spans="8:8">
      <c r="H274261" s="12"/>
    </row>
    <row r="274262" spans="8:8">
      <c r="H274262" s="12"/>
    </row>
    <row r="274263" spans="8:8">
      <c r="H274263" s="12"/>
    </row>
    <row r="274264" spans="8:8">
      <c r="H274264" s="12"/>
    </row>
    <row r="274265" spans="8:8">
      <c r="H274265" s="12"/>
    </row>
    <row r="274266" spans="8:8">
      <c r="H274266" s="12"/>
    </row>
    <row r="274267" spans="8:8">
      <c r="H274267" s="12"/>
    </row>
    <row r="274268" spans="8:8">
      <c r="H274268" s="12"/>
    </row>
    <row r="274269" spans="8:8">
      <c r="H274269" s="12"/>
    </row>
    <row r="274270" spans="8:8">
      <c r="H274270" s="12"/>
    </row>
    <row r="274271" spans="8:8">
      <c r="H274271" s="12"/>
    </row>
    <row r="274272" spans="8:8">
      <c r="H274272" s="12"/>
    </row>
    <row r="274273" spans="8:8">
      <c r="H274273" s="12"/>
    </row>
    <row r="274274" spans="8:8">
      <c r="H274274" s="12"/>
    </row>
    <row r="274275" spans="8:8">
      <c r="H274275" s="12"/>
    </row>
    <row r="274276" spans="8:8">
      <c r="H274276" s="12"/>
    </row>
    <row r="274277" spans="8:8">
      <c r="H274277" s="12"/>
    </row>
    <row r="274278" spans="8:8">
      <c r="H274278" s="12"/>
    </row>
    <row r="274279" spans="8:8">
      <c r="H274279" s="12"/>
    </row>
    <row r="274280" spans="8:8">
      <c r="H274280" s="12"/>
    </row>
    <row r="274281" spans="8:8">
      <c r="H274281" s="12"/>
    </row>
    <row r="274282" spans="8:8">
      <c r="H274282" s="12"/>
    </row>
    <row r="274283" spans="8:8">
      <c r="H274283" s="12"/>
    </row>
    <row r="274284" spans="8:8">
      <c r="H274284" s="12"/>
    </row>
    <row r="274285" spans="8:8">
      <c r="H274285" s="12"/>
    </row>
    <row r="274286" spans="8:8">
      <c r="H274286" s="12"/>
    </row>
    <row r="274287" spans="8:8">
      <c r="H274287" s="12"/>
    </row>
    <row r="274288" spans="8:8">
      <c r="H274288" s="12"/>
    </row>
    <row r="274289" spans="8:8">
      <c r="H274289" s="12"/>
    </row>
    <row r="274290" spans="8:8">
      <c r="H274290" s="12"/>
    </row>
    <row r="274291" spans="8:8">
      <c r="H274291" s="12"/>
    </row>
    <row r="274292" spans="8:8">
      <c r="H274292" s="12"/>
    </row>
    <row r="274293" spans="8:8">
      <c r="H274293" s="12"/>
    </row>
    <row r="274294" spans="8:8">
      <c r="H274294" s="12"/>
    </row>
    <row r="274295" spans="8:8">
      <c r="H274295" s="12"/>
    </row>
    <row r="274296" spans="8:8">
      <c r="H274296" s="12"/>
    </row>
    <row r="274297" spans="8:8">
      <c r="H274297" s="12"/>
    </row>
    <row r="274298" spans="8:8">
      <c r="H274298" s="12"/>
    </row>
    <row r="274299" spans="8:8">
      <c r="H274299" s="12"/>
    </row>
    <row r="274300" spans="8:8">
      <c r="H274300" s="12"/>
    </row>
    <row r="274301" spans="8:8">
      <c r="H274301" s="12"/>
    </row>
    <row r="274302" spans="8:8">
      <c r="H274302" s="12"/>
    </row>
    <row r="274303" spans="8:8">
      <c r="H274303" s="12"/>
    </row>
    <row r="274304" spans="8:8">
      <c r="H274304" s="12"/>
    </row>
    <row r="274305" spans="8:8">
      <c r="H274305" s="12"/>
    </row>
    <row r="274306" spans="8:8">
      <c r="H274306" s="12"/>
    </row>
    <row r="274307" spans="8:8">
      <c r="H274307" s="12"/>
    </row>
    <row r="274308" spans="8:8">
      <c r="H274308" s="12"/>
    </row>
    <row r="274309" spans="8:8">
      <c r="H274309" s="12"/>
    </row>
    <row r="274310" spans="8:8">
      <c r="H274310" s="12"/>
    </row>
    <row r="274311" spans="8:8">
      <c r="H274311" s="12"/>
    </row>
    <row r="274312" spans="8:8">
      <c r="H274312" s="12"/>
    </row>
    <row r="274313" spans="8:8">
      <c r="H274313" s="12"/>
    </row>
    <row r="274314" spans="8:8">
      <c r="H274314" s="12"/>
    </row>
    <row r="274315" spans="8:8">
      <c r="H274315" s="12"/>
    </row>
    <row r="274316" spans="8:8">
      <c r="H274316" s="12"/>
    </row>
    <row r="274317" spans="8:8">
      <c r="H274317" s="12"/>
    </row>
    <row r="274318" spans="8:8">
      <c r="H274318" s="12"/>
    </row>
    <row r="274319" spans="8:8">
      <c r="H274319" s="12"/>
    </row>
    <row r="274320" spans="8:8">
      <c r="H274320" s="12"/>
    </row>
    <row r="274321" spans="8:8">
      <c r="H274321" s="12"/>
    </row>
    <row r="274322" spans="8:8">
      <c r="H274322" s="12"/>
    </row>
    <row r="274323" spans="8:8">
      <c r="H274323" s="12"/>
    </row>
    <row r="274324" spans="8:8">
      <c r="H274324" s="12"/>
    </row>
    <row r="274325" spans="8:8">
      <c r="H274325" s="12"/>
    </row>
    <row r="274326" spans="8:8">
      <c r="H274326" s="12"/>
    </row>
    <row r="274327" spans="8:8">
      <c r="H274327" s="12"/>
    </row>
    <row r="274328" spans="8:8">
      <c r="H274328" s="12"/>
    </row>
    <row r="274329" spans="8:8">
      <c r="H274329" s="12"/>
    </row>
    <row r="274330" spans="8:8">
      <c r="H274330" s="12"/>
    </row>
    <row r="274331" spans="8:8">
      <c r="H274331" s="12"/>
    </row>
    <row r="274332" spans="8:8">
      <c r="H274332" s="12"/>
    </row>
    <row r="274333" spans="8:8">
      <c r="H274333" s="12"/>
    </row>
    <row r="274334" spans="8:8">
      <c r="H274334" s="12"/>
    </row>
    <row r="274335" spans="8:8">
      <c r="H274335" s="12"/>
    </row>
    <row r="274336" spans="8:8">
      <c r="H274336" s="12"/>
    </row>
    <row r="274337" spans="8:8">
      <c r="H274337" s="12"/>
    </row>
    <row r="274338" spans="8:8">
      <c r="H274338" s="12"/>
    </row>
    <row r="274339" spans="8:8">
      <c r="H274339" s="12"/>
    </row>
    <row r="274340" spans="8:8">
      <c r="H274340" s="12"/>
    </row>
    <row r="274341" spans="8:8">
      <c r="H274341" s="12"/>
    </row>
    <row r="274342" spans="8:8">
      <c r="H274342" s="12"/>
    </row>
    <row r="274343" spans="8:8">
      <c r="H274343" s="12"/>
    </row>
    <row r="274344" spans="8:8">
      <c r="H274344" s="12"/>
    </row>
    <row r="274345" spans="8:8">
      <c r="H274345" s="12"/>
    </row>
    <row r="274346" spans="8:8">
      <c r="H274346" s="12"/>
    </row>
    <row r="274347" spans="8:8">
      <c r="H274347" s="12"/>
    </row>
    <row r="274348" spans="8:8">
      <c r="H274348" s="12"/>
    </row>
    <row r="274349" spans="8:8">
      <c r="H274349" s="12"/>
    </row>
    <row r="274350" spans="8:8">
      <c r="H274350" s="12"/>
    </row>
    <row r="274351" spans="8:8">
      <c r="H274351" s="12"/>
    </row>
    <row r="274352" spans="8:8">
      <c r="H274352" s="12"/>
    </row>
    <row r="274353" spans="8:8">
      <c r="H274353" s="12"/>
    </row>
    <row r="274354" spans="8:8">
      <c r="H274354" s="12"/>
    </row>
    <row r="274355" spans="8:8">
      <c r="H274355" s="12"/>
    </row>
    <row r="274356" spans="8:8">
      <c r="H274356" s="12"/>
    </row>
    <row r="274357" spans="8:8">
      <c r="H274357" s="12"/>
    </row>
    <row r="274358" spans="8:8">
      <c r="H274358" s="12"/>
    </row>
    <row r="274359" spans="8:8">
      <c r="H274359" s="12"/>
    </row>
    <row r="274360" spans="8:8">
      <c r="H274360" s="12"/>
    </row>
    <row r="274361" spans="8:8">
      <c r="H274361" s="12"/>
    </row>
    <row r="274362" spans="8:8">
      <c r="H274362" s="12"/>
    </row>
    <row r="274363" spans="8:8">
      <c r="H274363" s="12"/>
    </row>
    <row r="274364" spans="8:8">
      <c r="H274364" s="12"/>
    </row>
    <row r="274365" spans="8:8">
      <c r="H274365" s="12"/>
    </row>
    <row r="274366" spans="8:8">
      <c r="H274366" s="12"/>
    </row>
    <row r="274367" spans="8:8">
      <c r="H274367" s="12"/>
    </row>
    <row r="274368" spans="8:8">
      <c r="H274368" s="12"/>
    </row>
    <row r="274369" spans="8:8">
      <c r="H274369" s="12"/>
    </row>
    <row r="274370" spans="8:8">
      <c r="H274370" s="12"/>
    </row>
    <row r="274371" spans="8:8">
      <c r="H274371" s="12"/>
    </row>
    <row r="274372" spans="8:8">
      <c r="H274372" s="12"/>
    </row>
    <row r="274373" spans="8:8">
      <c r="H274373" s="12"/>
    </row>
    <row r="274374" spans="8:8">
      <c r="H274374" s="12"/>
    </row>
    <row r="274375" spans="8:8">
      <c r="H274375" s="12"/>
    </row>
    <row r="274376" spans="8:8">
      <c r="H274376" s="12"/>
    </row>
    <row r="274377" spans="8:8">
      <c r="H274377" s="12"/>
    </row>
    <row r="274378" spans="8:8">
      <c r="H274378" s="12"/>
    </row>
    <row r="274379" spans="8:8">
      <c r="H274379" s="12"/>
    </row>
    <row r="274380" spans="8:8">
      <c r="H274380" s="12"/>
    </row>
    <row r="274381" spans="8:8">
      <c r="H274381" s="12"/>
    </row>
    <row r="274382" spans="8:8">
      <c r="H274382" s="12"/>
    </row>
    <row r="274383" spans="8:8">
      <c r="H274383" s="12"/>
    </row>
    <row r="274384" spans="8:8">
      <c r="H274384" s="12"/>
    </row>
    <row r="274385" spans="8:8">
      <c r="H274385" s="12"/>
    </row>
    <row r="274386" spans="8:8">
      <c r="H274386" s="12"/>
    </row>
    <row r="274387" spans="8:8">
      <c r="H274387" s="12"/>
    </row>
    <row r="274388" spans="8:8">
      <c r="H274388" s="12"/>
    </row>
    <row r="274389" spans="8:8">
      <c r="H274389" s="12"/>
    </row>
    <row r="274390" spans="8:8">
      <c r="H274390" s="12"/>
    </row>
    <row r="274391" spans="8:8">
      <c r="H274391" s="12"/>
    </row>
    <row r="274392" spans="8:8">
      <c r="H274392" s="12"/>
    </row>
    <row r="274393" spans="8:8">
      <c r="H274393" s="12"/>
    </row>
    <row r="274394" spans="8:8">
      <c r="H274394" s="12"/>
    </row>
    <row r="274395" spans="8:8">
      <c r="H274395" s="12"/>
    </row>
    <row r="274396" spans="8:8">
      <c r="H274396" s="12"/>
    </row>
    <row r="274397" spans="8:8">
      <c r="H274397" s="12"/>
    </row>
    <row r="274398" spans="8:8">
      <c r="H274398" s="12"/>
    </row>
    <row r="274399" spans="8:8">
      <c r="H274399" s="12"/>
    </row>
    <row r="274400" spans="8:8">
      <c r="H274400" s="12"/>
    </row>
    <row r="274401" spans="8:8">
      <c r="H274401" s="12"/>
    </row>
    <row r="274402" spans="8:8">
      <c r="H274402" s="12"/>
    </row>
    <row r="274403" spans="8:8">
      <c r="H274403" s="12"/>
    </row>
    <row r="274404" spans="8:8">
      <c r="H274404" s="12"/>
    </row>
    <row r="274405" spans="8:8">
      <c r="H274405" s="12"/>
    </row>
    <row r="274406" spans="8:8">
      <c r="H274406" s="12"/>
    </row>
    <row r="274407" spans="8:8">
      <c r="H274407" s="12"/>
    </row>
    <row r="274408" spans="8:8">
      <c r="H274408" s="12"/>
    </row>
    <row r="274409" spans="8:8">
      <c r="H274409" s="12"/>
    </row>
    <row r="274410" spans="8:8">
      <c r="H274410" s="12"/>
    </row>
    <row r="274411" spans="8:8">
      <c r="H274411" s="12"/>
    </row>
    <row r="274412" spans="8:8">
      <c r="H274412" s="12"/>
    </row>
    <row r="274413" spans="8:8">
      <c r="H274413" s="12"/>
    </row>
    <row r="274414" spans="8:8">
      <c r="H274414" s="12"/>
    </row>
    <row r="274415" spans="8:8">
      <c r="H274415" s="12"/>
    </row>
    <row r="274416" spans="8:8">
      <c r="H274416" s="12"/>
    </row>
    <row r="274417" spans="8:8">
      <c r="H274417" s="12"/>
    </row>
    <row r="274418" spans="8:8">
      <c r="H274418" s="12"/>
    </row>
    <row r="274419" spans="8:8">
      <c r="H274419" s="12"/>
    </row>
    <row r="274420" spans="8:8">
      <c r="H274420" s="12"/>
    </row>
    <row r="274421" spans="8:8">
      <c r="H274421" s="12"/>
    </row>
    <row r="274422" spans="8:8">
      <c r="H274422" s="12"/>
    </row>
    <row r="274423" spans="8:8">
      <c r="H274423" s="12"/>
    </row>
    <row r="274424" spans="8:8">
      <c r="H274424" s="12"/>
    </row>
    <row r="274425" spans="8:8">
      <c r="H274425" s="12"/>
    </row>
    <row r="274426" spans="8:8">
      <c r="H274426" s="12"/>
    </row>
    <row r="274427" spans="8:8">
      <c r="H274427" s="12"/>
    </row>
    <row r="274428" spans="8:8">
      <c r="H274428" s="12"/>
    </row>
    <row r="274429" spans="8:8">
      <c r="H274429" s="12"/>
    </row>
    <row r="274430" spans="8:8">
      <c r="H274430" s="12"/>
    </row>
    <row r="274431" spans="8:8">
      <c r="H274431" s="12"/>
    </row>
    <row r="274432" spans="8:8">
      <c r="H274432" s="12"/>
    </row>
    <row r="274433" spans="8:8">
      <c r="H274433" s="12"/>
    </row>
    <row r="274434" spans="8:8">
      <c r="H274434" s="12"/>
    </row>
    <row r="274435" spans="8:8">
      <c r="H274435" s="12"/>
    </row>
    <row r="274436" spans="8:8">
      <c r="H274436" s="12"/>
    </row>
    <row r="274437" spans="8:8">
      <c r="H274437" s="12"/>
    </row>
    <row r="274438" spans="8:8">
      <c r="H274438" s="12"/>
    </row>
    <row r="274439" spans="8:8">
      <c r="H274439" s="12"/>
    </row>
    <row r="274440" spans="8:8">
      <c r="H274440" s="12"/>
    </row>
    <row r="274441" spans="8:8">
      <c r="H274441" s="12"/>
    </row>
    <row r="274442" spans="8:8">
      <c r="H274442" s="12"/>
    </row>
    <row r="274443" spans="8:8">
      <c r="H274443" s="12"/>
    </row>
    <row r="274444" spans="8:8">
      <c r="H274444" s="12"/>
    </row>
    <row r="274445" spans="8:8">
      <c r="H274445" s="12"/>
    </row>
    <row r="274446" spans="8:8">
      <c r="H274446" s="12"/>
    </row>
    <row r="274447" spans="8:8">
      <c r="H274447" s="12"/>
    </row>
    <row r="274448" spans="8:8">
      <c r="H274448" s="12"/>
    </row>
    <row r="274449" spans="8:8">
      <c r="H274449" s="12"/>
    </row>
    <row r="274450" spans="8:8">
      <c r="H274450" s="12"/>
    </row>
    <row r="274451" spans="8:8">
      <c r="H274451" s="12"/>
    </row>
    <row r="274452" spans="8:8">
      <c r="H274452" s="12"/>
    </row>
    <row r="274453" spans="8:8">
      <c r="H274453" s="12"/>
    </row>
    <row r="274454" spans="8:8">
      <c r="H274454" s="12"/>
    </row>
    <row r="274455" spans="8:8">
      <c r="H274455" s="12"/>
    </row>
    <row r="274456" spans="8:8">
      <c r="H274456" s="12"/>
    </row>
    <row r="274457" spans="8:8">
      <c r="H274457" s="12"/>
    </row>
    <row r="274458" spans="8:8">
      <c r="H274458" s="12"/>
    </row>
    <row r="274459" spans="8:8">
      <c r="H274459" s="12"/>
    </row>
    <row r="274460" spans="8:8">
      <c r="H274460" s="12"/>
    </row>
    <row r="274461" spans="8:8">
      <c r="H274461" s="12"/>
    </row>
    <row r="274462" spans="8:8">
      <c r="H274462" s="12"/>
    </row>
    <row r="274463" spans="8:8">
      <c r="H274463" s="12"/>
    </row>
    <row r="274464" spans="8:8">
      <c r="H274464" s="12"/>
    </row>
    <row r="274465" spans="8:8">
      <c r="H274465" s="12"/>
    </row>
    <row r="274466" spans="8:8">
      <c r="H274466" s="12"/>
    </row>
    <row r="274467" spans="8:8">
      <c r="H274467" s="12"/>
    </row>
    <row r="274468" spans="8:8">
      <c r="H274468" s="12"/>
    </row>
    <row r="274469" spans="8:8">
      <c r="H274469" s="12"/>
    </row>
    <row r="274470" spans="8:8">
      <c r="H274470" s="12"/>
    </row>
    <row r="274471" spans="8:8">
      <c r="H274471" s="12"/>
    </row>
    <row r="274472" spans="8:8">
      <c r="H274472" s="12"/>
    </row>
    <row r="274473" spans="8:8">
      <c r="H274473" s="12"/>
    </row>
    <row r="274474" spans="8:8">
      <c r="H274474" s="12"/>
    </row>
    <row r="274475" spans="8:8">
      <c r="H274475" s="12"/>
    </row>
    <row r="274476" spans="8:8">
      <c r="H274476" s="12"/>
    </row>
    <row r="274477" spans="8:8">
      <c r="H274477" s="12"/>
    </row>
    <row r="274478" spans="8:8">
      <c r="H274478" s="12"/>
    </row>
    <row r="274479" spans="8:8">
      <c r="H274479" s="12"/>
    </row>
    <row r="274480" spans="8:8">
      <c r="H274480" s="12"/>
    </row>
    <row r="274481" spans="8:8">
      <c r="H274481" s="12"/>
    </row>
    <row r="274482" spans="8:8">
      <c r="H274482" s="12"/>
    </row>
    <row r="274483" spans="8:8">
      <c r="H274483" s="12"/>
    </row>
    <row r="274484" spans="8:8">
      <c r="H274484" s="12"/>
    </row>
    <row r="274485" spans="8:8">
      <c r="H274485" s="12"/>
    </row>
    <row r="274486" spans="8:8">
      <c r="H274486" s="12"/>
    </row>
    <row r="274487" spans="8:8">
      <c r="H274487" s="12"/>
    </row>
    <row r="274488" spans="8:8">
      <c r="H274488" s="12"/>
    </row>
    <row r="274489" spans="8:8">
      <c r="H274489" s="12"/>
    </row>
    <row r="274490" spans="8:8">
      <c r="H274490" s="12"/>
    </row>
    <row r="274491" spans="8:8">
      <c r="H274491" s="12"/>
    </row>
    <row r="274492" spans="8:8">
      <c r="H274492" s="12"/>
    </row>
    <row r="274493" spans="8:8">
      <c r="H274493" s="12"/>
    </row>
    <row r="274494" spans="8:8">
      <c r="H274494" s="12"/>
    </row>
    <row r="274495" spans="8:8">
      <c r="H274495" s="12"/>
    </row>
    <row r="274496" spans="8:8">
      <c r="H274496" s="12"/>
    </row>
    <row r="274497" spans="8:8">
      <c r="H274497" s="12"/>
    </row>
    <row r="274498" spans="8:8">
      <c r="H274498" s="12"/>
    </row>
    <row r="274499" spans="8:8">
      <c r="H274499" s="12"/>
    </row>
    <row r="274500" spans="8:8">
      <c r="H274500" s="12"/>
    </row>
    <row r="274501" spans="8:8">
      <c r="H274501" s="12"/>
    </row>
    <row r="274502" spans="8:8">
      <c r="H274502" s="12"/>
    </row>
    <row r="274503" spans="8:8">
      <c r="H274503" s="12"/>
    </row>
    <row r="274504" spans="8:8">
      <c r="H274504" s="12"/>
    </row>
    <row r="274505" spans="8:8">
      <c r="H274505" s="12"/>
    </row>
    <row r="274506" spans="8:8">
      <c r="H274506" s="12"/>
    </row>
    <row r="274507" spans="8:8">
      <c r="H274507" s="12"/>
    </row>
    <row r="274508" spans="8:8">
      <c r="H274508" s="12"/>
    </row>
    <row r="274509" spans="8:8">
      <c r="H274509" s="12"/>
    </row>
    <row r="274510" spans="8:8">
      <c r="H274510" s="12"/>
    </row>
    <row r="274511" spans="8:8">
      <c r="H274511" s="12"/>
    </row>
    <row r="274512" spans="8:8">
      <c r="H274512" s="12"/>
    </row>
    <row r="274513" spans="8:8">
      <c r="H274513" s="12"/>
    </row>
    <row r="274514" spans="8:8">
      <c r="H274514" s="12"/>
    </row>
    <row r="274515" spans="8:8">
      <c r="H274515" s="12"/>
    </row>
    <row r="274516" spans="8:8">
      <c r="H274516" s="12"/>
    </row>
    <row r="274517" spans="8:8">
      <c r="H274517" s="12"/>
    </row>
    <row r="274518" spans="8:8">
      <c r="H274518" s="12"/>
    </row>
    <row r="274519" spans="8:8">
      <c r="H274519" s="12"/>
    </row>
    <row r="274520" spans="8:8">
      <c r="H274520" s="12"/>
    </row>
    <row r="274521" spans="8:8">
      <c r="H274521" s="12"/>
    </row>
    <row r="274522" spans="8:8">
      <c r="H274522" s="12"/>
    </row>
    <row r="274523" spans="8:8">
      <c r="H274523" s="12"/>
    </row>
    <row r="274524" spans="8:8">
      <c r="H274524" s="12"/>
    </row>
    <row r="274525" spans="8:8">
      <c r="H274525" s="12"/>
    </row>
    <row r="274526" spans="8:8">
      <c r="H274526" s="12"/>
    </row>
    <row r="274527" spans="8:8">
      <c r="H274527" s="12"/>
    </row>
    <row r="274528" spans="8:8">
      <c r="H274528" s="12"/>
    </row>
    <row r="274529" spans="8:8">
      <c r="H274529" s="12"/>
    </row>
    <row r="274530" spans="8:8">
      <c r="H274530" s="12"/>
    </row>
    <row r="274531" spans="8:8">
      <c r="H274531" s="12"/>
    </row>
    <row r="274532" spans="8:8">
      <c r="H274532" s="12"/>
    </row>
    <row r="274533" spans="8:8">
      <c r="H274533" s="12"/>
    </row>
    <row r="274534" spans="8:8">
      <c r="H274534" s="12"/>
    </row>
    <row r="274535" spans="8:8">
      <c r="H274535" s="12"/>
    </row>
    <row r="274536" spans="8:8">
      <c r="H274536" s="12"/>
    </row>
    <row r="274537" spans="8:8">
      <c r="H274537" s="12"/>
    </row>
    <row r="274538" spans="8:8">
      <c r="H274538" s="12"/>
    </row>
    <row r="274539" spans="8:8">
      <c r="H274539" s="12"/>
    </row>
    <row r="274540" spans="8:8">
      <c r="H274540" s="12"/>
    </row>
    <row r="274541" spans="8:8">
      <c r="H274541" s="12"/>
    </row>
    <row r="274542" spans="8:8">
      <c r="H274542" s="12"/>
    </row>
    <row r="274543" spans="8:8">
      <c r="H274543" s="12"/>
    </row>
    <row r="274544" spans="8:8">
      <c r="H274544" s="12"/>
    </row>
    <row r="274545" spans="8:8">
      <c r="H274545" s="12"/>
    </row>
    <row r="274546" spans="8:8">
      <c r="H274546" s="12"/>
    </row>
    <row r="274547" spans="8:8">
      <c r="H274547" s="12"/>
    </row>
    <row r="274548" spans="8:8">
      <c r="H274548" s="12"/>
    </row>
    <row r="274549" spans="8:8">
      <c r="H274549" s="12"/>
    </row>
    <row r="274550" spans="8:8">
      <c r="H274550" s="12"/>
    </row>
    <row r="274551" spans="8:8">
      <c r="H274551" s="12"/>
    </row>
    <row r="274552" spans="8:8">
      <c r="H274552" s="12"/>
    </row>
    <row r="274553" spans="8:8">
      <c r="H274553" s="12"/>
    </row>
    <row r="274554" spans="8:8">
      <c r="H274554" s="12"/>
    </row>
    <row r="274555" spans="8:8">
      <c r="H274555" s="12"/>
    </row>
    <row r="274556" spans="8:8">
      <c r="H274556" s="12"/>
    </row>
    <row r="274557" spans="8:8">
      <c r="H274557" s="12"/>
    </row>
    <row r="274558" spans="8:8">
      <c r="H274558" s="12"/>
    </row>
    <row r="274559" spans="8:8">
      <c r="H274559" s="12"/>
    </row>
    <row r="274560" spans="8:8">
      <c r="H274560" s="12"/>
    </row>
    <row r="274561" spans="8:8">
      <c r="H274561" s="12"/>
    </row>
    <row r="274562" spans="8:8">
      <c r="H274562" s="12"/>
    </row>
    <row r="274563" spans="8:8">
      <c r="H274563" s="12"/>
    </row>
    <row r="274564" spans="8:8">
      <c r="H274564" s="12"/>
    </row>
    <row r="274565" spans="8:8">
      <c r="H274565" s="12"/>
    </row>
    <row r="274566" spans="8:8">
      <c r="H274566" s="12"/>
    </row>
    <row r="274567" spans="8:8">
      <c r="H274567" s="12"/>
    </row>
    <row r="274568" spans="8:8">
      <c r="H274568" s="12"/>
    </row>
    <row r="274569" spans="8:8">
      <c r="H274569" s="12"/>
    </row>
    <row r="274570" spans="8:8">
      <c r="H274570" s="12"/>
    </row>
    <row r="274571" spans="8:8">
      <c r="H274571" s="12"/>
    </row>
    <row r="274572" spans="8:8">
      <c r="H274572" s="12"/>
    </row>
    <row r="274573" spans="8:8">
      <c r="H274573" s="12"/>
    </row>
    <row r="274574" spans="8:8">
      <c r="H274574" s="12"/>
    </row>
    <row r="274575" spans="8:8">
      <c r="H274575" s="12"/>
    </row>
    <row r="274576" spans="8:8">
      <c r="H274576" s="12"/>
    </row>
    <row r="274577" spans="8:8">
      <c r="H274577" s="12"/>
    </row>
    <row r="274578" spans="8:8">
      <c r="H274578" s="12"/>
    </row>
    <row r="274579" spans="8:8">
      <c r="H274579" s="12"/>
    </row>
    <row r="274580" spans="8:8">
      <c r="H274580" s="12"/>
    </row>
    <row r="274581" spans="8:8">
      <c r="H274581" s="12"/>
    </row>
    <row r="274582" spans="8:8">
      <c r="H274582" s="12"/>
    </row>
    <row r="274583" spans="8:8">
      <c r="H274583" s="12"/>
    </row>
    <row r="274584" spans="8:8">
      <c r="H274584" s="12"/>
    </row>
    <row r="274585" spans="8:8">
      <c r="H274585" s="12"/>
    </row>
    <row r="274586" spans="8:8">
      <c r="H274586" s="12"/>
    </row>
    <row r="274587" spans="8:8">
      <c r="H274587" s="12"/>
    </row>
    <row r="274588" spans="8:8">
      <c r="H274588" s="12"/>
    </row>
    <row r="274589" spans="8:8">
      <c r="H274589" s="12"/>
    </row>
    <row r="274590" spans="8:8">
      <c r="H274590" s="12"/>
    </row>
    <row r="274591" spans="8:8">
      <c r="H274591" s="12"/>
    </row>
    <row r="274592" spans="8:8">
      <c r="H274592" s="12"/>
    </row>
    <row r="274593" spans="8:8">
      <c r="H274593" s="12"/>
    </row>
    <row r="274594" spans="8:8">
      <c r="H274594" s="12"/>
    </row>
    <row r="274595" spans="8:8">
      <c r="H274595" s="12"/>
    </row>
    <row r="274596" spans="8:8">
      <c r="H274596" s="12"/>
    </row>
    <row r="274597" spans="8:8">
      <c r="H274597" s="12"/>
    </row>
    <row r="274598" spans="8:8">
      <c r="H274598" s="12"/>
    </row>
    <row r="274599" spans="8:8">
      <c r="H274599" s="12"/>
    </row>
    <row r="274600" spans="8:8">
      <c r="H274600" s="12"/>
    </row>
    <row r="274601" spans="8:8">
      <c r="H274601" s="12"/>
    </row>
    <row r="274602" spans="8:8">
      <c r="H274602" s="12"/>
    </row>
    <row r="274603" spans="8:8">
      <c r="H274603" s="12"/>
    </row>
    <row r="274604" spans="8:8">
      <c r="H274604" s="12"/>
    </row>
    <row r="274605" spans="8:8">
      <c r="H274605" s="12"/>
    </row>
    <row r="274606" spans="8:8">
      <c r="H274606" s="12"/>
    </row>
    <row r="274607" spans="8:8">
      <c r="H274607" s="12"/>
    </row>
    <row r="274608" spans="8:8">
      <c r="H274608" s="12"/>
    </row>
    <row r="274609" spans="8:8">
      <c r="H274609" s="12"/>
    </row>
    <row r="274610" spans="8:8">
      <c r="H274610" s="12"/>
    </row>
    <row r="274611" spans="8:8">
      <c r="H274611" s="12"/>
    </row>
    <row r="274612" spans="8:8">
      <c r="H274612" s="12"/>
    </row>
    <row r="274613" spans="8:8">
      <c r="H274613" s="12"/>
    </row>
    <row r="274614" spans="8:8">
      <c r="H274614" s="12"/>
    </row>
    <row r="274615" spans="8:8">
      <c r="H274615" s="12"/>
    </row>
    <row r="274616" spans="8:8">
      <c r="H274616" s="12"/>
    </row>
    <row r="274617" spans="8:8">
      <c r="H274617" s="12"/>
    </row>
    <row r="274618" spans="8:8">
      <c r="H274618" s="12"/>
    </row>
    <row r="274619" spans="8:8">
      <c r="H274619" s="12"/>
    </row>
    <row r="274620" spans="8:8">
      <c r="H274620" s="12"/>
    </row>
    <row r="274621" spans="8:8">
      <c r="H274621" s="12"/>
    </row>
    <row r="274622" spans="8:8">
      <c r="H274622" s="12"/>
    </row>
    <row r="274623" spans="8:8">
      <c r="H274623" s="12"/>
    </row>
    <row r="274624" spans="8:8">
      <c r="H274624" s="12"/>
    </row>
    <row r="274625" spans="8:8">
      <c r="H274625" s="12"/>
    </row>
    <row r="274626" spans="8:8">
      <c r="H274626" s="12"/>
    </row>
    <row r="274627" spans="8:8">
      <c r="H274627" s="12"/>
    </row>
    <row r="274628" spans="8:8">
      <c r="H274628" s="12"/>
    </row>
    <row r="274629" spans="8:8">
      <c r="H274629" s="12"/>
    </row>
    <row r="274630" spans="8:8">
      <c r="H274630" s="12"/>
    </row>
    <row r="274631" spans="8:8">
      <c r="H274631" s="12"/>
    </row>
    <row r="274632" spans="8:8">
      <c r="H274632" s="12"/>
    </row>
    <row r="274633" spans="8:8">
      <c r="H274633" s="12"/>
    </row>
    <row r="274634" spans="8:8">
      <c r="H274634" s="12"/>
    </row>
    <row r="274635" spans="8:8">
      <c r="H274635" s="12"/>
    </row>
    <row r="274636" spans="8:8">
      <c r="H274636" s="12"/>
    </row>
    <row r="274637" spans="8:8">
      <c r="H274637" s="12"/>
    </row>
    <row r="274638" spans="8:8">
      <c r="H274638" s="12"/>
    </row>
    <row r="274639" spans="8:8">
      <c r="H274639" s="12"/>
    </row>
    <row r="274640" spans="8:8">
      <c r="H274640" s="12"/>
    </row>
    <row r="274641" spans="8:8">
      <c r="H274641" s="12"/>
    </row>
    <row r="274642" spans="8:8">
      <c r="H274642" s="12"/>
    </row>
    <row r="274643" spans="8:8">
      <c r="H274643" s="12"/>
    </row>
    <row r="274644" spans="8:8">
      <c r="H274644" s="12"/>
    </row>
    <row r="274645" spans="8:8">
      <c r="H274645" s="12"/>
    </row>
    <row r="274646" spans="8:8">
      <c r="H274646" s="12"/>
    </row>
    <row r="274647" spans="8:8">
      <c r="H274647" s="12"/>
    </row>
    <row r="274648" spans="8:8">
      <c r="H274648" s="12"/>
    </row>
    <row r="274649" spans="8:8">
      <c r="H274649" s="12"/>
    </row>
    <row r="274650" spans="8:8">
      <c r="H274650" s="12"/>
    </row>
    <row r="274651" spans="8:8">
      <c r="H274651" s="12"/>
    </row>
    <row r="274652" spans="8:8">
      <c r="H274652" s="12"/>
    </row>
    <row r="274653" spans="8:8">
      <c r="H274653" s="12"/>
    </row>
    <row r="274654" spans="8:8">
      <c r="H274654" s="12"/>
    </row>
    <row r="274655" spans="8:8">
      <c r="H274655" s="12"/>
    </row>
    <row r="274656" spans="8:8">
      <c r="H274656" s="12"/>
    </row>
    <row r="274657" spans="8:8">
      <c r="H274657" s="12"/>
    </row>
    <row r="274658" spans="8:8">
      <c r="H274658" s="12"/>
    </row>
    <row r="274659" spans="8:8">
      <c r="H274659" s="12"/>
    </row>
    <row r="274660" spans="8:8">
      <c r="H274660" s="12"/>
    </row>
    <row r="274661" spans="8:8">
      <c r="H274661" s="12"/>
    </row>
    <row r="274662" spans="8:8">
      <c r="H274662" s="12"/>
    </row>
    <row r="274663" spans="8:8">
      <c r="H274663" s="12"/>
    </row>
    <row r="274664" spans="8:8">
      <c r="H274664" s="12"/>
    </row>
    <row r="274665" spans="8:8">
      <c r="H274665" s="12"/>
    </row>
    <row r="274666" spans="8:8">
      <c r="H274666" s="12"/>
    </row>
    <row r="274667" spans="8:8">
      <c r="H274667" s="12"/>
    </row>
    <row r="274668" spans="8:8">
      <c r="H274668" s="12"/>
    </row>
    <row r="274669" spans="8:8">
      <c r="H274669" s="12"/>
    </row>
    <row r="274670" spans="8:8">
      <c r="H274670" s="12"/>
    </row>
    <row r="274671" spans="8:8">
      <c r="H274671" s="12"/>
    </row>
    <row r="274672" spans="8:8">
      <c r="H274672" s="12"/>
    </row>
    <row r="274673" spans="8:8">
      <c r="H274673" s="12"/>
    </row>
    <row r="274674" spans="8:8">
      <c r="H274674" s="12"/>
    </row>
    <row r="274675" spans="8:8">
      <c r="H274675" s="12"/>
    </row>
    <row r="274676" spans="8:8">
      <c r="H274676" s="12"/>
    </row>
    <row r="274677" spans="8:8">
      <c r="H274677" s="12"/>
    </row>
    <row r="274678" spans="8:8">
      <c r="H274678" s="12"/>
    </row>
    <row r="274679" spans="8:8">
      <c r="H274679" s="12"/>
    </row>
    <row r="274680" spans="8:8">
      <c r="H274680" s="12"/>
    </row>
    <row r="274681" spans="8:8">
      <c r="H274681" s="12"/>
    </row>
    <row r="274682" spans="8:8">
      <c r="H274682" s="12"/>
    </row>
    <row r="274683" spans="8:8">
      <c r="H274683" s="12"/>
    </row>
    <row r="274684" spans="8:8">
      <c r="H274684" s="12"/>
    </row>
    <row r="274685" spans="8:8">
      <c r="H274685" s="12"/>
    </row>
    <row r="274686" spans="8:8">
      <c r="H274686" s="12"/>
    </row>
    <row r="274687" spans="8:8">
      <c r="H274687" s="12"/>
    </row>
    <row r="274688" spans="8:8">
      <c r="H274688" s="12"/>
    </row>
    <row r="274689" spans="8:8">
      <c r="H274689" s="12"/>
    </row>
    <row r="274690" spans="8:8">
      <c r="H274690" s="12"/>
    </row>
    <row r="274691" spans="8:8">
      <c r="H274691" s="12"/>
    </row>
    <row r="274692" spans="8:8">
      <c r="H274692" s="12"/>
    </row>
    <row r="274693" spans="8:8">
      <c r="H274693" s="12"/>
    </row>
    <row r="274694" spans="8:8">
      <c r="H274694" s="12"/>
    </row>
    <row r="274695" spans="8:8">
      <c r="H274695" s="12"/>
    </row>
    <row r="274696" spans="8:8">
      <c r="H274696" s="12"/>
    </row>
    <row r="274697" spans="8:8">
      <c r="H274697" s="12"/>
    </row>
    <row r="274698" spans="8:8">
      <c r="H274698" s="12"/>
    </row>
    <row r="274699" spans="8:8">
      <c r="H274699" s="12"/>
    </row>
    <row r="274700" spans="8:8">
      <c r="H274700" s="12"/>
    </row>
    <row r="274701" spans="8:8">
      <c r="H274701" s="12"/>
    </row>
    <row r="274702" spans="8:8">
      <c r="H274702" s="12"/>
    </row>
    <row r="274703" spans="8:8">
      <c r="H274703" s="12"/>
    </row>
    <row r="274704" spans="8:8">
      <c r="H274704" s="12"/>
    </row>
    <row r="274705" spans="8:8">
      <c r="H274705" s="12"/>
    </row>
    <row r="274706" spans="8:8">
      <c r="H274706" s="12"/>
    </row>
    <row r="274707" spans="8:8">
      <c r="H274707" s="12"/>
    </row>
    <row r="274708" spans="8:8">
      <c r="H274708" s="12"/>
    </row>
    <row r="274709" spans="8:8">
      <c r="H274709" s="12"/>
    </row>
    <row r="274710" spans="8:8">
      <c r="H274710" s="12"/>
    </row>
    <row r="274711" spans="8:8">
      <c r="H274711" s="12"/>
    </row>
    <row r="274712" spans="8:8">
      <c r="H274712" s="12"/>
    </row>
    <row r="274713" spans="8:8">
      <c r="H274713" s="12"/>
    </row>
    <row r="274714" spans="8:8">
      <c r="H274714" s="12"/>
    </row>
    <row r="274715" spans="8:8">
      <c r="H274715" s="12"/>
    </row>
    <row r="274716" spans="8:8">
      <c r="H274716" s="12"/>
    </row>
    <row r="274717" spans="8:8">
      <c r="H274717" s="12"/>
    </row>
    <row r="274718" spans="8:8">
      <c r="H274718" s="12"/>
    </row>
    <row r="274719" spans="8:8">
      <c r="H274719" s="12"/>
    </row>
    <row r="274720" spans="8:8">
      <c r="H274720" s="12"/>
    </row>
    <row r="274721" spans="8:8">
      <c r="H274721" s="12"/>
    </row>
    <row r="274722" spans="8:8">
      <c r="H274722" s="12"/>
    </row>
    <row r="274723" spans="8:8">
      <c r="H274723" s="12"/>
    </row>
    <row r="274724" spans="8:8">
      <c r="H274724" s="12"/>
    </row>
    <row r="274725" spans="8:8">
      <c r="H274725" s="12"/>
    </row>
    <row r="274726" spans="8:8">
      <c r="H274726" s="12"/>
    </row>
    <row r="274727" spans="8:8">
      <c r="H274727" s="12"/>
    </row>
    <row r="274728" spans="8:8">
      <c r="H274728" s="12"/>
    </row>
    <row r="274729" spans="8:8">
      <c r="H274729" s="12"/>
    </row>
    <row r="274730" spans="8:8">
      <c r="H274730" s="12"/>
    </row>
    <row r="274731" spans="8:8">
      <c r="H274731" s="12"/>
    </row>
    <row r="274732" spans="8:8">
      <c r="H274732" s="12"/>
    </row>
    <row r="274733" spans="8:8">
      <c r="H274733" s="12"/>
    </row>
    <row r="274734" spans="8:8">
      <c r="H274734" s="12"/>
    </row>
    <row r="274735" spans="8:8">
      <c r="H274735" s="12"/>
    </row>
    <row r="274736" spans="8:8">
      <c r="H274736" s="12"/>
    </row>
    <row r="274737" spans="8:8">
      <c r="H274737" s="12"/>
    </row>
    <row r="274738" spans="8:8">
      <c r="H274738" s="12"/>
    </row>
    <row r="274739" spans="8:8">
      <c r="H274739" s="12"/>
    </row>
    <row r="274740" spans="8:8">
      <c r="H274740" s="12"/>
    </row>
    <row r="274741" spans="8:8">
      <c r="H274741" s="12"/>
    </row>
    <row r="274742" spans="8:8">
      <c r="H274742" s="12"/>
    </row>
    <row r="274743" spans="8:8">
      <c r="H274743" s="12"/>
    </row>
    <row r="274744" spans="8:8">
      <c r="H274744" s="12"/>
    </row>
    <row r="274745" spans="8:8">
      <c r="H274745" s="12"/>
    </row>
    <row r="274746" spans="8:8">
      <c r="H274746" s="12"/>
    </row>
    <row r="274747" spans="8:8">
      <c r="H274747" s="12"/>
    </row>
    <row r="274748" spans="8:8">
      <c r="H274748" s="12"/>
    </row>
    <row r="274749" spans="8:8">
      <c r="H274749" s="12"/>
    </row>
    <row r="274750" spans="8:8">
      <c r="H274750" s="12"/>
    </row>
    <row r="274751" spans="8:8">
      <c r="H274751" s="12"/>
    </row>
    <row r="274752" spans="8:8">
      <c r="H274752" s="12"/>
    </row>
    <row r="274753" spans="8:8">
      <c r="H274753" s="12"/>
    </row>
    <row r="274754" spans="8:8">
      <c r="H274754" s="12"/>
    </row>
    <row r="274755" spans="8:8">
      <c r="H274755" s="12"/>
    </row>
    <row r="274756" spans="8:8">
      <c r="H274756" s="12"/>
    </row>
    <row r="274757" spans="8:8">
      <c r="H274757" s="12"/>
    </row>
    <row r="274758" spans="8:8">
      <c r="H274758" s="12"/>
    </row>
    <row r="274759" spans="8:8">
      <c r="H274759" s="12"/>
    </row>
    <row r="274760" spans="8:8">
      <c r="H274760" s="12"/>
    </row>
    <row r="274761" spans="8:8">
      <c r="H274761" s="12"/>
    </row>
    <row r="274762" spans="8:8">
      <c r="H274762" s="12"/>
    </row>
    <row r="274763" spans="8:8">
      <c r="H274763" s="12"/>
    </row>
    <row r="274764" spans="8:8">
      <c r="H274764" s="12"/>
    </row>
    <row r="274765" spans="8:8">
      <c r="H274765" s="12"/>
    </row>
    <row r="274766" spans="8:8">
      <c r="H274766" s="12"/>
    </row>
    <row r="274767" spans="8:8">
      <c r="H274767" s="12"/>
    </row>
    <row r="274768" spans="8:8">
      <c r="H274768" s="12"/>
    </row>
    <row r="274769" spans="8:8">
      <c r="H274769" s="12"/>
    </row>
    <row r="274770" spans="8:8">
      <c r="H274770" s="12"/>
    </row>
    <row r="274771" spans="8:8">
      <c r="H274771" s="12"/>
    </row>
    <row r="274772" spans="8:8">
      <c r="H274772" s="12"/>
    </row>
    <row r="274773" spans="8:8">
      <c r="H274773" s="12"/>
    </row>
    <row r="274774" spans="8:8">
      <c r="H274774" s="12"/>
    </row>
    <row r="274775" spans="8:8">
      <c r="H274775" s="12"/>
    </row>
    <row r="274776" spans="8:8">
      <c r="H274776" s="12"/>
    </row>
    <row r="274777" spans="8:8">
      <c r="H274777" s="12"/>
    </row>
    <row r="274778" spans="8:8">
      <c r="H274778" s="12"/>
    </row>
    <row r="274779" spans="8:8">
      <c r="H274779" s="12"/>
    </row>
    <row r="274780" spans="8:8">
      <c r="H274780" s="12"/>
    </row>
    <row r="274781" spans="8:8">
      <c r="H274781" s="12"/>
    </row>
    <row r="274782" spans="8:8">
      <c r="H274782" s="12"/>
    </row>
    <row r="274783" spans="8:8">
      <c r="H274783" s="12"/>
    </row>
    <row r="274784" spans="8:8">
      <c r="H274784" s="12"/>
    </row>
    <row r="274785" spans="8:8">
      <c r="H274785" s="12"/>
    </row>
    <row r="274786" spans="8:8">
      <c r="H274786" s="12"/>
    </row>
    <row r="274787" spans="8:8">
      <c r="H274787" s="12"/>
    </row>
    <row r="274788" spans="8:8">
      <c r="H274788" s="12"/>
    </row>
    <row r="274789" spans="8:8">
      <c r="H274789" s="12"/>
    </row>
    <row r="274790" spans="8:8">
      <c r="H274790" s="12"/>
    </row>
    <row r="274791" spans="8:8">
      <c r="H274791" s="12"/>
    </row>
    <row r="274792" spans="8:8">
      <c r="H274792" s="12"/>
    </row>
    <row r="274793" spans="8:8">
      <c r="H274793" s="12"/>
    </row>
    <row r="274794" spans="8:8">
      <c r="H274794" s="12"/>
    </row>
    <row r="274795" spans="8:8">
      <c r="H274795" s="12"/>
    </row>
    <row r="274796" spans="8:8">
      <c r="H274796" s="12"/>
    </row>
    <row r="274797" spans="8:8">
      <c r="H274797" s="12"/>
    </row>
    <row r="274798" spans="8:8">
      <c r="H274798" s="12"/>
    </row>
    <row r="274799" spans="8:8">
      <c r="H274799" s="12"/>
    </row>
    <row r="274800" spans="8:8">
      <c r="H274800" s="12"/>
    </row>
    <row r="274801" spans="8:8">
      <c r="H274801" s="12"/>
    </row>
    <row r="274802" spans="8:8">
      <c r="H274802" s="12"/>
    </row>
    <row r="274803" spans="8:8">
      <c r="H274803" s="12"/>
    </row>
    <row r="274804" spans="8:8">
      <c r="H274804" s="12"/>
    </row>
    <row r="274805" spans="8:8">
      <c r="H274805" s="12"/>
    </row>
    <row r="274806" spans="8:8">
      <c r="H274806" s="12"/>
    </row>
    <row r="274807" spans="8:8">
      <c r="H274807" s="12"/>
    </row>
    <row r="274808" spans="8:8">
      <c r="H274808" s="12"/>
    </row>
    <row r="274809" spans="8:8">
      <c r="H274809" s="12"/>
    </row>
    <row r="274810" spans="8:8">
      <c r="H274810" s="12"/>
    </row>
    <row r="274811" spans="8:8">
      <c r="H274811" s="12"/>
    </row>
    <row r="274812" spans="8:8">
      <c r="H274812" s="12"/>
    </row>
    <row r="274813" spans="8:8">
      <c r="H274813" s="12"/>
    </row>
    <row r="274814" spans="8:8">
      <c r="H274814" s="12"/>
    </row>
    <row r="274815" spans="8:8">
      <c r="H274815" s="12"/>
    </row>
    <row r="274816" spans="8:8">
      <c r="H274816" s="12"/>
    </row>
    <row r="274817" spans="8:8">
      <c r="H274817" s="12"/>
    </row>
    <row r="274818" spans="8:8">
      <c r="H274818" s="12"/>
    </row>
    <row r="274819" spans="8:8">
      <c r="H274819" s="12"/>
    </row>
    <row r="274820" spans="8:8">
      <c r="H274820" s="12"/>
    </row>
    <row r="274821" spans="8:8">
      <c r="H274821" s="12"/>
    </row>
    <row r="274822" spans="8:8">
      <c r="H274822" s="12"/>
    </row>
    <row r="274823" spans="8:8">
      <c r="H274823" s="12"/>
    </row>
    <row r="274824" spans="8:8">
      <c r="H274824" s="12"/>
    </row>
    <row r="274825" spans="8:8">
      <c r="H274825" s="12"/>
    </row>
    <row r="274826" spans="8:8">
      <c r="H274826" s="12"/>
    </row>
    <row r="274827" spans="8:8">
      <c r="H274827" s="12"/>
    </row>
    <row r="274828" spans="8:8">
      <c r="H274828" s="12"/>
    </row>
    <row r="274829" spans="8:8">
      <c r="H274829" s="12"/>
    </row>
    <row r="274830" spans="8:8">
      <c r="H274830" s="12"/>
    </row>
    <row r="274831" spans="8:8">
      <c r="H274831" s="12"/>
    </row>
    <row r="274832" spans="8:8">
      <c r="H274832" s="12"/>
    </row>
    <row r="274833" spans="8:8">
      <c r="H274833" s="12"/>
    </row>
    <row r="274834" spans="8:8">
      <c r="H274834" s="12"/>
    </row>
    <row r="274835" spans="8:8">
      <c r="H274835" s="12"/>
    </row>
    <row r="274836" spans="8:8">
      <c r="H274836" s="12"/>
    </row>
    <row r="274837" spans="8:8">
      <c r="H274837" s="12"/>
    </row>
    <row r="274838" spans="8:8">
      <c r="H274838" s="12"/>
    </row>
    <row r="274839" spans="8:8">
      <c r="H274839" s="12"/>
    </row>
    <row r="274840" spans="8:8">
      <c r="H274840" s="12"/>
    </row>
    <row r="274841" spans="8:8">
      <c r="H274841" s="12"/>
    </row>
    <row r="274842" spans="8:8">
      <c r="H274842" s="12"/>
    </row>
    <row r="274843" spans="8:8">
      <c r="H274843" s="12"/>
    </row>
    <row r="274844" spans="8:8">
      <c r="H274844" s="12"/>
    </row>
    <row r="274845" spans="8:8">
      <c r="H274845" s="12"/>
    </row>
    <row r="274846" spans="8:8">
      <c r="H274846" s="12"/>
    </row>
    <row r="274847" spans="8:8">
      <c r="H274847" s="12"/>
    </row>
    <row r="274848" spans="8:8">
      <c r="H274848" s="12"/>
    </row>
    <row r="274849" spans="8:8">
      <c r="H274849" s="12"/>
    </row>
    <row r="274850" spans="8:8">
      <c r="H274850" s="12"/>
    </row>
    <row r="274851" spans="8:8">
      <c r="H274851" s="12"/>
    </row>
    <row r="274852" spans="8:8">
      <c r="H274852" s="12"/>
    </row>
    <row r="274853" spans="8:8">
      <c r="H274853" s="12"/>
    </row>
    <row r="274854" spans="8:8">
      <c r="H274854" s="12"/>
    </row>
    <row r="274855" spans="8:8">
      <c r="H274855" s="12"/>
    </row>
    <row r="274856" spans="8:8">
      <c r="H274856" s="12"/>
    </row>
    <row r="274857" spans="8:8">
      <c r="H274857" s="12"/>
    </row>
    <row r="274858" spans="8:8">
      <c r="H274858" s="12"/>
    </row>
    <row r="274859" spans="8:8">
      <c r="H274859" s="12"/>
    </row>
    <row r="274860" spans="8:8">
      <c r="H274860" s="12"/>
    </row>
    <row r="274861" spans="8:8">
      <c r="H274861" s="12"/>
    </row>
    <row r="274862" spans="8:8">
      <c r="H274862" s="12"/>
    </row>
    <row r="274863" spans="8:8">
      <c r="H274863" s="12"/>
    </row>
    <row r="274864" spans="8:8">
      <c r="H274864" s="12"/>
    </row>
    <row r="274865" spans="8:8">
      <c r="H274865" s="12"/>
    </row>
    <row r="274866" spans="8:8">
      <c r="H274866" s="12"/>
    </row>
    <row r="274867" spans="8:8">
      <c r="H274867" s="12"/>
    </row>
    <row r="274868" spans="8:8">
      <c r="H274868" s="12"/>
    </row>
    <row r="274869" spans="8:8">
      <c r="H274869" s="12"/>
    </row>
    <row r="274870" spans="8:8">
      <c r="H274870" s="12"/>
    </row>
    <row r="274871" spans="8:8">
      <c r="H274871" s="12"/>
    </row>
    <row r="274872" spans="8:8">
      <c r="H274872" s="12"/>
    </row>
    <row r="274873" spans="8:8">
      <c r="H274873" s="12"/>
    </row>
    <row r="274874" spans="8:8">
      <c r="H274874" s="12"/>
    </row>
    <row r="274875" spans="8:8">
      <c r="H274875" s="12"/>
    </row>
    <row r="274876" spans="8:8">
      <c r="H274876" s="12"/>
    </row>
    <row r="274877" spans="8:8">
      <c r="H274877" s="12"/>
    </row>
    <row r="274878" spans="8:8">
      <c r="H274878" s="12"/>
    </row>
    <row r="274879" spans="8:8">
      <c r="H274879" s="12"/>
    </row>
    <row r="274880" spans="8:8">
      <c r="H274880" s="12"/>
    </row>
    <row r="274881" spans="8:8">
      <c r="H274881" s="12"/>
    </row>
    <row r="274882" spans="8:8">
      <c r="H274882" s="12"/>
    </row>
    <row r="274883" spans="8:8">
      <c r="H274883" s="12"/>
    </row>
    <row r="274884" spans="8:8">
      <c r="H274884" s="12"/>
    </row>
    <row r="274885" spans="8:8">
      <c r="H274885" s="12"/>
    </row>
    <row r="274886" spans="8:8">
      <c r="H274886" s="12"/>
    </row>
    <row r="274887" spans="8:8">
      <c r="H274887" s="12"/>
    </row>
    <row r="274888" spans="8:8">
      <c r="H274888" s="12"/>
    </row>
    <row r="274889" spans="8:8">
      <c r="H274889" s="12"/>
    </row>
    <row r="274890" spans="8:8">
      <c r="H274890" s="12"/>
    </row>
    <row r="274891" spans="8:8">
      <c r="H274891" s="12"/>
    </row>
    <row r="274892" spans="8:8">
      <c r="H274892" s="12"/>
    </row>
    <row r="274893" spans="8:8">
      <c r="H274893" s="12"/>
    </row>
    <row r="274894" spans="8:8">
      <c r="H274894" s="12"/>
    </row>
    <row r="274895" spans="8:8">
      <c r="H274895" s="12"/>
    </row>
    <row r="274896" spans="8:8">
      <c r="H274896" s="12"/>
    </row>
    <row r="274897" spans="8:8">
      <c r="H274897" s="12"/>
    </row>
    <row r="274898" spans="8:8">
      <c r="H274898" s="12"/>
    </row>
    <row r="274899" spans="8:8">
      <c r="H274899" s="12"/>
    </row>
    <row r="274900" spans="8:8">
      <c r="H274900" s="12"/>
    </row>
    <row r="274901" spans="8:8">
      <c r="H274901" s="12"/>
    </row>
    <row r="274902" spans="8:8">
      <c r="H274902" s="12"/>
    </row>
    <row r="274903" spans="8:8">
      <c r="H274903" s="12"/>
    </row>
    <row r="274904" spans="8:8">
      <c r="H274904" s="12"/>
    </row>
    <row r="274905" spans="8:8">
      <c r="H274905" s="12"/>
    </row>
    <row r="274906" spans="8:8">
      <c r="H274906" s="12"/>
    </row>
    <row r="274907" spans="8:8">
      <c r="H274907" s="12"/>
    </row>
    <row r="274908" spans="8:8">
      <c r="H274908" s="12"/>
    </row>
    <row r="274909" spans="8:8">
      <c r="H274909" s="12"/>
    </row>
    <row r="274910" spans="8:8">
      <c r="H274910" s="12"/>
    </row>
    <row r="274911" spans="8:8">
      <c r="H274911" s="12"/>
    </row>
    <row r="274912" spans="8:8">
      <c r="H274912" s="12"/>
    </row>
    <row r="274913" spans="8:8">
      <c r="H274913" s="12"/>
    </row>
    <row r="274914" spans="8:8">
      <c r="H274914" s="12"/>
    </row>
    <row r="274915" spans="8:8">
      <c r="H274915" s="12"/>
    </row>
    <row r="274916" spans="8:8">
      <c r="H274916" s="12"/>
    </row>
    <row r="274917" spans="8:8">
      <c r="H274917" s="12"/>
    </row>
    <row r="274918" spans="8:8">
      <c r="H274918" s="12"/>
    </row>
    <row r="274919" spans="8:8">
      <c r="H274919" s="12"/>
    </row>
    <row r="274920" spans="8:8">
      <c r="H274920" s="12"/>
    </row>
    <row r="274921" spans="8:8">
      <c r="H274921" s="12"/>
    </row>
    <row r="274922" spans="8:8">
      <c r="H274922" s="12"/>
    </row>
    <row r="274923" spans="8:8">
      <c r="H274923" s="12"/>
    </row>
    <row r="274924" spans="8:8">
      <c r="H274924" s="12"/>
    </row>
    <row r="274925" spans="8:8">
      <c r="H274925" s="12"/>
    </row>
    <row r="274926" spans="8:8">
      <c r="H274926" s="12"/>
    </row>
    <row r="274927" spans="8:8">
      <c r="H274927" s="12"/>
    </row>
    <row r="274928" spans="8:8">
      <c r="H274928" s="12"/>
    </row>
    <row r="274929" spans="8:8">
      <c r="H274929" s="12"/>
    </row>
    <row r="274930" spans="8:8">
      <c r="H274930" s="12"/>
    </row>
    <row r="274931" spans="8:8">
      <c r="H274931" s="12"/>
    </row>
    <row r="274932" spans="8:8">
      <c r="H274932" s="12"/>
    </row>
    <row r="274933" spans="8:8">
      <c r="H274933" s="12"/>
    </row>
    <row r="274934" spans="8:8">
      <c r="H274934" s="12"/>
    </row>
    <row r="274935" spans="8:8">
      <c r="H274935" s="12"/>
    </row>
    <row r="274936" spans="8:8">
      <c r="H274936" s="12"/>
    </row>
    <row r="274937" spans="8:8">
      <c r="H274937" s="12"/>
    </row>
    <row r="274938" spans="8:8">
      <c r="H274938" s="12"/>
    </row>
    <row r="274939" spans="8:8">
      <c r="H274939" s="12"/>
    </row>
    <row r="274940" spans="8:8">
      <c r="H274940" s="12"/>
    </row>
    <row r="274941" spans="8:8">
      <c r="H274941" s="12"/>
    </row>
    <row r="274942" spans="8:8">
      <c r="H274942" s="12"/>
    </row>
    <row r="274943" spans="8:8">
      <c r="H274943" s="12"/>
    </row>
    <row r="274944" spans="8:8">
      <c r="H274944" s="12"/>
    </row>
    <row r="274945" spans="8:8">
      <c r="H274945" s="12"/>
    </row>
    <row r="274946" spans="8:8">
      <c r="H274946" s="12"/>
    </row>
    <row r="274947" spans="8:8">
      <c r="H274947" s="12"/>
    </row>
    <row r="274948" spans="8:8">
      <c r="H274948" s="12"/>
    </row>
    <row r="274949" spans="8:8">
      <c r="H274949" s="12"/>
    </row>
    <row r="274950" spans="8:8">
      <c r="H274950" s="12"/>
    </row>
    <row r="274951" spans="8:8">
      <c r="H274951" s="12"/>
    </row>
    <row r="274952" spans="8:8">
      <c r="H274952" s="12"/>
    </row>
    <row r="274953" spans="8:8">
      <c r="H274953" s="12"/>
    </row>
    <row r="274954" spans="8:8">
      <c r="H274954" s="12"/>
    </row>
    <row r="274955" spans="8:8">
      <c r="H274955" s="12"/>
    </row>
    <row r="274956" spans="8:8">
      <c r="H274956" s="12"/>
    </row>
    <row r="274957" spans="8:8">
      <c r="H274957" s="12"/>
    </row>
    <row r="274958" spans="8:8">
      <c r="H274958" s="12"/>
    </row>
    <row r="274959" spans="8:8">
      <c r="H274959" s="12"/>
    </row>
    <row r="274960" spans="8:8">
      <c r="H274960" s="12"/>
    </row>
    <row r="274961" spans="8:8">
      <c r="H274961" s="12"/>
    </row>
    <row r="274962" spans="8:8">
      <c r="H274962" s="12"/>
    </row>
    <row r="274963" spans="8:8">
      <c r="H274963" s="12"/>
    </row>
    <row r="274964" spans="8:8">
      <c r="H274964" s="12"/>
    </row>
    <row r="274965" spans="8:8">
      <c r="H274965" s="12"/>
    </row>
    <row r="274966" spans="8:8">
      <c r="H274966" s="12"/>
    </row>
    <row r="274967" spans="8:8">
      <c r="H274967" s="12"/>
    </row>
    <row r="274968" spans="8:8">
      <c r="H274968" s="12"/>
    </row>
    <row r="274969" spans="8:8">
      <c r="H274969" s="12"/>
    </row>
    <row r="274970" spans="8:8">
      <c r="H274970" s="12"/>
    </row>
    <row r="274971" spans="8:8">
      <c r="H274971" s="12"/>
    </row>
    <row r="274972" spans="8:8">
      <c r="H274972" s="12"/>
    </row>
    <row r="274973" spans="8:8">
      <c r="H274973" s="12"/>
    </row>
    <row r="274974" spans="8:8">
      <c r="H274974" s="12"/>
    </row>
    <row r="274975" spans="8:8">
      <c r="H274975" s="12"/>
    </row>
    <row r="274976" spans="8:8">
      <c r="H274976" s="12"/>
    </row>
    <row r="274977" spans="8:8">
      <c r="H274977" s="12"/>
    </row>
    <row r="274978" spans="8:8">
      <c r="H274978" s="12"/>
    </row>
    <row r="274979" spans="8:8">
      <c r="H274979" s="12"/>
    </row>
    <row r="274980" spans="8:8">
      <c r="H274980" s="12"/>
    </row>
    <row r="274981" spans="8:8">
      <c r="H274981" s="12"/>
    </row>
    <row r="274982" spans="8:8">
      <c r="H274982" s="12"/>
    </row>
    <row r="274983" spans="8:8">
      <c r="H274983" s="12"/>
    </row>
    <row r="274984" spans="8:8">
      <c r="H274984" s="12"/>
    </row>
    <row r="274985" spans="8:8">
      <c r="H274985" s="12"/>
    </row>
    <row r="274986" spans="8:8">
      <c r="H274986" s="12"/>
    </row>
    <row r="274987" spans="8:8">
      <c r="H274987" s="12"/>
    </row>
    <row r="274988" spans="8:8">
      <c r="H274988" s="12"/>
    </row>
    <row r="274989" spans="8:8">
      <c r="H274989" s="12"/>
    </row>
    <row r="274990" spans="8:8">
      <c r="H274990" s="12"/>
    </row>
    <row r="274991" spans="8:8">
      <c r="H274991" s="12"/>
    </row>
    <row r="274992" spans="8:8">
      <c r="H274992" s="12"/>
    </row>
    <row r="274993" spans="8:8">
      <c r="H274993" s="12"/>
    </row>
    <row r="274994" spans="8:8">
      <c r="H274994" s="12"/>
    </row>
    <row r="274995" spans="8:8">
      <c r="H274995" s="12"/>
    </row>
    <row r="274996" spans="8:8">
      <c r="H274996" s="12"/>
    </row>
    <row r="274997" spans="8:8">
      <c r="H274997" s="12"/>
    </row>
    <row r="274998" spans="8:8">
      <c r="H274998" s="12"/>
    </row>
    <row r="274999" spans="8:8">
      <c r="H274999" s="12"/>
    </row>
    <row r="275000" spans="8:8">
      <c r="H275000" s="12"/>
    </row>
    <row r="275001" spans="8:8">
      <c r="H275001" s="12"/>
    </row>
    <row r="275002" spans="8:8">
      <c r="H275002" s="12"/>
    </row>
    <row r="275003" spans="8:8">
      <c r="H275003" s="12"/>
    </row>
    <row r="275004" spans="8:8">
      <c r="H275004" s="12"/>
    </row>
    <row r="275005" spans="8:8">
      <c r="H275005" s="12"/>
    </row>
    <row r="275006" spans="8:8">
      <c r="H275006" s="12"/>
    </row>
    <row r="275007" spans="8:8">
      <c r="H275007" s="12"/>
    </row>
    <row r="275008" spans="8:8">
      <c r="H275008" s="12"/>
    </row>
    <row r="275009" spans="8:8">
      <c r="H275009" s="12"/>
    </row>
    <row r="275010" spans="8:8">
      <c r="H275010" s="12"/>
    </row>
    <row r="275011" spans="8:8">
      <c r="H275011" s="12"/>
    </row>
    <row r="275012" spans="8:8">
      <c r="H275012" s="12"/>
    </row>
    <row r="275013" spans="8:8">
      <c r="H275013" s="12"/>
    </row>
    <row r="275014" spans="8:8">
      <c r="H275014" s="12"/>
    </row>
    <row r="275015" spans="8:8">
      <c r="H275015" s="12"/>
    </row>
    <row r="275016" spans="8:8">
      <c r="H275016" s="12"/>
    </row>
    <row r="275017" spans="8:8">
      <c r="H275017" s="12"/>
    </row>
    <row r="275018" spans="8:8">
      <c r="H275018" s="12"/>
    </row>
    <row r="275019" spans="8:8">
      <c r="H275019" s="12"/>
    </row>
    <row r="275020" spans="8:8">
      <c r="H275020" s="12"/>
    </row>
    <row r="275021" spans="8:8">
      <c r="H275021" s="12"/>
    </row>
    <row r="275022" spans="8:8">
      <c r="H275022" s="12"/>
    </row>
    <row r="275023" spans="8:8">
      <c r="H275023" s="12"/>
    </row>
    <row r="275024" spans="8:8">
      <c r="H275024" s="12"/>
    </row>
    <row r="275025" spans="8:8">
      <c r="H275025" s="12"/>
    </row>
    <row r="275026" spans="8:8">
      <c r="H275026" s="12"/>
    </row>
    <row r="275027" spans="8:8">
      <c r="H275027" s="12"/>
    </row>
    <row r="275028" spans="8:8">
      <c r="H275028" s="12"/>
    </row>
    <row r="275029" spans="8:8">
      <c r="H275029" s="12"/>
    </row>
    <row r="275030" spans="8:8">
      <c r="H275030" s="12"/>
    </row>
    <row r="275031" spans="8:8">
      <c r="H275031" s="12"/>
    </row>
    <row r="275032" spans="8:8">
      <c r="H275032" s="12"/>
    </row>
    <row r="275033" spans="8:8">
      <c r="H275033" s="12"/>
    </row>
    <row r="275034" spans="8:8">
      <c r="H275034" s="12"/>
    </row>
    <row r="275035" spans="8:8">
      <c r="H275035" s="12"/>
    </row>
    <row r="275036" spans="8:8">
      <c r="H275036" s="12"/>
    </row>
    <row r="275037" spans="8:8">
      <c r="H275037" s="12"/>
    </row>
    <row r="275038" spans="8:8">
      <c r="H275038" s="12"/>
    </row>
    <row r="275039" spans="8:8">
      <c r="H275039" s="12"/>
    </row>
    <row r="275040" spans="8:8">
      <c r="H275040" s="12"/>
    </row>
    <row r="275041" spans="8:8">
      <c r="H275041" s="12"/>
    </row>
    <row r="275042" spans="8:8">
      <c r="H275042" s="12"/>
    </row>
    <row r="275043" spans="8:8">
      <c r="H275043" s="12"/>
    </row>
    <row r="275044" spans="8:8">
      <c r="H275044" s="12"/>
    </row>
    <row r="275045" spans="8:8">
      <c r="H275045" s="12"/>
    </row>
    <row r="275046" spans="8:8">
      <c r="H275046" s="12"/>
    </row>
    <row r="275047" spans="8:8">
      <c r="H275047" s="12"/>
    </row>
    <row r="275048" spans="8:8">
      <c r="H275048" s="12"/>
    </row>
    <row r="275049" spans="8:8">
      <c r="H275049" s="12"/>
    </row>
    <row r="275050" spans="8:8">
      <c r="H275050" s="12"/>
    </row>
    <row r="275051" spans="8:8">
      <c r="H275051" s="12"/>
    </row>
    <row r="275052" spans="8:8">
      <c r="H275052" s="12"/>
    </row>
    <row r="275053" spans="8:8">
      <c r="H275053" s="12"/>
    </row>
    <row r="275054" spans="8:8">
      <c r="H275054" s="12"/>
    </row>
    <row r="275055" spans="8:8">
      <c r="H275055" s="12"/>
    </row>
    <row r="275056" spans="8:8">
      <c r="H275056" s="12"/>
    </row>
    <row r="275057" spans="8:8">
      <c r="H275057" s="12"/>
    </row>
    <row r="275058" spans="8:8">
      <c r="H275058" s="12"/>
    </row>
    <row r="275059" spans="8:8">
      <c r="H275059" s="12"/>
    </row>
    <row r="275060" spans="8:8">
      <c r="H275060" s="12"/>
    </row>
    <row r="275061" spans="8:8">
      <c r="H275061" s="12"/>
    </row>
    <row r="275062" spans="8:8">
      <c r="H275062" s="12"/>
    </row>
    <row r="275063" spans="8:8">
      <c r="H275063" s="12"/>
    </row>
    <row r="275064" spans="8:8">
      <c r="H275064" s="12"/>
    </row>
    <row r="275065" spans="8:8">
      <c r="H275065" s="12"/>
    </row>
    <row r="275066" spans="8:8">
      <c r="H275066" s="12"/>
    </row>
    <row r="275067" spans="8:8">
      <c r="H275067" s="12"/>
    </row>
    <row r="275068" spans="8:8">
      <c r="H275068" s="12"/>
    </row>
    <row r="275069" spans="8:8">
      <c r="H275069" s="12"/>
    </row>
    <row r="275070" spans="8:8">
      <c r="H275070" s="12"/>
    </row>
    <row r="275071" spans="8:8">
      <c r="H275071" s="12"/>
    </row>
    <row r="275072" spans="8:8">
      <c r="H275072" s="12"/>
    </row>
    <row r="275073" spans="8:8">
      <c r="H275073" s="12"/>
    </row>
    <row r="275074" spans="8:8">
      <c r="H275074" s="12"/>
    </row>
    <row r="275075" spans="8:8">
      <c r="H275075" s="12"/>
    </row>
    <row r="275076" spans="8:8">
      <c r="H275076" s="12"/>
    </row>
    <row r="275077" spans="8:8">
      <c r="H275077" s="12"/>
    </row>
    <row r="275078" spans="8:8">
      <c r="H275078" s="12"/>
    </row>
    <row r="275079" spans="8:8">
      <c r="H275079" s="12"/>
    </row>
    <row r="275080" spans="8:8">
      <c r="H275080" s="12"/>
    </row>
    <row r="275081" spans="8:8">
      <c r="H275081" s="12"/>
    </row>
    <row r="275082" spans="8:8">
      <c r="H275082" s="12"/>
    </row>
    <row r="275083" spans="8:8">
      <c r="H275083" s="12"/>
    </row>
    <row r="275084" spans="8:8">
      <c r="H275084" s="12"/>
    </row>
    <row r="275085" spans="8:8">
      <c r="H275085" s="12"/>
    </row>
    <row r="275086" spans="8:8">
      <c r="H275086" s="12"/>
    </row>
    <row r="275087" spans="8:8">
      <c r="H275087" s="12"/>
    </row>
    <row r="275088" spans="8:8">
      <c r="H275088" s="12"/>
    </row>
    <row r="275089" spans="8:8">
      <c r="H275089" s="12"/>
    </row>
    <row r="275090" spans="8:8">
      <c r="H275090" s="12"/>
    </row>
    <row r="275091" spans="8:8">
      <c r="H275091" s="12"/>
    </row>
    <row r="275092" spans="8:8">
      <c r="H275092" s="12"/>
    </row>
    <row r="275093" spans="8:8">
      <c r="H275093" s="12"/>
    </row>
    <row r="275094" spans="8:8">
      <c r="H275094" s="12"/>
    </row>
    <row r="275095" spans="8:8">
      <c r="H275095" s="12"/>
    </row>
    <row r="275096" spans="8:8">
      <c r="H275096" s="12"/>
    </row>
    <row r="275097" spans="8:8">
      <c r="H275097" s="12"/>
    </row>
    <row r="275098" spans="8:8">
      <c r="H275098" s="12"/>
    </row>
    <row r="275099" spans="8:8">
      <c r="H275099" s="12"/>
    </row>
    <row r="275100" spans="8:8">
      <c r="H275100" s="12"/>
    </row>
    <row r="275101" spans="8:8">
      <c r="H275101" s="12"/>
    </row>
    <row r="275102" spans="8:8">
      <c r="H275102" s="12"/>
    </row>
    <row r="275103" spans="8:8">
      <c r="H275103" s="12"/>
    </row>
    <row r="275104" spans="8:8">
      <c r="H275104" s="12"/>
    </row>
    <row r="275105" spans="8:8">
      <c r="H275105" s="12"/>
    </row>
    <row r="275106" spans="8:8">
      <c r="H275106" s="12"/>
    </row>
    <row r="275107" spans="8:8">
      <c r="H275107" s="12"/>
    </row>
    <row r="275108" spans="8:8">
      <c r="H275108" s="12"/>
    </row>
    <row r="275109" spans="8:8">
      <c r="H275109" s="12"/>
    </row>
    <row r="275110" spans="8:8">
      <c r="H275110" s="12"/>
    </row>
    <row r="275111" spans="8:8">
      <c r="H275111" s="12"/>
    </row>
    <row r="275112" spans="8:8">
      <c r="H275112" s="12"/>
    </row>
    <row r="275113" spans="8:8">
      <c r="H275113" s="12"/>
    </row>
    <row r="275114" spans="8:8">
      <c r="H275114" s="12"/>
    </row>
    <row r="275115" spans="8:8">
      <c r="H275115" s="12"/>
    </row>
    <row r="275116" spans="8:8">
      <c r="H275116" s="12"/>
    </row>
    <row r="275117" spans="8:8">
      <c r="H275117" s="12"/>
    </row>
    <row r="275118" spans="8:8">
      <c r="H275118" s="12"/>
    </row>
    <row r="275119" spans="8:8">
      <c r="H275119" s="12"/>
    </row>
    <row r="275120" spans="8:8">
      <c r="H275120" s="12"/>
    </row>
    <row r="275121" spans="8:8">
      <c r="H275121" s="12"/>
    </row>
    <row r="275122" spans="8:8">
      <c r="H275122" s="12"/>
    </row>
    <row r="275123" spans="8:8">
      <c r="H275123" s="12"/>
    </row>
    <row r="275124" spans="8:8">
      <c r="H275124" s="12"/>
    </row>
    <row r="275125" spans="8:8">
      <c r="H275125" s="12"/>
    </row>
    <row r="275126" spans="8:8">
      <c r="H275126" s="12"/>
    </row>
    <row r="275127" spans="8:8">
      <c r="H275127" s="12"/>
    </row>
    <row r="275128" spans="8:8">
      <c r="H275128" s="12"/>
    </row>
    <row r="275129" spans="8:8">
      <c r="H275129" s="12"/>
    </row>
    <row r="275130" spans="8:8">
      <c r="H275130" s="12"/>
    </row>
    <row r="275131" spans="8:8">
      <c r="H275131" s="12"/>
    </row>
    <row r="275132" spans="8:8">
      <c r="H275132" s="12"/>
    </row>
    <row r="275133" spans="8:8">
      <c r="H275133" s="12"/>
    </row>
    <row r="275134" spans="8:8">
      <c r="H275134" s="12"/>
    </row>
    <row r="275135" spans="8:8">
      <c r="H275135" s="12"/>
    </row>
    <row r="275136" spans="8:8">
      <c r="H275136" s="12"/>
    </row>
    <row r="275137" spans="8:8">
      <c r="H275137" s="12"/>
    </row>
    <row r="275138" spans="8:8">
      <c r="H275138" s="12"/>
    </row>
    <row r="275139" spans="8:8">
      <c r="H275139" s="12"/>
    </row>
    <row r="275140" spans="8:8">
      <c r="H275140" s="12"/>
    </row>
    <row r="275141" spans="8:8">
      <c r="H275141" s="12"/>
    </row>
    <row r="275142" spans="8:8">
      <c r="H275142" s="12"/>
    </row>
    <row r="275143" spans="8:8">
      <c r="H275143" s="12"/>
    </row>
    <row r="275144" spans="8:8">
      <c r="H275144" s="12"/>
    </row>
    <row r="275145" spans="8:8">
      <c r="H275145" s="12"/>
    </row>
    <row r="275146" spans="8:8">
      <c r="H275146" s="12"/>
    </row>
    <row r="275147" spans="8:8">
      <c r="H275147" s="12"/>
    </row>
    <row r="275148" spans="8:8">
      <c r="H275148" s="12"/>
    </row>
    <row r="275149" spans="8:8">
      <c r="H275149" s="12"/>
    </row>
    <row r="275150" spans="8:8">
      <c r="H275150" s="12"/>
    </row>
    <row r="275151" spans="8:8">
      <c r="H275151" s="12"/>
    </row>
    <row r="275152" spans="8:8">
      <c r="H275152" s="12"/>
    </row>
    <row r="275153" spans="8:8">
      <c r="H275153" s="12"/>
    </row>
    <row r="275154" spans="8:8">
      <c r="H275154" s="12"/>
    </row>
    <row r="275155" spans="8:8">
      <c r="H275155" s="12"/>
    </row>
    <row r="275156" spans="8:8">
      <c r="H275156" s="12"/>
    </row>
    <row r="275157" spans="8:8">
      <c r="H275157" s="12"/>
    </row>
    <row r="275158" spans="8:8">
      <c r="H275158" s="12"/>
    </row>
    <row r="275159" spans="8:8">
      <c r="H275159" s="12"/>
    </row>
    <row r="275160" spans="8:8">
      <c r="H275160" s="12"/>
    </row>
    <row r="275161" spans="8:8">
      <c r="H275161" s="12"/>
    </row>
    <row r="275162" spans="8:8">
      <c r="H275162" s="12"/>
    </row>
    <row r="275163" spans="8:8">
      <c r="H275163" s="12"/>
    </row>
    <row r="275164" spans="8:8">
      <c r="H275164" s="12"/>
    </row>
    <row r="275165" spans="8:8">
      <c r="H275165" s="12"/>
    </row>
    <row r="275166" spans="8:8">
      <c r="H275166" s="12"/>
    </row>
    <row r="275167" spans="8:8">
      <c r="H275167" s="12"/>
    </row>
    <row r="275168" spans="8:8">
      <c r="H275168" s="12"/>
    </row>
    <row r="275169" spans="8:8">
      <c r="H275169" s="12"/>
    </row>
    <row r="275170" spans="8:8">
      <c r="H275170" s="12"/>
    </row>
    <row r="275171" spans="8:8">
      <c r="H275171" s="12"/>
    </row>
    <row r="275172" spans="8:8">
      <c r="H275172" s="12"/>
    </row>
    <row r="275173" spans="8:8">
      <c r="H275173" s="12"/>
    </row>
    <row r="275174" spans="8:8">
      <c r="H275174" s="12"/>
    </row>
    <row r="275175" spans="8:8">
      <c r="H275175" s="12"/>
    </row>
    <row r="275176" spans="8:8">
      <c r="H275176" s="12"/>
    </row>
    <row r="275177" spans="8:8">
      <c r="H275177" s="12"/>
    </row>
    <row r="275178" spans="8:8">
      <c r="H275178" s="12"/>
    </row>
    <row r="275179" spans="8:8">
      <c r="H275179" s="12"/>
    </row>
    <row r="275180" spans="8:8">
      <c r="H275180" s="12"/>
    </row>
    <row r="275181" spans="8:8">
      <c r="H275181" s="12"/>
    </row>
    <row r="275182" spans="8:8">
      <c r="H275182" s="12"/>
    </row>
    <row r="275183" spans="8:8">
      <c r="H275183" s="12"/>
    </row>
    <row r="275184" spans="8:8">
      <c r="H275184" s="12"/>
    </row>
    <row r="275185" spans="8:8">
      <c r="H275185" s="12"/>
    </row>
    <row r="275186" spans="8:8">
      <c r="H275186" s="12"/>
    </row>
    <row r="275187" spans="8:8">
      <c r="H275187" s="12"/>
    </row>
    <row r="275188" spans="8:8">
      <c r="H275188" s="12"/>
    </row>
    <row r="275189" spans="8:8">
      <c r="H275189" s="12"/>
    </row>
    <row r="275190" spans="8:8">
      <c r="H275190" s="12"/>
    </row>
    <row r="275191" spans="8:8">
      <c r="H275191" s="12"/>
    </row>
    <row r="275192" spans="8:8">
      <c r="H275192" s="12"/>
    </row>
    <row r="275193" spans="8:8">
      <c r="H275193" s="12"/>
    </row>
    <row r="275194" spans="8:8">
      <c r="H275194" s="12"/>
    </row>
    <row r="275195" spans="8:8">
      <c r="H275195" s="12"/>
    </row>
    <row r="275196" spans="8:8">
      <c r="H275196" s="12"/>
    </row>
    <row r="275197" spans="8:8">
      <c r="H275197" s="12"/>
    </row>
    <row r="275198" spans="8:8">
      <c r="H275198" s="12"/>
    </row>
    <row r="275199" spans="8:8">
      <c r="H275199" s="12"/>
    </row>
    <row r="275200" spans="8:8">
      <c r="H275200" s="12"/>
    </row>
    <row r="275201" spans="8:8">
      <c r="H275201" s="12"/>
    </row>
    <row r="275202" spans="8:8">
      <c r="H275202" s="12"/>
    </row>
    <row r="275203" spans="8:8">
      <c r="H275203" s="12"/>
    </row>
    <row r="275204" spans="8:8">
      <c r="H275204" s="12"/>
    </row>
    <row r="275205" spans="8:8">
      <c r="H275205" s="12"/>
    </row>
    <row r="275206" spans="8:8">
      <c r="H275206" s="12"/>
    </row>
    <row r="275207" spans="8:8">
      <c r="H275207" s="12"/>
    </row>
    <row r="275208" spans="8:8">
      <c r="H275208" s="12"/>
    </row>
    <row r="275209" spans="8:8">
      <c r="H275209" s="12"/>
    </row>
    <row r="275210" spans="8:8">
      <c r="H275210" s="12"/>
    </row>
    <row r="275211" spans="8:8">
      <c r="H275211" s="12"/>
    </row>
    <row r="275212" spans="8:8">
      <c r="H275212" s="12"/>
    </row>
    <row r="275213" spans="8:8">
      <c r="H275213" s="12"/>
    </row>
    <row r="275214" spans="8:8">
      <c r="H275214" s="12"/>
    </row>
    <row r="275215" spans="8:8">
      <c r="H275215" s="12"/>
    </row>
    <row r="275216" spans="8:8">
      <c r="H275216" s="12"/>
    </row>
    <row r="275217" spans="8:8">
      <c r="H275217" s="12"/>
    </row>
    <row r="275218" spans="8:8">
      <c r="H275218" s="12"/>
    </row>
    <row r="275219" spans="8:8">
      <c r="H275219" s="12"/>
    </row>
    <row r="275220" spans="8:8">
      <c r="H275220" s="12"/>
    </row>
    <row r="275221" spans="8:8">
      <c r="H275221" s="12"/>
    </row>
    <row r="275222" spans="8:8">
      <c r="H275222" s="12"/>
    </row>
    <row r="275223" spans="8:8">
      <c r="H275223" s="12"/>
    </row>
    <row r="275224" spans="8:8">
      <c r="H275224" s="12"/>
    </row>
    <row r="275225" spans="8:8">
      <c r="H275225" s="12"/>
    </row>
    <row r="275226" spans="8:8">
      <c r="H275226" s="12"/>
    </row>
    <row r="275227" spans="8:8">
      <c r="H275227" s="12"/>
    </row>
    <row r="275228" spans="8:8">
      <c r="H275228" s="12"/>
    </row>
    <row r="275229" spans="8:8">
      <c r="H275229" s="12"/>
    </row>
    <row r="275230" spans="8:8">
      <c r="H275230" s="12"/>
    </row>
    <row r="275231" spans="8:8">
      <c r="H275231" s="12"/>
    </row>
    <row r="275232" spans="8:8">
      <c r="H275232" s="12"/>
    </row>
    <row r="275233" spans="8:8">
      <c r="H275233" s="12"/>
    </row>
    <row r="275234" spans="8:8">
      <c r="H275234" s="12"/>
    </row>
    <row r="275235" spans="8:8">
      <c r="H275235" s="12"/>
    </row>
    <row r="275236" spans="8:8">
      <c r="H275236" s="12"/>
    </row>
    <row r="275237" spans="8:8">
      <c r="H275237" s="12"/>
    </row>
    <row r="275238" spans="8:8">
      <c r="H275238" s="12"/>
    </row>
    <row r="275239" spans="8:8">
      <c r="H275239" s="12"/>
    </row>
    <row r="275240" spans="8:8">
      <c r="H275240" s="12"/>
    </row>
    <row r="275241" spans="8:8">
      <c r="H275241" s="12"/>
    </row>
    <row r="275242" spans="8:8">
      <c r="H275242" s="12"/>
    </row>
    <row r="275243" spans="8:8">
      <c r="H275243" s="12"/>
    </row>
    <row r="275244" spans="8:8">
      <c r="H275244" s="12"/>
    </row>
    <row r="275245" spans="8:8">
      <c r="H275245" s="12"/>
    </row>
    <row r="275246" spans="8:8">
      <c r="H275246" s="12"/>
    </row>
    <row r="275247" spans="8:8">
      <c r="H275247" s="12"/>
    </row>
    <row r="275248" spans="8:8">
      <c r="H275248" s="12"/>
    </row>
    <row r="275249" spans="8:8">
      <c r="H275249" s="12"/>
    </row>
    <row r="275250" spans="8:8">
      <c r="H275250" s="12"/>
    </row>
    <row r="275251" spans="8:8">
      <c r="H275251" s="12"/>
    </row>
    <row r="275252" spans="8:8">
      <c r="H275252" s="12"/>
    </row>
    <row r="275253" spans="8:8">
      <c r="H275253" s="12"/>
    </row>
    <row r="275254" spans="8:8">
      <c r="H275254" s="12"/>
    </row>
    <row r="275255" spans="8:8">
      <c r="H275255" s="12"/>
    </row>
    <row r="275256" spans="8:8">
      <c r="H275256" s="12"/>
    </row>
    <row r="275257" spans="8:8">
      <c r="H275257" s="12"/>
    </row>
    <row r="275258" spans="8:8">
      <c r="H275258" s="12"/>
    </row>
    <row r="275259" spans="8:8">
      <c r="H275259" s="12"/>
    </row>
    <row r="275260" spans="8:8">
      <c r="H275260" s="12"/>
    </row>
    <row r="275261" spans="8:8">
      <c r="H275261" s="12"/>
    </row>
    <row r="275262" spans="8:8">
      <c r="H275262" s="12"/>
    </row>
    <row r="275263" spans="8:8">
      <c r="H275263" s="12"/>
    </row>
    <row r="275264" spans="8:8">
      <c r="H275264" s="12"/>
    </row>
    <row r="275265" spans="8:8">
      <c r="H275265" s="12"/>
    </row>
    <row r="275266" spans="8:8">
      <c r="H275266" s="12"/>
    </row>
    <row r="275267" spans="8:8">
      <c r="H275267" s="12"/>
    </row>
    <row r="275268" spans="8:8">
      <c r="H275268" s="12"/>
    </row>
    <row r="275269" spans="8:8">
      <c r="H275269" s="12"/>
    </row>
    <row r="275270" spans="8:8">
      <c r="H275270" s="12"/>
    </row>
    <row r="275271" spans="8:8">
      <c r="H275271" s="12"/>
    </row>
    <row r="275272" spans="8:8">
      <c r="H275272" s="12"/>
    </row>
    <row r="275273" spans="8:8">
      <c r="H275273" s="12"/>
    </row>
    <row r="275274" spans="8:8">
      <c r="H275274" s="12"/>
    </row>
    <row r="275275" spans="8:8">
      <c r="H275275" s="12"/>
    </row>
    <row r="275276" spans="8:8">
      <c r="H275276" s="12"/>
    </row>
    <row r="275277" spans="8:8">
      <c r="H275277" s="12"/>
    </row>
    <row r="275278" spans="8:8">
      <c r="H275278" s="12"/>
    </row>
    <row r="275279" spans="8:8">
      <c r="H275279" s="12"/>
    </row>
    <row r="275280" spans="8:8">
      <c r="H275280" s="12"/>
    </row>
    <row r="275281" spans="8:8">
      <c r="H275281" s="12"/>
    </row>
    <row r="275282" spans="8:8">
      <c r="H275282" s="12"/>
    </row>
    <row r="275283" spans="8:8">
      <c r="H275283" s="12"/>
    </row>
    <row r="275284" spans="8:8">
      <c r="H275284" s="12"/>
    </row>
    <row r="275285" spans="8:8">
      <c r="H275285" s="12"/>
    </row>
    <row r="275286" spans="8:8">
      <c r="H275286" s="12"/>
    </row>
    <row r="275287" spans="8:8">
      <c r="H275287" s="12"/>
    </row>
    <row r="275288" spans="8:8">
      <c r="H275288" s="12"/>
    </row>
    <row r="275289" spans="8:8">
      <c r="H275289" s="12"/>
    </row>
    <row r="275290" spans="8:8">
      <c r="H275290" s="12"/>
    </row>
    <row r="275291" spans="8:8">
      <c r="H275291" s="12"/>
    </row>
    <row r="275292" spans="8:8">
      <c r="H275292" s="12"/>
    </row>
    <row r="275293" spans="8:8">
      <c r="H275293" s="12"/>
    </row>
    <row r="275294" spans="8:8">
      <c r="H275294" s="12"/>
    </row>
    <row r="275295" spans="8:8">
      <c r="H275295" s="12"/>
    </row>
    <row r="275296" spans="8:8">
      <c r="H275296" s="12"/>
    </row>
    <row r="275297" spans="8:8">
      <c r="H275297" s="12"/>
    </row>
    <row r="275298" spans="8:8">
      <c r="H275298" s="12"/>
    </row>
    <row r="275299" spans="8:8">
      <c r="H275299" s="12"/>
    </row>
    <row r="275300" spans="8:8">
      <c r="H275300" s="12"/>
    </row>
    <row r="275301" spans="8:8">
      <c r="H275301" s="12"/>
    </row>
    <row r="275302" spans="8:8">
      <c r="H275302" s="12"/>
    </row>
    <row r="275303" spans="8:8">
      <c r="H275303" s="12"/>
    </row>
    <row r="275304" spans="8:8">
      <c r="H275304" s="12"/>
    </row>
    <row r="275305" spans="8:8">
      <c r="H275305" s="12"/>
    </row>
    <row r="275306" spans="8:8">
      <c r="H275306" s="12"/>
    </row>
    <row r="275307" spans="8:8">
      <c r="H275307" s="12"/>
    </row>
    <row r="275308" spans="8:8">
      <c r="H275308" s="12"/>
    </row>
    <row r="275309" spans="8:8">
      <c r="H275309" s="12"/>
    </row>
    <row r="275310" spans="8:8">
      <c r="H275310" s="12"/>
    </row>
    <row r="275311" spans="8:8">
      <c r="H275311" s="12"/>
    </row>
    <row r="275312" spans="8:8">
      <c r="H275312" s="12"/>
    </row>
    <row r="275313" spans="8:8">
      <c r="H275313" s="12"/>
    </row>
    <row r="275314" spans="8:8">
      <c r="H275314" s="12"/>
    </row>
    <row r="275315" spans="8:8">
      <c r="H275315" s="12"/>
    </row>
    <row r="275316" spans="8:8">
      <c r="H275316" s="12"/>
    </row>
    <row r="275317" spans="8:8">
      <c r="H275317" s="12"/>
    </row>
    <row r="275318" spans="8:8">
      <c r="H275318" s="12"/>
    </row>
    <row r="275319" spans="8:8">
      <c r="H275319" s="12"/>
    </row>
    <row r="275320" spans="8:8">
      <c r="H275320" s="12"/>
    </row>
    <row r="275321" spans="8:8">
      <c r="H275321" s="12"/>
    </row>
    <row r="275322" spans="8:8">
      <c r="H275322" s="12"/>
    </row>
    <row r="275323" spans="8:8">
      <c r="H275323" s="12"/>
    </row>
    <row r="275324" spans="8:8">
      <c r="H275324" s="12"/>
    </row>
    <row r="275325" spans="8:8">
      <c r="H275325" s="12"/>
    </row>
    <row r="275326" spans="8:8">
      <c r="H275326" s="12"/>
    </row>
    <row r="275327" spans="8:8">
      <c r="H275327" s="12"/>
    </row>
    <row r="275328" spans="8:8">
      <c r="H275328" s="12"/>
    </row>
    <row r="275329" spans="8:8">
      <c r="H275329" s="12"/>
    </row>
    <row r="275330" spans="8:8">
      <c r="H275330" s="12"/>
    </row>
    <row r="275331" spans="8:8">
      <c r="H275331" s="12"/>
    </row>
    <row r="275332" spans="8:8">
      <c r="H275332" s="12"/>
    </row>
    <row r="275333" spans="8:8">
      <c r="H275333" s="12"/>
    </row>
    <row r="275334" spans="8:8">
      <c r="H275334" s="12"/>
    </row>
    <row r="275335" spans="8:8">
      <c r="H275335" s="12"/>
    </row>
    <row r="275336" spans="8:8">
      <c r="H275336" s="12"/>
    </row>
    <row r="275337" spans="8:8">
      <c r="H275337" s="12"/>
    </row>
    <row r="275338" spans="8:8">
      <c r="H275338" s="12"/>
    </row>
    <row r="275339" spans="8:8">
      <c r="H275339" s="12"/>
    </row>
    <row r="275340" spans="8:8">
      <c r="H275340" s="12"/>
    </row>
    <row r="275341" spans="8:8">
      <c r="H275341" s="12"/>
    </row>
    <row r="275342" spans="8:8">
      <c r="H275342" s="12"/>
    </row>
    <row r="275343" spans="8:8">
      <c r="H275343" s="12"/>
    </row>
    <row r="275344" spans="8:8">
      <c r="H275344" s="12"/>
    </row>
    <row r="275345" spans="8:8">
      <c r="H275345" s="12"/>
    </row>
    <row r="275346" spans="8:8">
      <c r="H275346" s="12"/>
    </row>
    <row r="275347" spans="8:8">
      <c r="H275347" s="12"/>
    </row>
    <row r="275348" spans="8:8">
      <c r="H275348" s="12"/>
    </row>
    <row r="275349" spans="8:8">
      <c r="H275349" s="12"/>
    </row>
    <row r="275350" spans="8:8">
      <c r="H275350" s="12"/>
    </row>
    <row r="275351" spans="8:8">
      <c r="H275351" s="12"/>
    </row>
    <row r="275352" spans="8:8">
      <c r="H275352" s="12"/>
    </row>
    <row r="275353" spans="8:8">
      <c r="H275353" s="12"/>
    </row>
    <row r="275354" spans="8:8">
      <c r="H275354" s="12"/>
    </row>
    <row r="275355" spans="8:8">
      <c r="H275355" s="12"/>
    </row>
    <row r="275356" spans="8:8">
      <c r="H275356" s="12"/>
    </row>
    <row r="275357" spans="8:8">
      <c r="H275357" s="12"/>
    </row>
    <row r="275358" spans="8:8">
      <c r="H275358" s="12"/>
    </row>
    <row r="275359" spans="8:8">
      <c r="H275359" s="12"/>
    </row>
    <row r="275360" spans="8:8">
      <c r="H275360" s="12"/>
    </row>
    <row r="275361" spans="8:8">
      <c r="H275361" s="12"/>
    </row>
    <row r="275362" spans="8:8">
      <c r="H275362" s="12"/>
    </row>
    <row r="275363" spans="8:8">
      <c r="H275363" s="12"/>
    </row>
    <row r="275364" spans="8:8">
      <c r="H275364" s="12"/>
    </row>
    <row r="275365" spans="8:8">
      <c r="H275365" s="12"/>
    </row>
    <row r="275366" spans="8:8">
      <c r="H275366" s="12"/>
    </row>
    <row r="275367" spans="8:8">
      <c r="H275367" s="12"/>
    </row>
    <row r="275368" spans="8:8">
      <c r="H275368" s="12"/>
    </row>
    <row r="275369" spans="8:8">
      <c r="H275369" s="12"/>
    </row>
    <row r="275370" spans="8:8">
      <c r="H275370" s="12"/>
    </row>
    <row r="275371" spans="8:8">
      <c r="H275371" s="12"/>
    </row>
    <row r="275372" spans="8:8">
      <c r="H275372" s="12"/>
    </row>
    <row r="275373" spans="8:8">
      <c r="H275373" s="12"/>
    </row>
    <row r="275374" spans="8:8">
      <c r="H275374" s="12"/>
    </row>
    <row r="275375" spans="8:8">
      <c r="H275375" s="12"/>
    </row>
    <row r="275376" spans="8:8">
      <c r="H275376" s="12"/>
    </row>
    <row r="275377" spans="8:8">
      <c r="H275377" s="12"/>
    </row>
    <row r="275378" spans="8:8">
      <c r="H275378" s="12"/>
    </row>
    <row r="275379" spans="8:8">
      <c r="H275379" s="12"/>
    </row>
    <row r="275380" spans="8:8">
      <c r="H275380" s="12"/>
    </row>
    <row r="275381" spans="8:8">
      <c r="H275381" s="12"/>
    </row>
    <row r="275382" spans="8:8">
      <c r="H275382" s="12"/>
    </row>
    <row r="275383" spans="8:8">
      <c r="H275383" s="12"/>
    </row>
    <row r="275384" spans="8:8">
      <c r="H275384" s="12"/>
    </row>
    <row r="275385" spans="8:8">
      <c r="H275385" s="12"/>
    </row>
    <row r="275386" spans="8:8">
      <c r="H275386" s="12"/>
    </row>
    <row r="275387" spans="8:8">
      <c r="H275387" s="12"/>
    </row>
    <row r="275388" spans="8:8">
      <c r="H275388" s="12"/>
    </row>
    <row r="275389" spans="8:8">
      <c r="H275389" s="12"/>
    </row>
    <row r="275390" spans="8:8">
      <c r="H275390" s="12"/>
    </row>
    <row r="275391" spans="8:8">
      <c r="H275391" s="12"/>
    </row>
    <row r="275392" spans="8:8">
      <c r="H275392" s="12"/>
    </row>
    <row r="275393" spans="8:8">
      <c r="H275393" s="12"/>
    </row>
    <row r="275394" spans="8:8">
      <c r="H275394" s="12"/>
    </row>
    <row r="275395" spans="8:8">
      <c r="H275395" s="12"/>
    </row>
    <row r="275396" spans="8:8">
      <c r="H275396" s="12"/>
    </row>
    <row r="275397" spans="8:8">
      <c r="H275397" s="12"/>
    </row>
    <row r="275398" spans="8:8">
      <c r="H275398" s="12"/>
    </row>
    <row r="275399" spans="8:8">
      <c r="H275399" s="12"/>
    </row>
    <row r="275400" spans="8:8">
      <c r="H275400" s="12"/>
    </row>
    <row r="275401" spans="8:8">
      <c r="H275401" s="12"/>
    </row>
    <row r="275402" spans="8:8">
      <c r="H275402" s="12"/>
    </row>
    <row r="275403" spans="8:8">
      <c r="H275403" s="12"/>
    </row>
    <row r="275404" spans="8:8">
      <c r="H275404" s="12"/>
    </row>
    <row r="275405" spans="8:8">
      <c r="H275405" s="12"/>
    </row>
    <row r="275406" spans="8:8">
      <c r="H275406" s="12"/>
    </row>
    <row r="275407" spans="8:8">
      <c r="H275407" s="12"/>
    </row>
    <row r="275408" spans="8:8">
      <c r="H275408" s="12"/>
    </row>
    <row r="275409" spans="8:8">
      <c r="H275409" s="12"/>
    </row>
    <row r="275410" spans="8:8">
      <c r="H275410" s="12"/>
    </row>
    <row r="275411" spans="8:8">
      <c r="H275411" s="12"/>
    </row>
    <row r="275412" spans="8:8">
      <c r="H275412" s="12"/>
    </row>
    <row r="275413" spans="8:8">
      <c r="H275413" s="12"/>
    </row>
    <row r="275414" spans="8:8">
      <c r="H275414" s="12"/>
    </row>
    <row r="275415" spans="8:8">
      <c r="H275415" s="12"/>
    </row>
    <row r="275416" spans="8:8">
      <c r="H275416" s="12"/>
    </row>
    <row r="275417" spans="8:8">
      <c r="H275417" s="12"/>
    </row>
    <row r="275418" spans="8:8">
      <c r="H275418" s="12"/>
    </row>
    <row r="275419" spans="8:8">
      <c r="H275419" s="12"/>
    </row>
    <row r="275420" spans="8:8">
      <c r="H275420" s="12"/>
    </row>
    <row r="275421" spans="8:8">
      <c r="H275421" s="12"/>
    </row>
    <row r="275422" spans="8:8">
      <c r="H275422" s="12"/>
    </row>
    <row r="275423" spans="8:8">
      <c r="H275423" s="12"/>
    </row>
    <row r="275424" spans="8:8">
      <c r="H275424" s="12"/>
    </row>
    <row r="275425" spans="8:8">
      <c r="H275425" s="12"/>
    </row>
    <row r="275426" spans="8:8">
      <c r="H275426" s="12"/>
    </row>
    <row r="275427" spans="8:8">
      <c r="H275427" s="12"/>
    </row>
    <row r="275428" spans="8:8">
      <c r="H275428" s="12"/>
    </row>
    <row r="275429" spans="8:8">
      <c r="H275429" s="12"/>
    </row>
    <row r="275430" spans="8:8">
      <c r="H275430" s="12"/>
    </row>
    <row r="275431" spans="8:8">
      <c r="H275431" s="12"/>
    </row>
    <row r="275432" spans="8:8">
      <c r="H275432" s="12"/>
    </row>
    <row r="275433" spans="8:8">
      <c r="H275433" s="12"/>
    </row>
    <row r="275434" spans="8:8">
      <c r="H275434" s="12"/>
    </row>
    <row r="275435" spans="8:8">
      <c r="H275435" s="12"/>
    </row>
    <row r="275436" spans="8:8">
      <c r="H275436" s="12"/>
    </row>
    <row r="275437" spans="8:8">
      <c r="H275437" s="12"/>
    </row>
    <row r="275438" spans="8:8">
      <c r="H275438" s="12"/>
    </row>
    <row r="275439" spans="8:8">
      <c r="H275439" s="12"/>
    </row>
    <row r="275440" spans="8:8">
      <c r="H275440" s="12"/>
    </row>
    <row r="275441" spans="8:8">
      <c r="H275441" s="12"/>
    </row>
    <row r="275442" spans="8:8">
      <c r="H275442" s="12"/>
    </row>
    <row r="275443" spans="8:8">
      <c r="H275443" s="12"/>
    </row>
    <row r="275444" spans="8:8">
      <c r="H275444" s="12"/>
    </row>
    <row r="275445" spans="8:8">
      <c r="H275445" s="12"/>
    </row>
    <row r="275446" spans="8:8">
      <c r="H275446" s="12"/>
    </row>
    <row r="275447" spans="8:8">
      <c r="H275447" s="12"/>
    </row>
    <row r="275448" spans="8:8">
      <c r="H275448" s="12"/>
    </row>
    <row r="275449" spans="8:8">
      <c r="H275449" s="12"/>
    </row>
    <row r="275450" spans="8:8">
      <c r="H275450" s="12"/>
    </row>
    <row r="275451" spans="8:8">
      <c r="H275451" s="12"/>
    </row>
    <row r="275452" spans="8:8">
      <c r="H275452" s="12"/>
    </row>
    <row r="275453" spans="8:8">
      <c r="H275453" s="12"/>
    </row>
    <row r="275454" spans="8:8">
      <c r="H275454" s="12"/>
    </row>
    <row r="275455" spans="8:8">
      <c r="H275455" s="12"/>
    </row>
    <row r="275456" spans="8:8">
      <c r="H275456" s="12"/>
    </row>
    <row r="275457" spans="8:8">
      <c r="H275457" s="12"/>
    </row>
    <row r="275458" spans="8:8">
      <c r="H275458" s="12"/>
    </row>
    <row r="275459" spans="8:8">
      <c r="H275459" s="12"/>
    </row>
    <row r="275460" spans="8:8">
      <c r="H275460" s="12"/>
    </row>
    <row r="275461" spans="8:8">
      <c r="H275461" s="12"/>
    </row>
    <row r="275462" spans="8:8">
      <c r="H275462" s="12"/>
    </row>
    <row r="275463" spans="8:8">
      <c r="H275463" s="12"/>
    </row>
    <row r="275464" spans="8:8">
      <c r="H275464" s="12"/>
    </row>
    <row r="275465" spans="8:8">
      <c r="H275465" s="12"/>
    </row>
    <row r="275466" spans="8:8">
      <c r="H275466" s="12"/>
    </row>
    <row r="275467" spans="8:8">
      <c r="H275467" s="12"/>
    </row>
    <row r="275468" spans="8:8">
      <c r="H275468" s="12"/>
    </row>
    <row r="275469" spans="8:8">
      <c r="H275469" s="12"/>
    </row>
    <row r="275470" spans="8:8">
      <c r="H275470" s="12"/>
    </row>
    <row r="275471" spans="8:8">
      <c r="H275471" s="12"/>
    </row>
    <row r="275472" spans="8:8">
      <c r="H275472" s="12"/>
    </row>
    <row r="275473" spans="8:8">
      <c r="H275473" s="12"/>
    </row>
    <row r="275474" spans="8:8">
      <c r="H275474" s="12"/>
    </row>
    <row r="275475" spans="8:8">
      <c r="H275475" s="12"/>
    </row>
    <row r="275476" spans="8:8">
      <c r="H275476" s="12"/>
    </row>
    <row r="275477" spans="8:8">
      <c r="H275477" s="12"/>
    </row>
    <row r="275478" spans="8:8">
      <c r="H275478" s="12"/>
    </row>
    <row r="275479" spans="8:8">
      <c r="H275479" s="12"/>
    </row>
    <row r="275480" spans="8:8">
      <c r="H275480" s="12"/>
    </row>
    <row r="275481" spans="8:8">
      <c r="H275481" s="12"/>
    </row>
    <row r="275482" spans="8:8">
      <c r="H275482" s="12"/>
    </row>
    <row r="275483" spans="8:8">
      <c r="H275483" s="12"/>
    </row>
    <row r="275484" spans="8:8">
      <c r="H275484" s="12"/>
    </row>
    <row r="275485" spans="8:8">
      <c r="H275485" s="12"/>
    </row>
    <row r="275486" spans="8:8">
      <c r="H275486" s="12"/>
    </row>
    <row r="275487" spans="8:8">
      <c r="H275487" s="12"/>
    </row>
    <row r="275488" spans="8:8">
      <c r="H275488" s="12"/>
    </row>
    <row r="275489" spans="8:8">
      <c r="H275489" s="12"/>
    </row>
    <row r="275490" spans="8:8">
      <c r="H275490" s="12"/>
    </row>
    <row r="275491" spans="8:8">
      <c r="H275491" s="12"/>
    </row>
    <row r="275492" spans="8:8">
      <c r="H275492" s="12"/>
    </row>
    <row r="275493" spans="8:8">
      <c r="H275493" s="12"/>
    </row>
    <row r="275494" spans="8:8">
      <c r="H275494" s="12"/>
    </row>
    <row r="275495" spans="8:8">
      <c r="H275495" s="12"/>
    </row>
    <row r="275496" spans="8:8">
      <c r="H275496" s="12"/>
    </row>
    <row r="275497" spans="8:8">
      <c r="H275497" s="12"/>
    </row>
    <row r="275498" spans="8:8">
      <c r="H275498" s="12"/>
    </row>
    <row r="275499" spans="8:8">
      <c r="H275499" s="12"/>
    </row>
    <row r="275500" spans="8:8">
      <c r="H275500" s="12"/>
    </row>
    <row r="275501" spans="8:8">
      <c r="H275501" s="12"/>
    </row>
    <row r="275502" spans="8:8">
      <c r="H275502" s="12"/>
    </row>
    <row r="275503" spans="8:8">
      <c r="H275503" s="12"/>
    </row>
    <row r="275504" spans="8:8">
      <c r="H275504" s="12"/>
    </row>
    <row r="275505" spans="8:8">
      <c r="H275505" s="12"/>
    </row>
    <row r="275506" spans="8:8">
      <c r="H275506" s="12"/>
    </row>
    <row r="275507" spans="8:8">
      <c r="H275507" s="12"/>
    </row>
    <row r="275508" spans="8:8">
      <c r="H275508" s="12"/>
    </row>
    <row r="275509" spans="8:8">
      <c r="H275509" s="12"/>
    </row>
    <row r="275510" spans="8:8">
      <c r="H275510" s="12"/>
    </row>
    <row r="275511" spans="8:8">
      <c r="H275511" s="12"/>
    </row>
    <row r="275512" spans="8:8">
      <c r="H275512" s="12"/>
    </row>
    <row r="275513" spans="8:8">
      <c r="H275513" s="12"/>
    </row>
    <row r="275514" spans="8:8">
      <c r="H275514" s="12"/>
    </row>
    <row r="275515" spans="8:8">
      <c r="H275515" s="12"/>
    </row>
    <row r="275516" spans="8:8">
      <c r="H275516" s="12"/>
    </row>
    <row r="275517" spans="8:8">
      <c r="H275517" s="12"/>
    </row>
    <row r="275518" spans="8:8">
      <c r="H275518" s="12"/>
    </row>
    <row r="275519" spans="8:8">
      <c r="H275519" s="12"/>
    </row>
    <row r="275520" spans="8:8">
      <c r="H275520" s="12"/>
    </row>
    <row r="275521" spans="8:8">
      <c r="H275521" s="12"/>
    </row>
    <row r="275522" spans="8:8">
      <c r="H275522" s="12"/>
    </row>
    <row r="275523" spans="8:8">
      <c r="H275523" s="12"/>
    </row>
    <row r="275524" spans="8:8">
      <c r="H275524" s="12"/>
    </row>
    <row r="275525" spans="8:8">
      <c r="H275525" s="12"/>
    </row>
    <row r="275526" spans="8:8">
      <c r="H275526" s="12"/>
    </row>
    <row r="275527" spans="8:8">
      <c r="H275527" s="12"/>
    </row>
    <row r="275528" spans="8:8">
      <c r="H275528" s="12"/>
    </row>
    <row r="275529" spans="8:8">
      <c r="H275529" s="12"/>
    </row>
    <row r="275530" spans="8:8">
      <c r="H275530" s="12"/>
    </row>
    <row r="275531" spans="8:8">
      <c r="H275531" s="12"/>
    </row>
    <row r="275532" spans="8:8">
      <c r="H275532" s="12"/>
    </row>
    <row r="275533" spans="8:8">
      <c r="H275533" s="12"/>
    </row>
    <row r="275534" spans="8:8">
      <c r="H275534" s="12"/>
    </row>
    <row r="275535" spans="8:8">
      <c r="H275535" s="12"/>
    </row>
    <row r="275536" spans="8:8">
      <c r="H275536" s="12"/>
    </row>
    <row r="275537" spans="8:8">
      <c r="H275537" s="12"/>
    </row>
    <row r="275538" spans="8:8">
      <c r="H275538" s="12"/>
    </row>
    <row r="275539" spans="8:8">
      <c r="H275539" s="12"/>
    </row>
    <row r="275540" spans="8:8">
      <c r="H275540" s="12"/>
    </row>
    <row r="275541" spans="8:8">
      <c r="H275541" s="12"/>
    </row>
    <row r="275542" spans="8:8">
      <c r="H275542" s="12"/>
    </row>
    <row r="275543" spans="8:8">
      <c r="H275543" s="12"/>
    </row>
    <row r="275544" spans="8:8">
      <c r="H275544" s="12"/>
    </row>
    <row r="275545" spans="8:8">
      <c r="H275545" s="12"/>
    </row>
    <row r="275546" spans="8:8">
      <c r="H275546" s="12"/>
    </row>
    <row r="275547" spans="8:8">
      <c r="H275547" s="12"/>
    </row>
    <row r="275548" spans="8:8">
      <c r="H275548" s="12"/>
    </row>
    <row r="275549" spans="8:8">
      <c r="H275549" s="12"/>
    </row>
    <row r="275550" spans="8:8">
      <c r="H275550" s="12"/>
    </row>
    <row r="275551" spans="8:8">
      <c r="H275551" s="12"/>
    </row>
    <row r="275552" spans="8:8">
      <c r="H275552" s="12"/>
    </row>
    <row r="275553" spans="8:8">
      <c r="H275553" s="12"/>
    </row>
    <row r="275554" spans="8:8">
      <c r="H275554" s="12"/>
    </row>
    <row r="275555" spans="8:8">
      <c r="H275555" s="12"/>
    </row>
    <row r="275556" spans="8:8">
      <c r="H275556" s="12"/>
    </row>
    <row r="275557" spans="8:8">
      <c r="H275557" s="12"/>
    </row>
    <row r="275558" spans="8:8">
      <c r="H275558" s="12"/>
    </row>
    <row r="275559" spans="8:8">
      <c r="H275559" s="12"/>
    </row>
    <row r="275560" spans="8:8">
      <c r="H275560" s="12"/>
    </row>
    <row r="275561" spans="8:8">
      <c r="H275561" s="12"/>
    </row>
    <row r="275562" spans="8:8">
      <c r="H275562" s="12"/>
    </row>
    <row r="275563" spans="8:8">
      <c r="H275563" s="12"/>
    </row>
    <row r="275564" spans="8:8">
      <c r="H275564" s="12"/>
    </row>
    <row r="275565" spans="8:8">
      <c r="H275565" s="12"/>
    </row>
    <row r="275566" spans="8:8">
      <c r="H275566" s="12"/>
    </row>
    <row r="275567" spans="8:8">
      <c r="H275567" s="12"/>
    </row>
    <row r="275568" spans="8:8">
      <c r="H275568" s="12"/>
    </row>
    <row r="275569" spans="8:8">
      <c r="H275569" s="12"/>
    </row>
    <row r="275570" spans="8:8">
      <c r="H275570" s="12"/>
    </row>
    <row r="275571" spans="8:8">
      <c r="H275571" s="12"/>
    </row>
    <row r="275572" spans="8:8">
      <c r="H275572" s="12"/>
    </row>
    <row r="275573" spans="8:8">
      <c r="H275573" s="12"/>
    </row>
    <row r="275574" spans="8:8">
      <c r="H275574" s="12"/>
    </row>
    <row r="275575" spans="8:8">
      <c r="H275575" s="12"/>
    </row>
    <row r="275576" spans="8:8">
      <c r="H275576" s="12"/>
    </row>
    <row r="275577" spans="8:8">
      <c r="H275577" s="12"/>
    </row>
    <row r="275578" spans="8:8">
      <c r="H275578" s="12"/>
    </row>
    <row r="275579" spans="8:8">
      <c r="H275579" s="12"/>
    </row>
    <row r="275580" spans="8:8">
      <c r="H275580" s="12"/>
    </row>
    <row r="275581" spans="8:8">
      <c r="H275581" s="12"/>
    </row>
    <row r="275582" spans="8:8">
      <c r="H275582" s="12"/>
    </row>
    <row r="275583" spans="8:8">
      <c r="H275583" s="12"/>
    </row>
    <row r="275584" spans="8:8">
      <c r="H275584" s="12"/>
    </row>
    <row r="275585" spans="8:8">
      <c r="H275585" s="12"/>
    </row>
    <row r="275586" spans="8:8">
      <c r="H275586" s="12"/>
    </row>
    <row r="275587" spans="8:8">
      <c r="H275587" s="12"/>
    </row>
    <row r="275588" spans="8:8">
      <c r="H275588" s="12"/>
    </row>
    <row r="275589" spans="8:8">
      <c r="H275589" s="12"/>
    </row>
    <row r="275590" spans="8:8">
      <c r="H275590" s="12"/>
    </row>
    <row r="275591" spans="8:8">
      <c r="H275591" s="12"/>
    </row>
    <row r="275592" spans="8:8">
      <c r="H275592" s="12"/>
    </row>
    <row r="275593" spans="8:8">
      <c r="H275593" s="12"/>
    </row>
    <row r="275594" spans="8:8">
      <c r="H275594" s="12"/>
    </row>
    <row r="275595" spans="8:8">
      <c r="H275595" s="12"/>
    </row>
    <row r="275596" spans="8:8">
      <c r="H275596" s="12"/>
    </row>
    <row r="275597" spans="8:8">
      <c r="H275597" s="12"/>
    </row>
    <row r="275598" spans="8:8">
      <c r="H275598" s="12"/>
    </row>
    <row r="275599" spans="8:8">
      <c r="H275599" s="12"/>
    </row>
    <row r="275600" spans="8:8">
      <c r="H275600" s="12"/>
    </row>
    <row r="275601" spans="8:8">
      <c r="H275601" s="12"/>
    </row>
    <row r="275602" spans="8:8">
      <c r="H275602" s="12"/>
    </row>
    <row r="275603" spans="8:8">
      <c r="H275603" s="12"/>
    </row>
    <row r="275604" spans="8:8">
      <c r="H275604" s="12"/>
    </row>
    <row r="275605" spans="8:8">
      <c r="H275605" s="12"/>
    </row>
    <row r="275606" spans="8:8">
      <c r="H275606" s="12"/>
    </row>
    <row r="275607" spans="8:8">
      <c r="H275607" s="12"/>
    </row>
    <row r="275608" spans="8:8">
      <c r="H275608" s="12"/>
    </row>
    <row r="275609" spans="8:8">
      <c r="H275609" s="12"/>
    </row>
    <row r="275610" spans="8:8">
      <c r="H275610" s="12"/>
    </row>
    <row r="275611" spans="8:8">
      <c r="H275611" s="12"/>
    </row>
    <row r="275612" spans="8:8">
      <c r="H275612" s="12"/>
    </row>
    <row r="275613" spans="8:8">
      <c r="H275613" s="12"/>
    </row>
    <row r="275614" spans="8:8">
      <c r="H275614" s="12"/>
    </row>
    <row r="275615" spans="8:8">
      <c r="H275615" s="12"/>
    </row>
    <row r="275616" spans="8:8">
      <c r="H275616" s="12"/>
    </row>
    <row r="275617" spans="8:8">
      <c r="H275617" s="12"/>
    </row>
    <row r="275618" spans="8:8">
      <c r="H275618" s="12"/>
    </row>
    <row r="275619" spans="8:8">
      <c r="H275619" s="12"/>
    </row>
    <row r="275620" spans="8:8">
      <c r="H275620" s="12"/>
    </row>
    <row r="275621" spans="8:8">
      <c r="H275621" s="12"/>
    </row>
    <row r="275622" spans="8:8">
      <c r="H275622" s="12"/>
    </row>
    <row r="275623" spans="8:8">
      <c r="H275623" s="12"/>
    </row>
    <row r="275624" spans="8:8">
      <c r="H275624" s="12"/>
    </row>
    <row r="275625" spans="8:8">
      <c r="H275625" s="12"/>
    </row>
    <row r="275626" spans="8:8">
      <c r="H275626" s="12"/>
    </row>
    <row r="275627" spans="8:8">
      <c r="H275627" s="12"/>
    </row>
    <row r="275628" spans="8:8">
      <c r="H275628" s="12"/>
    </row>
    <row r="275629" spans="8:8">
      <c r="H275629" s="12"/>
    </row>
    <row r="275630" spans="8:8">
      <c r="H275630" s="12"/>
    </row>
    <row r="275631" spans="8:8">
      <c r="H275631" s="12"/>
    </row>
    <row r="275632" spans="8:8">
      <c r="H275632" s="12"/>
    </row>
    <row r="275633" spans="8:8">
      <c r="H275633" s="12"/>
    </row>
    <row r="275634" spans="8:8">
      <c r="H275634" s="12"/>
    </row>
    <row r="275635" spans="8:8">
      <c r="H275635" s="12"/>
    </row>
    <row r="275636" spans="8:8">
      <c r="H275636" s="12"/>
    </row>
    <row r="275637" spans="8:8">
      <c r="H275637" s="12"/>
    </row>
    <row r="275638" spans="8:8">
      <c r="H275638" s="12"/>
    </row>
    <row r="275639" spans="8:8">
      <c r="H275639" s="12"/>
    </row>
    <row r="275640" spans="8:8">
      <c r="H275640" s="12"/>
    </row>
    <row r="275641" spans="8:8">
      <c r="H275641" s="12"/>
    </row>
    <row r="275642" spans="8:8">
      <c r="H275642" s="12"/>
    </row>
    <row r="275643" spans="8:8">
      <c r="H275643" s="12"/>
    </row>
    <row r="275644" spans="8:8">
      <c r="H275644" s="12"/>
    </row>
    <row r="275645" spans="8:8">
      <c r="H275645" s="12"/>
    </row>
    <row r="275646" spans="8:8">
      <c r="H275646" s="12"/>
    </row>
    <row r="275647" spans="8:8">
      <c r="H275647" s="12"/>
    </row>
    <row r="275648" spans="8:8">
      <c r="H275648" s="12"/>
    </row>
    <row r="275649" spans="8:8">
      <c r="H275649" s="12"/>
    </row>
    <row r="275650" spans="8:8">
      <c r="H275650" s="12"/>
    </row>
    <row r="275651" spans="8:8">
      <c r="H275651" s="12"/>
    </row>
    <row r="275652" spans="8:8">
      <c r="H275652" s="12"/>
    </row>
    <row r="275653" spans="8:8">
      <c r="H275653" s="12"/>
    </row>
    <row r="275654" spans="8:8">
      <c r="H275654" s="12"/>
    </row>
    <row r="275655" spans="8:8">
      <c r="H275655" s="12"/>
    </row>
    <row r="275656" spans="8:8">
      <c r="H275656" s="12"/>
    </row>
    <row r="275657" spans="8:8">
      <c r="H275657" s="12"/>
    </row>
    <row r="275658" spans="8:8">
      <c r="H275658" s="12"/>
    </row>
    <row r="275659" spans="8:8">
      <c r="H275659" s="12"/>
    </row>
    <row r="275660" spans="8:8">
      <c r="H275660" s="12"/>
    </row>
    <row r="275661" spans="8:8">
      <c r="H275661" s="12"/>
    </row>
    <row r="275662" spans="8:8">
      <c r="H275662" s="12"/>
    </row>
    <row r="275663" spans="8:8">
      <c r="H275663" s="12"/>
    </row>
    <row r="275664" spans="8:8">
      <c r="H275664" s="12"/>
    </row>
    <row r="275665" spans="8:8">
      <c r="H275665" s="12"/>
    </row>
    <row r="275666" spans="8:8">
      <c r="H275666" s="12"/>
    </row>
    <row r="275667" spans="8:8">
      <c r="H275667" s="12"/>
    </row>
    <row r="275668" spans="8:8">
      <c r="H275668" s="12"/>
    </row>
    <row r="275669" spans="8:8">
      <c r="H275669" s="12"/>
    </row>
    <row r="275670" spans="8:8">
      <c r="H275670" s="12"/>
    </row>
    <row r="275671" spans="8:8">
      <c r="H275671" s="12"/>
    </row>
    <row r="275672" spans="8:8">
      <c r="H275672" s="12"/>
    </row>
    <row r="275673" spans="8:8">
      <c r="H275673" s="12"/>
    </row>
    <row r="275674" spans="8:8">
      <c r="H275674" s="12"/>
    </row>
    <row r="275675" spans="8:8">
      <c r="H275675" s="12"/>
    </row>
    <row r="275676" spans="8:8">
      <c r="H275676" s="12"/>
    </row>
    <row r="275677" spans="8:8">
      <c r="H275677" s="12"/>
    </row>
    <row r="275678" spans="8:8">
      <c r="H275678" s="12"/>
    </row>
    <row r="275679" spans="8:8">
      <c r="H275679" s="12"/>
    </row>
    <row r="275680" spans="8:8">
      <c r="H275680" s="12"/>
    </row>
    <row r="275681" spans="8:8">
      <c r="H275681" s="12"/>
    </row>
    <row r="275682" spans="8:8">
      <c r="H275682" s="12"/>
    </row>
    <row r="275683" spans="8:8">
      <c r="H275683" s="12"/>
    </row>
    <row r="275684" spans="8:8">
      <c r="H275684" s="12"/>
    </row>
    <row r="275685" spans="8:8">
      <c r="H275685" s="12"/>
    </row>
    <row r="275686" spans="8:8">
      <c r="H275686" s="12"/>
    </row>
    <row r="275687" spans="8:8">
      <c r="H275687" s="12"/>
    </row>
    <row r="275688" spans="8:8">
      <c r="H275688" s="12"/>
    </row>
    <row r="275689" spans="8:8">
      <c r="H275689" s="12"/>
    </row>
    <row r="275690" spans="8:8">
      <c r="H275690" s="12"/>
    </row>
    <row r="275691" spans="8:8">
      <c r="H275691" s="12"/>
    </row>
    <row r="275692" spans="8:8">
      <c r="H275692" s="12"/>
    </row>
    <row r="275693" spans="8:8">
      <c r="H275693" s="12"/>
    </row>
    <row r="275694" spans="8:8">
      <c r="H275694" s="12"/>
    </row>
    <row r="275695" spans="8:8">
      <c r="H275695" s="12"/>
    </row>
    <row r="275696" spans="8:8">
      <c r="H275696" s="12"/>
    </row>
    <row r="275697" spans="8:8">
      <c r="H275697" s="12"/>
    </row>
    <row r="275698" spans="8:8">
      <c r="H275698" s="12"/>
    </row>
    <row r="275699" spans="8:8">
      <c r="H275699" s="12"/>
    </row>
    <row r="275700" spans="8:8">
      <c r="H275700" s="12"/>
    </row>
    <row r="275701" spans="8:8">
      <c r="H275701" s="12"/>
    </row>
    <row r="275702" spans="8:8">
      <c r="H275702" s="12"/>
    </row>
    <row r="275703" spans="8:8">
      <c r="H275703" s="12"/>
    </row>
    <row r="275704" spans="8:8">
      <c r="H275704" s="12"/>
    </row>
    <row r="275705" spans="8:8">
      <c r="H275705" s="12"/>
    </row>
    <row r="275706" spans="8:8">
      <c r="H275706" s="12"/>
    </row>
    <row r="275707" spans="8:8">
      <c r="H275707" s="12"/>
    </row>
    <row r="275708" spans="8:8">
      <c r="H275708" s="12"/>
    </row>
    <row r="275709" spans="8:8">
      <c r="H275709" s="12"/>
    </row>
    <row r="275710" spans="8:8">
      <c r="H275710" s="12"/>
    </row>
    <row r="275711" spans="8:8">
      <c r="H275711" s="12"/>
    </row>
    <row r="275712" spans="8:8">
      <c r="H275712" s="12"/>
    </row>
    <row r="275713" spans="8:8">
      <c r="H275713" s="12"/>
    </row>
    <row r="275714" spans="8:8">
      <c r="H275714" s="12"/>
    </row>
    <row r="275715" spans="8:8">
      <c r="H275715" s="12"/>
    </row>
    <row r="275716" spans="8:8">
      <c r="H275716" s="12"/>
    </row>
    <row r="275717" spans="8:8">
      <c r="H275717" s="12"/>
    </row>
    <row r="275718" spans="8:8">
      <c r="H275718" s="12"/>
    </row>
    <row r="275719" spans="8:8">
      <c r="H275719" s="12"/>
    </row>
    <row r="275720" spans="8:8">
      <c r="H275720" s="12"/>
    </row>
    <row r="275721" spans="8:8">
      <c r="H275721" s="12"/>
    </row>
    <row r="275722" spans="8:8">
      <c r="H275722" s="12"/>
    </row>
    <row r="275723" spans="8:8">
      <c r="H275723" s="12"/>
    </row>
    <row r="275724" spans="8:8">
      <c r="H275724" s="12"/>
    </row>
    <row r="275725" spans="8:8">
      <c r="H275725" s="12"/>
    </row>
    <row r="275726" spans="8:8">
      <c r="H275726" s="12"/>
    </row>
    <row r="275727" spans="8:8">
      <c r="H275727" s="12"/>
    </row>
    <row r="275728" spans="8:8">
      <c r="H275728" s="12"/>
    </row>
    <row r="275729" spans="8:8">
      <c r="H275729" s="12"/>
    </row>
    <row r="275730" spans="8:8">
      <c r="H275730" s="12"/>
    </row>
    <row r="275731" spans="8:8">
      <c r="H275731" s="12"/>
    </row>
    <row r="275732" spans="8:8">
      <c r="H275732" s="12"/>
    </row>
    <row r="275733" spans="8:8">
      <c r="H275733" s="12"/>
    </row>
    <row r="275734" spans="8:8">
      <c r="H275734" s="12"/>
    </row>
    <row r="275735" spans="8:8">
      <c r="H275735" s="12"/>
    </row>
    <row r="275736" spans="8:8">
      <c r="H275736" s="12"/>
    </row>
    <row r="275737" spans="8:8">
      <c r="H275737" s="12"/>
    </row>
    <row r="275738" spans="8:8">
      <c r="H275738" s="12"/>
    </row>
    <row r="275739" spans="8:8">
      <c r="H275739" s="12"/>
    </row>
    <row r="275740" spans="8:8">
      <c r="H275740" s="12"/>
    </row>
    <row r="275741" spans="8:8">
      <c r="H275741" s="12"/>
    </row>
    <row r="275742" spans="8:8">
      <c r="H275742" s="12"/>
    </row>
    <row r="275743" spans="8:8">
      <c r="H275743" s="12"/>
    </row>
    <row r="275744" spans="8:8">
      <c r="H275744" s="12"/>
    </row>
    <row r="275745" spans="8:8">
      <c r="H275745" s="12"/>
    </row>
    <row r="275746" spans="8:8">
      <c r="H275746" s="12"/>
    </row>
    <row r="275747" spans="8:8">
      <c r="H275747" s="12"/>
    </row>
    <row r="275748" spans="8:8">
      <c r="H275748" s="12"/>
    </row>
    <row r="275749" spans="8:8">
      <c r="H275749" s="12"/>
    </row>
    <row r="275750" spans="8:8">
      <c r="H275750" s="12"/>
    </row>
    <row r="275751" spans="8:8">
      <c r="H275751" s="12"/>
    </row>
    <row r="275752" spans="8:8">
      <c r="H275752" s="12"/>
    </row>
    <row r="275753" spans="8:8">
      <c r="H275753" s="12"/>
    </row>
    <row r="275754" spans="8:8">
      <c r="H275754" s="12"/>
    </row>
    <row r="275755" spans="8:8">
      <c r="H275755" s="12"/>
    </row>
    <row r="275756" spans="8:8">
      <c r="H275756" s="12"/>
    </row>
    <row r="275757" spans="8:8">
      <c r="H275757" s="12"/>
    </row>
    <row r="275758" spans="8:8">
      <c r="H275758" s="12"/>
    </row>
    <row r="275759" spans="8:8">
      <c r="H275759" s="12"/>
    </row>
    <row r="275760" spans="8:8">
      <c r="H275760" s="12"/>
    </row>
    <row r="275761" spans="8:8">
      <c r="H275761" s="12"/>
    </row>
    <row r="275762" spans="8:8">
      <c r="H275762" s="12"/>
    </row>
    <row r="275763" spans="8:8">
      <c r="H275763" s="12"/>
    </row>
    <row r="275764" spans="8:8">
      <c r="H275764" s="12"/>
    </row>
    <row r="275765" spans="8:8">
      <c r="H275765" s="12"/>
    </row>
    <row r="275766" spans="8:8">
      <c r="H275766" s="12"/>
    </row>
    <row r="275767" spans="8:8">
      <c r="H275767" s="12"/>
    </row>
    <row r="275768" spans="8:8">
      <c r="H275768" s="12"/>
    </row>
    <row r="275769" spans="8:8">
      <c r="H275769" s="12"/>
    </row>
    <row r="275770" spans="8:8">
      <c r="H275770" s="12"/>
    </row>
    <row r="275771" spans="8:8">
      <c r="H275771" s="12"/>
    </row>
    <row r="275772" spans="8:8">
      <c r="H275772" s="12"/>
    </row>
    <row r="275773" spans="8:8">
      <c r="H275773" s="12"/>
    </row>
    <row r="275774" spans="8:8">
      <c r="H275774" s="12"/>
    </row>
    <row r="275775" spans="8:8">
      <c r="H275775" s="12"/>
    </row>
    <row r="275776" spans="8:8">
      <c r="H275776" s="12"/>
    </row>
    <row r="275777" spans="8:8">
      <c r="H275777" s="12"/>
    </row>
    <row r="275778" spans="8:8">
      <c r="H275778" s="12"/>
    </row>
    <row r="275779" spans="8:8">
      <c r="H275779" s="12"/>
    </row>
    <row r="275780" spans="8:8">
      <c r="H275780" s="12"/>
    </row>
    <row r="275781" spans="8:8">
      <c r="H275781" s="12"/>
    </row>
    <row r="275782" spans="8:8">
      <c r="H275782" s="12"/>
    </row>
    <row r="275783" spans="8:8">
      <c r="H275783" s="12"/>
    </row>
    <row r="275784" spans="8:8">
      <c r="H275784" s="12"/>
    </row>
    <row r="275785" spans="8:8">
      <c r="H275785" s="12"/>
    </row>
    <row r="275786" spans="8:8">
      <c r="H275786" s="12"/>
    </row>
    <row r="275787" spans="8:8">
      <c r="H275787" s="12"/>
    </row>
    <row r="275788" spans="8:8">
      <c r="H275788" s="12"/>
    </row>
    <row r="275789" spans="8:8">
      <c r="H275789" s="12"/>
    </row>
    <row r="275790" spans="8:8">
      <c r="H275790" s="12"/>
    </row>
    <row r="275791" spans="8:8">
      <c r="H275791" s="12"/>
    </row>
    <row r="275792" spans="8:8">
      <c r="H275792" s="12"/>
    </row>
    <row r="275793" spans="8:8">
      <c r="H275793" s="12"/>
    </row>
    <row r="275794" spans="8:8">
      <c r="H275794" s="12"/>
    </row>
    <row r="275795" spans="8:8">
      <c r="H275795" s="12"/>
    </row>
    <row r="275796" spans="8:8">
      <c r="H275796" s="12"/>
    </row>
    <row r="275797" spans="8:8">
      <c r="H275797" s="12"/>
    </row>
    <row r="275798" spans="8:8">
      <c r="H275798" s="12"/>
    </row>
    <row r="275799" spans="8:8">
      <c r="H275799" s="12"/>
    </row>
    <row r="275800" spans="8:8">
      <c r="H275800" s="12"/>
    </row>
    <row r="275801" spans="8:8">
      <c r="H275801" s="12"/>
    </row>
    <row r="275802" spans="8:8">
      <c r="H275802" s="12"/>
    </row>
    <row r="275803" spans="8:8">
      <c r="H275803" s="12"/>
    </row>
    <row r="275804" spans="8:8">
      <c r="H275804" s="12"/>
    </row>
    <row r="275805" spans="8:8">
      <c r="H275805" s="12"/>
    </row>
    <row r="275806" spans="8:8">
      <c r="H275806" s="12"/>
    </row>
    <row r="275807" spans="8:8">
      <c r="H275807" s="12"/>
    </row>
    <row r="275808" spans="8:8">
      <c r="H275808" s="12"/>
    </row>
    <row r="275809" spans="8:8">
      <c r="H275809" s="12"/>
    </row>
    <row r="275810" spans="8:8">
      <c r="H275810" s="12"/>
    </row>
    <row r="275811" spans="8:8">
      <c r="H275811" s="12"/>
    </row>
    <row r="275812" spans="8:8">
      <c r="H275812" s="12"/>
    </row>
    <row r="275813" spans="8:8">
      <c r="H275813" s="12"/>
    </row>
    <row r="275814" spans="8:8">
      <c r="H275814" s="12"/>
    </row>
    <row r="275815" spans="8:8">
      <c r="H275815" s="12"/>
    </row>
    <row r="275816" spans="8:8">
      <c r="H275816" s="12"/>
    </row>
    <row r="275817" spans="8:8">
      <c r="H275817" s="12"/>
    </row>
    <row r="275818" spans="8:8">
      <c r="H275818" s="12"/>
    </row>
    <row r="275819" spans="8:8">
      <c r="H275819" s="12"/>
    </row>
    <row r="275820" spans="8:8">
      <c r="H275820" s="12"/>
    </row>
    <row r="275821" spans="8:8">
      <c r="H275821" s="12"/>
    </row>
    <row r="275822" spans="8:8">
      <c r="H275822" s="12"/>
    </row>
    <row r="275823" spans="8:8">
      <c r="H275823" s="12"/>
    </row>
    <row r="275824" spans="8:8">
      <c r="H275824" s="12"/>
    </row>
    <row r="275825" spans="8:8">
      <c r="H275825" s="12"/>
    </row>
    <row r="275826" spans="8:8">
      <c r="H275826" s="12"/>
    </row>
    <row r="275827" spans="8:8">
      <c r="H275827" s="12"/>
    </row>
    <row r="275828" spans="8:8">
      <c r="H275828" s="12"/>
    </row>
    <row r="275829" spans="8:8">
      <c r="H275829" s="12"/>
    </row>
    <row r="275830" spans="8:8">
      <c r="H275830" s="12"/>
    </row>
    <row r="275831" spans="8:8">
      <c r="H275831" s="12"/>
    </row>
    <row r="275832" spans="8:8">
      <c r="H275832" s="12"/>
    </row>
    <row r="275833" spans="8:8">
      <c r="H275833" s="12"/>
    </row>
    <row r="275834" spans="8:8">
      <c r="H275834" s="12"/>
    </row>
    <row r="275835" spans="8:8">
      <c r="H275835" s="12"/>
    </row>
    <row r="275836" spans="8:8">
      <c r="H275836" s="12"/>
    </row>
    <row r="275837" spans="8:8">
      <c r="H275837" s="12"/>
    </row>
    <row r="275838" spans="8:8">
      <c r="H275838" s="12"/>
    </row>
    <row r="275839" spans="8:8">
      <c r="H275839" s="12"/>
    </row>
    <row r="275840" spans="8:8">
      <c r="H275840" s="12"/>
    </row>
    <row r="275841" spans="8:8">
      <c r="H275841" s="12"/>
    </row>
    <row r="275842" spans="8:8">
      <c r="H275842" s="12"/>
    </row>
    <row r="275843" spans="8:8">
      <c r="H275843" s="12"/>
    </row>
    <row r="275844" spans="8:8">
      <c r="H275844" s="12"/>
    </row>
    <row r="275845" spans="8:8">
      <c r="H275845" s="12"/>
    </row>
    <row r="275846" spans="8:8">
      <c r="H275846" s="12"/>
    </row>
    <row r="275847" spans="8:8">
      <c r="H275847" s="12"/>
    </row>
    <row r="275848" spans="8:8">
      <c r="H275848" s="12"/>
    </row>
    <row r="275849" spans="8:8">
      <c r="H275849" s="12"/>
    </row>
    <row r="275850" spans="8:8">
      <c r="H275850" s="12"/>
    </row>
    <row r="275851" spans="8:8">
      <c r="H275851" s="12"/>
    </row>
    <row r="275852" spans="8:8">
      <c r="H275852" s="12"/>
    </row>
    <row r="275853" spans="8:8">
      <c r="H275853" s="12"/>
    </row>
    <row r="275854" spans="8:8">
      <c r="H275854" s="12"/>
    </row>
    <row r="275855" spans="8:8">
      <c r="H275855" s="12"/>
    </row>
    <row r="275856" spans="8:8">
      <c r="H275856" s="12"/>
    </row>
    <row r="275857" spans="8:8">
      <c r="H275857" s="12"/>
    </row>
    <row r="275858" spans="8:8">
      <c r="H275858" s="12"/>
    </row>
    <row r="275859" spans="8:8">
      <c r="H275859" s="12"/>
    </row>
    <row r="275860" spans="8:8">
      <c r="H275860" s="12"/>
    </row>
    <row r="275861" spans="8:8">
      <c r="H275861" s="12"/>
    </row>
    <row r="275862" spans="8:8">
      <c r="H275862" s="12"/>
    </row>
    <row r="275863" spans="8:8">
      <c r="H275863" s="12"/>
    </row>
    <row r="275864" spans="8:8">
      <c r="H275864" s="12"/>
    </row>
    <row r="275865" spans="8:8">
      <c r="H275865" s="12"/>
    </row>
    <row r="275866" spans="8:8">
      <c r="H275866" s="12"/>
    </row>
    <row r="275867" spans="8:8">
      <c r="H275867" s="12"/>
    </row>
    <row r="275868" spans="8:8">
      <c r="H275868" s="12"/>
    </row>
    <row r="275869" spans="8:8">
      <c r="H275869" s="12"/>
    </row>
    <row r="275870" spans="8:8">
      <c r="H275870" s="12"/>
    </row>
    <row r="275871" spans="8:8">
      <c r="H275871" s="12"/>
    </row>
    <row r="275872" spans="8:8">
      <c r="H275872" s="12"/>
    </row>
    <row r="275873" spans="8:8">
      <c r="H275873" s="12"/>
    </row>
    <row r="275874" spans="8:8">
      <c r="H275874" s="12"/>
    </row>
    <row r="275875" spans="8:8">
      <c r="H275875" s="12"/>
    </row>
    <row r="275876" spans="8:8">
      <c r="H275876" s="12"/>
    </row>
    <row r="275877" spans="8:8">
      <c r="H275877" s="12"/>
    </row>
    <row r="275878" spans="8:8">
      <c r="H275878" s="12"/>
    </row>
    <row r="275879" spans="8:8">
      <c r="H275879" s="12"/>
    </row>
    <row r="275880" spans="8:8">
      <c r="H275880" s="12"/>
    </row>
    <row r="275881" spans="8:8">
      <c r="H275881" s="12"/>
    </row>
    <row r="275882" spans="8:8">
      <c r="H275882" s="12"/>
    </row>
    <row r="275883" spans="8:8">
      <c r="H275883" s="12"/>
    </row>
    <row r="275884" spans="8:8">
      <c r="H275884" s="12"/>
    </row>
    <row r="275885" spans="8:8">
      <c r="H275885" s="12"/>
    </row>
    <row r="275886" spans="8:8">
      <c r="H275886" s="12"/>
    </row>
    <row r="275887" spans="8:8">
      <c r="H275887" s="12"/>
    </row>
    <row r="275888" spans="8:8">
      <c r="H275888" s="12"/>
    </row>
    <row r="275889" spans="8:8">
      <c r="H275889" s="12"/>
    </row>
    <row r="275890" spans="8:8">
      <c r="H275890" s="12"/>
    </row>
    <row r="275891" spans="8:8">
      <c r="H275891" s="12"/>
    </row>
    <row r="275892" spans="8:8">
      <c r="H275892" s="12"/>
    </row>
    <row r="275893" spans="8:8">
      <c r="H275893" s="12"/>
    </row>
    <row r="275894" spans="8:8">
      <c r="H275894" s="12"/>
    </row>
    <row r="275895" spans="8:8">
      <c r="H275895" s="12"/>
    </row>
    <row r="275896" spans="8:8">
      <c r="H275896" s="12"/>
    </row>
    <row r="275897" spans="8:8">
      <c r="H275897" s="12"/>
    </row>
    <row r="275898" spans="8:8">
      <c r="H275898" s="12"/>
    </row>
    <row r="275899" spans="8:8">
      <c r="H275899" s="12"/>
    </row>
    <row r="275900" spans="8:8">
      <c r="H275900" s="12"/>
    </row>
    <row r="275901" spans="8:8">
      <c r="H275901" s="12"/>
    </row>
    <row r="275902" spans="8:8">
      <c r="H275902" s="12"/>
    </row>
    <row r="275903" spans="8:8">
      <c r="H275903" s="12"/>
    </row>
    <row r="275904" spans="8:8">
      <c r="H275904" s="12"/>
    </row>
    <row r="275905" spans="8:8">
      <c r="H275905" s="12"/>
    </row>
    <row r="275906" spans="8:8">
      <c r="H275906" s="12"/>
    </row>
    <row r="275907" spans="8:8">
      <c r="H275907" s="12"/>
    </row>
    <row r="275908" spans="8:8">
      <c r="H275908" s="12"/>
    </row>
    <row r="275909" spans="8:8">
      <c r="H275909" s="12"/>
    </row>
    <row r="275910" spans="8:8">
      <c r="H275910" s="12"/>
    </row>
    <row r="275911" spans="8:8">
      <c r="H275911" s="12"/>
    </row>
    <row r="275912" spans="8:8">
      <c r="H275912" s="12"/>
    </row>
    <row r="275913" spans="8:8">
      <c r="H275913" s="12"/>
    </row>
    <row r="275914" spans="8:8">
      <c r="H275914" s="12"/>
    </row>
    <row r="275915" spans="8:8">
      <c r="H275915" s="12"/>
    </row>
    <row r="275916" spans="8:8">
      <c r="H275916" s="12"/>
    </row>
    <row r="275917" spans="8:8">
      <c r="H275917" s="12"/>
    </row>
    <row r="275918" spans="8:8">
      <c r="H275918" s="12"/>
    </row>
    <row r="275919" spans="8:8">
      <c r="H275919" s="12"/>
    </row>
    <row r="275920" spans="8:8">
      <c r="H275920" s="12"/>
    </row>
    <row r="275921" spans="8:8">
      <c r="H275921" s="12"/>
    </row>
    <row r="275922" spans="8:8">
      <c r="H275922" s="12"/>
    </row>
    <row r="275923" spans="8:8">
      <c r="H275923" s="12"/>
    </row>
    <row r="275924" spans="8:8">
      <c r="H275924" s="12"/>
    </row>
    <row r="275925" spans="8:8">
      <c r="H275925" s="12"/>
    </row>
    <row r="275926" spans="8:8">
      <c r="H275926" s="12"/>
    </row>
    <row r="275927" spans="8:8">
      <c r="H275927" s="12"/>
    </row>
    <row r="275928" spans="8:8">
      <c r="H275928" s="12"/>
    </row>
    <row r="275929" spans="8:8">
      <c r="H275929" s="12"/>
    </row>
    <row r="275930" spans="8:8">
      <c r="H275930" s="12"/>
    </row>
    <row r="275931" spans="8:8">
      <c r="H275931" s="12"/>
    </row>
    <row r="275932" spans="8:8">
      <c r="H275932" s="12"/>
    </row>
    <row r="275933" spans="8:8">
      <c r="H275933" s="12"/>
    </row>
    <row r="275934" spans="8:8">
      <c r="H275934" s="12"/>
    </row>
    <row r="275935" spans="8:8">
      <c r="H275935" s="12"/>
    </row>
    <row r="275936" spans="8:8">
      <c r="H275936" s="12"/>
    </row>
    <row r="275937" spans="8:8">
      <c r="H275937" s="12"/>
    </row>
    <row r="275938" spans="8:8">
      <c r="H275938" s="12"/>
    </row>
    <row r="275939" spans="8:8">
      <c r="H275939" s="12"/>
    </row>
    <row r="275940" spans="8:8">
      <c r="H275940" s="12"/>
    </row>
    <row r="275941" spans="8:8">
      <c r="H275941" s="12"/>
    </row>
    <row r="275942" spans="8:8">
      <c r="H275942" s="12"/>
    </row>
    <row r="275943" spans="8:8">
      <c r="H275943" s="12"/>
    </row>
    <row r="275944" spans="8:8">
      <c r="H275944" s="12"/>
    </row>
    <row r="275945" spans="8:8">
      <c r="H275945" s="12"/>
    </row>
    <row r="275946" spans="8:8">
      <c r="H275946" s="12"/>
    </row>
    <row r="275947" spans="8:8">
      <c r="H275947" s="12"/>
    </row>
    <row r="275948" spans="8:8">
      <c r="H275948" s="12"/>
    </row>
    <row r="275949" spans="8:8">
      <c r="H275949" s="12"/>
    </row>
    <row r="275950" spans="8:8">
      <c r="H275950" s="12"/>
    </row>
    <row r="275951" spans="8:8">
      <c r="H275951" s="12"/>
    </row>
    <row r="275952" spans="8:8">
      <c r="H275952" s="12"/>
    </row>
    <row r="275953" spans="8:8">
      <c r="H275953" s="12"/>
    </row>
    <row r="275954" spans="8:8">
      <c r="H275954" s="12"/>
    </row>
    <row r="275955" spans="8:8">
      <c r="H275955" s="12"/>
    </row>
    <row r="275956" spans="8:8">
      <c r="H275956" s="12"/>
    </row>
    <row r="275957" spans="8:8">
      <c r="H275957" s="12"/>
    </row>
    <row r="275958" spans="8:8">
      <c r="H275958" s="12"/>
    </row>
    <row r="275959" spans="8:8">
      <c r="H275959" s="12"/>
    </row>
    <row r="275960" spans="8:8">
      <c r="H275960" s="12"/>
    </row>
    <row r="275961" spans="8:8">
      <c r="H275961" s="12"/>
    </row>
    <row r="275962" spans="8:8">
      <c r="H275962" s="12"/>
    </row>
    <row r="275963" spans="8:8">
      <c r="H275963" s="12"/>
    </row>
    <row r="275964" spans="8:8">
      <c r="H275964" s="12"/>
    </row>
    <row r="275965" spans="8:8">
      <c r="H275965" s="12"/>
    </row>
    <row r="275966" spans="8:8">
      <c r="H275966" s="12"/>
    </row>
    <row r="275967" spans="8:8">
      <c r="H275967" s="12"/>
    </row>
    <row r="275968" spans="8:8">
      <c r="H275968" s="12"/>
    </row>
    <row r="275969" spans="8:8">
      <c r="H275969" s="12"/>
    </row>
    <row r="275970" spans="8:8">
      <c r="H275970" s="12"/>
    </row>
    <row r="275971" spans="8:8">
      <c r="H275971" s="12"/>
    </row>
    <row r="275972" spans="8:8">
      <c r="H275972" s="12"/>
    </row>
    <row r="275973" spans="8:8">
      <c r="H275973" s="12"/>
    </row>
    <row r="275974" spans="8:8">
      <c r="H275974" s="12"/>
    </row>
    <row r="275975" spans="8:8">
      <c r="H275975" s="12"/>
    </row>
    <row r="275976" spans="8:8">
      <c r="H275976" s="12"/>
    </row>
    <row r="275977" spans="8:8">
      <c r="H275977" s="12"/>
    </row>
    <row r="275978" spans="8:8">
      <c r="H275978" s="12"/>
    </row>
    <row r="275979" spans="8:8">
      <c r="H275979" s="12"/>
    </row>
    <row r="275980" spans="8:8">
      <c r="H275980" s="12"/>
    </row>
    <row r="275981" spans="8:8">
      <c r="H275981" s="12"/>
    </row>
    <row r="275982" spans="8:8">
      <c r="H275982" s="12"/>
    </row>
    <row r="275983" spans="8:8">
      <c r="H275983" s="12"/>
    </row>
    <row r="275984" spans="8:8">
      <c r="H275984" s="12"/>
    </row>
    <row r="275985" spans="8:8">
      <c r="H275985" s="12"/>
    </row>
    <row r="275986" spans="8:8">
      <c r="H275986" s="12"/>
    </row>
    <row r="275987" spans="8:8">
      <c r="H275987" s="12"/>
    </row>
    <row r="275988" spans="8:8">
      <c r="H275988" s="12"/>
    </row>
    <row r="275989" spans="8:8">
      <c r="H275989" s="12"/>
    </row>
    <row r="275990" spans="8:8">
      <c r="H275990" s="12"/>
    </row>
    <row r="275991" spans="8:8">
      <c r="H275991" s="12"/>
    </row>
    <row r="275992" spans="8:8">
      <c r="H275992" s="12"/>
    </row>
    <row r="275993" spans="8:8">
      <c r="H275993" s="12"/>
    </row>
    <row r="275994" spans="8:8">
      <c r="H275994" s="12"/>
    </row>
    <row r="275995" spans="8:8">
      <c r="H275995" s="12"/>
    </row>
    <row r="275996" spans="8:8">
      <c r="H275996" s="12"/>
    </row>
    <row r="275997" spans="8:8">
      <c r="H275997" s="12"/>
    </row>
    <row r="275998" spans="8:8">
      <c r="H275998" s="12"/>
    </row>
    <row r="275999" spans="8:8">
      <c r="H275999" s="12"/>
    </row>
    <row r="276000" spans="8:8">
      <c r="H276000" s="12"/>
    </row>
    <row r="276001" spans="8:8">
      <c r="H276001" s="12"/>
    </row>
    <row r="276002" spans="8:8">
      <c r="H276002" s="12"/>
    </row>
    <row r="276003" spans="8:8">
      <c r="H276003" s="12"/>
    </row>
    <row r="276004" spans="8:8">
      <c r="H276004" s="12"/>
    </row>
    <row r="276005" spans="8:8">
      <c r="H276005" s="12"/>
    </row>
    <row r="276006" spans="8:8">
      <c r="H276006" s="12"/>
    </row>
    <row r="276007" spans="8:8">
      <c r="H276007" s="12"/>
    </row>
    <row r="276008" spans="8:8">
      <c r="H276008" s="12"/>
    </row>
    <row r="276009" spans="8:8">
      <c r="H276009" s="12"/>
    </row>
    <row r="276010" spans="8:8">
      <c r="H276010" s="12"/>
    </row>
    <row r="276011" spans="8:8">
      <c r="H276011" s="12"/>
    </row>
    <row r="276012" spans="8:8">
      <c r="H276012" s="12"/>
    </row>
    <row r="276013" spans="8:8">
      <c r="H276013" s="12"/>
    </row>
    <row r="276014" spans="8:8">
      <c r="H276014" s="12"/>
    </row>
    <row r="276015" spans="8:8">
      <c r="H276015" s="12"/>
    </row>
    <row r="276016" spans="8:8">
      <c r="H276016" s="12"/>
    </row>
    <row r="276017" spans="8:8">
      <c r="H276017" s="12"/>
    </row>
    <row r="276018" spans="8:8">
      <c r="H276018" s="12"/>
    </row>
    <row r="276019" spans="8:8">
      <c r="H276019" s="12"/>
    </row>
    <row r="276020" spans="8:8">
      <c r="H276020" s="12"/>
    </row>
    <row r="276021" spans="8:8">
      <c r="H276021" s="12"/>
    </row>
    <row r="276022" spans="8:8">
      <c r="H276022" s="12"/>
    </row>
    <row r="276023" spans="8:8">
      <c r="H276023" s="12"/>
    </row>
    <row r="276024" spans="8:8">
      <c r="H276024" s="12"/>
    </row>
    <row r="276025" spans="8:8">
      <c r="H276025" s="12"/>
    </row>
    <row r="276026" spans="8:8">
      <c r="H276026" s="12"/>
    </row>
    <row r="276027" spans="8:8">
      <c r="H276027" s="12"/>
    </row>
    <row r="276028" spans="8:8">
      <c r="H276028" s="12"/>
    </row>
    <row r="276029" spans="8:8">
      <c r="H276029" s="12"/>
    </row>
    <row r="276030" spans="8:8">
      <c r="H276030" s="12"/>
    </row>
    <row r="276031" spans="8:8">
      <c r="H276031" s="12"/>
    </row>
    <row r="276032" spans="8:8">
      <c r="H276032" s="12"/>
    </row>
    <row r="276033" spans="8:8">
      <c r="H276033" s="12"/>
    </row>
    <row r="276034" spans="8:8">
      <c r="H276034" s="12"/>
    </row>
    <row r="276035" spans="8:8">
      <c r="H276035" s="12"/>
    </row>
    <row r="276036" spans="8:8">
      <c r="H276036" s="12"/>
    </row>
    <row r="276037" spans="8:8">
      <c r="H276037" s="12"/>
    </row>
    <row r="276038" spans="8:8">
      <c r="H276038" s="12"/>
    </row>
    <row r="276039" spans="8:8">
      <c r="H276039" s="12"/>
    </row>
    <row r="276040" spans="8:8">
      <c r="H276040" s="12"/>
    </row>
    <row r="276041" spans="8:8">
      <c r="H276041" s="12"/>
    </row>
    <row r="276042" spans="8:8">
      <c r="H276042" s="12"/>
    </row>
    <row r="276043" spans="8:8">
      <c r="H276043" s="12"/>
    </row>
    <row r="276044" spans="8:8">
      <c r="H276044" s="12"/>
    </row>
    <row r="276045" spans="8:8">
      <c r="H276045" s="12"/>
    </row>
    <row r="276046" spans="8:8">
      <c r="H276046" s="12"/>
    </row>
    <row r="276047" spans="8:8">
      <c r="H276047" s="12"/>
    </row>
    <row r="276048" spans="8:8">
      <c r="H276048" s="12"/>
    </row>
    <row r="276049" spans="8:8">
      <c r="H276049" s="12"/>
    </row>
    <row r="276050" spans="8:8">
      <c r="H276050" s="12"/>
    </row>
    <row r="276051" spans="8:8">
      <c r="H276051" s="12"/>
    </row>
    <row r="276052" spans="8:8">
      <c r="H276052" s="12"/>
    </row>
    <row r="276053" spans="8:8">
      <c r="H276053" s="12"/>
    </row>
    <row r="276054" spans="8:8">
      <c r="H276054" s="12"/>
    </row>
    <row r="276055" spans="8:8">
      <c r="H276055" s="12"/>
    </row>
    <row r="276056" spans="8:8">
      <c r="H276056" s="12"/>
    </row>
    <row r="276057" spans="8:8">
      <c r="H276057" s="12"/>
    </row>
    <row r="276058" spans="8:8">
      <c r="H276058" s="12"/>
    </row>
    <row r="276059" spans="8:8">
      <c r="H276059" s="12"/>
    </row>
    <row r="276060" spans="8:8">
      <c r="H276060" s="12"/>
    </row>
    <row r="276061" spans="8:8">
      <c r="H276061" s="12"/>
    </row>
    <row r="276062" spans="8:8">
      <c r="H276062" s="12"/>
    </row>
    <row r="276063" spans="8:8">
      <c r="H276063" s="12"/>
    </row>
    <row r="276064" spans="8:8">
      <c r="H276064" s="12"/>
    </row>
    <row r="276065" spans="8:8">
      <c r="H276065" s="12"/>
    </row>
    <row r="276066" spans="8:8">
      <c r="H276066" s="12"/>
    </row>
    <row r="276067" spans="8:8">
      <c r="H276067" s="12"/>
    </row>
    <row r="276068" spans="8:8">
      <c r="H276068" s="12"/>
    </row>
    <row r="276069" spans="8:8">
      <c r="H276069" s="12"/>
    </row>
    <row r="276070" spans="8:8">
      <c r="H276070" s="12"/>
    </row>
    <row r="276071" spans="8:8">
      <c r="H276071" s="12"/>
    </row>
    <row r="276072" spans="8:8">
      <c r="H276072" s="12"/>
    </row>
    <row r="276073" spans="8:8">
      <c r="H276073" s="12"/>
    </row>
    <row r="276074" spans="8:8">
      <c r="H276074" s="12"/>
    </row>
    <row r="276075" spans="8:8">
      <c r="H276075" s="12"/>
    </row>
    <row r="276076" spans="8:8">
      <c r="H276076" s="12"/>
    </row>
    <row r="276077" spans="8:8">
      <c r="H276077" s="12"/>
    </row>
    <row r="276078" spans="8:8">
      <c r="H276078" s="12"/>
    </row>
    <row r="276079" spans="8:8">
      <c r="H276079" s="12"/>
    </row>
    <row r="276080" spans="8:8">
      <c r="H276080" s="12"/>
    </row>
    <row r="276081" spans="8:8">
      <c r="H276081" s="12"/>
    </row>
    <row r="276082" spans="8:8">
      <c r="H276082" s="12"/>
    </row>
    <row r="276083" spans="8:8">
      <c r="H276083" s="12"/>
    </row>
    <row r="276084" spans="8:8">
      <c r="H276084" s="12"/>
    </row>
    <row r="276085" spans="8:8">
      <c r="H276085" s="12"/>
    </row>
    <row r="276086" spans="8:8">
      <c r="H276086" s="12"/>
    </row>
    <row r="276087" spans="8:8">
      <c r="H276087" s="12"/>
    </row>
    <row r="276088" spans="8:8">
      <c r="H276088" s="12"/>
    </row>
    <row r="276089" spans="8:8">
      <c r="H276089" s="12"/>
    </row>
    <row r="276090" spans="8:8">
      <c r="H276090" s="12"/>
    </row>
    <row r="276091" spans="8:8">
      <c r="H276091" s="12"/>
    </row>
    <row r="276092" spans="8:8">
      <c r="H276092" s="12"/>
    </row>
    <row r="276093" spans="8:8">
      <c r="H276093" s="12"/>
    </row>
    <row r="276094" spans="8:8">
      <c r="H276094" s="12"/>
    </row>
    <row r="276095" spans="8:8">
      <c r="H276095" s="12"/>
    </row>
    <row r="276096" spans="8:8">
      <c r="H276096" s="12"/>
    </row>
    <row r="276097" spans="8:8">
      <c r="H276097" s="12"/>
    </row>
    <row r="276098" spans="8:8">
      <c r="H276098" s="12"/>
    </row>
    <row r="276099" spans="8:8">
      <c r="H276099" s="12"/>
    </row>
    <row r="276100" spans="8:8">
      <c r="H276100" s="12"/>
    </row>
    <row r="276101" spans="8:8">
      <c r="H276101" s="12"/>
    </row>
    <row r="276102" spans="8:8">
      <c r="H276102" s="12"/>
    </row>
    <row r="276103" spans="8:8">
      <c r="H276103" s="12"/>
    </row>
    <row r="276104" spans="8:8">
      <c r="H276104" s="12"/>
    </row>
    <row r="276105" spans="8:8">
      <c r="H276105" s="12"/>
    </row>
    <row r="276106" spans="8:8">
      <c r="H276106" s="12"/>
    </row>
    <row r="276107" spans="8:8">
      <c r="H276107" s="12"/>
    </row>
    <row r="276108" spans="8:8">
      <c r="H276108" s="12"/>
    </row>
    <row r="276109" spans="8:8">
      <c r="H276109" s="12"/>
    </row>
    <row r="276110" spans="8:8">
      <c r="H276110" s="12"/>
    </row>
    <row r="276111" spans="8:8">
      <c r="H276111" s="12"/>
    </row>
    <row r="276112" spans="8:8">
      <c r="H276112" s="12"/>
    </row>
    <row r="276113" spans="8:8">
      <c r="H276113" s="12"/>
    </row>
    <row r="276114" spans="8:8">
      <c r="H276114" s="12"/>
    </row>
    <row r="276115" spans="8:8">
      <c r="H276115" s="12"/>
    </row>
    <row r="276116" spans="8:8">
      <c r="H276116" s="12"/>
    </row>
    <row r="276117" spans="8:8">
      <c r="H276117" s="12"/>
    </row>
    <row r="276118" spans="8:8">
      <c r="H276118" s="12"/>
    </row>
    <row r="276119" spans="8:8">
      <c r="H276119" s="12"/>
    </row>
    <row r="276120" spans="8:8">
      <c r="H276120" s="12"/>
    </row>
    <row r="276121" spans="8:8">
      <c r="H276121" s="12"/>
    </row>
    <row r="276122" spans="8:8">
      <c r="H276122" s="12"/>
    </row>
    <row r="276123" spans="8:8">
      <c r="H276123" s="12"/>
    </row>
    <row r="276124" spans="8:8">
      <c r="H276124" s="12"/>
    </row>
    <row r="276125" spans="8:8">
      <c r="H276125" s="12"/>
    </row>
    <row r="276126" spans="8:8">
      <c r="H276126" s="12"/>
    </row>
    <row r="276127" spans="8:8">
      <c r="H276127" s="12"/>
    </row>
    <row r="276128" spans="8:8">
      <c r="H276128" s="12"/>
    </row>
    <row r="276129" spans="8:8">
      <c r="H276129" s="12"/>
    </row>
    <row r="276130" spans="8:8">
      <c r="H276130" s="12"/>
    </row>
    <row r="276131" spans="8:8">
      <c r="H276131" s="12"/>
    </row>
    <row r="276132" spans="8:8">
      <c r="H276132" s="12"/>
    </row>
    <row r="276133" spans="8:8">
      <c r="H276133" s="12"/>
    </row>
    <row r="276134" spans="8:8">
      <c r="H276134" s="12"/>
    </row>
    <row r="276135" spans="8:8">
      <c r="H276135" s="12"/>
    </row>
    <row r="276136" spans="8:8">
      <c r="H276136" s="12"/>
    </row>
    <row r="276137" spans="8:8">
      <c r="H276137" s="12"/>
    </row>
    <row r="276138" spans="8:8">
      <c r="H276138" s="12"/>
    </row>
    <row r="276139" spans="8:8">
      <c r="H276139" s="12"/>
    </row>
    <row r="276140" spans="8:8">
      <c r="H276140" s="12"/>
    </row>
    <row r="276141" spans="8:8">
      <c r="H276141" s="12"/>
    </row>
    <row r="276142" spans="8:8">
      <c r="H276142" s="12"/>
    </row>
    <row r="276143" spans="8:8">
      <c r="H276143" s="12"/>
    </row>
    <row r="276144" spans="8:8">
      <c r="H276144" s="12"/>
    </row>
    <row r="276145" spans="8:8">
      <c r="H276145" s="12"/>
    </row>
    <row r="276146" spans="8:8">
      <c r="H276146" s="12"/>
    </row>
    <row r="276147" spans="8:8">
      <c r="H276147" s="12"/>
    </row>
    <row r="276148" spans="8:8">
      <c r="H276148" s="12"/>
    </row>
    <row r="276149" spans="8:8">
      <c r="H276149" s="12"/>
    </row>
    <row r="276150" spans="8:8">
      <c r="H276150" s="12"/>
    </row>
    <row r="276151" spans="8:8">
      <c r="H276151" s="12"/>
    </row>
    <row r="276152" spans="8:8">
      <c r="H276152" s="12"/>
    </row>
    <row r="276153" spans="8:8">
      <c r="H276153" s="12"/>
    </row>
    <row r="276154" spans="8:8">
      <c r="H276154" s="12"/>
    </row>
    <row r="276155" spans="8:8">
      <c r="H276155" s="12"/>
    </row>
    <row r="276156" spans="8:8">
      <c r="H276156" s="12"/>
    </row>
    <row r="276157" spans="8:8">
      <c r="H276157" s="12"/>
    </row>
    <row r="276158" spans="8:8">
      <c r="H276158" s="12"/>
    </row>
    <row r="276159" spans="8:8">
      <c r="H276159" s="12"/>
    </row>
    <row r="276160" spans="8:8">
      <c r="H276160" s="12"/>
    </row>
    <row r="276161" spans="8:8">
      <c r="H276161" s="12"/>
    </row>
    <row r="276162" spans="8:8">
      <c r="H276162" s="12"/>
    </row>
    <row r="276163" spans="8:8">
      <c r="H276163" s="12"/>
    </row>
    <row r="276164" spans="8:8">
      <c r="H276164" s="12"/>
    </row>
    <row r="276165" spans="8:8">
      <c r="H276165" s="12"/>
    </row>
    <row r="276166" spans="8:8">
      <c r="H276166" s="12"/>
    </row>
    <row r="276167" spans="8:8">
      <c r="H276167" s="12"/>
    </row>
    <row r="276168" spans="8:8">
      <c r="H276168" s="12"/>
    </row>
    <row r="276169" spans="8:8">
      <c r="H276169" s="12"/>
    </row>
    <row r="276170" spans="8:8">
      <c r="H276170" s="12"/>
    </row>
    <row r="276171" spans="8:8">
      <c r="H276171" s="12"/>
    </row>
    <row r="276172" spans="8:8">
      <c r="H276172" s="12"/>
    </row>
    <row r="276173" spans="8:8">
      <c r="H276173" s="12"/>
    </row>
    <row r="276174" spans="8:8">
      <c r="H276174" s="12"/>
    </row>
    <row r="276175" spans="8:8">
      <c r="H276175" s="12"/>
    </row>
    <row r="276176" spans="8:8">
      <c r="H276176" s="12"/>
    </row>
    <row r="276177" spans="8:8">
      <c r="H276177" s="12"/>
    </row>
    <row r="276178" spans="8:8">
      <c r="H276178" s="12"/>
    </row>
    <row r="276179" spans="8:8">
      <c r="H276179" s="12"/>
    </row>
    <row r="276180" spans="8:8">
      <c r="H276180" s="12"/>
    </row>
    <row r="276181" spans="8:8">
      <c r="H276181" s="12"/>
    </row>
    <row r="276182" spans="8:8">
      <c r="H276182" s="12"/>
    </row>
    <row r="276183" spans="8:8">
      <c r="H276183" s="12"/>
    </row>
    <row r="276184" spans="8:8">
      <c r="H276184" s="12"/>
    </row>
    <row r="276185" spans="8:8">
      <c r="H276185" s="12"/>
    </row>
    <row r="276186" spans="8:8">
      <c r="H276186" s="12"/>
    </row>
    <row r="276187" spans="8:8">
      <c r="H276187" s="12"/>
    </row>
    <row r="276188" spans="8:8">
      <c r="H276188" s="12"/>
    </row>
    <row r="276189" spans="8:8">
      <c r="H276189" s="12"/>
    </row>
    <row r="276190" spans="8:8">
      <c r="H276190" s="12"/>
    </row>
    <row r="276191" spans="8:8">
      <c r="H276191" s="12"/>
    </row>
    <row r="276192" spans="8:8">
      <c r="H276192" s="12"/>
    </row>
    <row r="276193" spans="8:8">
      <c r="H276193" s="12"/>
    </row>
    <row r="276194" spans="8:8">
      <c r="H276194" s="12"/>
    </row>
    <row r="276195" spans="8:8">
      <c r="H276195" s="12"/>
    </row>
    <row r="276196" spans="8:8">
      <c r="H276196" s="12"/>
    </row>
    <row r="276197" spans="8:8">
      <c r="H276197" s="12"/>
    </row>
    <row r="276198" spans="8:8">
      <c r="H276198" s="12"/>
    </row>
    <row r="276199" spans="8:8">
      <c r="H276199" s="12"/>
    </row>
    <row r="276200" spans="8:8">
      <c r="H276200" s="12"/>
    </row>
    <row r="276201" spans="8:8">
      <c r="H276201" s="12"/>
    </row>
    <row r="276202" spans="8:8">
      <c r="H276202" s="12"/>
    </row>
    <row r="276203" spans="8:8">
      <c r="H276203" s="12"/>
    </row>
    <row r="276204" spans="8:8">
      <c r="H276204" s="12"/>
    </row>
    <row r="276205" spans="8:8">
      <c r="H276205" s="12"/>
    </row>
    <row r="276206" spans="8:8">
      <c r="H276206" s="12"/>
    </row>
    <row r="276207" spans="8:8">
      <c r="H276207" s="12"/>
    </row>
    <row r="276208" spans="8:8">
      <c r="H276208" s="12"/>
    </row>
    <row r="276209" spans="8:8">
      <c r="H276209" s="12"/>
    </row>
    <row r="276210" spans="8:8">
      <c r="H276210" s="12"/>
    </row>
    <row r="276211" spans="8:8">
      <c r="H276211" s="12"/>
    </row>
    <row r="276212" spans="8:8">
      <c r="H276212" s="12"/>
    </row>
    <row r="276213" spans="8:8">
      <c r="H276213" s="12"/>
    </row>
    <row r="276214" spans="8:8">
      <c r="H276214" s="12"/>
    </row>
    <row r="276215" spans="8:8">
      <c r="H276215" s="12"/>
    </row>
    <row r="276216" spans="8:8">
      <c r="H276216" s="12"/>
    </row>
    <row r="276217" spans="8:8">
      <c r="H276217" s="12"/>
    </row>
    <row r="276218" spans="8:8">
      <c r="H276218" s="12"/>
    </row>
    <row r="276219" spans="8:8">
      <c r="H276219" s="12"/>
    </row>
    <row r="276220" spans="8:8">
      <c r="H276220" s="12"/>
    </row>
    <row r="276221" spans="8:8">
      <c r="H276221" s="12"/>
    </row>
    <row r="276222" spans="8:8">
      <c r="H276222" s="12"/>
    </row>
    <row r="276223" spans="8:8">
      <c r="H276223" s="12"/>
    </row>
    <row r="276224" spans="8:8">
      <c r="H276224" s="12"/>
    </row>
    <row r="276225" spans="8:8">
      <c r="H276225" s="12"/>
    </row>
    <row r="276226" spans="8:8">
      <c r="H276226" s="12"/>
    </row>
    <row r="276227" spans="8:8">
      <c r="H276227" s="12"/>
    </row>
    <row r="276228" spans="8:8">
      <c r="H276228" s="12"/>
    </row>
    <row r="276229" spans="8:8">
      <c r="H276229" s="12"/>
    </row>
    <row r="276230" spans="8:8">
      <c r="H276230" s="12"/>
    </row>
    <row r="276231" spans="8:8">
      <c r="H276231" s="12"/>
    </row>
    <row r="276232" spans="8:8">
      <c r="H276232" s="12"/>
    </row>
    <row r="276233" spans="8:8">
      <c r="H276233" s="12"/>
    </row>
    <row r="276234" spans="8:8">
      <c r="H276234" s="12"/>
    </row>
    <row r="276235" spans="8:8">
      <c r="H276235" s="12"/>
    </row>
    <row r="276236" spans="8:8">
      <c r="H276236" s="12"/>
    </row>
    <row r="276237" spans="8:8">
      <c r="H276237" s="12"/>
    </row>
    <row r="276238" spans="8:8">
      <c r="H276238" s="12"/>
    </row>
    <row r="276239" spans="8:8">
      <c r="H276239" s="12"/>
    </row>
    <row r="276240" spans="8:8">
      <c r="H276240" s="12"/>
    </row>
    <row r="276241" spans="8:8">
      <c r="H276241" s="12"/>
    </row>
    <row r="276242" spans="8:8">
      <c r="H276242" s="12"/>
    </row>
    <row r="276243" spans="8:8">
      <c r="H276243" s="12"/>
    </row>
    <row r="276244" spans="8:8">
      <c r="H276244" s="12"/>
    </row>
    <row r="276245" spans="8:8">
      <c r="H276245" s="12"/>
    </row>
    <row r="276246" spans="8:8">
      <c r="H276246" s="12"/>
    </row>
    <row r="276247" spans="8:8">
      <c r="H276247" s="12"/>
    </row>
    <row r="276248" spans="8:8">
      <c r="H276248" s="12"/>
    </row>
    <row r="276249" spans="8:8">
      <c r="H276249" s="12"/>
    </row>
    <row r="276250" spans="8:8">
      <c r="H276250" s="12"/>
    </row>
    <row r="276251" spans="8:8">
      <c r="H276251" s="12"/>
    </row>
    <row r="276252" spans="8:8">
      <c r="H276252" s="12"/>
    </row>
    <row r="276253" spans="8:8">
      <c r="H276253" s="12"/>
    </row>
    <row r="276254" spans="8:8">
      <c r="H276254" s="12"/>
    </row>
    <row r="276255" spans="8:8">
      <c r="H276255" s="12"/>
    </row>
    <row r="276256" spans="8:8">
      <c r="H276256" s="12"/>
    </row>
    <row r="276257" spans="8:8">
      <c r="H276257" s="12"/>
    </row>
    <row r="276258" spans="8:8">
      <c r="H276258" s="12"/>
    </row>
    <row r="276259" spans="8:8">
      <c r="H276259" s="12"/>
    </row>
    <row r="276260" spans="8:8">
      <c r="H276260" s="12"/>
    </row>
    <row r="276261" spans="8:8">
      <c r="H276261" s="12"/>
    </row>
    <row r="276262" spans="8:8">
      <c r="H276262" s="12"/>
    </row>
    <row r="276263" spans="8:8">
      <c r="H276263" s="12"/>
    </row>
    <row r="276264" spans="8:8">
      <c r="H276264" s="12"/>
    </row>
    <row r="276265" spans="8:8">
      <c r="H276265" s="12"/>
    </row>
    <row r="276266" spans="8:8">
      <c r="H276266" s="12"/>
    </row>
    <row r="276267" spans="8:8">
      <c r="H276267" s="12"/>
    </row>
    <row r="276268" spans="8:8">
      <c r="H276268" s="12"/>
    </row>
    <row r="276269" spans="8:8">
      <c r="H276269" s="12"/>
    </row>
    <row r="276270" spans="8:8">
      <c r="H276270" s="12"/>
    </row>
    <row r="276271" spans="8:8">
      <c r="H276271" s="12"/>
    </row>
    <row r="276272" spans="8:8">
      <c r="H276272" s="12"/>
    </row>
    <row r="276273" spans="8:8">
      <c r="H276273" s="12"/>
    </row>
    <row r="276274" spans="8:8">
      <c r="H276274" s="12"/>
    </row>
    <row r="276275" spans="8:8">
      <c r="H276275" s="12"/>
    </row>
    <row r="276276" spans="8:8">
      <c r="H276276" s="12"/>
    </row>
    <row r="276277" spans="8:8">
      <c r="H276277" s="12"/>
    </row>
    <row r="276278" spans="8:8">
      <c r="H276278" s="12"/>
    </row>
    <row r="276279" spans="8:8">
      <c r="H276279" s="12"/>
    </row>
    <row r="276280" spans="8:8">
      <c r="H276280" s="12"/>
    </row>
    <row r="276281" spans="8:8">
      <c r="H276281" s="12"/>
    </row>
    <row r="276282" spans="8:8">
      <c r="H276282" s="12"/>
    </row>
    <row r="276283" spans="8:8">
      <c r="H276283" s="12"/>
    </row>
    <row r="276284" spans="8:8">
      <c r="H276284" s="12"/>
    </row>
    <row r="276285" spans="8:8">
      <c r="H276285" s="12"/>
    </row>
    <row r="276286" spans="8:8">
      <c r="H276286" s="12"/>
    </row>
    <row r="276287" spans="8:8">
      <c r="H276287" s="12"/>
    </row>
    <row r="276288" spans="8:8">
      <c r="H276288" s="12"/>
    </row>
    <row r="276289" spans="8:8">
      <c r="H276289" s="12"/>
    </row>
    <row r="276290" spans="8:8">
      <c r="H276290" s="12"/>
    </row>
    <row r="276291" spans="8:8">
      <c r="H276291" s="12"/>
    </row>
    <row r="276292" spans="8:8">
      <c r="H276292" s="12"/>
    </row>
    <row r="276293" spans="8:8">
      <c r="H276293" s="12"/>
    </row>
    <row r="276294" spans="8:8">
      <c r="H276294" s="12"/>
    </row>
    <row r="276295" spans="8:8">
      <c r="H276295" s="12"/>
    </row>
    <row r="276296" spans="8:8">
      <c r="H276296" s="12"/>
    </row>
    <row r="276297" spans="8:8">
      <c r="H276297" s="12"/>
    </row>
    <row r="276298" spans="8:8">
      <c r="H276298" s="12"/>
    </row>
    <row r="276299" spans="8:8">
      <c r="H276299" s="12"/>
    </row>
    <row r="276300" spans="8:8">
      <c r="H276300" s="12"/>
    </row>
    <row r="276301" spans="8:8">
      <c r="H276301" s="12"/>
    </row>
    <row r="276302" spans="8:8">
      <c r="H276302" s="12"/>
    </row>
    <row r="276303" spans="8:8">
      <c r="H276303" s="12"/>
    </row>
    <row r="276304" spans="8:8">
      <c r="H276304" s="12"/>
    </row>
    <row r="276305" spans="8:8">
      <c r="H276305" s="12"/>
    </row>
    <row r="276306" spans="8:8">
      <c r="H276306" s="12"/>
    </row>
    <row r="276307" spans="8:8">
      <c r="H276307" s="12"/>
    </row>
    <row r="276308" spans="8:8">
      <c r="H276308" s="12"/>
    </row>
    <row r="276309" spans="8:8">
      <c r="H276309" s="12"/>
    </row>
    <row r="276310" spans="8:8">
      <c r="H276310" s="12"/>
    </row>
    <row r="276311" spans="8:8">
      <c r="H276311" s="12"/>
    </row>
    <row r="276312" spans="8:8">
      <c r="H276312" s="12"/>
    </row>
    <row r="276313" spans="8:8">
      <c r="H276313" s="12"/>
    </row>
    <row r="276314" spans="8:8">
      <c r="H276314" s="12"/>
    </row>
    <row r="276315" spans="8:8">
      <c r="H276315" s="12"/>
    </row>
    <row r="276316" spans="8:8">
      <c r="H276316" s="12"/>
    </row>
    <row r="276317" spans="8:8">
      <c r="H276317" s="12"/>
    </row>
    <row r="276318" spans="8:8">
      <c r="H276318" s="12"/>
    </row>
    <row r="276319" spans="8:8">
      <c r="H276319" s="12"/>
    </row>
    <row r="276320" spans="8:8">
      <c r="H276320" s="12"/>
    </row>
    <row r="276321" spans="8:8">
      <c r="H276321" s="12"/>
    </row>
    <row r="276322" spans="8:8">
      <c r="H276322" s="12"/>
    </row>
    <row r="276323" spans="8:8">
      <c r="H276323" s="12"/>
    </row>
    <row r="276324" spans="8:8">
      <c r="H276324" s="12"/>
    </row>
    <row r="276325" spans="8:8">
      <c r="H276325" s="12"/>
    </row>
    <row r="276326" spans="8:8">
      <c r="H276326" s="12"/>
    </row>
    <row r="276327" spans="8:8">
      <c r="H276327" s="12"/>
    </row>
    <row r="276328" spans="8:8">
      <c r="H276328" s="12"/>
    </row>
    <row r="276329" spans="8:8">
      <c r="H276329" s="12"/>
    </row>
    <row r="276330" spans="8:8">
      <c r="H276330" s="12"/>
    </row>
    <row r="276331" spans="8:8">
      <c r="H276331" s="12"/>
    </row>
    <row r="276332" spans="8:8">
      <c r="H276332" s="12"/>
    </row>
    <row r="276333" spans="8:8">
      <c r="H276333" s="12"/>
    </row>
    <row r="276334" spans="8:8">
      <c r="H276334" s="12"/>
    </row>
    <row r="276335" spans="8:8">
      <c r="H276335" s="12"/>
    </row>
    <row r="276336" spans="8:8">
      <c r="H276336" s="12"/>
    </row>
    <row r="276337" spans="8:8">
      <c r="H276337" s="12"/>
    </row>
    <row r="276338" spans="8:8">
      <c r="H276338" s="12"/>
    </row>
    <row r="276339" spans="8:8">
      <c r="H276339" s="12"/>
    </row>
    <row r="276340" spans="8:8">
      <c r="H276340" s="12"/>
    </row>
    <row r="276341" spans="8:8">
      <c r="H276341" s="12"/>
    </row>
    <row r="276342" spans="8:8">
      <c r="H276342" s="12"/>
    </row>
    <row r="276343" spans="8:8">
      <c r="H276343" s="12"/>
    </row>
    <row r="276344" spans="8:8">
      <c r="H276344" s="12"/>
    </row>
    <row r="276345" spans="8:8">
      <c r="H276345" s="12"/>
    </row>
    <row r="276346" spans="8:8">
      <c r="H276346" s="12"/>
    </row>
    <row r="276347" spans="8:8">
      <c r="H276347" s="12"/>
    </row>
    <row r="276348" spans="8:8">
      <c r="H276348" s="12"/>
    </row>
    <row r="276349" spans="8:8">
      <c r="H276349" s="12"/>
    </row>
    <row r="276350" spans="8:8">
      <c r="H276350" s="12"/>
    </row>
    <row r="276351" spans="8:8">
      <c r="H276351" s="12"/>
    </row>
    <row r="276352" spans="8:8">
      <c r="H276352" s="12"/>
    </row>
    <row r="276353" spans="8:8">
      <c r="H276353" s="12"/>
    </row>
    <row r="276354" spans="8:8">
      <c r="H276354" s="12"/>
    </row>
    <row r="276355" spans="8:8">
      <c r="H276355" s="12"/>
    </row>
    <row r="276356" spans="8:8">
      <c r="H276356" s="12"/>
    </row>
    <row r="276357" spans="8:8">
      <c r="H276357" s="12"/>
    </row>
    <row r="276358" spans="8:8">
      <c r="H276358" s="12"/>
    </row>
    <row r="276359" spans="8:8">
      <c r="H276359" s="12"/>
    </row>
    <row r="276360" spans="8:8">
      <c r="H276360" s="12"/>
    </row>
    <row r="276361" spans="8:8">
      <c r="H276361" s="12"/>
    </row>
    <row r="276362" spans="8:8">
      <c r="H276362" s="12"/>
    </row>
    <row r="276363" spans="8:8">
      <c r="H276363" s="12"/>
    </row>
    <row r="276364" spans="8:8">
      <c r="H276364" s="12"/>
    </row>
    <row r="276365" spans="8:8">
      <c r="H276365" s="12"/>
    </row>
    <row r="276366" spans="8:8">
      <c r="H276366" s="12"/>
    </row>
    <row r="276367" spans="8:8">
      <c r="H276367" s="12"/>
    </row>
    <row r="276368" spans="8:8">
      <c r="H276368" s="12"/>
    </row>
    <row r="276369" spans="8:8">
      <c r="H276369" s="12"/>
    </row>
    <row r="276370" spans="8:8">
      <c r="H276370" s="12"/>
    </row>
    <row r="276371" spans="8:8">
      <c r="H276371" s="12"/>
    </row>
    <row r="276372" spans="8:8">
      <c r="H276372" s="12"/>
    </row>
    <row r="276373" spans="8:8">
      <c r="H276373" s="12"/>
    </row>
    <row r="276374" spans="8:8">
      <c r="H276374" s="12"/>
    </row>
    <row r="276375" spans="8:8">
      <c r="H276375" s="12"/>
    </row>
    <row r="276376" spans="8:8">
      <c r="H276376" s="12"/>
    </row>
    <row r="276377" spans="8:8">
      <c r="H276377" s="12"/>
    </row>
    <row r="276378" spans="8:8">
      <c r="H276378" s="12"/>
    </row>
    <row r="276379" spans="8:8">
      <c r="H276379" s="12"/>
    </row>
    <row r="276380" spans="8:8">
      <c r="H276380" s="12"/>
    </row>
    <row r="276381" spans="8:8">
      <c r="H276381" s="12"/>
    </row>
    <row r="276382" spans="8:8">
      <c r="H276382" s="12"/>
    </row>
    <row r="276383" spans="8:8">
      <c r="H276383" s="12"/>
    </row>
    <row r="276384" spans="8:8">
      <c r="H276384" s="12"/>
    </row>
    <row r="276385" spans="8:8">
      <c r="H276385" s="12"/>
    </row>
    <row r="276386" spans="8:8">
      <c r="H276386" s="12"/>
    </row>
    <row r="276387" spans="8:8">
      <c r="H276387" s="12"/>
    </row>
    <row r="276388" spans="8:8">
      <c r="H276388" s="12"/>
    </row>
    <row r="276389" spans="8:8">
      <c r="H276389" s="12"/>
    </row>
    <row r="276390" spans="8:8">
      <c r="H276390" s="12"/>
    </row>
    <row r="276391" spans="8:8">
      <c r="H276391" s="12"/>
    </row>
    <row r="276392" spans="8:8">
      <c r="H276392" s="12"/>
    </row>
    <row r="276393" spans="8:8">
      <c r="H276393" s="12"/>
    </row>
    <row r="276394" spans="8:8">
      <c r="H276394" s="12"/>
    </row>
    <row r="276395" spans="8:8">
      <c r="H276395" s="12"/>
    </row>
    <row r="276396" spans="8:8">
      <c r="H276396" s="12"/>
    </row>
    <row r="276397" spans="8:8">
      <c r="H276397" s="12"/>
    </row>
    <row r="276398" spans="8:8">
      <c r="H276398" s="12"/>
    </row>
    <row r="276399" spans="8:8">
      <c r="H276399" s="12"/>
    </row>
    <row r="276400" spans="8:8">
      <c r="H276400" s="12"/>
    </row>
    <row r="276401" spans="8:8">
      <c r="H276401" s="12"/>
    </row>
    <row r="276402" spans="8:8">
      <c r="H276402" s="12"/>
    </row>
    <row r="276403" spans="8:8">
      <c r="H276403" s="12"/>
    </row>
    <row r="276404" spans="8:8">
      <c r="H276404" s="12"/>
    </row>
    <row r="276405" spans="8:8">
      <c r="H276405" s="12"/>
    </row>
    <row r="276406" spans="8:8">
      <c r="H276406" s="12"/>
    </row>
    <row r="276407" spans="8:8">
      <c r="H276407" s="12"/>
    </row>
    <row r="276408" spans="8:8">
      <c r="H276408" s="12"/>
    </row>
    <row r="276409" spans="8:8">
      <c r="H276409" s="12"/>
    </row>
    <row r="276410" spans="8:8">
      <c r="H276410" s="12"/>
    </row>
    <row r="276411" spans="8:8">
      <c r="H276411" s="12"/>
    </row>
    <row r="276412" spans="8:8">
      <c r="H276412" s="12"/>
    </row>
    <row r="276413" spans="8:8">
      <c r="H276413" s="12"/>
    </row>
    <row r="276414" spans="8:8">
      <c r="H276414" s="12"/>
    </row>
    <row r="276415" spans="8:8">
      <c r="H276415" s="12"/>
    </row>
    <row r="276416" spans="8:8">
      <c r="H276416" s="12"/>
    </row>
    <row r="276417" spans="8:8">
      <c r="H276417" s="12"/>
    </row>
    <row r="276418" spans="8:8">
      <c r="H276418" s="12"/>
    </row>
    <row r="276419" spans="8:8">
      <c r="H276419" s="12"/>
    </row>
    <row r="276420" spans="8:8">
      <c r="H276420" s="12"/>
    </row>
    <row r="276421" spans="8:8">
      <c r="H276421" s="12"/>
    </row>
    <row r="276422" spans="8:8">
      <c r="H276422" s="12"/>
    </row>
    <row r="276423" spans="8:8">
      <c r="H276423" s="12"/>
    </row>
    <row r="276424" spans="8:8">
      <c r="H276424" s="12"/>
    </row>
    <row r="276425" spans="8:8">
      <c r="H276425" s="12"/>
    </row>
    <row r="276426" spans="8:8">
      <c r="H276426" s="12"/>
    </row>
    <row r="276427" spans="8:8">
      <c r="H276427" s="12"/>
    </row>
    <row r="276428" spans="8:8">
      <c r="H276428" s="12"/>
    </row>
    <row r="276429" spans="8:8">
      <c r="H276429" s="12"/>
    </row>
    <row r="276430" spans="8:8">
      <c r="H276430" s="12"/>
    </row>
    <row r="276431" spans="8:8">
      <c r="H276431" s="12"/>
    </row>
    <row r="276432" spans="8:8">
      <c r="H276432" s="12"/>
    </row>
    <row r="276433" spans="8:8">
      <c r="H276433" s="12"/>
    </row>
    <row r="276434" spans="8:8">
      <c r="H276434" s="12"/>
    </row>
    <row r="276435" spans="8:8">
      <c r="H276435" s="12"/>
    </row>
    <row r="276436" spans="8:8">
      <c r="H276436" s="12"/>
    </row>
    <row r="276437" spans="8:8">
      <c r="H276437" s="12"/>
    </row>
    <row r="276438" spans="8:8">
      <c r="H276438" s="12"/>
    </row>
    <row r="276439" spans="8:8">
      <c r="H276439" s="12"/>
    </row>
    <row r="276440" spans="8:8">
      <c r="H276440" s="12"/>
    </row>
    <row r="276441" spans="8:8">
      <c r="H276441" s="12"/>
    </row>
    <row r="276442" spans="8:8">
      <c r="H276442" s="12"/>
    </row>
    <row r="276443" spans="8:8">
      <c r="H276443" s="12"/>
    </row>
    <row r="276444" spans="8:8">
      <c r="H276444" s="12"/>
    </row>
    <row r="276445" spans="8:8">
      <c r="H276445" s="12"/>
    </row>
    <row r="276446" spans="8:8">
      <c r="H276446" s="12"/>
    </row>
    <row r="276447" spans="8:8">
      <c r="H276447" s="12"/>
    </row>
    <row r="276448" spans="8:8">
      <c r="H276448" s="12"/>
    </row>
    <row r="276449" spans="8:8">
      <c r="H276449" s="12"/>
    </row>
    <row r="276450" spans="8:8">
      <c r="H276450" s="12"/>
    </row>
    <row r="276451" spans="8:8">
      <c r="H276451" s="12"/>
    </row>
    <row r="276452" spans="8:8">
      <c r="H276452" s="12"/>
    </row>
    <row r="276453" spans="8:8">
      <c r="H276453" s="12"/>
    </row>
    <row r="276454" spans="8:8">
      <c r="H276454" s="12"/>
    </row>
    <row r="276455" spans="8:8">
      <c r="H276455" s="12"/>
    </row>
    <row r="276456" spans="8:8">
      <c r="H276456" s="12"/>
    </row>
    <row r="276457" spans="8:8">
      <c r="H276457" s="12"/>
    </row>
    <row r="276458" spans="8:8">
      <c r="H276458" s="12"/>
    </row>
    <row r="276459" spans="8:8">
      <c r="H276459" s="12"/>
    </row>
    <row r="276460" spans="8:8">
      <c r="H276460" s="12"/>
    </row>
    <row r="276461" spans="8:8">
      <c r="H276461" s="12"/>
    </row>
    <row r="276462" spans="8:8">
      <c r="H276462" s="12"/>
    </row>
    <row r="276463" spans="8:8">
      <c r="H276463" s="12"/>
    </row>
    <row r="276464" spans="8:8">
      <c r="H276464" s="12"/>
    </row>
    <row r="276465" spans="8:8">
      <c r="H276465" s="12"/>
    </row>
    <row r="276466" spans="8:8">
      <c r="H276466" s="12"/>
    </row>
    <row r="276467" spans="8:8">
      <c r="H276467" s="12"/>
    </row>
    <row r="276468" spans="8:8">
      <c r="H276468" s="12"/>
    </row>
    <row r="276469" spans="8:8">
      <c r="H276469" s="12"/>
    </row>
    <row r="276470" spans="8:8">
      <c r="H276470" s="12"/>
    </row>
    <row r="276471" spans="8:8">
      <c r="H276471" s="12"/>
    </row>
    <row r="276472" spans="8:8">
      <c r="H276472" s="12"/>
    </row>
    <row r="276473" spans="8:8">
      <c r="H276473" s="12"/>
    </row>
    <row r="276474" spans="8:8">
      <c r="H276474" s="12"/>
    </row>
    <row r="276475" spans="8:8">
      <c r="H276475" s="12"/>
    </row>
    <row r="276476" spans="8:8">
      <c r="H276476" s="12"/>
    </row>
    <row r="276477" spans="8:8">
      <c r="H276477" s="12"/>
    </row>
    <row r="276478" spans="8:8">
      <c r="H276478" s="12"/>
    </row>
    <row r="276479" spans="8:8">
      <c r="H276479" s="12"/>
    </row>
    <row r="276480" spans="8:8">
      <c r="H276480" s="12"/>
    </row>
    <row r="276481" spans="8:8">
      <c r="H276481" s="12"/>
    </row>
    <row r="276482" spans="8:8">
      <c r="H276482" s="12"/>
    </row>
    <row r="276483" spans="8:8">
      <c r="H276483" s="12"/>
    </row>
    <row r="276484" spans="8:8">
      <c r="H276484" s="12"/>
    </row>
    <row r="276485" spans="8:8">
      <c r="H276485" s="12"/>
    </row>
    <row r="276486" spans="8:8">
      <c r="H276486" s="12"/>
    </row>
    <row r="276487" spans="8:8">
      <c r="H276487" s="12"/>
    </row>
    <row r="276488" spans="8:8">
      <c r="H276488" s="12"/>
    </row>
    <row r="276489" spans="8:8">
      <c r="H276489" s="12"/>
    </row>
    <row r="276490" spans="8:8">
      <c r="H276490" s="12"/>
    </row>
    <row r="276491" spans="8:8">
      <c r="H276491" s="12"/>
    </row>
    <row r="276492" spans="8:8">
      <c r="H276492" s="12"/>
    </row>
    <row r="276493" spans="8:8">
      <c r="H276493" s="12"/>
    </row>
    <row r="276494" spans="8:8">
      <c r="H276494" s="12"/>
    </row>
    <row r="276495" spans="8:8">
      <c r="H276495" s="12"/>
    </row>
    <row r="276496" spans="8:8">
      <c r="H276496" s="12"/>
    </row>
    <row r="276497" spans="8:8">
      <c r="H276497" s="12"/>
    </row>
    <row r="276498" spans="8:8">
      <c r="H276498" s="12"/>
    </row>
    <row r="276499" spans="8:8">
      <c r="H276499" s="12"/>
    </row>
    <row r="276500" spans="8:8">
      <c r="H276500" s="12"/>
    </row>
    <row r="276501" spans="8:8">
      <c r="H276501" s="12"/>
    </row>
    <row r="276502" spans="8:8">
      <c r="H276502" s="12"/>
    </row>
    <row r="276503" spans="8:8">
      <c r="H276503" s="12"/>
    </row>
    <row r="276504" spans="8:8">
      <c r="H276504" s="12"/>
    </row>
    <row r="276505" spans="8:8">
      <c r="H276505" s="12"/>
    </row>
    <row r="276506" spans="8:8">
      <c r="H276506" s="12"/>
    </row>
    <row r="276507" spans="8:8">
      <c r="H276507" s="12"/>
    </row>
    <row r="276508" spans="8:8">
      <c r="H276508" s="12"/>
    </row>
    <row r="276509" spans="8:8">
      <c r="H276509" s="12"/>
    </row>
    <row r="276510" spans="8:8">
      <c r="H276510" s="12"/>
    </row>
    <row r="276511" spans="8:8">
      <c r="H276511" s="12"/>
    </row>
    <row r="276512" spans="8:8">
      <c r="H276512" s="12"/>
    </row>
    <row r="276513" spans="8:8">
      <c r="H276513" s="12"/>
    </row>
    <row r="276514" spans="8:8">
      <c r="H276514" s="12"/>
    </row>
    <row r="276515" spans="8:8">
      <c r="H276515" s="12"/>
    </row>
    <row r="276516" spans="8:8">
      <c r="H276516" s="12"/>
    </row>
    <row r="276517" spans="8:8">
      <c r="H276517" s="12"/>
    </row>
    <row r="276518" spans="8:8">
      <c r="H276518" s="12"/>
    </row>
    <row r="276519" spans="8:8">
      <c r="H276519" s="12"/>
    </row>
    <row r="276520" spans="8:8">
      <c r="H276520" s="12"/>
    </row>
    <row r="276521" spans="8:8">
      <c r="H276521" s="12"/>
    </row>
    <row r="276522" spans="8:8">
      <c r="H276522" s="12"/>
    </row>
    <row r="276523" spans="8:8">
      <c r="H276523" s="12"/>
    </row>
    <row r="276524" spans="8:8">
      <c r="H276524" s="12"/>
    </row>
    <row r="276525" spans="8:8">
      <c r="H276525" s="12"/>
    </row>
    <row r="276526" spans="8:8">
      <c r="H276526" s="12"/>
    </row>
    <row r="276527" spans="8:8">
      <c r="H276527" s="12"/>
    </row>
    <row r="276528" spans="8:8">
      <c r="H276528" s="12"/>
    </row>
    <row r="276529" spans="8:8">
      <c r="H276529" s="12"/>
    </row>
    <row r="276530" spans="8:8">
      <c r="H276530" s="12"/>
    </row>
    <row r="276531" spans="8:8">
      <c r="H276531" s="12"/>
    </row>
    <row r="276532" spans="8:8">
      <c r="H276532" s="12"/>
    </row>
    <row r="276533" spans="8:8">
      <c r="H276533" s="12"/>
    </row>
    <row r="276534" spans="8:8">
      <c r="H276534" s="12"/>
    </row>
    <row r="276535" spans="8:8">
      <c r="H276535" s="12"/>
    </row>
    <row r="276536" spans="8:8">
      <c r="H276536" s="12"/>
    </row>
    <row r="276537" spans="8:8">
      <c r="H276537" s="12"/>
    </row>
    <row r="276538" spans="8:8">
      <c r="H276538" s="12"/>
    </row>
    <row r="276539" spans="8:8">
      <c r="H276539" s="12"/>
    </row>
    <row r="276540" spans="8:8">
      <c r="H276540" s="12"/>
    </row>
    <row r="276541" spans="8:8">
      <c r="H276541" s="12"/>
    </row>
    <row r="276542" spans="8:8">
      <c r="H276542" s="12"/>
    </row>
    <row r="276543" spans="8:8">
      <c r="H276543" s="12"/>
    </row>
    <row r="276544" spans="8:8">
      <c r="H276544" s="12"/>
    </row>
    <row r="276545" spans="8:8">
      <c r="H276545" s="12"/>
    </row>
    <row r="276546" spans="8:8">
      <c r="H276546" s="12"/>
    </row>
    <row r="276547" spans="8:8">
      <c r="H276547" s="12"/>
    </row>
    <row r="276548" spans="8:8">
      <c r="H276548" s="12"/>
    </row>
    <row r="276549" spans="8:8">
      <c r="H276549" s="12"/>
    </row>
    <row r="276550" spans="8:8">
      <c r="H276550" s="12"/>
    </row>
    <row r="276551" spans="8:8">
      <c r="H276551" s="12"/>
    </row>
    <row r="276552" spans="8:8">
      <c r="H276552" s="12"/>
    </row>
    <row r="276553" spans="8:8">
      <c r="H276553" s="12"/>
    </row>
    <row r="276554" spans="8:8">
      <c r="H276554" s="12"/>
    </row>
    <row r="276555" spans="8:8">
      <c r="H276555" s="12"/>
    </row>
    <row r="276556" spans="8:8">
      <c r="H276556" s="12"/>
    </row>
    <row r="276557" spans="8:8">
      <c r="H276557" s="12"/>
    </row>
    <row r="276558" spans="8:8">
      <c r="H276558" s="12"/>
    </row>
    <row r="276559" spans="8:8">
      <c r="H276559" s="12"/>
    </row>
    <row r="276560" spans="8:8">
      <c r="H276560" s="12"/>
    </row>
    <row r="276561" spans="8:8">
      <c r="H276561" s="12"/>
    </row>
    <row r="276562" spans="8:8">
      <c r="H276562" s="12"/>
    </row>
    <row r="276563" spans="8:8">
      <c r="H276563" s="12"/>
    </row>
    <row r="276564" spans="8:8">
      <c r="H276564" s="12"/>
    </row>
    <row r="276565" spans="8:8">
      <c r="H276565" s="12"/>
    </row>
    <row r="276566" spans="8:8">
      <c r="H276566" s="12"/>
    </row>
    <row r="276567" spans="8:8">
      <c r="H276567" s="12"/>
    </row>
    <row r="276568" spans="8:8">
      <c r="H276568" s="12"/>
    </row>
    <row r="276569" spans="8:8">
      <c r="H276569" s="12"/>
    </row>
    <row r="276570" spans="8:8">
      <c r="H276570" s="12"/>
    </row>
    <row r="276571" spans="8:8">
      <c r="H276571" s="12"/>
    </row>
    <row r="276572" spans="8:8">
      <c r="H276572" s="12"/>
    </row>
    <row r="276573" spans="8:8">
      <c r="H276573" s="12"/>
    </row>
    <row r="276574" spans="8:8">
      <c r="H276574" s="12"/>
    </row>
    <row r="276575" spans="8:8">
      <c r="H276575" s="12"/>
    </row>
    <row r="276576" spans="8:8">
      <c r="H276576" s="12"/>
    </row>
    <row r="276577" spans="8:8">
      <c r="H276577" s="12"/>
    </row>
    <row r="276578" spans="8:8">
      <c r="H276578" s="12"/>
    </row>
    <row r="276579" spans="8:8">
      <c r="H276579" s="12"/>
    </row>
    <row r="276580" spans="8:8">
      <c r="H276580" s="12"/>
    </row>
    <row r="276581" spans="8:8">
      <c r="H276581" s="12"/>
    </row>
    <row r="276582" spans="8:8">
      <c r="H276582" s="12"/>
    </row>
    <row r="276583" spans="8:8">
      <c r="H276583" s="12"/>
    </row>
    <row r="276584" spans="8:8">
      <c r="H276584" s="12"/>
    </row>
    <row r="276585" spans="8:8">
      <c r="H276585" s="12"/>
    </row>
    <row r="276586" spans="8:8">
      <c r="H276586" s="12"/>
    </row>
    <row r="276587" spans="8:8">
      <c r="H276587" s="12"/>
    </row>
    <row r="276588" spans="8:8">
      <c r="H276588" s="12"/>
    </row>
    <row r="276589" spans="8:8">
      <c r="H276589" s="12"/>
    </row>
    <row r="276590" spans="8:8">
      <c r="H276590" s="12"/>
    </row>
    <row r="276591" spans="8:8">
      <c r="H276591" s="12"/>
    </row>
    <row r="276592" spans="8:8">
      <c r="H276592" s="12"/>
    </row>
    <row r="276593" spans="8:8">
      <c r="H276593" s="12"/>
    </row>
    <row r="276594" spans="8:8">
      <c r="H276594" s="12"/>
    </row>
    <row r="276595" spans="8:8">
      <c r="H276595" s="12"/>
    </row>
    <row r="276596" spans="8:8">
      <c r="H276596" s="12"/>
    </row>
    <row r="276597" spans="8:8">
      <c r="H276597" s="12"/>
    </row>
    <row r="276598" spans="8:8">
      <c r="H276598" s="12"/>
    </row>
    <row r="276599" spans="8:8">
      <c r="H276599" s="12"/>
    </row>
    <row r="276600" spans="8:8">
      <c r="H276600" s="12"/>
    </row>
    <row r="276601" spans="8:8">
      <c r="H276601" s="12"/>
    </row>
    <row r="276602" spans="8:8">
      <c r="H276602" s="12"/>
    </row>
    <row r="276603" spans="8:8">
      <c r="H276603" s="12"/>
    </row>
    <row r="276604" spans="8:8">
      <c r="H276604" s="12"/>
    </row>
    <row r="276605" spans="8:8">
      <c r="H276605" s="12"/>
    </row>
    <row r="276606" spans="8:8">
      <c r="H276606" s="12"/>
    </row>
    <row r="276607" spans="8:8">
      <c r="H276607" s="12"/>
    </row>
    <row r="276608" spans="8:8">
      <c r="H276608" s="12"/>
    </row>
    <row r="276609" spans="8:8">
      <c r="H276609" s="12"/>
    </row>
    <row r="276610" spans="8:8">
      <c r="H276610" s="12"/>
    </row>
    <row r="276611" spans="8:8">
      <c r="H276611" s="12"/>
    </row>
    <row r="276612" spans="8:8">
      <c r="H276612" s="12"/>
    </row>
    <row r="276613" spans="8:8">
      <c r="H276613" s="12"/>
    </row>
    <row r="276614" spans="8:8">
      <c r="H276614" s="12"/>
    </row>
    <row r="276615" spans="8:8">
      <c r="H276615" s="12"/>
    </row>
    <row r="276616" spans="8:8">
      <c r="H276616" s="12"/>
    </row>
    <row r="276617" spans="8:8">
      <c r="H276617" s="12"/>
    </row>
    <row r="276618" spans="8:8">
      <c r="H276618" s="12"/>
    </row>
    <row r="276619" spans="8:8">
      <c r="H276619" s="12"/>
    </row>
    <row r="276620" spans="8:8">
      <c r="H276620" s="12"/>
    </row>
    <row r="276621" spans="8:8">
      <c r="H276621" s="12"/>
    </row>
    <row r="276622" spans="8:8">
      <c r="H276622" s="12"/>
    </row>
    <row r="276623" spans="8:8">
      <c r="H276623" s="12"/>
    </row>
    <row r="276624" spans="8:8">
      <c r="H276624" s="12"/>
    </row>
    <row r="276625" spans="8:8">
      <c r="H276625" s="12"/>
    </row>
    <row r="276626" spans="8:8">
      <c r="H276626" s="12"/>
    </row>
    <row r="276627" spans="8:8">
      <c r="H276627" s="12"/>
    </row>
    <row r="276628" spans="8:8">
      <c r="H276628" s="12"/>
    </row>
    <row r="276629" spans="8:8">
      <c r="H276629" s="12"/>
    </row>
    <row r="276630" spans="8:8">
      <c r="H276630" s="12"/>
    </row>
    <row r="276631" spans="8:8">
      <c r="H276631" s="12"/>
    </row>
    <row r="276632" spans="8:8">
      <c r="H276632" s="12"/>
    </row>
    <row r="276633" spans="8:8">
      <c r="H276633" s="12"/>
    </row>
    <row r="276634" spans="8:8">
      <c r="H276634" s="12"/>
    </row>
    <row r="276635" spans="8:8">
      <c r="H276635" s="12"/>
    </row>
    <row r="276636" spans="8:8">
      <c r="H276636" s="12"/>
    </row>
    <row r="276637" spans="8:8">
      <c r="H276637" s="12"/>
    </row>
    <row r="276638" spans="8:8">
      <c r="H276638" s="12"/>
    </row>
    <row r="276639" spans="8:8">
      <c r="H276639" s="12"/>
    </row>
    <row r="276640" spans="8:8">
      <c r="H276640" s="12"/>
    </row>
    <row r="276641" spans="8:8">
      <c r="H276641" s="12"/>
    </row>
    <row r="276642" spans="8:8">
      <c r="H276642" s="12"/>
    </row>
    <row r="276643" spans="8:8">
      <c r="H276643" s="12"/>
    </row>
    <row r="276644" spans="8:8">
      <c r="H276644" s="12"/>
    </row>
    <row r="276645" spans="8:8">
      <c r="H276645" s="12"/>
    </row>
    <row r="276646" spans="8:8">
      <c r="H276646" s="12"/>
    </row>
    <row r="276647" spans="8:8">
      <c r="H276647" s="12"/>
    </row>
    <row r="276648" spans="8:8">
      <c r="H276648" s="12"/>
    </row>
    <row r="276649" spans="8:8">
      <c r="H276649" s="12"/>
    </row>
    <row r="276650" spans="8:8">
      <c r="H276650" s="12"/>
    </row>
    <row r="276651" spans="8:8">
      <c r="H276651" s="12"/>
    </row>
    <row r="276652" spans="8:8">
      <c r="H276652" s="12"/>
    </row>
    <row r="276653" spans="8:8">
      <c r="H276653" s="12"/>
    </row>
    <row r="276654" spans="8:8">
      <c r="H276654" s="12"/>
    </row>
    <row r="276655" spans="8:8">
      <c r="H276655" s="12"/>
    </row>
    <row r="276656" spans="8:8">
      <c r="H276656" s="12"/>
    </row>
    <row r="276657" spans="8:8">
      <c r="H276657" s="12"/>
    </row>
    <row r="276658" spans="8:8">
      <c r="H276658" s="12"/>
    </row>
    <row r="276659" spans="8:8">
      <c r="H276659" s="12"/>
    </row>
    <row r="276660" spans="8:8">
      <c r="H276660" s="12"/>
    </row>
    <row r="276661" spans="8:8">
      <c r="H276661" s="12"/>
    </row>
    <row r="276662" spans="8:8">
      <c r="H276662" s="12"/>
    </row>
    <row r="276663" spans="8:8">
      <c r="H276663" s="12"/>
    </row>
    <row r="276664" spans="8:8">
      <c r="H276664" s="12"/>
    </row>
    <row r="276665" spans="8:8">
      <c r="H276665" s="12"/>
    </row>
    <row r="276666" spans="8:8">
      <c r="H276666" s="12"/>
    </row>
    <row r="276667" spans="8:8">
      <c r="H276667" s="12"/>
    </row>
    <row r="276668" spans="8:8">
      <c r="H276668" s="12"/>
    </row>
    <row r="276669" spans="8:8">
      <c r="H276669" s="12"/>
    </row>
    <row r="276670" spans="8:8">
      <c r="H276670" s="12"/>
    </row>
    <row r="276671" spans="8:8">
      <c r="H276671" s="12"/>
    </row>
    <row r="276672" spans="8:8">
      <c r="H276672" s="12"/>
    </row>
    <row r="276673" spans="8:8">
      <c r="H276673" s="12"/>
    </row>
    <row r="276674" spans="8:8">
      <c r="H276674" s="12"/>
    </row>
    <row r="276675" spans="8:8">
      <c r="H276675" s="12"/>
    </row>
    <row r="276676" spans="8:8">
      <c r="H276676" s="12"/>
    </row>
    <row r="276677" spans="8:8">
      <c r="H276677" s="12"/>
    </row>
    <row r="276678" spans="8:8">
      <c r="H276678" s="12"/>
    </row>
    <row r="276679" spans="8:8">
      <c r="H276679" s="12"/>
    </row>
    <row r="276680" spans="8:8">
      <c r="H276680" s="12"/>
    </row>
    <row r="276681" spans="8:8">
      <c r="H276681" s="12"/>
    </row>
    <row r="276682" spans="8:8">
      <c r="H276682" s="12"/>
    </row>
    <row r="276683" spans="8:8">
      <c r="H276683" s="12"/>
    </row>
    <row r="276684" spans="8:8">
      <c r="H276684" s="12"/>
    </row>
    <row r="276685" spans="8:8">
      <c r="H276685" s="12"/>
    </row>
    <row r="276686" spans="8:8">
      <c r="H276686" s="12"/>
    </row>
    <row r="276687" spans="8:8">
      <c r="H276687" s="12"/>
    </row>
    <row r="276688" spans="8:8">
      <c r="H276688" s="12"/>
    </row>
    <row r="276689" spans="8:8">
      <c r="H276689" s="12"/>
    </row>
    <row r="276690" spans="8:8">
      <c r="H276690" s="12"/>
    </row>
    <row r="276691" spans="8:8">
      <c r="H276691" s="12"/>
    </row>
    <row r="276692" spans="8:8">
      <c r="H276692" s="12"/>
    </row>
    <row r="276693" spans="8:8">
      <c r="H276693" s="12"/>
    </row>
    <row r="276694" spans="8:8">
      <c r="H276694" s="12"/>
    </row>
    <row r="276695" spans="8:8">
      <c r="H276695" s="12"/>
    </row>
    <row r="276696" spans="8:8">
      <c r="H276696" s="12"/>
    </row>
    <row r="276697" spans="8:8">
      <c r="H276697" s="12"/>
    </row>
    <row r="276698" spans="8:8">
      <c r="H276698" s="12"/>
    </row>
    <row r="276699" spans="8:8">
      <c r="H276699" s="12"/>
    </row>
    <row r="276700" spans="8:8">
      <c r="H276700" s="12"/>
    </row>
    <row r="276701" spans="8:8">
      <c r="H276701" s="12"/>
    </row>
    <row r="276702" spans="8:8">
      <c r="H276702" s="12"/>
    </row>
    <row r="276703" spans="8:8">
      <c r="H276703" s="12"/>
    </row>
    <row r="276704" spans="8:8">
      <c r="H276704" s="12"/>
    </row>
    <row r="276705" spans="8:8">
      <c r="H276705" s="12"/>
    </row>
    <row r="276706" spans="8:8">
      <c r="H276706" s="12"/>
    </row>
    <row r="276707" spans="8:8">
      <c r="H276707" s="12"/>
    </row>
    <row r="276708" spans="8:8">
      <c r="H276708" s="12"/>
    </row>
    <row r="276709" spans="8:8">
      <c r="H276709" s="12"/>
    </row>
    <row r="276710" spans="8:8">
      <c r="H276710" s="12"/>
    </row>
    <row r="276711" spans="8:8">
      <c r="H276711" s="12"/>
    </row>
    <row r="276712" spans="8:8">
      <c r="H276712" s="12"/>
    </row>
    <row r="276713" spans="8:8">
      <c r="H276713" s="12"/>
    </row>
    <row r="276714" spans="8:8">
      <c r="H276714" s="12"/>
    </row>
    <row r="276715" spans="8:8">
      <c r="H276715" s="12"/>
    </row>
    <row r="276716" spans="8:8">
      <c r="H276716" s="12"/>
    </row>
    <row r="276717" spans="8:8">
      <c r="H276717" s="12"/>
    </row>
    <row r="276718" spans="8:8">
      <c r="H276718" s="12"/>
    </row>
    <row r="276719" spans="8:8">
      <c r="H276719" s="12"/>
    </row>
    <row r="276720" spans="8:8">
      <c r="H276720" s="12"/>
    </row>
    <row r="276721" spans="8:8">
      <c r="H276721" s="12"/>
    </row>
    <row r="276722" spans="8:8">
      <c r="H276722" s="12"/>
    </row>
    <row r="276723" spans="8:8">
      <c r="H276723" s="12"/>
    </row>
    <row r="276724" spans="8:8">
      <c r="H276724" s="12"/>
    </row>
    <row r="276725" spans="8:8">
      <c r="H276725" s="12"/>
    </row>
    <row r="276726" spans="8:8">
      <c r="H276726" s="12"/>
    </row>
    <row r="276727" spans="8:8">
      <c r="H276727" s="12"/>
    </row>
    <row r="276728" spans="8:8">
      <c r="H276728" s="12"/>
    </row>
    <row r="276729" spans="8:8">
      <c r="H276729" s="12"/>
    </row>
    <row r="276730" spans="8:8">
      <c r="H276730" s="12"/>
    </row>
    <row r="276731" spans="8:8">
      <c r="H276731" s="12"/>
    </row>
    <row r="276732" spans="8:8">
      <c r="H276732" s="12"/>
    </row>
    <row r="276733" spans="8:8">
      <c r="H276733" s="12"/>
    </row>
    <row r="276734" spans="8:8">
      <c r="H276734" s="12"/>
    </row>
    <row r="276735" spans="8:8">
      <c r="H276735" s="12"/>
    </row>
    <row r="276736" spans="8:8">
      <c r="H276736" s="12"/>
    </row>
    <row r="276737" spans="8:8">
      <c r="H276737" s="12"/>
    </row>
    <row r="276738" spans="8:8">
      <c r="H276738" s="12"/>
    </row>
    <row r="276739" spans="8:8">
      <c r="H276739" s="12"/>
    </row>
    <row r="276740" spans="8:8">
      <c r="H276740" s="12"/>
    </row>
    <row r="276741" spans="8:8">
      <c r="H276741" s="12"/>
    </row>
    <row r="276742" spans="8:8">
      <c r="H276742" s="12"/>
    </row>
    <row r="276743" spans="8:8">
      <c r="H276743" s="12"/>
    </row>
    <row r="276744" spans="8:8">
      <c r="H276744" s="12"/>
    </row>
    <row r="276745" spans="8:8">
      <c r="H276745" s="12"/>
    </row>
    <row r="276746" spans="8:8">
      <c r="H276746" s="12"/>
    </row>
    <row r="276747" spans="8:8">
      <c r="H276747" s="12"/>
    </row>
    <row r="276748" spans="8:8">
      <c r="H276748" s="12"/>
    </row>
    <row r="276749" spans="8:8">
      <c r="H276749" s="12"/>
    </row>
    <row r="276750" spans="8:8">
      <c r="H276750" s="12"/>
    </row>
    <row r="276751" spans="8:8">
      <c r="H276751" s="12"/>
    </row>
    <row r="276752" spans="8:8">
      <c r="H276752" s="12"/>
    </row>
    <row r="276753" spans="8:8">
      <c r="H276753" s="12"/>
    </row>
    <row r="276754" spans="8:8">
      <c r="H276754" s="12"/>
    </row>
    <row r="276755" spans="8:8">
      <c r="H276755" s="12"/>
    </row>
    <row r="276756" spans="8:8">
      <c r="H276756" s="12"/>
    </row>
    <row r="276757" spans="8:8">
      <c r="H276757" s="12"/>
    </row>
    <row r="276758" spans="8:8">
      <c r="H276758" s="12"/>
    </row>
    <row r="276759" spans="8:8">
      <c r="H276759" s="12"/>
    </row>
    <row r="276760" spans="8:8">
      <c r="H276760" s="12"/>
    </row>
    <row r="276761" spans="8:8">
      <c r="H276761" s="12"/>
    </row>
    <row r="276762" spans="8:8">
      <c r="H276762" s="12"/>
    </row>
    <row r="276763" spans="8:8">
      <c r="H276763" s="12"/>
    </row>
    <row r="276764" spans="8:8">
      <c r="H276764" s="12"/>
    </row>
    <row r="276765" spans="8:8">
      <c r="H276765" s="12"/>
    </row>
    <row r="276766" spans="8:8">
      <c r="H276766" s="12"/>
    </row>
    <row r="276767" spans="8:8">
      <c r="H276767" s="12"/>
    </row>
    <row r="276768" spans="8:8">
      <c r="H276768" s="12"/>
    </row>
    <row r="276769" spans="8:8">
      <c r="H276769" s="12"/>
    </row>
    <row r="276770" spans="8:8">
      <c r="H276770" s="12"/>
    </row>
    <row r="276771" spans="8:8">
      <c r="H276771" s="12"/>
    </row>
    <row r="276772" spans="8:8">
      <c r="H276772" s="12"/>
    </row>
    <row r="276773" spans="8:8">
      <c r="H276773" s="12"/>
    </row>
    <row r="276774" spans="8:8">
      <c r="H276774" s="12"/>
    </row>
    <row r="276775" spans="8:8">
      <c r="H276775" s="12"/>
    </row>
    <row r="276776" spans="8:8">
      <c r="H276776" s="12"/>
    </row>
    <row r="276777" spans="8:8">
      <c r="H276777" s="12"/>
    </row>
    <row r="276778" spans="8:8">
      <c r="H276778" s="12"/>
    </row>
    <row r="276779" spans="8:8">
      <c r="H276779" s="12"/>
    </row>
    <row r="276780" spans="8:8">
      <c r="H276780" s="12"/>
    </row>
    <row r="276781" spans="8:8">
      <c r="H276781" s="12"/>
    </row>
    <row r="276782" spans="8:8">
      <c r="H276782" s="12"/>
    </row>
    <row r="276783" spans="8:8">
      <c r="H276783" s="12"/>
    </row>
    <row r="276784" spans="8:8">
      <c r="H276784" s="12"/>
    </row>
    <row r="276785" spans="8:8">
      <c r="H276785" s="12"/>
    </row>
    <row r="276786" spans="8:8">
      <c r="H276786" s="12"/>
    </row>
    <row r="276787" spans="8:8">
      <c r="H276787" s="12"/>
    </row>
    <row r="276788" spans="8:8">
      <c r="H276788" s="12"/>
    </row>
    <row r="276789" spans="8:8">
      <c r="H276789" s="12"/>
    </row>
    <row r="276790" spans="8:8">
      <c r="H276790" s="12"/>
    </row>
    <row r="276791" spans="8:8">
      <c r="H276791" s="12"/>
    </row>
    <row r="276792" spans="8:8">
      <c r="H276792" s="12"/>
    </row>
    <row r="276793" spans="8:8">
      <c r="H276793" s="12"/>
    </row>
    <row r="276794" spans="8:8">
      <c r="H276794" s="12"/>
    </row>
    <row r="276795" spans="8:8">
      <c r="H276795" s="12"/>
    </row>
    <row r="276796" spans="8:8">
      <c r="H276796" s="12"/>
    </row>
    <row r="276797" spans="8:8">
      <c r="H276797" s="12"/>
    </row>
    <row r="276798" spans="8:8">
      <c r="H276798" s="12"/>
    </row>
    <row r="276799" spans="8:8">
      <c r="H276799" s="12"/>
    </row>
    <row r="276800" spans="8:8">
      <c r="H276800" s="12"/>
    </row>
    <row r="276801" spans="8:8">
      <c r="H276801" s="12"/>
    </row>
    <row r="276802" spans="8:8">
      <c r="H276802" s="12"/>
    </row>
    <row r="276803" spans="8:8">
      <c r="H276803" s="12"/>
    </row>
    <row r="276804" spans="8:8">
      <c r="H276804" s="12"/>
    </row>
    <row r="276805" spans="8:8">
      <c r="H276805" s="12"/>
    </row>
    <row r="276806" spans="8:8">
      <c r="H276806" s="12"/>
    </row>
    <row r="276807" spans="8:8">
      <c r="H276807" s="12"/>
    </row>
    <row r="276808" spans="8:8">
      <c r="H276808" s="12"/>
    </row>
    <row r="276809" spans="8:8">
      <c r="H276809" s="12"/>
    </row>
    <row r="276810" spans="8:8">
      <c r="H276810" s="12"/>
    </row>
    <row r="276811" spans="8:8">
      <c r="H276811" s="12"/>
    </row>
    <row r="276812" spans="8:8">
      <c r="H276812" s="12"/>
    </row>
    <row r="276813" spans="8:8">
      <c r="H276813" s="12"/>
    </row>
    <row r="276814" spans="8:8">
      <c r="H276814" s="12"/>
    </row>
    <row r="276815" spans="8:8">
      <c r="H276815" s="12"/>
    </row>
    <row r="276816" spans="8:8">
      <c r="H276816" s="12"/>
    </row>
    <row r="276817" spans="8:8">
      <c r="H276817" s="12"/>
    </row>
    <row r="276818" spans="8:8">
      <c r="H276818" s="12"/>
    </row>
    <row r="276819" spans="8:8">
      <c r="H276819" s="12"/>
    </row>
    <row r="276820" spans="8:8">
      <c r="H276820" s="12"/>
    </row>
    <row r="276821" spans="8:8">
      <c r="H276821" s="12"/>
    </row>
    <row r="276822" spans="8:8">
      <c r="H276822" s="12"/>
    </row>
    <row r="276823" spans="8:8">
      <c r="H276823" s="12"/>
    </row>
    <row r="276824" spans="8:8">
      <c r="H276824" s="12"/>
    </row>
    <row r="276825" spans="8:8">
      <c r="H276825" s="12"/>
    </row>
    <row r="276826" spans="8:8">
      <c r="H276826" s="12"/>
    </row>
    <row r="276827" spans="8:8">
      <c r="H276827" s="12"/>
    </row>
    <row r="276828" spans="8:8">
      <c r="H276828" s="12"/>
    </row>
    <row r="276829" spans="8:8">
      <c r="H276829" s="12"/>
    </row>
    <row r="276830" spans="8:8">
      <c r="H276830" s="12"/>
    </row>
    <row r="276831" spans="8:8">
      <c r="H276831" s="12"/>
    </row>
    <row r="276832" spans="8:8">
      <c r="H276832" s="12"/>
    </row>
    <row r="276833" spans="8:8">
      <c r="H276833" s="12"/>
    </row>
    <row r="276834" spans="8:8">
      <c r="H276834" s="12"/>
    </row>
    <row r="276835" spans="8:8">
      <c r="H276835" s="12"/>
    </row>
    <row r="276836" spans="8:8">
      <c r="H276836" s="12"/>
    </row>
    <row r="276837" spans="8:8">
      <c r="H276837" s="12"/>
    </row>
    <row r="276838" spans="8:8">
      <c r="H276838" s="12"/>
    </row>
    <row r="276839" spans="8:8">
      <c r="H276839" s="12"/>
    </row>
    <row r="276840" spans="8:8">
      <c r="H276840" s="12"/>
    </row>
    <row r="276841" spans="8:8">
      <c r="H276841" s="12"/>
    </row>
    <row r="276842" spans="8:8">
      <c r="H276842" s="12"/>
    </row>
    <row r="276843" spans="8:8">
      <c r="H276843" s="12"/>
    </row>
    <row r="276844" spans="8:8">
      <c r="H276844" s="12"/>
    </row>
    <row r="276845" spans="8:8">
      <c r="H276845" s="12"/>
    </row>
    <row r="276846" spans="8:8">
      <c r="H276846" s="12"/>
    </row>
    <row r="276847" spans="8:8">
      <c r="H276847" s="12"/>
    </row>
    <row r="276848" spans="8:8">
      <c r="H276848" s="12"/>
    </row>
    <row r="276849" spans="8:8">
      <c r="H276849" s="12"/>
    </row>
    <row r="276850" spans="8:8">
      <c r="H276850" s="12"/>
    </row>
    <row r="276851" spans="8:8">
      <c r="H276851" s="12"/>
    </row>
    <row r="276852" spans="8:8">
      <c r="H276852" s="12"/>
    </row>
    <row r="276853" spans="8:8">
      <c r="H276853" s="12"/>
    </row>
    <row r="276854" spans="8:8">
      <c r="H276854" s="12"/>
    </row>
    <row r="276855" spans="8:8">
      <c r="H276855" s="12"/>
    </row>
    <row r="276856" spans="8:8">
      <c r="H276856" s="12"/>
    </row>
    <row r="276857" spans="8:8">
      <c r="H276857" s="12"/>
    </row>
    <row r="276858" spans="8:8">
      <c r="H276858" s="12"/>
    </row>
    <row r="276859" spans="8:8">
      <c r="H276859" s="12"/>
    </row>
    <row r="276860" spans="8:8">
      <c r="H276860" s="12"/>
    </row>
    <row r="276861" spans="8:8">
      <c r="H276861" s="12"/>
    </row>
    <row r="276862" spans="8:8">
      <c r="H276862" s="12"/>
    </row>
    <row r="276863" spans="8:8">
      <c r="H276863" s="12"/>
    </row>
    <row r="276864" spans="8:8">
      <c r="H276864" s="12"/>
    </row>
    <row r="276865" spans="8:8">
      <c r="H276865" s="12"/>
    </row>
    <row r="276866" spans="8:8">
      <c r="H276866" s="12"/>
    </row>
    <row r="276867" spans="8:8">
      <c r="H276867" s="12"/>
    </row>
    <row r="276868" spans="8:8">
      <c r="H276868" s="12"/>
    </row>
    <row r="276869" spans="8:8">
      <c r="H276869" s="12"/>
    </row>
    <row r="276870" spans="8:8">
      <c r="H276870" s="12"/>
    </row>
    <row r="276871" spans="8:8">
      <c r="H276871" s="12"/>
    </row>
    <row r="276872" spans="8:8">
      <c r="H276872" s="12"/>
    </row>
    <row r="276873" spans="8:8">
      <c r="H276873" s="12"/>
    </row>
    <row r="276874" spans="8:8">
      <c r="H276874" s="12"/>
    </row>
    <row r="276875" spans="8:8">
      <c r="H276875" s="12"/>
    </row>
    <row r="276876" spans="8:8">
      <c r="H276876" s="12"/>
    </row>
    <row r="276877" spans="8:8">
      <c r="H276877" s="12"/>
    </row>
    <row r="276878" spans="8:8">
      <c r="H276878" s="12"/>
    </row>
    <row r="276879" spans="8:8">
      <c r="H276879" s="12"/>
    </row>
    <row r="276880" spans="8:8">
      <c r="H276880" s="12"/>
    </row>
    <row r="276881" spans="8:8">
      <c r="H276881" s="12"/>
    </row>
    <row r="276882" spans="8:8">
      <c r="H276882" s="12"/>
    </row>
    <row r="276883" spans="8:8">
      <c r="H276883" s="12"/>
    </row>
    <row r="276884" spans="8:8">
      <c r="H276884" s="12"/>
    </row>
    <row r="276885" spans="8:8">
      <c r="H276885" s="12"/>
    </row>
    <row r="276886" spans="8:8">
      <c r="H276886" s="12"/>
    </row>
    <row r="276887" spans="8:8">
      <c r="H276887" s="12"/>
    </row>
    <row r="276888" spans="8:8">
      <c r="H276888" s="12"/>
    </row>
    <row r="276889" spans="8:8">
      <c r="H276889" s="12"/>
    </row>
    <row r="276890" spans="8:8">
      <c r="H276890" s="12"/>
    </row>
    <row r="276891" spans="8:8">
      <c r="H276891" s="12"/>
    </row>
    <row r="276892" spans="8:8">
      <c r="H276892" s="12"/>
    </row>
    <row r="276893" spans="8:8">
      <c r="H276893" s="12"/>
    </row>
    <row r="276894" spans="8:8">
      <c r="H276894" s="12"/>
    </row>
    <row r="276895" spans="8:8">
      <c r="H276895" s="12"/>
    </row>
    <row r="276896" spans="8:8">
      <c r="H276896" s="12"/>
    </row>
    <row r="276897" spans="8:8">
      <c r="H276897" s="12"/>
    </row>
    <row r="276898" spans="8:8">
      <c r="H276898" s="12"/>
    </row>
    <row r="276899" spans="8:8">
      <c r="H276899" s="12"/>
    </row>
    <row r="276900" spans="8:8">
      <c r="H276900" s="12"/>
    </row>
    <row r="276901" spans="8:8">
      <c r="H276901" s="12"/>
    </row>
    <row r="276902" spans="8:8">
      <c r="H276902" s="12"/>
    </row>
    <row r="276903" spans="8:8">
      <c r="H276903" s="12"/>
    </row>
    <row r="276904" spans="8:8">
      <c r="H276904" s="12"/>
    </row>
    <row r="276905" spans="8:8">
      <c r="H276905" s="12"/>
    </row>
    <row r="276906" spans="8:8">
      <c r="H276906" s="12"/>
    </row>
    <row r="276907" spans="8:8">
      <c r="H276907" s="12"/>
    </row>
    <row r="276908" spans="8:8">
      <c r="H276908" s="12"/>
    </row>
    <row r="276909" spans="8:8">
      <c r="H276909" s="12"/>
    </row>
    <row r="276910" spans="8:8">
      <c r="H276910" s="12"/>
    </row>
    <row r="276911" spans="8:8">
      <c r="H276911" s="12"/>
    </row>
    <row r="276912" spans="8:8">
      <c r="H276912" s="12"/>
    </row>
    <row r="276913" spans="8:8">
      <c r="H276913" s="12"/>
    </row>
    <row r="276914" spans="8:8">
      <c r="H276914" s="12"/>
    </row>
    <row r="276915" spans="8:8">
      <c r="H276915" s="12"/>
    </row>
    <row r="276916" spans="8:8">
      <c r="H276916" s="12"/>
    </row>
    <row r="276917" spans="8:8">
      <c r="H276917" s="12"/>
    </row>
    <row r="276918" spans="8:8">
      <c r="H276918" s="12"/>
    </row>
    <row r="276919" spans="8:8">
      <c r="H276919" s="12"/>
    </row>
    <row r="276920" spans="8:8">
      <c r="H276920" s="12"/>
    </row>
    <row r="276921" spans="8:8">
      <c r="H276921" s="12"/>
    </row>
    <row r="276922" spans="8:8">
      <c r="H276922" s="12"/>
    </row>
    <row r="276923" spans="8:8">
      <c r="H276923" s="12"/>
    </row>
    <row r="276924" spans="8:8">
      <c r="H276924" s="12"/>
    </row>
    <row r="276925" spans="8:8">
      <c r="H276925" s="12"/>
    </row>
    <row r="276926" spans="8:8">
      <c r="H276926" s="12"/>
    </row>
    <row r="276927" spans="8:8">
      <c r="H276927" s="12"/>
    </row>
    <row r="276928" spans="8:8">
      <c r="H276928" s="12"/>
    </row>
    <row r="276929" spans="8:8">
      <c r="H276929" s="12"/>
    </row>
    <row r="276930" spans="8:8">
      <c r="H276930" s="12"/>
    </row>
    <row r="276931" spans="8:8">
      <c r="H276931" s="12"/>
    </row>
    <row r="276932" spans="8:8">
      <c r="H276932" s="12"/>
    </row>
    <row r="276933" spans="8:8">
      <c r="H276933" s="12"/>
    </row>
    <row r="276934" spans="8:8">
      <c r="H276934" s="12"/>
    </row>
    <row r="276935" spans="8:8">
      <c r="H276935" s="12"/>
    </row>
    <row r="276936" spans="8:8">
      <c r="H276936" s="12"/>
    </row>
    <row r="276937" spans="8:8">
      <c r="H276937" s="12"/>
    </row>
    <row r="276938" spans="8:8">
      <c r="H276938" s="12"/>
    </row>
    <row r="276939" spans="8:8">
      <c r="H276939" s="12"/>
    </row>
    <row r="276940" spans="8:8">
      <c r="H276940" s="12"/>
    </row>
    <row r="276941" spans="8:8">
      <c r="H276941" s="12"/>
    </row>
    <row r="276942" spans="8:8">
      <c r="H276942" s="12"/>
    </row>
    <row r="276943" spans="8:8">
      <c r="H276943" s="12"/>
    </row>
    <row r="276944" spans="8:8">
      <c r="H276944" s="12"/>
    </row>
    <row r="276945" spans="8:8">
      <c r="H276945" s="12"/>
    </row>
    <row r="276946" spans="8:8">
      <c r="H276946" s="12"/>
    </row>
    <row r="276947" spans="8:8">
      <c r="H276947" s="12"/>
    </row>
    <row r="276948" spans="8:8">
      <c r="H276948" s="12"/>
    </row>
    <row r="276949" spans="8:8">
      <c r="H276949" s="12"/>
    </row>
    <row r="276950" spans="8:8">
      <c r="H276950" s="12"/>
    </row>
    <row r="276951" spans="8:8">
      <c r="H276951" s="12"/>
    </row>
    <row r="276952" spans="8:8">
      <c r="H276952" s="12"/>
    </row>
    <row r="276953" spans="8:8">
      <c r="H276953" s="12"/>
    </row>
    <row r="276954" spans="8:8">
      <c r="H276954" s="12"/>
    </row>
    <row r="276955" spans="8:8">
      <c r="H276955" s="12"/>
    </row>
    <row r="276956" spans="8:8">
      <c r="H276956" s="12"/>
    </row>
    <row r="276957" spans="8:8">
      <c r="H276957" s="12"/>
    </row>
    <row r="276958" spans="8:8">
      <c r="H276958" s="12"/>
    </row>
    <row r="276959" spans="8:8">
      <c r="H276959" s="12"/>
    </row>
    <row r="276960" spans="8:8">
      <c r="H276960" s="12"/>
    </row>
    <row r="276961" spans="8:8">
      <c r="H276961" s="12"/>
    </row>
    <row r="276962" spans="8:8">
      <c r="H276962" s="12"/>
    </row>
    <row r="276963" spans="8:8">
      <c r="H276963" s="12"/>
    </row>
    <row r="276964" spans="8:8">
      <c r="H276964" s="12"/>
    </row>
    <row r="276965" spans="8:8">
      <c r="H276965" s="12"/>
    </row>
    <row r="276966" spans="8:8">
      <c r="H276966" s="12"/>
    </row>
    <row r="276967" spans="8:8">
      <c r="H276967" s="12"/>
    </row>
    <row r="276968" spans="8:8">
      <c r="H276968" s="12"/>
    </row>
    <row r="276969" spans="8:8">
      <c r="H276969" s="12"/>
    </row>
    <row r="276970" spans="8:8">
      <c r="H276970" s="12"/>
    </row>
    <row r="276971" spans="8:8">
      <c r="H276971" s="12"/>
    </row>
    <row r="276972" spans="8:8">
      <c r="H276972" s="12"/>
    </row>
    <row r="276973" spans="8:8">
      <c r="H276973" s="12"/>
    </row>
    <row r="276974" spans="8:8">
      <c r="H276974" s="12"/>
    </row>
    <row r="276975" spans="8:8">
      <c r="H276975" s="12"/>
    </row>
    <row r="276976" spans="8:8">
      <c r="H276976" s="12"/>
    </row>
    <row r="276977" spans="8:8">
      <c r="H276977" s="12"/>
    </row>
    <row r="276978" spans="8:8">
      <c r="H276978" s="12"/>
    </row>
    <row r="276979" spans="8:8">
      <c r="H276979" s="12"/>
    </row>
    <row r="276980" spans="8:8">
      <c r="H276980" s="12"/>
    </row>
    <row r="276981" spans="8:8">
      <c r="H276981" s="12"/>
    </row>
    <row r="276982" spans="8:8">
      <c r="H276982" s="12"/>
    </row>
    <row r="276983" spans="8:8">
      <c r="H276983" s="12"/>
    </row>
    <row r="276984" spans="8:8">
      <c r="H276984" s="12"/>
    </row>
    <row r="276985" spans="8:8">
      <c r="H276985" s="12"/>
    </row>
    <row r="276986" spans="8:8">
      <c r="H276986" s="12"/>
    </row>
    <row r="276987" spans="8:8">
      <c r="H276987" s="12"/>
    </row>
    <row r="276988" spans="8:8">
      <c r="H276988" s="12"/>
    </row>
    <row r="276989" spans="8:8">
      <c r="H276989" s="12"/>
    </row>
    <row r="276990" spans="8:8">
      <c r="H276990" s="12"/>
    </row>
    <row r="276991" spans="8:8">
      <c r="H276991" s="12"/>
    </row>
    <row r="276992" spans="8:8">
      <c r="H276992" s="12"/>
    </row>
    <row r="276993" spans="8:8">
      <c r="H276993" s="12"/>
    </row>
    <row r="276994" spans="8:8">
      <c r="H276994" s="12"/>
    </row>
    <row r="276995" spans="8:8">
      <c r="H276995" s="12"/>
    </row>
    <row r="276996" spans="8:8">
      <c r="H276996" s="12"/>
    </row>
    <row r="276997" spans="8:8">
      <c r="H276997" s="12"/>
    </row>
    <row r="276998" spans="8:8">
      <c r="H276998" s="12"/>
    </row>
    <row r="276999" spans="8:8">
      <c r="H276999" s="12"/>
    </row>
    <row r="277000" spans="8:8">
      <c r="H277000" s="12"/>
    </row>
    <row r="277001" spans="8:8">
      <c r="H277001" s="12"/>
    </row>
    <row r="277002" spans="8:8">
      <c r="H277002" s="12"/>
    </row>
    <row r="277003" spans="8:8">
      <c r="H277003" s="12"/>
    </row>
    <row r="277004" spans="8:8">
      <c r="H277004" s="12"/>
    </row>
    <row r="277005" spans="8:8">
      <c r="H277005" s="12"/>
    </row>
    <row r="277006" spans="8:8">
      <c r="H277006" s="12"/>
    </row>
    <row r="277007" spans="8:8">
      <c r="H277007" s="12"/>
    </row>
    <row r="277008" spans="8:8">
      <c r="H277008" s="12"/>
    </row>
    <row r="277009" spans="8:8">
      <c r="H277009" s="12"/>
    </row>
    <row r="277010" spans="8:8">
      <c r="H277010" s="12"/>
    </row>
    <row r="277011" spans="8:8">
      <c r="H277011" s="12"/>
    </row>
    <row r="277012" spans="8:8">
      <c r="H277012" s="12"/>
    </row>
    <row r="277013" spans="8:8">
      <c r="H277013" s="12"/>
    </row>
    <row r="277014" spans="8:8">
      <c r="H277014" s="12"/>
    </row>
    <row r="277015" spans="8:8">
      <c r="H277015" s="12"/>
    </row>
    <row r="277016" spans="8:8">
      <c r="H277016" s="12"/>
    </row>
    <row r="277017" spans="8:8">
      <c r="H277017" s="12"/>
    </row>
    <row r="277018" spans="8:8">
      <c r="H277018" s="12"/>
    </row>
    <row r="277019" spans="8:8">
      <c r="H277019" s="12"/>
    </row>
    <row r="277020" spans="8:8">
      <c r="H277020" s="12"/>
    </row>
    <row r="277021" spans="8:8">
      <c r="H277021" s="12"/>
    </row>
    <row r="277022" spans="8:8">
      <c r="H277022" s="12"/>
    </row>
    <row r="277023" spans="8:8">
      <c r="H277023" s="12"/>
    </row>
    <row r="277024" spans="8:8">
      <c r="H277024" s="12"/>
    </row>
    <row r="277025" spans="8:8">
      <c r="H277025" s="12"/>
    </row>
    <row r="277026" spans="8:8">
      <c r="H277026" s="12"/>
    </row>
    <row r="277027" spans="8:8">
      <c r="H277027" s="12"/>
    </row>
    <row r="277028" spans="8:8">
      <c r="H277028" s="12"/>
    </row>
    <row r="277029" spans="8:8">
      <c r="H277029" s="12"/>
    </row>
    <row r="277030" spans="8:8">
      <c r="H277030" s="12"/>
    </row>
    <row r="277031" spans="8:8">
      <c r="H277031" s="12"/>
    </row>
    <row r="277032" spans="8:8">
      <c r="H277032" s="12"/>
    </row>
    <row r="277033" spans="8:8">
      <c r="H277033" s="12"/>
    </row>
    <row r="277034" spans="8:8">
      <c r="H277034" s="12"/>
    </row>
    <row r="277035" spans="8:8">
      <c r="H277035" s="12"/>
    </row>
    <row r="277036" spans="8:8">
      <c r="H277036" s="12"/>
    </row>
    <row r="277037" spans="8:8">
      <c r="H277037" s="12"/>
    </row>
    <row r="277038" spans="8:8">
      <c r="H277038" s="12"/>
    </row>
    <row r="277039" spans="8:8">
      <c r="H277039" s="12"/>
    </row>
    <row r="277040" spans="8:8">
      <c r="H277040" s="12"/>
    </row>
    <row r="277041" spans="8:8">
      <c r="H277041" s="12"/>
    </row>
    <row r="277042" spans="8:8">
      <c r="H277042" s="12"/>
    </row>
    <row r="277043" spans="8:8">
      <c r="H277043" s="12"/>
    </row>
    <row r="277044" spans="8:8">
      <c r="H277044" s="12"/>
    </row>
    <row r="277045" spans="8:8">
      <c r="H277045" s="12"/>
    </row>
    <row r="277046" spans="8:8">
      <c r="H277046" s="12"/>
    </row>
    <row r="277047" spans="8:8">
      <c r="H277047" s="12"/>
    </row>
    <row r="277048" spans="8:8">
      <c r="H277048" s="12"/>
    </row>
    <row r="277049" spans="8:8">
      <c r="H277049" s="12"/>
    </row>
    <row r="277050" spans="8:8">
      <c r="H277050" s="12"/>
    </row>
    <row r="277051" spans="8:8">
      <c r="H277051" s="12"/>
    </row>
    <row r="277052" spans="8:8">
      <c r="H277052" s="12"/>
    </row>
    <row r="277053" spans="8:8">
      <c r="H277053" s="12"/>
    </row>
    <row r="277054" spans="8:8">
      <c r="H277054" s="12"/>
    </row>
    <row r="277055" spans="8:8">
      <c r="H277055" s="12"/>
    </row>
    <row r="277056" spans="8:8">
      <c r="H277056" s="12"/>
    </row>
    <row r="277057" spans="8:8">
      <c r="H277057" s="12"/>
    </row>
    <row r="277058" spans="8:8">
      <c r="H277058" s="12"/>
    </row>
    <row r="277059" spans="8:8">
      <c r="H277059" s="12"/>
    </row>
    <row r="277060" spans="8:8">
      <c r="H277060" s="12"/>
    </row>
    <row r="277061" spans="8:8">
      <c r="H277061" s="12"/>
    </row>
    <row r="277062" spans="8:8">
      <c r="H277062" s="12"/>
    </row>
    <row r="277063" spans="8:8">
      <c r="H277063" s="12"/>
    </row>
    <row r="277064" spans="8:8">
      <c r="H277064" s="12"/>
    </row>
    <row r="277065" spans="8:8">
      <c r="H277065" s="12"/>
    </row>
    <row r="277066" spans="8:8">
      <c r="H277066" s="12"/>
    </row>
    <row r="277067" spans="8:8">
      <c r="H277067" s="12"/>
    </row>
    <row r="277068" spans="8:8">
      <c r="H277068" s="12"/>
    </row>
    <row r="277069" spans="8:8">
      <c r="H277069" s="12"/>
    </row>
    <row r="277070" spans="8:8">
      <c r="H277070" s="12"/>
    </row>
    <row r="277071" spans="8:8">
      <c r="H277071" s="12"/>
    </row>
    <row r="277072" spans="8:8">
      <c r="H277072" s="12"/>
    </row>
    <row r="277073" spans="8:8">
      <c r="H277073" s="12"/>
    </row>
    <row r="277074" spans="8:8">
      <c r="H277074" s="12"/>
    </row>
    <row r="277075" spans="8:8">
      <c r="H277075" s="12"/>
    </row>
    <row r="277076" spans="8:8">
      <c r="H277076" s="12"/>
    </row>
    <row r="277077" spans="8:8">
      <c r="H277077" s="12"/>
    </row>
    <row r="277078" spans="8:8">
      <c r="H277078" s="12"/>
    </row>
    <row r="277079" spans="8:8">
      <c r="H277079" s="12"/>
    </row>
    <row r="277080" spans="8:8">
      <c r="H277080" s="12"/>
    </row>
    <row r="277081" spans="8:8">
      <c r="H277081" s="12"/>
    </row>
    <row r="277082" spans="8:8">
      <c r="H277082" s="12"/>
    </row>
    <row r="277083" spans="8:8">
      <c r="H277083" s="12"/>
    </row>
    <row r="277084" spans="8:8">
      <c r="H277084" s="12"/>
    </row>
    <row r="277085" spans="8:8">
      <c r="H277085" s="12"/>
    </row>
    <row r="277086" spans="8:8">
      <c r="H277086" s="12"/>
    </row>
    <row r="277087" spans="8:8">
      <c r="H277087" s="12"/>
    </row>
    <row r="277088" spans="8:8">
      <c r="H277088" s="12"/>
    </row>
    <row r="277089" spans="8:8">
      <c r="H277089" s="12"/>
    </row>
    <row r="277090" spans="8:8">
      <c r="H277090" s="12"/>
    </row>
    <row r="277091" spans="8:8">
      <c r="H277091" s="12"/>
    </row>
    <row r="277092" spans="8:8">
      <c r="H277092" s="12"/>
    </row>
    <row r="277093" spans="8:8">
      <c r="H277093" s="12"/>
    </row>
    <row r="277094" spans="8:8">
      <c r="H277094" s="12"/>
    </row>
    <row r="277095" spans="8:8">
      <c r="H277095" s="12"/>
    </row>
    <row r="277096" spans="8:8">
      <c r="H277096" s="12"/>
    </row>
    <row r="277097" spans="8:8">
      <c r="H277097" s="12"/>
    </row>
    <row r="277098" spans="8:8">
      <c r="H277098" s="12"/>
    </row>
    <row r="277099" spans="8:8">
      <c r="H277099" s="12"/>
    </row>
    <row r="277100" spans="8:8">
      <c r="H277100" s="12"/>
    </row>
    <row r="277101" spans="8:8">
      <c r="H277101" s="12"/>
    </row>
    <row r="277102" spans="8:8">
      <c r="H277102" s="12"/>
    </row>
    <row r="277103" spans="8:8">
      <c r="H277103" s="12"/>
    </row>
    <row r="277104" spans="8:8">
      <c r="H277104" s="12"/>
    </row>
    <row r="277105" spans="8:8">
      <c r="H277105" s="12"/>
    </row>
    <row r="277106" spans="8:8">
      <c r="H277106" s="12"/>
    </row>
    <row r="277107" spans="8:8">
      <c r="H277107" s="12"/>
    </row>
    <row r="277108" spans="8:8">
      <c r="H277108" s="12"/>
    </row>
    <row r="277109" spans="8:8">
      <c r="H277109" s="12"/>
    </row>
    <row r="277110" spans="8:8">
      <c r="H277110" s="12"/>
    </row>
    <row r="277111" spans="8:8">
      <c r="H277111" s="12"/>
    </row>
    <row r="277112" spans="8:8">
      <c r="H277112" s="12"/>
    </row>
    <row r="277113" spans="8:8">
      <c r="H277113" s="12"/>
    </row>
    <row r="277114" spans="8:8">
      <c r="H277114" s="12"/>
    </row>
    <row r="277115" spans="8:8">
      <c r="H277115" s="12"/>
    </row>
    <row r="277116" spans="8:8">
      <c r="H277116" s="12"/>
    </row>
    <row r="277117" spans="8:8">
      <c r="H277117" s="12"/>
    </row>
    <row r="277118" spans="8:8">
      <c r="H277118" s="12"/>
    </row>
    <row r="277119" spans="8:8">
      <c r="H277119" s="12"/>
    </row>
    <row r="277120" spans="8:8">
      <c r="H277120" s="12"/>
    </row>
    <row r="277121" spans="8:8">
      <c r="H277121" s="12"/>
    </row>
    <row r="277122" spans="8:8">
      <c r="H277122" s="12"/>
    </row>
    <row r="277123" spans="8:8">
      <c r="H277123" s="12"/>
    </row>
    <row r="277124" spans="8:8">
      <c r="H277124" s="12"/>
    </row>
    <row r="277125" spans="8:8">
      <c r="H277125" s="12"/>
    </row>
    <row r="277126" spans="8:8">
      <c r="H277126" s="12"/>
    </row>
    <row r="277127" spans="8:8">
      <c r="H277127" s="12"/>
    </row>
    <row r="277128" spans="8:8">
      <c r="H277128" s="12"/>
    </row>
    <row r="277129" spans="8:8">
      <c r="H277129" s="12"/>
    </row>
    <row r="277130" spans="8:8">
      <c r="H277130" s="12"/>
    </row>
    <row r="277131" spans="8:8">
      <c r="H277131" s="12"/>
    </row>
    <row r="277132" spans="8:8">
      <c r="H277132" s="12"/>
    </row>
    <row r="277133" spans="8:8">
      <c r="H277133" s="12"/>
    </row>
    <row r="277134" spans="8:8">
      <c r="H277134" s="12"/>
    </row>
    <row r="277135" spans="8:8">
      <c r="H277135" s="12"/>
    </row>
    <row r="277136" spans="8:8">
      <c r="H277136" s="12"/>
    </row>
    <row r="277137" spans="8:8">
      <c r="H277137" s="12"/>
    </row>
    <row r="277138" spans="8:8">
      <c r="H277138" s="12"/>
    </row>
    <row r="277139" spans="8:8">
      <c r="H277139" s="12"/>
    </row>
    <row r="277140" spans="8:8">
      <c r="H277140" s="12"/>
    </row>
    <row r="277141" spans="8:8">
      <c r="H277141" s="12"/>
    </row>
    <row r="277142" spans="8:8">
      <c r="H277142" s="12"/>
    </row>
    <row r="277143" spans="8:8">
      <c r="H277143" s="12"/>
    </row>
    <row r="277144" spans="8:8">
      <c r="H277144" s="12"/>
    </row>
    <row r="277145" spans="8:8">
      <c r="H277145" s="12"/>
    </row>
    <row r="277146" spans="8:8">
      <c r="H277146" s="12"/>
    </row>
    <row r="277147" spans="8:8">
      <c r="H277147" s="12"/>
    </row>
    <row r="277148" spans="8:8">
      <c r="H277148" s="12"/>
    </row>
    <row r="277149" spans="8:8">
      <c r="H277149" s="12"/>
    </row>
    <row r="277150" spans="8:8">
      <c r="H277150" s="12"/>
    </row>
    <row r="277151" spans="8:8">
      <c r="H277151" s="12"/>
    </row>
    <row r="277152" spans="8:8">
      <c r="H277152" s="12"/>
    </row>
    <row r="277153" spans="8:8">
      <c r="H277153" s="12"/>
    </row>
    <row r="277154" spans="8:8">
      <c r="H277154" s="12"/>
    </row>
    <row r="277155" spans="8:8">
      <c r="H277155" s="12"/>
    </row>
    <row r="277156" spans="8:8">
      <c r="H277156" s="12"/>
    </row>
    <row r="277157" spans="8:8">
      <c r="H277157" s="12"/>
    </row>
    <row r="277158" spans="8:8">
      <c r="H277158" s="12"/>
    </row>
    <row r="277159" spans="8:8">
      <c r="H277159" s="12"/>
    </row>
    <row r="277160" spans="8:8">
      <c r="H277160" s="12"/>
    </row>
    <row r="277161" spans="8:8">
      <c r="H277161" s="12"/>
    </row>
    <row r="277162" spans="8:8">
      <c r="H277162" s="12"/>
    </row>
    <row r="277163" spans="8:8">
      <c r="H277163" s="12"/>
    </row>
    <row r="277164" spans="8:8">
      <c r="H277164" s="12"/>
    </row>
    <row r="277165" spans="8:8">
      <c r="H277165" s="12"/>
    </row>
    <row r="277166" spans="8:8">
      <c r="H277166" s="12"/>
    </row>
    <row r="277167" spans="8:8">
      <c r="H277167" s="12"/>
    </row>
    <row r="277168" spans="8:8">
      <c r="H277168" s="12"/>
    </row>
    <row r="277169" spans="8:8">
      <c r="H277169" s="12"/>
    </row>
    <row r="277170" spans="8:8">
      <c r="H277170" s="12"/>
    </row>
    <row r="277171" spans="8:8">
      <c r="H277171" s="12"/>
    </row>
    <row r="277172" spans="8:8">
      <c r="H277172" s="12"/>
    </row>
    <row r="277173" spans="8:8">
      <c r="H277173" s="12"/>
    </row>
    <row r="277174" spans="8:8">
      <c r="H277174" s="12"/>
    </row>
    <row r="277175" spans="8:8">
      <c r="H277175" s="12"/>
    </row>
    <row r="277176" spans="8:8">
      <c r="H277176" s="12"/>
    </row>
    <row r="277177" spans="8:8">
      <c r="H277177" s="12"/>
    </row>
    <row r="277178" spans="8:8">
      <c r="H277178" s="12"/>
    </row>
    <row r="277179" spans="8:8">
      <c r="H277179" s="12"/>
    </row>
    <row r="277180" spans="8:8">
      <c r="H277180" s="12"/>
    </row>
    <row r="277181" spans="8:8">
      <c r="H277181" s="12"/>
    </row>
    <row r="277182" spans="8:8">
      <c r="H277182" s="12"/>
    </row>
    <row r="277183" spans="8:8">
      <c r="H277183" s="12"/>
    </row>
    <row r="277184" spans="8:8">
      <c r="H277184" s="12"/>
    </row>
    <row r="277185" spans="8:8">
      <c r="H277185" s="12"/>
    </row>
    <row r="277186" spans="8:8">
      <c r="H277186" s="12"/>
    </row>
    <row r="277187" spans="8:8">
      <c r="H277187" s="12"/>
    </row>
    <row r="277188" spans="8:8">
      <c r="H277188" s="12"/>
    </row>
    <row r="277189" spans="8:8">
      <c r="H277189" s="12"/>
    </row>
    <row r="277190" spans="8:8">
      <c r="H277190" s="12"/>
    </row>
    <row r="277191" spans="8:8">
      <c r="H277191" s="12"/>
    </row>
    <row r="277192" spans="8:8">
      <c r="H277192" s="12"/>
    </row>
    <row r="277193" spans="8:8">
      <c r="H277193" s="12"/>
    </row>
    <row r="277194" spans="8:8">
      <c r="H277194" s="12"/>
    </row>
    <row r="277195" spans="8:8">
      <c r="H277195" s="12"/>
    </row>
    <row r="277196" spans="8:8">
      <c r="H277196" s="12"/>
    </row>
    <row r="277197" spans="8:8">
      <c r="H277197" s="12"/>
    </row>
    <row r="277198" spans="8:8">
      <c r="H277198" s="12"/>
    </row>
    <row r="277199" spans="8:8">
      <c r="H277199" s="12"/>
    </row>
    <row r="277200" spans="8:8">
      <c r="H277200" s="12"/>
    </row>
    <row r="277201" spans="8:8">
      <c r="H277201" s="12"/>
    </row>
    <row r="277202" spans="8:8">
      <c r="H277202" s="12"/>
    </row>
    <row r="277203" spans="8:8">
      <c r="H277203" s="12"/>
    </row>
    <row r="277204" spans="8:8">
      <c r="H277204" s="12"/>
    </row>
    <row r="277205" spans="8:8">
      <c r="H277205" s="12"/>
    </row>
    <row r="277206" spans="8:8">
      <c r="H277206" s="12"/>
    </row>
    <row r="277207" spans="8:8">
      <c r="H277207" s="12"/>
    </row>
    <row r="277208" spans="8:8">
      <c r="H277208" s="12"/>
    </row>
    <row r="277209" spans="8:8">
      <c r="H277209" s="12"/>
    </row>
    <row r="277210" spans="8:8">
      <c r="H277210" s="12"/>
    </row>
    <row r="277211" spans="8:8">
      <c r="H277211" s="12"/>
    </row>
    <row r="277212" spans="8:8">
      <c r="H277212" s="12"/>
    </row>
    <row r="277213" spans="8:8">
      <c r="H277213" s="12"/>
    </row>
    <row r="277214" spans="8:8">
      <c r="H277214" s="12"/>
    </row>
    <row r="277215" spans="8:8">
      <c r="H277215" s="12"/>
    </row>
    <row r="277216" spans="8:8">
      <c r="H277216" s="12"/>
    </row>
    <row r="277217" spans="8:8">
      <c r="H277217" s="12"/>
    </row>
    <row r="277218" spans="8:8">
      <c r="H277218" s="12"/>
    </row>
    <row r="277219" spans="8:8">
      <c r="H277219" s="12"/>
    </row>
    <row r="277220" spans="8:8">
      <c r="H277220" s="12"/>
    </row>
    <row r="277221" spans="8:8">
      <c r="H277221" s="12"/>
    </row>
    <row r="277222" spans="8:8">
      <c r="H277222" s="12"/>
    </row>
    <row r="277223" spans="8:8">
      <c r="H277223" s="12"/>
    </row>
    <row r="277224" spans="8:8">
      <c r="H277224" s="12"/>
    </row>
    <row r="277225" spans="8:8">
      <c r="H277225" s="12"/>
    </row>
    <row r="277226" spans="8:8">
      <c r="H277226" s="12"/>
    </row>
    <row r="277227" spans="8:8">
      <c r="H277227" s="12"/>
    </row>
    <row r="277228" spans="8:8">
      <c r="H277228" s="12"/>
    </row>
    <row r="277229" spans="8:8">
      <c r="H277229" s="12"/>
    </row>
    <row r="277230" spans="8:8">
      <c r="H277230" s="12"/>
    </row>
    <row r="277231" spans="8:8">
      <c r="H277231" s="12"/>
    </row>
    <row r="277232" spans="8:8">
      <c r="H277232" s="12"/>
    </row>
    <row r="277233" spans="8:8">
      <c r="H277233" s="12"/>
    </row>
    <row r="277234" spans="8:8">
      <c r="H277234" s="12"/>
    </row>
    <row r="277235" spans="8:8">
      <c r="H277235" s="12"/>
    </row>
    <row r="277236" spans="8:8">
      <c r="H277236" s="12"/>
    </row>
    <row r="277237" spans="8:8">
      <c r="H277237" s="12"/>
    </row>
    <row r="277238" spans="8:8">
      <c r="H277238" s="12"/>
    </row>
    <row r="277239" spans="8:8">
      <c r="H277239" s="12"/>
    </row>
    <row r="277240" spans="8:8">
      <c r="H277240" s="12"/>
    </row>
    <row r="277241" spans="8:8">
      <c r="H277241" s="12"/>
    </row>
    <row r="277242" spans="8:8">
      <c r="H277242" s="12"/>
    </row>
    <row r="277243" spans="8:8">
      <c r="H277243" s="12"/>
    </row>
    <row r="277244" spans="8:8">
      <c r="H277244" s="12"/>
    </row>
    <row r="277245" spans="8:8">
      <c r="H277245" s="12"/>
    </row>
    <row r="277246" spans="8:8">
      <c r="H277246" s="12"/>
    </row>
    <row r="277247" spans="8:8">
      <c r="H277247" s="12"/>
    </row>
    <row r="277248" spans="8:8">
      <c r="H277248" s="12"/>
    </row>
    <row r="277249" spans="8:8">
      <c r="H277249" s="12"/>
    </row>
    <row r="277250" spans="8:8">
      <c r="H277250" s="12"/>
    </row>
    <row r="277251" spans="8:8">
      <c r="H277251" s="12"/>
    </row>
    <row r="277252" spans="8:8">
      <c r="H277252" s="12"/>
    </row>
    <row r="277253" spans="8:8">
      <c r="H277253" s="12"/>
    </row>
    <row r="277254" spans="8:8">
      <c r="H277254" s="12"/>
    </row>
    <row r="277255" spans="8:8">
      <c r="H277255" s="12"/>
    </row>
    <row r="277256" spans="8:8">
      <c r="H277256" s="12"/>
    </row>
    <row r="277257" spans="8:8">
      <c r="H277257" s="12"/>
    </row>
    <row r="277258" spans="8:8">
      <c r="H277258" s="12"/>
    </row>
    <row r="277259" spans="8:8">
      <c r="H277259" s="12"/>
    </row>
    <row r="277260" spans="8:8">
      <c r="H277260" s="12"/>
    </row>
    <row r="277261" spans="8:8">
      <c r="H277261" s="12"/>
    </row>
    <row r="277262" spans="8:8">
      <c r="H277262" s="12"/>
    </row>
    <row r="277263" spans="8:8">
      <c r="H277263" s="12"/>
    </row>
    <row r="277264" spans="8:8">
      <c r="H277264" s="12"/>
    </row>
    <row r="277265" spans="8:8">
      <c r="H277265" s="12"/>
    </row>
    <row r="277266" spans="8:8">
      <c r="H277266" s="12"/>
    </row>
    <row r="277267" spans="8:8">
      <c r="H277267" s="12"/>
    </row>
    <row r="277268" spans="8:8">
      <c r="H277268" s="12"/>
    </row>
    <row r="277269" spans="8:8">
      <c r="H277269" s="12"/>
    </row>
    <row r="277270" spans="8:8">
      <c r="H277270" s="12"/>
    </row>
    <row r="277271" spans="8:8">
      <c r="H277271" s="12"/>
    </row>
    <row r="277272" spans="8:8">
      <c r="H277272" s="12"/>
    </row>
    <row r="277273" spans="8:8">
      <c r="H277273" s="12"/>
    </row>
    <row r="277274" spans="8:8">
      <c r="H277274" s="12"/>
    </row>
    <row r="277275" spans="8:8">
      <c r="H277275" s="12"/>
    </row>
    <row r="277276" spans="8:8">
      <c r="H277276" s="12"/>
    </row>
    <row r="277277" spans="8:8">
      <c r="H277277" s="12"/>
    </row>
    <row r="277278" spans="8:8">
      <c r="H277278" s="12"/>
    </row>
    <row r="277279" spans="8:8">
      <c r="H277279" s="12"/>
    </row>
    <row r="277280" spans="8:8">
      <c r="H277280" s="12"/>
    </row>
    <row r="277281" spans="8:8">
      <c r="H277281" s="12"/>
    </row>
    <row r="277282" spans="8:8">
      <c r="H277282" s="12"/>
    </row>
    <row r="277283" spans="8:8">
      <c r="H277283" s="12"/>
    </row>
    <row r="277284" spans="8:8">
      <c r="H277284" s="12"/>
    </row>
    <row r="277285" spans="8:8">
      <c r="H277285" s="12"/>
    </row>
    <row r="277286" spans="8:8">
      <c r="H277286" s="12"/>
    </row>
    <row r="277287" spans="8:8">
      <c r="H277287" s="12"/>
    </row>
    <row r="277288" spans="8:8">
      <c r="H277288" s="12"/>
    </row>
    <row r="277289" spans="8:8">
      <c r="H277289" s="12"/>
    </row>
    <row r="277290" spans="8:8">
      <c r="H277290" s="12"/>
    </row>
    <row r="277291" spans="8:8">
      <c r="H277291" s="12"/>
    </row>
    <row r="277292" spans="8:8">
      <c r="H277292" s="12"/>
    </row>
    <row r="277293" spans="8:8">
      <c r="H277293" s="12"/>
    </row>
    <row r="277294" spans="8:8">
      <c r="H277294" s="12"/>
    </row>
    <row r="277295" spans="8:8">
      <c r="H277295" s="12"/>
    </row>
    <row r="277296" spans="8:8">
      <c r="H277296" s="12"/>
    </row>
    <row r="277297" spans="8:8">
      <c r="H277297" s="12"/>
    </row>
    <row r="277298" spans="8:8">
      <c r="H277298" s="12"/>
    </row>
    <row r="277299" spans="8:8">
      <c r="H277299" s="12"/>
    </row>
    <row r="277300" spans="8:8">
      <c r="H277300" s="12"/>
    </row>
    <row r="277301" spans="8:8">
      <c r="H277301" s="12"/>
    </row>
    <row r="277302" spans="8:8">
      <c r="H277302" s="12"/>
    </row>
    <row r="277303" spans="8:8">
      <c r="H277303" s="12"/>
    </row>
    <row r="277304" spans="8:8">
      <c r="H277304" s="12"/>
    </row>
    <row r="277305" spans="8:8">
      <c r="H277305" s="12"/>
    </row>
    <row r="277306" spans="8:8">
      <c r="H277306" s="12"/>
    </row>
    <row r="277307" spans="8:8">
      <c r="H277307" s="12"/>
    </row>
    <row r="277308" spans="8:8">
      <c r="H277308" s="12"/>
    </row>
    <row r="277309" spans="8:8">
      <c r="H277309" s="12"/>
    </row>
    <row r="277310" spans="8:8">
      <c r="H277310" s="12"/>
    </row>
    <row r="277311" spans="8:8">
      <c r="H277311" s="12"/>
    </row>
    <row r="277312" spans="8:8">
      <c r="H277312" s="12"/>
    </row>
    <row r="277313" spans="8:8">
      <c r="H277313" s="12"/>
    </row>
    <row r="277314" spans="8:8">
      <c r="H277314" s="12"/>
    </row>
    <row r="277315" spans="8:8">
      <c r="H277315" s="12"/>
    </row>
    <row r="277316" spans="8:8">
      <c r="H277316" s="12"/>
    </row>
    <row r="277317" spans="8:8">
      <c r="H277317" s="12"/>
    </row>
    <row r="277318" spans="8:8">
      <c r="H277318" s="12"/>
    </row>
    <row r="277319" spans="8:8">
      <c r="H277319" s="12"/>
    </row>
    <row r="277320" spans="8:8">
      <c r="H277320" s="12"/>
    </row>
    <row r="277321" spans="8:8">
      <c r="H277321" s="12"/>
    </row>
    <row r="277322" spans="8:8">
      <c r="H277322" s="12"/>
    </row>
    <row r="277323" spans="8:8">
      <c r="H277323" s="12"/>
    </row>
    <row r="277324" spans="8:8">
      <c r="H277324" s="12"/>
    </row>
    <row r="277325" spans="8:8">
      <c r="H277325" s="12"/>
    </row>
    <row r="277326" spans="8:8">
      <c r="H277326" s="12"/>
    </row>
    <row r="277327" spans="8:8">
      <c r="H277327" s="12"/>
    </row>
    <row r="277328" spans="8:8">
      <c r="H277328" s="12"/>
    </row>
    <row r="277329" spans="8:8">
      <c r="H277329" s="12"/>
    </row>
    <row r="277330" spans="8:8">
      <c r="H277330" s="12"/>
    </row>
    <row r="277331" spans="8:8">
      <c r="H277331" s="12"/>
    </row>
    <row r="277332" spans="8:8">
      <c r="H277332" s="12"/>
    </row>
    <row r="277333" spans="8:8">
      <c r="H277333" s="12"/>
    </row>
    <row r="277334" spans="8:8">
      <c r="H277334" s="12"/>
    </row>
    <row r="277335" spans="8:8">
      <c r="H277335" s="12"/>
    </row>
    <row r="277336" spans="8:8">
      <c r="H277336" s="12"/>
    </row>
    <row r="277337" spans="8:8">
      <c r="H277337" s="12"/>
    </row>
    <row r="277338" spans="8:8">
      <c r="H277338" s="12"/>
    </row>
    <row r="277339" spans="8:8">
      <c r="H277339" s="12"/>
    </row>
    <row r="277340" spans="8:8">
      <c r="H277340" s="12"/>
    </row>
    <row r="277341" spans="8:8">
      <c r="H277341" s="12"/>
    </row>
    <row r="277342" spans="8:8">
      <c r="H277342" s="12"/>
    </row>
    <row r="277343" spans="8:8">
      <c r="H277343" s="12"/>
    </row>
    <row r="277344" spans="8:8">
      <c r="H277344" s="12"/>
    </row>
    <row r="277345" spans="8:8">
      <c r="H277345" s="12"/>
    </row>
    <row r="277346" spans="8:8">
      <c r="H277346" s="12"/>
    </row>
    <row r="277347" spans="8:8">
      <c r="H277347" s="12"/>
    </row>
    <row r="277348" spans="8:8">
      <c r="H277348" s="12"/>
    </row>
    <row r="277349" spans="8:8">
      <c r="H277349" s="12"/>
    </row>
    <row r="277350" spans="8:8">
      <c r="H277350" s="12"/>
    </row>
    <row r="277351" spans="8:8">
      <c r="H277351" s="12"/>
    </row>
    <row r="277352" spans="8:8">
      <c r="H277352" s="12"/>
    </row>
    <row r="277353" spans="8:8">
      <c r="H277353" s="12"/>
    </row>
    <row r="277354" spans="8:8">
      <c r="H277354" s="12"/>
    </row>
    <row r="277355" spans="8:8">
      <c r="H277355" s="12"/>
    </row>
    <row r="277356" spans="8:8">
      <c r="H277356" s="12"/>
    </row>
    <row r="277357" spans="8:8">
      <c r="H277357" s="12"/>
    </row>
    <row r="277358" spans="8:8">
      <c r="H277358" s="12"/>
    </row>
    <row r="277359" spans="8:8">
      <c r="H277359" s="12"/>
    </row>
    <row r="277360" spans="8:8">
      <c r="H277360" s="12"/>
    </row>
    <row r="277361" spans="8:8">
      <c r="H277361" s="12"/>
    </row>
    <row r="277362" spans="8:8">
      <c r="H277362" s="12"/>
    </row>
    <row r="277363" spans="8:8">
      <c r="H277363" s="12"/>
    </row>
    <row r="277364" spans="8:8">
      <c r="H277364" s="12"/>
    </row>
    <row r="277365" spans="8:8">
      <c r="H277365" s="12"/>
    </row>
    <row r="277366" spans="8:8">
      <c r="H277366" s="12"/>
    </row>
    <row r="277367" spans="8:8">
      <c r="H277367" s="12"/>
    </row>
    <row r="277368" spans="8:8">
      <c r="H277368" s="12"/>
    </row>
    <row r="277369" spans="8:8">
      <c r="H277369" s="12"/>
    </row>
    <row r="277370" spans="8:8">
      <c r="H277370" s="12"/>
    </row>
    <row r="277371" spans="8:8">
      <c r="H277371" s="12"/>
    </row>
    <row r="277372" spans="8:8">
      <c r="H277372" s="12"/>
    </row>
    <row r="277373" spans="8:8">
      <c r="H277373" s="12"/>
    </row>
    <row r="277374" spans="8:8">
      <c r="H277374" s="12"/>
    </row>
    <row r="277375" spans="8:8">
      <c r="H277375" s="12"/>
    </row>
    <row r="277376" spans="8:8">
      <c r="H277376" s="12"/>
    </row>
    <row r="277377" spans="8:8">
      <c r="H277377" s="12"/>
    </row>
    <row r="277378" spans="8:8">
      <c r="H277378" s="12"/>
    </row>
    <row r="277379" spans="8:8">
      <c r="H277379" s="12"/>
    </row>
    <row r="277380" spans="8:8">
      <c r="H277380" s="12"/>
    </row>
    <row r="277381" spans="8:8">
      <c r="H277381" s="12"/>
    </row>
    <row r="277382" spans="8:8">
      <c r="H277382" s="12"/>
    </row>
    <row r="277383" spans="8:8">
      <c r="H277383" s="12"/>
    </row>
    <row r="277384" spans="8:8">
      <c r="H277384" s="12"/>
    </row>
    <row r="277385" spans="8:8">
      <c r="H277385" s="12"/>
    </row>
    <row r="277386" spans="8:8">
      <c r="H277386" s="12"/>
    </row>
    <row r="277387" spans="8:8">
      <c r="H277387" s="12"/>
    </row>
    <row r="277388" spans="8:8">
      <c r="H277388" s="12"/>
    </row>
    <row r="277389" spans="8:8">
      <c r="H277389" s="12"/>
    </row>
    <row r="277390" spans="8:8">
      <c r="H277390" s="12"/>
    </row>
    <row r="277391" spans="8:8">
      <c r="H277391" s="12"/>
    </row>
    <row r="277392" spans="8:8">
      <c r="H277392" s="12"/>
    </row>
    <row r="277393" spans="8:8">
      <c r="H277393" s="12"/>
    </row>
    <row r="277394" spans="8:8">
      <c r="H277394" s="12"/>
    </row>
    <row r="277395" spans="8:8">
      <c r="H277395" s="12"/>
    </row>
    <row r="277396" spans="8:8">
      <c r="H277396" s="12"/>
    </row>
    <row r="277397" spans="8:8">
      <c r="H277397" s="12"/>
    </row>
    <row r="277398" spans="8:8">
      <c r="H277398" s="12"/>
    </row>
    <row r="277399" spans="8:8">
      <c r="H277399" s="12"/>
    </row>
    <row r="277400" spans="8:8">
      <c r="H277400" s="12"/>
    </row>
    <row r="277401" spans="8:8">
      <c r="H277401" s="12"/>
    </row>
    <row r="277402" spans="8:8">
      <c r="H277402" s="12"/>
    </row>
    <row r="277403" spans="8:8">
      <c r="H277403" s="12"/>
    </row>
    <row r="277404" spans="8:8">
      <c r="H277404" s="12"/>
    </row>
    <row r="277405" spans="8:8">
      <c r="H277405" s="12"/>
    </row>
    <row r="277406" spans="8:8">
      <c r="H277406" s="12"/>
    </row>
    <row r="277407" spans="8:8">
      <c r="H277407" s="12"/>
    </row>
    <row r="277408" spans="8:8">
      <c r="H277408" s="12"/>
    </row>
    <row r="277409" spans="8:8">
      <c r="H277409" s="12"/>
    </row>
    <row r="277410" spans="8:8">
      <c r="H277410" s="12"/>
    </row>
    <row r="277411" spans="8:8">
      <c r="H277411" s="12"/>
    </row>
    <row r="277412" spans="8:8">
      <c r="H277412" s="12"/>
    </row>
    <row r="277413" spans="8:8">
      <c r="H277413" s="12"/>
    </row>
    <row r="277414" spans="8:8">
      <c r="H277414" s="12"/>
    </row>
    <row r="277415" spans="8:8">
      <c r="H277415" s="12"/>
    </row>
    <row r="277416" spans="8:8">
      <c r="H277416" s="12"/>
    </row>
    <row r="277417" spans="8:8">
      <c r="H277417" s="12"/>
    </row>
    <row r="277418" spans="8:8">
      <c r="H277418" s="12"/>
    </row>
    <row r="277419" spans="8:8">
      <c r="H277419" s="12"/>
    </row>
    <row r="277420" spans="8:8">
      <c r="H277420" s="12"/>
    </row>
    <row r="277421" spans="8:8">
      <c r="H277421" s="12"/>
    </row>
    <row r="277422" spans="8:8">
      <c r="H277422" s="12"/>
    </row>
    <row r="277423" spans="8:8">
      <c r="H277423" s="12"/>
    </row>
    <row r="277424" spans="8:8">
      <c r="H277424" s="12"/>
    </row>
    <row r="277425" spans="8:8">
      <c r="H277425" s="12"/>
    </row>
    <row r="277426" spans="8:8">
      <c r="H277426" s="12"/>
    </row>
    <row r="277427" spans="8:8">
      <c r="H277427" s="12"/>
    </row>
    <row r="277428" spans="8:8">
      <c r="H277428" s="12"/>
    </row>
    <row r="277429" spans="8:8">
      <c r="H277429" s="12"/>
    </row>
    <row r="277430" spans="8:8">
      <c r="H277430" s="12"/>
    </row>
    <row r="277431" spans="8:8">
      <c r="H277431" s="12"/>
    </row>
    <row r="277432" spans="8:8">
      <c r="H277432" s="12"/>
    </row>
    <row r="277433" spans="8:8">
      <c r="H277433" s="12"/>
    </row>
    <row r="277434" spans="8:8">
      <c r="H277434" s="12"/>
    </row>
    <row r="277435" spans="8:8">
      <c r="H277435" s="12"/>
    </row>
    <row r="277436" spans="8:8">
      <c r="H277436" s="12"/>
    </row>
    <row r="277437" spans="8:8">
      <c r="H277437" s="12"/>
    </row>
    <row r="277438" spans="8:8">
      <c r="H277438" s="12"/>
    </row>
    <row r="277439" spans="8:8">
      <c r="H277439" s="12"/>
    </row>
    <row r="277440" spans="8:8">
      <c r="H277440" s="12"/>
    </row>
    <row r="277441" spans="8:8">
      <c r="H277441" s="12"/>
    </row>
    <row r="277442" spans="8:8">
      <c r="H277442" s="12"/>
    </row>
    <row r="277443" spans="8:8">
      <c r="H277443" s="12"/>
    </row>
    <row r="277444" spans="8:8">
      <c r="H277444" s="12"/>
    </row>
    <row r="277445" spans="8:8">
      <c r="H277445" s="12"/>
    </row>
    <row r="277446" spans="8:8">
      <c r="H277446" s="12"/>
    </row>
    <row r="277447" spans="8:8">
      <c r="H277447" s="12"/>
    </row>
    <row r="277448" spans="8:8">
      <c r="H277448" s="12"/>
    </row>
    <row r="277449" spans="8:8">
      <c r="H277449" s="12"/>
    </row>
    <row r="277450" spans="8:8">
      <c r="H277450" s="12"/>
    </row>
    <row r="277451" spans="8:8">
      <c r="H277451" s="12"/>
    </row>
    <row r="277452" spans="8:8">
      <c r="H277452" s="12"/>
    </row>
    <row r="277453" spans="8:8">
      <c r="H277453" s="12"/>
    </row>
    <row r="277454" spans="8:8">
      <c r="H277454" s="12"/>
    </row>
    <row r="277455" spans="8:8">
      <c r="H277455" s="12"/>
    </row>
    <row r="277456" spans="8:8">
      <c r="H277456" s="12"/>
    </row>
    <row r="277457" spans="8:8">
      <c r="H277457" s="12"/>
    </row>
    <row r="277458" spans="8:8">
      <c r="H277458" s="12"/>
    </row>
    <row r="277459" spans="8:8">
      <c r="H277459" s="12"/>
    </row>
    <row r="277460" spans="8:8">
      <c r="H277460" s="12"/>
    </row>
    <row r="277461" spans="8:8">
      <c r="H277461" s="12"/>
    </row>
    <row r="277462" spans="8:8">
      <c r="H277462" s="12"/>
    </row>
    <row r="277463" spans="8:8">
      <c r="H277463" s="12"/>
    </row>
    <row r="277464" spans="8:8">
      <c r="H277464" s="12"/>
    </row>
    <row r="277465" spans="8:8">
      <c r="H277465" s="12"/>
    </row>
    <row r="277466" spans="8:8">
      <c r="H277466" s="12"/>
    </row>
    <row r="277467" spans="8:8">
      <c r="H277467" s="12"/>
    </row>
    <row r="277468" spans="8:8">
      <c r="H277468" s="12"/>
    </row>
    <row r="277469" spans="8:8">
      <c r="H277469" s="12"/>
    </row>
    <row r="277470" spans="8:8">
      <c r="H277470" s="12"/>
    </row>
    <row r="277471" spans="8:8">
      <c r="H277471" s="12"/>
    </row>
    <row r="277472" spans="8:8">
      <c r="H277472" s="12"/>
    </row>
    <row r="277473" spans="8:8">
      <c r="H277473" s="12"/>
    </row>
    <row r="277474" spans="8:8">
      <c r="H277474" s="12"/>
    </row>
    <row r="277475" spans="8:8">
      <c r="H277475" s="12"/>
    </row>
    <row r="277476" spans="8:8">
      <c r="H277476" s="12"/>
    </row>
    <row r="277477" spans="8:8">
      <c r="H277477" s="12"/>
    </row>
    <row r="277478" spans="8:8">
      <c r="H277478" s="12"/>
    </row>
    <row r="277479" spans="8:8">
      <c r="H277479" s="12"/>
    </row>
    <row r="277480" spans="8:8">
      <c r="H277480" s="12"/>
    </row>
    <row r="277481" spans="8:8">
      <c r="H277481" s="12"/>
    </row>
    <row r="277482" spans="8:8">
      <c r="H277482" s="12"/>
    </row>
    <row r="277483" spans="8:8">
      <c r="H277483" s="12"/>
    </row>
    <row r="277484" spans="8:8">
      <c r="H277484" s="12"/>
    </row>
    <row r="277485" spans="8:8">
      <c r="H277485" s="12"/>
    </row>
    <row r="277486" spans="8:8">
      <c r="H277486" s="12"/>
    </row>
    <row r="277487" spans="8:8">
      <c r="H277487" s="12"/>
    </row>
    <row r="277488" spans="8:8">
      <c r="H277488" s="12"/>
    </row>
    <row r="277489" spans="8:8">
      <c r="H277489" s="12"/>
    </row>
    <row r="277490" spans="8:8">
      <c r="H277490" s="12"/>
    </row>
    <row r="277491" spans="8:8">
      <c r="H277491" s="12"/>
    </row>
    <row r="277492" spans="8:8">
      <c r="H277492" s="12"/>
    </row>
    <row r="277493" spans="8:8">
      <c r="H277493" s="12"/>
    </row>
    <row r="277494" spans="8:8">
      <c r="H277494" s="12"/>
    </row>
    <row r="277495" spans="8:8">
      <c r="H277495" s="12"/>
    </row>
    <row r="277496" spans="8:8">
      <c r="H277496" s="12"/>
    </row>
    <row r="277497" spans="8:8">
      <c r="H277497" s="12"/>
    </row>
    <row r="277498" spans="8:8">
      <c r="H277498" s="12"/>
    </row>
    <row r="277499" spans="8:8">
      <c r="H277499" s="12"/>
    </row>
    <row r="277500" spans="8:8">
      <c r="H277500" s="12"/>
    </row>
    <row r="277501" spans="8:8">
      <c r="H277501" s="12"/>
    </row>
    <row r="277502" spans="8:8">
      <c r="H277502" s="12"/>
    </row>
    <row r="277503" spans="8:8">
      <c r="H277503" s="12"/>
    </row>
    <row r="277504" spans="8:8">
      <c r="H277504" s="12"/>
    </row>
    <row r="277505" spans="8:8">
      <c r="H277505" s="12"/>
    </row>
    <row r="277506" spans="8:8">
      <c r="H277506" s="12"/>
    </row>
    <row r="277507" spans="8:8">
      <c r="H277507" s="12"/>
    </row>
    <row r="277508" spans="8:8">
      <c r="H277508" s="12"/>
    </row>
    <row r="277509" spans="8:8">
      <c r="H277509" s="12"/>
    </row>
    <row r="277510" spans="8:8">
      <c r="H277510" s="12"/>
    </row>
    <row r="277511" spans="8:8">
      <c r="H277511" s="12"/>
    </row>
    <row r="277512" spans="8:8">
      <c r="H277512" s="12"/>
    </row>
    <row r="277513" spans="8:8">
      <c r="H277513" s="12"/>
    </row>
    <row r="277514" spans="8:8">
      <c r="H277514" s="12"/>
    </row>
    <row r="277515" spans="8:8">
      <c r="H277515" s="12"/>
    </row>
    <row r="277516" spans="8:8">
      <c r="H277516" s="12"/>
    </row>
    <row r="277517" spans="8:8">
      <c r="H277517" s="12"/>
    </row>
    <row r="277518" spans="8:8">
      <c r="H277518" s="12"/>
    </row>
    <row r="277519" spans="8:8">
      <c r="H277519" s="12"/>
    </row>
    <row r="277520" spans="8:8">
      <c r="H277520" s="12"/>
    </row>
    <row r="277521" spans="8:8">
      <c r="H277521" s="12"/>
    </row>
    <row r="277522" spans="8:8">
      <c r="H277522" s="12"/>
    </row>
    <row r="277523" spans="8:8">
      <c r="H277523" s="12"/>
    </row>
    <row r="277524" spans="8:8">
      <c r="H277524" s="12"/>
    </row>
    <row r="277525" spans="8:8">
      <c r="H277525" s="12"/>
    </row>
    <row r="277526" spans="8:8">
      <c r="H277526" s="12"/>
    </row>
    <row r="277527" spans="8:8">
      <c r="H277527" s="12"/>
    </row>
    <row r="277528" spans="8:8">
      <c r="H277528" s="12"/>
    </row>
    <row r="277529" spans="8:8">
      <c r="H277529" s="12"/>
    </row>
    <row r="277530" spans="8:8">
      <c r="H277530" s="12"/>
    </row>
    <row r="277531" spans="8:8">
      <c r="H277531" s="12"/>
    </row>
    <row r="277532" spans="8:8">
      <c r="H277532" s="12"/>
    </row>
    <row r="277533" spans="8:8">
      <c r="H277533" s="12"/>
    </row>
    <row r="277534" spans="8:8">
      <c r="H277534" s="12"/>
    </row>
    <row r="277535" spans="8:8">
      <c r="H277535" s="12"/>
    </row>
    <row r="277536" spans="8:8">
      <c r="H277536" s="12"/>
    </row>
    <row r="277537" spans="8:8">
      <c r="H277537" s="12"/>
    </row>
    <row r="277538" spans="8:8">
      <c r="H277538" s="12"/>
    </row>
    <row r="277539" spans="8:8">
      <c r="H277539" s="12"/>
    </row>
    <row r="277540" spans="8:8">
      <c r="H277540" s="12"/>
    </row>
    <row r="277541" spans="8:8">
      <c r="H277541" s="12"/>
    </row>
    <row r="277542" spans="8:8">
      <c r="H277542" s="12"/>
    </row>
    <row r="277543" spans="8:8">
      <c r="H277543" s="12"/>
    </row>
    <row r="277544" spans="8:8">
      <c r="H277544" s="12"/>
    </row>
    <row r="277545" spans="8:8">
      <c r="H277545" s="12"/>
    </row>
    <row r="277546" spans="8:8">
      <c r="H277546" s="12"/>
    </row>
    <row r="277547" spans="8:8">
      <c r="H277547" s="12"/>
    </row>
    <row r="277548" spans="8:8">
      <c r="H277548" s="12"/>
    </row>
    <row r="277549" spans="8:8">
      <c r="H277549" s="12"/>
    </row>
    <row r="277550" spans="8:8">
      <c r="H277550" s="12"/>
    </row>
    <row r="277551" spans="8:8">
      <c r="H277551" s="12"/>
    </row>
    <row r="277552" spans="8:8">
      <c r="H277552" s="12"/>
    </row>
    <row r="277553" spans="8:8">
      <c r="H277553" s="12"/>
    </row>
    <row r="277554" spans="8:8">
      <c r="H277554" s="12"/>
    </row>
    <row r="277555" spans="8:8">
      <c r="H277555" s="12"/>
    </row>
    <row r="277556" spans="8:8">
      <c r="H277556" s="12"/>
    </row>
    <row r="277557" spans="8:8">
      <c r="H277557" s="12"/>
    </row>
    <row r="277558" spans="8:8">
      <c r="H277558" s="12"/>
    </row>
    <row r="277559" spans="8:8">
      <c r="H277559" s="12"/>
    </row>
    <row r="277560" spans="8:8">
      <c r="H277560" s="12"/>
    </row>
    <row r="277561" spans="8:8">
      <c r="H277561" s="12"/>
    </row>
    <row r="277562" spans="8:8">
      <c r="H277562" s="12"/>
    </row>
    <row r="277563" spans="8:8">
      <c r="H277563" s="12"/>
    </row>
    <row r="277564" spans="8:8">
      <c r="H277564" s="12"/>
    </row>
    <row r="277565" spans="8:8">
      <c r="H277565" s="12"/>
    </row>
    <row r="277566" spans="8:8">
      <c r="H277566" s="12"/>
    </row>
    <row r="277567" spans="8:8">
      <c r="H277567" s="12"/>
    </row>
    <row r="277568" spans="8:8">
      <c r="H277568" s="12"/>
    </row>
    <row r="277569" spans="8:8">
      <c r="H277569" s="12"/>
    </row>
    <row r="277570" spans="8:8">
      <c r="H277570" s="12"/>
    </row>
    <row r="277571" spans="8:8">
      <c r="H277571" s="12"/>
    </row>
    <row r="277572" spans="8:8">
      <c r="H277572" s="12"/>
    </row>
    <row r="277573" spans="8:8">
      <c r="H277573" s="12"/>
    </row>
    <row r="277574" spans="8:8">
      <c r="H277574" s="12"/>
    </row>
    <row r="277575" spans="8:8">
      <c r="H277575" s="12"/>
    </row>
    <row r="277576" spans="8:8">
      <c r="H277576" s="12"/>
    </row>
    <row r="277577" spans="8:8">
      <c r="H277577" s="12"/>
    </row>
    <row r="277578" spans="8:8">
      <c r="H277578" s="12"/>
    </row>
    <row r="277579" spans="8:8">
      <c r="H277579" s="12"/>
    </row>
    <row r="277580" spans="8:8">
      <c r="H277580" s="12"/>
    </row>
    <row r="277581" spans="8:8">
      <c r="H277581" s="12"/>
    </row>
    <row r="277582" spans="8:8">
      <c r="H277582" s="12"/>
    </row>
    <row r="277583" spans="8:8">
      <c r="H277583" s="12"/>
    </row>
    <row r="277584" spans="8:8">
      <c r="H277584" s="12"/>
    </row>
    <row r="277585" spans="8:8">
      <c r="H277585" s="12"/>
    </row>
    <row r="277586" spans="8:8">
      <c r="H277586" s="12"/>
    </row>
    <row r="277587" spans="8:8">
      <c r="H277587" s="12"/>
    </row>
    <row r="277588" spans="8:8">
      <c r="H277588" s="12"/>
    </row>
    <row r="277589" spans="8:8">
      <c r="H277589" s="12"/>
    </row>
    <row r="277590" spans="8:8">
      <c r="H277590" s="12"/>
    </row>
    <row r="277591" spans="8:8">
      <c r="H277591" s="12"/>
    </row>
    <row r="277592" spans="8:8">
      <c r="H277592" s="12"/>
    </row>
    <row r="277593" spans="8:8">
      <c r="H277593" s="12"/>
    </row>
    <row r="277594" spans="8:8">
      <c r="H277594" s="12"/>
    </row>
    <row r="277595" spans="8:8">
      <c r="H277595" s="12"/>
    </row>
    <row r="277596" spans="8:8">
      <c r="H277596" s="12"/>
    </row>
    <row r="277597" spans="8:8">
      <c r="H277597" s="12"/>
    </row>
    <row r="277598" spans="8:8">
      <c r="H277598" s="12"/>
    </row>
    <row r="277599" spans="8:8">
      <c r="H277599" s="12"/>
    </row>
    <row r="277600" spans="8:8">
      <c r="H277600" s="12"/>
    </row>
    <row r="277601" spans="8:8">
      <c r="H277601" s="12"/>
    </row>
    <row r="277602" spans="8:8">
      <c r="H277602" s="12"/>
    </row>
    <row r="277603" spans="8:8">
      <c r="H277603" s="12"/>
    </row>
    <row r="277604" spans="8:8">
      <c r="H277604" s="12"/>
    </row>
    <row r="277605" spans="8:8">
      <c r="H277605" s="12"/>
    </row>
    <row r="277606" spans="8:8">
      <c r="H277606" s="12"/>
    </row>
    <row r="277607" spans="8:8">
      <c r="H277607" s="12"/>
    </row>
    <row r="277608" spans="8:8">
      <c r="H277608" s="12"/>
    </row>
    <row r="277609" spans="8:8">
      <c r="H277609" s="12"/>
    </row>
    <row r="277610" spans="8:8">
      <c r="H277610" s="12"/>
    </row>
    <row r="277611" spans="8:8">
      <c r="H277611" s="12"/>
    </row>
    <row r="277612" spans="8:8">
      <c r="H277612" s="12"/>
    </row>
    <row r="277613" spans="8:8">
      <c r="H277613" s="12"/>
    </row>
    <row r="277614" spans="8:8">
      <c r="H277614" s="12"/>
    </row>
    <row r="277615" spans="8:8">
      <c r="H277615" s="12"/>
    </row>
    <row r="277616" spans="8:8">
      <c r="H277616" s="12"/>
    </row>
    <row r="277617" spans="8:8">
      <c r="H277617" s="12"/>
    </row>
    <row r="277618" spans="8:8">
      <c r="H277618" s="12"/>
    </row>
    <row r="277619" spans="8:8">
      <c r="H277619" s="12"/>
    </row>
    <row r="277620" spans="8:8">
      <c r="H277620" s="12"/>
    </row>
    <row r="277621" spans="8:8">
      <c r="H277621" s="12"/>
    </row>
    <row r="277622" spans="8:8">
      <c r="H277622" s="12"/>
    </row>
    <row r="277623" spans="8:8">
      <c r="H277623" s="12"/>
    </row>
    <row r="277624" spans="8:8">
      <c r="H277624" s="12"/>
    </row>
    <row r="277625" spans="8:8">
      <c r="H277625" s="12"/>
    </row>
    <row r="277626" spans="8:8">
      <c r="H277626" s="12"/>
    </row>
    <row r="277627" spans="8:8">
      <c r="H277627" s="12"/>
    </row>
    <row r="277628" spans="8:8">
      <c r="H277628" s="12"/>
    </row>
    <row r="277629" spans="8:8">
      <c r="H277629" s="12"/>
    </row>
    <row r="277630" spans="8:8">
      <c r="H277630" s="12"/>
    </row>
    <row r="277631" spans="8:8">
      <c r="H277631" s="12"/>
    </row>
    <row r="277632" spans="8:8">
      <c r="H277632" s="12"/>
    </row>
    <row r="277633" spans="8:8">
      <c r="H277633" s="12"/>
    </row>
    <row r="277634" spans="8:8">
      <c r="H277634" s="12"/>
    </row>
    <row r="277635" spans="8:8">
      <c r="H277635" s="12"/>
    </row>
    <row r="277636" spans="8:8">
      <c r="H277636" s="12"/>
    </row>
    <row r="277637" spans="8:8">
      <c r="H277637" s="12"/>
    </row>
    <row r="277638" spans="8:8">
      <c r="H277638" s="12"/>
    </row>
    <row r="277639" spans="8:8">
      <c r="H277639" s="12"/>
    </row>
    <row r="277640" spans="8:8">
      <c r="H277640" s="12"/>
    </row>
    <row r="277641" spans="8:8">
      <c r="H277641" s="12"/>
    </row>
    <row r="277642" spans="8:8">
      <c r="H277642" s="12"/>
    </row>
    <row r="277643" spans="8:8">
      <c r="H277643" s="12"/>
    </row>
    <row r="277644" spans="8:8">
      <c r="H277644" s="12"/>
    </row>
    <row r="277645" spans="8:8">
      <c r="H277645" s="12"/>
    </row>
    <row r="277646" spans="8:8">
      <c r="H277646" s="12"/>
    </row>
    <row r="277647" spans="8:8">
      <c r="H277647" s="12"/>
    </row>
    <row r="277648" spans="8:8">
      <c r="H277648" s="12"/>
    </row>
    <row r="277649" spans="8:8">
      <c r="H277649" s="12"/>
    </row>
    <row r="277650" spans="8:8">
      <c r="H277650" s="12"/>
    </row>
    <row r="277651" spans="8:8">
      <c r="H277651" s="12"/>
    </row>
    <row r="277652" spans="8:8">
      <c r="H277652" s="12"/>
    </row>
    <row r="277653" spans="8:8">
      <c r="H277653" s="12"/>
    </row>
    <row r="277654" spans="8:8">
      <c r="H277654" s="12"/>
    </row>
    <row r="277655" spans="8:8">
      <c r="H277655" s="12"/>
    </row>
    <row r="277656" spans="8:8">
      <c r="H277656" s="12"/>
    </row>
    <row r="277657" spans="8:8">
      <c r="H277657" s="12"/>
    </row>
    <row r="277658" spans="8:8">
      <c r="H277658" s="12"/>
    </row>
    <row r="277659" spans="8:8">
      <c r="H277659" s="12"/>
    </row>
    <row r="277660" spans="8:8">
      <c r="H277660" s="12"/>
    </row>
    <row r="277661" spans="8:8">
      <c r="H277661" s="12"/>
    </row>
    <row r="277662" spans="8:8">
      <c r="H277662" s="12"/>
    </row>
    <row r="277663" spans="8:8">
      <c r="H277663" s="12"/>
    </row>
    <row r="277664" spans="8:8">
      <c r="H277664" s="12"/>
    </row>
    <row r="277665" spans="8:8">
      <c r="H277665" s="12"/>
    </row>
    <row r="277666" spans="8:8">
      <c r="H277666" s="12"/>
    </row>
    <row r="277667" spans="8:8">
      <c r="H277667" s="12"/>
    </row>
    <row r="277668" spans="8:8">
      <c r="H277668" s="12"/>
    </row>
    <row r="277669" spans="8:8">
      <c r="H277669" s="12"/>
    </row>
    <row r="277670" spans="8:8">
      <c r="H277670" s="12"/>
    </row>
    <row r="277671" spans="8:8">
      <c r="H277671" s="12"/>
    </row>
    <row r="277672" spans="8:8">
      <c r="H277672" s="12"/>
    </row>
    <row r="277673" spans="8:8">
      <c r="H277673" s="12"/>
    </row>
    <row r="277674" spans="8:8">
      <c r="H277674" s="12"/>
    </row>
    <row r="277675" spans="8:8">
      <c r="H277675" s="12"/>
    </row>
    <row r="277676" spans="8:8">
      <c r="H277676" s="12"/>
    </row>
    <row r="277677" spans="8:8">
      <c r="H277677" s="12"/>
    </row>
    <row r="277678" spans="8:8">
      <c r="H277678" s="12"/>
    </row>
    <row r="277679" spans="8:8">
      <c r="H277679" s="12"/>
    </row>
    <row r="277680" spans="8:8">
      <c r="H277680" s="12"/>
    </row>
    <row r="277681" spans="8:8">
      <c r="H277681" s="12"/>
    </row>
    <row r="277682" spans="8:8">
      <c r="H277682" s="12"/>
    </row>
    <row r="277683" spans="8:8">
      <c r="H277683" s="12"/>
    </row>
    <row r="277684" spans="8:8">
      <c r="H277684" s="12"/>
    </row>
    <row r="277685" spans="8:8">
      <c r="H277685" s="12"/>
    </row>
    <row r="277686" spans="8:8">
      <c r="H277686" s="12"/>
    </row>
    <row r="277687" spans="8:8">
      <c r="H277687" s="12"/>
    </row>
    <row r="277688" spans="8:8">
      <c r="H277688" s="12"/>
    </row>
    <row r="277689" spans="8:8">
      <c r="H277689" s="12"/>
    </row>
    <row r="277690" spans="8:8">
      <c r="H277690" s="12"/>
    </row>
    <row r="277691" spans="8:8">
      <c r="H277691" s="12"/>
    </row>
    <row r="277692" spans="8:8">
      <c r="H277692" s="12"/>
    </row>
    <row r="277693" spans="8:8">
      <c r="H277693" s="12"/>
    </row>
    <row r="277694" spans="8:8">
      <c r="H277694" s="12"/>
    </row>
    <row r="277695" spans="8:8">
      <c r="H277695" s="12"/>
    </row>
    <row r="277696" spans="8:8">
      <c r="H277696" s="12"/>
    </row>
    <row r="277697" spans="8:8">
      <c r="H277697" s="12"/>
    </row>
    <row r="277698" spans="8:8">
      <c r="H277698" s="12"/>
    </row>
    <row r="277699" spans="8:8">
      <c r="H277699" s="12"/>
    </row>
    <row r="277700" spans="8:8">
      <c r="H277700" s="12"/>
    </row>
    <row r="277701" spans="8:8">
      <c r="H277701" s="12"/>
    </row>
    <row r="277702" spans="8:8">
      <c r="H277702" s="12"/>
    </row>
    <row r="277703" spans="8:8">
      <c r="H277703" s="12"/>
    </row>
    <row r="277704" spans="8:8">
      <c r="H277704" s="12"/>
    </row>
    <row r="277705" spans="8:8">
      <c r="H277705" s="12"/>
    </row>
    <row r="277706" spans="8:8">
      <c r="H277706" s="12"/>
    </row>
    <row r="277707" spans="8:8">
      <c r="H277707" s="12"/>
    </row>
    <row r="277708" spans="8:8">
      <c r="H277708" s="12"/>
    </row>
    <row r="277709" spans="8:8">
      <c r="H277709" s="12"/>
    </row>
    <row r="277710" spans="8:8">
      <c r="H277710" s="12"/>
    </row>
    <row r="277711" spans="8:8">
      <c r="H277711" s="12"/>
    </row>
    <row r="277712" spans="8:8">
      <c r="H277712" s="12"/>
    </row>
    <row r="277713" spans="8:8">
      <c r="H277713" s="12"/>
    </row>
    <row r="277714" spans="8:8">
      <c r="H277714" s="12"/>
    </row>
    <row r="277715" spans="8:8">
      <c r="H277715" s="12"/>
    </row>
    <row r="277716" spans="8:8">
      <c r="H277716" s="12"/>
    </row>
    <row r="277717" spans="8:8">
      <c r="H277717" s="12"/>
    </row>
    <row r="277718" spans="8:8">
      <c r="H277718" s="12"/>
    </row>
    <row r="277719" spans="8:8">
      <c r="H277719" s="12"/>
    </row>
    <row r="277720" spans="8:8">
      <c r="H277720" s="12"/>
    </row>
    <row r="277721" spans="8:8">
      <c r="H277721" s="12"/>
    </row>
    <row r="277722" spans="8:8">
      <c r="H277722" s="12"/>
    </row>
    <row r="277723" spans="8:8">
      <c r="H277723" s="12"/>
    </row>
    <row r="277724" spans="8:8">
      <c r="H277724" s="12"/>
    </row>
    <row r="277725" spans="8:8">
      <c r="H277725" s="12"/>
    </row>
    <row r="277726" spans="8:8">
      <c r="H277726" s="12"/>
    </row>
    <row r="277727" spans="8:8">
      <c r="H277727" s="12"/>
    </row>
    <row r="277728" spans="8:8">
      <c r="H277728" s="12"/>
    </row>
    <row r="277729" spans="8:8">
      <c r="H277729" s="12"/>
    </row>
    <row r="277730" spans="8:8">
      <c r="H277730" s="12"/>
    </row>
    <row r="277731" spans="8:8">
      <c r="H277731" s="12"/>
    </row>
    <row r="277732" spans="8:8">
      <c r="H277732" s="12"/>
    </row>
    <row r="277733" spans="8:8">
      <c r="H277733" s="12"/>
    </row>
    <row r="277734" spans="8:8">
      <c r="H277734" s="12"/>
    </row>
    <row r="277735" spans="8:8">
      <c r="H277735" s="12"/>
    </row>
    <row r="277736" spans="8:8">
      <c r="H277736" s="12"/>
    </row>
    <row r="277737" spans="8:8">
      <c r="H277737" s="12"/>
    </row>
    <row r="277738" spans="8:8">
      <c r="H277738" s="12"/>
    </row>
    <row r="277739" spans="8:8">
      <c r="H277739" s="12"/>
    </row>
    <row r="277740" spans="8:8">
      <c r="H277740" s="12"/>
    </row>
    <row r="277741" spans="8:8">
      <c r="H277741" s="12"/>
    </row>
    <row r="277742" spans="8:8">
      <c r="H277742" s="12"/>
    </row>
    <row r="277743" spans="8:8">
      <c r="H277743" s="12"/>
    </row>
    <row r="277744" spans="8:8">
      <c r="H277744" s="12"/>
    </row>
    <row r="277745" spans="8:8">
      <c r="H277745" s="12"/>
    </row>
    <row r="277746" spans="8:8">
      <c r="H277746" s="12"/>
    </row>
    <row r="277747" spans="8:8">
      <c r="H277747" s="12"/>
    </row>
    <row r="277748" spans="8:8">
      <c r="H277748" s="12"/>
    </row>
    <row r="277749" spans="8:8">
      <c r="H277749" s="12"/>
    </row>
    <row r="277750" spans="8:8">
      <c r="H277750" s="12"/>
    </row>
    <row r="277751" spans="8:8">
      <c r="H277751" s="12"/>
    </row>
    <row r="277752" spans="8:8">
      <c r="H277752" s="12"/>
    </row>
    <row r="277753" spans="8:8">
      <c r="H277753" s="12"/>
    </row>
    <row r="277754" spans="8:8">
      <c r="H277754" s="12"/>
    </row>
    <row r="277755" spans="8:8">
      <c r="H277755" s="12"/>
    </row>
    <row r="277756" spans="8:8">
      <c r="H277756" s="12"/>
    </row>
    <row r="277757" spans="8:8">
      <c r="H277757" s="12"/>
    </row>
    <row r="277758" spans="8:8">
      <c r="H277758" s="12"/>
    </row>
    <row r="277759" spans="8:8">
      <c r="H277759" s="12"/>
    </row>
    <row r="277760" spans="8:8">
      <c r="H277760" s="12"/>
    </row>
    <row r="277761" spans="8:8">
      <c r="H277761" s="12"/>
    </row>
    <row r="277762" spans="8:8">
      <c r="H277762" s="12"/>
    </row>
    <row r="277763" spans="8:8">
      <c r="H277763" s="12"/>
    </row>
    <row r="277764" spans="8:8">
      <c r="H277764" s="12"/>
    </row>
    <row r="277765" spans="8:8">
      <c r="H277765" s="12"/>
    </row>
    <row r="277766" spans="8:8">
      <c r="H277766" s="12"/>
    </row>
    <row r="277767" spans="8:8">
      <c r="H277767" s="12"/>
    </row>
    <row r="277768" spans="8:8">
      <c r="H277768" s="12"/>
    </row>
    <row r="277769" spans="8:8">
      <c r="H277769" s="12"/>
    </row>
    <row r="277770" spans="8:8">
      <c r="H277770" s="12"/>
    </row>
    <row r="277771" spans="8:8">
      <c r="H277771" s="12"/>
    </row>
    <row r="277772" spans="8:8">
      <c r="H277772" s="12"/>
    </row>
    <row r="277773" spans="8:8">
      <c r="H277773" s="12"/>
    </row>
    <row r="277774" spans="8:8">
      <c r="H277774" s="12"/>
    </row>
    <row r="277775" spans="8:8">
      <c r="H277775" s="12"/>
    </row>
    <row r="277776" spans="8:8">
      <c r="H277776" s="12"/>
    </row>
    <row r="277777" spans="8:8">
      <c r="H277777" s="12"/>
    </row>
    <row r="277778" spans="8:8">
      <c r="H277778" s="12"/>
    </row>
    <row r="277779" spans="8:8">
      <c r="H277779" s="12"/>
    </row>
    <row r="277780" spans="8:8">
      <c r="H277780" s="12"/>
    </row>
    <row r="277781" spans="8:8">
      <c r="H277781" s="12"/>
    </row>
    <row r="277782" spans="8:8">
      <c r="H277782" s="12"/>
    </row>
    <row r="277783" spans="8:8">
      <c r="H277783" s="12"/>
    </row>
    <row r="277784" spans="8:8">
      <c r="H277784" s="12"/>
    </row>
    <row r="277785" spans="8:8">
      <c r="H277785" s="12"/>
    </row>
    <row r="277786" spans="8:8">
      <c r="H277786" s="12"/>
    </row>
    <row r="277787" spans="8:8">
      <c r="H277787" s="12"/>
    </row>
    <row r="277788" spans="8:8">
      <c r="H277788" s="12"/>
    </row>
    <row r="277789" spans="8:8">
      <c r="H277789" s="12"/>
    </row>
    <row r="277790" spans="8:8">
      <c r="H277790" s="12"/>
    </row>
    <row r="277791" spans="8:8">
      <c r="H277791" s="12"/>
    </row>
    <row r="277792" spans="8:8">
      <c r="H277792" s="12"/>
    </row>
    <row r="277793" spans="8:8">
      <c r="H277793" s="12"/>
    </row>
    <row r="277794" spans="8:8">
      <c r="H277794" s="12"/>
    </row>
    <row r="277795" spans="8:8">
      <c r="H277795" s="12"/>
    </row>
    <row r="277796" spans="8:8">
      <c r="H277796" s="12"/>
    </row>
    <row r="277797" spans="8:8">
      <c r="H277797" s="12"/>
    </row>
    <row r="277798" spans="8:8">
      <c r="H277798" s="12"/>
    </row>
    <row r="277799" spans="8:8">
      <c r="H277799" s="12"/>
    </row>
    <row r="277800" spans="8:8">
      <c r="H277800" s="12"/>
    </row>
    <row r="277801" spans="8:8">
      <c r="H277801" s="12"/>
    </row>
    <row r="277802" spans="8:8">
      <c r="H277802" s="12"/>
    </row>
    <row r="277803" spans="8:8">
      <c r="H277803" s="12"/>
    </row>
    <row r="277804" spans="8:8">
      <c r="H277804" s="12"/>
    </row>
    <row r="277805" spans="8:8">
      <c r="H277805" s="12"/>
    </row>
    <row r="277806" spans="8:8">
      <c r="H277806" s="12"/>
    </row>
    <row r="277807" spans="8:8">
      <c r="H277807" s="12"/>
    </row>
    <row r="277808" spans="8:8">
      <c r="H277808" s="12"/>
    </row>
    <row r="277809" spans="8:8">
      <c r="H277809" s="12"/>
    </row>
    <row r="277810" spans="8:8">
      <c r="H277810" s="12"/>
    </row>
    <row r="277811" spans="8:8">
      <c r="H277811" s="12"/>
    </row>
    <row r="277812" spans="8:8">
      <c r="H277812" s="12"/>
    </row>
    <row r="277813" spans="8:8">
      <c r="H277813" s="12"/>
    </row>
    <row r="277814" spans="8:8">
      <c r="H277814" s="12"/>
    </row>
    <row r="277815" spans="8:8">
      <c r="H277815" s="12"/>
    </row>
    <row r="277816" spans="8:8">
      <c r="H277816" s="12"/>
    </row>
    <row r="277817" spans="8:8">
      <c r="H277817" s="12"/>
    </row>
    <row r="277818" spans="8:8">
      <c r="H277818" s="12"/>
    </row>
    <row r="277819" spans="8:8">
      <c r="H277819" s="12"/>
    </row>
    <row r="277820" spans="8:8">
      <c r="H277820" s="12"/>
    </row>
    <row r="277821" spans="8:8">
      <c r="H277821" s="12"/>
    </row>
    <row r="277822" spans="8:8">
      <c r="H277822" s="12"/>
    </row>
    <row r="277823" spans="8:8">
      <c r="H277823" s="12"/>
    </row>
    <row r="277824" spans="8:8">
      <c r="H277824" s="12"/>
    </row>
    <row r="277825" spans="8:8">
      <c r="H277825" s="12"/>
    </row>
    <row r="277826" spans="8:8">
      <c r="H277826" s="12"/>
    </row>
    <row r="277827" spans="8:8">
      <c r="H277827" s="12"/>
    </row>
    <row r="277828" spans="8:8">
      <c r="H277828" s="12"/>
    </row>
    <row r="277829" spans="8:8">
      <c r="H277829" s="12"/>
    </row>
    <row r="277830" spans="8:8">
      <c r="H277830" s="12"/>
    </row>
    <row r="277831" spans="8:8">
      <c r="H277831" s="12"/>
    </row>
    <row r="277832" spans="8:8">
      <c r="H277832" s="12"/>
    </row>
    <row r="277833" spans="8:8">
      <c r="H277833" s="12"/>
    </row>
    <row r="277834" spans="8:8">
      <c r="H277834" s="12"/>
    </row>
    <row r="277835" spans="8:8">
      <c r="H277835" s="12"/>
    </row>
    <row r="277836" spans="8:8">
      <c r="H277836" s="12"/>
    </row>
    <row r="277837" spans="8:8">
      <c r="H277837" s="12"/>
    </row>
    <row r="277838" spans="8:8">
      <c r="H277838" s="12"/>
    </row>
    <row r="277839" spans="8:8">
      <c r="H277839" s="12"/>
    </row>
    <row r="277840" spans="8:8">
      <c r="H277840" s="12"/>
    </row>
    <row r="277841" spans="8:8">
      <c r="H277841" s="12"/>
    </row>
    <row r="277842" spans="8:8">
      <c r="H277842" s="12"/>
    </row>
    <row r="277843" spans="8:8">
      <c r="H277843" s="12"/>
    </row>
    <row r="277844" spans="8:8">
      <c r="H277844" s="12"/>
    </row>
    <row r="277845" spans="8:8">
      <c r="H277845" s="12"/>
    </row>
    <row r="277846" spans="8:8">
      <c r="H277846" s="12"/>
    </row>
    <row r="277847" spans="8:8">
      <c r="H277847" s="12"/>
    </row>
    <row r="277848" spans="8:8">
      <c r="H277848" s="12"/>
    </row>
    <row r="277849" spans="8:8">
      <c r="H277849" s="12"/>
    </row>
    <row r="277850" spans="8:8">
      <c r="H277850" s="12"/>
    </row>
    <row r="277851" spans="8:8">
      <c r="H277851" s="12"/>
    </row>
    <row r="277852" spans="8:8">
      <c r="H277852" s="12"/>
    </row>
    <row r="277853" spans="8:8">
      <c r="H277853" s="12"/>
    </row>
    <row r="277854" spans="8:8">
      <c r="H277854" s="12"/>
    </row>
    <row r="277855" spans="8:8">
      <c r="H277855" s="12"/>
    </row>
    <row r="277856" spans="8:8">
      <c r="H277856" s="12"/>
    </row>
    <row r="277857" spans="8:8">
      <c r="H277857" s="12"/>
    </row>
    <row r="277858" spans="8:8">
      <c r="H277858" s="12"/>
    </row>
    <row r="277859" spans="8:8">
      <c r="H277859" s="12"/>
    </row>
    <row r="277860" spans="8:8">
      <c r="H277860" s="12"/>
    </row>
    <row r="277861" spans="8:8">
      <c r="H277861" s="12"/>
    </row>
    <row r="277862" spans="8:8">
      <c r="H277862" s="12"/>
    </row>
    <row r="277863" spans="8:8">
      <c r="H277863" s="12"/>
    </row>
    <row r="277864" spans="8:8">
      <c r="H277864" s="12"/>
    </row>
    <row r="277865" spans="8:8">
      <c r="H277865" s="12"/>
    </row>
    <row r="277866" spans="8:8">
      <c r="H277866" s="12"/>
    </row>
    <row r="277867" spans="8:8">
      <c r="H277867" s="12"/>
    </row>
    <row r="277868" spans="8:8">
      <c r="H277868" s="12"/>
    </row>
    <row r="277869" spans="8:8">
      <c r="H277869" s="12"/>
    </row>
    <row r="277870" spans="8:8">
      <c r="H277870" s="12"/>
    </row>
    <row r="277871" spans="8:8">
      <c r="H277871" s="12"/>
    </row>
    <row r="277872" spans="8:8">
      <c r="H277872" s="12"/>
    </row>
    <row r="277873" spans="8:8">
      <c r="H277873" s="12"/>
    </row>
    <row r="277874" spans="8:8">
      <c r="H277874" s="12"/>
    </row>
    <row r="277875" spans="8:8">
      <c r="H277875" s="12"/>
    </row>
    <row r="277876" spans="8:8">
      <c r="H277876" s="12"/>
    </row>
    <row r="277877" spans="8:8">
      <c r="H277877" s="12"/>
    </row>
    <row r="277878" spans="8:8">
      <c r="H277878" s="12"/>
    </row>
    <row r="277879" spans="8:8">
      <c r="H277879" s="12"/>
    </row>
    <row r="277880" spans="8:8">
      <c r="H277880" s="12"/>
    </row>
    <row r="277881" spans="8:8">
      <c r="H277881" s="12"/>
    </row>
    <row r="277882" spans="8:8">
      <c r="H277882" s="12"/>
    </row>
    <row r="277883" spans="8:8">
      <c r="H277883" s="12"/>
    </row>
    <row r="277884" spans="8:8">
      <c r="H277884" s="12"/>
    </row>
    <row r="277885" spans="8:8">
      <c r="H277885" s="12"/>
    </row>
    <row r="277886" spans="8:8">
      <c r="H277886" s="12"/>
    </row>
    <row r="277887" spans="8:8">
      <c r="H277887" s="12"/>
    </row>
    <row r="277888" spans="8:8">
      <c r="H277888" s="12"/>
    </row>
    <row r="277889" spans="8:8">
      <c r="H277889" s="12"/>
    </row>
    <row r="277890" spans="8:8">
      <c r="H277890" s="12"/>
    </row>
    <row r="277891" spans="8:8">
      <c r="H277891" s="12"/>
    </row>
    <row r="277892" spans="8:8">
      <c r="H277892" s="12"/>
    </row>
    <row r="277893" spans="8:8">
      <c r="H277893" s="12"/>
    </row>
    <row r="277894" spans="8:8">
      <c r="H277894" s="12"/>
    </row>
    <row r="277895" spans="8:8">
      <c r="H277895" s="12"/>
    </row>
    <row r="277896" spans="8:8">
      <c r="H277896" s="12"/>
    </row>
    <row r="277897" spans="8:8">
      <c r="H277897" s="12"/>
    </row>
    <row r="277898" spans="8:8">
      <c r="H277898" s="12"/>
    </row>
    <row r="277899" spans="8:8">
      <c r="H277899" s="12"/>
    </row>
    <row r="277900" spans="8:8">
      <c r="H277900" s="12"/>
    </row>
    <row r="277901" spans="8:8">
      <c r="H277901" s="12"/>
    </row>
    <row r="277902" spans="8:8">
      <c r="H277902" s="12"/>
    </row>
    <row r="277903" spans="8:8">
      <c r="H277903" s="12"/>
    </row>
    <row r="277904" spans="8:8">
      <c r="H277904" s="12"/>
    </row>
    <row r="277905" spans="8:8">
      <c r="H277905" s="12"/>
    </row>
    <row r="277906" spans="8:8">
      <c r="H277906" s="12"/>
    </row>
    <row r="277907" spans="8:8">
      <c r="H277907" s="12"/>
    </row>
    <row r="277908" spans="8:8">
      <c r="H277908" s="12"/>
    </row>
    <row r="277909" spans="8:8">
      <c r="H277909" s="12"/>
    </row>
    <row r="277910" spans="8:8">
      <c r="H277910" s="12"/>
    </row>
    <row r="277911" spans="8:8">
      <c r="H277911" s="12"/>
    </row>
    <row r="277912" spans="8:8">
      <c r="H277912" s="12"/>
    </row>
    <row r="277913" spans="8:8">
      <c r="H277913" s="12"/>
    </row>
    <row r="277914" spans="8:8">
      <c r="H277914" s="12"/>
    </row>
    <row r="277915" spans="8:8">
      <c r="H277915" s="12"/>
    </row>
    <row r="277916" spans="8:8">
      <c r="H277916" s="12"/>
    </row>
    <row r="277917" spans="8:8">
      <c r="H277917" s="12"/>
    </row>
    <row r="277918" spans="8:8">
      <c r="H277918" s="12"/>
    </row>
    <row r="277919" spans="8:8">
      <c r="H277919" s="12"/>
    </row>
    <row r="277920" spans="8:8">
      <c r="H277920" s="12"/>
    </row>
    <row r="277921" spans="8:8">
      <c r="H277921" s="12"/>
    </row>
    <row r="277922" spans="8:8">
      <c r="H277922" s="12"/>
    </row>
    <row r="277923" spans="8:8">
      <c r="H277923" s="12"/>
    </row>
    <row r="277924" spans="8:8">
      <c r="H277924" s="12"/>
    </row>
    <row r="277925" spans="8:8">
      <c r="H277925" s="12"/>
    </row>
    <row r="277926" spans="8:8">
      <c r="H277926" s="12"/>
    </row>
    <row r="277927" spans="8:8">
      <c r="H277927" s="12"/>
    </row>
    <row r="277928" spans="8:8">
      <c r="H277928" s="12"/>
    </row>
    <row r="277929" spans="8:8">
      <c r="H277929" s="12"/>
    </row>
    <row r="277930" spans="8:8">
      <c r="H277930" s="12"/>
    </row>
    <row r="277931" spans="8:8">
      <c r="H277931" s="12"/>
    </row>
    <row r="277932" spans="8:8">
      <c r="H277932" s="12"/>
    </row>
    <row r="277933" spans="8:8">
      <c r="H277933" s="12"/>
    </row>
    <row r="277934" spans="8:8">
      <c r="H277934" s="12"/>
    </row>
    <row r="277935" spans="8:8">
      <c r="H277935" s="12"/>
    </row>
    <row r="277936" spans="8:8">
      <c r="H277936" s="12"/>
    </row>
    <row r="277937" spans="8:8">
      <c r="H277937" s="12"/>
    </row>
    <row r="277938" spans="8:8">
      <c r="H277938" s="12"/>
    </row>
    <row r="277939" spans="8:8">
      <c r="H277939" s="12"/>
    </row>
    <row r="277940" spans="8:8">
      <c r="H277940" s="12"/>
    </row>
    <row r="277941" spans="8:8">
      <c r="H277941" s="12"/>
    </row>
    <row r="277942" spans="8:8">
      <c r="H277942" s="12"/>
    </row>
    <row r="277943" spans="8:8">
      <c r="H277943" s="12"/>
    </row>
    <row r="277944" spans="8:8">
      <c r="H277944" s="12"/>
    </row>
    <row r="277945" spans="8:8">
      <c r="H277945" s="12"/>
    </row>
    <row r="277946" spans="8:8">
      <c r="H277946" s="12"/>
    </row>
    <row r="277947" spans="8:8">
      <c r="H277947" s="12"/>
    </row>
    <row r="277948" spans="8:8">
      <c r="H277948" s="12"/>
    </row>
    <row r="277949" spans="8:8">
      <c r="H277949" s="12"/>
    </row>
    <row r="277950" spans="8:8">
      <c r="H277950" s="12"/>
    </row>
    <row r="277951" spans="8:8">
      <c r="H277951" s="12"/>
    </row>
    <row r="277952" spans="8:8">
      <c r="H277952" s="12"/>
    </row>
    <row r="277953" spans="8:8">
      <c r="H277953" s="12"/>
    </row>
    <row r="277954" spans="8:8">
      <c r="H277954" s="12"/>
    </row>
    <row r="277955" spans="8:8">
      <c r="H277955" s="12"/>
    </row>
    <row r="277956" spans="8:8">
      <c r="H277956" s="12"/>
    </row>
    <row r="277957" spans="8:8">
      <c r="H277957" s="12"/>
    </row>
    <row r="277958" spans="8:8">
      <c r="H277958" s="12"/>
    </row>
    <row r="277959" spans="8:8">
      <c r="H277959" s="12"/>
    </row>
    <row r="277960" spans="8:8">
      <c r="H277960" s="12"/>
    </row>
    <row r="277961" spans="8:8">
      <c r="H277961" s="12"/>
    </row>
    <row r="277962" spans="8:8">
      <c r="H277962" s="12"/>
    </row>
    <row r="277963" spans="8:8">
      <c r="H277963" s="12"/>
    </row>
    <row r="277964" spans="8:8">
      <c r="H277964" s="12"/>
    </row>
    <row r="277965" spans="8:8">
      <c r="H277965" s="12"/>
    </row>
    <row r="277966" spans="8:8">
      <c r="H277966" s="12"/>
    </row>
    <row r="277967" spans="8:8">
      <c r="H277967" s="12"/>
    </row>
    <row r="277968" spans="8:8">
      <c r="H277968" s="12"/>
    </row>
    <row r="277969" spans="8:8">
      <c r="H277969" s="12"/>
    </row>
    <row r="277970" spans="8:8">
      <c r="H277970" s="12"/>
    </row>
    <row r="277971" spans="8:8">
      <c r="H277971" s="12"/>
    </row>
    <row r="277972" spans="8:8">
      <c r="H277972" s="12"/>
    </row>
    <row r="277973" spans="8:8">
      <c r="H277973" s="12"/>
    </row>
    <row r="277974" spans="8:8">
      <c r="H277974" s="12"/>
    </row>
    <row r="277975" spans="8:8">
      <c r="H277975" s="12"/>
    </row>
    <row r="277976" spans="8:8">
      <c r="H277976" s="12"/>
    </row>
    <row r="277977" spans="8:8">
      <c r="H277977" s="12"/>
    </row>
    <row r="277978" spans="8:8">
      <c r="H277978" s="12"/>
    </row>
    <row r="277979" spans="8:8">
      <c r="H277979" s="12"/>
    </row>
    <row r="277980" spans="8:8">
      <c r="H277980" s="12"/>
    </row>
    <row r="277981" spans="8:8">
      <c r="H277981" s="12"/>
    </row>
    <row r="277982" spans="8:8">
      <c r="H277982" s="12"/>
    </row>
    <row r="277983" spans="8:8">
      <c r="H277983" s="12"/>
    </row>
    <row r="277984" spans="8:8">
      <c r="H277984" s="12"/>
    </row>
    <row r="277985" spans="8:8">
      <c r="H277985" s="12"/>
    </row>
    <row r="277986" spans="8:8">
      <c r="H277986" s="12"/>
    </row>
    <row r="277987" spans="8:8">
      <c r="H277987" s="12"/>
    </row>
    <row r="277988" spans="8:8">
      <c r="H277988" s="12"/>
    </row>
    <row r="277989" spans="8:8">
      <c r="H277989" s="12"/>
    </row>
    <row r="277990" spans="8:8">
      <c r="H277990" s="12"/>
    </row>
    <row r="277991" spans="8:8">
      <c r="H277991" s="12"/>
    </row>
    <row r="277992" spans="8:8">
      <c r="H277992" s="12"/>
    </row>
    <row r="277993" spans="8:8">
      <c r="H277993" s="12"/>
    </row>
    <row r="277994" spans="8:8">
      <c r="H277994" s="12"/>
    </row>
    <row r="277995" spans="8:8">
      <c r="H277995" s="12"/>
    </row>
    <row r="277996" spans="8:8">
      <c r="H277996" s="12"/>
    </row>
    <row r="277997" spans="8:8">
      <c r="H277997" s="12"/>
    </row>
    <row r="277998" spans="8:8">
      <c r="H277998" s="12"/>
    </row>
    <row r="277999" spans="8:8">
      <c r="H277999" s="12"/>
    </row>
    <row r="278000" spans="8:8">
      <c r="H278000" s="12"/>
    </row>
    <row r="278001" spans="8:8">
      <c r="H278001" s="12"/>
    </row>
    <row r="278002" spans="8:8">
      <c r="H278002" s="12"/>
    </row>
    <row r="278003" spans="8:8">
      <c r="H278003" s="12"/>
    </row>
    <row r="278004" spans="8:8">
      <c r="H278004" s="12"/>
    </row>
    <row r="278005" spans="8:8">
      <c r="H278005" s="12"/>
    </row>
    <row r="278006" spans="8:8">
      <c r="H278006" s="12"/>
    </row>
    <row r="278007" spans="8:8">
      <c r="H278007" s="12"/>
    </row>
    <row r="278008" spans="8:8">
      <c r="H278008" s="12"/>
    </row>
    <row r="278009" spans="8:8">
      <c r="H278009" s="12"/>
    </row>
    <row r="278010" spans="8:8">
      <c r="H278010" s="12"/>
    </row>
    <row r="278011" spans="8:8">
      <c r="H278011" s="12"/>
    </row>
    <row r="278012" spans="8:8">
      <c r="H278012" s="12"/>
    </row>
    <row r="278013" spans="8:8">
      <c r="H278013" s="12"/>
    </row>
    <row r="278014" spans="8:8">
      <c r="H278014" s="12"/>
    </row>
    <row r="278015" spans="8:8">
      <c r="H278015" s="12"/>
    </row>
    <row r="278016" spans="8:8">
      <c r="H278016" s="12"/>
    </row>
    <row r="278017" spans="8:8">
      <c r="H278017" s="12"/>
    </row>
    <row r="278018" spans="8:8">
      <c r="H278018" s="12"/>
    </row>
    <row r="278019" spans="8:8">
      <c r="H278019" s="12"/>
    </row>
    <row r="278020" spans="8:8">
      <c r="H278020" s="12"/>
    </row>
    <row r="278021" spans="8:8">
      <c r="H278021" s="12"/>
    </row>
    <row r="278022" spans="8:8">
      <c r="H278022" s="12"/>
    </row>
    <row r="278023" spans="8:8">
      <c r="H278023" s="12"/>
    </row>
    <row r="278024" spans="8:8">
      <c r="H278024" s="12"/>
    </row>
    <row r="278025" spans="8:8">
      <c r="H278025" s="12"/>
    </row>
    <row r="278026" spans="8:8">
      <c r="H278026" s="12"/>
    </row>
    <row r="278027" spans="8:8">
      <c r="H278027" s="12"/>
    </row>
    <row r="278028" spans="8:8">
      <c r="H278028" s="12"/>
    </row>
    <row r="278029" spans="8:8">
      <c r="H278029" s="12"/>
    </row>
    <row r="278030" spans="8:8">
      <c r="H278030" s="12"/>
    </row>
    <row r="278031" spans="8:8">
      <c r="H278031" s="12"/>
    </row>
    <row r="278032" spans="8:8">
      <c r="H278032" s="12"/>
    </row>
    <row r="278033" spans="8:8">
      <c r="H278033" s="12"/>
    </row>
    <row r="278034" spans="8:8">
      <c r="H278034" s="12"/>
    </row>
    <row r="278035" spans="8:8">
      <c r="H278035" s="12"/>
    </row>
    <row r="278036" spans="8:8">
      <c r="H278036" s="12"/>
    </row>
    <row r="278037" spans="8:8">
      <c r="H278037" s="12"/>
    </row>
    <row r="278038" spans="8:8">
      <c r="H278038" s="12"/>
    </row>
    <row r="278039" spans="8:8">
      <c r="H278039" s="12"/>
    </row>
    <row r="278040" spans="8:8">
      <c r="H278040" s="12"/>
    </row>
    <row r="278041" spans="8:8">
      <c r="H278041" s="12"/>
    </row>
    <row r="278042" spans="8:8">
      <c r="H278042" s="12"/>
    </row>
    <row r="278043" spans="8:8">
      <c r="H278043" s="12"/>
    </row>
    <row r="278044" spans="8:8">
      <c r="H278044" s="12"/>
    </row>
    <row r="278045" spans="8:8">
      <c r="H278045" s="12"/>
    </row>
    <row r="278046" spans="8:8">
      <c r="H278046" s="12"/>
    </row>
    <row r="278047" spans="8:8">
      <c r="H278047" s="12"/>
    </row>
    <row r="278048" spans="8:8">
      <c r="H278048" s="12"/>
    </row>
    <row r="278049" spans="8:8">
      <c r="H278049" s="12"/>
    </row>
    <row r="278050" spans="8:8">
      <c r="H278050" s="12"/>
    </row>
    <row r="278051" spans="8:8">
      <c r="H278051" s="12"/>
    </row>
    <row r="278052" spans="8:8">
      <c r="H278052" s="12"/>
    </row>
    <row r="278053" spans="8:8">
      <c r="H278053" s="12"/>
    </row>
    <row r="278054" spans="8:8">
      <c r="H278054" s="12"/>
    </row>
    <row r="278055" spans="8:8">
      <c r="H278055" s="12"/>
    </row>
    <row r="278056" spans="8:8">
      <c r="H278056" s="12"/>
    </row>
    <row r="278057" spans="8:8">
      <c r="H278057" s="12"/>
    </row>
    <row r="278058" spans="8:8">
      <c r="H278058" s="12"/>
    </row>
    <row r="278059" spans="8:8">
      <c r="H278059" s="12"/>
    </row>
    <row r="278060" spans="8:8">
      <c r="H278060" s="12"/>
    </row>
    <row r="278061" spans="8:8">
      <c r="H278061" s="12"/>
    </row>
    <row r="278062" spans="8:8">
      <c r="H278062" s="12"/>
    </row>
    <row r="278063" spans="8:8">
      <c r="H278063" s="12"/>
    </row>
    <row r="278064" spans="8:8">
      <c r="H278064" s="12"/>
    </row>
    <row r="278065" spans="8:8">
      <c r="H278065" s="12"/>
    </row>
    <row r="278066" spans="8:8">
      <c r="H278066" s="12"/>
    </row>
    <row r="278067" spans="8:8">
      <c r="H278067" s="12"/>
    </row>
    <row r="278068" spans="8:8">
      <c r="H278068" s="12"/>
    </row>
    <row r="278069" spans="8:8">
      <c r="H278069" s="12"/>
    </row>
    <row r="278070" spans="8:8">
      <c r="H278070" s="12"/>
    </row>
    <row r="278071" spans="8:8">
      <c r="H278071" s="12"/>
    </row>
    <row r="278072" spans="8:8">
      <c r="H278072" s="12"/>
    </row>
    <row r="278073" spans="8:8">
      <c r="H278073" s="12"/>
    </row>
    <row r="278074" spans="8:8">
      <c r="H278074" s="12"/>
    </row>
    <row r="278075" spans="8:8">
      <c r="H278075" s="12"/>
    </row>
    <row r="278076" spans="8:8">
      <c r="H278076" s="12"/>
    </row>
    <row r="278077" spans="8:8">
      <c r="H278077" s="12"/>
    </row>
    <row r="278078" spans="8:8">
      <c r="H278078" s="12"/>
    </row>
    <row r="278079" spans="8:8">
      <c r="H278079" s="12"/>
    </row>
    <row r="278080" spans="8:8">
      <c r="H278080" s="12"/>
    </row>
    <row r="278081" spans="8:8">
      <c r="H278081" s="12"/>
    </row>
    <row r="278082" spans="8:8">
      <c r="H278082" s="12"/>
    </row>
    <row r="278083" spans="8:8">
      <c r="H278083" s="12"/>
    </row>
    <row r="278084" spans="8:8">
      <c r="H278084" s="12"/>
    </row>
    <row r="278085" spans="8:8">
      <c r="H278085" s="12"/>
    </row>
    <row r="278086" spans="8:8">
      <c r="H278086" s="12"/>
    </row>
    <row r="278087" spans="8:8">
      <c r="H278087" s="12"/>
    </row>
    <row r="278088" spans="8:8">
      <c r="H278088" s="12"/>
    </row>
    <row r="278089" spans="8:8">
      <c r="H278089" s="12"/>
    </row>
    <row r="278090" spans="8:8">
      <c r="H278090" s="12"/>
    </row>
    <row r="278091" spans="8:8">
      <c r="H278091" s="12"/>
    </row>
    <row r="278092" spans="8:8">
      <c r="H278092" s="12"/>
    </row>
    <row r="278093" spans="8:8">
      <c r="H278093" s="12"/>
    </row>
    <row r="278094" spans="8:8">
      <c r="H278094" s="12"/>
    </row>
    <row r="278095" spans="8:8">
      <c r="H278095" s="12"/>
    </row>
    <row r="278096" spans="8:8">
      <c r="H278096" s="12"/>
    </row>
    <row r="278097" spans="8:8">
      <c r="H278097" s="12"/>
    </row>
    <row r="278098" spans="8:8">
      <c r="H278098" s="12"/>
    </row>
    <row r="278099" spans="8:8">
      <c r="H278099" s="12"/>
    </row>
    <row r="278100" spans="8:8">
      <c r="H278100" s="12"/>
    </row>
    <row r="278101" spans="8:8">
      <c r="H278101" s="12"/>
    </row>
    <row r="278102" spans="8:8">
      <c r="H278102" s="12"/>
    </row>
    <row r="278103" spans="8:8">
      <c r="H278103" s="12"/>
    </row>
    <row r="278104" spans="8:8">
      <c r="H278104" s="12"/>
    </row>
    <row r="278105" spans="8:8">
      <c r="H278105" s="12"/>
    </row>
    <row r="278106" spans="8:8">
      <c r="H278106" s="12"/>
    </row>
    <row r="278107" spans="8:8">
      <c r="H278107" s="12"/>
    </row>
    <row r="278108" spans="8:8">
      <c r="H278108" s="12"/>
    </row>
    <row r="278109" spans="8:8">
      <c r="H278109" s="12"/>
    </row>
    <row r="278110" spans="8:8">
      <c r="H278110" s="12"/>
    </row>
    <row r="278111" spans="8:8">
      <c r="H278111" s="12"/>
    </row>
    <row r="278112" spans="8:8">
      <c r="H278112" s="12"/>
    </row>
    <row r="278113" spans="8:8">
      <c r="H278113" s="12"/>
    </row>
    <row r="278114" spans="8:8">
      <c r="H278114" s="12"/>
    </row>
    <row r="278115" spans="8:8">
      <c r="H278115" s="12"/>
    </row>
    <row r="278116" spans="8:8">
      <c r="H278116" s="12"/>
    </row>
    <row r="278117" spans="8:8">
      <c r="H278117" s="12"/>
    </row>
    <row r="278118" spans="8:8">
      <c r="H278118" s="12"/>
    </row>
    <row r="278119" spans="8:8">
      <c r="H278119" s="12"/>
    </row>
    <row r="278120" spans="8:8">
      <c r="H278120" s="12"/>
    </row>
    <row r="278121" spans="8:8">
      <c r="H278121" s="12"/>
    </row>
    <row r="278122" spans="8:8">
      <c r="H278122" s="12"/>
    </row>
    <row r="278123" spans="8:8">
      <c r="H278123" s="12"/>
    </row>
    <row r="278124" spans="8:8">
      <c r="H278124" s="12"/>
    </row>
    <row r="278125" spans="8:8">
      <c r="H278125" s="12"/>
    </row>
    <row r="278126" spans="8:8">
      <c r="H278126" s="12"/>
    </row>
    <row r="278127" spans="8:8">
      <c r="H278127" s="12"/>
    </row>
    <row r="278128" spans="8:8">
      <c r="H278128" s="12"/>
    </row>
    <row r="278129" spans="8:8">
      <c r="H278129" s="12"/>
    </row>
    <row r="278130" spans="8:8">
      <c r="H278130" s="12"/>
    </row>
    <row r="278131" spans="8:8">
      <c r="H278131" s="12"/>
    </row>
    <row r="278132" spans="8:8">
      <c r="H278132" s="12"/>
    </row>
    <row r="278133" spans="8:8">
      <c r="H278133" s="12"/>
    </row>
    <row r="278134" spans="8:8">
      <c r="H278134" s="12"/>
    </row>
    <row r="278135" spans="8:8">
      <c r="H278135" s="12"/>
    </row>
    <row r="278136" spans="8:8">
      <c r="H278136" s="12"/>
    </row>
    <row r="278137" spans="8:8">
      <c r="H278137" s="12"/>
    </row>
    <row r="278138" spans="8:8">
      <c r="H278138" s="12"/>
    </row>
    <row r="278139" spans="8:8">
      <c r="H278139" s="12"/>
    </row>
    <row r="278140" spans="8:8">
      <c r="H278140" s="12"/>
    </row>
    <row r="278141" spans="8:8">
      <c r="H278141" s="12"/>
    </row>
    <row r="278142" spans="8:8">
      <c r="H278142" s="12"/>
    </row>
    <row r="278143" spans="8:8">
      <c r="H278143" s="12"/>
    </row>
    <row r="278144" spans="8:8">
      <c r="H278144" s="12"/>
    </row>
    <row r="278145" spans="8:8">
      <c r="H278145" s="12"/>
    </row>
    <row r="278146" spans="8:8">
      <c r="H278146" s="12"/>
    </row>
    <row r="278147" spans="8:8">
      <c r="H278147" s="12"/>
    </row>
    <row r="278148" spans="8:8">
      <c r="H278148" s="12"/>
    </row>
    <row r="278149" spans="8:8">
      <c r="H278149" s="12"/>
    </row>
    <row r="278150" spans="8:8">
      <c r="H278150" s="12"/>
    </row>
    <row r="278151" spans="8:8">
      <c r="H278151" s="12"/>
    </row>
    <row r="278152" spans="8:8">
      <c r="H278152" s="12"/>
    </row>
    <row r="278153" spans="8:8">
      <c r="H278153" s="12"/>
    </row>
    <row r="278154" spans="8:8">
      <c r="H278154" s="12"/>
    </row>
    <row r="278155" spans="8:8">
      <c r="H278155" s="12"/>
    </row>
    <row r="278156" spans="8:8">
      <c r="H278156" s="12"/>
    </row>
    <row r="278157" spans="8:8">
      <c r="H278157" s="12"/>
    </row>
    <row r="278158" spans="8:8">
      <c r="H278158" s="12"/>
    </row>
    <row r="278159" spans="8:8">
      <c r="H278159" s="12"/>
    </row>
    <row r="278160" spans="8:8">
      <c r="H278160" s="12"/>
    </row>
    <row r="278161" spans="8:8">
      <c r="H278161" s="12"/>
    </row>
    <row r="278162" spans="8:8">
      <c r="H278162" s="12"/>
    </row>
    <row r="278163" spans="8:8">
      <c r="H278163" s="12"/>
    </row>
    <row r="278164" spans="8:8">
      <c r="H278164" s="12"/>
    </row>
    <row r="278165" spans="8:8">
      <c r="H278165" s="12"/>
    </row>
    <row r="278166" spans="8:8">
      <c r="H278166" s="12"/>
    </row>
    <row r="278167" spans="8:8">
      <c r="H278167" s="12"/>
    </row>
    <row r="278168" spans="8:8">
      <c r="H278168" s="12"/>
    </row>
    <row r="278169" spans="8:8">
      <c r="H278169" s="12"/>
    </row>
    <row r="278170" spans="8:8">
      <c r="H278170" s="12"/>
    </row>
    <row r="278171" spans="8:8">
      <c r="H278171" s="12"/>
    </row>
    <row r="278172" spans="8:8">
      <c r="H278172" s="12"/>
    </row>
    <row r="278173" spans="8:8">
      <c r="H278173" s="12"/>
    </row>
    <row r="278174" spans="8:8">
      <c r="H278174" s="12"/>
    </row>
    <row r="278175" spans="8:8">
      <c r="H278175" s="12"/>
    </row>
    <row r="278176" spans="8:8">
      <c r="H278176" s="12"/>
    </row>
    <row r="278177" spans="8:8">
      <c r="H278177" s="12"/>
    </row>
    <row r="278178" spans="8:8">
      <c r="H278178" s="12"/>
    </row>
    <row r="278179" spans="8:8">
      <c r="H278179" s="12"/>
    </row>
    <row r="278180" spans="8:8">
      <c r="H278180" s="12"/>
    </row>
    <row r="278181" spans="8:8">
      <c r="H278181" s="12"/>
    </row>
    <row r="278182" spans="8:8">
      <c r="H278182" s="12"/>
    </row>
    <row r="278183" spans="8:8">
      <c r="H278183" s="12"/>
    </row>
    <row r="278184" spans="8:8">
      <c r="H278184" s="12"/>
    </row>
    <row r="278185" spans="8:8">
      <c r="H278185" s="12"/>
    </row>
    <row r="278186" spans="8:8">
      <c r="H278186" s="12"/>
    </row>
    <row r="278187" spans="8:8">
      <c r="H278187" s="12"/>
    </row>
    <row r="278188" spans="8:8">
      <c r="H278188" s="12"/>
    </row>
    <row r="278189" spans="8:8">
      <c r="H278189" s="12"/>
    </row>
    <row r="278190" spans="8:8">
      <c r="H278190" s="12"/>
    </row>
    <row r="278191" spans="8:8">
      <c r="H278191" s="12"/>
    </row>
    <row r="278192" spans="8:8">
      <c r="H278192" s="12"/>
    </row>
    <row r="278193" spans="8:8">
      <c r="H278193" s="12"/>
    </row>
    <row r="278194" spans="8:8">
      <c r="H278194" s="12"/>
    </row>
    <row r="278195" spans="8:8">
      <c r="H278195" s="12"/>
    </row>
    <row r="278196" spans="8:8">
      <c r="H278196" s="12"/>
    </row>
    <row r="278197" spans="8:8">
      <c r="H278197" s="12"/>
    </row>
    <row r="278198" spans="8:8">
      <c r="H278198" s="12"/>
    </row>
    <row r="278199" spans="8:8">
      <c r="H278199" s="12"/>
    </row>
    <row r="278200" spans="8:8">
      <c r="H278200" s="12"/>
    </row>
    <row r="278201" spans="8:8">
      <c r="H278201" s="12"/>
    </row>
    <row r="278202" spans="8:8">
      <c r="H278202" s="12"/>
    </row>
    <row r="278203" spans="8:8">
      <c r="H278203" s="12"/>
    </row>
    <row r="278204" spans="8:8">
      <c r="H278204" s="12"/>
    </row>
    <row r="278205" spans="8:8">
      <c r="H278205" s="12"/>
    </row>
    <row r="278206" spans="8:8">
      <c r="H278206" s="12"/>
    </row>
    <row r="278207" spans="8:8">
      <c r="H278207" s="12"/>
    </row>
    <row r="278208" spans="8:8">
      <c r="H278208" s="12"/>
    </row>
    <row r="278209" spans="8:8">
      <c r="H278209" s="12"/>
    </row>
    <row r="278210" spans="8:8">
      <c r="H278210" s="12"/>
    </row>
    <row r="278211" spans="8:8">
      <c r="H278211" s="12"/>
    </row>
    <row r="278212" spans="8:8">
      <c r="H278212" s="12"/>
    </row>
    <row r="278213" spans="8:8">
      <c r="H278213" s="12"/>
    </row>
    <row r="278214" spans="8:8">
      <c r="H278214" s="12"/>
    </row>
    <row r="278215" spans="8:8">
      <c r="H278215" s="12"/>
    </row>
    <row r="278216" spans="8:8">
      <c r="H278216" s="12"/>
    </row>
    <row r="278217" spans="8:8">
      <c r="H278217" s="12"/>
    </row>
    <row r="278218" spans="8:8">
      <c r="H278218" s="12"/>
    </row>
    <row r="278219" spans="8:8">
      <c r="H278219" s="12"/>
    </row>
    <row r="278220" spans="8:8">
      <c r="H278220" s="12"/>
    </row>
    <row r="278221" spans="8:8">
      <c r="H278221" s="12"/>
    </row>
    <row r="278222" spans="8:8">
      <c r="H278222" s="12"/>
    </row>
    <row r="278223" spans="8:8">
      <c r="H278223" s="12"/>
    </row>
    <row r="278224" spans="8:8">
      <c r="H278224" s="12"/>
    </row>
    <row r="278225" spans="8:8">
      <c r="H278225" s="12"/>
    </row>
    <row r="278226" spans="8:8">
      <c r="H278226" s="12"/>
    </row>
    <row r="278227" spans="8:8">
      <c r="H278227" s="12"/>
    </row>
    <row r="278228" spans="8:8">
      <c r="H278228" s="12"/>
    </row>
    <row r="278229" spans="8:8">
      <c r="H278229" s="12"/>
    </row>
    <row r="278230" spans="8:8">
      <c r="H278230" s="12"/>
    </row>
    <row r="278231" spans="8:8">
      <c r="H278231" s="12"/>
    </row>
    <row r="278232" spans="8:8">
      <c r="H278232" s="12"/>
    </row>
    <row r="278233" spans="8:8">
      <c r="H278233" s="12"/>
    </row>
    <row r="278234" spans="8:8">
      <c r="H278234" s="12"/>
    </row>
    <row r="278235" spans="8:8">
      <c r="H278235" s="12"/>
    </row>
    <row r="278236" spans="8:8">
      <c r="H278236" s="12"/>
    </row>
    <row r="278237" spans="8:8">
      <c r="H278237" s="12"/>
    </row>
    <row r="278238" spans="8:8">
      <c r="H278238" s="12"/>
    </row>
    <row r="278239" spans="8:8">
      <c r="H278239" s="12"/>
    </row>
    <row r="278240" spans="8:8">
      <c r="H278240" s="12"/>
    </row>
    <row r="278241" spans="8:8">
      <c r="H278241" s="12"/>
    </row>
    <row r="278242" spans="8:8">
      <c r="H278242" s="12"/>
    </row>
    <row r="278243" spans="8:8">
      <c r="H278243" s="12"/>
    </row>
    <row r="278244" spans="8:8">
      <c r="H278244" s="12"/>
    </row>
    <row r="278245" spans="8:8">
      <c r="H278245" s="12"/>
    </row>
    <row r="278246" spans="8:8">
      <c r="H278246" s="12"/>
    </row>
    <row r="278247" spans="8:8">
      <c r="H278247" s="12"/>
    </row>
    <row r="278248" spans="8:8">
      <c r="H278248" s="12"/>
    </row>
    <row r="278249" spans="8:8">
      <c r="H278249" s="12"/>
    </row>
    <row r="278250" spans="8:8">
      <c r="H278250" s="12"/>
    </row>
    <row r="278251" spans="8:8">
      <c r="H278251" s="12"/>
    </row>
    <row r="278252" spans="8:8">
      <c r="H278252" s="12"/>
    </row>
    <row r="278253" spans="8:8">
      <c r="H278253" s="12"/>
    </row>
    <row r="278254" spans="8:8">
      <c r="H278254" s="12"/>
    </row>
    <row r="278255" spans="8:8">
      <c r="H278255" s="12"/>
    </row>
    <row r="278256" spans="8:8">
      <c r="H278256" s="12"/>
    </row>
    <row r="278257" spans="8:8">
      <c r="H278257" s="12"/>
    </row>
    <row r="278258" spans="8:8">
      <c r="H278258" s="12"/>
    </row>
    <row r="278259" spans="8:8">
      <c r="H278259" s="12"/>
    </row>
    <row r="278260" spans="8:8">
      <c r="H278260" s="12"/>
    </row>
    <row r="278261" spans="8:8">
      <c r="H278261" s="12"/>
    </row>
    <row r="278262" spans="8:8">
      <c r="H278262" s="12"/>
    </row>
    <row r="278263" spans="8:8">
      <c r="H278263" s="12"/>
    </row>
    <row r="278264" spans="8:8">
      <c r="H278264" s="12"/>
    </row>
    <row r="278265" spans="8:8">
      <c r="H278265" s="12"/>
    </row>
    <row r="278266" spans="8:8">
      <c r="H278266" s="12"/>
    </row>
    <row r="278267" spans="8:8">
      <c r="H278267" s="12"/>
    </row>
    <row r="278268" spans="8:8">
      <c r="H278268" s="12"/>
    </row>
    <row r="278269" spans="8:8">
      <c r="H278269" s="12"/>
    </row>
    <row r="278270" spans="8:8">
      <c r="H278270" s="12"/>
    </row>
    <row r="278271" spans="8:8">
      <c r="H278271" s="12"/>
    </row>
    <row r="278272" spans="8:8">
      <c r="H278272" s="12"/>
    </row>
    <row r="278273" spans="8:8">
      <c r="H278273" s="12"/>
    </row>
    <row r="278274" spans="8:8">
      <c r="H278274" s="12"/>
    </row>
    <row r="278275" spans="8:8">
      <c r="H278275" s="12"/>
    </row>
    <row r="278276" spans="8:8">
      <c r="H278276" s="12"/>
    </row>
    <row r="278277" spans="8:8">
      <c r="H278277" s="12"/>
    </row>
    <row r="278278" spans="8:8">
      <c r="H278278" s="12"/>
    </row>
    <row r="278279" spans="8:8">
      <c r="H278279" s="12"/>
    </row>
    <row r="278280" spans="8:8">
      <c r="H278280" s="12"/>
    </row>
    <row r="278281" spans="8:8">
      <c r="H278281" s="12"/>
    </row>
    <row r="278282" spans="8:8">
      <c r="H278282" s="12"/>
    </row>
    <row r="278283" spans="8:8">
      <c r="H278283" s="12"/>
    </row>
    <row r="278284" spans="8:8">
      <c r="H278284" s="12"/>
    </row>
    <row r="278285" spans="8:8">
      <c r="H278285" s="12"/>
    </row>
    <row r="278286" spans="8:8">
      <c r="H278286" s="12"/>
    </row>
    <row r="278287" spans="8:8">
      <c r="H278287" s="12"/>
    </row>
    <row r="278288" spans="8:8">
      <c r="H278288" s="12"/>
    </row>
    <row r="278289" spans="8:8">
      <c r="H278289" s="12"/>
    </row>
    <row r="278290" spans="8:8">
      <c r="H278290" s="12"/>
    </row>
    <row r="278291" spans="8:8">
      <c r="H278291" s="12"/>
    </row>
    <row r="278292" spans="8:8">
      <c r="H278292" s="12"/>
    </row>
    <row r="278293" spans="8:8">
      <c r="H278293" s="12"/>
    </row>
    <row r="278294" spans="8:8">
      <c r="H278294" s="12"/>
    </row>
    <row r="278295" spans="8:8">
      <c r="H278295" s="12"/>
    </row>
    <row r="278296" spans="8:8">
      <c r="H278296" s="12"/>
    </row>
    <row r="278297" spans="8:8">
      <c r="H278297" s="12"/>
    </row>
    <row r="278298" spans="8:8">
      <c r="H278298" s="12"/>
    </row>
    <row r="278299" spans="8:8">
      <c r="H278299" s="12"/>
    </row>
    <row r="278300" spans="8:8">
      <c r="H278300" s="12"/>
    </row>
    <row r="278301" spans="8:8">
      <c r="H278301" s="12"/>
    </row>
    <row r="278302" spans="8:8">
      <c r="H278302" s="12"/>
    </row>
    <row r="278303" spans="8:8">
      <c r="H278303" s="12"/>
    </row>
    <row r="278304" spans="8:8">
      <c r="H278304" s="12"/>
    </row>
    <row r="278305" spans="8:8">
      <c r="H278305" s="12"/>
    </row>
    <row r="278306" spans="8:8">
      <c r="H278306" s="12"/>
    </row>
    <row r="278307" spans="8:8">
      <c r="H278307" s="12"/>
    </row>
    <row r="278308" spans="8:8">
      <c r="H278308" s="12"/>
    </row>
    <row r="278309" spans="8:8">
      <c r="H278309" s="12"/>
    </row>
    <row r="278310" spans="8:8">
      <c r="H278310" s="12"/>
    </row>
    <row r="278311" spans="8:8">
      <c r="H278311" s="12"/>
    </row>
    <row r="278312" spans="8:8">
      <c r="H278312" s="12"/>
    </row>
    <row r="278313" spans="8:8">
      <c r="H278313" s="12"/>
    </row>
    <row r="278314" spans="8:8">
      <c r="H278314" s="12"/>
    </row>
    <row r="278315" spans="8:8">
      <c r="H278315" s="12"/>
    </row>
    <row r="278316" spans="8:8">
      <c r="H278316" s="12"/>
    </row>
    <row r="278317" spans="8:8">
      <c r="H278317" s="12"/>
    </row>
    <row r="278318" spans="8:8">
      <c r="H278318" s="12"/>
    </row>
    <row r="278319" spans="8:8">
      <c r="H278319" s="12"/>
    </row>
    <row r="278320" spans="8:8">
      <c r="H278320" s="12"/>
    </row>
    <row r="278321" spans="8:8">
      <c r="H278321" s="12"/>
    </row>
    <row r="278322" spans="8:8">
      <c r="H278322" s="12"/>
    </row>
    <row r="278323" spans="8:8">
      <c r="H278323" s="12"/>
    </row>
    <row r="278324" spans="8:8">
      <c r="H278324" s="12"/>
    </row>
    <row r="278325" spans="8:8">
      <c r="H278325" s="12"/>
    </row>
    <row r="278326" spans="8:8">
      <c r="H278326" s="12"/>
    </row>
    <row r="278327" spans="8:8">
      <c r="H278327" s="12"/>
    </row>
    <row r="278328" spans="8:8">
      <c r="H278328" s="12"/>
    </row>
    <row r="278329" spans="8:8">
      <c r="H278329" s="12"/>
    </row>
    <row r="278330" spans="8:8">
      <c r="H278330" s="12"/>
    </row>
    <row r="278331" spans="8:8">
      <c r="H278331" s="12"/>
    </row>
    <row r="278332" spans="8:8">
      <c r="H278332" s="12"/>
    </row>
    <row r="278333" spans="8:8">
      <c r="H278333" s="12"/>
    </row>
    <row r="278334" spans="8:8">
      <c r="H278334" s="12"/>
    </row>
    <row r="278335" spans="8:8">
      <c r="H278335" s="12"/>
    </row>
    <row r="278336" spans="8:8">
      <c r="H278336" s="12"/>
    </row>
    <row r="278337" spans="8:8">
      <c r="H278337" s="12"/>
    </row>
    <row r="278338" spans="8:8">
      <c r="H278338" s="12"/>
    </row>
    <row r="278339" spans="8:8">
      <c r="H278339" s="12"/>
    </row>
    <row r="278340" spans="8:8">
      <c r="H278340" s="12"/>
    </row>
    <row r="278341" spans="8:8">
      <c r="H278341" s="12"/>
    </row>
    <row r="278342" spans="8:8">
      <c r="H278342" s="12"/>
    </row>
    <row r="278343" spans="8:8">
      <c r="H278343" s="12"/>
    </row>
    <row r="278344" spans="8:8">
      <c r="H278344" s="12"/>
    </row>
    <row r="278345" spans="8:8">
      <c r="H278345" s="12"/>
    </row>
    <row r="278346" spans="8:8">
      <c r="H278346" s="12"/>
    </row>
    <row r="278347" spans="8:8">
      <c r="H278347" s="12"/>
    </row>
    <row r="278348" spans="8:8">
      <c r="H278348" s="12"/>
    </row>
    <row r="278349" spans="8:8">
      <c r="H278349" s="12"/>
    </row>
    <row r="278350" spans="8:8">
      <c r="H278350" s="12"/>
    </row>
    <row r="278351" spans="8:8">
      <c r="H278351" s="12"/>
    </row>
    <row r="278352" spans="8:8">
      <c r="H278352" s="12"/>
    </row>
    <row r="278353" spans="8:8">
      <c r="H278353" s="12"/>
    </row>
    <row r="278354" spans="8:8">
      <c r="H278354" s="12"/>
    </row>
    <row r="278355" spans="8:8">
      <c r="H278355" s="12"/>
    </row>
    <row r="278356" spans="8:8">
      <c r="H278356" s="12"/>
    </row>
    <row r="278357" spans="8:8">
      <c r="H278357" s="12"/>
    </row>
    <row r="278358" spans="8:8">
      <c r="H278358" s="12"/>
    </row>
    <row r="278359" spans="8:8">
      <c r="H278359" s="12"/>
    </row>
    <row r="278360" spans="8:8">
      <c r="H278360" s="12"/>
    </row>
    <row r="278361" spans="8:8">
      <c r="H278361" s="12"/>
    </row>
    <row r="278362" spans="8:8">
      <c r="H278362" s="12"/>
    </row>
    <row r="278363" spans="8:8">
      <c r="H278363" s="12"/>
    </row>
    <row r="278364" spans="8:8">
      <c r="H278364" s="12"/>
    </row>
    <row r="278365" spans="8:8">
      <c r="H278365" s="12"/>
    </row>
    <row r="278366" spans="8:8">
      <c r="H278366" s="12"/>
    </row>
    <row r="278367" spans="8:8">
      <c r="H278367" s="12"/>
    </row>
    <row r="278368" spans="8:8">
      <c r="H278368" s="12"/>
    </row>
    <row r="278369" spans="8:8">
      <c r="H278369" s="12"/>
    </row>
    <row r="278370" spans="8:8">
      <c r="H278370" s="12"/>
    </row>
    <row r="278371" spans="8:8">
      <c r="H278371" s="12"/>
    </row>
    <row r="278372" spans="8:8">
      <c r="H278372" s="12"/>
    </row>
    <row r="278373" spans="8:8">
      <c r="H278373" s="12"/>
    </row>
    <row r="278374" spans="8:8">
      <c r="H278374" s="12"/>
    </row>
    <row r="278375" spans="8:8">
      <c r="H278375" s="12"/>
    </row>
    <row r="278376" spans="8:8">
      <c r="H278376" s="12"/>
    </row>
    <row r="278377" spans="8:8">
      <c r="H278377" s="12"/>
    </row>
    <row r="278378" spans="8:8">
      <c r="H278378" s="12"/>
    </row>
    <row r="278379" spans="8:8">
      <c r="H278379" s="12"/>
    </row>
    <row r="278380" spans="8:8">
      <c r="H278380" s="12"/>
    </row>
    <row r="278381" spans="8:8">
      <c r="H278381" s="12"/>
    </row>
    <row r="278382" spans="8:8">
      <c r="H278382" s="12"/>
    </row>
    <row r="278383" spans="8:8">
      <c r="H278383" s="12"/>
    </row>
    <row r="278384" spans="8:8">
      <c r="H278384" s="12"/>
    </row>
    <row r="278385" spans="8:8">
      <c r="H278385" s="12"/>
    </row>
    <row r="278386" spans="8:8">
      <c r="H278386" s="12"/>
    </row>
    <row r="278387" spans="8:8">
      <c r="H278387" s="12"/>
    </row>
    <row r="278388" spans="8:8">
      <c r="H278388" s="12"/>
    </row>
    <row r="278389" spans="8:8">
      <c r="H278389" s="12"/>
    </row>
    <row r="278390" spans="8:8">
      <c r="H278390" s="12"/>
    </row>
    <row r="278391" spans="8:8">
      <c r="H278391" s="12"/>
    </row>
    <row r="278392" spans="8:8">
      <c r="H278392" s="12"/>
    </row>
    <row r="278393" spans="8:8">
      <c r="H278393" s="12"/>
    </row>
    <row r="278394" spans="8:8">
      <c r="H278394" s="12"/>
    </row>
    <row r="278395" spans="8:8">
      <c r="H278395" s="12"/>
    </row>
    <row r="278396" spans="8:8">
      <c r="H278396" s="12"/>
    </row>
    <row r="278397" spans="8:8">
      <c r="H278397" s="12"/>
    </row>
    <row r="278398" spans="8:8">
      <c r="H278398" s="12"/>
    </row>
    <row r="278399" spans="8:8">
      <c r="H278399" s="12"/>
    </row>
    <row r="278400" spans="8:8">
      <c r="H278400" s="12"/>
    </row>
    <row r="278401" spans="8:8">
      <c r="H278401" s="12"/>
    </row>
    <row r="278402" spans="8:8">
      <c r="H278402" s="12"/>
    </row>
    <row r="278403" spans="8:8">
      <c r="H278403" s="12"/>
    </row>
    <row r="278404" spans="8:8">
      <c r="H278404" s="12"/>
    </row>
    <row r="278405" spans="8:8">
      <c r="H278405" s="12"/>
    </row>
    <row r="278406" spans="8:8">
      <c r="H278406" s="12"/>
    </row>
    <row r="278407" spans="8:8">
      <c r="H278407" s="12"/>
    </row>
    <row r="278408" spans="8:8">
      <c r="H278408" s="12"/>
    </row>
    <row r="278409" spans="8:8">
      <c r="H278409" s="12"/>
    </row>
    <row r="278410" spans="8:8">
      <c r="H278410" s="12"/>
    </row>
    <row r="278411" spans="8:8">
      <c r="H278411" s="12"/>
    </row>
    <row r="278412" spans="8:8">
      <c r="H278412" s="12"/>
    </row>
    <row r="278413" spans="8:8">
      <c r="H278413" s="12"/>
    </row>
    <row r="278414" spans="8:8">
      <c r="H278414" s="12"/>
    </row>
    <row r="278415" spans="8:8">
      <c r="H278415" s="12"/>
    </row>
    <row r="278416" spans="8:8">
      <c r="H278416" s="12"/>
    </row>
    <row r="278417" spans="8:8">
      <c r="H278417" s="12"/>
    </row>
    <row r="278418" spans="8:8">
      <c r="H278418" s="12"/>
    </row>
    <row r="278419" spans="8:8">
      <c r="H278419" s="12"/>
    </row>
    <row r="278420" spans="8:8">
      <c r="H278420" s="12"/>
    </row>
    <row r="278421" spans="8:8">
      <c r="H278421" s="12"/>
    </row>
    <row r="278422" spans="8:8">
      <c r="H278422" s="12"/>
    </row>
    <row r="278423" spans="8:8">
      <c r="H278423" s="12"/>
    </row>
    <row r="278424" spans="8:8">
      <c r="H278424" s="12"/>
    </row>
    <row r="278425" spans="8:8">
      <c r="H278425" s="12"/>
    </row>
    <row r="278426" spans="8:8">
      <c r="H278426" s="12"/>
    </row>
    <row r="278427" spans="8:8">
      <c r="H278427" s="12"/>
    </row>
    <row r="278428" spans="8:8">
      <c r="H278428" s="12"/>
    </row>
    <row r="278429" spans="8:8">
      <c r="H278429" s="12"/>
    </row>
    <row r="278430" spans="8:8">
      <c r="H278430" s="12"/>
    </row>
    <row r="278431" spans="8:8">
      <c r="H278431" s="12"/>
    </row>
    <row r="278432" spans="8:8">
      <c r="H278432" s="12"/>
    </row>
    <row r="278433" spans="8:8">
      <c r="H278433" s="12"/>
    </row>
    <row r="278434" spans="8:8">
      <c r="H278434" s="12"/>
    </row>
    <row r="278435" spans="8:8">
      <c r="H278435" s="12"/>
    </row>
    <row r="278436" spans="8:8">
      <c r="H278436" s="12"/>
    </row>
    <row r="278437" spans="8:8">
      <c r="H278437" s="12"/>
    </row>
    <row r="278438" spans="8:8">
      <c r="H278438" s="12"/>
    </row>
    <row r="278439" spans="8:8">
      <c r="H278439" s="12"/>
    </row>
    <row r="278440" spans="8:8">
      <c r="H278440" s="12"/>
    </row>
    <row r="278441" spans="8:8">
      <c r="H278441" s="12"/>
    </row>
    <row r="278442" spans="8:8">
      <c r="H278442" s="12"/>
    </row>
    <row r="278443" spans="8:8">
      <c r="H278443" s="12"/>
    </row>
    <row r="278444" spans="8:8">
      <c r="H278444" s="12"/>
    </row>
    <row r="278445" spans="8:8">
      <c r="H278445" s="12"/>
    </row>
    <row r="278446" spans="8:8">
      <c r="H278446" s="12"/>
    </row>
    <row r="278447" spans="8:8">
      <c r="H278447" s="12"/>
    </row>
    <row r="278448" spans="8:8">
      <c r="H278448" s="12"/>
    </row>
    <row r="278449" spans="8:8">
      <c r="H278449" s="12"/>
    </row>
    <row r="278450" spans="8:8">
      <c r="H278450" s="12"/>
    </row>
    <row r="278451" spans="8:8">
      <c r="H278451" s="12"/>
    </row>
    <row r="278452" spans="8:8">
      <c r="H278452" s="12"/>
    </row>
    <row r="278453" spans="8:8">
      <c r="H278453" s="12"/>
    </row>
    <row r="278454" spans="8:8">
      <c r="H278454" s="12"/>
    </row>
    <row r="278455" spans="8:8">
      <c r="H278455" s="12"/>
    </row>
    <row r="278456" spans="8:8">
      <c r="H278456" s="12"/>
    </row>
    <row r="278457" spans="8:8">
      <c r="H278457" s="12"/>
    </row>
    <row r="278458" spans="8:8">
      <c r="H278458" s="12"/>
    </row>
    <row r="278459" spans="8:8">
      <c r="H278459" s="12"/>
    </row>
    <row r="278460" spans="8:8">
      <c r="H278460" s="12"/>
    </row>
    <row r="278461" spans="8:8">
      <c r="H278461" s="12"/>
    </row>
    <row r="278462" spans="8:8">
      <c r="H278462" s="12"/>
    </row>
    <row r="278463" spans="8:8">
      <c r="H278463" s="12"/>
    </row>
    <row r="278464" spans="8:8">
      <c r="H278464" s="12"/>
    </row>
    <row r="278465" spans="8:8">
      <c r="H278465" s="12"/>
    </row>
    <row r="278466" spans="8:8">
      <c r="H278466" s="12"/>
    </row>
    <row r="278467" spans="8:8">
      <c r="H278467" s="12"/>
    </row>
    <row r="278468" spans="8:8">
      <c r="H278468" s="12"/>
    </row>
    <row r="278469" spans="8:8">
      <c r="H278469" s="12"/>
    </row>
    <row r="278470" spans="8:8">
      <c r="H278470" s="12"/>
    </row>
    <row r="278471" spans="8:8">
      <c r="H278471" s="12"/>
    </row>
    <row r="278472" spans="8:8">
      <c r="H278472" s="12"/>
    </row>
    <row r="278473" spans="8:8">
      <c r="H278473" s="12"/>
    </row>
    <row r="278474" spans="8:8">
      <c r="H278474" s="12"/>
    </row>
    <row r="278475" spans="8:8">
      <c r="H278475" s="12"/>
    </row>
    <row r="278476" spans="8:8">
      <c r="H278476" s="12"/>
    </row>
    <row r="278477" spans="8:8">
      <c r="H278477" s="12"/>
    </row>
    <row r="278478" spans="8:8">
      <c r="H278478" s="12"/>
    </row>
    <row r="278479" spans="8:8">
      <c r="H278479" s="12"/>
    </row>
    <row r="278480" spans="8:8">
      <c r="H278480" s="12"/>
    </row>
    <row r="278481" spans="8:8">
      <c r="H278481" s="12"/>
    </row>
    <row r="278482" spans="8:8">
      <c r="H278482" s="12"/>
    </row>
    <row r="278483" spans="8:8">
      <c r="H278483" s="12"/>
    </row>
    <row r="278484" spans="8:8">
      <c r="H278484" s="12"/>
    </row>
    <row r="278485" spans="8:8">
      <c r="H278485" s="12"/>
    </row>
    <row r="278486" spans="8:8">
      <c r="H278486" s="12"/>
    </row>
    <row r="278487" spans="8:8">
      <c r="H278487" s="12"/>
    </row>
    <row r="278488" spans="8:8">
      <c r="H278488" s="12"/>
    </row>
    <row r="278489" spans="8:8">
      <c r="H278489" s="12"/>
    </row>
    <row r="278490" spans="8:8">
      <c r="H278490" s="12"/>
    </row>
    <row r="278491" spans="8:8">
      <c r="H278491" s="12"/>
    </row>
    <row r="278492" spans="8:8">
      <c r="H278492" s="12"/>
    </row>
    <row r="278493" spans="8:8">
      <c r="H278493" s="12"/>
    </row>
    <row r="278494" spans="8:8">
      <c r="H278494" s="12"/>
    </row>
    <row r="278495" spans="8:8">
      <c r="H278495" s="12"/>
    </row>
    <row r="278496" spans="8:8">
      <c r="H278496" s="12"/>
    </row>
    <row r="278497" spans="8:8">
      <c r="H278497" s="12"/>
    </row>
    <row r="278498" spans="8:8">
      <c r="H278498" s="12"/>
    </row>
    <row r="278499" spans="8:8">
      <c r="H278499" s="12"/>
    </row>
    <row r="278500" spans="8:8">
      <c r="H278500" s="12"/>
    </row>
    <row r="278501" spans="8:8">
      <c r="H278501" s="12"/>
    </row>
    <row r="278502" spans="8:8">
      <c r="H278502" s="12"/>
    </row>
    <row r="278503" spans="8:8">
      <c r="H278503" s="12"/>
    </row>
    <row r="278504" spans="8:8">
      <c r="H278504" s="12"/>
    </row>
    <row r="278505" spans="8:8">
      <c r="H278505" s="12"/>
    </row>
    <row r="278506" spans="8:8">
      <c r="H278506" s="12"/>
    </row>
    <row r="278507" spans="8:8">
      <c r="H278507" s="12"/>
    </row>
    <row r="278508" spans="8:8">
      <c r="H278508" s="12"/>
    </row>
    <row r="278509" spans="8:8">
      <c r="H278509" s="12"/>
    </row>
    <row r="278510" spans="8:8">
      <c r="H278510" s="12"/>
    </row>
    <row r="278511" spans="8:8">
      <c r="H278511" s="12"/>
    </row>
    <row r="278512" spans="8:8">
      <c r="H278512" s="12"/>
    </row>
    <row r="278513" spans="8:8">
      <c r="H278513" s="12"/>
    </row>
    <row r="278514" spans="8:8">
      <c r="H278514" s="12"/>
    </row>
    <row r="278515" spans="8:8">
      <c r="H278515" s="12"/>
    </row>
    <row r="278516" spans="8:8">
      <c r="H278516" s="12"/>
    </row>
    <row r="278517" spans="8:8">
      <c r="H278517" s="12"/>
    </row>
    <row r="278518" spans="8:8">
      <c r="H278518" s="12"/>
    </row>
    <row r="278519" spans="8:8">
      <c r="H278519" s="12"/>
    </row>
    <row r="278520" spans="8:8">
      <c r="H278520" s="12"/>
    </row>
    <row r="278521" spans="8:8">
      <c r="H278521" s="12"/>
    </row>
    <row r="278522" spans="8:8">
      <c r="H278522" s="12"/>
    </row>
    <row r="278523" spans="8:8">
      <c r="H278523" s="12"/>
    </row>
    <row r="278524" spans="8:8">
      <c r="H278524" s="12"/>
    </row>
    <row r="278525" spans="8:8">
      <c r="H278525" s="12"/>
    </row>
    <row r="278526" spans="8:8">
      <c r="H278526" s="12"/>
    </row>
    <row r="278527" spans="8:8">
      <c r="H278527" s="12"/>
    </row>
    <row r="278528" spans="8:8">
      <c r="H278528" s="12"/>
    </row>
    <row r="278529" spans="8:8">
      <c r="H278529" s="12"/>
    </row>
    <row r="278530" spans="8:8">
      <c r="H278530" s="12"/>
    </row>
    <row r="278531" spans="8:8">
      <c r="H278531" s="12"/>
    </row>
    <row r="278532" spans="8:8">
      <c r="H278532" s="12"/>
    </row>
    <row r="278533" spans="8:8">
      <c r="H278533" s="12"/>
    </row>
    <row r="278534" spans="8:8">
      <c r="H278534" s="12"/>
    </row>
    <row r="278535" spans="8:8">
      <c r="H278535" s="12"/>
    </row>
    <row r="278536" spans="8:8">
      <c r="H278536" s="12"/>
    </row>
    <row r="278537" spans="8:8">
      <c r="H278537" s="12"/>
    </row>
    <row r="278538" spans="8:8">
      <c r="H278538" s="12"/>
    </row>
    <row r="278539" spans="8:8">
      <c r="H278539" s="12"/>
    </row>
    <row r="278540" spans="8:8">
      <c r="H278540" s="12"/>
    </row>
    <row r="278541" spans="8:8">
      <c r="H278541" s="12"/>
    </row>
    <row r="278542" spans="8:8">
      <c r="H278542" s="12"/>
    </row>
    <row r="278543" spans="8:8">
      <c r="H278543" s="12"/>
    </row>
    <row r="278544" spans="8:8">
      <c r="H278544" s="12"/>
    </row>
    <row r="278545" spans="8:8">
      <c r="H278545" s="12"/>
    </row>
    <row r="278546" spans="8:8">
      <c r="H278546" s="12"/>
    </row>
    <row r="278547" spans="8:8">
      <c r="H278547" s="12"/>
    </row>
    <row r="278548" spans="8:8">
      <c r="H278548" s="12"/>
    </row>
    <row r="278549" spans="8:8">
      <c r="H278549" s="12"/>
    </row>
    <row r="278550" spans="8:8">
      <c r="H278550" s="12"/>
    </row>
    <row r="278551" spans="8:8">
      <c r="H278551" s="12"/>
    </row>
    <row r="278552" spans="8:8">
      <c r="H278552" s="12"/>
    </row>
    <row r="278553" spans="8:8">
      <c r="H278553" s="12"/>
    </row>
    <row r="278554" spans="8:8">
      <c r="H278554" s="12"/>
    </row>
    <row r="278555" spans="8:8">
      <c r="H278555" s="12"/>
    </row>
    <row r="278556" spans="8:8">
      <c r="H278556" s="12"/>
    </row>
    <row r="278557" spans="8:8">
      <c r="H278557" s="12"/>
    </row>
    <row r="278558" spans="8:8">
      <c r="H278558" s="12"/>
    </row>
    <row r="278559" spans="8:8">
      <c r="H278559" s="12"/>
    </row>
    <row r="278560" spans="8:8">
      <c r="H278560" s="12"/>
    </row>
    <row r="278561" spans="8:8">
      <c r="H278561" s="12"/>
    </row>
    <row r="278562" spans="8:8">
      <c r="H278562" s="12"/>
    </row>
    <row r="278563" spans="8:8">
      <c r="H278563" s="12"/>
    </row>
    <row r="278564" spans="8:8">
      <c r="H278564" s="12"/>
    </row>
    <row r="278565" spans="8:8">
      <c r="H278565" s="12"/>
    </row>
    <row r="278566" spans="8:8">
      <c r="H278566" s="12"/>
    </row>
    <row r="278567" spans="8:8">
      <c r="H278567" s="12"/>
    </row>
    <row r="278568" spans="8:8">
      <c r="H278568" s="12"/>
    </row>
    <row r="278569" spans="8:8">
      <c r="H278569" s="12"/>
    </row>
    <row r="278570" spans="8:8">
      <c r="H278570" s="12"/>
    </row>
    <row r="278571" spans="8:8">
      <c r="H278571" s="12"/>
    </row>
    <row r="278572" spans="8:8">
      <c r="H278572" s="12"/>
    </row>
    <row r="278573" spans="8:8">
      <c r="H278573" s="12"/>
    </row>
    <row r="278574" spans="8:8">
      <c r="H278574" s="12"/>
    </row>
    <row r="278575" spans="8:8">
      <c r="H278575" s="12"/>
    </row>
    <row r="278576" spans="8:8">
      <c r="H278576" s="12"/>
    </row>
    <row r="278577" spans="8:8">
      <c r="H278577" s="12"/>
    </row>
    <row r="278578" spans="8:8">
      <c r="H278578" s="12"/>
    </row>
    <row r="278579" spans="8:8">
      <c r="H278579" s="12"/>
    </row>
    <row r="278580" spans="8:8">
      <c r="H278580" s="12"/>
    </row>
    <row r="278581" spans="8:8">
      <c r="H278581" s="12"/>
    </row>
    <row r="278582" spans="8:8">
      <c r="H278582" s="12"/>
    </row>
    <row r="278583" spans="8:8">
      <c r="H278583" s="12"/>
    </row>
    <row r="278584" spans="8:8">
      <c r="H278584" s="12"/>
    </row>
    <row r="278585" spans="8:8">
      <c r="H278585" s="12"/>
    </row>
    <row r="278586" spans="8:8">
      <c r="H278586" s="12"/>
    </row>
    <row r="278587" spans="8:8">
      <c r="H278587" s="12"/>
    </row>
    <row r="278588" spans="8:8">
      <c r="H278588" s="12"/>
    </row>
    <row r="278589" spans="8:8">
      <c r="H278589" s="12"/>
    </row>
    <row r="278590" spans="8:8">
      <c r="H278590" s="12"/>
    </row>
    <row r="278591" spans="8:8">
      <c r="H278591" s="12"/>
    </row>
    <row r="278592" spans="8:8">
      <c r="H278592" s="12"/>
    </row>
    <row r="278593" spans="8:8">
      <c r="H278593" s="12"/>
    </row>
    <row r="278594" spans="8:8">
      <c r="H278594" s="12"/>
    </row>
    <row r="278595" spans="8:8">
      <c r="H278595" s="12"/>
    </row>
    <row r="278596" spans="8:8">
      <c r="H278596" s="12"/>
    </row>
    <row r="278597" spans="8:8">
      <c r="H278597" s="12"/>
    </row>
    <row r="278598" spans="8:8">
      <c r="H278598" s="12"/>
    </row>
    <row r="278599" spans="8:8">
      <c r="H278599" s="12"/>
    </row>
    <row r="278600" spans="8:8">
      <c r="H278600" s="12"/>
    </row>
    <row r="278601" spans="8:8">
      <c r="H278601" s="12"/>
    </row>
    <row r="278602" spans="8:8">
      <c r="H278602" s="12"/>
    </row>
    <row r="278603" spans="8:8">
      <c r="H278603" s="12"/>
    </row>
    <row r="278604" spans="8:8">
      <c r="H278604" s="12"/>
    </row>
    <row r="278605" spans="8:8">
      <c r="H278605" s="12"/>
    </row>
    <row r="278606" spans="8:8">
      <c r="H278606" s="12"/>
    </row>
    <row r="278607" spans="8:8">
      <c r="H278607" s="12"/>
    </row>
    <row r="278608" spans="8:8">
      <c r="H278608" s="12"/>
    </row>
    <row r="278609" spans="8:8">
      <c r="H278609" s="12"/>
    </row>
    <row r="278610" spans="8:8">
      <c r="H278610" s="12"/>
    </row>
    <row r="278611" spans="8:8">
      <c r="H278611" s="12"/>
    </row>
    <row r="278612" spans="8:8">
      <c r="H278612" s="12"/>
    </row>
    <row r="278613" spans="8:8">
      <c r="H278613" s="12"/>
    </row>
    <row r="278614" spans="8:8">
      <c r="H278614" s="12"/>
    </row>
    <row r="278615" spans="8:8">
      <c r="H278615" s="12"/>
    </row>
    <row r="278616" spans="8:8">
      <c r="H278616" s="12"/>
    </row>
    <row r="278617" spans="8:8">
      <c r="H278617" s="12"/>
    </row>
    <row r="278618" spans="8:8">
      <c r="H278618" s="12"/>
    </row>
    <row r="278619" spans="8:8">
      <c r="H278619" s="12"/>
    </row>
    <row r="278620" spans="8:8">
      <c r="H278620" s="12"/>
    </row>
    <row r="278621" spans="8:8">
      <c r="H278621" s="12"/>
    </row>
    <row r="278622" spans="8:8">
      <c r="H278622" s="12"/>
    </row>
    <row r="278623" spans="8:8">
      <c r="H278623" s="12"/>
    </row>
    <row r="278624" spans="8:8">
      <c r="H278624" s="12"/>
    </row>
    <row r="278625" spans="8:8">
      <c r="H278625" s="12"/>
    </row>
    <row r="278626" spans="8:8">
      <c r="H278626" s="12"/>
    </row>
    <row r="278627" spans="8:8">
      <c r="H278627" s="12"/>
    </row>
    <row r="278628" spans="8:8">
      <c r="H278628" s="12"/>
    </row>
    <row r="278629" spans="8:8">
      <c r="H278629" s="12"/>
    </row>
    <row r="278630" spans="8:8">
      <c r="H278630" s="12"/>
    </row>
    <row r="278631" spans="8:8">
      <c r="H278631" s="12"/>
    </row>
    <row r="278632" spans="8:8">
      <c r="H278632" s="12"/>
    </row>
    <row r="278633" spans="8:8">
      <c r="H278633" s="12"/>
    </row>
    <row r="278634" spans="8:8">
      <c r="H278634" s="12"/>
    </row>
    <row r="278635" spans="8:8">
      <c r="H278635" s="12"/>
    </row>
    <row r="278636" spans="8:8">
      <c r="H278636" s="12"/>
    </row>
    <row r="278637" spans="8:8">
      <c r="H278637" s="12"/>
    </row>
    <row r="278638" spans="8:8">
      <c r="H278638" s="12"/>
    </row>
    <row r="278639" spans="8:8">
      <c r="H278639" s="12"/>
    </row>
    <row r="278640" spans="8:8">
      <c r="H278640" s="12"/>
    </row>
    <row r="278641" spans="8:8">
      <c r="H278641" s="12"/>
    </row>
    <row r="278642" spans="8:8">
      <c r="H278642" s="12"/>
    </row>
    <row r="278643" spans="8:8">
      <c r="H278643" s="12"/>
    </row>
    <row r="278644" spans="8:8">
      <c r="H278644" s="12"/>
    </row>
    <row r="278645" spans="8:8">
      <c r="H278645" s="12"/>
    </row>
    <row r="278646" spans="8:8">
      <c r="H278646" s="12"/>
    </row>
    <row r="278647" spans="8:8">
      <c r="H278647" s="12"/>
    </row>
    <row r="278648" spans="8:8">
      <c r="H278648" s="12"/>
    </row>
    <row r="278649" spans="8:8">
      <c r="H278649" s="12"/>
    </row>
    <row r="278650" spans="8:8">
      <c r="H278650" s="12"/>
    </row>
    <row r="278651" spans="8:8">
      <c r="H278651" s="12"/>
    </row>
    <row r="278652" spans="8:8">
      <c r="H278652" s="12"/>
    </row>
    <row r="278653" spans="8:8">
      <c r="H278653" s="12"/>
    </row>
    <row r="278654" spans="8:8">
      <c r="H278654" s="12"/>
    </row>
    <row r="278655" spans="8:8">
      <c r="H278655" s="12"/>
    </row>
    <row r="278656" spans="8:8">
      <c r="H278656" s="12"/>
    </row>
    <row r="278657" spans="8:8">
      <c r="H278657" s="12"/>
    </row>
    <row r="278658" spans="8:8">
      <c r="H278658" s="12"/>
    </row>
    <row r="278659" spans="8:8">
      <c r="H278659" s="12"/>
    </row>
    <row r="278660" spans="8:8">
      <c r="H278660" s="12"/>
    </row>
    <row r="278661" spans="8:8">
      <c r="H278661" s="12"/>
    </row>
    <row r="278662" spans="8:8">
      <c r="H278662" s="12"/>
    </row>
    <row r="278663" spans="8:8">
      <c r="H278663" s="12"/>
    </row>
    <row r="278664" spans="8:8">
      <c r="H278664" s="12"/>
    </row>
    <row r="278665" spans="8:8">
      <c r="H278665" s="12"/>
    </row>
    <row r="278666" spans="8:8">
      <c r="H278666" s="12"/>
    </row>
    <row r="278667" spans="8:8">
      <c r="H278667" s="12"/>
    </row>
    <row r="278668" spans="8:8">
      <c r="H278668" s="12"/>
    </row>
    <row r="278669" spans="8:8">
      <c r="H278669" s="12"/>
    </row>
    <row r="278670" spans="8:8">
      <c r="H278670" s="12"/>
    </row>
    <row r="278671" spans="8:8">
      <c r="H278671" s="12"/>
    </row>
    <row r="278672" spans="8:8">
      <c r="H278672" s="12"/>
    </row>
    <row r="278673" spans="8:8">
      <c r="H278673" s="12"/>
    </row>
    <row r="278674" spans="8:8">
      <c r="H278674" s="12"/>
    </row>
    <row r="278675" spans="8:8">
      <c r="H278675" s="12"/>
    </row>
    <row r="278676" spans="8:8">
      <c r="H278676" s="12"/>
    </row>
    <row r="278677" spans="8:8">
      <c r="H278677" s="12"/>
    </row>
    <row r="278678" spans="8:8">
      <c r="H278678" s="12"/>
    </row>
    <row r="278679" spans="8:8">
      <c r="H278679" s="12"/>
    </row>
    <row r="278680" spans="8:8">
      <c r="H278680" s="12"/>
    </row>
    <row r="278681" spans="8:8">
      <c r="H278681" s="12"/>
    </row>
    <row r="278682" spans="8:8">
      <c r="H278682" s="12"/>
    </row>
    <row r="278683" spans="8:8">
      <c r="H278683" s="12"/>
    </row>
    <row r="278684" spans="8:8">
      <c r="H278684" s="12"/>
    </row>
    <row r="278685" spans="8:8">
      <c r="H278685" s="12"/>
    </row>
    <row r="278686" spans="8:8">
      <c r="H278686" s="12"/>
    </row>
    <row r="278687" spans="8:8">
      <c r="H278687" s="12"/>
    </row>
    <row r="278688" spans="8:8">
      <c r="H278688" s="12"/>
    </row>
    <row r="278689" spans="8:8">
      <c r="H278689" s="12"/>
    </row>
    <row r="278690" spans="8:8">
      <c r="H278690" s="12"/>
    </row>
    <row r="278691" spans="8:8">
      <c r="H278691" s="12"/>
    </row>
    <row r="278692" spans="8:8">
      <c r="H278692" s="12"/>
    </row>
    <row r="278693" spans="8:8">
      <c r="H278693" s="12"/>
    </row>
    <row r="278694" spans="8:8">
      <c r="H278694" s="12"/>
    </row>
    <row r="278695" spans="8:8">
      <c r="H278695" s="12"/>
    </row>
    <row r="278696" spans="8:8">
      <c r="H278696" s="12"/>
    </row>
    <row r="278697" spans="8:8">
      <c r="H278697" s="12"/>
    </row>
    <row r="278698" spans="8:8">
      <c r="H278698" s="12"/>
    </row>
    <row r="278699" spans="8:8">
      <c r="H278699" s="12"/>
    </row>
    <row r="278700" spans="8:8">
      <c r="H278700" s="12"/>
    </row>
    <row r="278701" spans="8:8">
      <c r="H278701" s="12"/>
    </row>
    <row r="278702" spans="8:8">
      <c r="H278702" s="12"/>
    </row>
    <row r="278703" spans="8:8">
      <c r="H278703" s="12"/>
    </row>
    <row r="278704" spans="8:8">
      <c r="H278704" s="12"/>
    </row>
    <row r="278705" spans="8:8">
      <c r="H278705" s="12"/>
    </row>
    <row r="278706" spans="8:8">
      <c r="H278706" s="12"/>
    </row>
    <row r="278707" spans="8:8">
      <c r="H278707" s="12"/>
    </row>
    <row r="278708" spans="8:8">
      <c r="H278708" s="12"/>
    </row>
    <row r="278709" spans="8:8">
      <c r="H278709" s="12"/>
    </row>
    <row r="278710" spans="8:8">
      <c r="H278710" s="12"/>
    </row>
    <row r="278711" spans="8:8">
      <c r="H278711" s="12"/>
    </row>
    <row r="278712" spans="8:8">
      <c r="H278712" s="12"/>
    </row>
    <row r="278713" spans="8:8">
      <c r="H278713" s="12"/>
    </row>
    <row r="278714" spans="8:8">
      <c r="H278714" s="12"/>
    </row>
    <row r="278715" spans="8:8">
      <c r="H278715" s="12"/>
    </row>
    <row r="278716" spans="8:8">
      <c r="H278716" s="12"/>
    </row>
    <row r="278717" spans="8:8">
      <c r="H278717" s="12"/>
    </row>
    <row r="278718" spans="8:8">
      <c r="H278718" s="12"/>
    </row>
    <row r="278719" spans="8:8">
      <c r="H278719" s="12"/>
    </row>
    <row r="278720" spans="8:8">
      <c r="H278720" s="12"/>
    </row>
    <row r="278721" spans="8:8">
      <c r="H278721" s="12"/>
    </row>
    <row r="278722" spans="8:8">
      <c r="H278722" s="12"/>
    </row>
    <row r="278723" spans="8:8">
      <c r="H278723" s="12"/>
    </row>
    <row r="278724" spans="8:8">
      <c r="H278724" s="12"/>
    </row>
    <row r="278725" spans="8:8">
      <c r="H278725" s="12"/>
    </row>
    <row r="278726" spans="8:8">
      <c r="H278726" s="12"/>
    </row>
    <row r="278727" spans="8:8">
      <c r="H278727" s="12"/>
    </row>
    <row r="278728" spans="8:8">
      <c r="H278728" s="12"/>
    </row>
    <row r="278729" spans="8:8">
      <c r="H278729" s="12"/>
    </row>
    <row r="278730" spans="8:8">
      <c r="H278730" s="12"/>
    </row>
    <row r="278731" spans="8:8">
      <c r="H278731" s="12"/>
    </row>
    <row r="278732" spans="8:8">
      <c r="H278732" s="12"/>
    </row>
    <row r="278733" spans="8:8">
      <c r="H278733" s="12"/>
    </row>
    <row r="278734" spans="8:8">
      <c r="H278734" s="12"/>
    </row>
    <row r="278735" spans="8:8">
      <c r="H278735" s="12"/>
    </row>
    <row r="278736" spans="8:8">
      <c r="H278736" s="12"/>
    </row>
    <row r="278737" spans="8:8">
      <c r="H278737" s="12"/>
    </row>
    <row r="278738" spans="8:8">
      <c r="H278738" s="12"/>
    </row>
    <row r="278739" spans="8:8">
      <c r="H278739" s="12"/>
    </row>
    <row r="278740" spans="8:8">
      <c r="H278740" s="12"/>
    </row>
    <row r="278741" spans="8:8">
      <c r="H278741" s="12"/>
    </row>
    <row r="278742" spans="8:8">
      <c r="H278742" s="12"/>
    </row>
    <row r="278743" spans="8:8">
      <c r="H278743" s="12"/>
    </row>
    <row r="278744" spans="8:8">
      <c r="H278744" s="12"/>
    </row>
    <row r="278745" spans="8:8">
      <c r="H278745" s="12"/>
    </row>
    <row r="278746" spans="8:8">
      <c r="H278746" s="12"/>
    </row>
    <row r="278747" spans="8:8">
      <c r="H278747" s="12"/>
    </row>
    <row r="278748" spans="8:8">
      <c r="H278748" s="12"/>
    </row>
    <row r="278749" spans="8:8">
      <c r="H278749" s="12"/>
    </row>
    <row r="278750" spans="8:8">
      <c r="H278750" s="12"/>
    </row>
    <row r="278751" spans="8:8">
      <c r="H278751" s="12"/>
    </row>
    <row r="278752" spans="8:8">
      <c r="H278752" s="12"/>
    </row>
    <row r="278753" spans="8:8">
      <c r="H278753" s="12"/>
    </row>
    <row r="278754" spans="8:8">
      <c r="H278754" s="12"/>
    </row>
    <row r="278755" spans="8:8">
      <c r="H278755" s="12"/>
    </row>
    <row r="278756" spans="8:8">
      <c r="H278756" s="12"/>
    </row>
    <row r="278757" spans="8:8">
      <c r="H278757" s="12"/>
    </row>
    <row r="278758" spans="8:8">
      <c r="H278758" s="12"/>
    </row>
    <row r="278759" spans="8:8">
      <c r="H278759" s="12"/>
    </row>
    <row r="278760" spans="8:8">
      <c r="H278760" s="12"/>
    </row>
    <row r="278761" spans="8:8">
      <c r="H278761" s="12"/>
    </row>
    <row r="278762" spans="8:8">
      <c r="H278762" s="12"/>
    </row>
    <row r="278763" spans="8:8">
      <c r="H278763" s="12"/>
    </row>
    <row r="278764" spans="8:8">
      <c r="H278764" s="12"/>
    </row>
    <row r="278765" spans="8:8">
      <c r="H278765" s="12"/>
    </row>
    <row r="278766" spans="8:8">
      <c r="H278766" s="12"/>
    </row>
    <row r="278767" spans="8:8">
      <c r="H278767" s="12"/>
    </row>
    <row r="278768" spans="8:8">
      <c r="H278768" s="12"/>
    </row>
    <row r="278769" spans="8:8">
      <c r="H278769" s="12"/>
    </row>
    <row r="278770" spans="8:8">
      <c r="H278770" s="12"/>
    </row>
    <row r="278771" spans="8:8">
      <c r="H278771" s="12"/>
    </row>
    <row r="278772" spans="8:8">
      <c r="H278772" s="12"/>
    </row>
    <row r="278773" spans="8:8">
      <c r="H278773" s="12"/>
    </row>
    <row r="278774" spans="8:8">
      <c r="H278774" s="12"/>
    </row>
    <row r="278775" spans="8:8">
      <c r="H278775" s="12"/>
    </row>
    <row r="278776" spans="8:8">
      <c r="H278776" s="12"/>
    </row>
    <row r="278777" spans="8:8">
      <c r="H278777" s="12"/>
    </row>
    <row r="278778" spans="8:8">
      <c r="H278778" s="12"/>
    </row>
    <row r="278779" spans="8:8">
      <c r="H278779" s="12"/>
    </row>
    <row r="278780" spans="8:8">
      <c r="H278780" s="12"/>
    </row>
    <row r="278781" spans="8:8">
      <c r="H278781" s="12"/>
    </row>
    <row r="278782" spans="8:8">
      <c r="H278782" s="12"/>
    </row>
    <row r="278783" spans="8:8">
      <c r="H278783" s="12"/>
    </row>
    <row r="278784" spans="8:8">
      <c r="H278784" s="12"/>
    </row>
    <row r="278785" spans="8:8">
      <c r="H278785" s="12"/>
    </row>
    <row r="278786" spans="8:8">
      <c r="H278786" s="12"/>
    </row>
    <row r="278787" spans="8:8">
      <c r="H278787" s="12"/>
    </row>
    <row r="278788" spans="8:8">
      <c r="H278788" s="12"/>
    </row>
    <row r="278789" spans="8:8">
      <c r="H278789" s="12"/>
    </row>
    <row r="278790" spans="8:8">
      <c r="H278790" s="12"/>
    </row>
    <row r="278791" spans="8:8">
      <c r="H278791" s="12"/>
    </row>
    <row r="278792" spans="8:8">
      <c r="H278792" s="12"/>
    </row>
    <row r="278793" spans="8:8">
      <c r="H278793" s="12"/>
    </row>
    <row r="278794" spans="8:8">
      <c r="H278794" s="12"/>
    </row>
    <row r="278795" spans="8:8">
      <c r="H278795" s="12"/>
    </row>
    <row r="278796" spans="8:8">
      <c r="H278796" s="12"/>
    </row>
    <row r="278797" spans="8:8">
      <c r="H278797" s="12"/>
    </row>
    <row r="278798" spans="8:8">
      <c r="H278798" s="12"/>
    </row>
    <row r="278799" spans="8:8">
      <c r="H278799" s="12"/>
    </row>
    <row r="278800" spans="8:8">
      <c r="H278800" s="12"/>
    </row>
    <row r="278801" spans="8:8">
      <c r="H278801" s="12"/>
    </row>
    <row r="278802" spans="8:8">
      <c r="H278802" s="12"/>
    </row>
    <row r="278803" spans="8:8">
      <c r="H278803" s="12"/>
    </row>
    <row r="278804" spans="8:8">
      <c r="H278804" s="12"/>
    </row>
    <row r="278805" spans="8:8">
      <c r="H278805" s="12"/>
    </row>
    <row r="278806" spans="8:8">
      <c r="H278806" s="12"/>
    </row>
    <row r="278807" spans="8:8">
      <c r="H278807" s="12"/>
    </row>
    <row r="278808" spans="8:8">
      <c r="H278808" s="12"/>
    </row>
    <row r="278809" spans="8:8">
      <c r="H278809" s="12"/>
    </row>
    <row r="278810" spans="8:8">
      <c r="H278810" s="12"/>
    </row>
    <row r="278811" spans="8:8">
      <c r="H278811" s="12"/>
    </row>
    <row r="278812" spans="8:8">
      <c r="H278812" s="12"/>
    </row>
    <row r="278813" spans="8:8">
      <c r="H278813" s="12"/>
    </row>
    <row r="278814" spans="8:8">
      <c r="H278814" s="12"/>
    </row>
    <row r="278815" spans="8:8">
      <c r="H278815" s="12"/>
    </row>
    <row r="278816" spans="8:8">
      <c r="H278816" s="12"/>
    </row>
    <row r="278817" spans="8:8">
      <c r="H278817" s="12"/>
    </row>
    <row r="278818" spans="8:8">
      <c r="H278818" s="12"/>
    </row>
    <row r="278819" spans="8:8">
      <c r="H278819" s="12"/>
    </row>
    <row r="278820" spans="8:8">
      <c r="H278820" s="12"/>
    </row>
    <row r="278821" spans="8:8">
      <c r="H278821" s="12"/>
    </row>
    <row r="278822" spans="8:8">
      <c r="H278822" s="12"/>
    </row>
    <row r="278823" spans="8:8">
      <c r="H278823" s="12"/>
    </row>
    <row r="278824" spans="8:8">
      <c r="H278824" s="12"/>
    </row>
    <row r="278825" spans="8:8">
      <c r="H278825" s="12"/>
    </row>
    <row r="278826" spans="8:8">
      <c r="H278826" s="12"/>
    </row>
    <row r="278827" spans="8:8">
      <c r="H278827" s="12"/>
    </row>
    <row r="278828" spans="8:8">
      <c r="H278828" s="12"/>
    </row>
    <row r="278829" spans="8:8">
      <c r="H278829" s="12"/>
    </row>
    <row r="278830" spans="8:8">
      <c r="H278830" s="12"/>
    </row>
    <row r="278831" spans="8:8">
      <c r="H278831" s="12"/>
    </row>
    <row r="278832" spans="8:8">
      <c r="H278832" s="12"/>
    </row>
    <row r="278833" spans="8:8">
      <c r="H278833" s="12"/>
    </row>
    <row r="278834" spans="8:8">
      <c r="H278834" s="12"/>
    </row>
    <row r="278835" spans="8:8">
      <c r="H278835" s="12"/>
    </row>
    <row r="278836" spans="8:8">
      <c r="H278836" s="12"/>
    </row>
    <row r="278837" spans="8:8">
      <c r="H278837" s="12"/>
    </row>
    <row r="278838" spans="8:8">
      <c r="H278838" s="12"/>
    </row>
    <row r="278839" spans="8:8">
      <c r="H278839" s="12"/>
    </row>
    <row r="278840" spans="8:8">
      <c r="H278840" s="12"/>
    </row>
    <row r="278841" spans="8:8">
      <c r="H278841" s="12"/>
    </row>
    <row r="278842" spans="8:8">
      <c r="H278842" s="12"/>
    </row>
    <row r="278843" spans="8:8">
      <c r="H278843" s="12"/>
    </row>
    <row r="278844" spans="8:8">
      <c r="H278844" s="12"/>
    </row>
    <row r="278845" spans="8:8">
      <c r="H278845" s="12"/>
    </row>
    <row r="278846" spans="8:8">
      <c r="H278846" s="12"/>
    </row>
    <row r="278847" spans="8:8">
      <c r="H278847" s="12"/>
    </row>
    <row r="278848" spans="8:8">
      <c r="H278848" s="12"/>
    </row>
    <row r="278849" spans="8:8">
      <c r="H278849" s="12"/>
    </row>
    <row r="278850" spans="8:8">
      <c r="H278850" s="12"/>
    </row>
    <row r="278851" spans="8:8">
      <c r="H278851" s="12"/>
    </row>
    <row r="278852" spans="8:8">
      <c r="H278852" s="12"/>
    </row>
    <row r="278853" spans="8:8">
      <c r="H278853" s="12"/>
    </row>
    <row r="278854" spans="8:8">
      <c r="H278854" s="12"/>
    </row>
    <row r="278855" spans="8:8">
      <c r="H278855" s="12"/>
    </row>
    <row r="278856" spans="8:8">
      <c r="H278856" s="12"/>
    </row>
    <row r="278857" spans="8:8">
      <c r="H278857" s="12"/>
    </row>
    <row r="278858" spans="8:8">
      <c r="H278858" s="12"/>
    </row>
    <row r="278859" spans="8:8">
      <c r="H278859" s="12"/>
    </row>
    <row r="278860" spans="8:8">
      <c r="H278860" s="12"/>
    </row>
    <row r="278861" spans="8:8">
      <c r="H278861" s="12"/>
    </row>
    <row r="278862" spans="8:8">
      <c r="H278862" s="12"/>
    </row>
    <row r="278863" spans="8:8">
      <c r="H278863" s="12"/>
    </row>
    <row r="278864" spans="8:8">
      <c r="H278864" s="12"/>
    </row>
    <row r="278865" spans="8:8">
      <c r="H278865" s="12"/>
    </row>
    <row r="278866" spans="8:8">
      <c r="H278866" s="12"/>
    </row>
    <row r="278867" spans="8:8">
      <c r="H278867" s="12"/>
    </row>
    <row r="278868" spans="8:8">
      <c r="H278868" s="12"/>
    </row>
    <row r="278869" spans="8:8">
      <c r="H278869" s="12"/>
    </row>
    <row r="278870" spans="8:8">
      <c r="H278870" s="12"/>
    </row>
    <row r="278871" spans="8:8">
      <c r="H278871" s="12"/>
    </row>
    <row r="278872" spans="8:8">
      <c r="H278872" s="12"/>
    </row>
    <row r="278873" spans="8:8">
      <c r="H278873" s="12"/>
    </row>
    <row r="278874" spans="8:8">
      <c r="H278874" s="12"/>
    </row>
    <row r="278875" spans="8:8">
      <c r="H278875" s="12"/>
    </row>
    <row r="278876" spans="8:8">
      <c r="H278876" s="12"/>
    </row>
    <row r="278877" spans="8:8">
      <c r="H278877" s="12"/>
    </row>
    <row r="278878" spans="8:8">
      <c r="H278878" s="12"/>
    </row>
    <row r="278879" spans="8:8">
      <c r="H278879" s="12"/>
    </row>
    <row r="278880" spans="8:8">
      <c r="H278880" s="12"/>
    </row>
    <row r="278881" spans="8:8">
      <c r="H278881" s="12"/>
    </row>
    <row r="278882" spans="8:8">
      <c r="H278882" s="12"/>
    </row>
    <row r="278883" spans="8:8">
      <c r="H278883" s="12"/>
    </row>
    <row r="278884" spans="8:8">
      <c r="H278884" s="12"/>
    </row>
    <row r="278885" spans="8:8">
      <c r="H278885" s="12"/>
    </row>
    <row r="278886" spans="8:8">
      <c r="H278886" s="12"/>
    </row>
    <row r="278887" spans="8:8">
      <c r="H278887" s="12"/>
    </row>
    <row r="278888" spans="8:8">
      <c r="H278888" s="12"/>
    </row>
    <row r="278889" spans="8:8">
      <c r="H278889" s="12"/>
    </row>
    <row r="278890" spans="8:8">
      <c r="H278890" s="12"/>
    </row>
    <row r="278891" spans="8:8">
      <c r="H278891" s="12"/>
    </row>
    <row r="278892" spans="8:8">
      <c r="H278892" s="12"/>
    </row>
    <row r="278893" spans="8:8">
      <c r="H278893" s="12"/>
    </row>
    <row r="278894" spans="8:8">
      <c r="H278894" s="12"/>
    </row>
    <row r="278895" spans="8:8">
      <c r="H278895" s="12"/>
    </row>
    <row r="278896" spans="8:8">
      <c r="H278896" s="12"/>
    </row>
    <row r="278897" spans="8:8">
      <c r="H278897" s="12"/>
    </row>
    <row r="278898" spans="8:8">
      <c r="H278898" s="12"/>
    </row>
    <row r="278899" spans="8:8">
      <c r="H278899" s="12"/>
    </row>
    <row r="278900" spans="8:8">
      <c r="H278900" s="12"/>
    </row>
    <row r="278901" spans="8:8">
      <c r="H278901" s="12"/>
    </row>
    <row r="278902" spans="8:8">
      <c r="H278902" s="12"/>
    </row>
    <row r="278903" spans="8:8">
      <c r="H278903" s="12"/>
    </row>
    <row r="278904" spans="8:8">
      <c r="H278904" s="12"/>
    </row>
    <row r="278905" spans="8:8">
      <c r="H278905" s="12"/>
    </row>
    <row r="278906" spans="8:8">
      <c r="H278906" s="12"/>
    </row>
    <row r="278907" spans="8:8">
      <c r="H278907" s="12"/>
    </row>
    <row r="278908" spans="8:8">
      <c r="H278908" s="12"/>
    </row>
    <row r="278909" spans="8:8">
      <c r="H278909" s="12"/>
    </row>
    <row r="278910" spans="8:8">
      <c r="H278910" s="12"/>
    </row>
    <row r="278911" spans="8:8">
      <c r="H278911" s="12"/>
    </row>
    <row r="278912" spans="8:8">
      <c r="H278912" s="12"/>
    </row>
    <row r="278913" spans="8:8">
      <c r="H278913" s="12"/>
    </row>
    <row r="278914" spans="8:8">
      <c r="H278914" s="12"/>
    </row>
    <row r="278915" spans="8:8">
      <c r="H278915" s="12"/>
    </row>
    <row r="278916" spans="8:8">
      <c r="H278916" s="12"/>
    </row>
    <row r="278917" spans="8:8">
      <c r="H278917" s="12"/>
    </row>
    <row r="278918" spans="8:8">
      <c r="H278918" s="12"/>
    </row>
    <row r="278919" spans="8:8">
      <c r="H278919" s="12"/>
    </row>
    <row r="278920" spans="8:8">
      <c r="H278920" s="12"/>
    </row>
    <row r="278921" spans="8:8">
      <c r="H278921" s="12"/>
    </row>
    <row r="278922" spans="8:8">
      <c r="H278922" s="12"/>
    </row>
    <row r="278923" spans="8:8">
      <c r="H278923" s="12"/>
    </row>
    <row r="278924" spans="8:8">
      <c r="H278924" s="12"/>
    </row>
    <row r="278925" spans="8:8">
      <c r="H278925" s="12"/>
    </row>
    <row r="278926" spans="8:8">
      <c r="H278926" s="12"/>
    </row>
    <row r="278927" spans="8:8">
      <c r="H278927" s="12"/>
    </row>
    <row r="278928" spans="8:8">
      <c r="H278928" s="12"/>
    </row>
    <row r="278929" spans="8:8">
      <c r="H278929" s="12"/>
    </row>
    <row r="278930" spans="8:8">
      <c r="H278930" s="12"/>
    </row>
    <row r="278931" spans="8:8">
      <c r="H278931" s="12"/>
    </row>
    <row r="278932" spans="8:8">
      <c r="H278932" s="12"/>
    </row>
    <row r="278933" spans="8:8">
      <c r="H278933" s="12"/>
    </row>
    <row r="278934" spans="8:8">
      <c r="H278934" s="12"/>
    </row>
    <row r="278935" spans="8:8">
      <c r="H278935" s="12"/>
    </row>
    <row r="278936" spans="8:8">
      <c r="H278936" s="12"/>
    </row>
    <row r="278937" spans="8:8">
      <c r="H278937" s="12"/>
    </row>
    <row r="278938" spans="8:8">
      <c r="H278938" s="12"/>
    </row>
    <row r="278939" spans="8:8">
      <c r="H278939" s="12"/>
    </row>
    <row r="278940" spans="8:8">
      <c r="H278940" s="12"/>
    </row>
    <row r="278941" spans="8:8">
      <c r="H278941" s="12"/>
    </row>
    <row r="278942" spans="8:8">
      <c r="H278942" s="12"/>
    </row>
    <row r="278943" spans="8:8">
      <c r="H278943" s="12"/>
    </row>
    <row r="278944" spans="8:8">
      <c r="H278944" s="12"/>
    </row>
    <row r="278945" spans="8:8">
      <c r="H278945" s="12"/>
    </row>
    <row r="278946" spans="8:8">
      <c r="H278946" s="12"/>
    </row>
    <row r="278947" spans="8:8">
      <c r="H278947" s="12"/>
    </row>
    <row r="278948" spans="8:8">
      <c r="H278948" s="12"/>
    </row>
    <row r="278949" spans="8:8">
      <c r="H278949" s="12"/>
    </row>
    <row r="278950" spans="8:8">
      <c r="H278950" s="12"/>
    </row>
    <row r="278951" spans="8:8">
      <c r="H278951" s="12"/>
    </row>
    <row r="278952" spans="8:8">
      <c r="H278952" s="12"/>
    </row>
    <row r="278953" spans="8:8">
      <c r="H278953" s="12"/>
    </row>
    <row r="278954" spans="8:8">
      <c r="H278954" s="12"/>
    </row>
    <row r="278955" spans="8:8">
      <c r="H278955" s="12"/>
    </row>
    <row r="278956" spans="8:8">
      <c r="H278956" s="12"/>
    </row>
    <row r="278957" spans="8:8">
      <c r="H278957" s="12"/>
    </row>
    <row r="278958" spans="8:8">
      <c r="H278958" s="12"/>
    </row>
    <row r="278959" spans="8:8">
      <c r="H278959" s="12"/>
    </row>
    <row r="278960" spans="8:8">
      <c r="H278960" s="12"/>
    </row>
    <row r="278961" spans="8:8">
      <c r="H278961" s="12"/>
    </row>
    <row r="278962" spans="8:8">
      <c r="H278962" s="12"/>
    </row>
    <row r="278963" spans="8:8">
      <c r="H278963" s="12"/>
    </row>
    <row r="278964" spans="8:8">
      <c r="H278964" s="12"/>
    </row>
    <row r="278965" spans="8:8">
      <c r="H278965" s="12"/>
    </row>
    <row r="278966" spans="8:8">
      <c r="H278966" s="12"/>
    </row>
    <row r="278967" spans="8:8">
      <c r="H278967" s="12"/>
    </row>
    <row r="278968" spans="8:8">
      <c r="H278968" s="12"/>
    </row>
    <row r="278969" spans="8:8">
      <c r="H278969" s="12"/>
    </row>
    <row r="278970" spans="8:8">
      <c r="H278970" s="12"/>
    </row>
    <row r="278971" spans="8:8">
      <c r="H278971" s="12"/>
    </row>
    <row r="278972" spans="8:8">
      <c r="H278972" s="12"/>
    </row>
    <row r="278973" spans="8:8">
      <c r="H278973" s="12"/>
    </row>
    <row r="278974" spans="8:8">
      <c r="H278974" s="12"/>
    </row>
    <row r="278975" spans="8:8">
      <c r="H278975" s="12"/>
    </row>
    <row r="278976" spans="8:8">
      <c r="H278976" s="12"/>
    </row>
    <row r="278977" spans="8:8">
      <c r="H278977" s="12"/>
    </row>
    <row r="278978" spans="8:8">
      <c r="H278978" s="12"/>
    </row>
    <row r="278979" spans="8:8">
      <c r="H278979" s="12"/>
    </row>
    <row r="278980" spans="8:8">
      <c r="H278980" s="12"/>
    </row>
    <row r="278981" spans="8:8">
      <c r="H278981" s="12"/>
    </row>
    <row r="278982" spans="8:8">
      <c r="H278982" s="12"/>
    </row>
    <row r="278983" spans="8:8">
      <c r="H278983" s="12"/>
    </row>
    <row r="278984" spans="8:8">
      <c r="H278984" s="12"/>
    </row>
    <row r="278985" spans="8:8">
      <c r="H278985" s="12"/>
    </row>
    <row r="278986" spans="8:8">
      <c r="H278986" s="12"/>
    </row>
    <row r="278987" spans="8:8">
      <c r="H278987" s="12"/>
    </row>
    <row r="278988" spans="8:8">
      <c r="H278988" s="12"/>
    </row>
    <row r="278989" spans="8:8">
      <c r="H278989" s="12"/>
    </row>
    <row r="278990" spans="8:8">
      <c r="H278990" s="12"/>
    </row>
    <row r="278991" spans="8:8">
      <c r="H278991" s="12"/>
    </row>
    <row r="278992" spans="8:8">
      <c r="H278992" s="12"/>
    </row>
    <row r="278993" spans="8:8">
      <c r="H278993" s="12"/>
    </row>
    <row r="278994" spans="8:8">
      <c r="H278994" s="12"/>
    </row>
    <row r="278995" spans="8:8">
      <c r="H278995" s="12"/>
    </row>
    <row r="278996" spans="8:8">
      <c r="H278996" s="12"/>
    </row>
    <row r="278997" spans="8:8">
      <c r="H278997" s="12"/>
    </row>
    <row r="278998" spans="8:8">
      <c r="H278998" s="12"/>
    </row>
    <row r="278999" spans="8:8">
      <c r="H278999" s="12"/>
    </row>
    <row r="279000" spans="8:8">
      <c r="H279000" s="12"/>
    </row>
    <row r="279001" spans="8:8">
      <c r="H279001" s="12"/>
    </row>
    <row r="279002" spans="8:8">
      <c r="H279002" s="12"/>
    </row>
    <row r="279003" spans="8:8">
      <c r="H279003" s="12"/>
    </row>
    <row r="279004" spans="8:8">
      <c r="H279004" s="12"/>
    </row>
    <row r="279005" spans="8:8">
      <c r="H279005" s="12"/>
    </row>
    <row r="279006" spans="8:8">
      <c r="H279006" s="12"/>
    </row>
    <row r="279007" spans="8:8">
      <c r="H279007" s="12"/>
    </row>
    <row r="279008" spans="8:8">
      <c r="H279008" s="12"/>
    </row>
    <row r="279009" spans="8:8">
      <c r="H279009" s="12"/>
    </row>
    <row r="279010" spans="8:8">
      <c r="H279010" s="12"/>
    </row>
    <row r="279011" spans="8:8">
      <c r="H279011" s="12"/>
    </row>
    <row r="279012" spans="8:8">
      <c r="H279012" s="12"/>
    </row>
    <row r="279013" spans="8:8">
      <c r="H279013" s="12"/>
    </row>
    <row r="279014" spans="8:8">
      <c r="H279014" s="12"/>
    </row>
    <row r="279015" spans="8:8">
      <c r="H279015" s="12"/>
    </row>
    <row r="279016" spans="8:8">
      <c r="H279016" s="12"/>
    </row>
    <row r="279017" spans="8:8">
      <c r="H279017" s="12"/>
    </row>
    <row r="279018" spans="8:8">
      <c r="H279018" s="12"/>
    </row>
    <row r="279019" spans="8:8">
      <c r="H279019" s="12"/>
    </row>
    <row r="279020" spans="8:8">
      <c r="H279020" s="12"/>
    </row>
    <row r="279021" spans="8:8">
      <c r="H279021" s="12"/>
    </row>
    <row r="279022" spans="8:8">
      <c r="H279022" s="12"/>
    </row>
    <row r="279023" spans="8:8">
      <c r="H279023" s="12"/>
    </row>
    <row r="279024" spans="8:8">
      <c r="H279024" s="12"/>
    </row>
    <row r="279025" spans="8:8">
      <c r="H279025" s="12"/>
    </row>
    <row r="279026" spans="8:8">
      <c r="H279026" s="12"/>
    </row>
    <row r="279027" spans="8:8">
      <c r="H279027" s="12"/>
    </row>
    <row r="279028" spans="8:8">
      <c r="H279028" s="12"/>
    </row>
    <row r="279029" spans="8:8">
      <c r="H279029" s="12"/>
    </row>
    <row r="279030" spans="8:8">
      <c r="H279030" s="12"/>
    </row>
    <row r="279031" spans="8:8">
      <c r="H279031" s="12"/>
    </row>
    <row r="279032" spans="8:8">
      <c r="H279032" s="12"/>
    </row>
    <row r="279033" spans="8:8">
      <c r="H279033" s="12"/>
    </row>
    <row r="279034" spans="8:8">
      <c r="H279034" s="12"/>
    </row>
    <row r="279035" spans="8:8">
      <c r="H279035" s="12"/>
    </row>
    <row r="279036" spans="8:8">
      <c r="H279036" s="12"/>
    </row>
    <row r="279037" spans="8:8">
      <c r="H279037" s="12"/>
    </row>
    <row r="279038" spans="8:8">
      <c r="H279038" s="12"/>
    </row>
    <row r="279039" spans="8:8">
      <c r="H279039" s="12"/>
    </row>
    <row r="279040" spans="8:8">
      <c r="H279040" s="12"/>
    </row>
    <row r="279041" spans="8:8">
      <c r="H279041" s="12"/>
    </row>
    <row r="279042" spans="8:8">
      <c r="H279042" s="12"/>
    </row>
    <row r="279043" spans="8:8">
      <c r="H279043" s="12"/>
    </row>
    <row r="279044" spans="8:8">
      <c r="H279044" s="12"/>
    </row>
    <row r="279045" spans="8:8">
      <c r="H279045" s="12"/>
    </row>
    <row r="279046" spans="8:8">
      <c r="H279046" s="12"/>
    </row>
    <row r="279047" spans="8:8">
      <c r="H279047" s="12"/>
    </row>
    <row r="279048" spans="8:8">
      <c r="H279048" s="12"/>
    </row>
    <row r="279049" spans="8:8">
      <c r="H279049" s="12"/>
    </row>
    <row r="279050" spans="8:8">
      <c r="H279050" s="12"/>
    </row>
    <row r="279051" spans="8:8">
      <c r="H279051" s="12"/>
    </row>
    <row r="279052" spans="8:8">
      <c r="H279052" s="12"/>
    </row>
    <row r="279053" spans="8:8">
      <c r="H279053" s="12"/>
    </row>
    <row r="279054" spans="8:8">
      <c r="H279054" s="12"/>
    </row>
    <row r="279055" spans="8:8">
      <c r="H279055" s="12"/>
    </row>
    <row r="279056" spans="8:8">
      <c r="H279056" s="12"/>
    </row>
    <row r="279057" spans="8:8">
      <c r="H279057" s="12"/>
    </row>
    <row r="279058" spans="8:8">
      <c r="H279058" s="12"/>
    </row>
    <row r="279059" spans="8:8">
      <c r="H279059" s="12"/>
    </row>
    <row r="279060" spans="8:8">
      <c r="H279060" s="12"/>
    </row>
    <row r="279061" spans="8:8">
      <c r="H279061" s="12"/>
    </row>
    <row r="279062" spans="8:8">
      <c r="H279062" s="12"/>
    </row>
    <row r="279063" spans="8:8">
      <c r="H279063" s="12"/>
    </row>
    <row r="279064" spans="8:8">
      <c r="H279064" s="12"/>
    </row>
    <row r="279065" spans="8:8">
      <c r="H279065" s="12"/>
    </row>
    <row r="279066" spans="8:8">
      <c r="H279066" s="12"/>
    </row>
    <row r="279067" spans="8:8">
      <c r="H279067" s="12"/>
    </row>
    <row r="279068" spans="8:8">
      <c r="H279068" s="12"/>
    </row>
    <row r="279069" spans="8:8">
      <c r="H279069" s="12"/>
    </row>
    <row r="279070" spans="8:8">
      <c r="H279070" s="12"/>
    </row>
    <row r="279071" spans="8:8">
      <c r="H279071" s="12"/>
    </row>
    <row r="279072" spans="8:8">
      <c r="H279072" s="12"/>
    </row>
    <row r="279073" spans="8:8">
      <c r="H279073" s="12"/>
    </row>
    <row r="279074" spans="8:8">
      <c r="H279074" s="12"/>
    </row>
    <row r="279075" spans="8:8">
      <c r="H279075" s="12"/>
    </row>
    <row r="279076" spans="8:8">
      <c r="H279076" s="12"/>
    </row>
    <row r="279077" spans="8:8">
      <c r="H279077" s="12"/>
    </row>
    <row r="279078" spans="8:8">
      <c r="H279078" s="12"/>
    </row>
    <row r="279079" spans="8:8">
      <c r="H279079" s="12"/>
    </row>
    <row r="279080" spans="8:8">
      <c r="H279080" s="12"/>
    </row>
    <row r="279081" spans="8:8">
      <c r="H279081" s="12"/>
    </row>
    <row r="279082" spans="8:8">
      <c r="H279082" s="12"/>
    </row>
    <row r="279083" spans="8:8">
      <c r="H279083" s="12"/>
    </row>
    <row r="279084" spans="8:8">
      <c r="H279084" s="12"/>
    </row>
    <row r="279085" spans="8:8">
      <c r="H279085" s="12"/>
    </row>
    <row r="279086" spans="8:8">
      <c r="H279086" s="12"/>
    </row>
    <row r="279087" spans="8:8">
      <c r="H279087" s="12"/>
    </row>
    <row r="279088" spans="8:8">
      <c r="H279088" s="12"/>
    </row>
    <row r="279089" spans="8:8">
      <c r="H279089" s="12"/>
    </row>
    <row r="279090" spans="8:8">
      <c r="H279090" s="12"/>
    </row>
    <row r="279091" spans="8:8">
      <c r="H279091" s="12"/>
    </row>
    <row r="279092" spans="8:8">
      <c r="H279092" s="12"/>
    </row>
    <row r="279093" spans="8:8">
      <c r="H279093" s="12"/>
    </row>
    <row r="279094" spans="8:8">
      <c r="H279094" s="12"/>
    </row>
    <row r="279095" spans="8:8">
      <c r="H279095" s="12"/>
    </row>
    <row r="279096" spans="8:8">
      <c r="H279096" s="12"/>
    </row>
    <row r="279097" spans="8:8">
      <c r="H279097" s="12"/>
    </row>
    <row r="279098" spans="8:8">
      <c r="H279098" s="12"/>
    </row>
    <row r="279099" spans="8:8">
      <c r="H279099" s="12"/>
    </row>
    <row r="279100" spans="8:8">
      <c r="H279100" s="12"/>
    </row>
    <row r="279101" spans="8:8">
      <c r="H279101" s="12"/>
    </row>
    <row r="279102" spans="8:8">
      <c r="H279102" s="12"/>
    </row>
    <row r="279103" spans="8:8">
      <c r="H279103" s="12"/>
    </row>
    <row r="279104" spans="8:8">
      <c r="H279104" s="12"/>
    </row>
    <row r="279105" spans="8:8">
      <c r="H279105" s="12"/>
    </row>
    <row r="279106" spans="8:8">
      <c r="H279106" s="12"/>
    </row>
    <row r="279107" spans="8:8">
      <c r="H279107" s="12"/>
    </row>
    <row r="279108" spans="8:8">
      <c r="H279108" s="12"/>
    </row>
    <row r="279109" spans="8:8">
      <c r="H279109" s="12"/>
    </row>
    <row r="279110" spans="8:8">
      <c r="H279110" s="12"/>
    </row>
    <row r="279111" spans="8:8">
      <c r="H279111" s="12"/>
    </row>
    <row r="279112" spans="8:8">
      <c r="H279112" s="12"/>
    </row>
    <row r="279113" spans="8:8">
      <c r="H279113" s="12"/>
    </row>
    <row r="279114" spans="8:8">
      <c r="H279114" s="12"/>
    </row>
    <row r="279115" spans="8:8">
      <c r="H279115" s="12"/>
    </row>
    <row r="279116" spans="8:8">
      <c r="H279116" s="12"/>
    </row>
    <row r="279117" spans="8:8">
      <c r="H279117" s="12"/>
    </row>
    <row r="279118" spans="8:8">
      <c r="H279118" s="12"/>
    </row>
    <row r="279119" spans="8:8">
      <c r="H279119" s="12"/>
    </row>
    <row r="279120" spans="8:8">
      <c r="H279120" s="12"/>
    </row>
    <row r="279121" spans="8:8">
      <c r="H279121" s="12"/>
    </row>
    <row r="279122" spans="8:8">
      <c r="H279122" s="12"/>
    </row>
    <row r="279123" spans="8:8">
      <c r="H279123" s="12"/>
    </row>
    <row r="279124" spans="8:8">
      <c r="H279124" s="12"/>
    </row>
    <row r="279125" spans="8:8">
      <c r="H279125" s="12"/>
    </row>
    <row r="279126" spans="8:8">
      <c r="H279126" s="12"/>
    </row>
    <row r="279127" spans="8:8">
      <c r="H279127" s="12"/>
    </row>
    <row r="279128" spans="8:8">
      <c r="H279128" s="12"/>
    </row>
    <row r="279129" spans="8:8">
      <c r="H279129" s="12"/>
    </row>
    <row r="279130" spans="8:8">
      <c r="H279130" s="12"/>
    </row>
    <row r="279131" spans="8:8">
      <c r="H279131" s="12"/>
    </row>
    <row r="279132" spans="8:8">
      <c r="H279132" s="12"/>
    </row>
    <row r="279133" spans="8:8">
      <c r="H279133" s="12"/>
    </row>
    <row r="279134" spans="8:8">
      <c r="H279134" s="12"/>
    </row>
    <row r="279135" spans="8:8">
      <c r="H279135" s="12"/>
    </row>
    <row r="279136" spans="8:8">
      <c r="H279136" s="12"/>
    </row>
    <row r="279137" spans="8:8">
      <c r="H279137" s="12"/>
    </row>
    <row r="279138" spans="8:8">
      <c r="H279138" s="12"/>
    </row>
    <row r="279139" spans="8:8">
      <c r="H279139" s="12"/>
    </row>
    <row r="279140" spans="8:8">
      <c r="H279140" s="12"/>
    </row>
    <row r="279141" spans="8:8">
      <c r="H279141" s="12"/>
    </row>
    <row r="279142" spans="8:8">
      <c r="H279142" s="12"/>
    </row>
    <row r="279143" spans="8:8">
      <c r="H279143" s="12"/>
    </row>
    <row r="279144" spans="8:8">
      <c r="H279144" s="12"/>
    </row>
    <row r="279145" spans="8:8">
      <c r="H279145" s="12"/>
    </row>
    <row r="279146" spans="8:8">
      <c r="H279146" s="12"/>
    </row>
    <row r="279147" spans="8:8">
      <c r="H279147" s="12"/>
    </row>
    <row r="279148" spans="8:8">
      <c r="H279148" s="12"/>
    </row>
    <row r="279149" spans="8:8">
      <c r="H279149" s="12"/>
    </row>
    <row r="279150" spans="8:8">
      <c r="H279150" s="12"/>
    </row>
    <row r="279151" spans="8:8">
      <c r="H279151" s="12"/>
    </row>
    <row r="279152" spans="8:8">
      <c r="H279152" s="12"/>
    </row>
    <row r="279153" spans="8:8">
      <c r="H279153" s="12"/>
    </row>
    <row r="279154" spans="8:8">
      <c r="H279154" s="12"/>
    </row>
    <row r="279155" spans="8:8">
      <c r="H279155" s="12"/>
    </row>
    <row r="279156" spans="8:8">
      <c r="H279156" s="12"/>
    </row>
    <row r="279157" spans="8:8">
      <c r="H279157" s="12"/>
    </row>
    <row r="279158" spans="8:8">
      <c r="H279158" s="12"/>
    </row>
    <row r="279159" spans="8:8">
      <c r="H279159" s="12"/>
    </row>
    <row r="279160" spans="8:8">
      <c r="H279160" s="12"/>
    </row>
    <row r="279161" spans="8:8">
      <c r="H279161" s="12"/>
    </row>
    <row r="279162" spans="8:8">
      <c r="H279162" s="12"/>
    </row>
    <row r="279163" spans="8:8">
      <c r="H279163" s="12"/>
    </row>
    <row r="279164" spans="8:8">
      <c r="H279164" s="12"/>
    </row>
    <row r="279165" spans="8:8">
      <c r="H279165" s="12"/>
    </row>
    <row r="279166" spans="8:8">
      <c r="H279166" s="12"/>
    </row>
    <row r="279167" spans="8:8">
      <c r="H279167" s="12"/>
    </row>
    <row r="279168" spans="8:8">
      <c r="H279168" s="12"/>
    </row>
    <row r="279169" spans="8:8">
      <c r="H279169" s="12"/>
    </row>
    <row r="279170" spans="8:8">
      <c r="H279170" s="12"/>
    </row>
    <row r="279171" spans="8:8">
      <c r="H279171" s="12"/>
    </row>
    <row r="279172" spans="8:8">
      <c r="H279172" s="12"/>
    </row>
    <row r="279173" spans="8:8">
      <c r="H279173" s="12"/>
    </row>
    <row r="279174" spans="8:8">
      <c r="H279174" s="12"/>
    </row>
    <row r="279175" spans="8:8">
      <c r="H279175" s="12"/>
    </row>
    <row r="279176" spans="8:8">
      <c r="H279176" s="12"/>
    </row>
    <row r="279177" spans="8:8">
      <c r="H279177" s="12"/>
    </row>
    <row r="279178" spans="8:8">
      <c r="H279178" s="12"/>
    </row>
    <row r="279179" spans="8:8">
      <c r="H279179" s="12"/>
    </row>
    <row r="279180" spans="8:8">
      <c r="H279180" s="12"/>
    </row>
    <row r="279181" spans="8:8">
      <c r="H279181" s="12"/>
    </row>
    <row r="279182" spans="8:8">
      <c r="H279182" s="12"/>
    </row>
    <row r="279183" spans="8:8">
      <c r="H279183" s="12"/>
    </row>
    <row r="279184" spans="8:8">
      <c r="H279184" s="12"/>
    </row>
    <row r="279185" spans="8:8">
      <c r="H279185" s="12"/>
    </row>
    <row r="279186" spans="8:8">
      <c r="H279186" s="12"/>
    </row>
    <row r="279187" spans="8:8">
      <c r="H279187" s="12"/>
    </row>
    <row r="279188" spans="8:8">
      <c r="H279188" s="12"/>
    </row>
    <row r="279189" spans="8:8">
      <c r="H279189" s="12"/>
    </row>
    <row r="279190" spans="8:8">
      <c r="H279190" s="12"/>
    </row>
    <row r="279191" spans="8:8">
      <c r="H279191" s="12"/>
    </row>
    <row r="279192" spans="8:8">
      <c r="H279192" s="12"/>
    </row>
    <row r="279193" spans="8:8">
      <c r="H279193" s="12"/>
    </row>
    <row r="279194" spans="8:8">
      <c r="H279194" s="12"/>
    </row>
    <row r="279195" spans="8:8">
      <c r="H279195" s="12"/>
    </row>
    <row r="279196" spans="8:8">
      <c r="H279196" s="12"/>
    </row>
    <row r="279197" spans="8:8">
      <c r="H279197" s="12"/>
    </row>
    <row r="279198" spans="8:8">
      <c r="H279198" s="12"/>
    </row>
    <row r="279199" spans="8:8">
      <c r="H279199" s="12"/>
    </row>
    <row r="279200" spans="8:8">
      <c r="H279200" s="12"/>
    </row>
    <row r="279201" spans="8:8">
      <c r="H279201" s="12"/>
    </row>
    <row r="279202" spans="8:8">
      <c r="H279202" s="12"/>
    </row>
    <row r="279203" spans="8:8">
      <c r="H279203" s="12"/>
    </row>
    <row r="279204" spans="8:8">
      <c r="H279204" s="12"/>
    </row>
    <row r="279205" spans="8:8">
      <c r="H279205" s="12"/>
    </row>
    <row r="279206" spans="8:8">
      <c r="H279206" s="12"/>
    </row>
    <row r="279207" spans="8:8">
      <c r="H279207" s="12"/>
    </row>
    <row r="279208" spans="8:8">
      <c r="H279208" s="12"/>
    </row>
    <row r="279209" spans="8:8">
      <c r="H279209" s="12"/>
    </row>
    <row r="279210" spans="8:8">
      <c r="H279210" s="12"/>
    </row>
    <row r="279211" spans="8:8">
      <c r="H279211" s="12"/>
    </row>
    <row r="279212" spans="8:8">
      <c r="H279212" s="12"/>
    </row>
    <row r="279213" spans="8:8">
      <c r="H279213" s="12"/>
    </row>
    <row r="279214" spans="8:8">
      <c r="H279214" s="12"/>
    </row>
    <row r="279215" spans="8:8">
      <c r="H279215" s="12"/>
    </row>
    <row r="279216" spans="8:8">
      <c r="H279216" s="12"/>
    </row>
    <row r="279217" spans="8:8">
      <c r="H279217" s="12"/>
    </row>
    <row r="279218" spans="8:8">
      <c r="H279218" s="12"/>
    </row>
    <row r="279219" spans="8:8">
      <c r="H279219" s="12"/>
    </row>
    <row r="279220" spans="8:8">
      <c r="H279220" s="12"/>
    </row>
    <row r="279221" spans="8:8">
      <c r="H279221" s="12"/>
    </row>
    <row r="279222" spans="8:8">
      <c r="H279222" s="12"/>
    </row>
    <row r="279223" spans="8:8">
      <c r="H279223" s="12"/>
    </row>
    <row r="279224" spans="8:8">
      <c r="H279224" s="12"/>
    </row>
    <row r="279225" spans="8:8">
      <c r="H279225" s="12"/>
    </row>
    <row r="279226" spans="8:8">
      <c r="H279226" s="12"/>
    </row>
    <row r="279227" spans="8:8">
      <c r="H279227" s="12"/>
    </row>
    <row r="279228" spans="8:8">
      <c r="H279228" s="12"/>
    </row>
    <row r="279229" spans="8:8">
      <c r="H279229" s="12"/>
    </row>
    <row r="279230" spans="8:8">
      <c r="H279230" s="12"/>
    </row>
    <row r="279231" spans="8:8">
      <c r="H279231" s="12"/>
    </row>
    <row r="279232" spans="8:8">
      <c r="H279232" s="12"/>
    </row>
    <row r="279233" spans="8:8">
      <c r="H279233" s="12"/>
    </row>
    <row r="279234" spans="8:8">
      <c r="H279234" s="12"/>
    </row>
    <row r="279235" spans="8:8">
      <c r="H279235" s="12"/>
    </row>
    <row r="279236" spans="8:8">
      <c r="H279236" s="12"/>
    </row>
    <row r="279237" spans="8:8">
      <c r="H279237" s="12"/>
    </row>
    <row r="279238" spans="8:8">
      <c r="H279238" s="12"/>
    </row>
    <row r="279239" spans="8:8">
      <c r="H279239" s="12"/>
    </row>
    <row r="279240" spans="8:8">
      <c r="H279240" s="12"/>
    </row>
    <row r="279241" spans="8:8">
      <c r="H279241" s="12"/>
    </row>
    <row r="279242" spans="8:8">
      <c r="H279242" s="12"/>
    </row>
    <row r="279243" spans="8:8">
      <c r="H279243" s="12"/>
    </row>
    <row r="279244" spans="8:8">
      <c r="H279244" s="12"/>
    </row>
    <row r="279245" spans="8:8">
      <c r="H279245" s="12"/>
    </row>
    <row r="279246" spans="8:8">
      <c r="H279246" s="12"/>
    </row>
    <row r="279247" spans="8:8">
      <c r="H279247" s="12"/>
    </row>
    <row r="279248" spans="8:8">
      <c r="H279248" s="12"/>
    </row>
    <row r="279249" spans="8:8">
      <c r="H279249" s="12"/>
    </row>
    <row r="279250" spans="8:8">
      <c r="H279250" s="12"/>
    </row>
    <row r="279251" spans="8:8">
      <c r="H279251" s="12"/>
    </row>
    <row r="279252" spans="8:8">
      <c r="H279252" s="12"/>
    </row>
    <row r="279253" spans="8:8">
      <c r="H279253" s="12"/>
    </row>
    <row r="279254" spans="8:8">
      <c r="H279254" s="12"/>
    </row>
    <row r="279255" spans="8:8">
      <c r="H279255" s="12"/>
    </row>
    <row r="279256" spans="8:8">
      <c r="H279256" s="12"/>
    </row>
    <row r="279257" spans="8:8">
      <c r="H279257" s="12"/>
    </row>
    <row r="279258" spans="8:8">
      <c r="H279258" s="12"/>
    </row>
    <row r="279259" spans="8:8">
      <c r="H279259" s="12"/>
    </row>
    <row r="279260" spans="8:8">
      <c r="H279260" s="12"/>
    </row>
    <row r="279261" spans="8:8">
      <c r="H279261" s="12"/>
    </row>
    <row r="279262" spans="8:8">
      <c r="H279262" s="12"/>
    </row>
    <row r="279263" spans="8:8">
      <c r="H279263" s="12"/>
    </row>
    <row r="279264" spans="8:8">
      <c r="H279264" s="12"/>
    </row>
    <row r="279265" spans="8:8">
      <c r="H279265" s="12"/>
    </row>
    <row r="279266" spans="8:8">
      <c r="H279266" s="12"/>
    </row>
    <row r="279267" spans="8:8">
      <c r="H279267" s="12"/>
    </row>
    <row r="279268" spans="8:8">
      <c r="H279268" s="12"/>
    </row>
    <row r="279269" spans="8:8">
      <c r="H279269" s="12"/>
    </row>
    <row r="279270" spans="8:8">
      <c r="H279270" s="12"/>
    </row>
    <row r="279271" spans="8:8">
      <c r="H279271" s="12"/>
    </row>
    <row r="279272" spans="8:8">
      <c r="H279272" s="12"/>
    </row>
    <row r="279273" spans="8:8">
      <c r="H279273" s="12"/>
    </row>
    <row r="279274" spans="8:8">
      <c r="H279274" s="12"/>
    </row>
    <row r="279275" spans="8:8">
      <c r="H279275" s="12"/>
    </row>
    <row r="279276" spans="8:8">
      <c r="H279276" s="12"/>
    </row>
    <row r="279277" spans="8:8">
      <c r="H279277" s="12"/>
    </row>
    <row r="279278" spans="8:8">
      <c r="H279278" s="12"/>
    </row>
    <row r="279279" spans="8:8">
      <c r="H279279" s="12"/>
    </row>
    <row r="279280" spans="8:8">
      <c r="H279280" s="12"/>
    </row>
    <row r="279281" spans="8:8">
      <c r="H279281" s="12"/>
    </row>
    <row r="279282" spans="8:8">
      <c r="H279282" s="12"/>
    </row>
    <row r="279283" spans="8:8">
      <c r="H279283" s="12"/>
    </row>
    <row r="279284" spans="8:8">
      <c r="H279284" s="12"/>
    </row>
    <row r="279285" spans="8:8">
      <c r="H279285" s="12"/>
    </row>
    <row r="279286" spans="8:8">
      <c r="H279286" s="12"/>
    </row>
    <row r="279287" spans="8:8">
      <c r="H279287" s="12"/>
    </row>
    <row r="279288" spans="8:8">
      <c r="H279288" s="12"/>
    </row>
    <row r="279289" spans="8:8">
      <c r="H279289" s="12"/>
    </row>
    <row r="279290" spans="8:8">
      <c r="H279290" s="12"/>
    </row>
    <row r="279291" spans="8:8">
      <c r="H279291" s="12"/>
    </row>
    <row r="279292" spans="8:8">
      <c r="H279292" s="12"/>
    </row>
    <row r="279293" spans="8:8">
      <c r="H279293" s="12"/>
    </row>
    <row r="279294" spans="8:8">
      <c r="H279294" s="12"/>
    </row>
    <row r="279295" spans="8:8">
      <c r="H279295" s="12"/>
    </row>
    <row r="279296" spans="8:8">
      <c r="H279296" s="12"/>
    </row>
    <row r="279297" spans="8:8">
      <c r="H279297" s="12"/>
    </row>
    <row r="279298" spans="8:8">
      <c r="H279298" s="12"/>
    </row>
    <row r="279299" spans="8:8">
      <c r="H279299" s="12"/>
    </row>
    <row r="279300" spans="8:8">
      <c r="H279300" s="12"/>
    </row>
    <row r="279301" spans="8:8">
      <c r="H279301" s="12"/>
    </row>
    <row r="279302" spans="8:8">
      <c r="H279302" s="12"/>
    </row>
    <row r="279303" spans="8:8">
      <c r="H279303" s="12"/>
    </row>
    <row r="279304" spans="8:8">
      <c r="H279304" s="12"/>
    </row>
    <row r="279305" spans="8:8">
      <c r="H279305" s="12"/>
    </row>
    <row r="279306" spans="8:8">
      <c r="H279306" s="12"/>
    </row>
    <row r="279307" spans="8:8">
      <c r="H279307" s="12"/>
    </row>
    <row r="279308" spans="8:8">
      <c r="H279308" s="12"/>
    </row>
    <row r="279309" spans="8:8">
      <c r="H279309" s="12"/>
    </row>
    <row r="279310" spans="8:8">
      <c r="H279310" s="12"/>
    </row>
    <row r="279311" spans="8:8">
      <c r="H279311" s="12"/>
    </row>
    <row r="279312" spans="8:8">
      <c r="H279312" s="12"/>
    </row>
    <row r="279313" spans="8:8">
      <c r="H279313" s="12"/>
    </row>
    <row r="279314" spans="8:8">
      <c r="H279314" s="12"/>
    </row>
    <row r="279315" spans="8:8">
      <c r="H279315" s="12"/>
    </row>
    <row r="279316" spans="8:8">
      <c r="H279316" s="12"/>
    </row>
    <row r="279317" spans="8:8">
      <c r="H279317" s="12"/>
    </row>
    <row r="279318" spans="8:8">
      <c r="H279318" s="12"/>
    </row>
    <row r="279319" spans="8:8">
      <c r="H279319" s="12"/>
    </row>
    <row r="279320" spans="8:8">
      <c r="H279320" s="12"/>
    </row>
    <row r="279321" spans="8:8">
      <c r="H279321" s="12"/>
    </row>
    <row r="279322" spans="8:8">
      <c r="H279322" s="12"/>
    </row>
    <row r="279323" spans="8:8">
      <c r="H279323" s="12"/>
    </row>
    <row r="279324" spans="8:8">
      <c r="H279324" s="12"/>
    </row>
    <row r="279325" spans="8:8">
      <c r="H279325" s="12"/>
    </row>
    <row r="279326" spans="8:8">
      <c r="H279326" s="12"/>
    </row>
    <row r="279327" spans="8:8">
      <c r="H279327" s="12"/>
    </row>
    <row r="279328" spans="8:8">
      <c r="H279328" s="12"/>
    </row>
    <row r="279329" spans="8:8">
      <c r="H279329" s="12"/>
    </row>
    <row r="279330" spans="8:8">
      <c r="H279330" s="12"/>
    </row>
    <row r="279331" spans="8:8">
      <c r="H279331" s="12"/>
    </row>
    <row r="279332" spans="8:8">
      <c r="H279332" s="12"/>
    </row>
    <row r="279333" spans="8:8">
      <c r="H279333" s="12"/>
    </row>
    <row r="279334" spans="8:8">
      <c r="H279334" s="12"/>
    </row>
    <row r="279335" spans="8:8">
      <c r="H279335" s="12"/>
    </row>
    <row r="279336" spans="8:8">
      <c r="H279336" s="12"/>
    </row>
    <row r="279337" spans="8:8">
      <c r="H279337" s="12"/>
    </row>
    <row r="279338" spans="8:8">
      <c r="H279338" s="12"/>
    </row>
    <row r="279339" spans="8:8">
      <c r="H279339" s="12"/>
    </row>
    <row r="279340" spans="8:8">
      <c r="H279340" s="12"/>
    </row>
    <row r="279341" spans="8:8">
      <c r="H279341" s="12"/>
    </row>
    <row r="279342" spans="8:8">
      <c r="H279342" s="12"/>
    </row>
    <row r="279343" spans="8:8">
      <c r="H279343" s="12"/>
    </row>
    <row r="279344" spans="8:8">
      <c r="H279344" s="12"/>
    </row>
    <row r="279345" spans="8:8">
      <c r="H279345" s="12"/>
    </row>
    <row r="279346" spans="8:8">
      <c r="H279346" s="12"/>
    </row>
    <row r="279347" spans="8:8">
      <c r="H279347" s="12"/>
    </row>
    <row r="279348" spans="8:8">
      <c r="H279348" s="12"/>
    </row>
    <row r="279349" spans="8:8">
      <c r="H279349" s="12"/>
    </row>
    <row r="279350" spans="8:8">
      <c r="H279350" s="12"/>
    </row>
    <row r="279351" spans="8:8">
      <c r="H279351" s="12"/>
    </row>
    <row r="279352" spans="8:8">
      <c r="H279352" s="12"/>
    </row>
    <row r="279353" spans="8:8">
      <c r="H279353" s="12"/>
    </row>
    <row r="279354" spans="8:8">
      <c r="H279354" s="12"/>
    </row>
    <row r="279355" spans="8:8">
      <c r="H279355" s="12"/>
    </row>
    <row r="279356" spans="8:8">
      <c r="H279356" s="12"/>
    </row>
    <row r="279357" spans="8:8">
      <c r="H279357" s="12"/>
    </row>
    <row r="279358" spans="8:8">
      <c r="H279358" s="12"/>
    </row>
    <row r="279359" spans="8:8">
      <c r="H279359" s="12"/>
    </row>
    <row r="279360" spans="8:8">
      <c r="H279360" s="12"/>
    </row>
    <row r="279361" spans="8:8">
      <c r="H279361" s="12"/>
    </row>
    <row r="279362" spans="8:8">
      <c r="H279362" s="12"/>
    </row>
    <row r="279363" spans="8:8">
      <c r="H279363" s="12"/>
    </row>
    <row r="279364" spans="8:8">
      <c r="H279364" s="12"/>
    </row>
    <row r="279365" spans="8:8">
      <c r="H279365" s="12"/>
    </row>
    <row r="279366" spans="8:8">
      <c r="H279366" s="12"/>
    </row>
    <row r="279367" spans="8:8">
      <c r="H279367" s="12"/>
    </row>
    <row r="279368" spans="8:8">
      <c r="H279368" s="12"/>
    </row>
    <row r="279369" spans="8:8">
      <c r="H279369" s="12"/>
    </row>
    <row r="279370" spans="8:8">
      <c r="H279370" s="12"/>
    </row>
    <row r="279371" spans="8:8">
      <c r="H279371" s="12"/>
    </row>
    <row r="279372" spans="8:8">
      <c r="H279372" s="12"/>
    </row>
    <row r="279373" spans="8:8">
      <c r="H279373" s="12"/>
    </row>
    <row r="279374" spans="8:8">
      <c r="H279374" s="12"/>
    </row>
    <row r="279375" spans="8:8">
      <c r="H279375" s="12"/>
    </row>
    <row r="279376" spans="8:8">
      <c r="H279376" s="12"/>
    </row>
    <row r="279377" spans="8:8">
      <c r="H279377" s="12"/>
    </row>
    <row r="279378" spans="8:8">
      <c r="H279378" s="12"/>
    </row>
    <row r="279379" spans="8:8">
      <c r="H279379" s="12"/>
    </row>
    <row r="279380" spans="8:8">
      <c r="H279380" s="12"/>
    </row>
    <row r="279381" spans="8:8">
      <c r="H279381" s="12"/>
    </row>
    <row r="279382" spans="8:8">
      <c r="H279382" s="12"/>
    </row>
    <row r="279383" spans="8:8">
      <c r="H279383" s="12"/>
    </row>
    <row r="279384" spans="8:8">
      <c r="H279384" s="12"/>
    </row>
    <row r="279385" spans="8:8">
      <c r="H279385" s="12"/>
    </row>
    <row r="279386" spans="8:8">
      <c r="H279386" s="12"/>
    </row>
    <row r="279387" spans="8:8">
      <c r="H279387" s="12"/>
    </row>
    <row r="279388" spans="8:8">
      <c r="H279388" s="12"/>
    </row>
    <row r="279389" spans="8:8">
      <c r="H279389" s="12"/>
    </row>
    <row r="279390" spans="8:8">
      <c r="H279390" s="12"/>
    </row>
    <row r="279391" spans="8:8">
      <c r="H279391" s="12"/>
    </row>
    <row r="279392" spans="8:8">
      <c r="H279392" s="12"/>
    </row>
    <row r="279393" spans="8:8">
      <c r="H279393" s="12"/>
    </row>
    <row r="279394" spans="8:8">
      <c r="H279394" s="12"/>
    </row>
    <row r="279395" spans="8:8">
      <c r="H279395" s="12"/>
    </row>
    <row r="279396" spans="8:8">
      <c r="H279396" s="12"/>
    </row>
    <row r="279397" spans="8:8">
      <c r="H279397" s="12"/>
    </row>
    <row r="279398" spans="8:8">
      <c r="H279398" s="12"/>
    </row>
    <row r="279399" spans="8:8">
      <c r="H279399" s="12"/>
    </row>
    <row r="279400" spans="8:8">
      <c r="H279400" s="12"/>
    </row>
    <row r="279401" spans="8:8">
      <c r="H279401" s="12"/>
    </row>
    <row r="279402" spans="8:8">
      <c r="H279402" s="12"/>
    </row>
    <row r="279403" spans="8:8">
      <c r="H279403" s="12"/>
    </row>
    <row r="279404" spans="8:8">
      <c r="H279404" s="12"/>
    </row>
    <row r="279405" spans="8:8">
      <c r="H279405" s="12"/>
    </row>
    <row r="279406" spans="8:8">
      <c r="H279406" s="12"/>
    </row>
    <row r="279407" spans="8:8">
      <c r="H279407" s="12"/>
    </row>
    <row r="279408" spans="8:8">
      <c r="H279408" s="12"/>
    </row>
    <row r="279409" spans="8:8">
      <c r="H279409" s="12"/>
    </row>
    <row r="279410" spans="8:8">
      <c r="H279410" s="12"/>
    </row>
    <row r="279411" spans="8:8">
      <c r="H279411" s="12"/>
    </row>
    <row r="279412" spans="8:8">
      <c r="H279412" s="12"/>
    </row>
    <row r="279413" spans="8:8">
      <c r="H279413" s="12"/>
    </row>
    <row r="279414" spans="8:8">
      <c r="H279414" s="12"/>
    </row>
    <row r="279415" spans="8:8">
      <c r="H279415" s="12"/>
    </row>
    <row r="279416" spans="8:8">
      <c r="H279416" s="12"/>
    </row>
    <row r="279417" spans="8:8">
      <c r="H279417" s="12"/>
    </row>
    <row r="279418" spans="8:8">
      <c r="H279418" s="12"/>
    </row>
    <row r="279419" spans="8:8">
      <c r="H279419" s="12"/>
    </row>
    <row r="279420" spans="8:8">
      <c r="H279420" s="12"/>
    </row>
    <row r="279421" spans="8:8">
      <c r="H279421" s="12"/>
    </row>
    <row r="279422" spans="8:8">
      <c r="H279422" s="12"/>
    </row>
    <row r="279423" spans="8:8">
      <c r="H279423" s="12"/>
    </row>
    <row r="279424" spans="8:8">
      <c r="H279424" s="12"/>
    </row>
    <row r="279425" spans="8:8">
      <c r="H279425" s="12"/>
    </row>
    <row r="279426" spans="8:8">
      <c r="H279426" s="12"/>
    </row>
    <row r="279427" spans="8:8">
      <c r="H279427" s="12"/>
    </row>
    <row r="279428" spans="8:8">
      <c r="H279428" s="12"/>
    </row>
    <row r="279429" spans="8:8">
      <c r="H279429" s="12"/>
    </row>
    <row r="279430" spans="8:8">
      <c r="H279430" s="12"/>
    </row>
    <row r="279431" spans="8:8">
      <c r="H279431" s="12"/>
    </row>
    <row r="279432" spans="8:8">
      <c r="H279432" s="12"/>
    </row>
    <row r="279433" spans="8:8">
      <c r="H279433" s="12"/>
    </row>
    <row r="279434" spans="8:8">
      <c r="H279434" s="12"/>
    </row>
    <row r="279435" spans="8:8">
      <c r="H279435" s="12"/>
    </row>
    <row r="279436" spans="8:8">
      <c r="H279436" s="12"/>
    </row>
    <row r="279437" spans="8:8">
      <c r="H279437" s="12"/>
    </row>
    <row r="279438" spans="8:8">
      <c r="H279438" s="12"/>
    </row>
    <row r="279439" spans="8:8">
      <c r="H279439" s="12"/>
    </row>
    <row r="279440" spans="8:8">
      <c r="H279440" s="12"/>
    </row>
    <row r="279441" spans="8:8">
      <c r="H279441" s="12"/>
    </row>
    <row r="279442" spans="8:8">
      <c r="H279442" s="12"/>
    </row>
    <row r="279443" spans="8:8">
      <c r="H279443" s="12"/>
    </row>
    <row r="279444" spans="8:8">
      <c r="H279444" s="12"/>
    </row>
    <row r="279445" spans="8:8">
      <c r="H279445" s="12"/>
    </row>
    <row r="279446" spans="8:8">
      <c r="H279446" s="12"/>
    </row>
    <row r="279447" spans="8:8">
      <c r="H279447" s="12"/>
    </row>
    <row r="279448" spans="8:8">
      <c r="H279448" s="12"/>
    </row>
    <row r="279449" spans="8:8">
      <c r="H279449" s="12"/>
    </row>
    <row r="279450" spans="8:8">
      <c r="H279450" s="12"/>
    </row>
    <row r="279451" spans="8:8">
      <c r="H279451" s="12"/>
    </row>
    <row r="279452" spans="8:8">
      <c r="H279452" s="12"/>
    </row>
    <row r="279453" spans="8:8">
      <c r="H279453" s="12"/>
    </row>
    <row r="279454" spans="8:8">
      <c r="H279454" s="12"/>
    </row>
    <row r="279455" spans="8:8">
      <c r="H279455" s="12"/>
    </row>
    <row r="279456" spans="8:8">
      <c r="H279456" s="12"/>
    </row>
    <row r="279457" spans="8:8">
      <c r="H279457" s="12"/>
    </row>
    <row r="279458" spans="8:8">
      <c r="H279458" s="12"/>
    </row>
    <row r="279459" spans="8:8">
      <c r="H279459" s="12"/>
    </row>
    <row r="279460" spans="8:8">
      <c r="H279460" s="12"/>
    </row>
    <row r="279461" spans="8:8">
      <c r="H279461" s="12"/>
    </row>
    <row r="279462" spans="8:8">
      <c r="H279462" s="12"/>
    </row>
    <row r="279463" spans="8:8">
      <c r="H279463" s="12"/>
    </row>
    <row r="279464" spans="8:8">
      <c r="H279464" s="12"/>
    </row>
    <row r="279465" spans="8:8">
      <c r="H279465" s="12"/>
    </row>
    <row r="279466" spans="8:8">
      <c r="H279466" s="12"/>
    </row>
    <row r="279467" spans="8:8">
      <c r="H279467" s="12"/>
    </row>
    <row r="279468" spans="8:8">
      <c r="H279468" s="12"/>
    </row>
    <row r="279469" spans="8:8">
      <c r="H279469" s="12"/>
    </row>
    <row r="279470" spans="8:8">
      <c r="H279470" s="12"/>
    </row>
    <row r="279471" spans="8:8">
      <c r="H279471" s="12"/>
    </row>
    <row r="279472" spans="8:8">
      <c r="H279472" s="12"/>
    </row>
    <row r="279473" spans="8:8">
      <c r="H279473" s="12"/>
    </row>
    <row r="279474" spans="8:8">
      <c r="H279474" s="12"/>
    </row>
    <row r="279475" spans="8:8">
      <c r="H279475" s="12"/>
    </row>
    <row r="279476" spans="8:8">
      <c r="H279476" s="12"/>
    </row>
    <row r="279477" spans="8:8">
      <c r="H279477" s="12"/>
    </row>
    <row r="279478" spans="8:8">
      <c r="H279478" s="12"/>
    </row>
    <row r="279479" spans="8:8">
      <c r="H279479" s="12"/>
    </row>
    <row r="279480" spans="8:8">
      <c r="H279480" s="12"/>
    </row>
    <row r="279481" spans="8:8">
      <c r="H279481" s="12"/>
    </row>
    <row r="279482" spans="8:8">
      <c r="H279482" s="12"/>
    </row>
    <row r="279483" spans="8:8">
      <c r="H279483" s="12"/>
    </row>
    <row r="279484" spans="8:8">
      <c r="H279484" s="12"/>
    </row>
    <row r="279485" spans="8:8">
      <c r="H279485" s="12"/>
    </row>
    <row r="279486" spans="8:8">
      <c r="H279486" s="12"/>
    </row>
    <row r="279487" spans="8:8">
      <c r="H279487" s="12"/>
    </row>
    <row r="279488" spans="8:8">
      <c r="H279488" s="12"/>
    </row>
    <row r="279489" spans="8:8">
      <c r="H279489" s="12"/>
    </row>
    <row r="279490" spans="8:8">
      <c r="H279490" s="12"/>
    </row>
    <row r="279491" spans="8:8">
      <c r="H279491" s="12"/>
    </row>
    <row r="279492" spans="8:8">
      <c r="H279492" s="12"/>
    </row>
    <row r="279493" spans="8:8">
      <c r="H279493" s="12"/>
    </row>
    <row r="279494" spans="8:8">
      <c r="H279494" s="12"/>
    </row>
    <row r="279495" spans="8:8">
      <c r="H279495" s="12"/>
    </row>
    <row r="279496" spans="8:8">
      <c r="H279496" s="12"/>
    </row>
    <row r="279497" spans="8:8">
      <c r="H279497" s="12"/>
    </row>
    <row r="279498" spans="8:8">
      <c r="H279498" s="12"/>
    </row>
    <row r="279499" spans="8:8">
      <c r="H279499" s="12"/>
    </row>
    <row r="279500" spans="8:8">
      <c r="H279500" s="12"/>
    </row>
    <row r="279501" spans="8:8">
      <c r="H279501" s="12"/>
    </row>
    <row r="279502" spans="8:8">
      <c r="H279502" s="12"/>
    </row>
    <row r="279503" spans="8:8">
      <c r="H279503" s="12"/>
    </row>
    <row r="279504" spans="8:8">
      <c r="H279504" s="12"/>
    </row>
    <row r="279505" spans="8:8">
      <c r="H279505" s="12"/>
    </row>
    <row r="279506" spans="8:8">
      <c r="H279506" s="12"/>
    </row>
    <row r="279507" spans="8:8">
      <c r="H279507" s="12"/>
    </row>
    <row r="279508" spans="8:8">
      <c r="H279508" s="12"/>
    </row>
    <row r="279509" spans="8:8">
      <c r="H279509" s="12"/>
    </row>
    <row r="279510" spans="8:8">
      <c r="H279510" s="12"/>
    </row>
    <row r="279511" spans="8:8">
      <c r="H279511" s="12"/>
    </row>
    <row r="279512" spans="8:8">
      <c r="H279512" s="12"/>
    </row>
    <row r="279513" spans="8:8">
      <c r="H279513" s="12"/>
    </row>
    <row r="279514" spans="8:8">
      <c r="H279514" s="12"/>
    </row>
    <row r="279515" spans="8:8">
      <c r="H279515" s="12"/>
    </row>
    <row r="279516" spans="8:8">
      <c r="H279516" s="12"/>
    </row>
    <row r="279517" spans="8:8">
      <c r="H279517" s="12"/>
    </row>
    <row r="279518" spans="8:8">
      <c r="H279518" s="12"/>
    </row>
    <row r="279519" spans="8:8">
      <c r="H279519" s="12"/>
    </row>
    <row r="279520" spans="8:8">
      <c r="H279520" s="12"/>
    </row>
    <row r="279521" spans="8:8">
      <c r="H279521" s="12"/>
    </row>
    <row r="279522" spans="8:8">
      <c r="H279522" s="12"/>
    </row>
    <row r="279523" spans="8:8">
      <c r="H279523" s="12"/>
    </row>
    <row r="279524" spans="8:8">
      <c r="H279524" s="12"/>
    </row>
    <row r="279525" spans="8:8">
      <c r="H279525" s="12"/>
    </row>
    <row r="279526" spans="8:8">
      <c r="H279526" s="12"/>
    </row>
    <row r="279527" spans="8:8">
      <c r="H279527" s="12"/>
    </row>
    <row r="279528" spans="8:8">
      <c r="H279528" s="12"/>
    </row>
    <row r="279529" spans="8:8">
      <c r="H279529" s="12"/>
    </row>
    <row r="279530" spans="8:8">
      <c r="H279530" s="12"/>
    </row>
    <row r="279531" spans="8:8">
      <c r="H279531" s="12"/>
    </row>
    <row r="279532" spans="8:8">
      <c r="H279532" s="12"/>
    </row>
    <row r="279533" spans="8:8">
      <c r="H279533" s="12"/>
    </row>
    <row r="279534" spans="8:8">
      <c r="H279534" s="12"/>
    </row>
    <row r="279535" spans="8:8">
      <c r="H279535" s="12"/>
    </row>
    <row r="279536" spans="8:8">
      <c r="H279536" s="12"/>
    </row>
    <row r="279537" spans="8:8">
      <c r="H279537" s="12"/>
    </row>
    <row r="279538" spans="8:8">
      <c r="H279538" s="12"/>
    </row>
    <row r="279539" spans="8:8">
      <c r="H279539" s="12"/>
    </row>
    <row r="279540" spans="8:8">
      <c r="H279540" s="12"/>
    </row>
    <row r="279541" spans="8:8">
      <c r="H279541" s="12"/>
    </row>
    <row r="279542" spans="8:8">
      <c r="H279542" s="12"/>
    </row>
    <row r="279543" spans="8:8">
      <c r="H279543" s="12"/>
    </row>
    <row r="279544" spans="8:8">
      <c r="H279544" s="12"/>
    </row>
    <row r="279545" spans="8:8">
      <c r="H279545" s="12"/>
    </row>
    <row r="279546" spans="8:8">
      <c r="H279546" s="12"/>
    </row>
    <row r="279547" spans="8:8">
      <c r="H279547" s="12"/>
    </row>
    <row r="279548" spans="8:8">
      <c r="H279548" s="12"/>
    </row>
    <row r="279549" spans="8:8">
      <c r="H279549" s="12"/>
    </row>
    <row r="279550" spans="8:8">
      <c r="H279550" s="12"/>
    </row>
    <row r="279551" spans="8:8">
      <c r="H279551" s="12"/>
    </row>
    <row r="279552" spans="8:8">
      <c r="H279552" s="12"/>
    </row>
    <row r="279553" spans="8:8">
      <c r="H279553" s="12"/>
    </row>
    <row r="279554" spans="8:8">
      <c r="H279554" s="12"/>
    </row>
    <row r="279555" spans="8:8">
      <c r="H279555" s="12"/>
    </row>
    <row r="279556" spans="8:8">
      <c r="H279556" s="12"/>
    </row>
    <row r="279557" spans="8:8">
      <c r="H279557" s="12"/>
    </row>
    <row r="279558" spans="8:8">
      <c r="H279558" s="12"/>
    </row>
    <row r="279559" spans="8:8">
      <c r="H279559" s="12"/>
    </row>
    <row r="279560" spans="8:8">
      <c r="H279560" s="12"/>
    </row>
    <row r="279561" spans="8:8">
      <c r="H279561" s="12"/>
    </row>
    <row r="279562" spans="8:8">
      <c r="H279562" s="12"/>
    </row>
    <row r="279563" spans="8:8">
      <c r="H279563" s="12"/>
    </row>
    <row r="279564" spans="8:8">
      <c r="H279564" s="12"/>
    </row>
    <row r="279565" spans="8:8">
      <c r="H279565" s="12"/>
    </row>
    <row r="279566" spans="8:8">
      <c r="H279566" s="12"/>
    </row>
    <row r="279567" spans="8:8">
      <c r="H279567" s="12"/>
    </row>
    <row r="279568" spans="8:8">
      <c r="H279568" s="12"/>
    </row>
    <row r="279569" spans="8:8">
      <c r="H279569" s="12"/>
    </row>
    <row r="279570" spans="8:8">
      <c r="H279570" s="12"/>
    </row>
    <row r="279571" spans="8:8">
      <c r="H279571" s="12"/>
    </row>
    <row r="279572" spans="8:8">
      <c r="H279572" s="12"/>
    </row>
    <row r="279573" spans="8:8">
      <c r="H279573" s="12"/>
    </row>
    <row r="279574" spans="8:8">
      <c r="H279574" s="12"/>
    </row>
    <row r="279575" spans="8:8">
      <c r="H279575" s="12"/>
    </row>
    <row r="279576" spans="8:8">
      <c r="H279576" s="12"/>
    </row>
    <row r="279577" spans="8:8">
      <c r="H279577" s="12"/>
    </row>
    <row r="279578" spans="8:8">
      <c r="H279578" s="12"/>
    </row>
    <row r="279579" spans="8:8">
      <c r="H279579" s="12"/>
    </row>
    <row r="279580" spans="8:8">
      <c r="H279580" s="12"/>
    </row>
    <row r="279581" spans="8:8">
      <c r="H279581" s="12"/>
    </row>
    <row r="279582" spans="8:8">
      <c r="H279582" s="12"/>
    </row>
    <row r="279583" spans="8:8">
      <c r="H279583" s="12"/>
    </row>
    <row r="279584" spans="8:8">
      <c r="H279584" s="12"/>
    </row>
    <row r="279585" spans="8:8">
      <c r="H279585" s="12"/>
    </row>
    <row r="279586" spans="8:8">
      <c r="H279586" s="12"/>
    </row>
    <row r="279587" spans="8:8">
      <c r="H279587" s="12"/>
    </row>
    <row r="279588" spans="8:8">
      <c r="H279588" s="12"/>
    </row>
    <row r="279589" spans="8:8">
      <c r="H279589" s="12"/>
    </row>
    <row r="279590" spans="8:8">
      <c r="H279590" s="12"/>
    </row>
    <row r="279591" spans="8:8">
      <c r="H279591" s="12"/>
    </row>
    <row r="279592" spans="8:8">
      <c r="H279592" s="12"/>
    </row>
    <row r="279593" spans="8:8">
      <c r="H279593" s="12"/>
    </row>
    <row r="279594" spans="8:8">
      <c r="H279594" s="12"/>
    </row>
    <row r="279595" spans="8:8">
      <c r="H279595" s="12"/>
    </row>
    <row r="279596" spans="8:8">
      <c r="H279596" s="12"/>
    </row>
    <row r="279597" spans="8:8">
      <c r="H279597" s="12"/>
    </row>
    <row r="279598" spans="8:8">
      <c r="H279598" s="12"/>
    </row>
    <row r="279599" spans="8:8">
      <c r="H279599" s="12"/>
    </row>
    <row r="279600" spans="8:8">
      <c r="H279600" s="12"/>
    </row>
    <row r="279601" spans="8:8">
      <c r="H279601" s="12"/>
    </row>
    <row r="279602" spans="8:8">
      <c r="H279602" s="12"/>
    </row>
    <row r="279603" spans="8:8">
      <c r="H279603" s="12"/>
    </row>
    <row r="279604" spans="8:8">
      <c r="H279604" s="12"/>
    </row>
    <row r="279605" spans="8:8">
      <c r="H279605" s="12"/>
    </row>
    <row r="279606" spans="8:8">
      <c r="H279606" s="12"/>
    </row>
    <row r="279607" spans="8:8">
      <c r="H279607" s="12"/>
    </row>
    <row r="279608" spans="8:8">
      <c r="H279608" s="12"/>
    </row>
    <row r="279609" spans="8:8">
      <c r="H279609" s="12"/>
    </row>
    <row r="279610" spans="8:8">
      <c r="H279610" s="12"/>
    </row>
    <row r="279611" spans="8:8">
      <c r="H279611" s="12"/>
    </row>
    <row r="279612" spans="8:8">
      <c r="H279612" s="12"/>
    </row>
    <row r="279613" spans="8:8">
      <c r="H279613" s="12"/>
    </row>
    <row r="279614" spans="8:8">
      <c r="H279614" s="12"/>
    </row>
    <row r="279615" spans="8:8">
      <c r="H279615" s="12"/>
    </row>
    <row r="279616" spans="8:8">
      <c r="H279616" s="12"/>
    </row>
    <row r="279617" spans="8:8">
      <c r="H279617" s="12"/>
    </row>
    <row r="279618" spans="8:8">
      <c r="H279618" s="12"/>
    </row>
    <row r="279619" spans="8:8">
      <c r="H279619" s="12"/>
    </row>
    <row r="279620" spans="8:8">
      <c r="H279620" s="12"/>
    </row>
    <row r="279621" spans="8:8">
      <c r="H279621" s="12"/>
    </row>
    <row r="279622" spans="8:8">
      <c r="H279622" s="12"/>
    </row>
    <row r="279623" spans="8:8">
      <c r="H279623" s="12"/>
    </row>
    <row r="279624" spans="8:8">
      <c r="H279624" s="12"/>
    </row>
    <row r="279625" spans="8:8">
      <c r="H279625" s="12"/>
    </row>
    <row r="279626" spans="8:8">
      <c r="H279626" s="12"/>
    </row>
    <row r="279627" spans="8:8">
      <c r="H279627" s="12"/>
    </row>
    <row r="279628" spans="8:8">
      <c r="H279628" s="12"/>
    </row>
    <row r="279629" spans="8:8">
      <c r="H279629" s="12"/>
    </row>
    <row r="279630" spans="8:8">
      <c r="H279630" s="12"/>
    </row>
    <row r="279631" spans="8:8">
      <c r="H279631" s="12"/>
    </row>
    <row r="279632" spans="8:8">
      <c r="H279632" s="12"/>
    </row>
    <row r="279633" spans="8:8">
      <c r="H279633" s="12"/>
    </row>
    <row r="279634" spans="8:8">
      <c r="H279634" s="12"/>
    </row>
    <row r="279635" spans="8:8">
      <c r="H279635" s="12"/>
    </row>
    <row r="279636" spans="8:8">
      <c r="H279636" s="12"/>
    </row>
    <row r="279637" spans="8:8">
      <c r="H279637" s="12"/>
    </row>
    <row r="279638" spans="8:8">
      <c r="H279638" s="12"/>
    </row>
    <row r="279639" spans="8:8">
      <c r="H279639" s="12"/>
    </row>
    <row r="279640" spans="8:8">
      <c r="H279640" s="12"/>
    </row>
    <row r="279641" spans="8:8">
      <c r="H279641" s="12"/>
    </row>
    <row r="279642" spans="8:8">
      <c r="H279642" s="12"/>
    </row>
    <row r="279643" spans="8:8">
      <c r="H279643" s="12"/>
    </row>
    <row r="279644" spans="8:8">
      <c r="H279644" s="12"/>
    </row>
    <row r="279645" spans="8:8">
      <c r="H279645" s="12"/>
    </row>
    <row r="279646" spans="8:8">
      <c r="H279646" s="12"/>
    </row>
    <row r="279647" spans="8:8">
      <c r="H279647" s="12"/>
    </row>
    <row r="279648" spans="8:8">
      <c r="H279648" s="12"/>
    </row>
    <row r="279649" spans="8:8">
      <c r="H279649" s="12"/>
    </row>
    <row r="279650" spans="8:8">
      <c r="H279650" s="12"/>
    </row>
    <row r="279651" spans="8:8">
      <c r="H279651" s="12"/>
    </row>
    <row r="279652" spans="8:8">
      <c r="H279652" s="12"/>
    </row>
    <row r="279653" spans="8:8">
      <c r="H279653" s="12"/>
    </row>
    <row r="279654" spans="8:8">
      <c r="H279654" s="12"/>
    </row>
    <row r="279655" spans="8:8">
      <c r="H279655" s="12"/>
    </row>
    <row r="279656" spans="8:8">
      <c r="H279656" s="12"/>
    </row>
    <row r="279657" spans="8:8">
      <c r="H279657" s="12"/>
    </row>
    <row r="279658" spans="8:8">
      <c r="H279658" s="12"/>
    </row>
    <row r="279659" spans="8:8">
      <c r="H279659" s="12"/>
    </row>
    <row r="279660" spans="8:8">
      <c r="H279660" s="12"/>
    </row>
    <row r="279661" spans="8:8">
      <c r="H279661" s="12"/>
    </row>
    <row r="279662" spans="8:8">
      <c r="H279662" s="12"/>
    </row>
    <row r="279663" spans="8:8">
      <c r="H279663" s="12"/>
    </row>
    <row r="279664" spans="8:8">
      <c r="H279664" s="12"/>
    </row>
    <row r="279665" spans="8:8">
      <c r="H279665" s="12"/>
    </row>
    <row r="279666" spans="8:8">
      <c r="H279666" s="12"/>
    </row>
    <row r="279667" spans="8:8">
      <c r="H279667" s="12"/>
    </row>
    <row r="279668" spans="8:8">
      <c r="H279668" s="12"/>
    </row>
    <row r="279669" spans="8:8">
      <c r="H279669" s="12"/>
    </row>
    <row r="279670" spans="8:8">
      <c r="H279670" s="12"/>
    </row>
    <row r="279671" spans="8:8">
      <c r="H279671" s="12"/>
    </row>
    <row r="279672" spans="8:8">
      <c r="H279672" s="12"/>
    </row>
    <row r="279673" spans="8:8">
      <c r="H279673" s="12"/>
    </row>
    <row r="279674" spans="8:8">
      <c r="H279674" s="12"/>
    </row>
    <row r="279675" spans="8:8">
      <c r="H279675" s="12"/>
    </row>
    <row r="279676" spans="8:8">
      <c r="H279676" s="12"/>
    </row>
    <row r="279677" spans="8:8">
      <c r="H279677" s="12"/>
    </row>
    <row r="279678" spans="8:8">
      <c r="H279678" s="12"/>
    </row>
    <row r="279679" spans="8:8">
      <c r="H279679" s="12"/>
    </row>
    <row r="279680" spans="8:8">
      <c r="H279680" s="12"/>
    </row>
    <row r="279681" spans="8:8">
      <c r="H279681" s="12"/>
    </row>
    <row r="279682" spans="8:8">
      <c r="H279682" s="12"/>
    </row>
    <row r="279683" spans="8:8">
      <c r="H279683" s="12"/>
    </row>
    <row r="279684" spans="8:8">
      <c r="H279684" s="12"/>
    </row>
    <row r="279685" spans="8:8">
      <c r="H279685" s="12"/>
    </row>
    <row r="279686" spans="8:8">
      <c r="H279686" s="12"/>
    </row>
    <row r="279687" spans="8:8">
      <c r="H279687" s="12"/>
    </row>
    <row r="279688" spans="8:8">
      <c r="H279688" s="12"/>
    </row>
    <row r="279689" spans="8:8">
      <c r="H279689" s="12"/>
    </row>
    <row r="279690" spans="8:8">
      <c r="H279690" s="12"/>
    </row>
    <row r="279691" spans="8:8">
      <c r="H279691" s="12"/>
    </row>
    <row r="279692" spans="8:8">
      <c r="H279692" s="12"/>
    </row>
    <row r="279693" spans="8:8">
      <c r="H279693" s="12"/>
    </row>
    <row r="279694" spans="8:8">
      <c r="H279694" s="12"/>
    </row>
    <row r="279695" spans="8:8">
      <c r="H279695" s="12"/>
    </row>
    <row r="279696" spans="8:8">
      <c r="H279696" s="12"/>
    </row>
    <row r="279697" spans="8:8">
      <c r="H279697" s="12"/>
    </row>
    <row r="279698" spans="8:8">
      <c r="H279698" s="12"/>
    </row>
    <row r="279699" spans="8:8">
      <c r="H279699" s="12"/>
    </row>
    <row r="279700" spans="8:8">
      <c r="H279700" s="12"/>
    </row>
    <row r="279701" spans="8:8">
      <c r="H279701" s="12"/>
    </row>
    <row r="279702" spans="8:8">
      <c r="H279702" s="12"/>
    </row>
    <row r="279703" spans="8:8">
      <c r="H279703" s="12"/>
    </row>
    <row r="279704" spans="8:8">
      <c r="H279704" s="12"/>
    </row>
    <row r="279705" spans="8:8">
      <c r="H279705" s="12"/>
    </row>
    <row r="279706" spans="8:8">
      <c r="H279706" s="12"/>
    </row>
    <row r="279707" spans="8:8">
      <c r="H279707" s="12"/>
    </row>
    <row r="279708" spans="8:8">
      <c r="H279708" s="12"/>
    </row>
    <row r="279709" spans="8:8">
      <c r="H279709" s="12"/>
    </row>
    <row r="279710" spans="8:8">
      <c r="H279710" s="12"/>
    </row>
    <row r="279711" spans="8:8">
      <c r="H279711" s="12"/>
    </row>
    <row r="279712" spans="8:8">
      <c r="H279712" s="12"/>
    </row>
    <row r="279713" spans="8:8">
      <c r="H279713" s="12"/>
    </row>
    <row r="279714" spans="8:8">
      <c r="H279714" s="12"/>
    </row>
    <row r="279715" spans="8:8">
      <c r="H279715" s="12"/>
    </row>
    <row r="279716" spans="8:8">
      <c r="H279716" s="12"/>
    </row>
    <row r="279717" spans="8:8">
      <c r="H279717" s="12"/>
    </row>
    <row r="279718" spans="8:8">
      <c r="H279718" s="12"/>
    </row>
    <row r="279719" spans="8:8">
      <c r="H279719" s="12"/>
    </row>
    <row r="279720" spans="8:8">
      <c r="H279720" s="12"/>
    </row>
    <row r="279721" spans="8:8">
      <c r="H279721" s="12"/>
    </row>
    <row r="279722" spans="8:8">
      <c r="H279722" s="12"/>
    </row>
    <row r="279723" spans="8:8">
      <c r="H279723" s="12"/>
    </row>
    <row r="279724" spans="8:8">
      <c r="H279724" s="12"/>
    </row>
    <row r="279725" spans="8:8">
      <c r="H279725" s="12"/>
    </row>
    <row r="279726" spans="8:8">
      <c r="H279726" s="12"/>
    </row>
    <row r="279727" spans="8:8">
      <c r="H279727" s="12"/>
    </row>
    <row r="279728" spans="8:8">
      <c r="H279728" s="12"/>
    </row>
    <row r="279729" spans="8:8">
      <c r="H279729" s="12"/>
    </row>
    <row r="279730" spans="8:8">
      <c r="H279730" s="12"/>
    </row>
    <row r="279731" spans="8:8">
      <c r="H279731" s="12"/>
    </row>
    <row r="279732" spans="8:8">
      <c r="H279732" s="12"/>
    </row>
    <row r="279733" spans="8:8">
      <c r="H279733" s="12"/>
    </row>
    <row r="279734" spans="8:8">
      <c r="H279734" s="12"/>
    </row>
    <row r="279735" spans="8:8">
      <c r="H279735" s="12"/>
    </row>
    <row r="279736" spans="8:8">
      <c r="H279736" s="12"/>
    </row>
    <row r="279737" spans="8:8">
      <c r="H279737" s="12"/>
    </row>
    <row r="279738" spans="8:8">
      <c r="H279738" s="12"/>
    </row>
    <row r="279739" spans="8:8">
      <c r="H279739" s="12"/>
    </row>
    <row r="279740" spans="8:8">
      <c r="H279740" s="12"/>
    </row>
    <row r="279741" spans="8:8">
      <c r="H279741" s="12"/>
    </row>
    <row r="279742" spans="8:8">
      <c r="H279742" s="12"/>
    </row>
    <row r="279743" spans="8:8">
      <c r="H279743" s="12"/>
    </row>
    <row r="279744" spans="8:8">
      <c r="H279744" s="12"/>
    </row>
    <row r="279745" spans="8:8">
      <c r="H279745" s="12"/>
    </row>
    <row r="279746" spans="8:8">
      <c r="H279746" s="12"/>
    </row>
    <row r="279747" spans="8:8">
      <c r="H279747" s="12"/>
    </row>
    <row r="279748" spans="8:8">
      <c r="H279748" s="12"/>
    </row>
    <row r="279749" spans="8:8">
      <c r="H279749" s="12"/>
    </row>
    <row r="279750" spans="8:8">
      <c r="H279750" s="12"/>
    </row>
    <row r="279751" spans="8:8">
      <c r="H279751" s="12"/>
    </row>
    <row r="279752" spans="8:8">
      <c r="H279752" s="12"/>
    </row>
    <row r="279753" spans="8:8">
      <c r="H279753" s="12"/>
    </row>
    <row r="279754" spans="8:8">
      <c r="H279754" s="12"/>
    </row>
    <row r="279755" spans="8:8">
      <c r="H279755" s="12"/>
    </row>
    <row r="279756" spans="8:8">
      <c r="H279756" s="12"/>
    </row>
    <row r="279757" spans="8:8">
      <c r="H279757" s="12"/>
    </row>
    <row r="279758" spans="8:8">
      <c r="H279758" s="12"/>
    </row>
    <row r="279759" spans="8:8">
      <c r="H279759" s="12"/>
    </row>
    <row r="279760" spans="8:8">
      <c r="H279760" s="12"/>
    </row>
    <row r="279761" spans="8:8">
      <c r="H279761" s="12"/>
    </row>
    <row r="279762" spans="8:8">
      <c r="H279762" s="12"/>
    </row>
    <row r="279763" spans="8:8">
      <c r="H279763" s="12"/>
    </row>
    <row r="279764" spans="8:8">
      <c r="H279764" s="12"/>
    </row>
    <row r="279765" spans="8:8">
      <c r="H279765" s="12"/>
    </row>
    <row r="279766" spans="8:8">
      <c r="H279766" s="12"/>
    </row>
    <row r="279767" spans="8:8">
      <c r="H279767" s="12"/>
    </row>
    <row r="279768" spans="8:8">
      <c r="H279768" s="12"/>
    </row>
    <row r="279769" spans="8:8">
      <c r="H279769" s="12"/>
    </row>
    <row r="279770" spans="8:8">
      <c r="H279770" s="12"/>
    </row>
    <row r="279771" spans="8:8">
      <c r="H279771" s="12"/>
    </row>
    <row r="279772" spans="8:8">
      <c r="H279772" s="12"/>
    </row>
    <row r="279773" spans="8:8">
      <c r="H279773" s="12"/>
    </row>
    <row r="279774" spans="8:8">
      <c r="H279774" s="12"/>
    </row>
    <row r="279775" spans="8:8">
      <c r="H279775" s="12"/>
    </row>
    <row r="279776" spans="8:8">
      <c r="H279776" s="12"/>
    </row>
    <row r="279777" spans="8:8">
      <c r="H279777" s="12"/>
    </row>
    <row r="279778" spans="8:8">
      <c r="H279778" s="12"/>
    </row>
    <row r="279779" spans="8:8">
      <c r="H279779" s="12"/>
    </row>
    <row r="279780" spans="8:8">
      <c r="H279780" s="12"/>
    </row>
    <row r="279781" spans="8:8">
      <c r="H279781" s="12"/>
    </row>
    <row r="279782" spans="8:8">
      <c r="H279782" s="12"/>
    </row>
    <row r="279783" spans="8:8">
      <c r="H279783" s="12"/>
    </row>
    <row r="279784" spans="8:8">
      <c r="H279784" s="12"/>
    </row>
    <row r="279785" spans="8:8">
      <c r="H279785" s="12"/>
    </row>
    <row r="279786" spans="8:8">
      <c r="H279786" s="12"/>
    </row>
    <row r="279787" spans="8:8">
      <c r="H279787" s="12"/>
    </row>
    <row r="279788" spans="8:8">
      <c r="H279788" s="12"/>
    </row>
    <row r="279789" spans="8:8">
      <c r="H279789" s="12"/>
    </row>
    <row r="279790" spans="8:8">
      <c r="H279790" s="12"/>
    </row>
    <row r="279791" spans="8:8">
      <c r="H279791" s="12"/>
    </row>
    <row r="279792" spans="8:8">
      <c r="H279792" s="12"/>
    </row>
    <row r="279793" spans="8:8">
      <c r="H279793" s="12"/>
    </row>
    <row r="279794" spans="8:8">
      <c r="H279794" s="12"/>
    </row>
    <row r="279795" spans="8:8">
      <c r="H279795" s="12"/>
    </row>
    <row r="279796" spans="8:8">
      <c r="H279796" s="12"/>
    </row>
    <row r="279797" spans="8:8">
      <c r="H279797" s="12"/>
    </row>
    <row r="279798" spans="8:8">
      <c r="H279798" s="12"/>
    </row>
    <row r="279799" spans="8:8">
      <c r="H279799" s="12"/>
    </row>
    <row r="279800" spans="8:8">
      <c r="H279800" s="12"/>
    </row>
    <row r="279801" spans="8:8">
      <c r="H279801" s="12"/>
    </row>
    <row r="279802" spans="8:8">
      <c r="H279802" s="12"/>
    </row>
    <row r="279803" spans="8:8">
      <c r="H279803" s="12"/>
    </row>
    <row r="279804" spans="8:8">
      <c r="H279804" s="12"/>
    </row>
    <row r="279805" spans="8:8">
      <c r="H279805" s="12"/>
    </row>
    <row r="279806" spans="8:8">
      <c r="H279806" s="12"/>
    </row>
    <row r="279807" spans="8:8">
      <c r="H279807" s="12"/>
    </row>
    <row r="279808" spans="8:8">
      <c r="H279808" s="12"/>
    </row>
    <row r="279809" spans="8:8">
      <c r="H279809" s="12"/>
    </row>
    <row r="279810" spans="8:8">
      <c r="H279810" s="12"/>
    </row>
    <row r="279811" spans="8:8">
      <c r="H279811" s="12"/>
    </row>
    <row r="279812" spans="8:8">
      <c r="H279812" s="12"/>
    </row>
    <row r="279813" spans="8:8">
      <c r="H279813" s="12"/>
    </row>
    <row r="279814" spans="8:8">
      <c r="H279814" s="12"/>
    </row>
    <row r="279815" spans="8:8">
      <c r="H279815" s="12"/>
    </row>
    <row r="279816" spans="8:8">
      <c r="H279816" s="12"/>
    </row>
    <row r="279817" spans="8:8">
      <c r="H279817" s="12"/>
    </row>
    <row r="279818" spans="8:8">
      <c r="H279818" s="12"/>
    </row>
    <row r="279819" spans="8:8">
      <c r="H279819" s="12"/>
    </row>
    <row r="279820" spans="8:8">
      <c r="H279820" s="12"/>
    </row>
    <row r="279821" spans="8:8">
      <c r="H279821" s="12"/>
    </row>
    <row r="279822" spans="8:8">
      <c r="H279822" s="12"/>
    </row>
    <row r="279823" spans="8:8">
      <c r="H279823" s="12"/>
    </row>
    <row r="279824" spans="8:8">
      <c r="H279824" s="12"/>
    </row>
    <row r="279825" spans="8:8">
      <c r="H279825" s="12"/>
    </row>
    <row r="279826" spans="8:8">
      <c r="H279826" s="12"/>
    </row>
    <row r="279827" spans="8:8">
      <c r="H279827" s="12"/>
    </row>
    <row r="279828" spans="8:8">
      <c r="H279828" s="12"/>
    </row>
    <row r="279829" spans="8:8">
      <c r="H279829" s="12"/>
    </row>
    <row r="279830" spans="8:8">
      <c r="H279830" s="12"/>
    </row>
    <row r="279831" spans="8:8">
      <c r="H279831" s="12"/>
    </row>
    <row r="279832" spans="8:8">
      <c r="H279832" s="12"/>
    </row>
    <row r="279833" spans="8:8">
      <c r="H279833" s="12"/>
    </row>
    <row r="279834" spans="8:8">
      <c r="H279834" s="12"/>
    </row>
    <row r="279835" spans="8:8">
      <c r="H279835" s="12"/>
    </row>
    <row r="279836" spans="8:8">
      <c r="H279836" s="12"/>
    </row>
    <row r="279837" spans="8:8">
      <c r="H279837" s="12"/>
    </row>
    <row r="279838" spans="8:8">
      <c r="H279838" s="12"/>
    </row>
    <row r="279839" spans="8:8">
      <c r="H279839" s="12"/>
    </row>
    <row r="279840" spans="8:8">
      <c r="H279840" s="12"/>
    </row>
    <row r="279841" spans="8:8">
      <c r="H279841" s="12"/>
    </row>
    <row r="279842" spans="8:8">
      <c r="H279842" s="12"/>
    </row>
    <row r="279843" spans="8:8">
      <c r="H279843" s="12"/>
    </row>
    <row r="279844" spans="8:8">
      <c r="H279844" s="12"/>
    </row>
    <row r="279845" spans="8:8">
      <c r="H279845" s="12"/>
    </row>
    <row r="279846" spans="8:8">
      <c r="H279846" s="12"/>
    </row>
    <row r="279847" spans="8:8">
      <c r="H279847" s="12"/>
    </row>
    <row r="279848" spans="8:8">
      <c r="H279848" s="12"/>
    </row>
    <row r="279849" spans="8:8">
      <c r="H279849" s="12"/>
    </row>
    <row r="279850" spans="8:8">
      <c r="H279850" s="12"/>
    </row>
    <row r="279851" spans="8:8">
      <c r="H279851" s="12"/>
    </row>
    <row r="279852" spans="8:8">
      <c r="H279852" s="12"/>
    </row>
    <row r="279853" spans="8:8">
      <c r="H279853" s="12"/>
    </row>
    <row r="279854" spans="8:8">
      <c r="H279854" s="12"/>
    </row>
    <row r="279855" spans="8:8">
      <c r="H279855" s="12"/>
    </row>
    <row r="279856" spans="8:8">
      <c r="H279856" s="12"/>
    </row>
    <row r="279857" spans="8:8">
      <c r="H279857" s="12"/>
    </row>
    <row r="279858" spans="8:8">
      <c r="H279858" s="12"/>
    </row>
    <row r="279859" spans="8:8">
      <c r="H279859" s="12"/>
    </row>
    <row r="279860" spans="8:8">
      <c r="H279860" s="12"/>
    </row>
    <row r="279861" spans="8:8">
      <c r="H279861" s="12"/>
    </row>
    <row r="279862" spans="8:8">
      <c r="H279862" s="12"/>
    </row>
    <row r="279863" spans="8:8">
      <c r="H279863" s="12"/>
    </row>
    <row r="279864" spans="8:8">
      <c r="H279864" s="12"/>
    </row>
    <row r="279865" spans="8:8">
      <c r="H279865" s="12"/>
    </row>
    <row r="279866" spans="8:8">
      <c r="H279866" s="12"/>
    </row>
    <row r="279867" spans="8:8">
      <c r="H279867" s="12"/>
    </row>
    <row r="279868" spans="8:8">
      <c r="H279868" s="12"/>
    </row>
    <row r="279869" spans="8:8">
      <c r="H279869" s="12"/>
    </row>
    <row r="279870" spans="8:8">
      <c r="H279870" s="12"/>
    </row>
    <row r="279871" spans="8:8">
      <c r="H279871" s="12"/>
    </row>
    <row r="279872" spans="8:8">
      <c r="H279872" s="12"/>
    </row>
    <row r="279873" spans="8:8">
      <c r="H279873" s="12"/>
    </row>
    <row r="279874" spans="8:8">
      <c r="H279874" s="12"/>
    </row>
    <row r="279875" spans="8:8">
      <c r="H279875" s="12"/>
    </row>
    <row r="279876" spans="8:8">
      <c r="H279876" s="12"/>
    </row>
    <row r="279877" spans="8:8">
      <c r="H279877" s="12"/>
    </row>
    <row r="279878" spans="8:8">
      <c r="H279878" s="12"/>
    </row>
    <row r="279879" spans="8:8">
      <c r="H279879" s="12"/>
    </row>
    <row r="279880" spans="8:8">
      <c r="H279880" s="12"/>
    </row>
    <row r="279881" spans="8:8">
      <c r="H279881" s="12"/>
    </row>
    <row r="279882" spans="8:8">
      <c r="H279882" s="12"/>
    </row>
    <row r="279883" spans="8:8">
      <c r="H279883" s="12"/>
    </row>
    <row r="279884" spans="8:8">
      <c r="H279884" s="12"/>
    </row>
    <row r="279885" spans="8:8">
      <c r="H279885" s="12"/>
    </row>
    <row r="279886" spans="8:8">
      <c r="H279886" s="12"/>
    </row>
    <row r="279887" spans="8:8">
      <c r="H279887" s="12"/>
    </row>
    <row r="279888" spans="8:8">
      <c r="H279888" s="12"/>
    </row>
    <row r="279889" spans="8:8">
      <c r="H279889" s="12"/>
    </row>
    <row r="279890" spans="8:8">
      <c r="H279890" s="12"/>
    </row>
    <row r="279891" spans="8:8">
      <c r="H279891" s="12"/>
    </row>
    <row r="279892" spans="8:8">
      <c r="H279892" s="12"/>
    </row>
    <row r="279893" spans="8:8">
      <c r="H279893" s="12"/>
    </row>
    <row r="279894" spans="8:8">
      <c r="H279894" s="12"/>
    </row>
    <row r="279895" spans="8:8">
      <c r="H279895" s="12"/>
    </row>
    <row r="279896" spans="8:8">
      <c r="H279896" s="12"/>
    </row>
    <row r="279897" spans="8:8">
      <c r="H279897" s="12"/>
    </row>
    <row r="279898" spans="8:8">
      <c r="H279898" s="12"/>
    </row>
    <row r="279899" spans="8:8">
      <c r="H279899" s="12"/>
    </row>
    <row r="279900" spans="8:8">
      <c r="H279900" s="12"/>
    </row>
    <row r="279901" spans="8:8">
      <c r="H279901" s="12"/>
    </row>
    <row r="279902" spans="8:8">
      <c r="H279902" s="12"/>
    </row>
    <row r="279903" spans="8:8">
      <c r="H279903" s="12"/>
    </row>
    <row r="279904" spans="8:8">
      <c r="H279904" s="12"/>
    </row>
    <row r="279905" spans="8:8">
      <c r="H279905" s="12"/>
    </row>
    <row r="279906" spans="8:8">
      <c r="H279906" s="12"/>
    </row>
    <row r="279907" spans="8:8">
      <c r="H279907" s="12"/>
    </row>
    <row r="279908" spans="8:8">
      <c r="H279908" s="12"/>
    </row>
    <row r="279909" spans="8:8">
      <c r="H279909" s="12"/>
    </row>
    <row r="279910" spans="8:8">
      <c r="H279910" s="12"/>
    </row>
    <row r="279911" spans="8:8">
      <c r="H279911" s="12"/>
    </row>
    <row r="279912" spans="8:8">
      <c r="H279912" s="12"/>
    </row>
    <row r="279913" spans="8:8">
      <c r="H279913" s="12"/>
    </row>
    <row r="279914" spans="8:8">
      <c r="H279914" s="12"/>
    </row>
    <row r="279915" spans="8:8">
      <c r="H279915" s="12"/>
    </row>
    <row r="279916" spans="8:8">
      <c r="H279916" s="12"/>
    </row>
    <row r="279917" spans="8:8">
      <c r="H279917" s="12"/>
    </row>
    <row r="279918" spans="8:8">
      <c r="H279918" s="12"/>
    </row>
    <row r="279919" spans="8:8">
      <c r="H279919" s="12"/>
    </row>
    <row r="279920" spans="8:8">
      <c r="H279920" s="12"/>
    </row>
    <row r="279921" spans="8:8">
      <c r="H279921" s="12"/>
    </row>
    <row r="279922" spans="8:8">
      <c r="H279922" s="12"/>
    </row>
    <row r="279923" spans="8:8">
      <c r="H279923" s="12"/>
    </row>
    <row r="279924" spans="8:8">
      <c r="H279924" s="12"/>
    </row>
    <row r="279925" spans="8:8">
      <c r="H279925" s="12"/>
    </row>
    <row r="279926" spans="8:8">
      <c r="H279926" s="12"/>
    </row>
    <row r="279927" spans="8:8">
      <c r="H279927" s="12"/>
    </row>
    <row r="279928" spans="8:8">
      <c r="H279928" s="12"/>
    </row>
    <row r="279929" spans="8:8">
      <c r="H279929" s="12"/>
    </row>
    <row r="279930" spans="8:8">
      <c r="H279930" s="12"/>
    </row>
    <row r="279931" spans="8:8">
      <c r="H279931" s="12"/>
    </row>
    <row r="279932" spans="8:8">
      <c r="H279932" s="12"/>
    </row>
    <row r="279933" spans="8:8">
      <c r="H279933" s="12"/>
    </row>
    <row r="279934" spans="8:8">
      <c r="H279934" s="12"/>
    </row>
    <row r="279935" spans="8:8">
      <c r="H279935" s="12"/>
    </row>
    <row r="279936" spans="8:8">
      <c r="H279936" s="12"/>
    </row>
    <row r="279937" spans="8:8">
      <c r="H279937" s="12"/>
    </row>
    <row r="279938" spans="8:8">
      <c r="H279938" s="12"/>
    </row>
    <row r="279939" spans="8:8">
      <c r="H279939" s="12"/>
    </row>
    <row r="279940" spans="8:8">
      <c r="H279940" s="12"/>
    </row>
    <row r="279941" spans="8:8">
      <c r="H279941" s="12"/>
    </row>
    <row r="279942" spans="8:8">
      <c r="H279942" s="12"/>
    </row>
    <row r="279943" spans="8:8">
      <c r="H279943" s="12"/>
    </row>
    <row r="279944" spans="8:8">
      <c r="H279944" s="12"/>
    </row>
    <row r="279945" spans="8:8">
      <c r="H279945" s="12"/>
    </row>
    <row r="279946" spans="8:8">
      <c r="H279946" s="12"/>
    </row>
    <row r="279947" spans="8:8">
      <c r="H279947" s="12"/>
    </row>
    <row r="279948" spans="8:8">
      <c r="H279948" s="12"/>
    </row>
    <row r="279949" spans="8:8">
      <c r="H279949" s="12"/>
    </row>
    <row r="279950" spans="8:8">
      <c r="H279950" s="12"/>
    </row>
    <row r="279951" spans="8:8">
      <c r="H279951" s="12"/>
    </row>
    <row r="279952" spans="8:8">
      <c r="H279952" s="12"/>
    </row>
    <row r="279953" spans="8:8">
      <c r="H279953" s="12"/>
    </row>
    <row r="279954" spans="8:8">
      <c r="H279954" s="12"/>
    </row>
    <row r="279955" spans="8:8">
      <c r="H279955" s="12"/>
    </row>
    <row r="279956" spans="8:8">
      <c r="H279956" s="12"/>
    </row>
    <row r="279957" spans="8:8">
      <c r="H279957" s="12"/>
    </row>
    <row r="279958" spans="8:8">
      <c r="H279958" s="12"/>
    </row>
    <row r="279959" spans="8:8">
      <c r="H279959" s="12"/>
    </row>
    <row r="279960" spans="8:8">
      <c r="H279960" s="12"/>
    </row>
    <row r="279961" spans="8:8">
      <c r="H279961" s="12"/>
    </row>
    <row r="279962" spans="8:8">
      <c r="H279962" s="12"/>
    </row>
    <row r="279963" spans="8:8">
      <c r="H279963" s="12"/>
    </row>
    <row r="279964" spans="8:8">
      <c r="H279964" s="12"/>
    </row>
    <row r="279965" spans="8:8">
      <c r="H279965" s="12"/>
    </row>
    <row r="279966" spans="8:8">
      <c r="H279966" s="12"/>
    </row>
    <row r="279967" spans="8:8">
      <c r="H279967" s="12"/>
    </row>
    <row r="279968" spans="8:8">
      <c r="H279968" s="12"/>
    </row>
    <row r="279969" spans="8:8">
      <c r="H279969" s="12"/>
    </row>
    <row r="279970" spans="8:8">
      <c r="H279970" s="12"/>
    </row>
    <row r="279971" spans="8:8">
      <c r="H279971" s="12"/>
    </row>
    <row r="279972" spans="8:8">
      <c r="H279972" s="12"/>
    </row>
    <row r="279973" spans="8:8">
      <c r="H279973" s="12"/>
    </row>
    <row r="279974" spans="8:8">
      <c r="H279974" s="12"/>
    </row>
    <row r="279975" spans="8:8">
      <c r="H279975" s="12"/>
    </row>
    <row r="279976" spans="8:8">
      <c r="H279976" s="12"/>
    </row>
    <row r="279977" spans="8:8">
      <c r="H279977" s="12"/>
    </row>
    <row r="279978" spans="8:8">
      <c r="H279978" s="12"/>
    </row>
    <row r="279979" spans="8:8">
      <c r="H279979" s="12"/>
    </row>
    <row r="279980" spans="8:8">
      <c r="H279980" s="12"/>
    </row>
    <row r="279981" spans="8:8">
      <c r="H279981" s="12"/>
    </row>
    <row r="279982" spans="8:8">
      <c r="H279982" s="12"/>
    </row>
    <row r="279983" spans="8:8">
      <c r="H279983" s="12"/>
    </row>
    <row r="279984" spans="8:8">
      <c r="H279984" s="12"/>
    </row>
    <row r="279985" spans="8:8">
      <c r="H279985" s="12"/>
    </row>
    <row r="279986" spans="8:8">
      <c r="H279986" s="12"/>
    </row>
    <row r="279987" spans="8:8">
      <c r="H279987" s="12"/>
    </row>
    <row r="279988" spans="8:8">
      <c r="H279988" s="12"/>
    </row>
    <row r="279989" spans="8:8">
      <c r="H279989" s="12"/>
    </row>
    <row r="279990" spans="8:8">
      <c r="H279990" s="12"/>
    </row>
    <row r="279991" spans="8:8">
      <c r="H279991" s="12"/>
    </row>
    <row r="279992" spans="8:8">
      <c r="H279992" s="12"/>
    </row>
    <row r="279993" spans="8:8">
      <c r="H279993" s="12"/>
    </row>
    <row r="279994" spans="8:8">
      <c r="H279994" s="12"/>
    </row>
    <row r="279995" spans="8:8">
      <c r="H279995" s="12"/>
    </row>
    <row r="279996" spans="8:8">
      <c r="H279996" s="12"/>
    </row>
    <row r="279997" spans="8:8">
      <c r="H279997" s="12"/>
    </row>
    <row r="279998" spans="8:8">
      <c r="H279998" s="12"/>
    </row>
    <row r="279999" spans="8:8">
      <c r="H279999" s="12"/>
    </row>
    <row r="280000" spans="8:8">
      <c r="H280000" s="12"/>
    </row>
    <row r="280001" spans="8:8">
      <c r="H280001" s="12"/>
    </row>
    <row r="280002" spans="8:8">
      <c r="H280002" s="12"/>
    </row>
    <row r="280003" spans="8:8">
      <c r="H280003" s="12"/>
    </row>
    <row r="280004" spans="8:8">
      <c r="H280004" s="12"/>
    </row>
    <row r="280005" spans="8:8">
      <c r="H280005" s="12"/>
    </row>
    <row r="280006" spans="8:8">
      <c r="H280006" s="12"/>
    </row>
    <row r="280007" spans="8:8">
      <c r="H280007" s="12"/>
    </row>
    <row r="280008" spans="8:8">
      <c r="H280008" s="12"/>
    </row>
    <row r="280009" spans="8:8">
      <c r="H280009" s="12"/>
    </row>
    <row r="280010" spans="8:8">
      <c r="H280010" s="12"/>
    </row>
    <row r="280011" spans="8:8">
      <c r="H280011" s="12"/>
    </row>
    <row r="280012" spans="8:8">
      <c r="H280012" s="12"/>
    </row>
    <row r="280013" spans="8:8">
      <c r="H280013" s="12"/>
    </row>
    <row r="280014" spans="8:8">
      <c r="H280014" s="12"/>
    </row>
    <row r="280015" spans="8:8">
      <c r="H280015" s="12"/>
    </row>
    <row r="280016" spans="8:8">
      <c r="H280016" s="12"/>
    </row>
    <row r="280017" spans="8:8">
      <c r="H280017" s="12"/>
    </row>
    <row r="280018" spans="8:8">
      <c r="H280018" s="12"/>
    </row>
    <row r="280019" spans="8:8">
      <c r="H280019" s="12"/>
    </row>
    <row r="280020" spans="8:8">
      <c r="H280020" s="12"/>
    </row>
    <row r="280021" spans="8:8">
      <c r="H280021" s="12"/>
    </row>
    <row r="280022" spans="8:8">
      <c r="H280022" s="12"/>
    </row>
    <row r="280023" spans="8:8">
      <c r="H280023" s="12"/>
    </row>
    <row r="280024" spans="8:8">
      <c r="H280024" s="12"/>
    </row>
    <row r="280025" spans="8:8">
      <c r="H280025" s="12"/>
    </row>
    <row r="280026" spans="8:8">
      <c r="H280026" s="12"/>
    </row>
    <row r="280027" spans="8:8">
      <c r="H280027" s="12"/>
    </row>
    <row r="280028" spans="8:8">
      <c r="H280028" s="12"/>
    </row>
    <row r="280029" spans="8:8">
      <c r="H280029" s="12"/>
    </row>
    <row r="280030" spans="8:8">
      <c r="H280030" s="12"/>
    </row>
    <row r="280031" spans="8:8">
      <c r="H280031" s="12"/>
    </row>
    <row r="280032" spans="8:8">
      <c r="H280032" s="12"/>
    </row>
    <row r="280033" spans="8:8">
      <c r="H280033" s="12"/>
    </row>
    <row r="280034" spans="8:8">
      <c r="H280034" s="12"/>
    </row>
    <row r="280035" spans="8:8">
      <c r="H280035" s="12"/>
    </row>
    <row r="280036" spans="8:8">
      <c r="H280036" s="12"/>
    </row>
    <row r="280037" spans="8:8">
      <c r="H280037" s="12"/>
    </row>
    <row r="280038" spans="8:8">
      <c r="H280038" s="12"/>
    </row>
    <row r="280039" spans="8:8">
      <c r="H280039" s="12"/>
    </row>
    <row r="280040" spans="8:8">
      <c r="H280040" s="12"/>
    </row>
    <row r="280041" spans="8:8">
      <c r="H280041" s="12"/>
    </row>
    <row r="280042" spans="8:8">
      <c r="H280042" s="12"/>
    </row>
    <row r="280043" spans="8:8">
      <c r="H280043" s="12"/>
    </row>
    <row r="280044" spans="8:8">
      <c r="H280044" s="12"/>
    </row>
    <row r="280045" spans="8:8">
      <c r="H280045" s="12"/>
    </row>
    <row r="280046" spans="8:8">
      <c r="H280046" s="12"/>
    </row>
    <row r="280047" spans="8:8">
      <c r="H280047" s="12"/>
    </row>
    <row r="280048" spans="8:8">
      <c r="H280048" s="12"/>
    </row>
    <row r="280049" spans="8:8">
      <c r="H280049" s="12"/>
    </row>
    <row r="280050" spans="8:8">
      <c r="H280050" s="12"/>
    </row>
    <row r="280051" spans="8:8">
      <c r="H280051" s="12"/>
    </row>
    <row r="280052" spans="8:8">
      <c r="H280052" s="12"/>
    </row>
    <row r="280053" spans="8:8">
      <c r="H280053" s="12"/>
    </row>
    <row r="280054" spans="8:8">
      <c r="H280054" s="12"/>
    </row>
    <row r="280055" spans="8:8">
      <c r="H280055" s="12"/>
    </row>
    <row r="280056" spans="8:8">
      <c r="H280056" s="12"/>
    </row>
    <row r="280057" spans="8:8">
      <c r="H280057" s="12"/>
    </row>
    <row r="280058" spans="8:8">
      <c r="H280058" s="12"/>
    </row>
    <row r="280059" spans="8:8">
      <c r="H280059" s="12"/>
    </row>
    <row r="280060" spans="8:8">
      <c r="H280060" s="12"/>
    </row>
    <row r="280061" spans="8:8">
      <c r="H280061" s="12"/>
    </row>
    <row r="280062" spans="8:8">
      <c r="H280062" s="12"/>
    </row>
    <row r="280063" spans="8:8">
      <c r="H280063" s="12"/>
    </row>
    <row r="280064" spans="8:8">
      <c r="H280064" s="12"/>
    </row>
    <row r="280065" spans="8:8">
      <c r="H280065" s="12"/>
    </row>
    <row r="280066" spans="8:8">
      <c r="H280066" s="12"/>
    </row>
    <row r="280067" spans="8:8">
      <c r="H280067" s="12"/>
    </row>
    <row r="280068" spans="8:8">
      <c r="H280068" s="12"/>
    </row>
    <row r="280069" spans="8:8">
      <c r="H280069" s="12"/>
    </row>
    <row r="280070" spans="8:8">
      <c r="H280070" s="12"/>
    </row>
    <row r="280071" spans="8:8">
      <c r="H280071" s="12"/>
    </row>
    <row r="280072" spans="8:8">
      <c r="H280072" s="12"/>
    </row>
    <row r="280073" spans="8:8">
      <c r="H280073" s="12"/>
    </row>
    <row r="280074" spans="8:8">
      <c r="H280074" s="12"/>
    </row>
    <row r="280075" spans="8:8">
      <c r="H280075" s="12"/>
    </row>
    <row r="280076" spans="8:8">
      <c r="H280076" s="12"/>
    </row>
    <row r="280077" spans="8:8">
      <c r="H280077" s="12"/>
    </row>
    <row r="280078" spans="8:8">
      <c r="H280078" s="12"/>
    </row>
    <row r="280079" spans="8:8">
      <c r="H280079" s="12"/>
    </row>
    <row r="280080" spans="8:8">
      <c r="H280080" s="12"/>
    </row>
    <row r="280081" spans="8:8">
      <c r="H280081" s="12"/>
    </row>
    <row r="280082" spans="8:8">
      <c r="H280082" s="12"/>
    </row>
    <row r="280083" spans="8:8">
      <c r="H280083" s="12"/>
    </row>
    <row r="280084" spans="8:8">
      <c r="H280084" s="12"/>
    </row>
    <row r="280085" spans="8:8">
      <c r="H280085" s="12"/>
    </row>
    <row r="280086" spans="8:8">
      <c r="H280086" s="12"/>
    </row>
    <row r="280087" spans="8:8">
      <c r="H280087" s="12"/>
    </row>
    <row r="280088" spans="8:8">
      <c r="H280088" s="12"/>
    </row>
    <row r="280089" spans="8:8">
      <c r="H280089" s="12"/>
    </row>
    <row r="280090" spans="8:8">
      <c r="H280090" s="12"/>
    </row>
    <row r="280091" spans="8:8">
      <c r="H280091" s="12"/>
    </row>
    <row r="280092" spans="8:8">
      <c r="H280092" s="12"/>
    </row>
    <row r="280093" spans="8:8">
      <c r="H280093" s="12"/>
    </row>
    <row r="280094" spans="8:8">
      <c r="H280094" s="12"/>
    </row>
    <row r="280095" spans="8:8">
      <c r="H280095" s="12"/>
    </row>
    <row r="280096" spans="8:8">
      <c r="H280096" s="12"/>
    </row>
    <row r="280097" spans="8:8">
      <c r="H280097" s="12"/>
    </row>
    <row r="280098" spans="8:8">
      <c r="H280098" s="12"/>
    </row>
    <row r="280099" spans="8:8">
      <c r="H280099" s="12"/>
    </row>
    <row r="280100" spans="8:8">
      <c r="H280100" s="12"/>
    </row>
    <row r="280101" spans="8:8">
      <c r="H280101" s="12"/>
    </row>
    <row r="280102" spans="8:8">
      <c r="H280102" s="12"/>
    </row>
    <row r="280103" spans="8:8">
      <c r="H280103" s="12"/>
    </row>
    <row r="280104" spans="8:8">
      <c r="H280104" s="12"/>
    </row>
    <row r="280105" spans="8:8">
      <c r="H280105" s="12"/>
    </row>
    <row r="280106" spans="8:8">
      <c r="H280106" s="12"/>
    </row>
    <row r="280107" spans="8:8">
      <c r="H280107" s="12"/>
    </row>
    <row r="280108" spans="8:8">
      <c r="H280108" s="12"/>
    </row>
    <row r="280109" spans="8:8">
      <c r="H280109" s="12"/>
    </row>
    <row r="280110" spans="8:8">
      <c r="H280110" s="12"/>
    </row>
    <row r="280111" spans="8:8">
      <c r="H280111" s="12"/>
    </row>
    <row r="280112" spans="8:8">
      <c r="H280112" s="12"/>
    </row>
    <row r="280113" spans="8:8">
      <c r="H280113" s="12"/>
    </row>
    <row r="280114" spans="8:8">
      <c r="H280114" s="12"/>
    </row>
    <row r="280115" spans="8:8">
      <c r="H280115" s="12"/>
    </row>
    <row r="280116" spans="8:8">
      <c r="H280116" s="12"/>
    </row>
    <row r="280117" spans="8:8">
      <c r="H280117" s="12"/>
    </row>
    <row r="280118" spans="8:8">
      <c r="H280118" s="12"/>
    </row>
    <row r="280119" spans="8:8">
      <c r="H280119" s="12"/>
    </row>
    <row r="280120" spans="8:8">
      <c r="H280120" s="12"/>
    </row>
    <row r="280121" spans="8:8">
      <c r="H280121" s="12"/>
    </row>
    <row r="280122" spans="8:8">
      <c r="H280122" s="12"/>
    </row>
    <row r="280123" spans="8:8">
      <c r="H280123" s="12"/>
    </row>
    <row r="280124" spans="8:8">
      <c r="H280124" s="12"/>
    </row>
    <row r="280125" spans="8:8">
      <c r="H280125" s="12"/>
    </row>
    <row r="280126" spans="8:8">
      <c r="H280126" s="12"/>
    </row>
    <row r="280127" spans="8:8">
      <c r="H280127" s="12"/>
    </row>
    <row r="280128" spans="8:8">
      <c r="H280128" s="12"/>
    </row>
    <row r="280129" spans="8:8">
      <c r="H280129" s="12"/>
    </row>
    <row r="280130" spans="8:8">
      <c r="H280130" s="12"/>
    </row>
    <row r="280131" spans="8:8">
      <c r="H280131" s="12"/>
    </row>
    <row r="280132" spans="8:8">
      <c r="H280132" s="12"/>
    </row>
    <row r="280133" spans="8:8">
      <c r="H280133" s="12"/>
    </row>
    <row r="280134" spans="8:8">
      <c r="H280134" s="12"/>
    </row>
    <row r="280135" spans="8:8">
      <c r="H280135" s="12"/>
    </row>
    <row r="280136" spans="8:8">
      <c r="H280136" s="12"/>
    </row>
    <row r="280137" spans="8:8">
      <c r="H280137" s="12"/>
    </row>
    <row r="280138" spans="8:8">
      <c r="H280138" s="12"/>
    </row>
    <row r="280139" spans="8:8">
      <c r="H280139" s="12"/>
    </row>
    <row r="280140" spans="8:8">
      <c r="H280140" s="12"/>
    </row>
    <row r="280141" spans="8:8">
      <c r="H280141" s="12"/>
    </row>
    <row r="280142" spans="8:8">
      <c r="H280142" s="12"/>
    </row>
    <row r="280143" spans="8:8">
      <c r="H280143" s="12"/>
    </row>
    <row r="280144" spans="8:8">
      <c r="H280144" s="12"/>
    </row>
    <row r="280145" spans="8:8">
      <c r="H280145" s="12"/>
    </row>
    <row r="280146" spans="8:8">
      <c r="H280146" s="12"/>
    </row>
    <row r="280147" spans="8:8">
      <c r="H280147" s="12"/>
    </row>
    <row r="280148" spans="8:8">
      <c r="H280148" s="12"/>
    </row>
    <row r="280149" spans="8:8">
      <c r="H280149" s="12"/>
    </row>
    <row r="280150" spans="8:8">
      <c r="H280150" s="12"/>
    </row>
    <row r="280151" spans="8:8">
      <c r="H280151" s="12"/>
    </row>
    <row r="280152" spans="8:8">
      <c r="H280152" s="12"/>
    </row>
    <row r="280153" spans="8:8">
      <c r="H280153" s="12"/>
    </row>
    <row r="280154" spans="8:8">
      <c r="H280154" s="12"/>
    </row>
    <row r="280155" spans="8:8">
      <c r="H280155" s="12"/>
    </row>
    <row r="280156" spans="8:8">
      <c r="H280156" s="12"/>
    </row>
    <row r="280157" spans="8:8">
      <c r="H280157" s="12"/>
    </row>
    <row r="280158" spans="8:8">
      <c r="H280158" s="12"/>
    </row>
    <row r="280159" spans="8:8">
      <c r="H280159" s="12"/>
    </row>
    <row r="280160" spans="8:8">
      <c r="H280160" s="12"/>
    </row>
    <row r="280161" spans="8:8">
      <c r="H280161" s="12"/>
    </row>
    <row r="280162" spans="8:8">
      <c r="H280162" s="12"/>
    </row>
    <row r="280163" spans="8:8">
      <c r="H280163" s="12"/>
    </row>
    <row r="280164" spans="8:8">
      <c r="H280164" s="12"/>
    </row>
    <row r="280165" spans="8:8">
      <c r="H280165" s="12"/>
    </row>
    <row r="280166" spans="8:8">
      <c r="H280166" s="12"/>
    </row>
    <row r="280167" spans="8:8">
      <c r="H280167" s="12"/>
    </row>
    <row r="280168" spans="8:8">
      <c r="H280168" s="12"/>
    </row>
    <row r="280169" spans="8:8">
      <c r="H280169" s="12"/>
    </row>
    <row r="280170" spans="8:8">
      <c r="H280170" s="12"/>
    </row>
    <row r="280171" spans="8:8">
      <c r="H280171" s="12"/>
    </row>
    <row r="280172" spans="8:8">
      <c r="H280172" s="12"/>
    </row>
    <row r="280173" spans="8:8">
      <c r="H280173" s="12"/>
    </row>
    <row r="280174" spans="8:8">
      <c r="H280174" s="12"/>
    </row>
    <row r="280175" spans="8:8">
      <c r="H280175" s="12"/>
    </row>
    <row r="280176" spans="8:8">
      <c r="H280176" s="12"/>
    </row>
    <row r="280177" spans="8:8">
      <c r="H280177" s="12"/>
    </row>
    <row r="280178" spans="8:8">
      <c r="H280178" s="12"/>
    </row>
    <row r="280179" spans="8:8">
      <c r="H280179" s="12"/>
    </row>
    <row r="280180" spans="8:8">
      <c r="H280180" s="12"/>
    </row>
    <row r="280181" spans="8:8">
      <c r="H280181" s="12"/>
    </row>
    <row r="280182" spans="8:8">
      <c r="H280182" s="12"/>
    </row>
    <row r="280183" spans="8:8">
      <c r="H280183" s="12"/>
    </row>
    <row r="280184" spans="8:8">
      <c r="H280184" s="12"/>
    </row>
    <row r="280185" spans="8:8">
      <c r="H280185" s="12"/>
    </row>
    <row r="280186" spans="8:8">
      <c r="H280186" s="12"/>
    </row>
    <row r="280187" spans="8:8">
      <c r="H280187" s="12"/>
    </row>
    <row r="280188" spans="8:8">
      <c r="H280188" s="12"/>
    </row>
    <row r="280189" spans="8:8">
      <c r="H280189" s="12"/>
    </row>
    <row r="280190" spans="8:8">
      <c r="H280190" s="12"/>
    </row>
    <row r="280191" spans="8:8">
      <c r="H280191" s="12"/>
    </row>
    <row r="280192" spans="8:8">
      <c r="H280192" s="12"/>
    </row>
    <row r="280193" spans="8:8">
      <c r="H280193" s="12"/>
    </row>
    <row r="280194" spans="8:8">
      <c r="H280194" s="12"/>
    </row>
    <row r="280195" spans="8:8">
      <c r="H280195" s="12"/>
    </row>
    <row r="280196" spans="8:8">
      <c r="H280196" s="12"/>
    </row>
    <row r="280197" spans="8:8">
      <c r="H280197" s="12"/>
    </row>
    <row r="280198" spans="8:8">
      <c r="H280198" s="12"/>
    </row>
    <row r="280199" spans="8:8">
      <c r="H280199" s="12"/>
    </row>
    <row r="280200" spans="8:8">
      <c r="H280200" s="12"/>
    </row>
    <row r="280201" spans="8:8">
      <c r="H280201" s="12"/>
    </row>
    <row r="280202" spans="8:8">
      <c r="H280202" s="12"/>
    </row>
    <row r="280203" spans="8:8">
      <c r="H280203" s="12"/>
    </row>
    <row r="280204" spans="8:8">
      <c r="H280204" s="12"/>
    </row>
    <row r="280205" spans="8:8">
      <c r="H280205" s="12"/>
    </row>
    <row r="280206" spans="8:8">
      <c r="H280206" s="12"/>
    </row>
    <row r="280207" spans="8:8">
      <c r="H280207" s="12"/>
    </row>
    <row r="280208" spans="8:8">
      <c r="H280208" s="12"/>
    </row>
    <row r="280209" spans="8:8">
      <c r="H280209" s="12"/>
    </row>
    <row r="280210" spans="8:8">
      <c r="H280210" s="12"/>
    </row>
    <row r="280211" spans="8:8">
      <c r="H280211" s="12"/>
    </row>
    <row r="280212" spans="8:8">
      <c r="H280212" s="12"/>
    </row>
    <row r="280213" spans="8:8">
      <c r="H280213" s="12"/>
    </row>
    <row r="280214" spans="8:8">
      <c r="H280214" s="12"/>
    </row>
    <row r="280215" spans="8:8">
      <c r="H280215" s="12"/>
    </row>
    <row r="280216" spans="8:8">
      <c r="H280216" s="12"/>
    </row>
    <row r="280217" spans="8:8">
      <c r="H280217" s="12"/>
    </row>
    <row r="280218" spans="8:8">
      <c r="H280218" s="12"/>
    </row>
    <row r="280219" spans="8:8">
      <c r="H280219" s="12"/>
    </row>
    <row r="280220" spans="8:8">
      <c r="H280220" s="12"/>
    </row>
    <row r="280221" spans="8:8">
      <c r="H280221" s="12"/>
    </row>
    <row r="280222" spans="8:8">
      <c r="H280222" s="12"/>
    </row>
    <row r="280223" spans="8:8">
      <c r="H280223" s="12"/>
    </row>
    <row r="280224" spans="8:8">
      <c r="H280224" s="12"/>
    </row>
    <row r="280225" spans="8:8">
      <c r="H280225" s="12"/>
    </row>
    <row r="280226" spans="8:8">
      <c r="H280226" s="12"/>
    </row>
    <row r="280227" spans="8:8">
      <c r="H280227" s="12"/>
    </row>
    <row r="280228" spans="8:8">
      <c r="H280228" s="12"/>
    </row>
    <row r="280229" spans="8:8">
      <c r="H280229" s="12"/>
    </row>
    <row r="280230" spans="8:8">
      <c r="H280230" s="12"/>
    </row>
    <row r="280231" spans="8:8">
      <c r="H280231" s="12"/>
    </row>
    <row r="280232" spans="8:8">
      <c r="H280232" s="12"/>
    </row>
    <row r="280233" spans="8:8">
      <c r="H280233" s="12"/>
    </row>
    <row r="280234" spans="8:8">
      <c r="H280234" s="12"/>
    </row>
    <row r="280235" spans="8:8">
      <c r="H280235" s="12"/>
    </row>
    <row r="280236" spans="8:8">
      <c r="H280236" s="12"/>
    </row>
    <row r="280237" spans="8:8">
      <c r="H280237" s="12"/>
    </row>
    <row r="280238" spans="8:8">
      <c r="H280238" s="12"/>
    </row>
    <row r="280239" spans="8:8">
      <c r="H280239" s="12"/>
    </row>
    <row r="280240" spans="8:8">
      <c r="H280240" s="12"/>
    </row>
    <row r="280241" spans="8:8">
      <c r="H280241" s="12"/>
    </row>
    <row r="280242" spans="8:8">
      <c r="H280242" s="12"/>
    </row>
    <row r="280243" spans="8:8">
      <c r="H280243" s="12"/>
    </row>
    <row r="280244" spans="8:8">
      <c r="H280244" s="12"/>
    </row>
    <row r="280245" spans="8:8">
      <c r="H280245" s="12"/>
    </row>
    <row r="280246" spans="8:8">
      <c r="H280246" s="12"/>
    </row>
    <row r="280247" spans="8:8">
      <c r="H280247" s="12"/>
    </row>
    <row r="280248" spans="8:8">
      <c r="H280248" s="12"/>
    </row>
    <row r="280249" spans="8:8">
      <c r="H280249" s="12"/>
    </row>
    <row r="280250" spans="8:8">
      <c r="H280250" s="12"/>
    </row>
    <row r="280251" spans="8:8">
      <c r="H280251" s="12"/>
    </row>
    <row r="280252" spans="8:8">
      <c r="H280252" s="12"/>
    </row>
    <row r="280253" spans="8:8">
      <c r="H280253" s="12"/>
    </row>
    <row r="280254" spans="8:8">
      <c r="H280254" s="12"/>
    </row>
    <row r="280255" spans="8:8">
      <c r="H280255" s="12"/>
    </row>
    <row r="280256" spans="8:8">
      <c r="H280256" s="12"/>
    </row>
    <row r="280257" spans="8:8">
      <c r="H280257" s="12"/>
    </row>
    <row r="280258" spans="8:8">
      <c r="H280258" s="12"/>
    </row>
    <row r="280259" spans="8:8">
      <c r="H280259" s="12"/>
    </row>
    <row r="280260" spans="8:8">
      <c r="H280260" s="12"/>
    </row>
    <row r="280261" spans="8:8">
      <c r="H280261" s="12"/>
    </row>
    <row r="280262" spans="8:8">
      <c r="H280262" s="12"/>
    </row>
    <row r="280263" spans="8:8">
      <c r="H280263" s="12"/>
    </row>
    <row r="280264" spans="8:8">
      <c r="H280264" s="12"/>
    </row>
    <row r="280265" spans="8:8">
      <c r="H280265" s="12"/>
    </row>
    <row r="280266" spans="8:8">
      <c r="H280266" s="12"/>
    </row>
    <row r="280267" spans="8:8">
      <c r="H280267" s="12"/>
    </row>
    <row r="280268" spans="8:8">
      <c r="H280268" s="12"/>
    </row>
    <row r="280269" spans="8:8">
      <c r="H280269" s="12"/>
    </row>
    <row r="280270" spans="8:8">
      <c r="H280270" s="12"/>
    </row>
    <row r="280271" spans="8:8">
      <c r="H280271" s="12"/>
    </row>
    <row r="280272" spans="8:8">
      <c r="H280272" s="12"/>
    </row>
    <row r="280273" spans="8:8">
      <c r="H280273" s="12"/>
    </row>
    <row r="280274" spans="8:8">
      <c r="H280274" s="12"/>
    </row>
    <row r="280275" spans="8:8">
      <c r="H280275" s="12"/>
    </row>
    <row r="280276" spans="8:8">
      <c r="H280276" s="12"/>
    </row>
    <row r="280277" spans="8:8">
      <c r="H280277" s="12"/>
    </row>
    <row r="280278" spans="8:8">
      <c r="H280278" s="12"/>
    </row>
    <row r="280279" spans="8:8">
      <c r="H280279" s="12"/>
    </row>
    <row r="280280" spans="8:8">
      <c r="H280280" s="12"/>
    </row>
    <row r="280281" spans="8:8">
      <c r="H280281" s="12"/>
    </row>
    <row r="280282" spans="8:8">
      <c r="H280282" s="12"/>
    </row>
    <row r="280283" spans="8:8">
      <c r="H280283" s="12"/>
    </row>
    <row r="280284" spans="8:8">
      <c r="H280284" s="12"/>
    </row>
    <row r="280285" spans="8:8">
      <c r="H280285" s="12"/>
    </row>
    <row r="280286" spans="8:8">
      <c r="H280286" s="12"/>
    </row>
    <row r="280287" spans="8:8">
      <c r="H280287" s="12"/>
    </row>
    <row r="280288" spans="8:8">
      <c r="H280288" s="12"/>
    </row>
    <row r="280289" spans="8:8">
      <c r="H280289" s="12"/>
    </row>
    <row r="280290" spans="8:8">
      <c r="H280290" s="12"/>
    </row>
    <row r="280291" spans="8:8">
      <c r="H280291" s="12"/>
    </row>
    <row r="280292" spans="8:8">
      <c r="H280292" s="12"/>
    </row>
    <row r="280293" spans="8:8">
      <c r="H280293" s="12"/>
    </row>
    <row r="280294" spans="8:8">
      <c r="H280294" s="12"/>
    </row>
    <row r="280295" spans="8:8">
      <c r="H280295" s="12"/>
    </row>
    <row r="280296" spans="8:8">
      <c r="H280296" s="12"/>
    </row>
    <row r="280297" spans="8:8">
      <c r="H280297" s="12"/>
    </row>
    <row r="280298" spans="8:8">
      <c r="H280298" s="12"/>
    </row>
    <row r="280299" spans="8:8">
      <c r="H280299" s="12"/>
    </row>
    <row r="280300" spans="8:8">
      <c r="H280300" s="12"/>
    </row>
    <row r="280301" spans="8:8">
      <c r="H280301" s="12"/>
    </row>
    <row r="280302" spans="8:8">
      <c r="H280302" s="12"/>
    </row>
    <row r="280303" spans="8:8">
      <c r="H280303" s="12"/>
    </row>
    <row r="280304" spans="8:8">
      <c r="H280304" s="12"/>
    </row>
    <row r="280305" spans="8:8">
      <c r="H280305" s="12"/>
    </row>
    <row r="280306" spans="8:8">
      <c r="H280306" s="12"/>
    </row>
    <row r="280307" spans="8:8">
      <c r="H280307" s="12"/>
    </row>
    <row r="280308" spans="8:8">
      <c r="H280308" s="12"/>
    </row>
    <row r="280309" spans="8:8">
      <c r="H280309" s="12"/>
    </row>
    <row r="280310" spans="8:8">
      <c r="H280310" s="12"/>
    </row>
    <row r="280311" spans="8:8">
      <c r="H280311" s="12"/>
    </row>
    <row r="280312" spans="8:8">
      <c r="H280312" s="12"/>
    </row>
    <row r="280313" spans="8:8">
      <c r="H280313" s="12"/>
    </row>
    <row r="280314" spans="8:8">
      <c r="H280314" s="12"/>
    </row>
    <row r="280315" spans="8:8">
      <c r="H280315" s="12"/>
    </row>
    <row r="280316" spans="8:8">
      <c r="H280316" s="12"/>
    </row>
    <row r="280317" spans="8:8">
      <c r="H280317" s="12"/>
    </row>
    <row r="280318" spans="8:8">
      <c r="H280318" s="12"/>
    </row>
    <row r="280319" spans="8:8">
      <c r="H280319" s="12"/>
    </row>
    <row r="280320" spans="8:8">
      <c r="H280320" s="12"/>
    </row>
    <row r="280321" spans="8:8">
      <c r="H280321" s="12"/>
    </row>
    <row r="280322" spans="8:8">
      <c r="H280322" s="12"/>
    </row>
    <row r="280323" spans="8:8">
      <c r="H280323" s="12"/>
    </row>
    <row r="280324" spans="8:8">
      <c r="H280324" s="12"/>
    </row>
    <row r="280325" spans="8:8">
      <c r="H280325" s="12"/>
    </row>
    <row r="280326" spans="8:8">
      <c r="H280326" s="12"/>
    </row>
    <row r="280327" spans="8:8">
      <c r="H280327" s="12"/>
    </row>
    <row r="280328" spans="8:8">
      <c r="H280328" s="12"/>
    </row>
    <row r="280329" spans="8:8">
      <c r="H280329" s="12"/>
    </row>
    <row r="280330" spans="8:8">
      <c r="H280330" s="12"/>
    </row>
    <row r="280331" spans="8:8">
      <c r="H280331" s="12"/>
    </row>
    <row r="280332" spans="8:8">
      <c r="H280332" s="12"/>
    </row>
    <row r="280333" spans="8:8">
      <c r="H280333" s="12"/>
    </row>
    <row r="280334" spans="8:8">
      <c r="H280334" s="12"/>
    </row>
    <row r="280335" spans="8:8">
      <c r="H280335" s="12"/>
    </row>
    <row r="280336" spans="8:8">
      <c r="H280336" s="12"/>
    </row>
    <row r="280337" spans="8:8">
      <c r="H280337" s="12"/>
    </row>
    <row r="280338" spans="8:8">
      <c r="H280338" s="12"/>
    </row>
    <row r="280339" spans="8:8">
      <c r="H280339" s="12"/>
    </row>
    <row r="280340" spans="8:8">
      <c r="H280340" s="12"/>
    </row>
    <row r="280341" spans="8:8">
      <c r="H280341" s="12"/>
    </row>
    <row r="280342" spans="8:8">
      <c r="H280342" s="12"/>
    </row>
    <row r="280343" spans="8:8">
      <c r="H280343" s="12"/>
    </row>
    <row r="280344" spans="8:8">
      <c r="H280344" s="12"/>
    </row>
    <row r="280345" spans="8:8">
      <c r="H280345" s="12"/>
    </row>
    <row r="280346" spans="8:8">
      <c r="H280346" s="12"/>
    </row>
    <row r="280347" spans="8:8">
      <c r="H280347" s="12"/>
    </row>
    <row r="280348" spans="8:8">
      <c r="H280348" s="12"/>
    </row>
    <row r="280349" spans="8:8">
      <c r="H280349" s="12"/>
    </row>
    <row r="280350" spans="8:8">
      <c r="H280350" s="12"/>
    </row>
    <row r="280351" spans="8:8">
      <c r="H280351" s="12"/>
    </row>
    <row r="280352" spans="8:8">
      <c r="H280352" s="12"/>
    </row>
    <row r="280353" spans="8:8">
      <c r="H280353" s="12"/>
    </row>
    <row r="280354" spans="8:8">
      <c r="H280354" s="12"/>
    </row>
    <row r="280355" spans="8:8">
      <c r="H280355" s="12"/>
    </row>
    <row r="280356" spans="8:8">
      <c r="H280356" s="12"/>
    </row>
    <row r="280357" spans="8:8">
      <c r="H280357" s="12"/>
    </row>
    <row r="280358" spans="8:8">
      <c r="H280358" s="12"/>
    </row>
    <row r="280359" spans="8:8">
      <c r="H280359" s="12"/>
    </row>
    <row r="280360" spans="8:8">
      <c r="H280360" s="12"/>
    </row>
    <row r="280361" spans="8:8">
      <c r="H280361" s="12"/>
    </row>
    <row r="280362" spans="8:8">
      <c r="H280362" s="12"/>
    </row>
    <row r="280363" spans="8:8">
      <c r="H280363" s="12"/>
    </row>
    <row r="280364" spans="8:8">
      <c r="H280364" s="12"/>
    </row>
    <row r="280365" spans="8:8">
      <c r="H280365" s="12"/>
    </row>
    <row r="280366" spans="8:8">
      <c r="H280366" s="12"/>
    </row>
    <row r="280367" spans="8:8">
      <c r="H280367" s="12"/>
    </row>
    <row r="280368" spans="8:8">
      <c r="H280368" s="12"/>
    </row>
    <row r="280369" spans="8:8">
      <c r="H280369" s="12"/>
    </row>
    <row r="280370" spans="8:8">
      <c r="H280370" s="12"/>
    </row>
    <row r="280371" spans="8:8">
      <c r="H280371" s="12"/>
    </row>
    <row r="280372" spans="8:8">
      <c r="H280372" s="12"/>
    </row>
    <row r="280373" spans="8:8">
      <c r="H280373" s="12"/>
    </row>
    <row r="280374" spans="8:8">
      <c r="H280374" s="12"/>
    </row>
    <row r="280375" spans="8:8">
      <c r="H280375" s="12"/>
    </row>
    <row r="280376" spans="8:8">
      <c r="H280376" s="12"/>
    </row>
    <row r="280377" spans="8:8">
      <c r="H280377" s="12"/>
    </row>
    <row r="280378" spans="8:8">
      <c r="H280378" s="12"/>
    </row>
    <row r="280379" spans="8:8">
      <c r="H280379" s="12"/>
    </row>
    <row r="280380" spans="8:8">
      <c r="H280380" s="12"/>
    </row>
    <row r="280381" spans="8:8">
      <c r="H280381" s="12"/>
    </row>
    <row r="280382" spans="8:8">
      <c r="H280382" s="12"/>
    </row>
    <row r="280383" spans="8:8">
      <c r="H280383" s="12"/>
    </row>
    <row r="280384" spans="8:8">
      <c r="H280384" s="12"/>
    </row>
    <row r="280385" spans="8:8">
      <c r="H280385" s="12"/>
    </row>
    <row r="280386" spans="8:8">
      <c r="H280386" s="12"/>
    </row>
    <row r="280387" spans="8:8">
      <c r="H280387" s="12"/>
    </row>
    <row r="280388" spans="8:8">
      <c r="H280388" s="12"/>
    </row>
    <row r="280389" spans="8:8">
      <c r="H280389" s="12"/>
    </row>
    <row r="280390" spans="8:8">
      <c r="H280390" s="12"/>
    </row>
    <row r="280391" spans="8:8">
      <c r="H280391" s="12"/>
    </row>
    <row r="280392" spans="8:8">
      <c r="H280392" s="12"/>
    </row>
    <row r="280393" spans="8:8">
      <c r="H280393" s="12"/>
    </row>
    <row r="280394" spans="8:8">
      <c r="H280394" s="12"/>
    </row>
    <row r="280395" spans="8:8">
      <c r="H280395" s="12"/>
    </row>
    <row r="280396" spans="8:8">
      <c r="H280396" s="12"/>
    </row>
    <row r="280397" spans="8:8">
      <c r="H280397" s="12"/>
    </row>
    <row r="280398" spans="8:8">
      <c r="H280398" s="12"/>
    </row>
    <row r="280399" spans="8:8">
      <c r="H280399" s="12"/>
    </row>
    <row r="280400" spans="8:8">
      <c r="H280400" s="12"/>
    </row>
    <row r="280401" spans="8:8">
      <c r="H280401" s="12"/>
    </row>
    <row r="280402" spans="8:8">
      <c r="H280402" s="12"/>
    </row>
    <row r="280403" spans="8:8">
      <c r="H280403" s="12"/>
    </row>
    <row r="280404" spans="8:8">
      <c r="H280404" s="12"/>
    </row>
    <row r="280405" spans="8:8">
      <c r="H280405" s="12"/>
    </row>
    <row r="280406" spans="8:8">
      <c r="H280406" s="12"/>
    </row>
    <row r="280407" spans="8:8">
      <c r="H280407" s="12"/>
    </row>
    <row r="280408" spans="8:8">
      <c r="H280408" s="12"/>
    </row>
    <row r="280409" spans="8:8">
      <c r="H280409" s="12"/>
    </row>
    <row r="280410" spans="8:8">
      <c r="H280410" s="12"/>
    </row>
    <row r="280411" spans="8:8">
      <c r="H280411" s="12"/>
    </row>
    <row r="280412" spans="8:8">
      <c r="H280412" s="12"/>
    </row>
    <row r="280413" spans="8:8">
      <c r="H280413" s="12"/>
    </row>
    <row r="280414" spans="8:8">
      <c r="H280414" s="12"/>
    </row>
    <row r="280415" spans="8:8">
      <c r="H280415" s="12"/>
    </row>
    <row r="280416" spans="8:8">
      <c r="H280416" s="12"/>
    </row>
    <row r="280417" spans="8:8">
      <c r="H280417" s="12"/>
    </row>
    <row r="280418" spans="8:8">
      <c r="H280418" s="12"/>
    </row>
    <row r="280419" spans="8:8">
      <c r="H280419" s="12"/>
    </row>
    <row r="280420" spans="8:8">
      <c r="H280420" s="12"/>
    </row>
    <row r="280421" spans="8:8">
      <c r="H280421" s="12"/>
    </row>
    <row r="280422" spans="8:8">
      <c r="H280422" s="12"/>
    </row>
    <row r="280423" spans="8:8">
      <c r="H280423" s="12"/>
    </row>
    <row r="280424" spans="8:8">
      <c r="H280424" s="12"/>
    </row>
    <row r="280425" spans="8:8">
      <c r="H280425" s="12"/>
    </row>
    <row r="280426" spans="8:8">
      <c r="H280426" s="12"/>
    </row>
    <row r="280427" spans="8:8">
      <c r="H280427" s="12"/>
    </row>
    <row r="280428" spans="8:8">
      <c r="H280428" s="12"/>
    </row>
    <row r="280429" spans="8:8">
      <c r="H280429" s="12"/>
    </row>
    <row r="280430" spans="8:8">
      <c r="H280430" s="12"/>
    </row>
    <row r="280431" spans="8:8">
      <c r="H280431" s="12"/>
    </row>
    <row r="280432" spans="8:8">
      <c r="H280432" s="12"/>
    </row>
    <row r="280433" spans="8:8">
      <c r="H280433" s="12"/>
    </row>
    <row r="280434" spans="8:8">
      <c r="H280434" s="12"/>
    </row>
    <row r="280435" spans="8:8">
      <c r="H280435" s="12"/>
    </row>
    <row r="280436" spans="8:8">
      <c r="H280436" s="12"/>
    </row>
    <row r="280437" spans="8:8">
      <c r="H280437" s="12"/>
    </row>
    <row r="280438" spans="8:8">
      <c r="H280438" s="12"/>
    </row>
    <row r="280439" spans="8:8">
      <c r="H280439" s="12"/>
    </row>
    <row r="280440" spans="8:8">
      <c r="H280440" s="12"/>
    </row>
    <row r="280441" spans="8:8">
      <c r="H280441" s="12"/>
    </row>
    <row r="280442" spans="8:8">
      <c r="H280442" s="12"/>
    </row>
    <row r="280443" spans="8:8">
      <c r="H280443" s="12"/>
    </row>
    <row r="280444" spans="8:8">
      <c r="H280444" s="12"/>
    </row>
    <row r="280445" spans="8:8">
      <c r="H280445" s="12"/>
    </row>
    <row r="280446" spans="8:8">
      <c r="H280446" s="12"/>
    </row>
    <row r="280447" spans="8:8">
      <c r="H280447" s="12"/>
    </row>
    <row r="280448" spans="8:8">
      <c r="H280448" s="12"/>
    </row>
    <row r="280449" spans="8:8">
      <c r="H280449" s="12"/>
    </row>
    <row r="280450" spans="8:8">
      <c r="H280450" s="12"/>
    </row>
    <row r="280451" spans="8:8">
      <c r="H280451" s="12"/>
    </row>
    <row r="280452" spans="8:8">
      <c r="H280452" s="12"/>
    </row>
    <row r="280453" spans="8:8">
      <c r="H280453" s="12"/>
    </row>
    <row r="280454" spans="8:8">
      <c r="H280454" s="12"/>
    </row>
    <row r="280455" spans="8:8">
      <c r="H280455" s="12"/>
    </row>
    <row r="280456" spans="8:8">
      <c r="H280456" s="12"/>
    </row>
    <row r="280457" spans="8:8">
      <c r="H280457" s="12"/>
    </row>
    <row r="280458" spans="8:8">
      <c r="H280458" s="12"/>
    </row>
    <row r="280459" spans="8:8">
      <c r="H280459" s="12"/>
    </row>
    <row r="280460" spans="8:8">
      <c r="H280460" s="12"/>
    </row>
    <row r="280461" spans="8:8">
      <c r="H280461" s="12"/>
    </row>
    <row r="280462" spans="8:8">
      <c r="H280462" s="12"/>
    </row>
    <row r="280463" spans="8:8">
      <c r="H280463" s="12"/>
    </row>
    <row r="280464" spans="8:8">
      <c r="H280464" s="12"/>
    </row>
    <row r="280465" spans="8:8">
      <c r="H280465" s="12"/>
    </row>
    <row r="280466" spans="8:8">
      <c r="H280466" s="12"/>
    </row>
    <row r="280467" spans="8:8">
      <c r="H280467" s="12"/>
    </row>
    <row r="280468" spans="8:8">
      <c r="H280468" s="12"/>
    </row>
    <row r="280469" spans="8:8">
      <c r="H280469" s="12"/>
    </row>
    <row r="280470" spans="8:8">
      <c r="H280470" s="12"/>
    </row>
    <row r="280471" spans="8:8">
      <c r="H280471" s="12"/>
    </row>
    <row r="280472" spans="8:8">
      <c r="H280472" s="12"/>
    </row>
    <row r="280473" spans="8:8">
      <c r="H280473" s="12"/>
    </row>
    <row r="280474" spans="8:8">
      <c r="H280474" s="12"/>
    </row>
    <row r="280475" spans="8:8">
      <c r="H280475" s="12"/>
    </row>
    <row r="280476" spans="8:8">
      <c r="H280476" s="12"/>
    </row>
    <row r="280477" spans="8:8">
      <c r="H280477" s="12"/>
    </row>
    <row r="280478" spans="8:8">
      <c r="H280478" s="12"/>
    </row>
    <row r="280479" spans="8:8">
      <c r="H280479" s="12"/>
    </row>
    <row r="280480" spans="8:8">
      <c r="H280480" s="12"/>
    </row>
    <row r="280481" spans="8:8">
      <c r="H280481" s="12"/>
    </row>
    <row r="280482" spans="8:8">
      <c r="H280482" s="12"/>
    </row>
    <row r="280483" spans="8:8">
      <c r="H280483" s="12"/>
    </row>
    <row r="280484" spans="8:8">
      <c r="H280484" s="12"/>
    </row>
    <row r="280485" spans="8:8">
      <c r="H280485" s="12"/>
    </row>
    <row r="280486" spans="8:8">
      <c r="H280486" s="12"/>
    </row>
    <row r="280487" spans="8:8">
      <c r="H280487" s="12"/>
    </row>
    <row r="280488" spans="8:8">
      <c r="H280488" s="12"/>
    </row>
    <row r="280489" spans="8:8">
      <c r="H280489" s="12"/>
    </row>
    <row r="280490" spans="8:8">
      <c r="H280490" s="12"/>
    </row>
    <row r="280491" spans="8:8">
      <c r="H280491" s="12"/>
    </row>
    <row r="280492" spans="8:8">
      <c r="H280492" s="12"/>
    </row>
    <row r="280493" spans="8:8">
      <c r="H280493" s="12"/>
    </row>
    <row r="280494" spans="8:8">
      <c r="H280494" s="12"/>
    </row>
    <row r="280495" spans="8:8">
      <c r="H280495" s="12"/>
    </row>
    <row r="280496" spans="8:8">
      <c r="H280496" s="12"/>
    </row>
    <row r="280497" spans="8:8">
      <c r="H280497" s="12"/>
    </row>
    <row r="280498" spans="8:8">
      <c r="H280498" s="12"/>
    </row>
    <row r="280499" spans="8:8">
      <c r="H280499" s="12"/>
    </row>
    <row r="280500" spans="8:8">
      <c r="H280500" s="12"/>
    </row>
    <row r="280501" spans="8:8">
      <c r="H280501" s="12"/>
    </row>
    <row r="280502" spans="8:8">
      <c r="H280502" s="12"/>
    </row>
    <row r="280503" spans="8:8">
      <c r="H280503" s="12"/>
    </row>
    <row r="280504" spans="8:8">
      <c r="H280504" s="12"/>
    </row>
    <row r="280505" spans="8:8">
      <c r="H280505" s="12"/>
    </row>
    <row r="280506" spans="8:8">
      <c r="H280506" s="12"/>
    </row>
    <row r="280507" spans="8:8">
      <c r="H280507" s="12"/>
    </row>
    <row r="280508" spans="8:8">
      <c r="H280508" s="12"/>
    </row>
    <row r="280509" spans="8:8">
      <c r="H280509" s="12"/>
    </row>
    <row r="280510" spans="8:8">
      <c r="H280510" s="12"/>
    </row>
    <row r="280511" spans="8:8">
      <c r="H280511" s="12"/>
    </row>
    <row r="280512" spans="8:8">
      <c r="H280512" s="12"/>
    </row>
    <row r="280513" spans="8:8">
      <c r="H280513" s="12"/>
    </row>
    <row r="280514" spans="8:8">
      <c r="H280514" s="12"/>
    </row>
    <row r="280515" spans="8:8">
      <c r="H280515" s="12"/>
    </row>
    <row r="280516" spans="8:8">
      <c r="H280516" s="12"/>
    </row>
    <row r="280517" spans="8:8">
      <c r="H280517" s="12"/>
    </row>
    <row r="280518" spans="8:8">
      <c r="H280518" s="12"/>
    </row>
    <row r="280519" spans="8:8">
      <c r="H280519" s="12"/>
    </row>
    <row r="280520" spans="8:8">
      <c r="H280520" s="12"/>
    </row>
    <row r="280521" spans="8:8">
      <c r="H280521" s="12"/>
    </row>
    <row r="280522" spans="8:8">
      <c r="H280522" s="12"/>
    </row>
    <row r="280523" spans="8:8">
      <c r="H280523" s="12"/>
    </row>
    <row r="280524" spans="8:8">
      <c r="H280524" s="12"/>
    </row>
    <row r="280525" spans="8:8">
      <c r="H280525" s="12"/>
    </row>
    <row r="280526" spans="8:8">
      <c r="H280526" s="12"/>
    </row>
    <row r="280527" spans="8:8">
      <c r="H280527" s="12"/>
    </row>
    <row r="280528" spans="8:8">
      <c r="H280528" s="12"/>
    </row>
    <row r="280529" spans="8:8">
      <c r="H280529" s="12"/>
    </row>
    <row r="280530" spans="8:8">
      <c r="H280530" s="12"/>
    </row>
    <row r="280531" spans="8:8">
      <c r="H280531" s="12"/>
    </row>
    <row r="280532" spans="8:8">
      <c r="H280532" s="12"/>
    </row>
    <row r="280533" spans="8:8">
      <c r="H280533" s="12"/>
    </row>
    <row r="280534" spans="8:8">
      <c r="H280534" s="12"/>
    </row>
    <row r="280535" spans="8:8">
      <c r="H280535" s="12"/>
    </row>
    <row r="280536" spans="8:8">
      <c r="H280536" s="12"/>
    </row>
    <row r="280537" spans="8:8">
      <c r="H280537" s="12"/>
    </row>
    <row r="280538" spans="8:8">
      <c r="H280538" s="12"/>
    </row>
    <row r="280539" spans="8:8">
      <c r="H280539" s="12"/>
    </row>
    <row r="280540" spans="8:8">
      <c r="H280540" s="12"/>
    </row>
    <row r="280541" spans="8:8">
      <c r="H280541" s="12"/>
    </row>
    <row r="280542" spans="8:8">
      <c r="H280542" s="12"/>
    </row>
    <row r="280543" spans="8:8">
      <c r="H280543" s="12"/>
    </row>
    <row r="280544" spans="8:8">
      <c r="H280544" s="12"/>
    </row>
    <row r="280545" spans="8:8">
      <c r="H280545" s="12"/>
    </row>
    <row r="280546" spans="8:8">
      <c r="H280546" s="12"/>
    </row>
    <row r="280547" spans="8:8">
      <c r="H280547" s="12"/>
    </row>
    <row r="280548" spans="8:8">
      <c r="H280548" s="12"/>
    </row>
    <row r="280549" spans="8:8">
      <c r="H280549" s="12"/>
    </row>
    <row r="280550" spans="8:8">
      <c r="H280550" s="12"/>
    </row>
    <row r="280551" spans="8:8">
      <c r="H280551" s="12"/>
    </row>
    <row r="280552" spans="8:8">
      <c r="H280552" s="12"/>
    </row>
    <row r="280553" spans="8:8">
      <c r="H280553" s="12"/>
    </row>
    <row r="280554" spans="8:8">
      <c r="H280554" s="12"/>
    </row>
    <row r="280555" spans="8:8">
      <c r="H280555" s="12"/>
    </row>
    <row r="280556" spans="8:8">
      <c r="H280556" s="12"/>
    </row>
    <row r="280557" spans="8:8">
      <c r="H280557" s="12"/>
    </row>
    <row r="280558" spans="8:8">
      <c r="H280558" s="12"/>
    </row>
    <row r="280559" spans="8:8">
      <c r="H280559" s="12"/>
    </row>
    <row r="280560" spans="8:8">
      <c r="H280560" s="12"/>
    </row>
    <row r="280561" spans="8:8">
      <c r="H280561" s="12"/>
    </row>
    <row r="280562" spans="8:8">
      <c r="H280562" s="12"/>
    </row>
    <row r="280563" spans="8:8">
      <c r="H280563" s="12"/>
    </row>
    <row r="280564" spans="8:8">
      <c r="H280564" s="12"/>
    </row>
    <row r="280565" spans="8:8">
      <c r="H280565" s="12"/>
    </row>
    <row r="280566" spans="8:8">
      <c r="H280566" s="12"/>
    </row>
    <row r="280567" spans="8:8">
      <c r="H280567" s="12"/>
    </row>
    <row r="280568" spans="8:8">
      <c r="H280568" s="12"/>
    </row>
    <row r="280569" spans="8:8">
      <c r="H280569" s="12"/>
    </row>
    <row r="280570" spans="8:8">
      <c r="H280570" s="12"/>
    </row>
    <row r="280571" spans="8:8">
      <c r="H280571" s="12"/>
    </row>
    <row r="280572" spans="8:8">
      <c r="H280572" s="12"/>
    </row>
    <row r="280573" spans="8:8">
      <c r="H280573" s="12"/>
    </row>
    <row r="280574" spans="8:8">
      <c r="H280574" s="12"/>
    </row>
    <row r="280575" spans="8:8">
      <c r="H280575" s="12"/>
    </row>
    <row r="280576" spans="8:8">
      <c r="H280576" s="12"/>
    </row>
    <row r="280577" spans="8:8">
      <c r="H280577" s="12"/>
    </row>
    <row r="280578" spans="8:8">
      <c r="H280578" s="12"/>
    </row>
    <row r="280579" spans="8:8">
      <c r="H280579" s="12"/>
    </row>
    <row r="280580" spans="8:8">
      <c r="H280580" s="12"/>
    </row>
    <row r="280581" spans="8:8">
      <c r="H280581" s="12"/>
    </row>
    <row r="280582" spans="8:8">
      <c r="H280582" s="12"/>
    </row>
    <row r="280583" spans="8:8">
      <c r="H280583" s="12"/>
    </row>
    <row r="280584" spans="8:8">
      <c r="H280584" s="12"/>
    </row>
    <row r="280585" spans="8:8">
      <c r="H280585" s="12"/>
    </row>
    <row r="280586" spans="8:8">
      <c r="H280586" s="12"/>
    </row>
    <row r="280587" spans="8:8">
      <c r="H280587" s="12"/>
    </row>
    <row r="280588" spans="8:8">
      <c r="H280588" s="12"/>
    </row>
    <row r="280589" spans="8:8">
      <c r="H280589" s="12"/>
    </row>
    <row r="280590" spans="8:8">
      <c r="H280590" s="12"/>
    </row>
    <row r="280591" spans="8:8">
      <c r="H280591" s="12"/>
    </row>
    <row r="280592" spans="8:8">
      <c r="H280592" s="12"/>
    </row>
    <row r="280593" spans="8:8">
      <c r="H280593" s="12"/>
    </row>
    <row r="280594" spans="8:8">
      <c r="H280594" s="12"/>
    </row>
    <row r="280595" spans="8:8">
      <c r="H280595" s="12"/>
    </row>
    <row r="280596" spans="8:8">
      <c r="H280596" s="12"/>
    </row>
    <row r="280597" spans="8:8">
      <c r="H280597" s="12"/>
    </row>
    <row r="280598" spans="8:8">
      <c r="H280598" s="12"/>
    </row>
    <row r="280599" spans="8:8">
      <c r="H280599" s="12"/>
    </row>
    <row r="280600" spans="8:8">
      <c r="H280600" s="12"/>
    </row>
    <row r="280601" spans="8:8">
      <c r="H280601" s="12"/>
    </row>
    <row r="280602" spans="8:8">
      <c r="H280602" s="12"/>
    </row>
    <row r="280603" spans="8:8">
      <c r="H280603" s="12"/>
    </row>
    <row r="280604" spans="8:8">
      <c r="H280604" s="12"/>
    </row>
    <row r="280605" spans="8:8">
      <c r="H280605" s="12"/>
    </row>
    <row r="280606" spans="8:8">
      <c r="H280606" s="12"/>
    </row>
    <row r="280607" spans="8:8">
      <c r="H280607" s="12"/>
    </row>
    <row r="280608" spans="8:8">
      <c r="H280608" s="12"/>
    </row>
    <row r="280609" spans="8:8">
      <c r="H280609" s="12"/>
    </row>
    <row r="280610" spans="8:8">
      <c r="H280610" s="12"/>
    </row>
    <row r="280611" spans="8:8">
      <c r="H280611" s="12"/>
    </row>
    <row r="280612" spans="8:8">
      <c r="H280612" s="12"/>
    </row>
    <row r="280613" spans="8:8">
      <c r="H280613" s="12"/>
    </row>
    <row r="280614" spans="8:8">
      <c r="H280614" s="12"/>
    </row>
    <row r="280615" spans="8:8">
      <c r="H280615" s="12"/>
    </row>
    <row r="280616" spans="8:8">
      <c r="H280616" s="12"/>
    </row>
    <row r="280617" spans="8:8">
      <c r="H280617" s="12"/>
    </row>
    <row r="280618" spans="8:8">
      <c r="H280618" s="12"/>
    </row>
    <row r="280619" spans="8:8">
      <c r="H280619" s="12"/>
    </row>
    <row r="280620" spans="8:8">
      <c r="H280620" s="12"/>
    </row>
    <row r="280621" spans="8:8">
      <c r="H280621" s="12"/>
    </row>
    <row r="280622" spans="8:8">
      <c r="H280622" s="12"/>
    </row>
    <row r="280623" spans="8:8">
      <c r="H280623" s="12"/>
    </row>
    <row r="280624" spans="8:8">
      <c r="H280624" s="12"/>
    </row>
    <row r="280625" spans="8:8">
      <c r="H280625" s="12"/>
    </row>
    <row r="280626" spans="8:8">
      <c r="H280626" s="12"/>
    </row>
    <row r="280627" spans="8:8">
      <c r="H280627" s="12"/>
    </row>
    <row r="280628" spans="8:8">
      <c r="H280628" s="12"/>
    </row>
    <row r="280629" spans="8:8">
      <c r="H280629" s="12"/>
    </row>
    <row r="280630" spans="8:8">
      <c r="H280630" s="12"/>
    </row>
    <row r="280631" spans="8:8">
      <c r="H280631" s="12"/>
    </row>
    <row r="280632" spans="8:8">
      <c r="H280632" s="12"/>
    </row>
    <row r="280633" spans="8:8">
      <c r="H280633" s="12"/>
    </row>
    <row r="280634" spans="8:8">
      <c r="H280634" s="12"/>
    </row>
    <row r="280635" spans="8:8">
      <c r="H280635" s="12"/>
    </row>
    <row r="280636" spans="8:8">
      <c r="H280636" s="12"/>
    </row>
    <row r="280637" spans="8:8">
      <c r="H280637" s="12"/>
    </row>
    <row r="280638" spans="8:8">
      <c r="H280638" s="12"/>
    </row>
    <row r="280639" spans="8:8">
      <c r="H280639" s="12"/>
    </row>
    <row r="280640" spans="8:8">
      <c r="H280640" s="12"/>
    </row>
    <row r="280641" spans="8:8">
      <c r="H280641" s="12"/>
    </row>
    <row r="280642" spans="8:8">
      <c r="H280642" s="12"/>
    </row>
    <row r="280643" spans="8:8">
      <c r="H280643" s="12"/>
    </row>
    <row r="280644" spans="8:8">
      <c r="H280644" s="12"/>
    </row>
    <row r="280645" spans="8:8">
      <c r="H280645" s="12"/>
    </row>
    <row r="280646" spans="8:8">
      <c r="H280646" s="12"/>
    </row>
    <row r="280647" spans="8:8">
      <c r="H280647" s="12"/>
    </row>
    <row r="280648" spans="8:8">
      <c r="H280648" s="12"/>
    </row>
    <row r="280649" spans="8:8">
      <c r="H280649" s="12"/>
    </row>
    <row r="280650" spans="8:8">
      <c r="H280650" s="12"/>
    </row>
    <row r="280651" spans="8:8">
      <c r="H280651" s="12"/>
    </row>
    <row r="280652" spans="8:8">
      <c r="H280652" s="12"/>
    </row>
    <row r="280653" spans="8:8">
      <c r="H280653" s="12"/>
    </row>
    <row r="280654" spans="8:8">
      <c r="H280654" s="12"/>
    </row>
    <row r="280655" spans="8:8">
      <c r="H280655" s="12"/>
    </row>
    <row r="280656" spans="8:8">
      <c r="H280656" s="12"/>
    </row>
    <row r="280657" spans="8:8">
      <c r="H280657" s="12"/>
    </row>
    <row r="280658" spans="8:8">
      <c r="H280658" s="12"/>
    </row>
    <row r="280659" spans="8:8">
      <c r="H280659" s="12"/>
    </row>
    <row r="280660" spans="8:8">
      <c r="H280660" s="12"/>
    </row>
    <row r="280661" spans="8:8">
      <c r="H280661" s="12"/>
    </row>
    <row r="280662" spans="8:8">
      <c r="H280662" s="12"/>
    </row>
    <row r="280663" spans="8:8">
      <c r="H280663" s="12"/>
    </row>
    <row r="280664" spans="8:8">
      <c r="H280664" s="12"/>
    </row>
    <row r="280665" spans="8:8">
      <c r="H280665" s="12"/>
    </row>
    <row r="280666" spans="8:8">
      <c r="H280666" s="12"/>
    </row>
    <row r="280667" spans="8:8">
      <c r="H280667" s="12"/>
    </row>
    <row r="280668" spans="8:8">
      <c r="H280668" s="12"/>
    </row>
    <row r="280669" spans="8:8">
      <c r="H280669" s="12"/>
    </row>
    <row r="280670" spans="8:8">
      <c r="H280670" s="12"/>
    </row>
    <row r="280671" spans="8:8">
      <c r="H280671" s="12"/>
    </row>
    <row r="280672" spans="8:8">
      <c r="H280672" s="12"/>
    </row>
    <row r="280673" spans="8:8">
      <c r="H280673" s="12"/>
    </row>
    <row r="280674" spans="8:8">
      <c r="H280674" s="12"/>
    </row>
    <row r="280675" spans="8:8">
      <c r="H280675" s="12"/>
    </row>
    <row r="280676" spans="8:8">
      <c r="H280676" s="12"/>
    </row>
    <row r="280677" spans="8:8">
      <c r="H280677" s="12"/>
    </row>
    <row r="280678" spans="8:8">
      <c r="H280678" s="12"/>
    </row>
    <row r="280679" spans="8:8">
      <c r="H280679" s="12"/>
    </row>
    <row r="280680" spans="8:8">
      <c r="H280680" s="12"/>
    </row>
    <row r="280681" spans="8:8">
      <c r="H280681" s="12"/>
    </row>
    <row r="280682" spans="8:8">
      <c r="H280682" s="12"/>
    </row>
    <row r="280683" spans="8:8">
      <c r="H280683" s="12"/>
    </row>
    <row r="280684" spans="8:8">
      <c r="H280684" s="12"/>
    </row>
    <row r="280685" spans="8:8">
      <c r="H280685" s="12"/>
    </row>
    <row r="280686" spans="8:8">
      <c r="H280686" s="12"/>
    </row>
    <row r="280687" spans="8:8">
      <c r="H280687" s="12"/>
    </row>
    <row r="280688" spans="8:8">
      <c r="H280688" s="12"/>
    </row>
    <row r="280689" spans="8:8">
      <c r="H280689" s="12"/>
    </row>
    <row r="280690" spans="8:8">
      <c r="H280690" s="12"/>
    </row>
    <row r="280691" spans="8:8">
      <c r="H280691" s="12"/>
    </row>
    <row r="280692" spans="8:8">
      <c r="H280692" s="12"/>
    </row>
    <row r="280693" spans="8:8">
      <c r="H280693" s="12"/>
    </row>
    <row r="280694" spans="8:8">
      <c r="H280694" s="12"/>
    </row>
    <row r="280695" spans="8:8">
      <c r="H280695" s="12"/>
    </row>
    <row r="280696" spans="8:8">
      <c r="H280696" s="12"/>
    </row>
    <row r="280697" spans="8:8">
      <c r="H280697" s="12"/>
    </row>
    <row r="280698" spans="8:8">
      <c r="H280698" s="12"/>
    </row>
    <row r="280699" spans="8:8">
      <c r="H280699" s="12"/>
    </row>
    <row r="280700" spans="8:8">
      <c r="H280700" s="12"/>
    </row>
    <row r="280701" spans="8:8">
      <c r="H280701" s="12"/>
    </row>
    <row r="280702" spans="8:8">
      <c r="H280702" s="12"/>
    </row>
    <row r="280703" spans="8:8">
      <c r="H280703" s="12"/>
    </row>
    <row r="280704" spans="8:8">
      <c r="H280704" s="12"/>
    </row>
    <row r="280705" spans="8:8">
      <c r="H280705" s="12"/>
    </row>
    <row r="280706" spans="8:8">
      <c r="H280706" s="12"/>
    </row>
    <row r="280707" spans="8:8">
      <c r="H280707" s="12"/>
    </row>
    <row r="280708" spans="8:8">
      <c r="H280708" s="12"/>
    </row>
    <row r="280709" spans="8:8">
      <c r="H280709" s="12"/>
    </row>
    <row r="280710" spans="8:8">
      <c r="H280710" s="12"/>
    </row>
    <row r="280711" spans="8:8">
      <c r="H280711" s="12"/>
    </row>
    <row r="280712" spans="8:8">
      <c r="H280712" s="12"/>
    </row>
    <row r="280713" spans="8:8">
      <c r="H280713" s="12"/>
    </row>
    <row r="280714" spans="8:8">
      <c r="H280714" s="12"/>
    </row>
    <row r="280715" spans="8:8">
      <c r="H280715" s="12"/>
    </row>
    <row r="280716" spans="8:8">
      <c r="H280716" s="12"/>
    </row>
    <row r="280717" spans="8:8">
      <c r="H280717" s="12"/>
    </row>
    <row r="280718" spans="8:8">
      <c r="H280718" s="12"/>
    </row>
    <row r="280719" spans="8:8">
      <c r="H280719" s="12"/>
    </row>
    <row r="280720" spans="8:8">
      <c r="H280720" s="12"/>
    </row>
    <row r="280721" spans="8:8">
      <c r="H280721" s="12"/>
    </row>
    <row r="280722" spans="8:8">
      <c r="H280722" s="12"/>
    </row>
    <row r="280723" spans="8:8">
      <c r="H280723" s="12"/>
    </row>
    <row r="280724" spans="8:8">
      <c r="H280724" s="12"/>
    </row>
    <row r="280725" spans="8:8">
      <c r="H280725" s="12"/>
    </row>
    <row r="280726" spans="8:8">
      <c r="H280726" s="12"/>
    </row>
    <row r="280727" spans="8:8">
      <c r="H280727" s="12"/>
    </row>
    <row r="280728" spans="8:8">
      <c r="H280728" s="12"/>
    </row>
    <row r="280729" spans="8:8">
      <c r="H280729" s="12"/>
    </row>
    <row r="280730" spans="8:8">
      <c r="H280730" s="12"/>
    </row>
    <row r="280731" spans="8:8">
      <c r="H280731" s="12"/>
    </row>
    <row r="280732" spans="8:8">
      <c r="H280732" s="12"/>
    </row>
    <row r="280733" spans="8:8">
      <c r="H280733" s="12"/>
    </row>
    <row r="280734" spans="8:8">
      <c r="H280734" s="12"/>
    </row>
    <row r="280735" spans="8:8">
      <c r="H280735" s="12"/>
    </row>
    <row r="280736" spans="8:8">
      <c r="H280736" s="12"/>
    </row>
    <row r="280737" spans="8:8">
      <c r="H280737" s="12"/>
    </row>
    <row r="280738" spans="8:8">
      <c r="H280738" s="12"/>
    </row>
    <row r="280739" spans="8:8">
      <c r="H280739" s="12"/>
    </row>
    <row r="280740" spans="8:8">
      <c r="H280740" s="12"/>
    </row>
    <row r="280741" spans="8:8">
      <c r="H280741" s="12"/>
    </row>
    <row r="280742" spans="8:8">
      <c r="H280742" s="12"/>
    </row>
    <row r="280743" spans="8:8">
      <c r="H280743" s="12"/>
    </row>
    <row r="280744" spans="8:8">
      <c r="H280744" s="12"/>
    </row>
    <row r="280745" spans="8:8">
      <c r="H280745" s="12"/>
    </row>
    <row r="280746" spans="8:8">
      <c r="H280746" s="12"/>
    </row>
    <row r="280747" spans="8:8">
      <c r="H280747" s="12"/>
    </row>
    <row r="280748" spans="8:8">
      <c r="H280748" s="12"/>
    </row>
    <row r="280749" spans="8:8">
      <c r="H280749" s="12"/>
    </row>
    <row r="280750" spans="8:8">
      <c r="H280750" s="12"/>
    </row>
    <row r="280751" spans="8:8">
      <c r="H280751" s="12"/>
    </row>
    <row r="280752" spans="8:8">
      <c r="H280752" s="12"/>
    </row>
    <row r="280753" spans="8:8">
      <c r="H280753" s="12"/>
    </row>
    <row r="280754" spans="8:8">
      <c r="H280754" s="12"/>
    </row>
    <row r="280755" spans="8:8">
      <c r="H280755" s="12"/>
    </row>
    <row r="280756" spans="8:8">
      <c r="H280756" s="12"/>
    </row>
    <row r="280757" spans="8:8">
      <c r="H280757" s="12"/>
    </row>
    <row r="280758" spans="8:8">
      <c r="H280758" s="12"/>
    </row>
    <row r="280759" spans="8:8">
      <c r="H280759" s="12"/>
    </row>
    <row r="280760" spans="8:8">
      <c r="H280760" s="12"/>
    </row>
    <row r="280761" spans="8:8">
      <c r="H280761" s="12"/>
    </row>
    <row r="280762" spans="8:8">
      <c r="H280762" s="12"/>
    </row>
    <row r="280763" spans="8:8">
      <c r="H280763" s="12"/>
    </row>
    <row r="280764" spans="8:8">
      <c r="H280764" s="12"/>
    </row>
    <row r="280765" spans="8:8">
      <c r="H280765" s="12"/>
    </row>
    <row r="280766" spans="8:8">
      <c r="H280766" s="12"/>
    </row>
    <row r="280767" spans="8:8">
      <c r="H280767" s="12"/>
    </row>
    <row r="280768" spans="8:8">
      <c r="H280768" s="12"/>
    </row>
    <row r="280769" spans="8:8">
      <c r="H280769" s="12"/>
    </row>
    <row r="280770" spans="8:8">
      <c r="H280770" s="12"/>
    </row>
    <row r="280771" spans="8:8">
      <c r="H280771" s="12"/>
    </row>
    <row r="280772" spans="8:8">
      <c r="H280772" s="12"/>
    </row>
    <row r="280773" spans="8:8">
      <c r="H280773" s="12"/>
    </row>
    <row r="280774" spans="8:8">
      <c r="H280774" s="12"/>
    </row>
    <row r="280775" spans="8:8">
      <c r="H280775" s="12"/>
    </row>
    <row r="280776" spans="8:8">
      <c r="H280776" s="12"/>
    </row>
    <row r="280777" spans="8:8">
      <c r="H280777" s="12"/>
    </row>
    <row r="280778" spans="8:8">
      <c r="H280778" s="12"/>
    </row>
    <row r="280779" spans="8:8">
      <c r="H280779" s="12"/>
    </row>
    <row r="280780" spans="8:8">
      <c r="H280780" s="12"/>
    </row>
    <row r="280781" spans="8:8">
      <c r="H280781" s="12"/>
    </row>
    <row r="280782" spans="8:8">
      <c r="H280782" s="12"/>
    </row>
    <row r="280783" spans="8:8">
      <c r="H280783" s="12"/>
    </row>
    <row r="280784" spans="8:8">
      <c r="H280784" s="12"/>
    </row>
    <row r="280785" spans="8:8">
      <c r="H280785" s="12"/>
    </row>
    <row r="280786" spans="8:8">
      <c r="H280786" s="12"/>
    </row>
    <row r="280787" spans="8:8">
      <c r="H280787" s="12"/>
    </row>
    <row r="280788" spans="8:8">
      <c r="H280788" s="12"/>
    </row>
    <row r="280789" spans="8:8">
      <c r="H280789" s="12"/>
    </row>
    <row r="280790" spans="8:8">
      <c r="H280790" s="12"/>
    </row>
    <row r="280791" spans="8:8">
      <c r="H280791" s="12"/>
    </row>
    <row r="280792" spans="8:8">
      <c r="H280792" s="12"/>
    </row>
    <row r="280793" spans="8:8">
      <c r="H280793" s="12"/>
    </row>
    <row r="280794" spans="8:8">
      <c r="H280794" s="12"/>
    </row>
    <row r="280795" spans="8:8">
      <c r="H280795" s="12"/>
    </row>
    <row r="280796" spans="8:8">
      <c r="H280796" s="12"/>
    </row>
    <row r="280797" spans="8:8">
      <c r="H280797" s="12"/>
    </row>
    <row r="280798" spans="8:8">
      <c r="H280798" s="12"/>
    </row>
    <row r="280799" spans="8:8">
      <c r="H280799" s="12"/>
    </row>
    <row r="280800" spans="8:8">
      <c r="H280800" s="12"/>
    </row>
    <row r="280801" spans="8:8">
      <c r="H280801" s="12"/>
    </row>
    <row r="280802" spans="8:8">
      <c r="H280802" s="12"/>
    </row>
    <row r="280803" spans="8:8">
      <c r="H280803" s="12"/>
    </row>
    <row r="280804" spans="8:8">
      <c r="H280804" s="12"/>
    </row>
    <row r="280805" spans="8:8">
      <c r="H280805" s="12"/>
    </row>
    <row r="280806" spans="8:8">
      <c r="H280806" s="12"/>
    </row>
    <row r="280807" spans="8:8">
      <c r="H280807" s="12"/>
    </row>
    <row r="280808" spans="8:8">
      <c r="H280808" s="12"/>
    </row>
    <row r="280809" spans="8:8">
      <c r="H280809" s="12"/>
    </row>
    <row r="280810" spans="8:8">
      <c r="H280810" s="12"/>
    </row>
    <row r="280811" spans="8:8">
      <c r="H280811" s="12"/>
    </row>
    <row r="280812" spans="8:8">
      <c r="H280812" s="12"/>
    </row>
    <row r="280813" spans="8:8">
      <c r="H280813" s="12"/>
    </row>
    <row r="280814" spans="8:8">
      <c r="H280814" s="12"/>
    </row>
    <row r="280815" spans="8:8">
      <c r="H280815" s="12"/>
    </row>
    <row r="280816" spans="8:8">
      <c r="H280816" s="12"/>
    </row>
    <row r="280817" spans="8:8">
      <c r="H280817" s="12"/>
    </row>
    <row r="280818" spans="8:8">
      <c r="H280818" s="12"/>
    </row>
    <row r="280819" spans="8:8">
      <c r="H280819" s="12"/>
    </row>
    <row r="280820" spans="8:8">
      <c r="H280820" s="12"/>
    </row>
    <row r="280821" spans="8:8">
      <c r="H280821" s="12"/>
    </row>
    <row r="280822" spans="8:8">
      <c r="H280822" s="12"/>
    </row>
    <row r="280823" spans="8:8">
      <c r="H280823" s="12"/>
    </row>
    <row r="280824" spans="8:8">
      <c r="H280824" s="12"/>
    </row>
    <row r="280825" spans="8:8">
      <c r="H280825" s="12"/>
    </row>
    <row r="280826" spans="8:8">
      <c r="H280826" s="12"/>
    </row>
    <row r="280827" spans="8:8">
      <c r="H280827" s="12"/>
    </row>
    <row r="280828" spans="8:8">
      <c r="H280828" s="12"/>
    </row>
    <row r="280829" spans="8:8">
      <c r="H280829" s="12"/>
    </row>
    <row r="280830" spans="8:8">
      <c r="H280830" s="12"/>
    </row>
    <row r="280831" spans="8:8">
      <c r="H280831" s="12"/>
    </row>
    <row r="280832" spans="8:8">
      <c r="H280832" s="12"/>
    </row>
    <row r="280833" spans="8:8">
      <c r="H280833" s="12"/>
    </row>
    <row r="280834" spans="8:8">
      <c r="H280834" s="12"/>
    </row>
    <row r="280835" spans="8:8">
      <c r="H280835" s="12"/>
    </row>
    <row r="280836" spans="8:8">
      <c r="H280836" s="12"/>
    </row>
    <row r="280837" spans="8:8">
      <c r="H280837" s="12"/>
    </row>
    <row r="280838" spans="8:8">
      <c r="H280838" s="12"/>
    </row>
    <row r="280839" spans="8:8">
      <c r="H280839" s="12"/>
    </row>
    <row r="280840" spans="8:8">
      <c r="H280840" s="12"/>
    </row>
    <row r="280841" spans="8:8">
      <c r="H280841" s="12"/>
    </row>
    <row r="280842" spans="8:8">
      <c r="H280842" s="12"/>
    </row>
    <row r="280843" spans="8:8">
      <c r="H280843" s="12"/>
    </row>
    <row r="280844" spans="8:8">
      <c r="H280844" s="12"/>
    </row>
    <row r="280845" spans="8:8">
      <c r="H280845" s="12"/>
    </row>
    <row r="280846" spans="8:8">
      <c r="H280846" s="12"/>
    </row>
    <row r="280847" spans="8:8">
      <c r="H280847" s="12"/>
    </row>
    <row r="280848" spans="8:8">
      <c r="H280848" s="12"/>
    </row>
    <row r="280849" spans="8:8">
      <c r="H280849" s="12"/>
    </row>
    <row r="280850" spans="8:8">
      <c r="H280850" s="12"/>
    </row>
    <row r="280851" spans="8:8">
      <c r="H280851" s="12"/>
    </row>
    <row r="280852" spans="8:8">
      <c r="H280852" s="12"/>
    </row>
    <row r="280853" spans="8:8">
      <c r="H280853" s="12"/>
    </row>
    <row r="280854" spans="8:8">
      <c r="H280854" s="12"/>
    </row>
    <row r="280855" spans="8:8">
      <c r="H280855" s="12"/>
    </row>
    <row r="280856" spans="8:8">
      <c r="H280856" s="12"/>
    </row>
    <row r="280857" spans="8:8">
      <c r="H280857" s="12"/>
    </row>
    <row r="280858" spans="8:8">
      <c r="H280858" s="12"/>
    </row>
    <row r="280859" spans="8:8">
      <c r="H280859" s="12"/>
    </row>
    <row r="280860" spans="8:8">
      <c r="H280860" s="12"/>
    </row>
    <row r="280861" spans="8:8">
      <c r="H280861" s="12"/>
    </row>
    <row r="280862" spans="8:8">
      <c r="H280862" s="12"/>
    </row>
    <row r="280863" spans="8:8">
      <c r="H280863" s="12"/>
    </row>
    <row r="280864" spans="8:8">
      <c r="H280864" s="12"/>
    </row>
    <row r="280865" spans="8:8">
      <c r="H280865" s="12"/>
    </row>
    <row r="280866" spans="8:8">
      <c r="H280866" s="12"/>
    </row>
    <row r="280867" spans="8:8">
      <c r="H280867" s="12"/>
    </row>
    <row r="280868" spans="8:8">
      <c r="H280868" s="12"/>
    </row>
    <row r="280869" spans="8:8">
      <c r="H280869" s="12"/>
    </row>
    <row r="280870" spans="8:8">
      <c r="H280870" s="12"/>
    </row>
    <row r="280871" spans="8:8">
      <c r="H280871" s="12"/>
    </row>
    <row r="280872" spans="8:8">
      <c r="H280872" s="12"/>
    </row>
    <row r="280873" spans="8:8">
      <c r="H280873" s="12"/>
    </row>
    <row r="280874" spans="8:8">
      <c r="H280874" s="12"/>
    </row>
    <row r="280875" spans="8:8">
      <c r="H280875" s="12"/>
    </row>
    <row r="280876" spans="8:8">
      <c r="H280876" s="12"/>
    </row>
    <row r="280877" spans="8:8">
      <c r="H280877" s="12"/>
    </row>
    <row r="280878" spans="8:8">
      <c r="H280878" s="12"/>
    </row>
    <row r="280879" spans="8:8">
      <c r="H280879" s="12"/>
    </row>
    <row r="280880" spans="8:8">
      <c r="H280880" s="12"/>
    </row>
    <row r="280881" spans="8:8">
      <c r="H280881" s="12"/>
    </row>
    <row r="280882" spans="8:8">
      <c r="H280882" s="12"/>
    </row>
    <row r="280883" spans="8:8">
      <c r="H280883" s="12"/>
    </row>
    <row r="280884" spans="8:8">
      <c r="H280884" s="12"/>
    </row>
    <row r="280885" spans="8:8">
      <c r="H280885" s="12"/>
    </row>
    <row r="280886" spans="8:8">
      <c r="H280886" s="12"/>
    </row>
    <row r="280887" spans="8:8">
      <c r="H280887" s="12"/>
    </row>
    <row r="280888" spans="8:8">
      <c r="H280888" s="12"/>
    </row>
    <row r="280889" spans="8:8">
      <c r="H280889" s="12"/>
    </row>
    <row r="280890" spans="8:8">
      <c r="H280890" s="12"/>
    </row>
    <row r="280891" spans="8:8">
      <c r="H280891" s="12"/>
    </row>
    <row r="280892" spans="8:8">
      <c r="H280892" s="12"/>
    </row>
    <row r="280893" spans="8:8">
      <c r="H280893" s="12"/>
    </row>
    <row r="280894" spans="8:8">
      <c r="H280894" s="12"/>
    </row>
    <row r="280895" spans="8:8">
      <c r="H280895" s="12"/>
    </row>
    <row r="280896" spans="8:8">
      <c r="H280896" s="12"/>
    </row>
    <row r="280897" spans="8:8">
      <c r="H280897" s="12"/>
    </row>
    <row r="280898" spans="8:8">
      <c r="H280898" s="12"/>
    </row>
    <row r="280899" spans="8:8">
      <c r="H280899" s="12"/>
    </row>
    <row r="280900" spans="8:8">
      <c r="H280900" s="12"/>
    </row>
    <row r="280901" spans="8:8">
      <c r="H280901" s="12"/>
    </row>
    <row r="280902" spans="8:8">
      <c r="H280902" s="12"/>
    </row>
    <row r="280903" spans="8:8">
      <c r="H280903" s="12"/>
    </row>
    <row r="280904" spans="8:8">
      <c r="H280904" s="12"/>
    </row>
    <row r="280905" spans="8:8">
      <c r="H280905" s="12"/>
    </row>
    <row r="280906" spans="8:8">
      <c r="H280906" s="12"/>
    </row>
    <row r="280907" spans="8:8">
      <c r="H280907" s="12"/>
    </row>
    <row r="280908" spans="8:8">
      <c r="H280908" s="12"/>
    </row>
    <row r="280909" spans="8:8">
      <c r="H280909" s="12"/>
    </row>
    <row r="280910" spans="8:8">
      <c r="H280910" s="12"/>
    </row>
    <row r="280911" spans="8:8">
      <c r="H280911" s="12"/>
    </row>
    <row r="280912" spans="8:8">
      <c r="H280912" s="12"/>
    </row>
    <row r="280913" spans="8:8">
      <c r="H280913" s="12"/>
    </row>
    <row r="280914" spans="8:8">
      <c r="H280914" s="12"/>
    </row>
    <row r="280915" spans="8:8">
      <c r="H280915" s="12"/>
    </row>
    <row r="280916" spans="8:8">
      <c r="H280916" s="12"/>
    </row>
    <row r="280917" spans="8:8">
      <c r="H280917" s="12"/>
    </row>
    <row r="280918" spans="8:8">
      <c r="H280918" s="12"/>
    </row>
    <row r="280919" spans="8:8">
      <c r="H280919" s="12"/>
    </row>
    <row r="280920" spans="8:8">
      <c r="H280920" s="12"/>
    </row>
    <row r="280921" spans="8:8">
      <c r="H280921" s="12"/>
    </row>
    <row r="280922" spans="8:8">
      <c r="H280922" s="12"/>
    </row>
    <row r="280923" spans="8:8">
      <c r="H280923" s="12"/>
    </row>
    <row r="280924" spans="8:8">
      <c r="H280924" s="12"/>
    </row>
    <row r="280925" spans="8:8">
      <c r="H280925" s="12"/>
    </row>
    <row r="280926" spans="8:8">
      <c r="H280926" s="12"/>
    </row>
    <row r="280927" spans="8:8">
      <c r="H280927" s="12"/>
    </row>
    <row r="280928" spans="8:8">
      <c r="H280928" s="12"/>
    </row>
    <row r="280929" spans="8:8">
      <c r="H280929" s="12"/>
    </row>
    <row r="280930" spans="8:8">
      <c r="H280930" s="12"/>
    </row>
    <row r="280931" spans="8:8">
      <c r="H280931" s="12"/>
    </row>
    <row r="280932" spans="8:8">
      <c r="H280932" s="12"/>
    </row>
    <row r="280933" spans="8:8">
      <c r="H280933" s="12"/>
    </row>
    <row r="280934" spans="8:8">
      <c r="H280934" s="12"/>
    </row>
    <row r="280935" spans="8:8">
      <c r="H280935" s="12"/>
    </row>
    <row r="280936" spans="8:8">
      <c r="H280936" s="12"/>
    </row>
    <row r="280937" spans="8:8">
      <c r="H280937" s="12"/>
    </row>
    <row r="280938" spans="8:8">
      <c r="H280938" s="12"/>
    </row>
    <row r="280939" spans="8:8">
      <c r="H280939" s="12"/>
    </row>
    <row r="280940" spans="8:8">
      <c r="H280940" s="12"/>
    </row>
    <row r="280941" spans="8:8">
      <c r="H280941" s="12"/>
    </row>
    <row r="280942" spans="8:8">
      <c r="H280942" s="12"/>
    </row>
    <row r="280943" spans="8:8">
      <c r="H280943" s="12"/>
    </row>
    <row r="280944" spans="8:8">
      <c r="H280944" s="12"/>
    </row>
    <row r="280945" spans="8:8">
      <c r="H280945" s="12"/>
    </row>
    <row r="280946" spans="8:8">
      <c r="H280946" s="12"/>
    </row>
    <row r="280947" spans="8:8">
      <c r="H280947" s="12"/>
    </row>
    <row r="280948" spans="8:8">
      <c r="H280948" s="12"/>
    </row>
    <row r="280949" spans="8:8">
      <c r="H280949" s="12"/>
    </row>
    <row r="280950" spans="8:8">
      <c r="H280950" s="12"/>
    </row>
    <row r="280951" spans="8:8">
      <c r="H280951" s="12"/>
    </row>
    <row r="280952" spans="8:8">
      <c r="H280952" s="12"/>
    </row>
    <row r="280953" spans="8:8">
      <c r="H280953" s="12"/>
    </row>
    <row r="280954" spans="8:8">
      <c r="H280954" s="12"/>
    </row>
    <row r="280955" spans="8:8">
      <c r="H280955" s="12"/>
    </row>
    <row r="280956" spans="8:8">
      <c r="H280956" s="12"/>
    </row>
    <row r="280957" spans="8:8">
      <c r="H280957" s="12"/>
    </row>
    <row r="280958" spans="8:8">
      <c r="H280958" s="12"/>
    </row>
    <row r="280959" spans="8:8">
      <c r="H280959" s="12"/>
    </row>
    <row r="280960" spans="8:8">
      <c r="H280960" s="12"/>
    </row>
    <row r="280961" spans="8:8">
      <c r="H280961" s="12"/>
    </row>
    <row r="280962" spans="8:8">
      <c r="H280962" s="12"/>
    </row>
    <row r="280963" spans="8:8">
      <c r="H280963" s="12"/>
    </row>
    <row r="280964" spans="8:8">
      <c r="H280964" s="12"/>
    </row>
    <row r="280965" spans="8:8">
      <c r="H280965" s="12"/>
    </row>
    <row r="280966" spans="8:8">
      <c r="H280966" s="12"/>
    </row>
    <row r="280967" spans="8:8">
      <c r="H280967" s="12"/>
    </row>
    <row r="280968" spans="8:8">
      <c r="H280968" s="12"/>
    </row>
    <row r="280969" spans="8:8">
      <c r="H280969" s="12"/>
    </row>
    <row r="280970" spans="8:8">
      <c r="H280970" s="12"/>
    </row>
    <row r="280971" spans="8:8">
      <c r="H280971" s="12"/>
    </row>
    <row r="280972" spans="8:8">
      <c r="H280972" s="12"/>
    </row>
    <row r="280973" spans="8:8">
      <c r="H280973" s="12"/>
    </row>
    <row r="280974" spans="8:8">
      <c r="H280974" s="12"/>
    </row>
    <row r="280975" spans="8:8">
      <c r="H280975" s="12"/>
    </row>
    <row r="280976" spans="8:8">
      <c r="H280976" s="12"/>
    </row>
    <row r="280977" spans="8:8">
      <c r="H280977" s="12"/>
    </row>
    <row r="280978" spans="8:8">
      <c r="H280978" s="12"/>
    </row>
    <row r="280979" spans="8:8">
      <c r="H280979" s="12"/>
    </row>
    <row r="280980" spans="8:8">
      <c r="H280980" s="12"/>
    </row>
    <row r="280981" spans="8:8">
      <c r="H280981" s="12"/>
    </row>
    <row r="280982" spans="8:8">
      <c r="H280982" s="12"/>
    </row>
    <row r="280983" spans="8:8">
      <c r="H280983" s="12"/>
    </row>
    <row r="280984" spans="8:8">
      <c r="H280984" s="12"/>
    </row>
    <row r="280985" spans="8:8">
      <c r="H280985" s="12"/>
    </row>
    <row r="280986" spans="8:8">
      <c r="H280986" s="12"/>
    </row>
    <row r="280987" spans="8:8">
      <c r="H280987" s="12"/>
    </row>
    <row r="280988" spans="8:8">
      <c r="H280988" s="12"/>
    </row>
    <row r="280989" spans="8:8">
      <c r="H280989" s="12"/>
    </row>
    <row r="280990" spans="8:8">
      <c r="H280990" s="12"/>
    </row>
    <row r="280991" spans="8:8">
      <c r="H280991" s="12"/>
    </row>
    <row r="280992" spans="8:8">
      <c r="H280992" s="12"/>
    </row>
    <row r="280993" spans="8:8">
      <c r="H280993" s="12"/>
    </row>
    <row r="280994" spans="8:8">
      <c r="H280994" s="12"/>
    </row>
    <row r="280995" spans="8:8">
      <c r="H280995" s="12"/>
    </row>
    <row r="280996" spans="8:8">
      <c r="H280996" s="12"/>
    </row>
    <row r="280997" spans="8:8">
      <c r="H280997" s="12"/>
    </row>
    <row r="280998" spans="8:8">
      <c r="H280998" s="12"/>
    </row>
    <row r="280999" spans="8:8">
      <c r="H280999" s="12"/>
    </row>
    <row r="281000" spans="8:8">
      <c r="H281000" s="12"/>
    </row>
    <row r="281001" spans="8:8">
      <c r="H281001" s="12"/>
    </row>
    <row r="281002" spans="8:8">
      <c r="H281002" s="12"/>
    </row>
    <row r="281003" spans="8:8">
      <c r="H281003" s="12"/>
    </row>
    <row r="281004" spans="8:8">
      <c r="H281004" s="12"/>
    </row>
    <row r="281005" spans="8:8">
      <c r="H281005" s="12"/>
    </row>
    <row r="281006" spans="8:8">
      <c r="H281006" s="12"/>
    </row>
    <row r="281007" spans="8:8">
      <c r="H281007" s="12"/>
    </row>
    <row r="281008" spans="8:8">
      <c r="H281008" s="12"/>
    </row>
    <row r="281009" spans="8:8">
      <c r="H281009" s="12"/>
    </row>
    <row r="281010" spans="8:8">
      <c r="H281010" s="12"/>
    </row>
    <row r="281011" spans="8:8">
      <c r="H281011" s="12"/>
    </row>
    <row r="281012" spans="8:8">
      <c r="H281012" s="12"/>
    </row>
    <row r="281013" spans="8:8">
      <c r="H281013" s="12"/>
    </row>
    <row r="281014" spans="8:8">
      <c r="H281014" s="12"/>
    </row>
    <row r="281015" spans="8:8">
      <c r="H281015" s="12"/>
    </row>
    <row r="281016" spans="8:8">
      <c r="H281016" s="12"/>
    </row>
    <row r="281017" spans="8:8">
      <c r="H281017" s="12"/>
    </row>
    <row r="281018" spans="8:8">
      <c r="H281018" s="12"/>
    </row>
    <row r="281019" spans="8:8">
      <c r="H281019" s="12"/>
    </row>
    <row r="281020" spans="8:8">
      <c r="H281020" s="12"/>
    </row>
    <row r="281021" spans="8:8">
      <c r="H281021" s="12"/>
    </row>
    <row r="281022" spans="8:8">
      <c r="H281022" s="12"/>
    </row>
    <row r="281023" spans="8:8">
      <c r="H281023" s="12"/>
    </row>
    <row r="281024" spans="8:8">
      <c r="H281024" s="12"/>
    </row>
    <row r="281025" spans="8:8">
      <c r="H281025" s="12"/>
    </row>
    <row r="281026" spans="8:8">
      <c r="H281026" s="12"/>
    </row>
    <row r="281027" spans="8:8">
      <c r="H281027" s="12"/>
    </row>
    <row r="281028" spans="8:8">
      <c r="H281028" s="12"/>
    </row>
    <row r="281029" spans="8:8">
      <c r="H281029" s="12"/>
    </row>
    <row r="281030" spans="8:8">
      <c r="H281030" s="12"/>
    </row>
    <row r="281031" spans="8:8">
      <c r="H281031" s="12"/>
    </row>
    <row r="281032" spans="8:8">
      <c r="H281032" s="12"/>
    </row>
    <row r="281033" spans="8:8">
      <c r="H281033" s="12"/>
    </row>
    <row r="281034" spans="8:8">
      <c r="H281034" s="12"/>
    </row>
    <row r="281035" spans="8:8">
      <c r="H281035" s="12"/>
    </row>
    <row r="281036" spans="8:8">
      <c r="H281036" s="12"/>
    </row>
    <row r="281037" spans="8:8">
      <c r="H281037" s="12"/>
    </row>
    <row r="281038" spans="8:8">
      <c r="H281038" s="12"/>
    </row>
    <row r="281039" spans="8:8">
      <c r="H281039" s="12"/>
    </row>
    <row r="281040" spans="8:8">
      <c r="H281040" s="12"/>
    </row>
    <row r="281041" spans="8:8">
      <c r="H281041" s="12"/>
    </row>
    <row r="281042" spans="8:8">
      <c r="H281042" s="12"/>
    </row>
    <row r="281043" spans="8:8">
      <c r="H281043" s="12"/>
    </row>
    <row r="281044" spans="8:8">
      <c r="H281044" s="12"/>
    </row>
    <row r="281045" spans="8:8">
      <c r="H281045" s="12"/>
    </row>
    <row r="281046" spans="8:8">
      <c r="H281046" s="12"/>
    </row>
    <row r="281047" spans="8:8">
      <c r="H281047" s="12"/>
    </row>
    <row r="281048" spans="8:8">
      <c r="H281048" s="12"/>
    </row>
    <row r="281049" spans="8:8">
      <c r="H281049" s="12"/>
    </row>
    <row r="281050" spans="8:8">
      <c r="H281050" s="12"/>
    </row>
    <row r="281051" spans="8:8">
      <c r="H281051" s="12"/>
    </row>
    <row r="281052" spans="8:8">
      <c r="H281052" s="12"/>
    </row>
    <row r="281053" spans="8:8">
      <c r="H281053" s="12"/>
    </row>
    <row r="281054" spans="8:8">
      <c r="H281054" s="12"/>
    </row>
    <row r="281055" spans="8:8">
      <c r="H281055" s="12"/>
    </row>
    <row r="281056" spans="8:8">
      <c r="H281056" s="12"/>
    </row>
    <row r="281057" spans="8:8">
      <c r="H281057" s="12"/>
    </row>
    <row r="281058" spans="8:8">
      <c r="H281058" s="12"/>
    </row>
    <row r="281059" spans="8:8">
      <c r="H281059" s="12"/>
    </row>
    <row r="281060" spans="8:8">
      <c r="H281060" s="12"/>
    </row>
    <row r="281061" spans="8:8">
      <c r="H281061" s="12"/>
    </row>
    <row r="281062" spans="8:8">
      <c r="H281062" s="12"/>
    </row>
    <row r="281063" spans="8:8">
      <c r="H281063" s="12"/>
    </row>
    <row r="281064" spans="8:8">
      <c r="H281064" s="12"/>
    </row>
    <row r="281065" spans="8:8">
      <c r="H281065" s="12"/>
    </row>
    <row r="281066" spans="8:8">
      <c r="H281066" s="12"/>
    </row>
    <row r="281067" spans="8:8">
      <c r="H281067" s="12"/>
    </row>
    <row r="281068" spans="8:8">
      <c r="H281068" s="12"/>
    </row>
    <row r="281069" spans="8:8">
      <c r="H281069" s="12"/>
    </row>
    <row r="281070" spans="8:8">
      <c r="H281070" s="12"/>
    </row>
    <row r="281071" spans="8:8">
      <c r="H281071" s="12"/>
    </row>
    <row r="281072" spans="8:8">
      <c r="H281072" s="12"/>
    </row>
    <row r="281073" spans="8:8">
      <c r="H281073" s="12"/>
    </row>
    <row r="281074" spans="8:8">
      <c r="H281074" s="12"/>
    </row>
    <row r="281075" spans="8:8">
      <c r="H281075" s="12"/>
    </row>
    <row r="281076" spans="8:8">
      <c r="H281076" s="12"/>
    </row>
    <row r="281077" spans="8:8">
      <c r="H281077" s="12"/>
    </row>
    <row r="281078" spans="8:8">
      <c r="H281078" s="12"/>
    </row>
    <row r="281079" spans="8:8">
      <c r="H281079" s="12"/>
    </row>
    <row r="281080" spans="8:8">
      <c r="H281080" s="12"/>
    </row>
    <row r="281081" spans="8:8">
      <c r="H281081" s="12"/>
    </row>
    <row r="281082" spans="8:8">
      <c r="H281082" s="12"/>
    </row>
    <row r="281083" spans="8:8">
      <c r="H281083" s="12"/>
    </row>
    <row r="281084" spans="8:8">
      <c r="H281084" s="12"/>
    </row>
    <row r="281085" spans="8:8">
      <c r="H281085" s="12"/>
    </row>
    <row r="281086" spans="8:8">
      <c r="H281086" s="12"/>
    </row>
    <row r="281087" spans="8:8">
      <c r="H281087" s="12"/>
    </row>
    <row r="281088" spans="8:8">
      <c r="H281088" s="12"/>
    </row>
    <row r="281089" spans="8:8">
      <c r="H281089" s="12"/>
    </row>
    <row r="281090" spans="8:8">
      <c r="H281090" s="12"/>
    </row>
    <row r="281091" spans="8:8">
      <c r="H281091" s="12"/>
    </row>
    <row r="281092" spans="8:8">
      <c r="H281092" s="12"/>
    </row>
    <row r="281093" spans="8:8">
      <c r="H281093" s="12"/>
    </row>
    <row r="281094" spans="8:8">
      <c r="H281094" s="12"/>
    </row>
    <row r="281095" spans="8:8">
      <c r="H281095" s="12"/>
    </row>
    <row r="281096" spans="8:8">
      <c r="H281096" s="12"/>
    </row>
    <row r="281097" spans="8:8">
      <c r="H281097" s="12"/>
    </row>
    <row r="281098" spans="8:8">
      <c r="H281098" s="12"/>
    </row>
    <row r="281099" spans="8:8">
      <c r="H281099" s="12"/>
    </row>
    <row r="281100" spans="8:8">
      <c r="H281100" s="12"/>
    </row>
    <row r="281101" spans="8:8">
      <c r="H281101" s="12"/>
    </row>
    <row r="281102" spans="8:8">
      <c r="H281102" s="12"/>
    </row>
    <row r="281103" spans="8:8">
      <c r="H281103" s="12"/>
    </row>
    <row r="281104" spans="8:8">
      <c r="H281104" s="12"/>
    </row>
    <row r="281105" spans="8:8">
      <c r="H281105" s="12"/>
    </row>
    <row r="281106" spans="8:8">
      <c r="H281106" s="12"/>
    </row>
    <row r="281107" spans="8:8">
      <c r="H281107" s="12"/>
    </row>
    <row r="281108" spans="8:8">
      <c r="H281108" s="12"/>
    </row>
    <row r="281109" spans="8:8">
      <c r="H281109" s="12"/>
    </row>
    <row r="281110" spans="8:8">
      <c r="H281110" s="12"/>
    </row>
    <row r="281111" spans="8:8">
      <c r="H281111" s="12"/>
    </row>
    <row r="281112" spans="8:8">
      <c r="H281112" s="12"/>
    </row>
    <row r="281113" spans="8:8">
      <c r="H281113" s="12"/>
    </row>
    <row r="281114" spans="8:8">
      <c r="H281114" s="12"/>
    </row>
    <row r="281115" spans="8:8">
      <c r="H281115" s="12"/>
    </row>
    <row r="281116" spans="8:8">
      <c r="H281116" s="12"/>
    </row>
    <row r="281117" spans="8:8">
      <c r="H281117" s="12"/>
    </row>
    <row r="281118" spans="8:8">
      <c r="H281118" s="12"/>
    </row>
    <row r="281119" spans="8:8">
      <c r="H281119" s="12"/>
    </row>
    <row r="281120" spans="8:8">
      <c r="H281120" s="12"/>
    </row>
    <row r="281121" spans="8:8">
      <c r="H281121" s="12"/>
    </row>
    <row r="281122" spans="8:8">
      <c r="H281122" s="12"/>
    </row>
    <row r="281123" spans="8:8">
      <c r="H281123" s="12"/>
    </row>
    <row r="281124" spans="8:8">
      <c r="H281124" s="12"/>
    </row>
    <row r="281125" spans="8:8">
      <c r="H281125" s="12"/>
    </row>
    <row r="281126" spans="8:8">
      <c r="H281126" s="12"/>
    </row>
    <row r="281127" spans="8:8">
      <c r="H281127" s="12"/>
    </row>
    <row r="281128" spans="8:8">
      <c r="H281128" s="12"/>
    </row>
    <row r="281129" spans="8:8">
      <c r="H281129" s="12"/>
    </row>
    <row r="281130" spans="8:8">
      <c r="H281130" s="12"/>
    </row>
    <row r="281131" spans="8:8">
      <c r="H281131" s="12"/>
    </row>
    <row r="281132" spans="8:8">
      <c r="H281132" s="12"/>
    </row>
    <row r="281133" spans="8:8">
      <c r="H281133" s="12"/>
    </row>
    <row r="281134" spans="8:8">
      <c r="H281134" s="12"/>
    </row>
    <row r="281135" spans="8:8">
      <c r="H281135" s="12"/>
    </row>
    <row r="281136" spans="8:8">
      <c r="H281136" s="12"/>
    </row>
    <row r="281137" spans="8:8">
      <c r="H281137" s="12"/>
    </row>
    <row r="281138" spans="8:8">
      <c r="H281138" s="12"/>
    </row>
    <row r="281139" spans="8:8">
      <c r="H281139" s="12"/>
    </row>
    <row r="281140" spans="8:8">
      <c r="H281140" s="12"/>
    </row>
    <row r="281141" spans="8:8">
      <c r="H281141" s="12"/>
    </row>
    <row r="281142" spans="8:8">
      <c r="H281142" s="12"/>
    </row>
    <row r="281143" spans="8:8">
      <c r="H281143" s="12"/>
    </row>
    <row r="281144" spans="8:8">
      <c r="H281144" s="12"/>
    </row>
    <row r="281145" spans="8:8">
      <c r="H281145" s="12"/>
    </row>
    <row r="281146" spans="8:8">
      <c r="H281146" s="12"/>
    </row>
    <row r="281147" spans="8:8">
      <c r="H281147" s="12"/>
    </row>
    <row r="281148" spans="8:8">
      <c r="H281148" s="12"/>
    </row>
    <row r="281149" spans="8:8">
      <c r="H281149" s="12"/>
    </row>
    <row r="281150" spans="8:8">
      <c r="H281150" s="12"/>
    </row>
    <row r="281151" spans="8:8">
      <c r="H281151" s="12"/>
    </row>
    <row r="281152" spans="8:8">
      <c r="H281152" s="12"/>
    </row>
    <row r="281153" spans="8:8">
      <c r="H281153" s="12"/>
    </row>
    <row r="281154" spans="8:8">
      <c r="H281154" s="12"/>
    </row>
    <row r="281155" spans="8:8">
      <c r="H281155" s="12"/>
    </row>
    <row r="281156" spans="8:8">
      <c r="H281156" s="12"/>
    </row>
    <row r="281157" spans="8:8">
      <c r="H281157" s="12"/>
    </row>
    <row r="281158" spans="8:8">
      <c r="H281158" s="12"/>
    </row>
    <row r="281159" spans="8:8">
      <c r="H281159" s="12"/>
    </row>
    <row r="281160" spans="8:8">
      <c r="H281160" s="12"/>
    </row>
    <row r="281161" spans="8:8">
      <c r="H281161" s="12"/>
    </row>
    <row r="281162" spans="8:8">
      <c r="H281162" s="12"/>
    </row>
    <row r="281163" spans="8:8">
      <c r="H281163" s="12"/>
    </row>
    <row r="281164" spans="8:8">
      <c r="H281164" s="12"/>
    </row>
    <row r="281165" spans="8:8">
      <c r="H281165" s="12"/>
    </row>
    <row r="281166" spans="8:8">
      <c r="H281166" s="12"/>
    </row>
    <row r="281167" spans="8:8">
      <c r="H281167" s="12"/>
    </row>
    <row r="281168" spans="8:8">
      <c r="H281168" s="12"/>
    </row>
    <row r="281169" spans="8:8">
      <c r="H281169" s="12"/>
    </row>
    <row r="281170" spans="8:8">
      <c r="H281170" s="12"/>
    </row>
    <row r="281171" spans="8:8">
      <c r="H281171" s="12"/>
    </row>
    <row r="281172" spans="8:8">
      <c r="H281172" s="12"/>
    </row>
    <row r="281173" spans="8:8">
      <c r="H281173" s="12"/>
    </row>
    <row r="281174" spans="8:8">
      <c r="H281174" s="12"/>
    </row>
    <row r="281175" spans="8:8">
      <c r="H281175" s="12"/>
    </row>
    <row r="281176" spans="8:8">
      <c r="H281176" s="12"/>
    </row>
    <row r="281177" spans="8:8">
      <c r="H281177" s="12"/>
    </row>
    <row r="281178" spans="8:8">
      <c r="H281178" s="12"/>
    </row>
    <row r="281179" spans="8:8">
      <c r="H281179" s="12"/>
    </row>
    <row r="281180" spans="8:8">
      <c r="H281180" s="12"/>
    </row>
    <row r="281181" spans="8:8">
      <c r="H281181" s="12"/>
    </row>
    <row r="281182" spans="8:8">
      <c r="H281182" s="12"/>
    </row>
    <row r="281183" spans="8:8">
      <c r="H281183" s="12"/>
    </row>
    <row r="281184" spans="8:8">
      <c r="H281184" s="12"/>
    </row>
    <row r="281185" spans="8:8">
      <c r="H281185" s="12"/>
    </row>
    <row r="281186" spans="8:8">
      <c r="H281186" s="12"/>
    </row>
    <row r="281187" spans="8:8">
      <c r="H281187" s="12"/>
    </row>
    <row r="281188" spans="8:8">
      <c r="H281188" s="12"/>
    </row>
    <row r="281189" spans="8:8">
      <c r="H281189" s="12"/>
    </row>
    <row r="281190" spans="8:8">
      <c r="H281190" s="12"/>
    </row>
    <row r="281191" spans="8:8">
      <c r="H281191" s="12"/>
    </row>
    <row r="281192" spans="8:8">
      <c r="H281192" s="12"/>
    </row>
    <row r="281193" spans="8:8">
      <c r="H281193" s="12"/>
    </row>
    <row r="281194" spans="8:8">
      <c r="H281194" s="12"/>
    </row>
    <row r="281195" spans="8:8">
      <c r="H281195" s="12"/>
    </row>
    <row r="281196" spans="8:8">
      <c r="H281196" s="12"/>
    </row>
    <row r="281197" spans="8:8">
      <c r="H281197" s="12"/>
    </row>
    <row r="281198" spans="8:8">
      <c r="H281198" s="12"/>
    </row>
    <row r="281199" spans="8:8">
      <c r="H281199" s="12"/>
    </row>
    <row r="281200" spans="8:8">
      <c r="H281200" s="12"/>
    </row>
    <row r="281201" spans="8:8">
      <c r="H281201" s="12"/>
    </row>
    <row r="281202" spans="8:8">
      <c r="H281202" s="12"/>
    </row>
    <row r="281203" spans="8:8">
      <c r="H281203" s="12"/>
    </row>
    <row r="281204" spans="8:8">
      <c r="H281204" s="12"/>
    </row>
    <row r="281205" spans="8:8">
      <c r="H281205" s="12"/>
    </row>
    <row r="281206" spans="8:8">
      <c r="H281206" s="12"/>
    </row>
    <row r="281207" spans="8:8">
      <c r="H281207" s="12"/>
    </row>
    <row r="281208" spans="8:8">
      <c r="H281208" s="12"/>
    </row>
    <row r="281209" spans="8:8">
      <c r="H281209" s="12"/>
    </row>
    <row r="281210" spans="8:8">
      <c r="H281210" s="12"/>
    </row>
    <row r="281211" spans="8:8">
      <c r="H281211" s="12"/>
    </row>
    <row r="281212" spans="8:8">
      <c r="H281212" s="12"/>
    </row>
    <row r="281213" spans="8:8">
      <c r="H281213" s="12"/>
    </row>
    <row r="281214" spans="8:8">
      <c r="H281214" s="12"/>
    </row>
    <row r="281215" spans="8:8">
      <c r="H281215" s="12"/>
    </row>
    <row r="281216" spans="8:8">
      <c r="H281216" s="12"/>
    </row>
    <row r="281217" spans="8:8">
      <c r="H281217" s="12"/>
    </row>
    <row r="281218" spans="8:8">
      <c r="H281218" s="12"/>
    </row>
    <row r="281219" spans="8:8">
      <c r="H281219" s="12"/>
    </row>
    <row r="281220" spans="8:8">
      <c r="H281220" s="12"/>
    </row>
    <row r="281221" spans="8:8">
      <c r="H281221" s="12"/>
    </row>
    <row r="281222" spans="8:8">
      <c r="H281222" s="12"/>
    </row>
    <row r="281223" spans="8:8">
      <c r="H281223" s="12"/>
    </row>
    <row r="281224" spans="8:8">
      <c r="H281224" s="12"/>
    </row>
    <row r="281225" spans="8:8">
      <c r="H281225" s="12"/>
    </row>
    <row r="281226" spans="8:8">
      <c r="H281226" s="12"/>
    </row>
    <row r="281227" spans="8:8">
      <c r="H281227" s="12"/>
    </row>
    <row r="281228" spans="8:8">
      <c r="H281228" s="12"/>
    </row>
    <row r="281229" spans="8:8">
      <c r="H281229" s="12"/>
    </row>
    <row r="281230" spans="8:8">
      <c r="H281230" s="12"/>
    </row>
    <row r="281231" spans="8:8">
      <c r="H281231" s="12"/>
    </row>
    <row r="281232" spans="8:8">
      <c r="H281232" s="12"/>
    </row>
    <row r="281233" spans="8:8">
      <c r="H281233" s="12"/>
    </row>
    <row r="281234" spans="8:8">
      <c r="H281234" s="12"/>
    </row>
    <row r="281235" spans="8:8">
      <c r="H281235" s="12"/>
    </row>
    <row r="281236" spans="8:8">
      <c r="H281236" s="12"/>
    </row>
    <row r="281237" spans="8:8">
      <c r="H281237" s="12"/>
    </row>
    <row r="281238" spans="8:8">
      <c r="H281238" s="12"/>
    </row>
    <row r="281239" spans="8:8">
      <c r="H281239" s="12"/>
    </row>
    <row r="281240" spans="8:8">
      <c r="H281240" s="12"/>
    </row>
    <row r="281241" spans="8:8">
      <c r="H281241" s="12"/>
    </row>
    <row r="281242" spans="8:8">
      <c r="H281242" s="12"/>
    </row>
    <row r="281243" spans="8:8">
      <c r="H281243" s="12"/>
    </row>
    <row r="281244" spans="8:8">
      <c r="H281244" s="12"/>
    </row>
    <row r="281245" spans="8:8">
      <c r="H281245" s="12"/>
    </row>
    <row r="281246" spans="8:8">
      <c r="H281246" s="12"/>
    </row>
    <row r="281247" spans="8:8">
      <c r="H281247" s="12"/>
    </row>
    <row r="281248" spans="8:8">
      <c r="H281248" s="12"/>
    </row>
    <row r="281249" spans="8:8">
      <c r="H281249" s="12"/>
    </row>
    <row r="281250" spans="8:8">
      <c r="H281250" s="12"/>
    </row>
    <row r="281251" spans="8:8">
      <c r="H281251" s="12"/>
    </row>
    <row r="281252" spans="8:8">
      <c r="H281252" s="12"/>
    </row>
    <row r="281253" spans="8:8">
      <c r="H281253" s="12"/>
    </row>
    <row r="281254" spans="8:8">
      <c r="H281254" s="12"/>
    </row>
    <row r="281255" spans="8:8">
      <c r="H281255" s="12"/>
    </row>
    <row r="281256" spans="8:8">
      <c r="H281256" s="12"/>
    </row>
    <row r="281257" spans="8:8">
      <c r="H281257" s="12"/>
    </row>
    <row r="281258" spans="8:8">
      <c r="H281258" s="12"/>
    </row>
    <row r="281259" spans="8:8">
      <c r="H281259" s="12"/>
    </row>
    <row r="281260" spans="8:8">
      <c r="H281260" s="12"/>
    </row>
    <row r="281261" spans="8:8">
      <c r="H281261" s="12"/>
    </row>
    <row r="281262" spans="8:8">
      <c r="H281262" s="12"/>
    </row>
    <row r="281263" spans="8:8">
      <c r="H281263" s="12"/>
    </row>
    <row r="281264" spans="8:8">
      <c r="H281264" s="12"/>
    </row>
    <row r="281265" spans="8:8">
      <c r="H281265" s="12"/>
    </row>
    <row r="281266" spans="8:8">
      <c r="H281266" s="12"/>
    </row>
    <row r="281267" spans="8:8">
      <c r="H281267" s="12"/>
    </row>
    <row r="281268" spans="8:8">
      <c r="H281268" s="12"/>
    </row>
    <row r="281269" spans="8:8">
      <c r="H281269" s="12"/>
    </row>
    <row r="281270" spans="8:8">
      <c r="H281270" s="12"/>
    </row>
    <row r="281271" spans="8:8">
      <c r="H281271" s="12"/>
    </row>
    <row r="281272" spans="8:8">
      <c r="H281272" s="12"/>
    </row>
    <row r="281273" spans="8:8">
      <c r="H281273" s="12"/>
    </row>
    <row r="281274" spans="8:8">
      <c r="H281274" s="12"/>
    </row>
    <row r="281275" spans="8:8">
      <c r="H281275" s="12"/>
    </row>
    <row r="281276" spans="8:8">
      <c r="H281276" s="12"/>
    </row>
    <row r="281277" spans="8:8">
      <c r="H281277" s="12"/>
    </row>
    <row r="281278" spans="8:8">
      <c r="H281278" s="12"/>
    </row>
    <row r="281279" spans="8:8">
      <c r="H281279" s="12"/>
    </row>
    <row r="281280" spans="8:8">
      <c r="H281280" s="12"/>
    </row>
    <row r="281281" spans="8:8">
      <c r="H281281" s="12"/>
    </row>
    <row r="281282" spans="8:8">
      <c r="H281282" s="12"/>
    </row>
    <row r="281283" spans="8:8">
      <c r="H281283" s="12"/>
    </row>
    <row r="281284" spans="8:8">
      <c r="H281284" s="12"/>
    </row>
    <row r="281285" spans="8:8">
      <c r="H281285" s="12"/>
    </row>
    <row r="281286" spans="8:8">
      <c r="H281286" s="12"/>
    </row>
    <row r="281287" spans="8:8">
      <c r="H281287" s="12"/>
    </row>
    <row r="281288" spans="8:8">
      <c r="H281288" s="12"/>
    </row>
    <row r="281289" spans="8:8">
      <c r="H281289" s="12"/>
    </row>
    <row r="281290" spans="8:8">
      <c r="H281290" s="12"/>
    </row>
    <row r="281291" spans="8:8">
      <c r="H281291" s="12"/>
    </row>
    <row r="281292" spans="8:8">
      <c r="H281292" s="12"/>
    </row>
    <row r="281293" spans="8:8">
      <c r="H281293" s="12"/>
    </row>
    <row r="281294" spans="8:8">
      <c r="H281294" s="12"/>
    </row>
    <row r="281295" spans="8:8">
      <c r="H281295" s="12"/>
    </row>
    <row r="281296" spans="8:8">
      <c r="H281296" s="12"/>
    </row>
    <row r="281297" spans="8:8">
      <c r="H281297" s="12"/>
    </row>
    <row r="281298" spans="8:8">
      <c r="H281298" s="12"/>
    </row>
    <row r="281299" spans="8:8">
      <c r="H281299" s="12"/>
    </row>
    <row r="281300" spans="8:8">
      <c r="H281300" s="12"/>
    </row>
    <row r="281301" spans="8:8">
      <c r="H281301" s="12"/>
    </row>
    <row r="281302" spans="8:8">
      <c r="H281302" s="12"/>
    </row>
    <row r="281303" spans="8:8">
      <c r="H281303" s="12"/>
    </row>
    <row r="281304" spans="8:8">
      <c r="H281304" s="12"/>
    </row>
    <row r="281305" spans="8:8">
      <c r="H281305" s="12"/>
    </row>
    <row r="281306" spans="8:8">
      <c r="H281306" s="12"/>
    </row>
    <row r="281307" spans="8:8">
      <c r="H281307" s="12"/>
    </row>
    <row r="281308" spans="8:8">
      <c r="H281308" s="12"/>
    </row>
    <row r="281309" spans="8:8">
      <c r="H281309" s="12"/>
    </row>
    <row r="281310" spans="8:8">
      <c r="H281310" s="12"/>
    </row>
    <row r="281311" spans="8:8">
      <c r="H281311" s="12"/>
    </row>
    <row r="281312" spans="8:8">
      <c r="H281312" s="12"/>
    </row>
    <row r="281313" spans="8:8">
      <c r="H281313" s="12"/>
    </row>
    <row r="281314" spans="8:8">
      <c r="H281314" s="12"/>
    </row>
    <row r="281315" spans="8:8">
      <c r="H281315" s="12"/>
    </row>
    <row r="281316" spans="8:8">
      <c r="H281316" s="12"/>
    </row>
    <row r="281317" spans="8:8">
      <c r="H281317" s="12"/>
    </row>
    <row r="281318" spans="8:8">
      <c r="H281318" s="12"/>
    </row>
    <row r="281319" spans="8:8">
      <c r="H281319" s="12"/>
    </row>
    <row r="281320" spans="8:8">
      <c r="H281320" s="12"/>
    </row>
    <row r="281321" spans="8:8">
      <c r="H281321" s="12"/>
    </row>
    <row r="281322" spans="8:8">
      <c r="H281322" s="12"/>
    </row>
    <row r="281323" spans="8:8">
      <c r="H281323" s="12"/>
    </row>
    <row r="281324" spans="8:8">
      <c r="H281324" s="12"/>
    </row>
    <row r="281325" spans="8:8">
      <c r="H281325" s="12"/>
    </row>
    <row r="281326" spans="8:8">
      <c r="H281326" s="12"/>
    </row>
    <row r="281327" spans="8:8">
      <c r="H281327" s="12"/>
    </row>
    <row r="281328" spans="8:8">
      <c r="H281328" s="12"/>
    </row>
    <row r="281329" spans="8:8">
      <c r="H281329" s="12"/>
    </row>
    <row r="281330" spans="8:8">
      <c r="H281330" s="12"/>
    </row>
    <row r="281331" spans="8:8">
      <c r="H281331" s="12"/>
    </row>
    <row r="281332" spans="8:8">
      <c r="H281332" s="12"/>
    </row>
    <row r="281333" spans="8:8">
      <c r="H281333" s="12"/>
    </row>
    <row r="281334" spans="8:8">
      <c r="H281334" s="12"/>
    </row>
    <row r="281335" spans="8:8">
      <c r="H281335" s="12"/>
    </row>
    <row r="281336" spans="8:8">
      <c r="H281336" s="12"/>
    </row>
    <row r="281337" spans="8:8">
      <c r="H281337" s="12"/>
    </row>
    <row r="281338" spans="8:8">
      <c r="H281338" s="12"/>
    </row>
    <row r="281339" spans="8:8">
      <c r="H281339" s="12"/>
    </row>
    <row r="281340" spans="8:8">
      <c r="H281340" s="12"/>
    </row>
    <row r="281341" spans="8:8">
      <c r="H281341" s="12"/>
    </row>
    <row r="281342" spans="8:8">
      <c r="H281342" s="12"/>
    </row>
    <row r="281343" spans="8:8">
      <c r="H281343" s="12"/>
    </row>
    <row r="281344" spans="8:8">
      <c r="H281344" s="12"/>
    </row>
    <row r="281345" spans="8:8">
      <c r="H281345" s="12"/>
    </row>
    <row r="281346" spans="8:8">
      <c r="H281346" s="12"/>
    </row>
    <row r="281347" spans="8:8">
      <c r="H281347" s="12"/>
    </row>
    <row r="281348" spans="8:8">
      <c r="H281348" s="12"/>
    </row>
    <row r="281349" spans="8:8">
      <c r="H281349" s="12"/>
    </row>
    <row r="281350" spans="8:8">
      <c r="H281350" s="12"/>
    </row>
    <row r="281351" spans="8:8">
      <c r="H281351" s="12"/>
    </row>
    <row r="281352" spans="8:8">
      <c r="H281352" s="12"/>
    </row>
    <row r="281353" spans="8:8">
      <c r="H281353" s="12"/>
    </row>
    <row r="281354" spans="8:8">
      <c r="H281354" s="12"/>
    </row>
    <row r="281355" spans="8:8">
      <c r="H281355" s="12"/>
    </row>
    <row r="281356" spans="8:8">
      <c r="H281356" s="12"/>
    </row>
    <row r="281357" spans="8:8">
      <c r="H281357" s="12"/>
    </row>
    <row r="281358" spans="8:8">
      <c r="H281358" s="12"/>
    </row>
    <row r="281359" spans="8:8">
      <c r="H281359" s="12"/>
    </row>
    <row r="281360" spans="8:8">
      <c r="H281360" s="12"/>
    </row>
    <row r="281361" spans="8:8">
      <c r="H281361" s="12"/>
    </row>
    <row r="281362" spans="8:8">
      <c r="H281362" s="12"/>
    </row>
    <row r="281363" spans="8:8">
      <c r="H281363" s="12"/>
    </row>
    <row r="281364" spans="8:8">
      <c r="H281364" s="12"/>
    </row>
    <row r="281365" spans="8:8">
      <c r="H281365" s="12"/>
    </row>
    <row r="281366" spans="8:8">
      <c r="H281366" s="12"/>
    </row>
    <row r="281367" spans="8:8">
      <c r="H281367" s="12"/>
    </row>
    <row r="281368" spans="8:8">
      <c r="H281368" s="12"/>
    </row>
    <row r="281369" spans="8:8">
      <c r="H281369" s="12"/>
    </row>
    <row r="281370" spans="8:8">
      <c r="H281370" s="12"/>
    </row>
    <row r="281371" spans="8:8">
      <c r="H281371" s="12"/>
    </row>
    <row r="281372" spans="8:8">
      <c r="H281372" s="12"/>
    </row>
    <row r="281373" spans="8:8">
      <c r="H281373" s="12"/>
    </row>
    <row r="281374" spans="8:8">
      <c r="H281374" s="12"/>
    </row>
    <row r="281375" spans="8:8">
      <c r="H281375" s="12"/>
    </row>
    <row r="281376" spans="8:8">
      <c r="H281376" s="12"/>
    </row>
    <row r="281377" spans="8:8">
      <c r="H281377" s="12"/>
    </row>
    <row r="281378" spans="8:8">
      <c r="H281378" s="12"/>
    </row>
    <row r="281379" spans="8:8">
      <c r="H281379" s="12"/>
    </row>
    <row r="281380" spans="8:8">
      <c r="H281380" s="12"/>
    </row>
    <row r="281381" spans="8:8">
      <c r="H281381" s="12"/>
    </row>
    <row r="281382" spans="8:8">
      <c r="H281382" s="12"/>
    </row>
    <row r="281383" spans="8:8">
      <c r="H281383" s="12"/>
    </row>
    <row r="281384" spans="8:8">
      <c r="H281384" s="12"/>
    </row>
    <row r="281385" spans="8:8">
      <c r="H281385" s="12"/>
    </row>
    <row r="281386" spans="8:8">
      <c r="H281386" s="12"/>
    </row>
    <row r="281387" spans="8:8">
      <c r="H281387" s="12"/>
    </row>
    <row r="281388" spans="8:8">
      <c r="H281388" s="12"/>
    </row>
    <row r="281389" spans="8:8">
      <c r="H281389" s="12"/>
    </row>
    <row r="281390" spans="8:8">
      <c r="H281390" s="12"/>
    </row>
    <row r="281391" spans="8:8">
      <c r="H281391" s="12"/>
    </row>
    <row r="281392" spans="8:8">
      <c r="H281392" s="12"/>
    </row>
    <row r="281393" spans="8:8">
      <c r="H281393" s="12"/>
    </row>
    <row r="281394" spans="8:8">
      <c r="H281394" s="12"/>
    </row>
    <row r="281395" spans="8:8">
      <c r="H281395" s="12"/>
    </row>
    <row r="281396" spans="8:8">
      <c r="H281396" s="12"/>
    </row>
    <row r="281397" spans="8:8">
      <c r="H281397" s="12"/>
    </row>
    <row r="281398" spans="8:8">
      <c r="H281398" s="12"/>
    </row>
    <row r="281399" spans="8:8">
      <c r="H281399" s="12"/>
    </row>
    <row r="281400" spans="8:8">
      <c r="H281400" s="12"/>
    </row>
    <row r="281401" spans="8:8">
      <c r="H281401" s="12"/>
    </row>
    <row r="281402" spans="8:8">
      <c r="H281402" s="12"/>
    </row>
    <row r="281403" spans="8:8">
      <c r="H281403" s="12"/>
    </row>
    <row r="281404" spans="8:8">
      <c r="H281404" s="12"/>
    </row>
    <row r="281405" spans="8:8">
      <c r="H281405" s="12"/>
    </row>
    <row r="281406" spans="8:8">
      <c r="H281406" s="12"/>
    </row>
    <row r="281407" spans="8:8">
      <c r="H281407" s="12"/>
    </row>
    <row r="281408" spans="8:8">
      <c r="H281408" s="12"/>
    </row>
    <row r="281409" spans="8:8">
      <c r="H281409" s="12"/>
    </row>
    <row r="281410" spans="8:8">
      <c r="H281410" s="12"/>
    </row>
    <row r="281411" spans="8:8">
      <c r="H281411" s="12"/>
    </row>
    <row r="281412" spans="8:8">
      <c r="H281412" s="12"/>
    </row>
    <row r="281413" spans="8:8">
      <c r="H281413" s="12"/>
    </row>
    <row r="281414" spans="8:8">
      <c r="H281414" s="12"/>
    </row>
    <row r="281415" spans="8:8">
      <c r="H281415" s="12"/>
    </row>
    <row r="281416" spans="8:8">
      <c r="H281416" s="12"/>
    </row>
    <row r="281417" spans="8:8">
      <c r="H281417" s="12"/>
    </row>
    <row r="281418" spans="8:8">
      <c r="H281418" s="12"/>
    </row>
    <row r="281419" spans="8:8">
      <c r="H281419" s="12"/>
    </row>
    <row r="281420" spans="8:8">
      <c r="H281420" s="12"/>
    </row>
    <row r="281421" spans="8:8">
      <c r="H281421" s="12"/>
    </row>
    <row r="281422" spans="8:8">
      <c r="H281422" s="12"/>
    </row>
    <row r="281423" spans="8:8">
      <c r="H281423" s="12"/>
    </row>
    <row r="281424" spans="8:8">
      <c r="H281424" s="12"/>
    </row>
    <row r="281425" spans="8:8">
      <c r="H281425" s="12"/>
    </row>
    <row r="281426" spans="8:8">
      <c r="H281426" s="12"/>
    </row>
    <row r="281427" spans="8:8">
      <c r="H281427" s="12"/>
    </row>
    <row r="281428" spans="8:8">
      <c r="H281428" s="12"/>
    </row>
    <row r="281429" spans="8:8">
      <c r="H281429" s="12"/>
    </row>
    <row r="281430" spans="8:8">
      <c r="H281430" s="12"/>
    </row>
    <row r="281431" spans="8:8">
      <c r="H281431" s="12"/>
    </row>
    <row r="281432" spans="8:8">
      <c r="H281432" s="12"/>
    </row>
    <row r="281433" spans="8:8">
      <c r="H281433" s="12"/>
    </row>
    <row r="281434" spans="8:8">
      <c r="H281434" s="12"/>
    </row>
    <row r="281435" spans="8:8">
      <c r="H281435" s="12"/>
    </row>
    <row r="281436" spans="8:8">
      <c r="H281436" s="12"/>
    </row>
    <row r="281437" spans="8:8">
      <c r="H281437" s="12"/>
    </row>
    <row r="281438" spans="8:8">
      <c r="H281438" s="12"/>
    </row>
    <row r="281439" spans="8:8">
      <c r="H281439" s="12"/>
    </row>
    <row r="281440" spans="8:8">
      <c r="H281440" s="12"/>
    </row>
    <row r="281441" spans="8:8">
      <c r="H281441" s="12"/>
    </row>
    <row r="281442" spans="8:8">
      <c r="H281442" s="12"/>
    </row>
    <row r="281443" spans="8:8">
      <c r="H281443" s="12"/>
    </row>
    <row r="281444" spans="8:8">
      <c r="H281444" s="12"/>
    </row>
    <row r="281445" spans="8:8">
      <c r="H281445" s="12"/>
    </row>
    <row r="281446" spans="8:8">
      <c r="H281446" s="12"/>
    </row>
    <row r="281447" spans="8:8">
      <c r="H281447" s="12"/>
    </row>
    <row r="281448" spans="8:8">
      <c r="H281448" s="12"/>
    </row>
    <row r="281449" spans="8:8">
      <c r="H281449" s="12"/>
    </row>
    <row r="281450" spans="8:8">
      <c r="H281450" s="12"/>
    </row>
    <row r="281451" spans="8:8">
      <c r="H281451" s="12"/>
    </row>
    <row r="281452" spans="8:8">
      <c r="H281452" s="12"/>
    </row>
    <row r="281453" spans="8:8">
      <c r="H281453" s="12"/>
    </row>
    <row r="281454" spans="8:8">
      <c r="H281454" s="12"/>
    </row>
    <row r="281455" spans="8:8">
      <c r="H281455" s="12"/>
    </row>
    <row r="281456" spans="8:8">
      <c r="H281456" s="12"/>
    </row>
    <row r="281457" spans="8:8">
      <c r="H281457" s="12"/>
    </row>
    <row r="281458" spans="8:8">
      <c r="H281458" s="12"/>
    </row>
    <row r="281459" spans="8:8">
      <c r="H281459" s="12"/>
    </row>
    <row r="281460" spans="8:8">
      <c r="H281460" s="12"/>
    </row>
    <row r="281461" spans="8:8">
      <c r="H281461" s="12"/>
    </row>
    <row r="281462" spans="8:8">
      <c r="H281462" s="12"/>
    </row>
    <row r="281463" spans="8:8">
      <c r="H281463" s="12"/>
    </row>
    <row r="281464" spans="8:8">
      <c r="H281464" s="12"/>
    </row>
    <row r="281465" spans="8:8">
      <c r="H281465" s="12"/>
    </row>
    <row r="281466" spans="8:8">
      <c r="H281466" s="12"/>
    </row>
    <row r="281467" spans="8:8">
      <c r="H281467" s="12"/>
    </row>
    <row r="281468" spans="8:8">
      <c r="H281468" s="12"/>
    </row>
    <row r="281469" spans="8:8">
      <c r="H281469" s="12"/>
    </row>
    <row r="281470" spans="8:8">
      <c r="H281470" s="12"/>
    </row>
    <row r="281471" spans="8:8">
      <c r="H281471" s="12"/>
    </row>
    <row r="281472" spans="8:8">
      <c r="H281472" s="12"/>
    </row>
    <row r="281473" spans="8:8">
      <c r="H281473" s="12"/>
    </row>
    <row r="281474" spans="8:8">
      <c r="H281474" s="12"/>
    </row>
    <row r="281475" spans="8:8">
      <c r="H281475" s="12"/>
    </row>
    <row r="281476" spans="8:8">
      <c r="H281476" s="12"/>
    </row>
    <row r="281477" spans="8:8">
      <c r="H281477" s="12"/>
    </row>
    <row r="281478" spans="8:8">
      <c r="H281478" s="12"/>
    </row>
    <row r="281479" spans="8:8">
      <c r="H281479" s="12"/>
    </row>
    <row r="281480" spans="8:8">
      <c r="H281480" s="12"/>
    </row>
    <row r="281481" spans="8:8">
      <c r="H281481" s="12"/>
    </row>
    <row r="281482" spans="8:8">
      <c r="H281482" s="12"/>
    </row>
    <row r="281483" spans="8:8">
      <c r="H281483" s="12"/>
    </row>
    <row r="281484" spans="8:8">
      <c r="H281484" s="12"/>
    </row>
    <row r="281485" spans="8:8">
      <c r="H281485" s="12"/>
    </row>
    <row r="281486" spans="8:8">
      <c r="H281486" s="12"/>
    </row>
    <row r="281487" spans="8:8">
      <c r="H281487" s="12"/>
    </row>
    <row r="281488" spans="8:8">
      <c r="H281488" s="12"/>
    </row>
    <row r="281489" spans="8:8">
      <c r="H281489" s="12"/>
    </row>
    <row r="281490" spans="8:8">
      <c r="H281490" s="12"/>
    </row>
    <row r="281491" spans="8:8">
      <c r="H281491" s="12"/>
    </row>
    <row r="281492" spans="8:8">
      <c r="H281492" s="12"/>
    </row>
    <row r="281493" spans="8:8">
      <c r="H281493" s="12"/>
    </row>
    <row r="281494" spans="8:8">
      <c r="H281494" s="12"/>
    </row>
    <row r="281495" spans="8:8">
      <c r="H281495" s="12"/>
    </row>
    <row r="281496" spans="8:8">
      <c r="H281496" s="12"/>
    </row>
    <row r="281497" spans="8:8">
      <c r="H281497" s="12"/>
    </row>
    <row r="281498" spans="8:8">
      <c r="H281498" s="12"/>
    </row>
    <row r="281499" spans="8:8">
      <c r="H281499" s="12"/>
    </row>
    <row r="281500" spans="8:8">
      <c r="H281500" s="12"/>
    </row>
    <row r="281501" spans="8:8">
      <c r="H281501" s="12"/>
    </row>
    <row r="281502" spans="8:8">
      <c r="H281502" s="12"/>
    </row>
    <row r="281503" spans="8:8">
      <c r="H281503" s="12"/>
    </row>
    <row r="281504" spans="8:8">
      <c r="H281504" s="12"/>
    </row>
    <row r="281505" spans="8:8">
      <c r="H281505" s="12"/>
    </row>
    <row r="281506" spans="8:8">
      <c r="H281506" s="12"/>
    </row>
    <row r="281507" spans="8:8">
      <c r="H281507" s="12"/>
    </row>
    <row r="281508" spans="8:8">
      <c r="H281508" s="12"/>
    </row>
    <row r="281509" spans="8:8">
      <c r="H281509" s="12"/>
    </row>
    <row r="281510" spans="8:8">
      <c r="H281510" s="12"/>
    </row>
    <row r="281511" spans="8:8">
      <c r="H281511" s="12"/>
    </row>
    <row r="281512" spans="8:8">
      <c r="H281512" s="12"/>
    </row>
    <row r="281513" spans="8:8">
      <c r="H281513" s="12"/>
    </row>
    <row r="281514" spans="8:8">
      <c r="H281514" s="12"/>
    </row>
    <row r="281515" spans="8:8">
      <c r="H281515" s="12"/>
    </row>
    <row r="281516" spans="8:8">
      <c r="H281516" s="12"/>
    </row>
    <row r="281517" spans="8:8">
      <c r="H281517" s="12"/>
    </row>
    <row r="281518" spans="8:8">
      <c r="H281518" s="12"/>
    </row>
    <row r="281519" spans="8:8">
      <c r="H281519" s="12"/>
    </row>
    <row r="281520" spans="8:8">
      <c r="H281520" s="12"/>
    </row>
    <row r="281521" spans="8:8">
      <c r="H281521" s="12"/>
    </row>
    <row r="281522" spans="8:8">
      <c r="H281522" s="12"/>
    </row>
    <row r="281523" spans="8:8">
      <c r="H281523" s="12"/>
    </row>
    <row r="281524" spans="8:8">
      <c r="H281524" s="12"/>
    </row>
    <row r="281525" spans="8:8">
      <c r="H281525" s="12"/>
    </row>
    <row r="281526" spans="8:8">
      <c r="H281526" s="12"/>
    </row>
    <row r="281527" spans="8:8">
      <c r="H281527" s="12"/>
    </row>
    <row r="281528" spans="8:8">
      <c r="H281528" s="12"/>
    </row>
    <row r="281529" spans="8:8">
      <c r="H281529" s="12"/>
    </row>
    <row r="281530" spans="8:8">
      <c r="H281530" s="12"/>
    </row>
    <row r="281531" spans="8:8">
      <c r="H281531" s="12"/>
    </row>
    <row r="281532" spans="8:8">
      <c r="H281532" s="12"/>
    </row>
    <row r="281533" spans="8:8">
      <c r="H281533" s="12"/>
    </row>
    <row r="281534" spans="8:8">
      <c r="H281534" s="12"/>
    </row>
    <row r="281535" spans="8:8">
      <c r="H281535" s="12"/>
    </row>
    <row r="281536" spans="8:8">
      <c r="H281536" s="12"/>
    </row>
    <row r="281537" spans="8:8">
      <c r="H281537" s="12"/>
    </row>
    <row r="281538" spans="8:8">
      <c r="H281538" s="12"/>
    </row>
    <row r="281539" spans="8:8">
      <c r="H281539" s="12"/>
    </row>
    <row r="281540" spans="8:8">
      <c r="H281540" s="12"/>
    </row>
    <row r="281541" spans="8:8">
      <c r="H281541" s="12"/>
    </row>
    <row r="281542" spans="8:8">
      <c r="H281542" s="12"/>
    </row>
    <row r="281543" spans="8:8">
      <c r="H281543" s="12"/>
    </row>
    <row r="281544" spans="8:8">
      <c r="H281544" s="12"/>
    </row>
    <row r="281545" spans="8:8">
      <c r="H281545" s="12"/>
    </row>
    <row r="281546" spans="8:8">
      <c r="H281546" s="12"/>
    </row>
    <row r="281547" spans="8:8">
      <c r="H281547" s="12"/>
    </row>
    <row r="281548" spans="8:8">
      <c r="H281548" s="12"/>
    </row>
    <row r="281549" spans="8:8">
      <c r="H281549" s="12"/>
    </row>
    <row r="281550" spans="8:8">
      <c r="H281550" s="12"/>
    </row>
    <row r="281551" spans="8:8">
      <c r="H281551" s="12"/>
    </row>
    <row r="281552" spans="8:8">
      <c r="H281552" s="12"/>
    </row>
    <row r="281553" spans="8:8">
      <c r="H281553" s="12"/>
    </row>
    <row r="281554" spans="8:8">
      <c r="H281554" s="12"/>
    </row>
    <row r="281555" spans="8:8">
      <c r="H281555" s="12"/>
    </row>
    <row r="281556" spans="8:8">
      <c r="H281556" s="12"/>
    </row>
    <row r="281557" spans="8:8">
      <c r="H281557" s="12"/>
    </row>
    <row r="281558" spans="8:8">
      <c r="H281558" s="12"/>
    </row>
    <row r="281559" spans="8:8">
      <c r="H281559" s="12"/>
    </row>
    <row r="281560" spans="8:8">
      <c r="H281560" s="12"/>
    </row>
    <row r="281561" spans="8:8">
      <c r="H281561" s="12"/>
    </row>
    <row r="281562" spans="8:8">
      <c r="H281562" s="12"/>
    </row>
    <row r="281563" spans="8:8">
      <c r="H281563" s="12"/>
    </row>
    <row r="281564" spans="8:8">
      <c r="H281564" s="12"/>
    </row>
    <row r="281565" spans="8:8">
      <c r="H281565" s="12"/>
    </row>
    <row r="281566" spans="8:8">
      <c r="H281566" s="12"/>
    </row>
    <row r="281567" spans="8:8">
      <c r="H281567" s="12"/>
    </row>
    <row r="281568" spans="8:8">
      <c r="H281568" s="12"/>
    </row>
    <row r="281569" spans="8:8">
      <c r="H281569" s="12"/>
    </row>
    <row r="281570" spans="8:8">
      <c r="H281570" s="12"/>
    </row>
    <row r="281571" spans="8:8">
      <c r="H281571" s="12"/>
    </row>
    <row r="281572" spans="8:8">
      <c r="H281572" s="12"/>
    </row>
    <row r="281573" spans="8:8">
      <c r="H281573" s="12"/>
    </row>
    <row r="281574" spans="8:8">
      <c r="H281574" s="12"/>
    </row>
    <row r="281575" spans="8:8">
      <c r="H281575" s="12"/>
    </row>
    <row r="281576" spans="8:8">
      <c r="H281576" s="12"/>
    </row>
    <row r="281577" spans="8:8">
      <c r="H281577" s="12"/>
    </row>
    <row r="281578" spans="8:8">
      <c r="H281578" s="12"/>
    </row>
    <row r="281579" spans="8:8">
      <c r="H281579" s="12"/>
    </row>
    <row r="281580" spans="8:8">
      <c r="H281580" s="12"/>
    </row>
    <row r="281581" spans="8:8">
      <c r="H281581" s="12"/>
    </row>
    <row r="281582" spans="8:8">
      <c r="H281582" s="12"/>
    </row>
    <row r="281583" spans="8:8">
      <c r="H281583" s="12"/>
    </row>
    <row r="281584" spans="8:8">
      <c r="H281584" s="12"/>
    </row>
    <row r="281585" spans="8:8">
      <c r="H281585" s="12"/>
    </row>
    <row r="281586" spans="8:8">
      <c r="H281586" s="12"/>
    </row>
    <row r="281587" spans="8:8">
      <c r="H281587" s="12"/>
    </row>
    <row r="281588" spans="8:8">
      <c r="H281588" s="12"/>
    </row>
    <row r="281589" spans="8:8">
      <c r="H281589" s="12"/>
    </row>
    <row r="281590" spans="8:8">
      <c r="H281590" s="12"/>
    </row>
    <row r="281591" spans="8:8">
      <c r="H281591" s="12"/>
    </row>
    <row r="281592" spans="8:8">
      <c r="H281592" s="12"/>
    </row>
    <row r="281593" spans="8:8">
      <c r="H281593" s="12"/>
    </row>
    <row r="281594" spans="8:8">
      <c r="H281594" s="12"/>
    </row>
    <row r="281595" spans="8:8">
      <c r="H281595" s="12"/>
    </row>
    <row r="281596" spans="8:8">
      <c r="H281596" s="12"/>
    </row>
    <row r="281597" spans="8:8">
      <c r="H281597" s="12"/>
    </row>
    <row r="281598" spans="8:8">
      <c r="H281598" s="12"/>
    </row>
    <row r="281599" spans="8:8">
      <c r="H281599" s="12"/>
    </row>
    <row r="281600" spans="8:8">
      <c r="H281600" s="12"/>
    </row>
    <row r="281601" spans="8:8">
      <c r="H281601" s="12"/>
    </row>
    <row r="281602" spans="8:8">
      <c r="H281602" s="12"/>
    </row>
    <row r="281603" spans="8:8">
      <c r="H281603" s="12"/>
    </row>
    <row r="281604" spans="8:8">
      <c r="H281604" s="12"/>
    </row>
    <row r="281605" spans="8:8">
      <c r="H281605" s="12"/>
    </row>
    <row r="281606" spans="8:8">
      <c r="H281606" s="12"/>
    </row>
    <row r="281607" spans="8:8">
      <c r="H281607" s="12"/>
    </row>
    <row r="281608" spans="8:8">
      <c r="H281608" s="12"/>
    </row>
    <row r="281609" spans="8:8">
      <c r="H281609" s="12"/>
    </row>
    <row r="281610" spans="8:8">
      <c r="H281610" s="12"/>
    </row>
    <row r="281611" spans="8:8">
      <c r="H281611" s="12"/>
    </row>
    <row r="281612" spans="8:8">
      <c r="H281612" s="12"/>
    </row>
    <row r="281613" spans="8:8">
      <c r="H281613" s="12"/>
    </row>
    <row r="281614" spans="8:8">
      <c r="H281614" s="12"/>
    </row>
    <row r="281615" spans="8:8">
      <c r="H281615" s="12"/>
    </row>
    <row r="281616" spans="8:8">
      <c r="H281616" s="12"/>
    </row>
    <row r="281617" spans="8:8">
      <c r="H281617" s="12"/>
    </row>
    <row r="281618" spans="8:8">
      <c r="H281618" s="12"/>
    </row>
    <row r="281619" spans="8:8">
      <c r="H281619" s="12"/>
    </row>
    <row r="281620" spans="8:8">
      <c r="H281620" s="12"/>
    </row>
    <row r="281621" spans="8:8">
      <c r="H281621" s="12"/>
    </row>
    <row r="281622" spans="8:8">
      <c r="H281622" s="12"/>
    </row>
    <row r="281623" spans="8:8">
      <c r="H281623" s="12"/>
    </row>
    <row r="281624" spans="8:8">
      <c r="H281624" s="12"/>
    </row>
    <row r="281625" spans="8:8">
      <c r="H281625" s="12"/>
    </row>
    <row r="281626" spans="8:8">
      <c r="H281626" s="12"/>
    </row>
    <row r="281627" spans="8:8">
      <c r="H281627" s="12"/>
    </row>
    <row r="281628" spans="8:8">
      <c r="H281628" s="12"/>
    </row>
    <row r="281629" spans="8:8">
      <c r="H281629" s="12"/>
    </row>
    <row r="281630" spans="8:8">
      <c r="H281630" s="12"/>
    </row>
    <row r="281631" spans="8:8">
      <c r="H281631" s="12"/>
    </row>
    <row r="281632" spans="8:8">
      <c r="H281632" s="12"/>
    </row>
    <row r="281633" spans="8:8">
      <c r="H281633" s="12"/>
    </row>
    <row r="281634" spans="8:8">
      <c r="H281634" s="12"/>
    </row>
    <row r="281635" spans="8:8">
      <c r="H281635" s="12"/>
    </row>
    <row r="281636" spans="8:8">
      <c r="H281636" s="12"/>
    </row>
    <row r="281637" spans="8:8">
      <c r="H281637" s="12"/>
    </row>
    <row r="281638" spans="8:8">
      <c r="H281638" s="12"/>
    </row>
    <row r="281639" spans="8:8">
      <c r="H281639" s="12"/>
    </row>
    <row r="281640" spans="8:8">
      <c r="H281640" s="12"/>
    </row>
    <row r="281641" spans="8:8">
      <c r="H281641" s="12"/>
    </row>
    <row r="281642" spans="8:8">
      <c r="H281642" s="12"/>
    </row>
    <row r="281643" spans="8:8">
      <c r="H281643" s="12"/>
    </row>
    <row r="281644" spans="8:8">
      <c r="H281644" s="12"/>
    </row>
    <row r="281645" spans="8:8">
      <c r="H281645" s="12"/>
    </row>
    <row r="281646" spans="8:8">
      <c r="H281646" s="12"/>
    </row>
    <row r="281647" spans="8:8">
      <c r="H281647" s="12"/>
    </row>
    <row r="281648" spans="8:8">
      <c r="H281648" s="12"/>
    </row>
    <row r="281649" spans="8:8">
      <c r="H281649" s="12"/>
    </row>
    <row r="281650" spans="8:8">
      <c r="H281650" s="12"/>
    </row>
    <row r="281651" spans="8:8">
      <c r="H281651" s="12"/>
    </row>
    <row r="281652" spans="8:8">
      <c r="H281652" s="12"/>
    </row>
    <row r="281653" spans="8:8">
      <c r="H281653" s="12"/>
    </row>
    <row r="281654" spans="8:8">
      <c r="H281654" s="12"/>
    </row>
    <row r="281655" spans="8:8">
      <c r="H281655" s="12"/>
    </row>
    <row r="281656" spans="8:8">
      <c r="H281656" s="12"/>
    </row>
    <row r="281657" spans="8:8">
      <c r="H281657" s="12"/>
    </row>
    <row r="281658" spans="8:8">
      <c r="H281658" s="12"/>
    </row>
    <row r="281659" spans="8:8">
      <c r="H281659" s="12"/>
    </row>
    <row r="281660" spans="8:8">
      <c r="H281660" s="12"/>
    </row>
    <row r="281661" spans="8:8">
      <c r="H281661" s="12"/>
    </row>
    <row r="281662" spans="8:8">
      <c r="H281662" s="12"/>
    </row>
    <row r="281663" spans="8:8">
      <c r="H281663" s="12"/>
    </row>
    <row r="281664" spans="8:8">
      <c r="H281664" s="12"/>
    </row>
    <row r="281665" spans="8:8">
      <c r="H281665" s="12"/>
    </row>
    <row r="281666" spans="8:8">
      <c r="H281666" s="12"/>
    </row>
    <row r="281667" spans="8:8">
      <c r="H281667" s="12"/>
    </row>
    <row r="281668" spans="8:8">
      <c r="H281668" s="12"/>
    </row>
    <row r="281669" spans="8:8">
      <c r="H281669" s="12"/>
    </row>
    <row r="281670" spans="8:8">
      <c r="H281670" s="12"/>
    </row>
    <row r="281671" spans="8:8">
      <c r="H281671" s="12"/>
    </row>
    <row r="281672" spans="8:8">
      <c r="H281672" s="12"/>
    </row>
    <row r="281673" spans="8:8">
      <c r="H281673" s="12"/>
    </row>
    <row r="281674" spans="8:8">
      <c r="H281674" s="12"/>
    </row>
    <row r="281675" spans="8:8">
      <c r="H281675" s="12"/>
    </row>
    <row r="281676" spans="8:8">
      <c r="H281676" s="12"/>
    </row>
    <row r="281677" spans="8:8">
      <c r="H281677" s="12"/>
    </row>
    <row r="281678" spans="8:8">
      <c r="H281678" s="12"/>
    </row>
    <row r="281679" spans="8:8">
      <c r="H281679" s="12"/>
    </row>
    <row r="281680" spans="8:8">
      <c r="H281680" s="12"/>
    </row>
    <row r="281681" spans="8:8">
      <c r="H281681" s="12"/>
    </row>
    <row r="281682" spans="8:8">
      <c r="H281682" s="12"/>
    </row>
    <row r="281683" spans="8:8">
      <c r="H281683" s="12"/>
    </row>
    <row r="281684" spans="8:8">
      <c r="H281684" s="12"/>
    </row>
    <row r="281685" spans="8:8">
      <c r="H281685" s="12"/>
    </row>
    <row r="281686" spans="8:8">
      <c r="H281686" s="12"/>
    </row>
    <row r="281687" spans="8:8">
      <c r="H281687" s="12"/>
    </row>
    <row r="281688" spans="8:8">
      <c r="H281688" s="12"/>
    </row>
    <row r="281689" spans="8:8">
      <c r="H281689" s="12"/>
    </row>
    <row r="281690" spans="8:8">
      <c r="H281690" s="12"/>
    </row>
    <row r="281691" spans="8:8">
      <c r="H281691" s="12"/>
    </row>
    <row r="281692" spans="8:8">
      <c r="H281692" s="12"/>
    </row>
    <row r="281693" spans="8:8">
      <c r="H281693" s="12"/>
    </row>
    <row r="281694" spans="8:8">
      <c r="H281694" s="12"/>
    </row>
    <row r="281695" spans="8:8">
      <c r="H281695" s="12"/>
    </row>
    <row r="281696" spans="8:8">
      <c r="H281696" s="12"/>
    </row>
    <row r="281697" spans="8:8">
      <c r="H281697" s="12"/>
    </row>
    <row r="281698" spans="8:8">
      <c r="H281698" s="12"/>
    </row>
    <row r="281699" spans="8:8">
      <c r="H281699" s="12"/>
    </row>
    <row r="281700" spans="8:8">
      <c r="H281700" s="12"/>
    </row>
    <row r="281701" spans="8:8">
      <c r="H281701" s="12"/>
    </row>
    <row r="281702" spans="8:8">
      <c r="H281702" s="12"/>
    </row>
    <row r="281703" spans="8:8">
      <c r="H281703" s="12"/>
    </row>
    <row r="281704" spans="8:8">
      <c r="H281704" s="12"/>
    </row>
    <row r="281705" spans="8:8">
      <c r="H281705" s="12"/>
    </row>
    <row r="281706" spans="8:8">
      <c r="H281706" s="12"/>
    </row>
    <row r="281707" spans="8:8">
      <c r="H281707" s="12"/>
    </row>
    <row r="281708" spans="8:8">
      <c r="H281708" s="12"/>
    </row>
    <row r="281709" spans="8:8">
      <c r="H281709" s="12"/>
    </row>
    <row r="281710" spans="8:8">
      <c r="H281710" s="12"/>
    </row>
    <row r="281711" spans="8:8">
      <c r="H281711" s="12"/>
    </row>
    <row r="281712" spans="8:8">
      <c r="H281712" s="12"/>
    </row>
    <row r="281713" spans="8:8">
      <c r="H281713" s="12"/>
    </row>
    <row r="281714" spans="8:8">
      <c r="H281714" s="12"/>
    </row>
    <row r="281715" spans="8:8">
      <c r="H281715" s="12"/>
    </row>
    <row r="281716" spans="8:8">
      <c r="H281716" s="12"/>
    </row>
    <row r="281717" spans="8:8">
      <c r="H281717" s="12"/>
    </row>
    <row r="281718" spans="8:8">
      <c r="H281718" s="12"/>
    </row>
    <row r="281719" spans="8:8">
      <c r="H281719" s="12"/>
    </row>
    <row r="281720" spans="8:8">
      <c r="H281720" s="12"/>
    </row>
    <row r="281721" spans="8:8">
      <c r="H281721" s="12"/>
    </row>
    <row r="281722" spans="8:8">
      <c r="H281722" s="12"/>
    </row>
    <row r="281723" spans="8:8">
      <c r="H281723" s="12"/>
    </row>
    <row r="281724" spans="8:8">
      <c r="H281724" s="12"/>
    </row>
    <row r="281725" spans="8:8">
      <c r="H281725" s="12"/>
    </row>
    <row r="281726" spans="8:8">
      <c r="H281726" s="12"/>
    </row>
    <row r="281727" spans="8:8">
      <c r="H281727" s="12"/>
    </row>
    <row r="281728" spans="8:8">
      <c r="H281728" s="12"/>
    </row>
    <row r="281729" spans="8:8">
      <c r="H281729" s="12"/>
    </row>
    <row r="281730" spans="8:8">
      <c r="H281730" s="12"/>
    </row>
    <row r="281731" spans="8:8">
      <c r="H281731" s="12"/>
    </row>
    <row r="281732" spans="8:8">
      <c r="H281732" s="12"/>
    </row>
    <row r="281733" spans="8:8">
      <c r="H281733" s="12"/>
    </row>
    <row r="281734" spans="8:8">
      <c r="H281734" s="12"/>
    </row>
    <row r="281735" spans="8:8">
      <c r="H281735" s="12"/>
    </row>
    <row r="281736" spans="8:8">
      <c r="H281736" s="12"/>
    </row>
    <row r="281737" spans="8:8">
      <c r="H281737" s="12"/>
    </row>
    <row r="281738" spans="8:8">
      <c r="H281738" s="12"/>
    </row>
    <row r="281739" spans="8:8">
      <c r="H281739" s="12"/>
    </row>
    <row r="281740" spans="8:8">
      <c r="H281740" s="12"/>
    </row>
    <row r="281741" spans="8:8">
      <c r="H281741" s="12"/>
    </row>
    <row r="281742" spans="8:8">
      <c r="H281742" s="12"/>
    </row>
    <row r="281743" spans="8:8">
      <c r="H281743" s="12"/>
    </row>
    <row r="281744" spans="8:8">
      <c r="H281744" s="12"/>
    </row>
    <row r="281745" spans="8:8">
      <c r="H281745" s="12"/>
    </row>
    <row r="281746" spans="8:8">
      <c r="H281746" s="12"/>
    </row>
    <row r="281747" spans="8:8">
      <c r="H281747" s="12"/>
    </row>
    <row r="281748" spans="8:8">
      <c r="H281748" s="12"/>
    </row>
    <row r="281749" spans="8:8">
      <c r="H281749" s="12"/>
    </row>
    <row r="281750" spans="8:8">
      <c r="H281750" s="12"/>
    </row>
    <row r="281751" spans="8:8">
      <c r="H281751" s="12"/>
    </row>
    <row r="281752" spans="8:8">
      <c r="H281752" s="12"/>
    </row>
    <row r="281753" spans="8:8">
      <c r="H281753" s="12"/>
    </row>
    <row r="281754" spans="8:8">
      <c r="H281754" s="12"/>
    </row>
    <row r="281755" spans="8:8">
      <c r="H281755" s="12"/>
    </row>
    <row r="281756" spans="8:8">
      <c r="H281756" s="12"/>
    </row>
    <row r="281757" spans="8:8">
      <c r="H281757" s="12"/>
    </row>
    <row r="281758" spans="8:8">
      <c r="H281758" s="12"/>
    </row>
    <row r="281759" spans="8:8">
      <c r="H281759" s="12"/>
    </row>
    <row r="281760" spans="8:8">
      <c r="H281760" s="12"/>
    </row>
    <row r="281761" spans="8:8">
      <c r="H281761" s="12"/>
    </row>
    <row r="281762" spans="8:8">
      <c r="H281762" s="12"/>
    </row>
    <row r="281763" spans="8:8">
      <c r="H281763" s="12"/>
    </row>
    <row r="281764" spans="8:8">
      <c r="H281764" s="12"/>
    </row>
    <row r="281765" spans="8:8">
      <c r="H281765" s="12"/>
    </row>
    <row r="281766" spans="8:8">
      <c r="H281766" s="12"/>
    </row>
    <row r="281767" spans="8:8">
      <c r="H281767" s="12"/>
    </row>
    <row r="281768" spans="8:8">
      <c r="H281768" s="12"/>
    </row>
    <row r="281769" spans="8:8">
      <c r="H281769" s="12"/>
    </row>
    <row r="281770" spans="8:8">
      <c r="H281770" s="12"/>
    </row>
    <row r="281771" spans="8:8">
      <c r="H281771" s="12"/>
    </row>
    <row r="281772" spans="8:8">
      <c r="H281772" s="12"/>
    </row>
    <row r="281773" spans="8:8">
      <c r="H281773" s="12"/>
    </row>
    <row r="281774" spans="8:8">
      <c r="H281774" s="12"/>
    </row>
    <row r="281775" spans="8:8">
      <c r="H281775" s="12"/>
    </row>
    <row r="281776" spans="8:8">
      <c r="H281776" s="12"/>
    </row>
    <row r="281777" spans="8:8">
      <c r="H281777" s="12"/>
    </row>
    <row r="281778" spans="8:8">
      <c r="H281778" s="12"/>
    </row>
    <row r="281779" spans="8:8">
      <c r="H281779" s="12"/>
    </row>
    <row r="281780" spans="8:8">
      <c r="H281780" s="12"/>
    </row>
    <row r="281781" spans="8:8">
      <c r="H281781" s="12"/>
    </row>
    <row r="281782" spans="8:8">
      <c r="H281782" s="12"/>
    </row>
    <row r="281783" spans="8:8">
      <c r="H281783" s="12"/>
    </row>
    <row r="281784" spans="8:8">
      <c r="H281784" s="12"/>
    </row>
    <row r="281785" spans="8:8">
      <c r="H281785" s="12"/>
    </row>
    <row r="281786" spans="8:8">
      <c r="H281786" s="12"/>
    </row>
    <row r="281787" spans="8:8">
      <c r="H281787" s="12"/>
    </row>
    <row r="281788" spans="8:8">
      <c r="H281788" s="12"/>
    </row>
    <row r="281789" spans="8:8">
      <c r="H281789" s="12"/>
    </row>
    <row r="281790" spans="8:8">
      <c r="H281790" s="12"/>
    </row>
    <row r="281791" spans="8:8">
      <c r="H281791" s="12"/>
    </row>
    <row r="281792" spans="8:8">
      <c r="H281792" s="12"/>
    </row>
    <row r="281793" spans="8:8">
      <c r="H281793" s="12"/>
    </row>
    <row r="281794" spans="8:8">
      <c r="H281794" s="12"/>
    </row>
    <row r="281795" spans="8:8">
      <c r="H281795" s="12"/>
    </row>
    <row r="281796" spans="8:8">
      <c r="H281796" s="12"/>
    </row>
    <row r="281797" spans="8:8">
      <c r="H281797" s="12"/>
    </row>
    <row r="281798" spans="8:8">
      <c r="H281798" s="12"/>
    </row>
    <row r="281799" spans="8:8">
      <c r="H281799" s="12"/>
    </row>
    <row r="281800" spans="8:8">
      <c r="H281800" s="12"/>
    </row>
    <row r="281801" spans="8:8">
      <c r="H281801" s="12"/>
    </row>
    <row r="281802" spans="8:8">
      <c r="H281802" s="12"/>
    </row>
    <row r="281803" spans="8:8">
      <c r="H281803" s="12"/>
    </row>
    <row r="281804" spans="8:8">
      <c r="H281804" s="12"/>
    </row>
    <row r="281805" spans="8:8">
      <c r="H281805" s="12"/>
    </row>
    <row r="281806" spans="8:8">
      <c r="H281806" s="12"/>
    </row>
    <row r="281807" spans="8:8">
      <c r="H281807" s="12"/>
    </row>
    <row r="281808" spans="8:8">
      <c r="H281808" s="12"/>
    </row>
    <row r="281809" spans="8:8">
      <c r="H281809" s="12"/>
    </row>
    <row r="281810" spans="8:8">
      <c r="H281810" s="12"/>
    </row>
    <row r="281811" spans="8:8">
      <c r="H281811" s="12"/>
    </row>
    <row r="281812" spans="8:8">
      <c r="H281812" s="12"/>
    </row>
    <row r="281813" spans="8:8">
      <c r="H281813" s="12"/>
    </row>
    <row r="281814" spans="8:8">
      <c r="H281814" s="12"/>
    </row>
    <row r="281815" spans="8:8">
      <c r="H281815" s="12"/>
    </row>
    <row r="281816" spans="8:8">
      <c r="H281816" s="12"/>
    </row>
    <row r="281817" spans="8:8">
      <c r="H281817" s="12"/>
    </row>
    <row r="281818" spans="8:8">
      <c r="H281818" s="12"/>
    </row>
    <row r="281819" spans="8:8">
      <c r="H281819" s="12"/>
    </row>
    <row r="281820" spans="8:8">
      <c r="H281820" s="12"/>
    </row>
    <row r="281821" spans="8:8">
      <c r="H281821" s="12"/>
    </row>
    <row r="281822" spans="8:8">
      <c r="H281822" s="12"/>
    </row>
    <row r="281823" spans="8:8">
      <c r="H281823" s="12"/>
    </row>
    <row r="281824" spans="8:8">
      <c r="H281824" s="12"/>
    </row>
    <row r="281825" spans="8:8">
      <c r="H281825" s="12"/>
    </row>
    <row r="281826" spans="8:8">
      <c r="H281826" s="12"/>
    </row>
    <row r="281827" spans="8:8">
      <c r="H281827" s="12"/>
    </row>
    <row r="281828" spans="8:8">
      <c r="H281828" s="12"/>
    </row>
    <row r="281829" spans="8:8">
      <c r="H281829" s="12"/>
    </row>
    <row r="281830" spans="8:8">
      <c r="H281830" s="12"/>
    </row>
    <row r="281831" spans="8:8">
      <c r="H281831" s="12"/>
    </row>
    <row r="281832" spans="8:8">
      <c r="H281832" s="12"/>
    </row>
    <row r="281833" spans="8:8">
      <c r="H281833" s="12"/>
    </row>
    <row r="281834" spans="8:8">
      <c r="H281834" s="12"/>
    </row>
    <row r="281835" spans="8:8">
      <c r="H281835" s="12"/>
    </row>
    <row r="281836" spans="8:8">
      <c r="H281836" s="12"/>
    </row>
    <row r="281837" spans="8:8">
      <c r="H281837" s="12"/>
    </row>
    <row r="281838" spans="8:8">
      <c r="H281838" s="12"/>
    </row>
    <row r="281839" spans="8:8">
      <c r="H281839" s="12"/>
    </row>
    <row r="281840" spans="8:8">
      <c r="H281840" s="12"/>
    </row>
    <row r="281841" spans="8:8">
      <c r="H281841" s="12"/>
    </row>
    <row r="281842" spans="8:8">
      <c r="H281842" s="12"/>
    </row>
    <row r="281843" spans="8:8">
      <c r="H281843" s="12"/>
    </row>
    <row r="281844" spans="8:8">
      <c r="H281844" s="12"/>
    </row>
    <row r="281845" spans="8:8">
      <c r="H281845" s="12"/>
    </row>
    <row r="281846" spans="8:8">
      <c r="H281846" s="12"/>
    </row>
    <row r="281847" spans="8:8">
      <c r="H281847" s="12"/>
    </row>
    <row r="281848" spans="8:8">
      <c r="H281848" s="12"/>
    </row>
    <row r="281849" spans="8:8">
      <c r="H281849" s="12"/>
    </row>
    <row r="281850" spans="8:8">
      <c r="H281850" s="12"/>
    </row>
    <row r="281851" spans="8:8">
      <c r="H281851" s="12"/>
    </row>
    <row r="281852" spans="8:8">
      <c r="H281852" s="12"/>
    </row>
    <row r="281853" spans="8:8">
      <c r="H281853" s="12"/>
    </row>
    <row r="281854" spans="8:8">
      <c r="H281854" s="12"/>
    </row>
    <row r="281855" spans="8:8">
      <c r="H281855" s="12"/>
    </row>
    <row r="281856" spans="8:8">
      <c r="H281856" s="12"/>
    </row>
    <row r="281857" spans="8:8">
      <c r="H281857" s="12"/>
    </row>
    <row r="281858" spans="8:8">
      <c r="H281858" s="12"/>
    </row>
    <row r="281859" spans="8:8">
      <c r="H281859" s="12"/>
    </row>
    <row r="281860" spans="8:8">
      <c r="H281860" s="12"/>
    </row>
    <row r="281861" spans="8:8">
      <c r="H281861" s="12"/>
    </row>
    <row r="281862" spans="8:8">
      <c r="H281862" s="12"/>
    </row>
    <row r="281863" spans="8:8">
      <c r="H281863" s="12"/>
    </row>
    <row r="281864" spans="8:8">
      <c r="H281864" s="12"/>
    </row>
    <row r="281865" spans="8:8">
      <c r="H281865" s="12"/>
    </row>
    <row r="281866" spans="8:8">
      <c r="H281866" s="12"/>
    </row>
    <row r="281867" spans="8:8">
      <c r="H281867" s="12"/>
    </row>
    <row r="281868" spans="8:8">
      <c r="H281868" s="12"/>
    </row>
    <row r="281869" spans="8:8">
      <c r="H281869" s="12"/>
    </row>
    <row r="281870" spans="8:8">
      <c r="H281870" s="12"/>
    </row>
    <row r="281871" spans="8:8">
      <c r="H281871" s="12"/>
    </row>
    <row r="281872" spans="8:8">
      <c r="H281872" s="12"/>
    </row>
    <row r="281873" spans="8:8">
      <c r="H281873" s="12"/>
    </row>
    <row r="281874" spans="8:8">
      <c r="H281874" s="12"/>
    </row>
    <row r="281875" spans="8:8">
      <c r="H281875" s="12"/>
    </row>
    <row r="281876" spans="8:8">
      <c r="H281876" s="12"/>
    </row>
    <row r="281877" spans="8:8">
      <c r="H281877" s="12"/>
    </row>
    <row r="281878" spans="8:8">
      <c r="H281878" s="12"/>
    </row>
    <row r="281879" spans="8:8">
      <c r="H281879" s="12"/>
    </row>
    <row r="281880" spans="8:8">
      <c r="H281880" s="12"/>
    </row>
    <row r="281881" spans="8:8">
      <c r="H281881" s="12"/>
    </row>
    <row r="281882" spans="8:8">
      <c r="H281882" s="12"/>
    </row>
    <row r="281883" spans="8:8">
      <c r="H281883" s="12"/>
    </row>
    <row r="281884" spans="8:8">
      <c r="H281884" s="12"/>
    </row>
    <row r="281885" spans="8:8">
      <c r="H281885" s="12"/>
    </row>
    <row r="281886" spans="8:8">
      <c r="H281886" s="12"/>
    </row>
    <row r="281887" spans="8:8">
      <c r="H281887" s="12"/>
    </row>
    <row r="281888" spans="8:8">
      <c r="H281888" s="12"/>
    </row>
    <row r="281889" spans="8:8">
      <c r="H281889" s="12"/>
    </row>
    <row r="281890" spans="8:8">
      <c r="H281890" s="12"/>
    </row>
    <row r="281891" spans="8:8">
      <c r="H281891" s="12"/>
    </row>
    <row r="281892" spans="8:8">
      <c r="H281892" s="12"/>
    </row>
    <row r="281893" spans="8:8">
      <c r="H281893" s="12"/>
    </row>
    <row r="281894" spans="8:8">
      <c r="H281894" s="12"/>
    </row>
    <row r="281895" spans="8:8">
      <c r="H281895" s="12"/>
    </row>
    <row r="281896" spans="8:8">
      <c r="H281896" s="12"/>
    </row>
    <row r="281897" spans="8:8">
      <c r="H281897" s="12"/>
    </row>
    <row r="281898" spans="8:8">
      <c r="H281898" s="12"/>
    </row>
    <row r="281899" spans="8:8">
      <c r="H281899" s="12"/>
    </row>
    <row r="281900" spans="8:8">
      <c r="H281900" s="12"/>
    </row>
    <row r="281901" spans="8:8">
      <c r="H281901" s="12"/>
    </row>
    <row r="281902" spans="8:8">
      <c r="H281902" s="12"/>
    </row>
    <row r="281903" spans="8:8">
      <c r="H281903" s="12"/>
    </row>
    <row r="281904" spans="8:8">
      <c r="H281904" s="12"/>
    </row>
    <row r="281905" spans="8:8">
      <c r="H281905" s="12"/>
    </row>
    <row r="281906" spans="8:8">
      <c r="H281906" s="12"/>
    </row>
    <row r="281907" spans="8:8">
      <c r="H281907" s="12"/>
    </row>
    <row r="281908" spans="8:8">
      <c r="H281908" s="12"/>
    </row>
    <row r="281909" spans="8:8">
      <c r="H281909" s="12"/>
    </row>
    <row r="281910" spans="8:8">
      <c r="H281910" s="12"/>
    </row>
    <row r="281911" spans="8:8">
      <c r="H281911" s="12"/>
    </row>
    <row r="281912" spans="8:8">
      <c r="H281912" s="12"/>
    </row>
    <row r="281913" spans="8:8">
      <c r="H281913" s="12"/>
    </row>
    <row r="281914" spans="8:8">
      <c r="H281914" s="12"/>
    </row>
    <row r="281915" spans="8:8">
      <c r="H281915" s="12"/>
    </row>
    <row r="281916" spans="8:8">
      <c r="H281916" s="12"/>
    </row>
    <row r="281917" spans="8:8">
      <c r="H281917" s="12"/>
    </row>
    <row r="281918" spans="8:8">
      <c r="H281918" s="12"/>
    </row>
    <row r="281919" spans="8:8">
      <c r="H281919" s="12"/>
    </row>
    <row r="281920" spans="8:8">
      <c r="H281920" s="12"/>
    </row>
    <row r="281921" spans="8:8">
      <c r="H281921" s="12"/>
    </row>
    <row r="281922" spans="8:8">
      <c r="H281922" s="12"/>
    </row>
    <row r="281923" spans="8:8">
      <c r="H281923" s="12"/>
    </row>
    <row r="281924" spans="8:8">
      <c r="H281924" s="12"/>
    </row>
    <row r="281925" spans="8:8">
      <c r="H281925" s="12"/>
    </row>
    <row r="281926" spans="8:8">
      <c r="H281926" s="12"/>
    </row>
    <row r="281927" spans="8:8">
      <c r="H281927" s="12"/>
    </row>
    <row r="281928" spans="8:8">
      <c r="H281928" s="12"/>
    </row>
    <row r="281929" spans="8:8">
      <c r="H281929" s="12"/>
    </row>
    <row r="281930" spans="8:8">
      <c r="H281930" s="12"/>
    </row>
    <row r="281931" spans="8:8">
      <c r="H281931" s="12"/>
    </row>
    <row r="281932" spans="8:8">
      <c r="H281932" s="12"/>
    </row>
    <row r="281933" spans="8:8">
      <c r="H281933" s="12"/>
    </row>
    <row r="281934" spans="8:8">
      <c r="H281934" s="12"/>
    </row>
    <row r="281935" spans="8:8">
      <c r="H281935" s="12"/>
    </row>
    <row r="281936" spans="8:8">
      <c r="H281936" s="12"/>
    </row>
    <row r="281937" spans="8:8">
      <c r="H281937" s="12"/>
    </row>
    <row r="281938" spans="8:8">
      <c r="H281938" s="12"/>
    </row>
    <row r="281939" spans="8:8">
      <c r="H281939" s="12"/>
    </row>
    <row r="281940" spans="8:8">
      <c r="H281940" s="12"/>
    </row>
    <row r="281941" spans="8:8">
      <c r="H281941" s="12"/>
    </row>
    <row r="281942" spans="8:8">
      <c r="H281942" s="12"/>
    </row>
    <row r="281943" spans="8:8">
      <c r="H281943" s="12"/>
    </row>
    <row r="281944" spans="8:8">
      <c r="H281944" s="12"/>
    </row>
    <row r="281945" spans="8:8">
      <c r="H281945" s="12"/>
    </row>
    <row r="281946" spans="8:8">
      <c r="H281946" s="12"/>
    </row>
    <row r="281947" spans="8:8">
      <c r="H281947" s="12"/>
    </row>
    <row r="281948" spans="8:8">
      <c r="H281948" s="12"/>
    </row>
    <row r="281949" spans="8:8">
      <c r="H281949" s="12"/>
    </row>
    <row r="281950" spans="8:8">
      <c r="H281950" s="12"/>
    </row>
    <row r="281951" spans="8:8">
      <c r="H281951" s="12"/>
    </row>
    <row r="281952" spans="8:8">
      <c r="H281952" s="12"/>
    </row>
    <row r="281953" spans="8:8">
      <c r="H281953" s="12"/>
    </row>
    <row r="281954" spans="8:8">
      <c r="H281954" s="12"/>
    </row>
    <row r="281955" spans="8:8">
      <c r="H281955" s="12"/>
    </row>
    <row r="281956" spans="8:8">
      <c r="H281956" s="12"/>
    </row>
    <row r="281957" spans="8:8">
      <c r="H281957" s="12"/>
    </row>
    <row r="281958" spans="8:8">
      <c r="H281958" s="12"/>
    </row>
    <row r="281959" spans="8:8">
      <c r="H281959" s="12"/>
    </row>
    <row r="281960" spans="8:8">
      <c r="H281960" s="12"/>
    </row>
    <row r="281961" spans="8:8">
      <c r="H281961" s="12"/>
    </row>
    <row r="281962" spans="8:8">
      <c r="H281962" s="12"/>
    </row>
    <row r="281963" spans="8:8">
      <c r="H281963" s="12"/>
    </row>
    <row r="281964" spans="8:8">
      <c r="H281964" s="12"/>
    </row>
    <row r="281965" spans="8:8">
      <c r="H281965" s="12"/>
    </row>
    <row r="281966" spans="8:8">
      <c r="H281966" s="12"/>
    </row>
    <row r="281967" spans="8:8">
      <c r="H281967" s="12"/>
    </row>
    <row r="281968" spans="8:8">
      <c r="H281968" s="12"/>
    </row>
    <row r="281969" spans="8:8">
      <c r="H281969" s="12"/>
    </row>
    <row r="281970" spans="8:8">
      <c r="H281970" s="12"/>
    </row>
    <row r="281971" spans="8:8">
      <c r="H281971" s="12"/>
    </row>
    <row r="281972" spans="8:8">
      <c r="H281972" s="12"/>
    </row>
    <row r="281973" spans="8:8">
      <c r="H281973" s="12"/>
    </row>
    <row r="281974" spans="8:8">
      <c r="H281974" s="12"/>
    </row>
    <row r="281975" spans="8:8">
      <c r="H281975" s="12"/>
    </row>
    <row r="281976" spans="8:8">
      <c r="H281976" s="12"/>
    </row>
    <row r="281977" spans="8:8">
      <c r="H281977" s="12"/>
    </row>
    <row r="281978" spans="8:8">
      <c r="H281978" s="12"/>
    </row>
    <row r="281979" spans="8:8">
      <c r="H281979" s="12"/>
    </row>
    <row r="281980" spans="8:8">
      <c r="H281980" s="12"/>
    </row>
    <row r="281981" spans="8:8">
      <c r="H281981" s="12"/>
    </row>
    <row r="281982" spans="8:8">
      <c r="H281982" s="12"/>
    </row>
    <row r="281983" spans="8:8">
      <c r="H281983" s="12"/>
    </row>
    <row r="281984" spans="8:8">
      <c r="H281984" s="12"/>
    </row>
    <row r="281985" spans="8:8">
      <c r="H281985" s="12"/>
    </row>
    <row r="281986" spans="8:8">
      <c r="H281986" s="12"/>
    </row>
    <row r="281987" spans="8:8">
      <c r="H281987" s="12"/>
    </row>
    <row r="281988" spans="8:8">
      <c r="H281988" s="12"/>
    </row>
    <row r="281989" spans="8:8">
      <c r="H281989" s="12"/>
    </row>
    <row r="281990" spans="8:8">
      <c r="H281990" s="12"/>
    </row>
    <row r="281991" spans="8:8">
      <c r="H281991" s="12"/>
    </row>
    <row r="281992" spans="8:8">
      <c r="H281992" s="12"/>
    </row>
    <row r="281993" spans="8:8">
      <c r="H281993" s="12"/>
    </row>
    <row r="281994" spans="8:8">
      <c r="H281994" s="12"/>
    </row>
    <row r="281995" spans="8:8">
      <c r="H281995" s="12"/>
    </row>
    <row r="281996" spans="8:8">
      <c r="H281996" s="12"/>
    </row>
    <row r="281997" spans="8:8">
      <c r="H281997" s="12"/>
    </row>
    <row r="281998" spans="8:8">
      <c r="H281998" s="12"/>
    </row>
    <row r="281999" spans="8:8">
      <c r="H281999" s="12"/>
    </row>
    <row r="282000" spans="8:8">
      <c r="H282000" s="12"/>
    </row>
    <row r="282001" spans="8:8">
      <c r="H282001" s="12"/>
    </row>
    <row r="282002" spans="8:8">
      <c r="H282002" s="12"/>
    </row>
    <row r="282003" spans="8:8">
      <c r="H282003" s="12"/>
    </row>
    <row r="282004" spans="8:8">
      <c r="H282004" s="12"/>
    </row>
    <row r="282005" spans="8:8">
      <c r="H282005" s="12"/>
    </row>
    <row r="282006" spans="8:8">
      <c r="H282006" s="12"/>
    </row>
    <row r="282007" spans="8:8">
      <c r="H282007" s="12"/>
    </row>
    <row r="282008" spans="8:8">
      <c r="H282008" s="12"/>
    </row>
    <row r="282009" spans="8:8">
      <c r="H282009" s="12"/>
    </row>
    <row r="282010" spans="8:8">
      <c r="H282010" s="12"/>
    </row>
    <row r="282011" spans="8:8">
      <c r="H282011" s="12"/>
    </row>
    <row r="282012" spans="8:8">
      <c r="H282012" s="12"/>
    </row>
    <row r="282013" spans="8:8">
      <c r="H282013" s="12"/>
    </row>
    <row r="282014" spans="8:8">
      <c r="H282014" s="12"/>
    </row>
    <row r="282015" spans="8:8">
      <c r="H282015" s="12"/>
    </row>
    <row r="282016" spans="8:8">
      <c r="H282016" s="12"/>
    </row>
    <row r="282017" spans="8:8">
      <c r="H282017" s="12"/>
    </row>
    <row r="282018" spans="8:8">
      <c r="H282018" s="12"/>
    </row>
    <row r="282019" spans="8:8">
      <c r="H282019" s="12"/>
    </row>
    <row r="282020" spans="8:8">
      <c r="H282020" s="12"/>
    </row>
    <row r="282021" spans="8:8">
      <c r="H282021" s="12"/>
    </row>
    <row r="282022" spans="8:8">
      <c r="H282022" s="12"/>
    </row>
    <row r="282023" spans="8:8">
      <c r="H282023" s="12"/>
    </row>
    <row r="282024" spans="8:8">
      <c r="H282024" s="12"/>
    </row>
    <row r="282025" spans="8:8">
      <c r="H282025" s="12"/>
    </row>
    <row r="282026" spans="8:8">
      <c r="H282026" s="12"/>
    </row>
    <row r="282027" spans="8:8">
      <c r="H282027" s="12"/>
    </row>
    <row r="282028" spans="8:8">
      <c r="H282028" s="12"/>
    </row>
    <row r="282029" spans="8:8">
      <c r="H282029" s="12"/>
    </row>
    <row r="282030" spans="8:8">
      <c r="H282030" s="12"/>
    </row>
    <row r="282031" spans="8:8">
      <c r="H282031" s="12"/>
    </row>
    <row r="282032" spans="8:8">
      <c r="H282032" s="12"/>
    </row>
    <row r="282033" spans="8:8">
      <c r="H282033" s="12"/>
    </row>
    <row r="282034" spans="8:8">
      <c r="H282034" s="12"/>
    </row>
    <row r="282035" spans="8:8">
      <c r="H282035" s="12"/>
    </row>
    <row r="282036" spans="8:8">
      <c r="H282036" s="12"/>
    </row>
    <row r="282037" spans="8:8">
      <c r="H282037" s="12"/>
    </row>
    <row r="282038" spans="8:8">
      <c r="H282038" s="12"/>
    </row>
    <row r="282039" spans="8:8">
      <c r="H282039" s="12"/>
    </row>
    <row r="282040" spans="8:8">
      <c r="H282040" s="12"/>
    </row>
    <row r="282041" spans="8:8">
      <c r="H282041" s="12"/>
    </row>
    <row r="282042" spans="8:8">
      <c r="H282042" s="12"/>
    </row>
    <row r="282043" spans="8:8">
      <c r="H282043" s="12"/>
    </row>
    <row r="282044" spans="8:8">
      <c r="H282044" s="12"/>
    </row>
    <row r="282045" spans="8:8">
      <c r="H282045" s="12"/>
    </row>
    <row r="282046" spans="8:8">
      <c r="H282046" s="12"/>
    </row>
    <row r="282047" spans="8:8">
      <c r="H282047" s="12"/>
    </row>
    <row r="282048" spans="8:8">
      <c r="H282048" s="12"/>
    </row>
    <row r="282049" spans="8:8">
      <c r="H282049" s="12"/>
    </row>
    <row r="282050" spans="8:8">
      <c r="H282050" s="12"/>
    </row>
    <row r="282051" spans="8:8">
      <c r="H282051" s="12"/>
    </row>
    <row r="282052" spans="8:8">
      <c r="H282052" s="12"/>
    </row>
    <row r="282053" spans="8:8">
      <c r="H282053" s="12"/>
    </row>
    <row r="282054" spans="8:8">
      <c r="H282054" s="12"/>
    </row>
    <row r="282055" spans="8:8">
      <c r="H282055" s="12"/>
    </row>
    <row r="282056" spans="8:8">
      <c r="H282056" s="12"/>
    </row>
    <row r="282057" spans="8:8">
      <c r="H282057" s="12"/>
    </row>
    <row r="282058" spans="8:8">
      <c r="H282058" s="12"/>
    </row>
    <row r="282059" spans="8:8">
      <c r="H282059" s="12"/>
    </row>
    <row r="282060" spans="8:8">
      <c r="H282060" s="12"/>
    </row>
    <row r="282061" spans="8:8">
      <c r="H282061" s="12"/>
    </row>
    <row r="282062" spans="8:8">
      <c r="H282062" s="12"/>
    </row>
    <row r="282063" spans="8:8">
      <c r="H282063" s="12"/>
    </row>
    <row r="282064" spans="8:8">
      <c r="H282064" s="12"/>
    </row>
    <row r="282065" spans="8:8">
      <c r="H282065" s="12"/>
    </row>
    <row r="282066" spans="8:8">
      <c r="H282066" s="12"/>
    </row>
    <row r="282067" spans="8:8">
      <c r="H282067" s="12"/>
    </row>
    <row r="282068" spans="8:8">
      <c r="H282068" s="12"/>
    </row>
    <row r="282069" spans="8:8">
      <c r="H282069" s="12"/>
    </row>
    <row r="282070" spans="8:8">
      <c r="H282070" s="12"/>
    </row>
    <row r="282071" spans="8:8">
      <c r="H282071" s="12"/>
    </row>
    <row r="282072" spans="8:8">
      <c r="H282072" s="12"/>
    </row>
    <row r="282073" spans="8:8">
      <c r="H282073" s="12"/>
    </row>
    <row r="282074" spans="8:8">
      <c r="H282074" s="12"/>
    </row>
    <row r="282075" spans="8:8">
      <c r="H282075" s="12"/>
    </row>
    <row r="282076" spans="8:8">
      <c r="H282076" s="12"/>
    </row>
    <row r="282077" spans="8:8">
      <c r="H282077" s="12"/>
    </row>
    <row r="282078" spans="8:8">
      <c r="H282078" s="12"/>
    </row>
    <row r="282079" spans="8:8">
      <c r="H282079" s="12"/>
    </row>
    <row r="282080" spans="8:8">
      <c r="H282080" s="12"/>
    </row>
    <row r="282081" spans="8:8">
      <c r="H282081" s="12"/>
    </row>
    <row r="282082" spans="8:8">
      <c r="H282082" s="12"/>
    </row>
    <row r="282083" spans="8:8">
      <c r="H282083" s="12"/>
    </row>
    <row r="282084" spans="8:8">
      <c r="H282084" s="12"/>
    </row>
    <row r="282085" spans="8:8">
      <c r="H282085" s="12"/>
    </row>
    <row r="282086" spans="8:8">
      <c r="H282086" s="12"/>
    </row>
    <row r="282087" spans="8:8">
      <c r="H282087" s="12"/>
    </row>
    <row r="282088" spans="8:8">
      <c r="H282088" s="12"/>
    </row>
    <row r="282089" spans="8:8">
      <c r="H282089" s="12"/>
    </row>
    <row r="282090" spans="8:8">
      <c r="H282090" s="12"/>
    </row>
    <row r="282091" spans="8:8">
      <c r="H282091" s="12"/>
    </row>
    <row r="282092" spans="8:8">
      <c r="H282092" s="12"/>
    </row>
    <row r="282093" spans="8:8">
      <c r="H282093" s="12"/>
    </row>
    <row r="282094" spans="8:8">
      <c r="H282094" s="12"/>
    </row>
    <row r="282095" spans="8:8">
      <c r="H282095" s="12"/>
    </row>
    <row r="282096" spans="8:8">
      <c r="H282096" s="12"/>
    </row>
    <row r="282097" spans="8:8">
      <c r="H282097" s="12"/>
    </row>
    <row r="282098" spans="8:8">
      <c r="H282098" s="12"/>
    </row>
    <row r="282099" spans="8:8">
      <c r="H282099" s="12"/>
    </row>
    <row r="282100" spans="8:8">
      <c r="H282100" s="12"/>
    </row>
    <row r="282101" spans="8:8">
      <c r="H282101" s="12"/>
    </row>
    <row r="282102" spans="8:8">
      <c r="H282102" s="12"/>
    </row>
    <row r="282103" spans="8:8">
      <c r="H282103" s="12"/>
    </row>
    <row r="282104" spans="8:8">
      <c r="H282104" s="12"/>
    </row>
    <row r="282105" spans="8:8">
      <c r="H282105" s="12"/>
    </row>
    <row r="282106" spans="8:8">
      <c r="H282106" s="12"/>
    </row>
    <row r="282107" spans="8:8">
      <c r="H282107" s="12"/>
    </row>
    <row r="282108" spans="8:8">
      <c r="H282108" s="12"/>
    </row>
    <row r="282109" spans="8:8">
      <c r="H282109" s="12"/>
    </row>
    <row r="282110" spans="8:8">
      <c r="H282110" s="12"/>
    </row>
    <row r="282111" spans="8:8">
      <c r="H282111" s="12"/>
    </row>
    <row r="282112" spans="8:8">
      <c r="H282112" s="12"/>
    </row>
    <row r="282113" spans="8:8">
      <c r="H282113" s="12"/>
    </row>
    <row r="282114" spans="8:8">
      <c r="H282114" s="12"/>
    </row>
    <row r="282115" spans="8:8">
      <c r="H282115" s="12"/>
    </row>
    <row r="282116" spans="8:8">
      <c r="H282116" s="12"/>
    </row>
    <row r="282117" spans="8:8">
      <c r="H282117" s="12"/>
    </row>
    <row r="282118" spans="8:8">
      <c r="H282118" s="12"/>
    </row>
    <row r="282119" spans="8:8">
      <c r="H282119" s="12"/>
    </row>
    <row r="282120" spans="8:8">
      <c r="H282120" s="12"/>
    </row>
    <row r="282121" spans="8:8">
      <c r="H282121" s="12"/>
    </row>
    <row r="282122" spans="8:8">
      <c r="H282122" s="12"/>
    </row>
    <row r="282123" spans="8:8">
      <c r="H282123" s="12"/>
    </row>
    <row r="282124" spans="8:8">
      <c r="H282124" s="12"/>
    </row>
    <row r="282125" spans="8:8">
      <c r="H282125" s="12"/>
    </row>
    <row r="282126" spans="8:8">
      <c r="H282126" s="12"/>
    </row>
    <row r="282127" spans="8:8">
      <c r="H282127" s="12"/>
    </row>
    <row r="282128" spans="8:8">
      <c r="H282128" s="12"/>
    </row>
    <row r="282129" spans="8:8">
      <c r="H282129" s="12"/>
    </row>
    <row r="282130" spans="8:8">
      <c r="H282130" s="12"/>
    </row>
    <row r="282131" spans="8:8">
      <c r="H282131" s="12"/>
    </row>
    <row r="282132" spans="8:8">
      <c r="H282132" s="12"/>
    </row>
    <row r="282133" spans="8:8">
      <c r="H282133" s="12"/>
    </row>
    <row r="282134" spans="8:8">
      <c r="H282134" s="12"/>
    </row>
    <row r="282135" spans="8:8">
      <c r="H282135" s="12"/>
    </row>
    <row r="282136" spans="8:8">
      <c r="H282136" s="12"/>
    </row>
    <row r="282137" spans="8:8">
      <c r="H282137" s="12"/>
    </row>
    <row r="282138" spans="8:8">
      <c r="H282138" s="12"/>
    </row>
    <row r="282139" spans="8:8">
      <c r="H282139" s="12"/>
    </row>
    <row r="282140" spans="8:8">
      <c r="H282140" s="12"/>
    </row>
    <row r="282141" spans="8:8">
      <c r="H282141" s="12"/>
    </row>
    <row r="282142" spans="8:8">
      <c r="H282142" s="12"/>
    </row>
    <row r="282143" spans="8:8">
      <c r="H282143" s="12"/>
    </row>
    <row r="282144" spans="8:8">
      <c r="H282144" s="12"/>
    </row>
    <row r="282145" spans="8:8">
      <c r="H282145" s="12"/>
    </row>
    <row r="282146" spans="8:8">
      <c r="H282146" s="12"/>
    </row>
    <row r="282147" spans="8:8">
      <c r="H282147" s="12"/>
    </row>
    <row r="282148" spans="8:8">
      <c r="H282148" s="12"/>
    </row>
    <row r="282149" spans="8:8">
      <c r="H282149" s="12"/>
    </row>
    <row r="282150" spans="8:8">
      <c r="H282150" s="12"/>
    </row>
    <row r="282151" spans="8:8">
      <c r="H282151" s="12"/>
    </row>
    <row r="282152" spans="8:8">
      <c r="H282152" s="12"/>
    </row>
    <row r="282153" spans="8:8">
      <c r="H282153" s="12"/>
    </row>
    <row r="282154" spans="8:8">
      <c r="H282154" s="12"/>
    </row>
    <row r="282155" spans="8:8">
      <c r="H282155" s="12"/>
    </row>
    <row r="282156" spans="8:8">
      <c r="H282156" s="12"/>
    </row>
    <row r="282157" spans="8:8">
      <c r="H282157" s="12"/>
    </row>
    <row r="282158" spans="8:8">
      <c r="H282158" s="12"/>
    </row>
    <row r="282159" spans="8:8">
      <c r="H282159" s="12"/>
    </row>
    <row r="282160" spans="8:8">
      <c r="H282160" s="12"/>
    </row>
    <row r="282161" spans="8:8">
      <c r="H282161" s="12"/>
    </row>
    <row r="282162" spans="8:8">
      <c r="H282162" s="12"/>
    </row>
    <row r="282163" spans="8:8">
      <c r="H282163" s="12"/>
    </row>
    <row r="282164" spans="8:8">
      <c r="H282164" s="12"/>
    </row>
    <row r="282165" spans="8:8">
      <c r="H282165" s="12"/>
    </row>
    <row r="282166" spans="8:8">
      <c r="H282166" s="12"/>
    </row>
    <row r="282167" spans="8:8">
      <c r="H282167" s="12"/>
    </row>
    <row r="282168" spans="8:8">
      <c r="H282168" s="12"/>
    </row>
    <row r="282169" spans="8:8">
      <c r="H282169" s="12"/>
    </row>
    <row r="282170" spans="8:8">
      <c r="H282170" s="12"/>
    </row>
    <row r="282171" spans="8:8">
      <c r="H282171" s="12"/>
    </row>
    <row r="282172" spans="8:8">
      <c r="H282172" s="12"/>
    </row>
    <row r="282173" spans="8:8">
      <c r="H282173" s="12"/>
    </row>
    <row r="282174" spans="8:8">
      <c r="H282174" s="12"/>
    </row>
    <row r="282175" spans="8:8">
      <c r="H282175" s="12"/>
    </row>
    <row r="282176" spans="8:8">
      <c r="H282176" s="12"/>
    </row>
    <row r="282177" spans="8:8">
      <c r="H282177" s="12"/>
    </row>
    <row r="282178" spans="8:8">
      <c r="H282178" s="12"/>
    </row>
    <row r="282179" spans="8:8">
      <c r="H282179" s="12"/>
    </row>
    <row r="282180" spans="8:8">
      <c r="H282180" s="12"/>
    </row>
    <row r="282181" spans="8:8">
      <c r="H282181" s="12"/>
    </row>
    <row r="282182" spans="8:8">
      <c r="H282182" s="12"/>
    </row>
    <row r="282183" spans="8:8">
      <c r="H282183" s="12"/>
    </row>
    <row r="282184" spans="8:8">
      <c r="H282184" s="12"/>
    </row>
    <row r="282185" spans="8:8">
      <c r="H282185" s="12"/>
    </row>
    <row r="282186" spans="8:8">
      <c r="H282186" s="12"/>
    </row>
    <row r="282187" spans="8:8">
      <c r="H282187" s="12"/>
    </row>
    <row r="282188" spans="8:8">
      <c r="H282188" s="12"/>
    </row>
    <row r="282189" spans="8:8">
      <c r="H282189" s="12"/>
    </row>
    <row r="282190" spans="8:8">
      <c r="H282190" s="12"/>
    </row>
    <row r="282191" spans="8:8">
      <c r="H282191" s="12"/>
    </row>
    <row r="282192" spans="8:8">
      <c r="H282192" s="12"/>
    </row>
    <row r="282193" spans="8:8">
      <c r="H282193" s="12"/>
    </row>
    <row r="282194" spans="8:8">
      <c r="H282194" s="12"/>
    </row>
    <row r="282195" spans="8:8">
      <c r="H282195" s="12"/>
    </row>
    <row r="282196" spans="8:8">
      <c r="H282196" s="12"/>
    </row>
    <row r="282197" spans="8:8">
      <c r="H282197" s="12"/>
    </row>
    <row r="282198" spans="8:8">
      <c r="H282198" s="12"/>
    </row>
    <row r="282199" spans="8:8">
      <c r="H282199" s="12"/>
    </row>
    <row r="282200" spans="8:8">
      <c r="H282200" s="12"/>
    </row>
    <row r="282201" spans="8:8">
      <c r="H282201" s="12"/>
    </row>
    <row r="282202" spans="8:8">
      <c r="H282202" s="12"/>
    </row>
    <row r="282203" spans="8:8">
      <c r="H282203" s="12"/>
    </row>
    <row r="282204" spans="8:8">
      <c r="H282204" s="12"/>
    </row>
    <row r="282205" spans="8:8">
      <c r="H282205" s="12"/>
    </row>
    <row r="282206" spans="8:8">
      <c r="H282206" s="12"/>
    </row>
    <row r="282207" spans="8:8">
      <c r="H282207" s="12"/>
    </row>
    <row r="282208" spans="8:8">
      <c r="H282208" s="12"/>
    </row>
    <row r="282209" spans="8:8">
      <c r="H282209" s="12"/>
    </row>
    <row r="282210" spans="8:8">
      <c r="H282210" s="12"/>
    </row>
    <row r="282211" spans="8:8">
      <c r="H282211" s="12"/>
    </row>
    <row r="282212" spans="8:8">
      <c r="H282212" s="12"/>
    </row>
    <row r="282213" spans="8:8">
      <c r="H282213" s="12"/>
    </row>
    <row r="282214" spans="8:8">
      <c r="H282214" s="12"/>
    </row>
    <row r="282215" spans="8:8">
      <c r="H282215" s="12"/>
    </row>
    <row r="282216" spans="8:8">
      <c r="H282216" s="12"/>
    </row>
    <row r="282217" spans="8:8">
      <c r="H282217" s="12"/>
    </row>
    <row r="282218" spans="8:8">
      <c r="H282218" s="12"/>
    </row>
    <row r="282219" spans="8:8">
      <c r="H282219" s="12"/>
    </row>
    <row r="282220" spans="8:8">
      <c r="H282220" s="12"/>
    </row>
    <row r="282221" spans="8:8">
      <c r="H282221" s="12"/>
    </row>
    <row r="282222" spans="8:8">
      <c r="H282222" s="12"/>
    </row>
    <row r="282223" spans="8:8">
      <c r="H282223" s="12"/>
    </row>
    <row r="282224" spans="8:8">
      <c r="H282224" s="12"/>
    </row>
    <row r="282225" spans="8:8">
      <c r="H282225" s="12"/>
    </row>
    <row r="282226" spans="8:8">
      <c r="H282226" s="12"/>
    </row>
    <row r="282227" spans="8:8">
      <c r="H282227" s="12"/>
    </row>
    <row r="282228" spans="8:8">
      <c r="H282228" s="12"/>
    </row>
    <row r="282229" spans="8:8">
      <c r="H282229" s="12"/>
    </row>
    <row r="282230" spans="8:8">
      <c r="H282230" s="12"/>
    </row>
    <row r="282231" spans="8:8">
      <c r="H282231" s="12"/>
    </row>
    <row r="282232" spans="8:8">
      <c r="H282232" s="12"/>
    </row>
    <row r="282233" spans="8:8">
      <c r="H282233" s="12"/>
    </row>
    <row r="282234" spans="8:8">
      <c r="H282234" s="12"/>
    </row>
    <row r="282235" spans="8:8">
      <c r="H282235" s="12"/>
    </row>
    <row r="282236" spans="8:8">
      <c r="H282236" s="12"/>
    </row>
    <row r="282237" spans="8:8">
      <c r="H282237" s="12"/>
    </row>
    <row r="282238" spans="8:8">
      <c r="H282238" s="12"/>
    </row>
    <row r="282239" spans="8:8">
      <c r="H282239" s="12"/>
    </row>
    <row r="282240" spans="8:8">
      <c r="H282240" s="12"/>
    </row>
    <row r="282241" spans="8:8">
      <c r="H282241" s="12"/>
    </row>
    <row r="282242" spans="8:8">
      <c r="H282242" s="12"/>
    </row>
    <row r="282243" spans="8:8">
      <c r="H282243" s="12"/>
    </row>
    <row r="282244" spans="8:8">
      <c r="H282244" s="12"/>
    </row>
    <row r="282245" spans="8:8">
      <c r="H282245" s="12"/>
    </row>
    <row r="282246" spans="8:8">
      <c r="H282246" s="12"/>
    </row>
    <row r="282247" spans="8:8">
      <c r="H282247" s="12"/>
    </row>
    <row r="282248" spans="8:8">
      <c r="H282248" s="12"/>
    </row>
    <row r="282249" spans="8:8">
      <c r="H282249" s="12"/>
    </row>
    <row r="282250" spans="8:8">
      <c r="H282250" s="12"/>
    </row>
    <row r="282251" spans="8:8">
      <c r="H282251" s="12"/>
    </row>
    <row r="282252" spans="8:8">
      <c r="H282252" s="12"/>
    </row>
    <row r="282253" spans="8:8">
      <c r="H282253" s="12"/>
    </row>
    <row r="282254" spans="8:8">
      <c r="H282254" s="12"/>
    </row>
    <row r="282255" spans="8:8">
      <c r="H282255" s="12"/>
    </row>
    <row r="282256" spans="8:8">
      <c r="H282256" s="12"/>
    </row>
    <row r="282257" spans="8:8">
      <c r="H282257" s="12"/>
    </row>
    <row r="282258" spans="8:8">
      <c r="H282258" s="12"/>
    </row>
    <row r="282259" spans="8:8">
      <c r="H282259" s="12"/>
    </row>
    <row r="282260" spans="8:8">
      <c r="H282260" s="12"/>
    </row>
    <row r="282261" spans="8:8">
      <c r="H282261" s="12"/>
    </row>
    <row r="282262" spans="8:8">
      <c r="H282262" s="12"/>
    </row>
    <row r="282263" spans="8:8">
      <c r="H282263" s="12"/>
    </row>
    <row r="282264" spans="8:8">
      <c r="H282264" s="12"/>
    </row>
    <row r="282265" spans="8:8">
      <c r="H282265" s="12"/>
    </row>
    <row r="282266" spans="8:8">
      <c r="H282266" s="12"/>
    </row>
    <row r="282267" spans="8:8">
      <c r="H282267" s="12"/>
    </row>
    <row r="282268" spans="8:8">
      <c r="H282268" s="12"/>
    </row>
    <row r="282269" spans="8:8">
      <c r="H282269" s="12"/>
    </row>
    <row r="282270" spans="8:8">
      <c r="H282270" s="12"/>
    </row>
    <row r="282271" spans="8:8">
      <c r="H282271" s="12"/>
    </row>
    <row r="282272" spans="8:8">
      <c r="H282272" s="12"/>
    </row>
    <row r="282273" spans="8:8">
      <c r="H282273" s="12"/>
    </row>
    <row r="282274" spans="8:8">
      <c r="H282274" s="12"/>
    </row>
    <row r="282275" spans="8:8">
      <c r="H282275" s="12"/>
    </row>
    <row r="282276" spans="8:8">
      <c r="H282276" s="12"/>
    </row>
    <row r="282277" spans="8:8">
      <c r="H282277" s="12"/>
    </row>
    <row r="282278" spans="8:8">
      <c r="H282278" s="12"/>
    </row>
    <row r="282279" spans="8:8">
      <c r="H282279" s="12"/>
    </row>
    <row r="282280" spans="8:8">
      <c r="H282280" s="12"/>
    </row>
    <row r="282281" spans="8:8">
      <c r="H282281" s="12"/>
    </row>
    <row r="282282" spans="8:8">
      <c r="H282282" s="12"/>
    </row>
    <row r="282283" spans="8:8">
      <c r="H282283" s="12"/>
    </row>
    <row r="282284" spans="8:8">
      <c r="H282284" s="12"/>
    </row>
    <row r="282285" spans="8:8">
      <c r="H282285" s="12"/>
    </row>
    <row r="282286" spans="8:8">
      <c r="H282286" s="12"/>
    </row>
    <row r="282287" spans="8:8">
      <c r="H282287" s="12"/>
    </row>
    <row r="282288" spans="8:8">
      <c r="H282288" s="12"/>
    </row>
    <row r="282289" spans="8:8">
      <c r="H282289" s="12"/>
    </row>
    <row r="282290" spans="8:8">
      <c r="H282290" s="12"/>
    </row>
    <row r="282291" spans="8:8">
      <c r="H282291" s="12"/>
    </row>
    <row r="282292" spans="8:8">
      <c r="H282292" s="12"/>
    </row>
    <row r="282293" spans="8:8">
      <c r="H282293" s="12"/>
    </row>
    <row r="282294" spans="8:8">
      <c r="H282294" s="12"/>
    </row>
    <row r="282295" spans="8:8">
      <c r="H282295" s="12"/>
    </row>
    <row r="282296" spans="8:8">
      <c r="H282296" s="12"/>
    </row>
    <row r="282297" spans="8:8">
      <c r="H282297" s="12"/>
    </row>
    <row r="282298" spans="8:8">
      <c r="H282298" s="12"/>
    </row>
    <row r="282299" spans="8:8">
      <c r="H282299" s="12"/>
    </row>
    <row r="282300" spans="8:8">
      <c r="H282300" s="12"/>
    </row>
    <row r="282301" spans="8:8">
      <c r="H282301" s="12"/>
    </row>
    <row r="282302" spans="8:8">
      <c r="H282302" s="12"/>
    </row>
    <row r="282303" spans="8:8">
      <c r="H282303" s="12"/>
    </row>
    <row r="282304" spans="8:8">
      <c r="H282304" s="12"/>
    </row>
    <row r="282305" spans="8:8">
      <c r="H282305" s="12"/>
    </row>
    <row r="282306" spans="8:8">
      <c r="H282306" s="12"/>
    </row>
    <row r="282307" spans="8:8">
      <c r="H282307" s="12"/>
    </row>
    <row r="282308" spans="8:8">
      <c r="H282308" s="12"/>
    </row>
    <row r="282309" spans="8:8">
      <c r="H282309" s="12"/>
    </row>
    <row r="282310" spans="8:8">
      <c r="H282310" s="12"/>
    </row>
    <row r="282311" spans="8:8">
      <c r="H282311" s="12"/>
    </row>
    <row r="282312" spans="8:8">
      <c r="H282312" s="12"/>
    </row>
    <row r="282313" spans="8:8">
      <c r="H282313" s="12"/>
    </row>
    <row r="282314" spans="8:8">
      <c r="H282314" s="12"/>
    </row>
    <row r="282315" spans="8:8">
      <c r="H282315" s="12"/>
    </row>
    <row r="282316" spans="8:8">
      <c r="H282316" s="12"/>
    </row>
    <row r="282317" spans="8:8">
      <c r="H282317" s="12"/>
    </row>
    <row r="282318" spans="8:8">
      <c r="H282318" s="12"/>
    </row>
    <row r="282319" spans="8:8">
      <c r="H282319" s="12"/>
    </row>
    <row r="282320" spans="8:8">
      <c r="H282320" s="12"/>
    </row>
    <row r="282321" spans="8:8">
      <c r="H282321" s="12"/>
    </row>
    <row r="282322" spans="8:8">
      <c r="H282322" s="12"/>
    </row>
    <row r="282323" spans="8:8">
      <c r="H282323" s="12"/>
    </row>
    <row r="282324" spans="8:8">
      <c r="H282324" s="12"/>
    </row>
    <row r="282325" spans="8:8">
      <c r="H282325" s="12"/>
    </row>
    <row r="282326" spans="8:8">
      <c r="H282326" s="12"/>
    </row>
    <row r="282327" spans="8:8">
      <c r="H282327" s="12"/>
    </row>
    <row r="282328" spans="8:8">
      <c r="H282328" s="12"/>
    </row>
    <row r="282329" spans="8:8">
      <c r="H282329" s="12"/>
    </row>
    <row r="282330" spans="8:8">
      <c r="H282330" s="12"/>
    </row>
    <row r="282331" spans="8:8">
      <c r="H282331" s="12"/>
    </row>
    <row r="282332" spans="8:8">
      <c r="H282332" s="12"/>
    </row>
    <row r="282333" spans="8:8">
      <c r="H282333" s="12"/>
    </row>
    <row r="282334" spans="8:8">
      <c r="H282334" s="12"/>
    </row>
    <row r="282335" spans="8:8">
      <c r="H282335" s="12"/>
    </row>
    <row r="282336" spans="8:8">
      <c r="H282336" s="12"/>
    </row>
    <row r="282337" spans="8:8">
      <c r="H282337" s="12"/>
    </row>
    <row r="282338" spans="8:8">
      <c r="H282338" s="12"/>
    </row>
    <row r="282339" spans="8:8">
      <c r="H282339" s="12"/>
    </row>
    <row r="282340" spans="8:8">
      <c r="H282340" s="12"/>
    </row>
    <row r="282341" spans="8:8">
      <c r="H282341" s="12"/>
    </row>
    <row r="282342" spans="8:8">
      <c r="H282342" s="12"/>
    </row>
    <row r="282343" spans="8:8">
      <c r="H282343" s="12"/>
    </row>
    <row r="282344" spans="8:8">
      <c r="H282344" s="12"/>
    </row>
    <row r="282345" spans="8:8">
      <c r="H282345" s="12"/>
    </row>
    <row r="282346" spans="8:8">
      <c r="H282346" s="12"/>
    </row>
    <row r="282347" spans="8:8">
      <c r="H282347" s="12"/>
    </row>
    <row r="282348" spans="8:8">
      <c r="H282348" s="12"/>
    </row>
    <row r="282349" spans="8:8">
      <c r="H282349" s="12"/>
    </row>
    <row r="282350" spans="8:8">
      <c r="H282350" s="12"/>
    </row>
    <row r="282351" spans="8:8">
      <c r="H282351" s="12"/>
    </row>
    <row r="282352" spans="8:8">
      <c r="H282352" s="12"/>
    </row>
    <row r="282353" spans="8:8">
      <c r="H282353" s="12"/>
    </row>
    <row r="282354" spans="8:8">
      <c r="H282354" s="12"/>
    </row>
    <row r="282355" spans="8:8">
      <c r="H282355" s="12"/>
    </row>
    <row r="282356" spans="8:8">
      <c r="H282356" s="12"/>
    </row>
    <row r="282357" spans="8:8">
      <c r="H282357" s="12"/>
    </row>
    <row r="282358" spans="8:8">
      <c r="H282358" s="12"/>
    </row>
    <row r="282359" spans="8:8">
      <c r="H282359" s="12"/>
    </row>
    <row r="282360" spans="8:8">
      <c r="H282360" s="12"/>
    </row>
    <row r="282361" spans="8:8">
      <c r="H282361" s="12"/>
    </row>
    <row r="282362" spans="8:8">
      <c r="H282362" s="12"/>
    </row>
    <row r="282363" spans="8:8">
      <c r="H282363" s="12"/>
    </row>
    <row r="282364" spans="8:8">
      <c r="H282364" s="12"/>
    </row>
    <row r="282365" spans="8:8">
      <c r="H282365" s="12"/>
    </row>
    <row r="282366" spans="8:8">
      <c r="H282366" s="12"/>
    </row>
    <row r="282367" spans="8:8">
      <c r="H282367" s="12"/>
    </row>
    <row r="282368" spans="8:8">
      <c r="H282368" s="12"/>
    </row>
    <row r="282369" spans="8:8">
      <c r="H282369" s="12"/>
    </row>
    <row r="282370" spans="8:8">
      <c r="H282370" s="12"/>
    </row>
    <row r="282371" spans="8:8">
      <c r="H282371" s="12"/>
    </row>
    <row r="282372" spans="8:8">
      <c r="H282372" s="12"/>
    </row>
    <row r="282373" spans="8:8">
      <c r="H282373" s="12"/>
    </row>
    <row r="282374" spans="8:8">
      <c r="H282374" s="12"/>
    </row>
    <row r="282375" spans="8:8">
      <c r="H282375" s="12"/>
    </row>
    <row r="282376" spans="8:8">
      <c r="H282376" s="12"/>
    </row>
    <row r="282377" spans="8:8">
      <c r="H282377" s="12"/>
    </row>
    <row r="282378" spans="8:8">
      <c r="H282378" s="12"/>
    </row>
    <row r="282379" spans="8:8">
      <c r="H282379" s="12"/>
    </row>
    <row r="282380" spans="8:8">
      <c r="H282380" s="12"/>
    </row>
    <row r="282381" spans="8:8">
      <c r="H282381" s="12"/>
    </row>
    <row r="282382" spans="8:8">
      <c r="H282382" s="12"/>
    </row>
    <row r="282383" spans="8:8">
      <c r="H282383" s="12"/>
    </row>
    <row r="282384" spans="8:8">
      <c r="H282384" s="12"/>
    </row>
    <row r="282385" spans="8:8">
      <c r="H282385" s="12"/>
    </row>
    <row r="282386" spans="8:8">
      <c r="H282386" s="12"/>
    </row>
    <row r="282387" spans="8:8">
      <c r="H282387" s="12"/>
    </row>
    <row r="282388" spans="8:8">
      <c r="H282388" s="12"/>
    </row>
    <row r="282389" spans="8:8">
      <c r="H282389" s="12"/>
    </row>
    <row r="282390" spans="8:8">
      <c r="H282390" s="12"/>
    </row>
    <row r="282391" spans="8:8">
      <c r="H282391" s="12"/>
    </row>
    <row r="282392" spans="8:8">
      <c r="H282392" s="12"/>
    </row>
    <row r="282393" spans="8:8">
      <c r="H282393" s="12"/>
    </row>
    <row r="282394" spans="8:8">
      <c r="H282394" s="12"/>
    </row>
    <row r="282395" spans="8:8">
      <c r="H282395" s="12"/>
    </row>
    <row r="282396" spans="8:8">
      <c r="H282396" s="12"/>
    </row>
    <row r="282397" spans="8:8">
      <c r="H282397" s="12"/>
    </row>
    <row r="282398" spans="8:8">
      <c r="H282398" s="12"/>
    </row>
    <row r="282399" spans="8:8">
      <c r="H282399" s="12"/>
    </row>
    <row r="282400" spans="8:8">
      <c r="H282400" s="12"/>
    </row>
    <row r="282401" spans="8:8">
      <c r="H282401" s="12"/>
    </row>
    <row r="282402" spans="8:8">
      <c r="H282402" s="12"/>
    </row>
    <row r="282403" spans="8:8">
      <c r="H282403" s="12"/>
    </row>
    <row r="282404" spans="8:8">
      <c r="H282404" s="12"/>
    </row>
    <row r="282405" spans="8:8">
      <c r="H282405" s="12"/>
    </row>
    <row r="282406" spans="8:8">
      <c r="H282406" s="12"/>
    </row>
    <row r="282407" spans="8:8">
      <c r="H282407" s="12"/>
    </row>
    <row r="282408" spans="8:8">
      <c r="H282408" s="12"/>
    </row>
    <row r="282409" spans="8:8">
      <c r="H282409" s="12"/>
    </row>
    <row r="282410" spans="8:8">
      <c r="H282410" s="12"/>
    </row>
    <row r="282411" spans="8:8">
      <c r="H282411" s="12"/>
    </row>
    <row r="282412" spans="8:8">
      <c r="H282412" s="12"/>
    </row>
    <row r="282413" spans="8:8">
      <c r="H282413" s="12"/>
    </row>
    <row r="282414" spans="8:8">
      <c r="H282414" s="12"/>
    </row>
    <row r="282415" spans="8:8">
      <c r="H282415" s="12"/>
    </row>
    <row r="282416" spans="8:8">
      <c r="H282416" s="12"/>
    </row>
    <row r="282417" spans="8:8">
      <c r="H282417" s="12"/>
    </row>
    <row r="282418" spans="8:8">
      <c r="H282418" s="12"/>
    </row>
    <row r="282419" spans="8:8">
      <c r="H282419" s="12"/>
    </row>
    <row r="282420" spans="8:8">
      <c r="H282420" s="12"/>
    </row>
    <row r="282421" spans="8:8">
      <c r="H282421" s="12"/>
    </row>
    <row r="282422" spans="8:8">
      <c r="H282422" s="12"/>
    </row>
    <row r="282423" spans="8:8">
      <c r="H282423" s="12"/>
    </row>
    <row r="282424" spans="8:8">
      <c r="H282424" s="12"/>
    </row>
    <row r="282425" spans="8:8">
      <c r="H282425" s="12"/>
    </row>
    <row r="282426" spans="8:8">
      <c r="H282426" s="12"/>
    </row>
    <row r="282427" spans="8:8">
      <c r="H282427" s="12"/>
    </row>
    <row r="282428" spans="8:8">
      <c r="H282428" s="12"/>
    </row>
    <row r="282429" spans="8:8">
      <c r="H282429" s="12"/>
    </row>
    <row r="282430" spans="8:8">
      <c r="H282430" s="12"/>
    </row>
    <row r="282431" spans="8:8">
      <c r="H282431" s="12"/>
    </row>
    <row r="282432" spans="8:8">
      <c r="H282432" s="12"/>
    </row>
    <row r="282433" spans="8:8">
      <c r="H282433" s="12"/>
    </row>
    <row r="282434" spans="8:8">
      <c r="H282434" s="12"/>
    </row>
    <row r="282435" spans="8:8">
      <c r="H282435" s="12"/>
    </row>
    <row r="282436" spans="8:8">
      <c r="H282436" s="12"/>
    </row>
    <row r="282437" spans="8:8">
      <c r="H282437" s="12"/>
    </row>
    <row r="282438" spans="8:8">
      <c r="H282438" s="12"/>
    </row>
    <row r="282439" spans="8:8">
      <c r="H282439" s="12"/>
    </row>
    <row r="282440" spans="8:8">
      <c r="H282440" s="12"/>
    </row>
    <row r="282441" spans="8:8">
      <c r="H282441" s="12"/>
    </row>
    <row r="282442" spans="8:8">
      <c r="H282442" s="12"/>
    </row>
    <row r="282443" spans="8:8">
      <c r="H282443" s="12"/>
    </row>
    <row r="282444" spans="8:8">
      <c r="H282444" s="12"/>
    </row>
    <row r="282445" spans="8:8">
      <c r="H282445" s="12"/>
    </row>
    <row r="282446" spans="8:8">
      <c r="H282446" s="12"/>
    </row>
    <row r="282447" spans="8:8">
      <c r="H282447" s="12"/>
    </row>
    <row r="282448" spans="8:8">
      <c r="H282448" s="12"/>
    </row>
    <row r="282449" spans="8:8">
      <c r="H282449" s="12"/>
    </row>
    <row r="282450" spans="8:8">
      <c r="H282450" s="12"/>
    </row>
    <row r="282451" spans="8:8">
      <c r="H282451" s="12"/>
    </row>
    <row r="282452" spans="8:8">
      <c r="H282452" s="12"/>
    </row>
    <row r="282453" spans="8:8">
      <c r="H282453" s="12"/>
    </row>
    <row r="282454" spans="8:8">
      <c r="H282454" s="12"/>
    </row>
    <row r="282455" spans="8:8">
      <c r="H282455" s="12"/>
    </row>
    <row r="282456" spans="8:8">
      <c r="H282456" s="12"/>
    </row>
    <row r="282457" spans="8:8">
      <c r="H282457" s="12"/>
    </row>
    <row r="282458" spans="8:8">
      <c r="H282458" s="12"/>
    </row>
    <row r="282459" spans="8:8">
      <c r="H282459" s="12"/>
    </row>
    <row r="282460" spans="8:8">
      <c r="H282460" s="12"/>
    </row>
    <row r="282461" spans="8:8">
      <c r="H282461" s="12"/>
    </row>
    <row r="282462" spans="8:8">
      <c r="H282462" s="12"/>
    </row>
    <row r="282463" spans="8:8">
      <c r="H282463" s="12"/>
    </row>
    <row r="282464" spans="8:8">
      <c r="H282464" s="12"/>
    </row>
    <row r="282465" spans="8:8">
      <c r="H282465" s="12"/>
    </row>
    <row r="282466" spans="8:8">
      <c r="H282466" s="12"/>
    </row>
    <row r="282467" spans="8:8">
      <c r="H282467" s="12"/>
    </row>
    <row r="282468" spans="8:8">
      <c r="H282468" s="12"/>
    </row>
    <row r="282469" spans="8:8">
      <c r="H282469" s="12"/>
    </row>
    <row r="282470" spans="8:8">
      <c r="H282470" s="12"/>
    </row>
    <row r="282471" spans="8:8">
      <c r="H282471" s="12"/>
    </row>
    <row r="282472" spans="8:8">
      <c r="H282472" s="12"/>
    </row>
    <row r="282473" spans="8:8">
      <c r="H282473" s="12"/>
    </row>
    <row r="282474" spans="8:8">
      <c r="H282474" s="12"/>
    </row>
    <row r="282475" spans="8:8">
      <c r="H282475" s="12"/>
    </row>
    <row r="282476" spans="8:8">
      <c r="H282476" s="12"/>
    </row>
    <row r="282477" spans="8:8">
      <c r="H282477" s="12"/>
    </row>
    <row r="282478" spans="8:8">
      <c r="H282478" s="12"/>
    </row>
    <row r="282479" spans="8:8">
      <c r="H282479" s="12"/>
    </row>
    <row r="282480" spans="8:8">
      <c r="H282480" s="12"/>
    </row>
    <row r="282481" spans="8:8">
      <c r="H282481" s="12"/>
    </row>
    <row r="282482" spans="8:8">
      <c r="H282482" s="12"/>
    </row>
    <row r="282483" spans="8:8">
      <c r="H282483" s="12"/>
    </row>
    <row r="282484" spans="8:8">
      <c r="H282484" s="12"/>
    </row>
    <row r="282485" spans="8:8">
      <c r="H282485" s="12"/>
    </row>
    <row r="282486" spans="8:8">
      <c r="H282486" s="12"/>
    </row>
    <row r="282487" spans="8:8">
      <c r="H282487" s="12"/>
    </row>
    <row r="282488" spans="8:8">
      <c r="H282488" s="12"/>
    </row>
    <row r="282489" spans="8:8">
      <c r="H282489" s="12"/>
    </row>
    <row r="282490" spans="8:8">
      <c r="H282490" s="12"/>
    </row>
    <row r="282491" spans="8:8">
      <c r="H282491" s="12"/>
    </row>
    <row r="282492" spans="8:8">
      <c r="H282492" s="12"/>
    </row>
    <row r="282493" spans="8:8">
      <c r="H282493" s="12"/>
    </row>
    <row r="282494" spans="8:8">
      <c r="H282494" s="12"/>
    </row>
    <row r="282495" spans="8:8">
      <c r="H282495" s="12"/>
    </row>
    <row r="282496" spans="8:8">
      <c r="H282496" s="12"/>
    </row>
    <row r="282497" spans="8:8">
      <c r="H282497" s="12"/>
    </row>
    <row r="282498" spans="8:8">
      <c r="H282498" s="12"/>
    </row>
    <row r="282499" spans="8:8">
      <c r="H282499" s="12"/>
    </row>
    <row r="282500" spans="8:8">
      <c r="H282500" s="12"/>
    </row>
    <row r="282501" spans="8:8">
      <c r="H282501" s="12"/>
    </row>
    <row r="282502" spans="8:8">
      <c r="H282502" s="12"/>
    </row>
    <row r="282503" spans="8:8">
      <c r="H282503" s="12"/>
    </row>
    <row r="282504" spans="8:8">
      <c r="H282504" s="12"/>
    </row>
    <row r="282505" spans="8:8">
      <c r="H282505" s="12"/>
    </row>
    <row r="282506" spans="8:8">
      <c r="H282506" s="12"/>
    </row>
    <row r="282507" spans="8:8">
      <c r="H282507" s="12"/>
    </row>
    <row r="282508" spans="8:8">
      <c r="H282508" s="12"/>
    </row>
    <row r="282509" spans="8:8">
      <c r="H282509" s="12"/>
    </row>
    <row r="282510" spans="8:8">
      <c r="H282510" s="12"/>
    </row>
    <row r="282511" spans="8:8">
      <c r="H282511" s="12"/>
    </row>
    <row r="282512" spans="8:8">
      <c r="H282512" s="12"/>
    </row>
    <row r="282513" spans="8:8">
      <c r="H282513" s="12"/>
    </row>
    <row r="282514" spans="8:8">
      <c r="H282514" s="12"/>
    </row>
    <row r="282515" spans="8:8">
      <c r="H282515" s="12"/>
    </row>
    <row r="282516" spans="8:8">
      <c r="H282516" s="12"/>
    </row>
    <row r="282517" spans="8:8">
      <c r="H282517" s="12"/>
    </row>
    <row r="282518" spans="8:8">
      <c r="H282518" s="12"/>
    </row>
    <row r="282519" spans="8:8">
      <c r="H282519" s="12"/>
    </row>
    <row r="282520" spans="8:8">
      <c r="H282520" s="12"/>
    </row>
    <row r="282521" spans="8:8">
      <c r="H282521" s="12"/>
    </row>
    <row r="282522" spans="8:8">
      <c r="H282522" s="12"/>
    </row>
    <row r="282523" spans="8:8">
      <c r="H282523" s="12"/>
    </row>
    <row r="282524" spans="8:8">
      <c r="H282524" s="12"/>
    </row>
    <row r="282525" spans="8:8">
      <c r="H282525" s="12"/>
    </row>
    <row r="282526" spans="8:8">
      <c r="H282526" s="12"/>
    </row>
    <row r="282527" spans="8:8">
      <c r="H282527" s="12"/>
    </row>
    <row r="282528" spans="8:8">
      <c r="H282528" s="12"/>
    </row>
    <row r="282529" spans="8:8">
      <c r="H282529" s="12"/>
    </row>
    <row r="282530" spans="8:8">
      <c r="H282530" s="12"/>
    </row>
    <row r="282531" spans="8:8">
      <c r="H282531" s="12"/>
    </row>
    <row r="282532" spans="8:8">
      <c r="H282532" s="12"/>
    </row>
    <row r="282533" spans="8:8">
      <c r="H282533" s="12"/>
    </row>
    <row r="282534" spans="8:8">
      <c r="H282534" s="12"/>
    </row>
    <row r="282535" spans="8:8">
      <c r="H282535" s="12"/>
    </row>
    <row r="282536" spans="8:8">
      <c r="H282536" s="12"/>
    </row>
    <row r="282537" spans="8:8">
      <c r="H282537" s="12"/>
    </row>
    <row r="282538" spans="8:8">
      <c r="H282538" s="12"/>
    </row>
    <row r="282539" spans="8:8">
      <c r="H282539" s="12"/>
    </row>
    <row r="282540" spans="8:8">
      <c r="H282540" s="12"/>
    </row>
    <row r="282541" spans="8:8">
      <c r="H282541" s="12"/>
    </row>
    <row r="282542" spans="8:8">
      <c r="H282542" s="12"/>
    </row>
    <row r="282543" spans="8:8">
      <c r="H282543" s="12"/>
    </row>
    <row r="282544" spans="8:8">
      <c r="H282544" s="12"/>
    </row>
    <row r="282545" spans="8:8">
      <c r="H282545" s="12"/>
    </row>
    <row r="282546" spans="8:8">
      <c r="H282546" s="12"/>
    </row>
    <row r="282547" spans="8:8">
      <c r="H282547" s="12"/>
    </row>
    <row r="282548" spans="8:8">
      <c r="H282548" s="12"/>
    </row>
    <row r="282549" spans="8:8">
      <c r="H282549" s="12"/>
    </row>
    <row r="282550" spans="8:8">
      <c r="H282550" s="12"/>
    </row>
    <row r="282551" spans="8:8">
      <c r="H282551" s="12"/>
    </row>
    <row r="282552" spans="8:8">
      <c r="H282552" s="12"/>
    </row>
    <row r="282553" spans="8:8">
      <c r="H282553" s="12"/>
    </row>
    <row r="282554" spans="8:8">
      <c r="H282554" s="12"/>
    </row>
    <row r="282555" spans="8:8">
      <c r="H282555" s="12"/>
    </row>
    <row r="282556" spans="8:8">
      <c r="H282556" s="12"/>
    </row>
    <row r="282557" spans="8:8">
      <c r="H282557" s="12"/>
    </row>
    <row r="282558" spans="8:8">
      <c r="H282558" s="12"/>
    </row>
    <row r="282559" spans="8:8">
      <c r="H282559" s="12"/>
    </row>
    <row r="282560" spans="8:8">
      <c r="H282560" s="12"/>
    </row>
    <row r="282561" spans="8:8">
      <c r="H282561" s="12"/>
    </row>
    <row r="282562" spans="8:8">
      <c r="H282562" s="12"/>
    </row>
    <row r="282563" spans="8:8">
      <c r="H282563" s="12"/>
    </row>
    <row r="282564" spans="8:8">
      <c r="H282564" s="12"/>
    </row>
    <row r="282565" spans="8:8">
      <c r="H282565" s="12"/>
    </row>
    <row r="282566" spans="8:8">
      <c r="H282566" s="12"/>
    </row>
    <row r="282567" spans="8:8">
      <c r="H282567" s="12"/>
    </row>
    <row r="282568" spans="8:8">
      <c r="H282568" s="12"/>
    </row>
    <row r="282569" spans="8:8">
      <c r="H282569" s="12"/>
    </row>
    <row r="282570" spans="8:8">
      <c r="H282570" s="12"/>
    </row>
    <row r="282571" spans="8:8">
      <c r="H282571" s="12"/>
    </row>
    <row r="282572" spans="8:8">
      <c r="H282572" s="12"/>
    </row>
    <row r="282573" spans="8:8">
      <c r="H282573" s="12"/>
    </row>
    <row r="282574" spans="8:8">
      <c r="H282574" s="12"/>
    </row>
    <row r="282575" spans="8:8">
      <c r="H282575" s="12"/>
    </row>
    <row r="282576" spans="8:8">
      <c r="H282576" s="12"/>
    </row>
    <row r="282577" spans="8:8">
      <c r="H282577" s="12"/>
    </row>
    <row r="282578" spans="8:8">
      <c r="H282578" s="12"/>
    </row>
    <row r="282579" spans="8:8">
      <c r="H282579" s="12"/>
    </row>
    <row r="282580" spans="8:8">
      <c r="H282580" s="12"/>
    </row>
    <row r="282581" spans="8:8">
      <c r="H282581" s="12"/>
    </row>
    <row r="282582" spans="8:8">
      <c r="H282582" s="12"/>
    </row>
    <row r="282583" spans="8:8">
      <c r="H282583" s="12"/>
    </row>
    <row r="282584" spans="8:8">
      <c r="H282584" s="12"/>
    </row>
    <row r="282585" spans="8:8">
      <c r="H282585" s="12"/>
    </row>
    <row r="282586" spans="8:8">
      <c r="H282586" s="12"/>
    </row>
    <row r="282587" spans="8:8">
      <c r="H282587" s="12"/>
    </row>
    <row r="282588" spans="8:8">
      <c r="H282588" s="12"/>
    </row>
    <row r="282589" spans="8:8">
      <c r="H282589" s="12"/>
    </row>
    <row r="282590" spans="8:8">
      <c r="H282590" s="12"/>
    </row>
    <row r="282591" spans="8:8">
      <c r="H282591" s="12"/>
    </row>
    <row r="282592" spans="8:8">
      <c r="H282592" s="12"/>
    </row>
    <row r="282593" spans="8:8">
      <c r="H282593" s="12"/>
    </row>
    <row r="282594" spans="8:8">
      <c r="H282594" s="12"/>
    </row>
    <row r="282595" spans="8:8">
      <c r="H282595" s="12"/>
    </row>
    <row r="282596" spans="8:8">
      <c r="H282596" s="12"/>
    </row>
    <row r="282597" spans="8:8">
      <c r="H282597" s="12"/>
    </row>
    <row r="282598" spans="8:8">
      <c r="H282598" s="12"/>
    </row>
    <row r="282599" spans="8:8">
      <c r="H282599" s="12"/>
    </row>
    <row r="282600" spans="8:8">
      <c r="H282600" s="12"/>
    </row>
    <row r="282601" spans="8:8">
      <c r="H282601" s="12"/>
    </row>
    <row r="282602" spans="8:8">
      <c r="H282602" s="12"/>
    </row>
    <row r="282603" spans="8:8">
      <c r="H282603" s="12"/>
    </row>
    <row r="282604" spans="8:8">
      <c r="H282604" s="12"/>
    </row>
    <row r="282605" spans="8:8">
      <c r="H282605" s="12"/>
    </row>
    <row r="282606" spans="8:8">
      <c r="H282606" s="12"/>
    </row>
    <row r="282607" spans="8:8">
      <c r="H282607" s="12"/>
    </row>
    <row r="282608" spans="8:8">
      <c r="H282608" s="12"/>
    </row>
    <row r="282609" spans="8:8">
      <c r="H282609" s="12"/>
    </row>
    <row r="282610" spans="8:8">
      <c r="H282610" s="12"/>
    </row>
    <row r="282611" spans="8:8">
      <c r="H282611" s="12"/>
    </row>
    <row r="282612" spans="8:8">
      <c r="H282612" s="12"/>
    </row>
    <row r="282613" spans="8:8">
      <c r="H282613" s="12"/>
    </row>
    <row r="282614" spans="8:8">
      <c r="H282614" s="12"/>
    </row>
    <row r="282615" spans="8:8">
      <c r="H282615" s="12"/>
    </row>
    <row r="282616" spans="8:8">
      <c r="H282616" s="12"/>
    </row>
    <row r="282617" spans="8:8">
      <c r="H282617" s="12"/>
    </row>
    <row r="282618" spans="8:8">
      <c r="H282618" s="12"/>
    </row>
    <row r="282619" spans="8:8">
      <c r="H282619" s="12"/>
    </row>
    <row r="282620" spans="8:8">
      <c r="H282620" s="12"/>
    </row>
    <row r="282621" spans="8:8">
      <c r="H282621" s="12"/>
    </row>
    <row r="282622" spans="8:8">
      <c r="H282622" s="12"/>
    </row>
    <row r="282623" spans="8:8">
      <c r="H282623" s="12"/>
    </row>
    <row r="282624" spans="8:8">
      <c r="H282624" s="12"/>
    </row>
    <row r="282625" spans="8:8">
      <c r="H282625" s="12"/>
    </row>
    <row r="282626" spans="8:8">
      <c r="H282626" s="12"/>
    </row>
    <row r="282627" spans="8:8">
      <c r="H282627" s="12"/>
    </row>
    <row r="282628" spans="8:8">
      <c r="H282628" s="12"/>
    </row>
    <row r="282629" spans="8:8">
      <c r="H282629" s="12"/>
    </row>
    <row r="282630" spans="8:8">
      <c r="H282630" s="12"/>
    </row>
    <row r="282631" spans="8:8">
      <c r="H282631" s="12"/>
    </row>
    <row r="282632" spans="8:8">
      <c r="H282632" s="12"/>
    </row>
    <row r="282633" spans="8:8">
      <c r="H282633" s="12"/>
    </row>
    <row r="282634" spans="8:8">
      <c r="H282634" s="12"/>
    </row>
    <row r="282635" spans="8:8">
      <c r="H282635" s="12"/>
    </row>
    <row r="282636" spans="8:8">
      <c r="H282636" s="12"/>
    </row>
    <row r="282637" spans="8:8">
      <c r="H282637" s="12"/>
    </row>
    <row r="282638" spans="8:8">
      <c r="H282638" s="12"/>
    </row>
    <row r="282639" spans="8:8">
      <c r="H282639" s="12"/>
    </row>
    <row r="282640" spans="8:8">
      <c r="H282640" s="12"/>
    </row>
    <row r="282641" spans="8:8">
      <c r="H282641" s="12"/>
    </row>
    <row r="282642" spans="8:8">
      <c r="H282642" s="12"/>
    </row>
    <row r="282643" spans="8:8">
      <c r="H282643" s="12"/>
    </row>
    <row r="282644" spans="8:8">
      <c r="H282644" s="12"/>
    </row>
    <row r="282645" spans="8:8">
      <c r="H282645" s="12"/>
    </row>
    <row r="282646" spans="8:8">
      <c r="H282646" s="12"/>
    </row>
    <row r="282647" spans="8:8">
      <c r="H282647" s="12"/>
    </row>
    <row r="282648" spans="8:8">
      <c r="H282648" s="12"/>
    </row>
    <row r="282649" spans="8:8">
      <c r="H282649" s="12"/>
    </row>
    <row r="282650" spans="8:8">
      <c r="H282650" s="12"/>
    </row>
    <row r="282651" spans="8:8">
      <c r="H282651" s="12"/>
    </row>
    <row r="282652" spans="8:8">
      <c r="H282652" s="12"/>
    </row>
    <row r="282653" spans="8:8">
      <c r="H282653" s="12"/>
    </row>
    <row r="282654" spans="8:8">
      <c r="H282654" s="12"/>
    </row>
    <row r="282655" spans="8:8">
      <c r="H282655" s="12"/>
    </row>
    <row r="282656" spans="8:8">
      <c r="H282656" s="12"/>
    </row>
    <row r="282657" spans="8:8">
      <c r="H282657" s="12"/>
    </row>
    <row r="282658" spans="8:8">
      <c r="H282658" s="12"/>
    </row>
    <row r="282659" spans="8:8">
      <c r="H282659" s="12"/>
    </row>
    <row r="282660" spans="8:8">
      <c r="H282660" s="12"/>
    </row>
    <row r="282661" spans="8:8">
      <c r="H282661" s="12"/>
    </row>
    <row r="282662" spans="8:8">
      <c r="H282662" s="12"/>
    </row>
    <row r="282663" spans="8:8">
      <c r="H282663" s="12"/>
    </row>
    <row r="282664" spans="8:8">
      <c r="H282664" s="12"/>
    </row>
    <row r="282665" spans="8:8">
      <c r="H282665" s="12"/>
    </row>
    <row r="282666" spans="8:8">
      <c r="H282666" s="12"/>
    </row>
    <row r="282667" spans="8:8">
      <c r="H282667" s="12"/>
    </row>
    <row r="282668" spans="8:8">
      <c r="H282668" s="12"/>
    </row>
    <row r="282669" spans="8:8">
      <c r="H282669" s="12"/>
    </row>
    <row r="282670" spans="8:8">
      <c r="H282670" s="12"/>
    </row>
    <row r="282671" spans="8:8">
      <c r="H282671" s="12"/>
    </row>
    <row r="282672" spans="8:8">
      <c r="H282672" s="12"/>
    </row>
    <row r="282673" spans="8:8">
      <c r="H282673" s="12"/>
    </row>
    <row r="282674" spans="8:8">
      <c r="H282674" s="12"/>
    </row>
    <row r="282675" spans="8:8">
      <c r="H282675" s="12"/>
    </row>
    <row r="282676" spans="8:8">
      <c r="H282676" s="12"/>
    </row>
    <row r="282677" spans="8:8">
      <c r="H282677" s="12"/>
    </row>
    <row r="282678" spans="8:8">
      <c r="H282678" s="12"/>
    </row>
    <row r="282679" spans="8:8">
      <c r="H282679" s="12"/>
    </row>
    <row r="282680" spans="8:8">
      <c r="H282680" s="12"/>
    </row>
    <row r="282681" spans="8:8">
      <c r="H282681" s="12"/>
    </row>
    <row r="282682" spans="8:8">
      <c r="H282682" s="12"/>
    </row>
    <row r="282683" spans="8:8">
      <c r="H282683" s="12"/>
    </row>
    <row r="282684" spans="8:8">
      <c r="H282684" s="12"/>
    </row>
    <row r="282685" spans="8:8">
      <c r="H282685" s="12"/>
    </row>
    <row r="282686" spans="8:8">
      <c r="H282686" s="12"/>
    </row>
    <row r="282687" spans="8:8">
      <c r="H282687" s="12"/>
    </row>
    <row r="282688" spans="8:8">
      <c r="H282688" s="12"/>
    </row>
    <row r="282689" spans="8:8">
      <c r="H282689" s="12"/>
    </row>
    <row r="282690" spans="8:8">
      <c r="H282690" s="12"/>
    </row>
    <row r="282691" spans="8:8">
      <c r="H282691" s="12"/>
    </row>
    <row r="282692" spans="8:8">
      <c r="H282692" s="12"/>
    </row>
    <row r="282693" spans="8:8">
      <c r="H282693" s="12"/>
    </row>
    <row r="282694" spans="8:8">
      <c r="H282694" s="12"/>
    </row>
    <row r="282695" spans="8:8">
      <c r="H282695" s="12"/>
    </row>
    <row r="282696" spans="8:8">
      <c r="H282696" s="12"/>
    </row>
    <row r="282697" spans="8:8">
      <c r="H282697" s="12"/>
    </row>
    <row r="282698" spans="8:8">
      <c r="H282698" s="12"/>
    </row>
    <row r="282699" spans="8:8">
      <c r="H282699" s="12"/>
    </row>
    <row r="282700" spans="8:8">
      <c r="H282700" s="12"/>
    </row>
    <row r="282701" spans="8:8">
      <c r="H282701" s="12"/>
    </row>
    <row r="282702" spans="8:8">
      <c r="H282702" s="12"/>
    </row>
    <row r="282703" spans="8:8">
      <c r="H282703" s="12"/>
    </row>
    <row r="282704" spans="8:8">
      <c r="H282704" s="12"/>
    </row>
    <row r="282705" spans="8:8">
      <c r="H282705" s="12"/>
    </row>
    <row r="282706" spans="8:8">
      <c r="H282706" s="12"/>
    </row>
    <row r="282707" spans="8:8">
      <c r="H282707" s="12"/>
    </row>
    <row r="282708" spans="8:8">
      <c r="H282708" s="12"/>
    </row>
    <row r="282709" spans="8:8">
      <c r="H282709" s="12"/>
    </row>
    <row r="282710" spans="8:8">
      <c r="H282710" s="12"/>
    </row>
    <row r="282711" spans="8:8">
      <c r="H282711" s="12"/>
    </row>
    <row r="282712" spans="8:8">
      <c r="H282712" s="12"/>
    </row>
    <row r="282713" spans="8:8">
      <c r="H282713" s="12"/>
    </row>
    <row r="282714" spans="8:8">
      <c r="H282714" s="12"/>
    </row>
    <row r="282715" spans="8:8">
      <c r="H282715" s="12"/>
    </row>
    <row r="282716" spans="8:8">
      <c r="H282716" s="12"/>
    </row>
    <row r="282717" spans="8:8">
      <c r="H282717" s="12"/>
    </row>
    <row r="282718" spans="8:8">
      <c r="H282718" s="12"/>
    </row>
    <row r="282719" spans="8:8">
      <c r="H282719" s="12"/>
    </row>
    <row r="282720" spans="8:8">
      <c r="H282720" s="12"/>
    </row>
    <row r="282721" spans="8:8">
      <c r="H282721" s="12"/>
    </row>
    <row r="282722" spans="8:8">
      <c r="H282722" s="12"/>
    </row>
    <row r="282723" spans="8:8">
      <c r="H282723" s="12"/>
    </row>
    <row r="282724" spans="8:8">
      <c r="H282724" s="12"/>
    </row>
    <row r="282725" spans="8:8">
      <c r="H282725" s="12"/>
    </row>
    <row r="282726" spans="8:8">
      <c r="H282726" s="12"/>
    </row>
    <row r="282727" spans="8:8">
      <c r="H282727" s="12"/>
    </row>
    <row r="282728" spans="8:8">
      <c r="H282728" s="12"/>
    </row>
    <row r="282729" spans="8:8">
      <c r="H282729" s="12"/>
    </row>
    <row r="282730" spans="8:8">
      <c r="H282730" s="12"/>
    </row>
    <row r="282731" spans="8:8">
      <c r="H282731" s="12"/>
    </row>
    <row r="282732" spans="8:8">
      <c r="H282732" s="12"/>
    </row>
    <row r="282733" spans="8:8">
      <c r="H282733" s="12"/>
    </row>
    <row r="282734" spans="8:8">
      <c r="H282734" s="12"/>
    </row>
    <row r="282735" spans="8:8">
      <c r="H282735" s="12"/>
    </row>
    <row r="282736" spans="8:8">
      <c r="H282736" s="12"/>
    </row>
    <row r="282737" spans="8:8">
      <c r="H282737" s="12"/>
    </row>
    <row r="282738" spans="8:8">
      <c r="H282738" s="12"/>
    </row>
    <row r="282739" spans="8:8">
      <c r="H282739" s="12"/>
    </row>
    <row r="282740" spans="8:8">
      <c r="H282740" s="12"/>
    </row>
    <row r="282741" spans="8:8">
      <c r="H282741" s="12"/>
    </row>
    <row r="282742" spans="8:8">
      <c r="H282742" s="12"/>
    </row>
    <row r="282743" spans="8:8">
      <c r="H282743" s="12"/>
    </row>
    <row r="282744" spans="8:8">
      <c r="H282744" s="12"/>
    </row>
    <row r="282745" spans="8:8">
      <c r="H282745" s="12"/>
    </row>
    <row r="282746" spans="8:8">
      <c r="H282746" s="12"/>
    </row>
    <row r="282747" spans="8:8">
      <c r="H282747" s="12"/>
    </row>
    <row r="282748" spans="8:8">
      <c r="H282748" s="12"/>
    </row>
    <row r="282749" spans="8:8">
      <c r="H282749" s="12"/>
    </row>
    <row r="282750" spans="8:8">
      <c r="H282750" s="12"/>
    </row>
    <row r="282751" spans="8:8">
      <c r="H282751" s="12"/>
    </row>
    <row r="282752" spans="8:8">
      <c r="H282752" s="12"/>
    </row>
    <row r="282753" spans="8:8">
      <c r="H282753" s="12"/>
    </row>
    <row r="282754" spans="8:8">
      <c r="H282754" s="12"/>
    </row>
    <row r="282755" spans="8:8">
      <c r="H282755" s="12"/>
    </row>
    <row r="282756" spans="8:8">
      <c r="H282756" s="12"/>
    </row>
    <row r="282757" spans="8:8">
      <c r="H282757" s="12"/>
    </row>
    <row r="282758" spans="8:8">
      <c r="H282758" s="12"/>
    </row>
    <row r="282759" spans="8:8">
      <c r="H282759" s="12"/>
    </row>
    <row r="282760" spans="8:8">
      <c r="H282760" s="12"/>
    </row>
    <row r="282761" spans="8:8">
      <c r="H282761" s="12"/>
    </row>
    <row r="282762" spans="8:8">
      <c r="H282762" s="12"/>
    </row>
    <row r="282763" spans="8:8">
      <c r="H282763" s="12"/>
    </row>
    <row r="282764" spans="8:8">
      <c r="H282764" s="12"/>
    </row>
    <row r="282765" spans="8:8">
      <c r="H282765" s="12"/>
    </row>
    <row r="282766" spans="8:8">
      <c r="H282766" s="12"/>
    </row>
    <row r="282767" spans="8:8">
      <c r="H282767" s="12"/>
    </row>
    <row r="282768" spans="8:8">
      <c r="H282768" s="12"/>
    </row>
    <row r="282769" spans="8:8">
      <c r="H282769" s="12"/>
    </row>
    <row r="282770" spans="8:8">
      <c r="H282770" s="12"/>
    </row>
    <row r="282771" spans="8:8">
      <c r="H282771" s="12"/>
    </row>
    <row r="282772" spans="8:8">
      <c r="H282772" s="12"/>
    </row>
    <row r="282773" spans="8:8">
      <c r="H282773" s="12"/>
    </row>
    <row r="282774" spans="8:8">
      <c r="H282774" s="12"/>
    </row>
    <row r="282775" spans="8:8">
      <c r="H282775" s="12"/>
    </row>
    <row r="282776" spans="8:8">
      <c r="H282776" s="12"/>
    </row>
    <row r="282777" spans="8:8">
      <c r="H282777" s="12"/>
    </row>
    <row r="282778" spans="8:8">
      <c r="H282778" s="12"/>
    </row>
    <row r="282779" spans="8:8">
      <c r="H282779" s="12"/>
    </row>
    <row r="282780" spans="8:8">
      <c r="H282780" s="12"/>
    </row>
    <row r="282781" spans="8:8">
      <c r="H282781" s="12"/>
    </row>
    <row r="282782" spans="8:8">
      <c r="H282782" s="12"/>
    </row>
    <row r="282783" spans="8:8">
      <c r="H282783" s="12"/>
    </row>
    <row r="282784" spans="8:8">
      <c r="H282784" s="12"/>
    </row>
    <row r="282785" spans="8:8">
      <c r="H282785" s="12"/>
    </row>
    <row r="282786" spans="8:8">
      <c r="H282786" s="12"/>
    </row>
    <row r="282787" spans="8:8">
      <c r="H282787" s="12"/>
    </row>
    <row r="282788" spans="8:8">
      <c r="H282788" s="12"/>
    </row>
    <row r="282789" spans="8:8">
      <c r="H282789" s="12"/>
    </row>
    <row r="282790" spans="8:8">
      <c r="H282790" s="12"/>
    </row>
    <row r="282791" spans="8:8">
      <c r="H282791" s="12"/>
    </row>
    <row r="282792" spans="8:8">
      <c r="H282792" s="12"/>
    </row>
    <row r="282793" spans="8:8">
      <c r="H282793" s="12"/>
    </row>
    <row r="282794" spans="8:8">
      <c r="H282794" s="12"/>
    </row>
    <row r="282795" spans="8:8">
      <c r="H282795" s="12"/>
    </row>
    <row r="282796" spans="8:8">
      <c r="H282796" s="12"/>
    </row>
    <row r="282797" spans="8:8">
      <c r="H282797" s="12"/>
    </row>
    <row r="282798" spans="8:8">
      <c r="H282798" s="12"/>
    </row>
    <row r="282799" spans="8:8">
      <c r="H282799" s="12"/>
    </row>
    <row r="282800" spans="8:8">
      <c r="H282800" s="12"/>
    </row>
    <row r="282801" spans="8:8">
      <c r="H282801" s="12"/>
    </row>
    <row r="282802" spans="8:8">
      <c r="H282802" s="12"/>
    </row>
    <row r="282803" spans="8:8">
      <c r="H282803" s="12"/>
    </row>
    <row r="282804" spans="8:8">
      <c r="H282804" s="12"/>
    </row>
    <row r="282805" spans="8:8">
      <c r="H282805" s="12"/>
    </row>
    <row r="282806" spans="8:8">
      <c r="H282806" s="12"/>
    </row>
    <row r="282807" spans="8:8">
      <c r="H282807" s="12"/>
    </row>
    <row r="282808" spans="8:8">
      <c r="H282808" s="12"/>
    </row>
    <row r="282809" spans="8:8">
      <c r="H282809" s="12"/>
    </row>
    <row r="282810" spans="8:8">
      <c r="H282810" s="12"/>
    </row>
    <row r="282811" spans="8:8">
      <c r="H282811" s="12"/>
    </row>
    <row r="282812" spans="8:8">
      <c r="H282812" s="12"/>
    </row>
    <row r="282813" spans="8:8">
      <c r="H282813" s="12"/>
    </row>
    <row r="282814" spans="8:8">
      <c r="H282814" s="12"/>
    </row>
    <row r="282815" spans="8:8">
      <c r="H282815" s="12"/>
    </row>
    <row r="282816" spans="8:8">
      <c r="H282816" s="12"/>
    </row>
    <row r="282817" spans="8:8">
      <c r="H282817" s="12"/>
    </row>
    <row r="282818" spans="8:8">
      <c r="H282818" s="12"/>
    </row>
    <row r="282819" spans="8:8">
      <c r="H282819" s="12"/>
    </row>
    <row r="282820" spans="8:8">
      <c r="H282820" s="12"/>
    </row>
    <row r="282821" spans="8:8">
      <c r="H282821" s="12"/>
    </row>
    <row r="282822" spans="8:8">
      <c r="H282822" s="12"/>
    </row>
    <row r="282823" spans="8:8">
      <c r="H282823" s="12"/>
    </row>
    <row r="282824" spans="8:8">
      <c r="H282824" s="12"/>
    </row>
    <row r="282825" spans="8:8">
      <c r="H282825" s="12"/>
    </row>
    <row r="282826" spans="8:8">
      <c r="H282826" s="12"/>
    </row>
    <row r="282827" spans="8:8">
      <c r="H282827" s="12"/>
    </row>
    <row r="282828" spans="8:8">
      <c r="H282828" s="12"/>
    </row>
    <row r="282829" spans="8:8">
      <c r="H282829" s="12"/>
    </row>
    <row r="282830" spans="8:8">
      <c r="H282830" s="12"/>
    </row>
    <row r="282831" spans="8:8">
      <c r="H282831" s="12"/>
    </row>
    <row r="282832" spans="8:8">
      <c r="H282832" s="12"/>
    </row>
    <row r="282833" spans="8:8">
      <c r="H282833" s="12"/>
    </row>
    <row r="282834" spans="8:8">
      <c r="H282834" s="12"/>
    </row>
    <row r="282835" spans="8:8">
      <c r="H282835" s="12"/>
    </row>
    <row r="282836" spans="8:8">
      <c r="H282836" s="12"/>
    </row>
    <row r="282837" spans="8:8">
      <c r="H282837" s="12"/>
    </row>
    <row r="282838" spans="8:8">
      <c r="H282838" s="12"/>
    </row>
    <row r="282839" spans="8:8">
      <c r="H282839" s="12"/>
    </row>
    <row r="282840" spans="8:8">
      <c r="H282840" s="12"/>
    </row>
    <row r="282841" spans="8:8">
      <c r="H282841" s="12"/>
    </row>
    <row r="282842" spans="8:8">
      <c r="H282842" s="12"/>
    </row>
    <row r="282843" spans="8:8">
      <c r="H282843" s="12"/>
    </row>
    <row r="282844" spans="8:8">
      <c r="H282844" s="12"/>
    </row>
    <row r="282845" spans="8:8">
      <c r="H282845" s="12"/>
    </row>
    <row r="282846" spans="8:8">
      <c r="H282846" s="12"/>
    </row>
    <row r="282847" spans="8:8">
      <c r="H282847" s="12"/>
    </row>
    <row r="282848" spans="8:8">
      <c r="H282848" s="12"/>
    </row>
    <row r="282849" spans="8:8">
      <c r="H282849" s="12"/>
    </row>
    <row r="282850" spans="8:8">
      <c r="H282850" s="12"/>
    </row>
    <row r="282851" spans="8:8">
      <c r="H282851" s="12"/>
    </row>
    <row r="282852" spans="8:8">
      <c r="H282852" s="12"/>
    </row>
    <row r="282853" spans="8:8">
      <c r="H282853" s="12"/>
    </row>
    <row r="282854" spans="8:8">
      <c r="H282854" s="12"/>
    </row>
    <row r="282855" spans="8:8">
      <c r="H282855" s="12"/>
    </row>
    <row r="282856" spans="8:8">
      <c r="H282856" s="12"/>
    </row>
    <row r="282857" spans="8:8">
      <c r="H282857" s="12"/>
    </row>
    <row r="282858" spans="8:8">
      <c r="H282858" s="12"/>
    </row>
    <row r="282859" spans="8:8">
      <c r="H282859" s="12"/>
    </row>
    <row r="282860" spans="8:8">
      <c r="H282860" s="12"/>
    </row>
    <row r="282861" spans="8:8">
      <c r="H282861" s="12"/>
    </row>
    <row r="282862" spans="8:8">
      <c r="H282862" s="12"/>
    </row>
    <row r="282863" spans="8:8">
      <c r="H282863" s="12"/>
    </row>
    <row r="282864" spans="8:8">
      <c r="H282864" s="12"/>
    </row>
    <row r="282865" spans="8:8">
      <c r="H282865" s="12"/>
    </row>
    <row r="282866" spans="8:8">
      <c r="H282866" s="12"/>
    </row>
    <row r="282867" spans="8:8">
      <c r="H282867" s="12"/>
    </row>
    <row r="282868" spans="8:8">
      <c r="H282868" s="12"/>
    </row>
    <row r="282869" spans="8:8">
      <c r="H282869" s="12"/>
    </row>
    <row r="282870" spans="8:8">
      <c r="H282870" s="12"/>
    </row>
    <row r="282871" spans="8:8">
      <c r="H282871" s="12"/>
    </row>
    <row r="282872" spans="8:8">
      <c r="H282872" s="12"/>
    </row>
    <row r="282873" spans="8:8">
      <c r="H282873" s="12"/>
    </row>
    <row r="282874" spans="8:8">
      <c r="H282874" s="12"/>
    </row>
    <row r="282875" spans="8:8">
      <c r="H282875" s="12"/>
    </row>
    <row r="282876" spans="8:8">
      <c r="H282876" s="12"/>
    </row>
    <row r="282877" spans="8:8">
      <c r="H282877" s="12"/>
    </row>
    <row r="282878" spans="8:8">
      <c r="H282878" s="12"/>
    </row>
    <row r="282879" spans="8:8">
      <c r="H282879" s="12"/>
    </row>
    <row r="282880" spans="8:8">
      <c r="H282880" s="12"/>
    </row>
    <row r="282881" spans="8:8">
      <c r="H282881" s="12"/>
    </row>
    <row r="282882" spans="8:8">
      <c r="H282882" s="12"/>
    </row>
    <row r="282883" spans="8:8">
      <c r="H282883" s="12"/>
    </row>
    <row r="282884" spans="8:8">
      <c r="H282884" s="12"/>
    </row>
    <row r="282885" spans="8:8">
      <c r="H282885" s="12"/>
    </row>
    <row r="282886" spans="8:8">
      <c r="H282886" s="12"/>
    </row>
    <row r="282887" spans="8:8">
      <c r="H282887" s="12"/>
    </row>
    <row r="282888" spans="8:8">
      <c r="H282888" s="12"/>
    </row>
    <row r="282889" spans="8:8">
      <c r="H282889" s="12"/>
    </row>
    <row r="282890" spans="8:8">
      <c r="H282890" s="12"/>
    </row>
    <row r="282891" spans="8:8">
      <c r="H282891" s="12"/>
    </row>
    <row r="282892" spans="8:8">
      <c r="H282892" s="12"/>
    </row>
    <row r="282893" spans="8:8">
      <c r="H282893" s="12"/>
    </row>
    <row r="282894" spans="8:8">
      <c r="H282894" s="12"/>
    </row>
    <row r="282895" spans="8:8">
      <c r="H282895" s="12"/>
    </row>
    <row r="282896" spans="8:8">
      <c r="H282896" s="12"/>
    </row>
    <row r="282897" spans="8:8">
      <c r="H282897" s="12"/>
    </row>
    <row r="282898" spans="8:8">
      <c r="H282898" s="12"/>
    </row>
    <row r="282899" spans="8:8">
      <c r="H282899" s="12"/>
    </row>
    <row r="282900" spans="8:8">
      <c r="H282900" s="12"/>
    </row>
    <row r="282901" spans="8:8">
      <c r="H282901" s="12"/>
    </row>
    <row r="282902" spans="8:8">
      <c r="H282902" s="12"/>
    </row>
    <row r="282903" spans="8:8">
      <c r="H282903" s="12"/>
    </row>
    <row r="282904" spans="8:8">
      <c r="H282904" s="12"/>
    </row>
    <row r="282905" spans="8:8">
      <c r="H282905" s="12"/>
    </row>
    <row r="282906" spans="8:8">
      <c r="H282906" s="12"/>
    </row>
    <row r="282907" spans="8:8">
      <c r="H282907" s="12"/>
    </row>
    <row r="282908" spans="8:8">
      <c r="H282908" s="12"/>
    </row>
    <row r="282909" spans="8:8">
      <c r="H282909" s="12"/>
    </row>
    <row r="282910" spans="8:8">
      <c r="H282910" s="12"/>
    </row>
    <row r="282911" spans="8:8">
      <c r="H282911" s="12"/>
    </row>
    <row r="282912" spans="8:8">
      <c r="H282912" s="12"/>
    </row>
    <row r="282913" spans="8:8">
      <c r="H282913" s="12"/>
    </row>
    <row r="282914" spans="8:8">
      <c r="H282914" s="12"/>
    </row>
    <row r="282915" spans="8:8">
      <c r="H282915" s="12"/>
    </row>
    <row r="282916" spans="8:8">
      <c r="H282916" s="12"/>
    </row>
    <row r="282917" spans="8:8">
      <c r="H282917" s="12"/>
    </row>
    <row r="282918" spans="8:8">
      <c r="H282918" s="12"/>
    </row>
    <row r="282919" spans="8:8">
      <c r="H282919" s="12"/>
    </row>
    <row r="282920" spans="8:8">
      <c r="H282920" s="12"/>
    </row>
    <row r="282921" spans="8:8">
      <c r="H282921" s="12"/>
    </row>
    <row r="282922" spans="8:8">
      <c r="H282922" s="12"/>
    </row>
    <row r="282923" spans="8:8">
      <c r="H282923" s="12"/>
    </row>
    <row r="282924" spans="8:8">
      <c r="H282924" s="12"/>
    </row>
    <row r="282925" spans="8:8">
      <c r="H282925" s="12"/>
    </row>
    <row r="282926" spans="8:8">
      <c r="H282926" s="12"/>
    </row>
    <row r="282927" spans="8:8">
      <c r="H282927" s="12"/>
    </row>
    <row r="282928" spans="8:8">
      <c r="H282928" s="12"/>
    </row>
    <row r="282929" spans="8:8">
      <c r="H282929" s="12"/>
    </row>
    <row r="282930" spans="8:8">
      <c r="H282930" s="12"/>
    </row>
    <row r="282931" spans="8:8">
      <c r="H282931" s="12"/>
    </row>
    <row r="282932" spans="8:8">
      <c r="H282932" s="12"/>
    </row>
    <row r="282933" spans="8:8">
      <c r="H282933" s="12"/>
    </row>
    <row r="282934" spans="8:8">
      <c r="H282934" s="12"/>
    </row>
    <row r="282935" spans="8:8">
      <c r="H282935" s="12"/>
    </row>
    <row r="282936" spans="8:8">
      <c r="H282936" s="12"/>
    </row>
    <row r="282937" spans="8:8">
      <c r="H282937" s="12"/>
    </row>
    <row r="282938" spans="8:8">
      <c r="H282938" s="12"/>
    </row>
    <row r="282939" spans="8:8">
      <c r="H282939" s="12"/>
    </row>
    <row r="282940" spans="8:8">
      <c r="H282940" s="12"/>
    </row>
    <row r="282941" spans="8:8">
      <c r="H282941" s="12"/>
    </row>
    <row r="282942" spans="8:8">
      <c r="H282942" s="12"/>
    </row>
    <row r="282943" spans="8:8">
      <c r="H282943" s="12"/>
    </row>
    <row r="282944" spans="8:8">
      <c r="H282944" s="12"/>
    </row>
    <row r="282945" spans="8:8">
      <c r="H282945" s="12"/>
    </row>
    <row r="282946" spans="8:8">
      <c r="H282946" s="12"/>
    </row>
    <row r="282947" spans="8:8">
      <c r="H282947" s="12"/>
    </row>
    <row r="282948" spans="8:8">
      <c r="H282948" s="12"/>
    </row>
    <row r="282949" spans="8:8">
      <c r="H282949" s="12"/>
    </row>
    <row r="282950" spans="8:8">
      <c r="H282950" s="12"/>
    </row>
    <row r="282951" spans="8:8">
      <c r="H282951" s="12"/>
    </row>
    <row r="282952" spans="8:8">
      <c r="H282952" s="12"/>
    </row>
    <row r="282953" spans="8:8">
      <c r="H282953" s="12"/>
    </row>
    <row r="282954" spans="8:8">
      <c r="H282954" s="12"/>
    </row>
    <row r="282955" spans="8:8">
      <c r="H282955" s="12"/>
    </row>
    <row r="282956" spans="8:8">
      <c r="H282956" s="12"/>
    </row>
    <row r="282957" spans="8:8">
      <c r="H282957" s="12"/>
    </row>
    <row r="282958" spans="8:8">
      <c r="H282958" s="12"/>
    </row>
    <row r="282959" spans="8:8">
      <c r="H282959" s="12"/>
    </row>
    <row r="282960" spans="8:8">
      <c r="H282960" s="12"/>
    </row>
    <row r="282961" spans="8:8">
      <c r="H282961" s="12"/>
    </row>
    <row r="282962" spans="8:8">
      <c r="H282962" s="12"/>
    </row>
    <row r="282963" spans="8:8">
      <c r="H282963" s="12"/>
    </row>
    <row r="282964" spans="8:8">
      <c r="H282964" s="12"/>
    </row>
    <row r="282965" spans="8:8">
      <c r="H282965" s="12"/>
    </row>
    <row r="282966" spans="8:8">
      <c r="H282966" s="12"/>
    </row>
    <row r="282967" spans="8:8">
      <c r="H282967" s="12"/>
    </row>
    <row r="282968" spans="8:8">
      <c r="H282968" s="12"/>
    </row>
    <row r="282969" spans="8:8">
      <c r="H282969" s="12"/>
    </row>
    <row r="282970" spans="8:8">
      <c r="H282970" s="12"/>
    </row>
    <row r="282971" spans="8:8">
      <c r="H282971" s="12"/>
    </row>
    <row r="282972" spans="8:8">
      <c r="H282972" s="12"/>
    </row>
    <row r="282973" spans="8:8">
      <c r="H282973" s="12"/>
    </row>
    <row r="282974" spans="8:8">
      <c r="H282974" s="12"/>
    </row>
    <row r="282975" spans="8:8">
      <c r="H282975" s="12"/>
    </row>
    <row r="282976" spans="8:8">
      <c r="H282976" s="12"/>
    </row>
    <row r="282977" spans="8:8">
      <c r="H282977" s="12"/>
    </row>
    <row r="282978" spans="8:8">
      <c r="H282978" s="12"/>
    </row>
    <row r="282979" spans="8:8">
      <c r="H282979" s="12"/>
    </row>
    <row r="282980" spans="8:8">
      <c r="H282980" s="12"/>
    </row>
    <row r="282981" spans="8:8">
      <c r="H282981" s="12"/>
    </row>
    <row r="282982" spans="8:8">
      <c r="H282982" s="12"/>
    </row>
    <row r="282983" spans="8:8">
      <c r="H282983" s="12"/>
    </row>
    <row r="282984" spans="8:8">
      <c r="H282984" s="12"/>
    </row>
    <row r="282985" spans="8:8">
      <c r="H282985" s="12"/>
    </row>
    <row r="282986" spans="8:8">
      <c r="H282986" s="12"/>
    </row>
    <row r="282987" spans="8:8">
      <c r="H282987" s="12"/>
    </row>
    <row r="282988" spans="8:8">
      <c r="H282988" s="12"/>
    </row>
    <row r="282989" spans="8:8">
      <c r="H282989" s="12"/>
    </row>
    <row r="282990" spans="8:8">
      <c r="H282990" s="12"/>
    </row>
    <row r="282991" spans="8:8">
      <c r="H282991" s="12"/>
    </row>
    <row r="282992" spans="8:8">
      <c r="H282992" s="12"/>
    </row>
    <row r="282993" spans="8:8">
      <c r="H282993" s="12"/>
    </row>
    <row r="282994" spans="8:8">
      <c r="H282994" s="12"/>
    </row>
    <row r="282995" spans="8:8">
      <c r="H282995" s="12"/>
    </row>
    <row r="282996" spans="8:8">
      <c r="H282996" s="12"/>
    </row>
    <row r="282997" spans="8:8">
      <c r="H282997" s="12"/>
    </row>
    <row r="282998" spans="8:8">
      <c r="H282998" s="12"/>
    </row>
    <row r="282999" spans="8:8">
      <c r="H282999" s="12"/>
    </row>
    <row r="283000" spans="8:8">
      <c r="H283000" s="12"/>
    </row>
    <row r="283001" spans="8:8">
      <c r="H283001" s="12"/>
    </row>
    <row r="283002" spans="8:8">
      <c r="H283002" s="12"/>
    </row>
    <row r="283003" spans="8:8">
      <c r="H283003" s="12"/>
    </row>
    <row r="283004" spans="8:8">
      <c r="H283004" s="12"/>
    </row>
    <row r="283005" spans="8:8">
      <c r="H283005" s="12"/>
    </row>
    <row r="283006" spans="8:8">
      <c r="H283006" s="12"/>
    </row>
    <row r="283007" spans="8:8">
      <c r="H283007" s="12"/>
    </row>
    <row r="283008" spans="8:8">
      <c r="H283008" s="12"/>
    </row>
    <row r="283009" spans="8:8">
      <c r="H283009" s="12"/>
    </row>
    <row r="283010" spans="8:8">
      <c r="H283010" s="12"/>
    </row>
    <row r="283011" spans="8:8">
      <c r="H283011" s="12"/>
    </row>
    <row r="283012" spans="8:8">
      <c r="H283012" s="12"/>
    </row>
    <row r="283013" spans="8:8">
      <c r="H283013" s="12"/>
    </row>
    <row r="283014" spans="8:8">
      <c r="H283014" s="12"/>
    </row>
    <row r="283015" spans="8:8">
      <c r="H283015" s="12"/>
    </row>
    <row r="283016" spans="8:8">
      <c r="H283016" s="12"/>
    </row>
    <row r="283017" spans="8:8">
      <c r="H283017" s="12"/>
    </row>
    <row r="283018" spans="8:8">
      <c r="H283018" s="12"/>
    </row>
    <row r="283019" spans="8:8">
      <c r="H283019" s="12"/>
    </row>
    <row r="283020" spans="8:8">
      <c r="H283020" s="12"/>
    </row>
    <row r="283021" spans="8:8">
      <c r="H283021" s="12"/>
    </row>
    <row r="283022" spans="8:8">
      <c r="H283022" s="12"/>
    </row>
    <row r="283023" spans="8:8">
      <c r="H283023" s="12"/>
    </row>
    <row r="283024" spans="8:8">
      <c r="H283024" s="12"/>
    </row>
    <row r="283025" spans="8:8">
      <c r="H283025" s="12"/>
    </row>
    <row r="283026" spans="8:8">
      <c r="H283026" s="12"/>
    </row>
    <row r="283027" spans="8:8">
      <c r="H283027" s="12"/>
    </row>
    <row r="283028" spans="8:8">
      <c r="H283028" s="12"/>
    </row>
    <row r="283029" spans="8:8">
      <c r="H283029" s="12"/>
    </row>
    <row r="283030" spans="8:8">
      <c r="H283030" s="12"/>
    </row>
    <row r="283031" spans="8:8">
      <c r="H283031" s="12"/>
    </row>
    <row r="283032" spans="8:8">
      <c r="H283032" s="12"/>
    </row>
    <row r="283033" spans="8:8">
      <c r="H283033" s="12"/>
    </row>
    <row r="283034" spans="8:8">
      <c r="H283034" s="12"/>
    </row>
    <row r="283035" spans="8:8">
      <c r="H283035" s="12"/>
    </row>
    <row r="283036" spans="8:8">
      <c r="H283036" s="12"/>
    </row>
    <row r="283037" spans="8:8">
      <c r="H283037" s="12"/>
    </row>
    <row r="283038" spans="8:8">
      <c r="H283038" s="12"/>
    </row>
    <row r="283039" spans="8:8">
      <c r="H283039" s="12"/>
    </row>
    <row r="283040" spans="8:8">
      <c r="H283040" s="12"/>
    </row>
    <row r="283041" spans="8:8">
      <c r="H283041" s="12"/>
    </row>
    <row r="283042" spans="8:8">
      <c r="H283042" s="12"/>
    </row>
    <row r="283043" spans="8:8">
      <c r="H283043" s="12"/>
    </row>
    <row r="283044" spans="8:8">
      <c r="H283044" s="12"/>
    </row>
    <row r="283045" spans="8:8">
      <c r="H283045" s="12"/>
    </row>
    <row r="283046" spans="8:8">
      <c r="H283046" s="12"/>
    </row>
    <row r="283047" spans="8:8">
      <c r="H283047" s="12"/>
    </row>
    <row r="283048" spans="8:8">
      <c r="H283048" s="12"/>
    </row>
    <row r="283049" spans="8:8">
      <c r="H283049" s="12"/>
    </row>
    <row r="283050" spans="8:8">
      <c r="H283050" s="12"/>
    </row>
    <row r="283051" spans="8:8">
      <c r="H283051" s="12"/>
    </row>
    <row r="283052" spans="8:8">
      <c r="H283052" s="12"/>
    </row>
    <row r="283053" spans="8:8">
      <c r="H283053" s="12"/>
    </row>
    <row r="283054" spans="8:8">
      <c r="H283054" s="12"/>
    </row>
    <row r="283055" spans="8:8">
      <c r="H283055" s="12"/>
    </row>
    <row r="283056" spans="8:8">
      <c r="H283056" s="12"/>
    </row>
    <row r="283057" spans="8:8">
      <c r="H283057" s="12"/>
    </row>
    <row r="283058" spans="8:8">
      <c r="H283058" s="12"/>
    </row>
    <row r="283059" spans="8:8">
      <c r="H283059" s="12"/>
    </row>
    <row r="283060" spans="8:8">
      <c r="H283060" s="12"/>
    </row>
    <row r="283061" spans="8:8">
      <c r="H283061" s="12"/>
    </row>
    <row r="283062" spans="8:8">
      <c r="H283062" s="12"/>
    </row>
    <row r="283063" spans="8:8">
      <c r="H283063" s="12"/>
    </row>
    <row r="283064" spans="8:8">
      <c r="H283064" s="12"/>
    </row>
    <row r="283065" spans="8:8">
      <c r="H283065" s="12"/>
    </row>
    <row r="283066" spans="8:8">
      <c r="H283066" s="12"/>
    </row>
    <row r="283067" spans="8:8">
      <c r="H283067" s="12"/>
    </row>
    <row r="283068" spans="8:8">
      <c r="H283068" s="12"/>
    </row>
    <row r="283069" spans="8:8">
      <c r="H283069" s="12"/>
    </row>
    <row r="283070" spans="8:8">
      <c r="H283070" s="12"/>
    </row>
    <row r="283071" spans="8:8">
      <c r="H283071" s="12"/>
    </row>
    <row r="283072" spans="8:8">
      <c r="H283072" s="12"/>
    </row>
    <row r="283073" spans="8:8">
      <c r="H283073" s="12"/>
    </row>
    <row r="283074" spans="8:8">
      <c r="H283074" s="12"/>
    </row>
    <row r="283075" spans="8:8">
      <c r="H283075" s="12"/>
    </row>
    <row r="283076" spans="8:8">
      <c r="H283076" s="12"/>
    </row>
    <row r="283077" spans="8:8">
      <c r="H283077" s="12"/>
    </row>
    <row r="283078" spans="8:8">
      <c r="H283078" s="12"/>
    </row>
    <row r="283079" spans="8:8">
      <c r="H283079" s="12"/>
    </row>
    <row r="283080" spans="8:8">
      <c r="H283080" s="12"/>
    </row>
    <row r="283081" spans="8:8">
      <c r="H283081" s="12"/>
    </row>
    <row r="283082" spans="8:8">
      <c r="H283082" s="12"/>
    </row>
    <row r="283083" spans="8:8">
      <c r="H283083" s="12"/>
    </row>
    <row r="283084" spans="8:8">
      <c r="H283084" s="12"/>
    </row>
    <row r="283085" spans="8:8">
      <c r="H283085" s="12"/>
    </row>
    <row r="283086" spans="8:8">
      <c r="H283086" s="12"/>
    </row>
    <row r="283087" spans="8:8">
      <c r="H283087" s="12"/>
    </row>
    <row r="283088" spans="8:8">
      <c r="H283088" s="12"/>
    </row>
    <row r="283089" spans="8:8">
      <c r="H283089" s="12"/>
    </row>
    <row r="283090" spans="8:8">
      <c r="H283090" s="12"/>
    </row>
    <row r="283091" spans="8:8">
      <c r="H283091" s="12"/>
    </row>
    <row r="283092" spans="8:8">
      <c r="H283092" s="12"/>
    </row>
    <row r="283093" spans="8:8">
      <c r="H283093" s="12"/>
    </row>
    <row r="283094" spans="8:8">
      <c r="H283094" s="12"/>
    </row>
    <row r="283095" spans="8:8">
      <c r="H283095" s="12"/>
    </row>
    <row r="283096" spans="8:8">
      <c r="H283096" s="12"/>
    </row>
    <row r="283097" spans="8:8">
      <c r="H283097" s="12"/>
    </row>
    <row r="283098" spans="8:8">
      <c r="H283098" s="12"/>
    </row>
    <row r="283099" spans="8:8">
      <c r="H283099" s="12"/>
    </row>
    <row r="283100" spans="8:8">
      <c r="H283100" s="12"/>
    </row>
    <row r="283101" spans="8:8">
      <c r="H283101" s="12"/>
    </row>
    <row r="283102" spans="8:8">
      <c r="H283102" s="12"/>
    </row>
    <row r="283103" spans="8:8">
      <c r="H283103" s="12"/>
    </row>
    <row r="283104" spans="8:8">
      <c r="H283104" s="12"/>
    </row>
    <row r="283105" spans="8:8">
      <c r="H283105" s="12"/>
    </row>
    <row r="283106" spans="8:8">
      <c r="H283106" s="12"/>
    </row>
    <row r="283107" spans="8:8">
      <c r="H283107" s="12"/>
    </row>
    <row r="283108" spans="8:8">
      <c r="H283108" s="12"/>
    </row>
    <row r="283109" spans="8:8">
      <c r="H283109" s="12"/>
    </row>
    <row r="283110" spans="8:8">
      <c r="H283110" s="12"/>
    </row>
    <row r="283111" spans="8:8">
      <c r="H283111" s="12"/>
    </row>
    <row r="283112" spans="8:8">
      <c r="H283112" s="12"/>
    </row>
    <row r="283113" spans="8:8">
      <c r="H283113" s="12"/>
    </row>
    <row r="283114" spans="8:8">
      <c r="H283114" s="12"/>
    </row>
    <row r="283115" spans="8:8">
      <c r="H283115" s="12"/>
    </row>
    <row r="283116" spans="8:8">
      <c r="H283116" s="12"/>
    </row>
    <row r="283117" spans="8:8">
      <c r="H283117" s="12"/>
    </row>
    <row r="283118" spans="8:8">
      <c r="H283118" s="12"/>
    </row>
    <row r="283119" spans="8:8">
      <c r="H283119" s="12"/>
    </row>
    <row r="283120" spans="8:8">
      <c r="H283120" s="12"/>
    </row>
    <row r="283121" spans="8:8">
      <c r="H283121" s="12"/>
    </row>
    <row r="283122" spans="8:8">
      <c r="H283122" s="12"/>
    </row>
    <row r="283123" spans="8:8">
      <c r="H283123" s="12"/>
    </row>
    <row r="283124" spans="8:8">
      <c r="H283124" s="12"/>
    </row>
    <row r="283125" spans="8:8">
      <c r="H283125" s="12"/>
    </row>
    <row r="283126" spans="8:8">
      <c r="H283126" s="12"/>
    </row>
    <row r="283127" spans="8:8">
      <c r="H283127" s="12"/>
    </row>
    <row r="283128" spans="8:8">
      <c r="H283128" s="12"/>
    </row>
    <row r="283129" spans="8:8">
      <c r="H283129" s="12"/>
    </row>
    <row r="283130" spans="8:8">
      <c r="H283130" s="12"/>
    </row>
    <row r="283131" spans="8:8">
      <c r="H283131" s="12"/>
    </row>
    <row r="283132" spans="8:8">
      <c r="H283132" s="12"/>
    </row>
    <row r="283133" spans="8:8">
      <c r="H283133" s="12"/>
    </row>
    <row r="283134" spans="8:8">
      <c r="H283134" s="12"/>
    </row>
    <row r="283135" spans="8:8">
      <c r="H283135" s="12"/>
    </row>
    <row r="283136" spans="8:8">
      <c r="H283136" s="12"/>
    </row>
    <row r="283137" spans="8:8">
      <c r="H283137" s="12"/>
    </row>
    <row r="283138" spans="8:8">
      <c r="H283138" s="12"/>
    </row>
    <row r="283139" spans="8:8">
      <c r="H283139" s="12"/>
    </row>
    <row r="283140" spans="8:8">
      <c r="H283140" s="12"/>
    </row>
    <row r="283141" spans="8:8">
      <c r="H283141" s="12"/>
    </row>
    <row r="283142" spans="8:8">
      <c r="H283142" s="12"/>
    </row>
    <row r="283143" spans="8:8">
      <c r="H283143" s="12"/>
    </row>
    <row r="283144" spans="8:8">
      <c r="H283144" s="12"/>
    </row>
    <row r="283145" spans="8:8">
      <c r="H283145" s="12"/>
    </row>
    <row r="283146" spans="8:8">
      <c r="H283146" s="12"/>
    </row>
    <row r="283147" spans="8:8">
      <c r="H283147" s="12"/>
    </row>
    <row r="283148" spans="8:8">
      <c r="H283148" s="12"/>
    </row>
    <row r="283149" spans="8:8">
      <c r="H283149" s="12"/>
    </row>
    <row r="283150" spans="8:8">
      <c r="H283150" s="12"/>
    </row>
    <row r="283151" spans="8:8">
      <c r="H283151" s="12"/>
    </row>
    <row r="283152" spans="8:8">
      <c r="H283152" s="12"/>
    </row>
    <row r="283153" spans="8:8">
      <c r="H283153" s="12"/>
    </row>
    <row r="283154" spans="8:8">
      <c r="H283154" s="12"/>
    </row>
    <row r="283155" spans="8:8">
      <c r="H283155" s="12"/>
    </row>
    <row r="283156" spans="8:8">
      <c r="H283156" s="12"/>
    </row>
    <row r="283157" spans="8:8">
      <c r="H283157" s="12"/>
    </row>
    <row r="283158" spans="8:8">
      <c r="H283158" s="12"/>
    </row>
    <row r="283159" spans="8:8">
      <c r="H283159" s="12"/>
    </row>
    <row r="283160" spans="8:8">
      <c r="H283160" s="12"/>
    </row>
    <row r="283161" spans="8:8">
      <c r="H283161" s="12"/>
    </row>
    <row r="283162" spans="8:8">
      <c r="H283162" s="12"/>
    </row>
    <row r="283163" spans="8:8">
      <c r="H283163" s="12"/>
    </row>
    <row r="283164" spans="8:8">
      <c r="H283164" s="12"/>
    </row>
    <row r="283165" spans="8:8">
      <c r="H283165" s="12"/>
    </row>
    <row r="283166" spans="8:8">
      <c r="H283166" s="12"/>
    </row>
    <row r="283167" spans="8:8">
      <c r="H283167" s="12"/>
    </row>
    <row r="283168" spans="8:8">
      <c r="H283168" s="12"/>
    </row>
    <row r="283169" spans="8:8">
      <c r="H283169" s="12"/>
    </row>
    <row r="283170" spans="8:8">
      <c r="H283170" s="12"/>
    </row>
    <row r="283171" spans="8:8">
      <c r="H283171" s="12"/>
    </row>
    <row r="283172" spans="8:8">
      <c r="H283172" s="12"/>
    </row>
    <row r="283173" spans="8:8">
      <c r="H283173" s="12"/>
    </row>
    <row r="283174" spans="8:8">
      <c r="H283174" s="12"/>
    </row>
    <row r="283175" spans="8:8">
      <c r="H283175" s="12"/>
    </row>
    <row r="283176" spans="8:8">
      <c r="H283176" s="12"/>
    </row>
    <row r="283177" spans="8:8">
      <c r="H283177" s="12"/>
    </row>
    <row r="283178" spans="8:8">
      <c r="H283178" s="12"/>
    </row>
    <row r="283179" spans="8:8">
      <c r="H283179" s="12"/>
    </row>
    <row r="283180" spans="8:8">
      <c r="H283180" s="12"/>
    </row>
    <row r="283181" spans="8:8">
      <c r="H283181" s="12"/>
    </row>
    <row r="283182" spans="8:8">
      <c r="H283182" s="12"/>
    </row>
    <row r="283183" spans="8:8">
      <c r="H283183" s="12"/>
    </row>
    <row r="283184" spans="8:8">
      <c r="H283184" s="12"/>
    </row>
    <row r="283185" spans="8:8">
      <c r="H283185" s="12"/>
    </row>
    <row r="283186" spans="8:8">
      <c r="H283186" s="12"/>
    </row>
    <row r="283187" spans="8:8">
      <c r="H283187" s="12"/>
    </row>
    <row r="283188" spans="8:8">
      <c r="H283188" s="12"/>
    </row>
    <row r="283189" spans="8:8">
      <c r="H283189" s="12"/>
    </row>
    <row r="283190" spans="8:8">
      <c r="H283190" s="12"/>
    </row>
    <row r="283191" spans="8:8">
      <c r="H283191" s="12"/>
    </row>
    <row r="283192" spans="8:8">
      <c r="H283192" s="12"/>
    </row>
    <row r="283193" spans="8:8">
      <c r="H283193" s="12"/>
    </row>
    <row r="283194" spans="8:8">
      <c r="H283194" s="12"/>
    </row>
    <row r="283195" spans="8:8">
      <c r="H283195" s="12"/>
    </row>
    <row r="283196" spans="8:8">
      <c r="H283196" s="12"/>
    </row>
    <row r="283197" spans="8:8">
      <c r="H283197" s="12"/>
    </row>
    <row r="283198" spans="8:8">
      <c r="H283198" s="12"/>
    </row>
    <row r="283199" spans="8:8">
      <c r="H283199" s="12"/>
    </row>
    <row r="283200" spans="8:8">
      <c r="H283200" s="12"/>
    </row>
    <row r="283201" spans="8:8">
      <c r="H283201" s="12"/>
    </row>
    <row r="283202" spans="8:8">
      <c r="H283202" s="12"/>
    </row>
    <row r="283203" spans="8:8">
      <c r="H283203" s="12"/>
    </row>
    <row r="283204" spans="8:8">
      <c r="H283204" s="12"/>
    </row>
    <row r="283205" spans="8:8">
      <c r="H283205" s="12"/>
    </row>
    <row r="283206" spans="8:8">
      <c r="H283206" s="12"/>
    </row>
    <row r="283207" spans="8:8">
      <c r="H283207" s="12"/>
    </row>
    <row r="283208" spans="8:8">
      <c r="H283208" s="12"/>
    </row>
    <row r="283209" spans="8:8">
      <c r="H283209" s="12"/>
    </row>
    <row r="283210" spans="8:8">
      <c r="H283210" s="12"/>
    </row>
    <row r="283211" spans="8:8">
      <c r="H283211" s="12"/>
    </row>
    <row r="283212" spans="8:8">
      <c r="H283212" s="12"/>
    </row>
    <row r="283213" spans="8:8">
      <c r="H283213" s="12"/>
    </row>
    <row r="283214" spans="8:8">
      <c r="H283214" s="12"/>
    </row>
    <row r="283215" spans="8:8">
      <c r="H283215" s="12"/>
    </row>
    <row r="283216" spans="8:8">
      <c r="H283216" s="12"/>
    </row>
    <row r="283217" spans="8:8">
      <c r="H283217" s="12"/>
    </row>
    <row r="283218" spans="8:8">
      <c r="H283218" s="12"/>
    </row>
    <row r="283219" spans="8:8">
      <c r="H283219" s="12"/>
    </row>
    <row r="283220" spans="8:8">
      <c r="H283220" s="12"/>
    </row>
    <row r="283221" spans="8:8">
      <c r="H283221" s="12"/>
    </row>
    <row r="283222" spans="8:8">
      <c r="H283222" s="12"/>
    </row>
    <row r="283223" spans="8:8">
      <c r="H283223" s="12"/>
    </row>
    <row r="283224" spans="8:8">
      <c r="H283224" s="12"/>
    </row>
    <row r="283225" spans="8:8">
      <c r="H283225" s="12"/>
    </row>
    <row r="283226" spans="8:8">
      <c r="H283226" s="12"/>
    </row>
    <row r="283227" spans="8:8">
      <c r="H283227" s="12"/>
    </row>
    <row r="283228" spans="8:8">
      <c r="H283228" s="12"/>
    </row>
    <row r="283229" spans="8:8">
      <c r="H283229" s="12"/>
    </row>
    <row r="283230" spans="8:8">
      <c r="H283230" s="12"/>
    </row>
    <row r="283231" spans="8:8">
      <c r="H283231" s="12"/>
    </row>
    <row r="283232" spans="8:8">
      <c r="H283232" s="12"/>
    </row>
    <row r="283233" spans="8:8">
      <c r="H283233" s="12"/>
    </row>
    <row r="283234" spans="8:8">
      <c r="H283234" s="12"/>
    </row>
    <row r="283235" spans="8:8">
      <c r="H283235" s="12"/>
    </row>
    <row r="283236" spans="8:8">
      <c r="H283236" s="12"/>
    </row>
    <row r="283237" spans="8:8">
      <c r="H283237" s="12"/>
    </row>
    <row r="283238" spans="8:8">
      <c r="H283238" s="12"/>
    </row>
    <row r="283239" spans="8:8">
      <c r="H283239" s="12"/>
    </row>
    <row r="283240" spans="8:8">
      <c r="H283240" s="12"/>
    </row>
    <row r="283241" spans="8:8">
      <c r="H283241" s="12"/>
    </row>
    <row r="283242" spans="8:8">
      <c r="H283242" s="12"/>
    </row>
    <row r="283243" spans="8:8">
      <c r="H283243" s="12"/>
    </row>
    <row r="283244" spans="8:8">
      <c r="H283244" s="12"/>
    </row>
    <row r="283245" spans="8:8">
      <c r="H283245" s="12"/>
    </row>
    <row r="283246" spans="8:8">
      <c r="H283246" s="12"/>
    </row>
    <row r="283247" spans="8:8">
      <c r="H283247" s="12"/>
    </row>
    <row r="283248" spans="8:8">
      <c r="H283248" s="12"/>
    </row>
    <row r="283249" spans="8:8">
      <c r="H283249" s="12"/>
    </row>
    <row r="283250" spans="8:8">
      <c r="H283250" s="12"/>
    </row>
    <row r="283251" spans="8:8">
      <c r="H283251" s="12"/>
    </row>
    <row r="283252" spans="8:8">
      <c r="H283252" s="12"/>
    </row>
    <row r="283253" spans="8:8">
      <c r="H283253" s="12"/>
    </row>
    <row r="283254" spans="8:8">
      <c r="H283254" s="12"/>
    </row>
    <row r="283255" spans="8:8">
      <c r="H283255" s="12"/>
    </row>
    <row r="283256" spans="8:8">
      <c r="H283256" s="12"/>
    </row>
    <row r="283257" spans="8:8">
      <c r="H283257" s="12"/>
    </row>
    <row r="283258" spans="8:8">
      <c r="H283258" s="12"/>
    </row>
    <row r="283259" spans="8:8">
      <c r="H283259" s="12"/>
    </row>
    <row r="283260" spans="8:8">
      <c r="H283260" s="12"/>
    </row>
    <row r="283261" spans="8:8">
      <c r="H283261" s="12"/>
    </row>
    <row r="283262" spans="8:8">
      <c r="H283262" s="12"/>
    </row>
    <row r="283263" spans="8:8">
      <c r="H283263" s="12"/>
    </row>
    <row r="283264" spans="8:8">
      <c r="H283264" s="12"/>
    </row>
    <row r="283265" spans="8:8">
      <c r="H283265" s="12"/>
    </row>
    <row r="283266" spans="8:8">
      <c r="H283266" s="12"/>
    </row>
    <row r="283267" spans="8:8">
      <c r="H283267" s="12"/>
    </row>
    <row r="283268" spans="8:8">
      <c r="H283268" s="12"/>
    </row>
    <row r="283269" spans="8:8">
      <c r="H283269" s="12"/>
    </row>
    <row r="283270" spans="8:8">
      <c r="H283270" s="12"/>
    </row>
    <row r="283271" spans="8:8">
      <c r="H283271" s="12"/>
    </row>
    <row r="283272" spans="8:8">
      <c r="H283272" s="12"/>
    </row>
    <row r="283273" spans="8:8">
      <c r="H283273" s="12"/>
    </row>
    <row r="283274" spans="8:8">
      <c r="H283274" s="12"/>
    </row>
    <row r="283275" spans="8:8">
      <c r="H283275" s="12"/>
    </row>
    <row r="283276" spans="8:8">
      <c r="H283276" s="12"/>
    </row>
    <row r="283277" spans="8:8">
      <c r="H283277" s="12"/>
    </row>
    <row r="283278" spans="8:8">
      <c r="H283278" s="12"/>
    </row>
    <row r="283279" spans="8:8">
      <c r="H283279" s="12"/>
    </row>
    <row r="283280" spans="8:8">
      <c r="H283280" s="12"/>
    </row>
    <row r="283281" spans="8:8">
      <c r="H283281" s="12"/>
    </row>
    <row r="283282" spans="8:8">
      <c r="H283282" s="12"/>
    </row>
    <row r="283283" spans="8:8">
      <c r="H283283" s="12"/>
    </row>
    <row r="283284" spans="8:8">
      <c r="H283284" s="12"/>
    </row>
    <row r="283285" spans="8:8">
      <c r="H283285" s="12"/>
    </row>
    <row r="283286" spans="8:8">
      <c r="H283286" s="12"/>
    </row>
    <row r="283287" spans="8:8">
      <c r="H283287" s="12"/>
    </row>
    <row r="283288" spans="8:8">
      <c r="H283288" s="12"/>
    </row>
    <row r="283289" spans="8:8">
      <c r="H283289" s="12"/>
    </row>
    <row r="283290" spans="8:8">
      <c r="H283290" s="12"/>
    </row>
    <row r="283291" spans="8:8">
      <c r="H283291" s="12"/>
    </row>
    <row r="283292" spans="8:8">
      <c r="H283292" s="12"/>
    </row>
    <row r="283293" spans="8:8">
      <c r="H283293" s="12"/>
    </row>
    <row r="283294" spans="8:8">
      <c r="H283294" s="12"/>
    </row>
    <row r="283295" spans="8:8">
      <c r="H283295" s="12"/>
    </row>
    <row r="283296" spans="8:8">
      <c r="H283296" s="12"/>
    </row>
    <row r="283297" spans="8:8">
      <c r="H283297" s="12"/>
    </row>
    <row r="283298" spans="8:8">
      <c r="H283298" s="12"/>
    </row>
    <row r="283299" spans="8:8">
      <c r="H283299" s="12"/>
    </row>
    <row r="283300" spans="8:8">
      <c r="H283300" s="12"/>
    </row>
    <row r="283301" spans="8:8">
      <c r="H283301" s="12"/>
    </row>
    <row r="283302" spans="8:8">
      <c r="H283302" s="12"/>
    </row>
    <row r="283303" spans="8:8">
      <c r="H283303" s="12"/>
    </row>
    <row r="283304" spans="8:8">
      <c r="H283304" s="12"/>
    </row>
    <row r="283305" spans="8:8">
      <c r="H283305" s="12"/>
    </row>
    <row r="283306" spans="8:8">
      <c r="H283306" s="12"/>
    </row>
    <row r="283307" spans="8:8">
      <c r="H283307" s="12"/>
    </row>
    <row r="283308" spans="8:8">
      <c r="H283308" s="12"/>
    </row>
    <row r="283309" spans="8:8">
      <c r="H283309" s="12"/>
    </row>
    <row r="283310" spans="8:8">
      <c r="H283310" s="12"/>
    </row>
    <row r="283311" spans="8:8">
      <c r="H283311" s="12"/>
    </row>
    <row r="283312" spans="8:8">
      <c r="H283312" s="12"/>
    </row>
    <row r="283313" spans="8:8">
      <c r="H283313" s="12"/>
    </row>
    <row r="283314" spans="8:8">
      <c r="H283314" s="12"/>
    </row>
    <row r="283315" spans="8:8">
      <c r="H283315" s="12"/>
    </row>
    <row r="283316" spans="8:8">
      <c r="H283316" s="12"/>
    </row>
    <row r="283317" spans="8:8">
      <c r="H283317" s="12"/>
    </row>
    <row r="283318" spans="8:8">
      <c r="H283318" s="12"/>
    </row>
    <row r="283319" spans="8:8">
      <c r="H283319" s="12"/>
    </row>
    <row r="283320" spans="8:8">
      <c r="H283320" s="12"/>
    </row>
    <row r="283321" spans="8:8">
      <c r="H283321" s="12"/>
    </row>
    <row r="283322" spans="8:8">
      <c r="H283322" s="12"/>
    </row>
    <row r="283323" spans="8:8">
      <c r="H283323" s="12"/>
    </row>
    <row r="283324" spans="8:8">
      <c r="H283324" s="12"/>
    </row>
    <row r="283325" spans="8:8">
      <c r="H283325" s="12"/>
    </row>
    <row r="283326" spans="8:8">
      <c r="H283326" s="12"/>
    </row>
    <row r="283327" spans="8:8">
      <c r="H283327" s="12"/>
    </row>
    <row r="283328" spans="8:8">
      <c r="H283328" s="12"/>
    </row>
    <row r="283329" spans="8:8">
      <c r="H283329" s="12"/>
    </row>
    <row r="283330" spans="8:8">
      <c r="H283330" s="12"/>
    </row>
    <row r="283331" spans="8:8">
      <c r="H283331" s="12"/>
    </row>
    <row r="283332" spans="8:8">
      <c r="H283332" s="12"/>
    </row>
    <row r="283333" spans="8:8">
      <c r="H283333" s="12"/>
    </row>
    <row r="283334" spans="8:8">
      <c r="H283334" s="12"/>
    </row>
    <row r="283335" spans="8:8">
      <c r="H283335" s="12"/>
    </row>
    <row r="283336" spans="8:8">
      <c r="H283336" s="12"/>
    </row>
    <row r="283337" spans="8:8">
      <c r="H283337" s="12"/>
    </row>
    <row r="283338" spans="8:8">
      <c r="H283338" s="12"/>
    </row>
    <row r="283339" spans="8:8">
      <c r="H283339" s="12"/>
    </row>
    <row r="283340" spans="8:8">
      <c r="H283340" s="12"/>
    </row>
    <row r="283341" spans="8:8">
      <c r="H283341" s="12"/>
    </row>
    <row r="283342" spans="8:8">
      <c r="H283342" s="12"/>
    </row>
    <row r="283343" spans="8:8">
      <c r="H283343" s="12"/>
    </row>
    <row r="283344" spans="8:8">
      <c r="H283344" s="12"/>
    </row>
    <row r="283345" spans="8:8">
      <c r="H283345" s="12"/>
    </row>
    <row r="283346" spans="8:8">
      <c r="H283346" s="12"/>
    </row>
    <row r="283347" spans="8:8">
      <c r="H283347" s="12"/>
    </row>
    <row r="283348" spans="8:8">
      <c r="H283348" s="12"/>
    </row>
    <row r="283349" spans="8:8">
      <c r="H283349" s="12"/>
    </row>
    <row r="283350" spans="8:8">
      <c r="H283350" s="12"/>
    </row>
    <row r="283351" spans="8:8">
      <c r="H283351" s="12"/>
    </row>
    <row r="283352" spans="8:8">
      <c r="H283352" s="12"/>
    </row>
    <row r="283353" spans="8:8">
      <c r="H283353" s="12"/>
    </row>
    <row r="283354" spans="8:8">
      <c r="H283354" s="12"/>
    </row>
    <row r="283355" spans="8:8">
      <c r="H283355" s="12"/>
    </row>
    <row r="283356" spans="8:8">
      <c r="H283356" s="12"/>
    </row>
    <row r="283357" spans="8:8">
      <c r="H283357" s="12"/>
    </row>
    <row r="283358" spans="8:8">
      <c r="H283358" s="12"/>
    </row>
    <row r="283359" spans="8:8">
      <c r="H283359" s="12"/>
    </row>
    <row r="283360" spans="8:8">
      <c r="H283360" s="12"/>
    </row>
    <row r="283361" spans="8:8">
      <c r="H283361" s="12"/>
    </row>
    <row r="283362" spans="8:8">
      <c r="H283362" s="12"/>
    </row>
    <row r="283363" spans="8:8">
      <c r="H283363" s="12"/>
    </row>
    <row r="283364" spans="8:8">
      <c r="H283364" s="12"/>
    </row>
    <row r="283365" spans="8:8">
      <c r="H283365" s="12"/>
    </row>
    <row r="283366" spans="8:8">
      <c r="H283366" s="12"/>
    </row>
    <row r="283367" spans="8:8">
      <c r="H283367" s="12"/>
    </row>
    <row r="283368" spans="8:8">
      <c r="H283368" s="12"/>
    </row>
    <row r="283369" spans="8:8">
      <c r="H283369" s="12"/>
    </row>
    <row r="283370" spans="8:8">
      <c r="H283370" s="12"/>
    </row>
    <row r="283371" spans="8:8">
      <c r="H283371" s="12"/>
    </row>
    <row r="283372" spans="8:8">
      <c r="H283372" s="12"/>
    </row>
    <row r="283373" spans="8:8">
      <c r="H283373" s="12"/>
    </row>
    <row r="283374" spans="8:8">
      <c r="H283374" s="12"/>
    </row>
    <row r="283375" spans="8:8">
      <c r="H283375" s="12"/>
    </row>
    <row r="283376" spans="8:8">
      <c r="H283376" s="12"/>
    </row>
    <row r="283377" spans="8:8">
      <c r="H283377" s="12"/>
    </row>
    <row r="283378" spans="8:8">
      <c r="H283378" s="12"/>
    </row>
    <row r="283379" spans="8:8">
      <c r="H283379" s="12"/>
    </row>
    <row r="283380" spans="8:8">
      <c r="H283380" s="12"/>
    </row>
    <row r="283381" spans="8:8">
      <c r="H283381" s="12"/>
    </row>
    <row r="283382" spans="8:8">
      <c r="H283382" s="12"/>
    </row>
    <row r="283383" spans="8:8">
      <c r="H283383" s="12"/>
    </row>
    <row r="283384" spans="8:8">
      <c r="H283384" s="12"/>
    </row>
    <row r="283385" spans="8:8">
      <c r="H283385" s="12"/>
    </row>
    <row r="283386" spans="8:8">
      <c r="H283386" s="12"/>
    </row>
    <row r="283387" spans="8:8">
      <c r="H283387" s="12"/>
    </row>
    <row r="283388" spans="8:8">
      <c r="H283388" s="12"/>
    </row>
    <row r="283389" spans="8:8">
      <c r="H283389" s="12"/>
    </row>
    <row r="283390" spans="8:8">
      <c r="H283390" s="12"/>
    </row>
    <row r="283391" spans="8:8">
      <c r="H283391" s="12"/>
    </row>
    <row r="283392" spans="8:8">
      <c r="H283392" s="12"/>
    </row>
    <row r="283393" spans="8:8">
      <c r="H283393" s="12"/>
    </row>
    <row r="283394" spans="8:8">
      <c r="H283394" s="12"/>
    </row>
    <row r="283395" spans="8:8">
      <c r="H283395" s="12"/>
    </row>
    <row r="283396" spans="8:8">
      <c r="H283396" s="12"/>
    </row>
    <row r="283397" spans="8:8">
      <c r="H283397" s="12"/>
    </row>
    <row r="283398" spans="8:8">
      <c r="H283398" s="12"/>
    </row>
    <row r="283399" spans="8:8">
      <c r="H283399" s="12"/>
    </row>
    <row r="283400" spans="8:8">
      <c r="H283400" s="12"/>
    </row>
    <row r="283401" spans="8:8">
      <c r="H283401" s="12"/>
    </row>
    <row r="283402" spans="8:8">
      <c r="H283402" s="12"/>
    </row>
    <row r="283403" spans="8:8">
      <c r="H283403" s="12"/>
    </row>
    <row r="283404" spans="8:8">
      <c r="H283404" s="12"/>
    </row>
    <row r="283405" spans="8:8">
      <c r="H283405" s="12"/>
    </row>
    <row r="283406" spans="8:8">
      <c r="H283406" s="12"/>
    </row>
    <row r="283407" spans="8:8">
      <c r="H283407" s="12"/>
    </row>
    <row r="283408" spans="8:8">
      <c r="H283408" s="12"/>
    </row>
    <row r="283409" spans="8:8">
      <c r="H283409" s="12"/>
    </row>
    <row r="283410" spans="8:8">
      <c r="H283410" s="12"/>
    </row>
    <row r="283411" spans="8:8">
      <c r="H283411" s="12"/>
    </row>
    <row r="283412" spans="8:8">
      <c r="H283412" s="12"/>
    </row>
    <row r="283413" spans="8:8">
      <c r="H283413" s="12"/>
    </row>
    <row r="283414" spans="8:8">
      <c r="H283414" s="12"/>
    </row>
    <row r="283415" spans="8:8">
      <c r="H283415" s="12"/>
    </row>
    <row r="283416" spans="8:8">
      <c r="H283416" s="12"/>
    </row>
    <row r="283417" spans="8:8">
      <c r="H283417" s="12"/>
    </row>
    <row r="283418" spans="8:8">
      <c r="H283418" s="12"/>
    </row>
    <row r="283419" spans="8:8">
      <c r="H283419" s="12"/>
    </row>
    <row r="283420" spans="8:8">
      <c r="H283420" s="12"/>
    </row>
    <row r="283421" spans="8:8">
      <c r="H283421" s="12"/>
    </row>
    <row r="283422" spans="8:8">
      <c r="H283422" s="12"/>
    </row>
    <row r="283423" spans="8:8">
      <c r="H283423" s="12"/>
    </row>
    <row r="283424" spans="8:8">
      <c r="H283424" s="12"/>
    </row>
    <row r="283425" spans="8:8">
      <c r="H283425" s="12"/>
    </row>
    <row r="283426" spans="8:8">
      <c r="H283426" s="12"/>
    </row>
    <row r="283427" spans="8:8">
      <c r="H283427" s="12"/>
    </row>
    <row r="283428" spans="8:8">
      <c r="H283428" s="12"/>
    </row>
    <row r="283429" spans="8:8">
      <c r="H283429" s="12"/>
    </row>
    <row r="283430" spans="8:8">
      <c r="H283430" s="12"/>
    </row>
    <row r="283431" spans="8:8">
      <c r="H283431" s="12"/>
    </row>
    <row r="283432" spans="8:8">
      <c r="H283432" s="12"/>
    </row>
    <row r="283433" spans="8:8">
      <c r="H283433" s="12"/>
    </row>
    <row r="283434" spans="8:8">
      <c r="H283434" s="12"/>
    </row>
    <row r="283435" spans="8:8">
      <c r="H283435" s="12"/>
    </row>
    <row r="283436" spans="8:8">
      <c r="H283436" s="12"/>
    </row>
    <row r="283437" spans="8:8">
      <c r="H283437" s="12"/>
    </row>
    <row r="283438" spans="8:8">
      <c r="H283438" s="12"/>
    </row>
    <row r="283439" spans="8:8">
      <c r="H283439" s="12"/>
    </row>
    <row r="283440" spans="8:8">
      <c r="H283440" s="12"/>
    </row>
    <row r="283441" spans="8:8">
      <c r="H283441" s="12"/>
    </row>
    <row r="283442" spans="8:8">
      <c r="H283442" s="12"/>
    </row>
    <row r="283443" spans="8:8">
      <c r="H283443" s="12"/>
    </row>
    <row r="283444" spans="8:8">
      <c r="H283444" s="12"/>
    </row>
    <row r="283445" spans="8:8">
      <c r="H283445" s="12"/>
    </row>
    <row r="283446" spans="8:8">
      <c r="H283446" s="12"/>
    </row>
    <row r="283447" spans="8:8">
      <c r="H283447" s="12"/>
    </row>
    <row r="283448" spans="8:8">
      <c r="H283448" s="12"/>
    </row>
    <row r="283449" spans="8:8">
      <c r="H283449" s="12"/>
    </row>
    <row r="283450" spans="8:8">
      <c r="H283450" s="12"/>
    </row>
    <row r="283451" spans="8:8">
      <c r="H283451" s="12"/>
    </row>
    <row r="283452" spans="8:8">
      <c r="H283452" s="12"/>
    </row>
    <row r="283453" spans="8:8">
      <c r="H283453" s="12"/>
    </row>
    <row r="283454" spans="8:8">
      <c r="H283454" s="12"/>
    </row>
    <row r="283455" spans="8:8">
      <c r="H283455" s="12"/>
    </row>
    <row r="283456" spans="8:8">
      <c r="H283456" s="12"/>
    </row>
    <row r="283457" spans="8:8">
      <c r="H283457" s="12"/>
    </row>
    <row r="283458" spans="8:8">
      <c r="H283458" s="12"/>
    </row>
    <row r="283459" spans="8:8">
      <c r="H283459" s="12"/>
    </row>
    <row r="283460" spans="8:8">
      <c r="H283460" s="12"/>
    </row>
    <row r="283461" spans="8:8">
      <c r="H283461" s="12"/>
    </row>
    <row r="283462" spans="8:8">
      <c r="H283462" s="12"/>
    </row>
    <row r="283463" spans="8:8">
      <c r="H283463" s="12"/>
    </row>
    <row r="283464" spans="8:8">
      <c r="H283464" s="12"/>
    </row>
    <row r="283465" spans="8:8">
      <c r="H283465" s="12"/>
    </row>
    <row r="283466" spans="8:8">
      <c r="H283466" s="12"/>
    </row>
    <row r="283467" spans="8:8">
      <c r="H283467" s="12"/>
    </row>
    <row r="283468" spans="8:8">
      <c r="H283468" s="12"/>
    </row>
    <row r="283469" spans="8:8">
      <c r="H283469" s="12"/>
    </row>
    <row r="283470" spans="8:8">
      <c r="H283470" s="12"/>
    </row>
    <row r="283471" spans="8:8">
      <c r="H283471" s="12"/>
    </row>
    <row r="283472" spans="8:8">
      <c r="H283472" s="12"/>
    </row>
    <row r="283473" spans="8:8">
      <c r="H283473" s="12"/>
    </row>
    <row r="283474" spans="8:8">
      <c r="H283474" s="12"/>
    </row>
    <row r="283475" spans="8:8">
      <c r="H283475" s="12"/>
    </row>
    <row r="283476" spans="8:8">
      <c r="H283476" s="12"/>
    </row>
    <row r="283477" spans="8:8">
      <c r="H283477" s="12"/>
    </row>
    <row r="283478" spans="8:8">
      <c r="H283478" s="12"/>
    </row>
    <row r="283479" spans="8:8">
      <c r="H283479" s="12"/>
    </row>
    <row r="283480" spans="8:8">
      <c r="H283480" s="12"/>
    </row>
    <row r="283481" spans="8:8">
      <c r="H283481" s="12"/>
    </row>
    <row r="283482" spans="8:8">
      <c r="H283482" s="12"/>
    </row>
    <row r="283483" spans="8:8">
      <c r="H283483" s="12"/>
    </row>
    <row r="283484" spans="8:8">
      <c r="H283484" s="12"/>
    </row>
    <row r="283485" spans="8:8">
      <c r="H283485" s="12"/>
    </row>
    <row r="283486" spans="8:8">
      <c r="H283486" s="12"/>
    </row>
    <row r="283487" spans="8:8">
      <c r="H283487" s="12"/>
    </row>
    <row r="283488" spans="8:8">
      <c r="H283488" s="12"/>
    </row>
    <row r="283489" spans="8:8">
      <c r="H283489" s="12"/>
    </row>
    <row r="283490" spans="8:8">
      <c r="H283490" s="12"/>
    </row>
    <row r="283491" spans="8:8">
      <c r="H283491" s="12"/>
    </row>
    <row r="283492" spans="8:8">
      <c r="H283492" s="12"/>
    </row>
    <row r="283493" spans="8:8">
      <c r="H283493" s="12"/>
    </row>
    <row r="283494" spans="8:8">
      <c r="H283494" s="12"/>
    </row>
    <row r="283495" spans="8:8">
      <c r="H283495" s="12"/>
    </row>
    <row r="283496" spans="8:8">
      <c r="H283496" s="12"/>
    </row>
    <row r="283497" spans="8:8">
      <c r="H283497" s="12"/>
    </row>
    <row r="283498" spans="8:8">
      <c r="H283498" s="12"/>
    </row>
    <row r="283499" spans="8:8">
      <c r="H283499" s="12"/>
    </row>
    <row r="283500" spans="8:8">
      <c r="H283500" s="12"/>
    </row>
    <row r="283501" spans="8:8">
      <c r="H283501" s="12"/>
    </row>
    <row r="283502" spans="8:8">
      <c r="H283502" s="12"/>
    </row>
    <row r="283503" spans="8:8">
      <c r="H283503" s="12"/>
    </row>
    <row r="283504" spans="8:8">
      <c r="H283504" s="12"/>
    </row>
    <row r="283505" spans="8:8">
      <c r="H283505" s="12"/>
    </row>
    <row r="283506" spans="8:8">
      <c r="H283506" s="12"/>
    </row>
    <row r="283507" spans="8:8">
      <c r="H283507" s="12"/>
    </row>
    <row r="283508" spans="8:8">
      <c r="H283508" s="12"/>
    </row>
    <row r="283509" spans="8:8">
      <c r="H283509" s="12"/>
    </row>
    <row r="283510" spans="8:8">
      <c r="H283510" s="12"/>
    </row>
    <row r="283511" spans="8:8">
      <c r="H283511" s="12"/>
    </row>
    <row r="283512" spans="8:8">
      <c r="H283512" s="12"/>
    </row>
    <row r="283513" spans="8:8">
      <c r="H283513" s="12"/>
    </row>
    <row r="283514" spans="8:8">
      <c r="H283514" s="12"/>
    </row>
    <row r="283515" spans="8:8">
      <c r="H283515" s="12"/>
    </row>
    <row r="283516" spans="8:8">
      <c r="H283516" s="12"/>
    </row>
    <row r="283517" spans="8:8">
      <c r="H283517" s="12"/>
    </row>
    <row r="283518" spans="8:8">
      <c r="H283518" s="12"/>
    </row>
    <row r="283519" spans="8:8">
      <c r="H283519" s="12"/>
    </row>
    <row r="283520" spans="8:8">
      <c r="H283520" s="12"/>
    </row>
    <row r="283521" spans="8:8">
      <c r="H283521" s="12"/>
    </row>
    <row r="283522" spans="8:8">
      <c r="H283522" s="12"/>
    </row>
    <row r="283523" spans="8:8">
      <c r="H283523" s="12"/>
    </row>
    <row r="283524" spans="8:8">
      <c r="H283524" s="12"/>
    </row>
    <row r="283525" spans="8:8">
      <c r="H283525" s="12"/>
    </row>
    <row r="283526" spans="8:8">
      <c r="H283526" s="12"/>
    </row>
    <row r="283527" spans="8:8">
      <c r="H283527" s="12"/>
    </row>
    <row r="283528" spans="8:8">
      <c r="H283528" s="12"/>
    </row>
    <row r="283529" spans="8:8">
      <c r="H283529" s="12"/>
    </row>
    <row r="283530" spans="8:8">
      <c r="H283530" s="12"/>
    </row>
    <row r="283531" spans="8:8">
      <c r="H283531" s="12"/>
    </row>
    <row r="283532" spans="8:8">
      <c r="H283532" s="12"/>
    </row>
    <row r="283533" spans="8:8">
      <c r="H283533" s="12"/>
    </row>
    <row r="283534" spans="8:8">
      <c r="H283534" s="12"/>
    </row>
    <row r="283535" spans="8:8">
      <c r="H283535" s="12"/>
    </row>
    <row r="283536" spans="8:8">
      <c r="H283536" s="12"/>
    </row>
    <row r="283537" spans="8:8">
      <c r="H283537" s="12"/>
    </row>
    <row r="283538" spans="8:8">
      <c r="H283538" s="12"/>
    </row>
    <row r="283539" spans="8:8">
      <c r="H283539" s="12"/>
    </row>
    <row r="283540" spans="8:8">
      <c r="H283540" s="12"/>
    </row>
    <row r="283541" spans="8:8">
      <c r="H283541" s="12"/>
    </row>
    <row r="283542" spans="8:8">
      <c r="H283542" s="12"/>
    </row>
    <row r="283543" spans="8:8">
      <c r="H283543" s="12"/>
    </row>
    <row r="283544" spans="8:8">
      <c r="H283544" s="12"/>
    </row>
    <row r="283545" spans="8:8">
      <c r="H283545" s="12"/>
    </row>
    <row r="283546" spans="8:8">
      <c r="H283546" s="12"/>
    </row>
    <row r="283547" spans="8:8">
      <c r="H283547" s="12"/>
    </row>
    <row r="283548" spans="8:8">
      <c r="H283548" s="12"/>
    </row>
    <row r="283549" spans="8:8">
      <c r="H283549" s="12"/>
    </row>
    <row r="283550" spans="8:8">
      <c r="H283550" s="12"/>
    </row>
    <row r="283551" spans="8:8">
      <c r="H283551" s="12"/>
    </row>
    <row r="283552" spans="8:8">
      <c r="H283552" s="12"/>
    </row>
    <row r="283553" spans="8:8">
      <c r="H283553" s="12"/>
    </row>
    <row r="283554" spans="8:8">
      <c r="H283554" s="12"/>
    </row>
    <row r="283555" spans="8:8">
      <c r="H283555" s="12"/>
    </row>
    <row r="283556" spans="8:8">
      <c r="H283556" s="12"/>
    </row>
    <row r="283557" spans="8:8">
      <c r="H283557" s="12"/>
    </row>
    <row r="283558" spans="8:8">
      <c r="H283558" s="12"/>
    </row>
    <row r="283559" spans="8:8">
      <c r="H283559" s="12"/>
    </row>
    <row r="283560" spans="8:8">
      <c r="H283560" s="12"/>
    </row>
    <row r="283561" spans="8:8">
      <c r="H283561" s="12"/>
    </row>
    <row r="283562" spans="8:8">
      <c r="H283562" s="12"/>
    </row>
    <row r="283563" spans="8:8">
      <c r="H283563" s="12"/>
    </row>
    <row r="283564" spans="8:8">
      <c r="H283564" s="12"/>
    </row>
    <row r="283565" spans="8:8">
      <c r="H283565" s="12"/>
    </row>
    <row r="283566" spans="8:8">
      <c r="H283566" s="12"/>
    </row>
    <row r="283567" spans="8:8">
      <c r="H283567" s="12"/>
    </row>
    <row r="283568" spans="8:8">
      <c r="H283568" s="12"/>
    </row>
    <row r="283569" spans="8:8">
      <c r="H283569" s="12"/>
    </row>
    <row r="283570" spans="8:8">
      <c r="H283570" s="12"/>
    </row>
    <row r="283571" spans="8:8">
      <c r="H283571" s="12"/>
    </row>
    <row r="283572" spans="8:8">
      <c r="H283572" s="12"/>
    </row>
    <row r="283573" spans="8:8">
      <c r="H283573" s="12"/>
    </row>
    <row r="283574" spans="8:8">
      <c r="H283574" s="12"/>
    </row>
    <row r="283575" spans="8:8">
      <c r="H283575" s="12"/>
    </row>
    <row r="283576" spans="8:8">
      <c r="H283576" s="12"/>
    </row>
    <row r="283577" spans="8:8">
      <c r="H283577" s="12"/>
    </row>
    <row r="283578" spans="8:8">
      <c r="H283578" s="12"/>
    </row>
    <row r="283579" spans="8:8">
      <c r="H283579" s="12"/>
    </row>
    <row r="283580" spans="8:8">
      <c r="H283580" s="12"/>
    </row>
    <row r="283581" spans="8:8">
      <c r="H283581" s="12"/>
    </row>
    <row r="283582" spans="8:8">
      <c r="H283582" s="12"/>
    </row>
    <row r="283583" spans="8:8">
      <c r="H283583" s="12"/>
    </row>
    <row r="283584" spans="8:8">
      <c r="H283584" s="12"/>
    </row>
    <row r="283585" spans="8:8">
      <c r="H283585" s="12"/>
    </row>
    <row r="283586" spans="8:8">
      <c r="H283586" s="12"/>
    </row>
    <row r="283587" spans="8:8">
      <c r="H283587" s="12"/>
    </row>
    <row r="283588" spans="8:8">
      <c r="H283588" s="12"/>
    </row>
    <row r="283589" spans="8:8">
      <c r="H283589" s="12"/>
    </row>
    <row r="283590" spans="8:8">
      <c r="H283590" s="12"/>
    </row>
    <row r="283591" spans="8:8">
      <c r="H283591" s="12"/>
    </row>
    <row r="283592" spans="8:8">
      <c r="H283592" s="12"/>
    </row>
    <row r="283593" spans="8:8">
      <c r="H283593" s="12"/>
    </row>
    <row r="283594" spans="8:8">
      <c r="H283594" s="12"/>
    </row>
    <row r="283595" spans="8:8">
      <c r="H283595" s="12"/>
    </row>
    <row r="283596" spans="8:8">
      <c r="H283596" s="12"/>
    </row>
    <row r="283597" spans="8:8">
      <c r="H283597" s="12"/>
    </row>
    <row r="283598" spans="8:8">
      <c r="H283598" s="12"/>
    </row>
    <row r="283599" spans="8:8">
      <c r="H283599" s="12"/>
    </row>
    <row r="283600" spans="8:8">
      <c r="H283600" s="12"/>
    </row>
    <row r="283601" spans="8:8">
      <c r="H283601" s="12"/>
    </row>
    <row r="283602" spans="8:8">
      <c r="H283602" s="12"/>
    </row>
    <row r="283603" spans="8:8">
      <c r="H283603" s="12"/>
    </row>
    <row r="283604" spans="8:8">
      <c r="H283604" s="12"/>
    </row>
    <row r="283605" spans="8:8">
      <c r="H283605" s="12"/>
    </row>
    <row r="283606" spans="8:8">
      <c r="H283606" s="12"/>
    </row>
    <row r="283607" spans="8:8">
      <c r="H283607" s="12"/>
    </row>
    <row r="283608" spans="8:8">
      <c r="H283608" s="12"/>
    </row>
    <row r="283609" spans="8:8">
      <c r="H283609" s="12"/>
    </row>
    <row r="283610" spans="8:8">
      <c r="H283610" s="12"/>
    </row>
    <row r="283611" spans="8:8">
      <c r="H283611" s="12"/>
    </row>
    <row r="283612" spans="8:8">
      <c r="H283612" s="12"/>
    </row>
    <row r="283613" spans="8:8">
      <c r="H283613" s="12"/>
    </row>
    <row r="283614" spans="8:8">
      <c r="H283614" s="12"/>
    </row>
    <row r="283615" spans="8:8">
      <c r="H283615" s="12"/>
    </row>
    <row r="283616" spans="8:8">
      <c r="H283616" s="12"/>
    </row>
    <row r="283617" spans="8:8">
      <c r="H283617" s="12"/>
    </row>
    <row r="283618" spans="8:8">
      <c r="H283618" s="12"/>
    </row>
    <row r="283619" spans="8:8">
      <c r="H283619" s="12"/>
    </row>
    <row r="283620" spans="8:8">
      <c r="H283620" s="12"/>
    </row>
    <row r="283621" spans="8:8">
      <c r="H283621" s="12"/>
    </row>
    <row r="283622" spans="8:8">
      <c r="H283622" s="12"/>
    </row>
    <row r="283623" spans="8:8">
      <c r="H283623" s="12"/>
    </row>
    <row r="283624" spans="8:8">
      <c r="H283624" s="12"/>
    </row>
    <row r="283625" spans="8:8">
      <c r="H283625" s="12"/>
    </row>
    <row r="283626" spans="8:8">
      <c r="H283626" s="12"/>
    </row>
    <row r="283627" spans="8:8">
      <c r="H283627" s="12"/>
    </row>
    <row r="283628" spans="8:8">
      <c r="H283628" s="12"/>
    </row>
    <row r="283629" spans="8:8">
      <c r="H283629" s="12"/>
    </row>
    <row r="283630" spans="8:8">
      <c r="H283630" s="12"/>
    </row>
    <row r="283631" spans="8:8">
      <c r="H283631" s="12"/>
    </row>
    <row r="283632" spans="8:8">
      <c r="H283632" s="12"/>
    </row>
    <row r="283633" spans="8:8">
      <c r="H283633" s="12"/>
    </row>
    <row r="283634" spans="8:8">
      <c r="H283634" s="12"/>
    </row>
    <row r="283635" spans="8:8">
      <c r="H283635" s="12"/>
    </row>
    <row r="283636" spans="8:8">
      <c r="H283636" s="12"/>
    </row>
    <row r="283637" spans="8:8">
      <c r="H283637" s="12"/>
    </row>
    <row r="283638" spans="8:8">
      <c r="H283638" s="12"/>
    </row>
    <row r="283639" spans="8:8">
      <c r="H283639" s="12"/>
    </row>
    <row r="283640" spans="8:8">
      <c r="H283640" s="12"/>
    </row>
    <row r="283641" spans="8:8">
      <c r="H283641" s="12"/>
    </row>
    <row r="283642" spans="8:8">
      <c r="H283642" s="12"/>
    </row>
    <row r="283643" spans="8:8">
      <c r="H283643" s="12"/>
    </row>
    <row r="283644" spans="8:8">
      <c r="H283644" s="12"/>
    </row>
    <row r="283645" spans="8:8">
      <c r="H283645" s="12"/>
    </row>
    <row r="283646" spans="8:8">
      <c r="H283646" s="12"/>
    </row>
    <row r="283647" spans="8:8">
      <c r="H283647" s="12"/>
    </row>
    <row r="283648" spans="8:8">
      <c r="H283648" s="12"/>
    </row>
    <row r="283649" spans="8:8">
      <c r="H283649" s="12"/>
    </row>
    <row r="283650" spans="8:8">
      <c r="H283650" s="12"/>
    </row>
    <row r="283651" spans="8:8">
      <c r="H283651" s="12"/>
    </row>
    <row r="283652" spans="8:8">
      <c r="H283652" s="12"/>
    </row>
    <row r="283653" spans="8:8">
      <c r="H283653" s="12"/>
    </row>
    <row r="283654" spans="8:8">
      <c r="H283654" s="12"/>
    </row>
    <row r="283655" spans="8:8">
      <c r="H283655" s="12"/>
    </row>
    <row r="283656" spans="8:8">
      <c r="H283656" s="12"/>
    </row>
    <row r="283657" spans="8:8">
      <c r="H283657" s="12"/>
    </row>
    <row r="283658" spans="8:8">
      <c r="H283658" s="12"/>
    </row>
    <row r="283659" spans="8:8">
      <c r="H283659" s="12"/>
    </row>
    <row r="283660" spans="8:8">
      <c r="H283660" s="12"/>
    </row>
    <row r="283661" spans="8:8">
      <c r="H283661" s="12"/>
    </row>
    <row r="283662" spans="8:8">
      <c r="H283662" s="12"/>
    </row>
    <row r="283663" spans="8:8">
      <c r="H283663" s="12"/>
    </row>
    <row r="283664" spans="8:8">
      <c r="H283664" s="12"/>
    </row>
    <row r="283665" spans="8:8">
      <c r="H283665" s="12"/>
    </row>
    <row r="283666" spans="8:8">
      <c r="H283666" s="12"/>
    </row>
    <row r="283667" spans="8:8">
      <c r="H283667" s="12"/>
    </row>
    <row r="283668" spans="8:8">
      <c r="H283668" s="12"/>
    </row>
    <row r="283669" spans="8:8">
      <c r="H283669" s="12"/>
    </row>
    <row r="283670" spans="8:8">
      <c r="H283670" s="12"/>
    </row>
    <row r="283671" spans="8:8">
      <c r="H283671" s="12"/>
    </row>
    <row r="283672" spans="8:8">
      <c r="H283672" s="12"/>
    </row>
    <row r="283673" spans="8:8">
      <c r="H283673" s="12"/>
    </row>
    <row r="283674" spans="8:8">
      <c r="H283674" s="12"/>
    </row>
    <row r="283675" spans="8:8">
      <c r="H283675" s="12"/>
    </row>
    <row r="283676" spans="8:8">
      <c r="H283676" s="12"/>
    </row>
    <row r="283677" spans="8:8">
      <c r="H283677" s="12"/>
    </row>
    <row r="283678" spans="8:8">
      <c r="H283678" s="12"/>
    </row>
    <row r="283679" spans="8:8">
      <c r="H283679" s="12"/>
    </row>
    <row r="283680" spans="8:8">
      <c r="H283680" s="12"/>
    </row>
    <row r="283681" spans="8:8">
      <c r="H283681" s="12"/>
    </row>
    <row r="283682" spans="8:8">
      <c r="H283682" s="12"/>
    </row>
    <row r="283683" spans="8:8">
      <c r="H283683" s="12"/>
    </row>
    <row r="283684" spans="8:8">
      <c r="H283684" s="12"/>
    </row>
    <row r="283685" spans="8:8">
      <c r="H283685" s="12"/>
    </row>
    <row r="283686" spans="8:8">
      <c r="H283686" s="12"/>
    </row>
    <row r="283687" spans="8:8">
      <c r="H283687" s="12"/>
    </row>
    <row r="283688" spans="8:8">
      <c r="H283688" s="12"/>
    </row>
    <row r="283689" spans="8:8">
      <c r="H283689" s="12"/>
    </row>
    <row r="283690" spans="8:8">
      <c r="H283690" s="12"/>
    </row>
    <row r="283691" spans="8:8">
      <c r="H283691" s="12"/>
    </row>
    <row r="283692" spans="8:8">
      <c r="H283692" s="12"/>
    </row>
    <row r="283693" spans="8:8">
      <c r="H283693" s="12"/>
    </row>
    <row r="283694" spans="8:8">
      <c r="H283694" s="12"/>
    </row>
    <row r="283695" spans="8:8">
      <c r="H283695" s="12"/>
    </row>
    <row r="283696" spans="8:8">
      <c r="H283696" s="12"/>
    </row>
    <row r="283697" spans="8:8">
      <c r="H283697" s="12"/>
    </row>
    <row r="283698" spans="8:8">
      <c r="H283698" s="12"/>
    </row>
    <row r="283699" spans="8:8">
      <c r="H283699" s="12"/>
    </row>
    <row r="283700" spans="8:8">
      <c r="H283700" s="12"/>
    </row>
    <row r="283701" spans="8:8">
      <c r="H283701" s="12"/>
    </row>
    <row r="283702" spans="8:8">
      <c r="H283702" s="12"/>
    </row>
    <row r="283703" spans="8:8">
      <c r="H283703" s="12"/>
    </row>
    <row r="283704" spans="8:8">
      <c r="H283704" s="12"/>
    </row>
    <row r="283705" spans="8:8">
      <c r="H283705" s="12"/>
    </row>
    <row r="283706" spans="8:8">
      <c r="H283706" s="12"/>
    </row>
    <row r="283707" spans="8:8">
      <c r="H283707" s="12"/>
    </row>
    <row r="283708" spans="8:8">
      <c r="H283708" s="12"/>
    </row>
    <row r="283709" spans="8:8">
      <c r="H283709" s="12"/>
    </row>
    <row r="283710" spans="8:8">
      <c r="H283710" s="12"/>
    </row>
    <row r="283711" spans="8:8">
      <c r="H283711" s="12"/>
    </row>
    <row r="283712" spans="8:8">
      <c r="H283712" s="12"/>
    </row>
    <row r="283713" spans="8:8">
      <c r="H283713" s="12"/>
    </row>
    <row r="283714" spans="8:8">
      <c r="H283714" s="12"/>
    </row>
    <row r="283715" spans="8:8">
      <c r="H283715" s="12"/>
    </row>
    <row r="283716" spans="8:8">
      <c r="H283716" s="12"/>
    </row>
    <row r="283717" spans="8:8">
      <c r="H283717" s="12"/>
    </row>
    <row r="283718" spans="8:8">
      <c r="H283718" s="12"/>
    </row>
    <row r="283719" spans="8:8">
      <c r="H283719" s="12"/>
    </row>
    <row r="283720" spans="8:8">
      <c r="H283720" s="12"/>
    </row>
    <row r="283721" spans="8:8">
      <c r="H283721" s="12"/>
    </row>
    <row r="283722" spans="8:8">
      <c r="H283722" s="12"/>
    </row>
    <row r="283723" spans="8:8">
      <c r="H283723" s="12"/>
    </row>
    <row r="283724" spans="8:8">
      <c r="H283724" s="12"/>
    </row>
    <row r="283725" spans="8:8">
      <c r="H283725" s="12"/>
    </row>
    <row r="283726" spans="8:8">
      <c r="H283726" s="12"/>
    </row>
    <row r="283727" spans="8:8">
      <c r="H283727" s="12"/>
    </row>
    <row r="283728" spans="8:8">
      <c r="H283728" s="12"/>
    </row>
    <row r="283729" spans="8:8">
      <c r="H283729" s="12"/>
    </row>
    <row r="283730" spans="8:8">
      <c r="H283730" s="12"/>
    </row>
    <row r="283731" spans="8:8">
      <c r="H283731" s="12"/>
    </row>
    <row r="283732" spans="8:8">
      <c r="H283732" s="12"/>
    </row>
    <row r="283733" spans="8:8">
      <c r="H283733" s="12"/>
    </row>
    <row r="283734" spans="8:8">
      <c r="H283734" s="12"/>
    </row>
    <row r="283735" spans="8:8">
      <c r="H283735" s="12"/>
    </row>
    <row r="283736" spans="8:8">
      <c r="H283736" s="12"/>
    </row>
    <row r="283737" spans="8:8">
      <c r="H283737" s="12"/>
    </row>
    <row r="283738" spans="8:8">
      <c r="H283738" s="12"/>
    </row>
    <row r="283739" spans="8:8">
      <c r="H283739" s="12"/>
    </row>
    <row r="283740" spans="8:8">
      <c r="H283740" s="12"/>
    </row>
    <row r="283741" spans="8:8">
      <c r="H283741" s="12"/>
    </row>
    <row r="283742" spans="8:8">
      <c r="H283742" s="12"/>
    </row>
    <row r="283743" spans="8:8">
      <c r="H283743" s="12"/>
    </row>
    <row r="283744" spans="8:8">
      <c r="H283744" s="12"/>
    </row>
    <row r="283745" spans="8:8">
      <c r="H283745" s="12"/>
    </row>
    <row r="283746" spans="8:8">
      <c r="H283746" s="12"/>
    </row>
    <row r="283747" spans="8:8">
      <c r="H283747" s="12"/>
    </row>
    <row r="283748" spans="8:8">
      <c r="H283748" s="12"/>
    </row>
    <row r="283749" spans="8:8">
      <c r="H283749" s="12"/>
    </row>
    <row r="283750" spans="8:8">
      <c r="H283750" s="12"/>
    </row>
    <row r="283751" spans="8:8">
      <c r="H283751" s="12"/>
    </row>
    <row r="283752" spans="8:8">
      <c r="H283752" s="12"/>
    </row>
    <row r="283753" spans="8:8">
      <c r="H283753" s="12"/>
    </row>
    <row r="283754" spans="8:8">
      <c r="H283754" s="12"/>
    </row>
    <row r="283755" spans="8:8">
      <c r="H283755" s="12"/>
    </row>
    <row r="283756" spans="8:8">
      <c r="H283756" s="12"/>
    </row>
    <row r="283757" spans="8:8">
      <c r="H283757" s="12"/>
    </row>
    <row r="283758" spans="8:8">
      <c r="H283758" s="12"/>
    </row>
    <row r="283759" spans="8:8">
      <c r="H283759" s="12"/>
    </row>
    <row r="283760" spans="8:8">
      <c r="H283760" s="12"/>
    </row>
    <row r="283761" spans="8:8">
      <c r="H283761" s="12"/>
    </row>
    <row r="283762" spans="8:8">
      <c r="H283762" s="12"/>
    </row>
    <row r="283763" spans="8:8">
      <c r="H283763" s="12"/>
    </row>
    <row r="283764" spans="8:8">
      <c r="H283764" s="12"/>
    </row>
    <row r="283765" spans="8:8">
      <c r="H283765" s="12"/>
    </row>
    <row r="283766" spans="8:8">
      <c r="H283766" s="12"/>
    </row>
    <row r="283767" spans="8:8">
      <c r="H283767" s="12"/>
    </row>
    <row r="283768" spans="8:8">
      <c r="H283768" s="12"/>
    </row>
    <row r="283769" spans="8:8">
      <c r="H283769" s="12"/>
    </row>
    <row r="283770" spans="8:8">
      <c r="H283770" s="12"/>
    </row>
    <row r="283771" spans="8:8">
      <c r="H283771" s="12"/>
    </row>
    <row r="283772" spans="8:8">
      <c r="H283772" s="12"/>
    </row>
    <row r="283773" spans="8:8">
      <c r="H283773" s="12"/>
    </row>
    <row r="283774" spans="8:8">
      <c r="H283774" s="12"/>
    </row>
    <row r="283775" spans="8:8">
      <c r="H283775" s="12"/>
    </row>
    <row r="283776" spans="8:8">
      <c r="H283776" s="12"/>
    </row>
    <row r="283777" spans="8:8">
      <c r="H283777" s="12"/>
    </row>
    <row r="283778" spans="8:8">
      <c r="H283778" s="12"/>
    </row>
    <row r="283779" spans="8:8">
      <c r="H283779" s="12"/>
    </row>
    <row r="283780" spans="8:8">
      <c r="H283780" s="12"/>
    </row>
    <row r="283781" spans="8:8">
      <c r="H283781" s="12"/>
    </row>
    <row r="283782" spans="8:8">
      <c r="H283782" s="12"/>
    </row>
    <row r="283783" spans="8:8">
      <c r="H283783" s="12"/>
    </row>
    <row r="283784" spans="8:8">
      <c r="H283784" s="12"/>
    </row>
    <row r="283785" spans="8:8">
      <c r="H283785" s="12"/>
    </row>
    <row r="283786" spans="8:8">
      <c r="H283786" s="12"/>
    </row>
    <row r="283787" spans="8:8">
      <c r="H283787" s="12"/>
    </row>
    <row r="283788" spans="8:8">
      <c r="H283788" s="12"/>
    </row>
    <row r="283789" spans="8:8">
      <c r="H283789" s="12"/>
    </row>
    <row r="283790" spans="8:8">
      <c r="H283790" s="12"/>
    </row>
    <row r="283791" spans="8:8">
      <c r="H283791" s="12"/>
    </row>
    <row r="283792" spans="8:8">
      <c r="H283792" s="12"/>
    </row>
    <row r="283793" spans="8:8">
      <c r="H283793" s="12"/>
    </row>
    <row r="283794" spans="8:8">
      <c r="H283794" s="12"/>
    </row>
    <row r="283795" spans="8:8">
      <c r="H283795" s="12"/>
    </row>
    <row r="283796" spans="8:8">
      <c r="H283796" s="12"/>
    </row>
    <row r="283797" spans="8:8">
      <c r="H283797" s="12"/>
    </row>
    <row r="283798" spans="8:8">
      <c r="H283798" s="12"/>
    </row>
    <row r="283799" spans="8:8">
      <c r="H283799" s="12"/>
    </row>
    <row r="283800" spans="8:8">
      <c r="H283800" s="12"/>
    </row>
    <row r="283801" spans="8:8">
      <c r="H283801" s="12"/>
    </row>
    <row r="283802" spans="8:8">
      <c r="H283802" s="12"/>
    </row>
    <row r="283803" spans="8:8">
      <c r="H283803" s="12"/>
    </row>
    <row r="283804" spans="8:8">
      <c r="H283804" s="12"/>
    </row>
    <row r="283805" spans="8:8">
      <c r="H283805" s="12"/>
    </row>
    <row r="283806" spans="8:8">
      <c r="H283806" s="12"/>
    </row>
    <row r="283807" spans="8:8">
      <c r="H283807" s="12"/>
    </row>
    <row r="283808" spans="8:8">
      <c r="H283808" s="12"/>
    </row>
    <row r="283809" spans="8:8">
      <c r="H283809" s="12"/>
    </row>
    <row r="283810" spans="8:8">
      <c r="H283810" s="12"/>
    </row>
    <row r="283811" spans="8:8">
      <c r="H283811" s="12"/>
    </row>
    <row r="283812" spans="8:8">
      <c r="H283812" s="12"/>
    </row>
    <row r="283813" spans="8:8">
      <c r="H283813" s="12"/>
    </row>
    <row r="283814" spans="8:8">
      <c r="H283814" s="12"/>
    </row>
    <row r="283815" spans="8:8">
      <c r="H283815" s="12"/>
    </row>
    <row r="283816" spans="8:8">
      <c r="H283816" s="12"/>
    </row>
    <row r="283817" spans="8:8">
      <c r="H283817" s="12"/>
    </row>
    <row r="283818" spans="8:8">
      <c r="H283818" s="12"/>
    </row>
    <row r="283819" spans="8:8">
      <c r="H283819" s="12"/>
    </row>
    <row r="283820" spans="8:8">
      <c r="H283820" s="12"/>
    </row>
    <row r="283821" spans="8:8">
      <c r="H283821" s="12"/>
    </row>
    <row r="283822" spans="8:8">
      <c r="H283822" s="12"/>
    </row>
    <row r="283823" spans="8:8">
      <c r="H283823" s="12"/>
    </row>
    <row r="283824" spans="8:8">
      <c r="H283824" s="12"/>
    </row>
    <row r="283825" spans="8:8">
      <c r="H283825" s="12"/>
    </row>
    <row r="283826" spans="8:8">
      <c r="H283826" s="12"/>
    </row>
    <row r="283827" spans="8:8">
      <c r="H283827" s="12"/>
    </row>
    <row r="283828" spans="8:8">
      <c r="H283828" s="12"/>
    </row>
    <row r="283829" spans="8:8">
      <c r="H283829" s="12"/>
    </row>
    <row r="283830" spans="8:8">
      <c r="H283830" s="12"/>
    </row>
    <row r="283831" spans="8:8">
      <c r="H283831" s="12"/>
    </row>
    <row r="283832" spans="8:8">
      <c r="H283832" s="12"/>
    </row>
    <row r="283833" spans="8:8">
      <c r="H283833" s="12"/>
    </row>
    <row r="283834" spans="8:8">
      <c r="H283834" s="12"/>
    </row>
    <row r="283835" spans="8:8">
      <c r="H283835" s="12"/>
    </row>
    <row r="283836" spans="8:8">
      <c r="H283836" s="12"/>
    </row>
    <row r="283837" spans="8:8">
      <c r="H283837" s="12"/>
    </row>
    <row r="283838" spans="8:8">
      <c r="H283838" s="12"/>
    </row>
    <row r="283839" spans="8:8">
      <c r="H283839" s="12"/>
    </row>
    <row r="283840" spans="8:8">
      <c r="H283840" s="12"/>
    </row>
    <row r="283841" spans="8:8">
      <c r="H283841" s="12"/>
    </row>
    <row r="283842" spans="8:8">
      <c r="H283842" s="12"/>
    </row>
    <row r="283843" spans="8:8">
      <c r="H283843" s="12"/>
    </row>
    <row r="283844" spans="8:8">
      <c r="H283844" s="12"/>
    </row>
    <row r="283845" spans="8:8">
      <c r="H283845" s="12"/>
    </row>
    <row r="283846" spans="8:8">
      <c r="H283846" s="12"/>
    </row>
    <row r="283847" spans="8:8">
      <c r="H283847" s="12"/>
    </row>
    <row r="283848" spans="8:8">
      <c r="H283848" s="12"/>
    </row>
    <row r="283849" spans="8:8">
      <c r="H283849" s="12"/>
    </row>
    <row r="283850" spans="8:8">
      <c r="H283850" s="12"/>
    </row>
    <row r="283851" spans="8:8">
      <c r="H283851" s="12"/>
    </row>
    <row r="283852" spans="8:8">
      <c r="H283852" s="12"/>
    </row>
    <row r="283853" spans="8:8">
      <c r="H283853" s="12"/>
    </row>
    <row r="283854" spans="8:8">
      <c r="H283854" s="12"/>
    </row>
    <row r="283855" spans="8:8">
      <c r="H283855" s="12"/>
    </row>
    <row r="283856" spans="8:8">
      <c r="H283856" s="12"/>
    </row>
    <row r="283857" spans="8:8">
      <c r="H283857" s="12"/>
    </row>
    <row r="283858" spans="8:8">
      <c r="H283858" s="12"/>
    </row>
    <row r="283859" spans="8:8">
      <c r="H283859" s="12"/>
    </row>
    <row r="283860" spans="8:8">
      <c r="H283860" s="12"/>
    </row>
    <row r="283861" spans="8:8">
      <c r="H283861" s="12"/>
    </row>
    <row r="283862" spans="8:8">
      <c r="H283862" s="12"/>
    </row>
    <row r="283863" spans="8:8">
      <c r="H283863" s="12"/>
    </row>
    <row r="283864" spans="8:8">
      <c r="H283864" s="12"/>
    </row>
    <row r="283865" spans="8:8">
      <c r="H283865" s="12"/>
    </row>
    <row r="283866" spans="8:8">
      <c r="H283866" s="12"/>
    </row>
    <row r="283867" spans="8:8">
      <c r="H283867" s="12"/>
    </row>
    <row r="283868" spans="8:8">
      <c r="H283868" s="12"/>
    </row>
    <row r="283869" spans="8:8">
      <c r="H283869" s="12"/>
    </row>
    <row r="283870" spans="8:8">
      <c r="H283870" s="12"/>
    </row>
    <row r="283871" spans="8:8">
      <c r="H283871" s="12"/>
    </row>
    <row r="283872" spans="8:8">
      <c r="H283872" s="12"/>
    </row>
    <row r="283873" spans="8:8">
      <c r="H283873" s="12"/>
    </row>
    <row r="283874" spans="8:8">
      <c r="H283874" s="12"/>
    </row>
    <row r="283875" spans="8:8">
      <c r="H283875" s="12"/>
    </row>
    <row r="283876" spans="8:8">
      <c r="H283876" s="12"/>
    </row>
    <row r="283877" spans="8:8">
      <c r="H283877" s="12"/>
    </row>
    <row r="283878" spans="8:8">
      <c r="H283878" s="12"/>
    </row>
    <row r="283879" spans="8:8">
      <c r="H283879" s="12"/>
    </row>
    <row r="283880" spans="8:8">
      <c r="H283880" s="12"/>
    </row>
    <row r="283881" spans="8:8">
      <c r="H283881" s="12"/>
    </row>
    <row r="283882" spans="8:8">
      <c r="H283882" s="12"/>
    </row>
    <row r="283883" spans="8:8">
      <c r="H283883" s="12"/>
    </row>
    <row r="283884" spans="8:8">
      <c r="H283884" s="12"/>
    </row>
    <row r="283885" spans="8:8">
      <c r="H283885" s="12"/>
    </row>
    <row r="283886" spans="8:8">
      <c r="H283886" s="12"/>
    </row>
    <row r="283887" spans="8:8">
      <c r="H283887" s="12"/>
    </row>
    <row r="283888" spans="8:8">
      <c r="H283888" s="12"/>
    </row>
    <row r="283889" spans="8:8">
      <c r="H283889" s="12"/>
    </row>
    <row r="283890" spans="8:8">
      <c r="H283890" s="12"/>
    </row>
    <row r="283891" spans="8:8">
      <c r="H283891" s="12"/>
    </row>
    <row r="283892" spans="8:8">
      <c r="H283892" s="12"/>
    </row>
    <row r="283893" spans="8:8">
      <c r="H283893" s="12"/>
    </row>
    <row r="283894" spans="8:8">
      <c r="H283894" s="12"/>
    </row>
    <row r="283895" spans="8:8">
      <c r="H283895" s="12"/>
    </row>
    <row r="283896" spans="8:8">
      <c r="H283896" s="12"/>
    </row>
    <row r="283897" spans="8:8">
      <c r="H283897" s="12"/>
    </row>
    <row r="283898" spans="8:8">
      <c r="H283898" s="12"/>
    </row>
    <row r="283899" spans="8:8">
      <c r="H283899" s="12"/>
    </row>
    <row r="283900" spans="8:8">
      <c r="H283900" s="12"/>
    </row>
    <row r="283901" spans="8:8">
      <c r="H283901" s="12"/>
    </row>
    <row r="283902" spans="8:8">
      <c r="H283902" s="12"/>
    </row>
    <row r="283903" spans="8:8">
      <c r="H283903" s="12"/>
    </row>
    <row r="283904" spans="8:8">
      <c r="H283904" s="12"/>
    </row>
    <row r="283905" spans="8:8">
      <c r="H283905" s="12"/>
    </row>
    <row r="283906" spans="8:8">
      <c r="H283906" s="12"/>
    </row>
    <row r="283907" spans="8:8">
      <c r="H283907" s="12"/>
    </row>
    <row r="283908" spans="8:8">
      <c r="H283908" s="12"/>
    </row>
    <row r="283909" spans="8:8">
      <c r="H283909" s="12"/>
    </row>
    <row r="283910" spans="8:8">
      <c r="H283910" s="12"/>
    </row>
    <row r="283911" spans="8:8">
      <c r="H283911" s="12"/>
    </row>
    <row r="283912" spans="8:8">
      <c r="H283912" s="12"/>
    </row>
    <row r="283913" spans="8:8">
      <c r="H283913" s="12"/>
    </row>
    <row r="283914" spans="8:8">
      <c r="H283914" s="12"/>
    </row>
    <row r="283915" spans="8:8">
      <c r="H283915" s="12"/>
    </row>
    <row r="283916" spans="8:8">
      <c r="H283916" s="12"/>
    </row>
    <row r="283917" spans="8:8">
      <c r="H283917" s="12"/>
    </row>
    <row r="283918" spans="8:8">
      <c r="H283918" s="12"/>
    </row>
    <row r="283919" spans="8:8">
      <c r="H283919" s="12"/>
    </row>
    <row r="283920" spans="8:8">
      <c r="H283920" s="12"/>
    </row>
    <row r="283921" spans="8:8">
      <c r="H283921" s="12"/>
    </row>
    <row r="283922" spans="8:8">
      <c r="H283922" s="12"/>
    </row>
    <row r="283923" spans="8:8">
      <c r="H283923" s="12"/>
    </row>
    <row r="283924" spans="8:8">
      <c r="H283924" s="12"/>
    </row>
    <row r="283925" spans="8:8">
      <c r="H283925" s="12"/>
    </row>
    <row r="283926" spans="8:8">
      <c r="H283926" s="12"/>
    </row>
    <row r="283927" spans="8:8">
      <c r="H283927" s="12"/>
    </row>
    <row r="283928" spans="8:8">
      <c r="H283928" s="12"/>
    </row>
    <row r="283929" spans="8:8">
      <c r="H283929" s="12"/>
    </row>
    <row r="283930" spans="8:8">
      <c r="H283930" s="12"/>
    </row>
    <row r="283931" spans="8:8">
      <c r="H283931" s="12"/>
    </row>
    <row r="283932" spans="8:8">
      <c r="H283932" s="12"/>
    </row>
    <row r="283933" spans="8:8">
      <c r="H283933" s="12"/>
    </row>
    <row r="283934" spans="8:8">
      <c r="H283934" s="12"/>
    </row>
    <row r="283935" spans="8:8">
      <c r="H283935" s="12"/>
    </row>
    <row r="283936" spans="8:8">
      <c r="H283936" s="12"/>
    </row>
    <row r="283937" spans="8:8">
      <c r="H283937" s="12"/>
    </row>
    <row r="283938" spans="8:8">
      <c r="H283938" s="12"/>
    </row>
    <row r="283939" spans="8:8">
      <c r="H283939" s="12"/>
    </row>
    <row r="283940" spans="8:8">
      <c r="H283940" s="12"/>
    </row>
    <row r="283941" spans="8:8">
      <c r="H283941" s="12"/>
    </row>
    <row r="283942" spans="8:8">
      <c r="H283942" s="12"/>
    </row>
    <row r="283943" spans="8:8">
      <c r="H283943" s="12"/>
    </row>
    <row r="283944" spans="8:8">
      <c r="H283944" s="12"/>
    </row>
    <row r="283945" spans="8:8">
      <c r="H283945" s="12"/>
    </row>
    <row r="283946" spans="8:8">
      <c r="H283946" s="12"/>
    </row>
    <row r="283947" spans="8:8">
      <c r="H283947" s="12"/>
    </row>
    <row r="283948" spans="8:8">
      <c r="H283948" s="12"/>
    </row>
    <row r="283949" spans="8:8">
      <c r="H283949" s="12"/>
    </row>
    <row r="283950" spans="8:8">
      <c r="H283950" s="12"/>
    </row>
    <row r="283951" spans="8:8">
      <c r="H283951" s="12"/>
    </row>
    <row r="283952" spans="8:8">
      <c r="H283952" s="12"/>
    </row>
    <row r="283953" spans="8:8">
      <c r="H283953" s="12"/>
    </row>
    <row r="283954" spans="8:8">
      <c r="H283954" s="12"/>
    </row>
    <row r="283955" spans="8:8">
      <c r="H283955" s="12"/>
    </row>
    <row r="283956" spans="8:8">
      <c r="H283956" s="12"/>
    </row>
    <row r="283957" spans="8:8">
      <c r="H283957" s="12"/>
    </row>
    <row r="283958" spans="8:8">
      <c r="H283958" s="12"/>
    </row>
    <row r="283959" spans="8:8">
      <c r="H283959" s="12"/>
    </row>
    <row r="283960" spans="8:8">
      <c r="H283960" s="12"/>
    </row>
    <row r="283961" spans="8:8">
      <c r="H283961" s="12"/>
    </row>
    <row r="283962" spans="8:8">
      <c r="H283962" s="12"/>
    </row>
    <row r="283963" spans="8:8">
      <c r="H283963" s="12"/>
    </row>
    <row r="283964" spans="8:8">
      <c r="H283964" s="12"/>
    </row>
    <row r="283965" spans="8:8">
      <c r="H283965" s="12"/>
    </row>
    <row r="283966" spans="8:8">
      <c r="H283966" s="12"/>
    </row>
    <row r="283967" spans="8:8">
      <c r="H283967" s="12"/>
    </row>
    <row r="283968" spans="8:8">
      <c r="H283968" s="12"/>
    </row>
    <row r="283969" spans="8:8">
      <c r="H283969" s="12"/>
    </row>
    <row r="283970" spans="8:8">
      <c r="H283970" s="12"/>
    </row>
    <row r="283971" spans="8:8">
      <c r="H283971" s="12"/>
    </row>
    <row r="283972" spans="8:8">
      <c r="H283972" s="12"/>
    </row>
    <row r="283973" spans="8:8">
      <c r="H283973" s="12"/>
    </row>
    <row r="283974" spans="8:8">
      <c r="H283974" s="12"/>
    </row>
    <row r="283975" spans="8:8">
      <c r="H283975" s="12"/>
    </row>
    <row r="283976" spans="8:8">
      <c r="H283976" s="12"/>
    </row>
    <row r="283977" spans="8:8">
      <c r="H283977" s="12"/>
    </row>
    <row r="283978" spans="8:8">
      <c r="H283978" s="12"/>
    </row>
    <row r="283979" spans="8:8">
      <c r="H283979" s="12"/>
    </row>
    <row r="283980" spans="8:8">
      <c r="H283980" s="12"/>
    </row>
    <row r="283981" spans="8:8">
      <c r="H283981" s="12"/>
    </row>
    <row r="283982" spans="8:8">
      <c r="H283982" s="12"/>
    </row>
    <row r="283983" spans="8:8">
      <c r="H283983" s="12"/>
    </row>
    <row r="283984" spans="8:8">
      <c r="H283984" s="12"/>
    </row>
    <row r="283985" spans="8:8">
      <c r="H283985" s="12"/>
    </row>
    <row r="283986" spans="8:8">
      <c r="H283986" s="12"/>
    </row>
    <row r="283987" spans="8:8">
      <c r="H283987" s="12"/>
    </row>
    <row r="283988" spans="8:8">
      <c r="H283988" s="12"/>
    </row>
    <row r="283989" spans="8:8">
      <c r="H283989" s="12"/>
    </row>
    <row r="283990" spans="8:8">
      <c r="H283990" s="12"/>
    </row>
    <row r="283991" spans="8:8">
      <c r="H283991" s="12"/>
    </row>
    <row r="283992" spans="8:8">
      <c r="H283992" s="12"/>
    </row>
    <row r="283993" spans="8:8">
      <c r="H283993" s="12"/>
    </row>
    <row r="283994" spans="8:8">
      <c r="H283994" s="12"/>
    </row>
    <row r="283995" spans="8:8">
      <c r="H283995" s="12"/>
    </row>
    <row r="283996" spans="8:8">
      <c r="H283996" s="12"/>
    </row>
    <row r="283997" spans="8:8">
      <c r="H283997" s="12"/>
    </row>
    <row r="283998" spans="8:8">
      <c r="H283998" s="12"/>
    </row>
    <row r="283999" spans="8:8">
      <c r="H283999" s="12"/>
    </row>
    <row r="284000" spans="8:8">
      <c r="H284000" s="12"/>
    </row>
    <row r="284001" spans="8:8">
      <c r="H284001" s="12"/>
    </row>
    <row r="284002" spans="8:8">
      <c r="H284002" s="12"/>
    </row>
    <row r="284003" spans="8:8">
      <c r="H284003" s="12"/>
    </row>
    <row r="284004" spans="8:8">
      <c r="H284004" s="12"/>
    </row>
    <row r="284005" spans="8:8">
      <c r="H284005" s="12"/>
    </row>
    <row r="284006" spans="8:8">
      <c r="H284006" s="12"/>
    </row>
    <row r="284007" spans="8:8">
      <c r="H284007" s="12"/>
    </row>
    <row r="284008" spans="8:8">
      <c r="H284008" s="12"/>
    </row>
    <row r="284009" spans="8:8">
      <c r="H284009" s="12"/>
    </row>
    <row r="284010" spans="8:8">
      <c r="H284010" s="12"/>
    </row>
    <row r="284011" spans="8:8">
      <c r="H284011" s="12"/>
    </row>
    <row r="284012" spans="8:8">
      <c r="H284012" s="12"/>
    </row>
    <row r="284013" spans="8:8">
      <c r="H284013" s="12"/>
    </row>
    <row r="284014" spans="8:8">
      <c r="H284014" s="12"/>
    </row>
    <row r="284015" spans="8:8">
      <c r="H284015" s="12"/>
    </row>
    <row r="284016" spans="8:8">
      <c r="H284016" s="12"/>
    </row>
    <row r="284017" spans="8:8">
      <c r="H284017" s="12"/>
    </row>
    <row r="284018" spans="8:8">
      <c r="H284018" s="12"/>
    </row>
    <row r="284019" spans="8:8">
      <c r="H284019" s="12"/>
    </row>
    <row r="284020" spans="8:8">
      <c r="H284020" s="12"/>
    </row>
    <row r="284021" spans="8:8">
      <c r="H284021" s="12"/>
    </row>
    <row r="284022" spans="8:8">
      <c r="H284022" s="12"/>
    </row>
    <row r="284023" spans="8:8">
      <c r="H284023" s="12"/>
    </row>
    <row r="284024" spans="8:8">
      <c r="H284024" s="12"/>
    </row>
    <row r="284025" spans="8:8">
      <c r="H284025" s="12"/>
    </row>
    <row r="284026" spans="8:8">
      <c r="H284026" s="12"/>
    </row>
    <row r="284027" spans="8:8">
      <c r="H284027" s="12"/>
    </row>
    <row r="284028" spans="8:8">
      <c r="H284028" s="12"/>
    </row>
    <row r="284029" spans="8:8">
      <c r="H284029" s="12"/>
    </row>
    <row r="284030" spans="8:8">
      <c r="H284030" s="12"/>
    </row>
    <row r="284031" spans="8:8">
      <c r="H284031" s="12"/>
    </row>
    <row r="284032" spans="8:8">
      <c r="H284032" s="12"/>
    </row>
    <row r="284033" spans="8:8">
      <c r="H284033" s="12"/>
    </row>
    <row r="284034" spans="8:8">
      <c r="H284034" s="12"/>
    </row>
    <row r="284035" spans="8:8">
      <c r="H284035" s="12"/>
    </row>
    <row r="284036" spans="8:8">
      <c r="H284036" s="12"/>
    </row>
    <row r="284037" spans="8:8">
      <c r="H284037" s="12"/>
    </row>
    <row r="284038" spans="8:8">
      <c r="H284038" s="12"/>
    </row>
    <row r="284039" spans="8:8">
      <c r="H284039" s="12"/>
    </row>
    <row r="284040" spans="8:8">
      <c r="H284040" s="12"/>
    </row>
    <row r="284041" spans="8:8">
      <c r="H284041" s="12"/>
    </row>
    <row r="284042" spans="8:8">
      <c r="H284042" s="12"/>
    </row>
    <row r="284043" spans="8:8">
      <c r="H284043" s="12"/>
    </row>
    <row r="284044" spans="8:8">
      <c r="H284044" s="12"/>
    </row>
    <row r="284045" spans="8:8">
      <c r="H284045" s="12"/>
    </row>
    <row r="284046" spans="8:8">
      <c r="H284046" s="12"/>
    </row>
    <row r="284047" spans="8:8">
      <c r="H284047" s="12"/>
    </row>
    <row r="284048" spans="8:8">
      <c r="H284048" s="12"/>
    </row>
    <row r="284049" spans="8:8">
      <c r="H284049" s="12"/>
    </row>
    <row r="284050" spans="8:8">
      <c r="H284050" s="12"/>
    </row>
    <row r="284051" spans="8:8">
      <c r="H284051" s="12"/>
    </row>
    <row r="284052" spans="8:8">
      <c r="H284052" s="12"/>
    </row>
    <row r="284053" spans="8:8">
      <c r="H284053" s="12"/>
    </row>
    <row r="284054" spans="8:8">
      <c r="H284054" s="12"/>
    </row>
    <row r="284055" spans="8:8">
      <c r="H284055" s="12"/>
    </row>
    <row r="284056" spans="8:8">
      <c r="H284056" s="12"/>
    </row>
    <row r="284057" spans="8:8">
      <c r="H284057" s="12"/>
    </row>
    <row r="284058" spans="8:8">
      <c r="H284058" s="12"/>
    </row>
    <row r="284059" spans="8:8">
      <c r="H284059" s="12"/>
    </row>
    <row r="284060" spans="8:8">
      <c r="H284060" s="12"/>
    </row>
    <row r="284061" spans="8:8">
      <c r="H284061" s="12"/>
    </row>
    <row r="284062" spans="8:8">
      <c r="H284062" s="12"/>
    </row>
    <row r="284063" spans="8:8">
      <c r="H284063" s="12"/>
    </row>
    <row r="284064" spans="8:8">
      <c r="H284064" s="12"/>
    </row>
    <row r="284065" spans="8:8">
      <c r="H284065" s="12"/>
    </row>
    <row r="284066" spans="8:8">
      <c r="H284066" s="12"/>
    </row>
    <row r="284067" spans="8:8">
      <c r="H284067" s="12"/>
    </row>
    <row r="284068" spans="8:8">
      <c r="H284068" s="12"/>
    </row>
    <row r="284069" spans="8:8">
      <c r="H284069" s="12"/>
    </row>
    <row r="284070" spans="8:8">
      <c r="H284070" s="12"/>
    </row>
    <row r="284071" spans="8:8">
      <c r="H284071" s="12"/>
    </row>
    <row r="284072" spans="8:8">
      <c r="H284072" s="12"/>
    </row>
    <row r="284073" spans="8:8">
      <c r="H284073" s="12"/>
    </row>
    <row r="284074" spans="8:8">
      <c r="H284074" s="12"/>
    </row>
    <row r="284075" spans="8:8">
      <c r="H284075" s="12"/>
    </row>
    <row r="284076" spans="8:8">
      <c r="H284076" s="12"/>
    </row>
    <row r="284077" spans="8:8">
      <c r="H284077" s="12"/>
    </row>
    <row r="284078" spans="8:8">
      <c r="H284078" s="12"/>
    </row>
    <row r="284079" spans="8:8">
      <c r="H284079" s="12"/>
    </row>
    <row r="284080" spans="8:8">
      <c r="H284080" s="12"/>
    </row>
    <row r="284081" spans="8:8">
      <c r="H284081" s="12"/>
    </row>
    <row r="284082" spans="8:8">
      <c r="H284082" s="12"/>
    </row>
    <row r="284083" spans="8:8">
      <c r="H284083" s="12"/>
    </row>
    <row r="284084" spans="8:8">
      <c r="H284084" s="12"/>
    </row>
    <row r="284085" spans="8:8">
      <c r="H284085" s="12"/>
    </row>
    <row r="284086" spans="8:8">
      <c r="H284086" s="12"/>
    </row>
    <row r="284087" spans="8:8">
      <c r="H284087" s="12"/>
    </row>
    <row r="284088" spans="8:8">
      <c r="H284088" s="12"/>
    </row>
    <row r="284089" spans="8:8">
      <c r="H284089" s="12"/>
    </row>
    <row r="284090" spans="8:8">
      <c r="H284090" s="12"/>
    </row>
    <row r="284091" spans="8:8">
      <c r="H284091" s="12"/>
    </row>
    <row r="284092" spans="8:8">
      <c r="H284092" s="12"/>
    </row>
    <row r="284093" spans="8:8">
      <c r="H284093" s="12"/>
    </row>
    <row r="284094" spans="8:8">
      <c r="H284094" s="12"/>
    </row>
    <row r="284095" spans="8:8">
      <c r="H284095" s="12"/>
    </row>
    <row r="284096" spans="8:8">
      <c r="H284096" s="12"/>
    </row>
    <row r="284097" spans="8:8">
      <c r="H284097" s="12"/>
    </row>
    <row r="284098" spans="8:8">
      <c r="H284098" s="12"/>
    </row>
    <row r="284099" spans="8:8">
      <c r="H284099" s="12"/>
    </row>
    <row r="284100" spans="8:8">
      <c r="H284100" s="12"/>
    </row>
    <row r="284101" spans="8:8">
      <c r="H284101" s="12"/>
    </row>
    <row r="284102" spans="8:8">
      <c r="H284102" s="12"/>
    </row>
    <row r="284103" spans="8:8">
      <c r="H284103" s="12"/>
    </row>
    <row r="284104" spans="8:8">
      <c r="H284104" s="12"/>
    </row>
    <row r="284105" spans="8:8">
      <c r="H284105" s="12"/>
    </row>
    <row r="284106" spans="8:8">
      <c r="H284106" s="12"/>
    </row>
    <row r="284107" spans="8:8">
      <c r="H284107" s="12"/>
    </row>
    <row r="284108" spans="8:8">
      <c r="H284108" s="12"/>
    </row>
    <row r="284109" spans="8:8">
      <c r="H284109" s="12"/>
    </row>
    <row r="284110" spans="8:8">
      <c r="H284110" s="12"/>
    </row>
    <row r="284111" spans="8:8">
      <c r="H284111" s="12"/>
    </row>
    <row r="284112" spans="8:8">
      <c r="H284112" s="12"/>
    </row>
    <row r="284113" spans="8:8">
      <c r="H284113" s="12"/>
    </row>
    <row r="284114" spans="8:8">
      <c r="H284114" s="12"/>
    </row>
    <row r="284115" spans="8:8">
      <c r="H284115" s="12"/>
    </row>
    <row r="284116" spans="8:8">
      <c r="H284116" s="12"/>
    </row>
    <row r="284117" spans="8:8">
      <c r="H284117" s="12"/>
    </row>
    <row r="284118" spans="8:8">
      <c r="H284118" s="12"/>
    </row>
    <row r="284119" spans="8:8">
      <c r="H284119" s="12"/>
    </row>
    <row r="284120" spans="8:8">
      <c r="H284120" s="12"/>
    </row>
    <row r="284121" spans="8:8">
      <c r="H284121" s="12"/>
    </row>
    <row r="284122" spans="8:8">
      <c r="H284122" s="12"/>
    </row>
    <row r="284123" spans="8:8">
      <c r="H284123" s="12"/>
    </row>
    <row r="284124" spans="8:8">
      <c r="H284124" s="12"/>
    </row>
    <row r="284125" spans="8:8">
      <c r="H284125" s="12"/>
    </row>
    <row r="284126" spans="8:8">
      <c r="H284126" s="12"/>
    </row>
    <row r="284127" spans="8:8">
      <c r="H284127" s="12"/>
    </row>
    <row r="284128" spans="8:8">
      <c r="H284128" s="12"/>
    </row>
    <row r="284129" spans="8:8">
      <c r="H284129" s="12"/>
    </row>
    <row r="284130" spans="8:8">
      <c r="H284130" s="12"/>
    </row>
    <row r="284131" spans="8:8">
      <c r="H284131" s="12"/>
    </row>
    <row r="284132" spans="8:8">
      <c r="H284132" s="12"/>
    </row>
    <row r="284133" spans="8:8">
      <c r="H284133" s="12"/>
    </row>
    <row r="284134" spans="8:8">
      <c r="H284134" s="12"/>
    </row>
    <row r="284135" spans="8:8">
      <c r="H284135" s="12"/>
    </row>
    <row r="284136" spans="8:8">
      <c r="H284136" s="12"/>
    </row>
    <row r="284137" spans="8:8">
      <c r="H284137" s="12"/>
    </row>
    <row r="284138" spans="8:8">
      <c r="H284138" s="12"/>
    </row>
    <row r="284139" spans="8:8">
      <c r="H284139" s="12"/>
    </row>
    <row r="284140" spans="8:8">
      <c r="H284140" s="12"/>
    </row>
    <row r="284141" spans="8:8">
      <c r="H284141" s="12"/>
    </row>
    <row r="284142" spans="8:8">
      <c r="H284142" s="12"/>
    </row>
    <row r="284143" spans="8:8">
      <c r="H284143" s="12"/>
    </row>
    <row r="284144" spans="8:8">
      <c r="H284144" s="12"/>
    </row>
    <row r="284145" spans="8:8">
      <c r="H284145" s="12"/>
    </row>
    <row r="284146" spans="8:8">
      <c r="H284146" s="12"/>
    </row>
    <row r="284147" spans="8:8">
      <c r="H284147" s="12"/>
    </row>
    <row r="284148" spans="8:8">
      <c r="H284148" s="12"/>
    </row>
    <row r="284149" spans="8:8">
      <c r="H284149" s="12"/>
    </row>
    <row r="284150" spans="8:8">
      <c r="H284150" s="12"/>
    </row>
    <row r="284151" spans="8:8">
      <c r="H284151" s="12"/>
    </row>
    <row r="284152" spans="8:8">
      <c r="H284152" s="12"/>
    </row>
    <row r="284153" spans="8:8">
      <c r="H284153" s="12"/>
    </row>
    <row r="284154" spans="8:8">
      <c r="H284154" s="12"/>
    </row>
    <row r="284155" spans="8:8">
      <c r="H284155" s="12"/>
    </row>
    <row r="284156" spans="8:8">
      <c r="H284156" s="12"/>
    </row>
    <row r="284157" spans="8:8">
      <c r="H284157" s="12"/>
    </row>
    <row r="284158" spans="8:8">
      <c r="H284158" s="12"/>
    </row>
    <row r="284159" spans="8:8">
      <c r="H284159" s="12"/>
    </row>
    <row r="284160" spans="8:8">
      <c r="H284160" s="12"/>
    </row>
    <row r="284161" spans="8:8">
      <c r="H284161" s="12"/>
    </row>
    <row r="284162" spans="8:8">
      <c r="H284162" s="12"/>
    </row>
    <row r="284163" spans="8:8">
      <c r="H284163" s="12"/>
    </row>
    <row r="284164" spans="8:8">
      <c r="H284164" s="12"/>
    </row>
    <row r="284165" spans="8:8">
      <c r="H284165" s="12"/>
    </row>
    <row r="284166" spans="8:8">
      <c r="H284166" s="12"/>
    </row>
    <row r="284167" spans="8:8">
      <c r="H284167" s="12"/>
    </row>
    <row r="284168" spans="8:8">
      <c r="H284168" s="12"/>
    </row>
    <row r="284169" spans="8:8">
      <c r="H284169" s="12"/>
    </row>
    <row r="284170" spans="8:8">
      <c r="H284170" s="12"/>
    </row>
    <row r="284171" spans="8:8">
      <c r="H284171" s="12"/>
    </row>
    <row r="284172" spans="8:8">
      <c r="H284172" s="12"/>
    </row>
    <row r="284173" spans="8:8">
      <c r="H284173" s="12"/>
    </row>
    <row r="284174" spans="8:8">
      <c r="H284174" s="12"/>
    </row>
    <row r="284175" spans="8:8">
      <c r="H284175" s="12"/>
    </row>
    <row r="284176" spans="8:8">
      <c r="H284176" s="12"/>
    </row>
    <row r="284177" spans="8:8">
      <c r="H284177" s="12"/>
    </row>
    <row r="284178" spans="8:8">
      <c r="H284178" s="12"/>
    </row>
    <row r="284179" spans="8:8">
      <c r="H284179" s="12"/>
    </row>
    <row r="284180" spans="8:8">
      <c r="H284180" s="12"/>
    </row>
    <row r="284181" spans="8:8">
      <c r="H284181" s="12"/>
    </row>
    <row r="284182" spans="8:8">
      <c r="H284182" s="12"/>
    </row>
    <row r="284183" spans="8:8">
      <c r="H284183" s="12"/>
    </row>
    <row r="284184" spans="8:8">
      <c r="H284184" s="12"/>
    </row>
    <row r="284185" spans="8:8">
      <c r="H284185" s="12"/>
    </row>
    <row r="284186" spans="8:8">
      <c r="H284186" s="12"/>
    </row>
    <row r="284187" spans="8:8">
      <c r="H284187" s="12"/>
    </row>
    <row r="284188" spans="8:8">
      <c r="H284188" s="12"/>
    </row>
    <row r="284189" spans="8:8">
      <c r="H284189" s="12"/>
    </row>
    <row r="284190" spans="8:8">
      <c r="H284190" s="12"/>
    </row>
    <row r="284191" spans="8:8">
      <c r="H284191" s="12"/>
    </row>
    <row r="284192" spans="8:8">
      <c r="H284192" s="12"/>
    </row>
    <row r="284193" spans="8:8">
      <c r="H284193" s="12"/>
    </row>
    <row r="284194" spans="8:8">
      <c r="H284194" s="12"/>
    </row>
    <row r="284195" spans="8:8">
      <c r="H284195" s="12"/>
    </row>
    <row r="284196" spans="8:8">
      <c r="H284196" s="12"/>
    </row>
    <row r="284197" spans="8:8">
      <c r="H284197" s="12"/>
    </row>
    <row r="284198" spans="8:8">
      <c r="H284198" s="12"/>
    </row>
    <row r="284199" spans="8:8">
      <c r="H284199" s="12"/>
    </row>
    <row r="284200" spans="8:8">
      <c r="H284200" s="12"/>
    </row>
    <row r="284201" spans="8:8">
      <c r="H284201" s="12"/>
    </row>
    <row r="284202" spans="8:8">
      <c r="H284202" s="12"/>
    </row>
    <row r="284203" spans="8:8">
      <c r="H284203" s="12"/>
    </row>
    <row r="284204" spans="8:8">
      <c r="H284204" s="12"/>
    </row>
    <row r="284205" spans="8:8">
      <c r="H284205" s="12"/>
    </row>
    <row r="284206" spans="8:8">
      <c r="H284206" s="12"/>
    </row>
    <row r="284207" spans="8:8">
      <c r="H284207" s="12"/>
    </row>
    <row r="284208" spans="8:8">
      <c r="H284208" s="12"/>
    </row>
    <row r="284209" spans="8:8">
      <c r="H284209" s="12"/>
    </row>
    <row r="284210" spans="8:8">
      <c r="H284210" s="12"/>
    </row>
    <row r="284211" spans="8:8">
      <c r="H284211" s="12"/>
    </row>
    <row r="284212" spans="8:8">
      <c r="H284212" s="12"/>
    </row>
    <row r="284213" spans="8:8">
      <c r="H284213" s="12"/>
    </row>
    <row r="284214" spans="8:8">
      <c r="H284214" s="12"/>
    </row>
    <row r="284215" spans="8:8">
      <c r="H284215" s="12"/>
    </row>
    <row r="284216" spans="8:8">
      <c r="H284216" s="12"/>
    </row>
    <row r="284217" spans="8:8">
      <c r="H284217" s="12"/>
    </row>
    <row r="284218" spans="8:8">
      <c r="H284218" s="12"/>
    </row>
    <row r="284219" spans="8:8">
      <c r="H284219" s="12"/>
    </row>
    <row r="284220" spans="8:8">
      <c r="H284220" s="12"/>
    </row>
    <row r="284221" spans="8:8">
      <c r="H284221" s="12"/>
    </row>
    <row r="284222" spans="8:8">
      <c r="H284222" s="12"/>
    </row>
    <row r="284223" spans="8:8">
      <c r="H284223" s="12"/>
    </row>
    <row r="284224" spans="8:8">
      <c r="H284224" s="12"/>
    </row>
    <row r="284225" spans="8:8">
      <c r="H284225" s="12"/>
    </row>
    <row r="284226" spans="8:8">
      <c r="H284226" s="12"/>
    </row>
    <row r="284227" spans="8:8">
      <c r="H284227" s="12"/>
    </row>
    <row r="284228" spans="8:8">
      <c r="H284228" s="12"/>
    </row>
    <row r="284229" spans="8:8">
      <c r="H284229" s="12"/>
    </row>
    <row r="284230" spans="8:8">
      <c r="H284230" s="12"/>
    </row>
    <row r="284231" spans="8:8">
      <c r="H284231" s="12"/>
    </row>
    <row r="284232" spans="8:8">
      <c r="H284232" s="12"/>
    </row>
    <row r="284233" spans="8:8">
      <c r="H284233" s="12"/>
    </row>
    <row r="284234" spans="8:8">
      <c r="H284234" s="12"/>
    </row>
    <row r="284235" spans="8:8">
      <c r="H284235" s="12"/>
    </row>
    <row r="284236" spans="8:8">
      <c r="H284236" s="12"/>
    </row>
    <row r="284237" spans="8:8">
      <c r="H284237" s="12"/>
    </row>
    <row r="284238" spans="8:8">
      <c r="H284238" s="12"/>
    </row>
    <row r="284239" spans="8:8">
      <c r="H284239" s="12"/>
    </row>
    <row r="284240" spans="8:8">
      <c r="H284240" s="12"/>
    </row>
    <row r="284241" spans="8:8">
      <c r="H284241" s="12"/>
    </row>
    <row r="284242" spans="8:8">
      <c r="H284242" s="12"/>
    </row>
    <row r="284243" spans="8:8">
      <c r="H284243" s="12"/>
    </row>
    <row r="284244" spans="8:8">
      <c r="H284244" s="12"/>
    </row>
    <row r="284245" spans="8:8">
      <c r="H284245" s="12"/>
    </row>
    <row r="284246" spans="8:8">
      <c r="H284246" s="12"/>
    </row>
    <row r="284247" spans="8:8">
      <c r="H284247" s="12"/>
    </row>
    <row r="284248" spans="8:8">
      <c r="H284248" s="12"/>
    </row>
    <row r="284249" spans="8:8">
      <c r="H284249" s="12"/>
    </row>
    <row r="284250" spans="8:8">
      <c r="H284250" s="12"/>
    </row>
    <row r="284251" spans="8:8">
      <c r="H284251" s="12"/>
    </row>
    <row r="284252" spans="8:8">
      <c r="H284252" s="12"/>
    </row>
    <row r="284253" spans="8:8">
      <c r="H284253" s="12"/>
    </row>
    <row r="284254" spans="8:8">
      <c r="H284254" s="12"/>
    </row>
    <row r="284255" spans="8:8">
      <c r="H284255" s="12"/>
    </row>
    <row r="284256" spans="8:8">
      <c r="H284256" s="12"/>
    </row>
    <row r="284257" spans="8:8">
      <c r="H284257" s="12"/>
    </row>
    <row r="284258" spans="8:8">
      <c r="H284258" s="12"/>
    </row>
    <row r="284259" spans="8:8">
      <c r="H284259" s="12"/>
    </row>
    <row r="284260" spans="8:8">
      <c r="H284260" s="12"/>
    </row>
    <row r="284261" spans="8:8">
      <c r="H284261" s="12"/>
    </row>
    <row r="284262" spans="8:8">
      <c r="H284262" s="12"/>
    </row>
    <row r="284263" spans="8:8">
      <c r="H284263" s="12"/>
    </row>
    <row r="284264" spans="8:8">
      <c r="H284264" s="12"/>
    </row>
    <row r="284265" spans="8:8">
      <c r="H284265" s="12"/>
    </row>
    <row r="284266" spans="8:8">
      <c r="H284266" s="12"/>
    </row>
    <row r="284267" spans="8:8">
      <c r="H284267" s="12"/>
    </row>
    <row r="284268" spans="8:8">
      <c r="H284268" s="12"/>
    </row>
    <row r="284269" spans="8:8">
      <c r="H284269" s="12"/>
    </row>
    <row r="284270" spans="8:8">
      <c r="H284270" s="12"/>
    </row>
    <row r="284271" spans="8:8">
      <c r="H284271" s="12"/>
    </row>
    <row r="284272" spans="8:8">
      <c r="H284272" s="12"/>
    </row>
    <row r="284273" spans="8:8">
      <c r="H284273" s="12"/>
    </row>
    <row r="284274" spans="8:8">
      <c r="H284274" s="12"/>
    </row>
    <row r="284275" spans="8:8">
      <c r="H284275" s="12"/>
    </row>
    <row r="284276" spans="8:8">
      <c r="H284276" s="12"/>
    </row>
    <row r="284277" spans="8:8">
      <c r="H284277" s="12"/>
    </row>
    <row r="284278" spans="8:8">
      <c r="H284278" s="12"/>
    </row>
    <row r="284279" spans="8:8">
      <c r="H284279" s="12"/>
    </row>
    <row r="284280" spans="8:8">
      <c r="H284280" s="12"/>
    </row>
    <row r="284281" spans="8:8">
      <c r="H284281" s="12"/>
    </row>
    <row r="284282" spans="8:8">
      <c r="H284282" s="12"/>
    </row>
    <row r="284283" spans="8:8">
      <c r="H284283" s="12"/>
    </row>
    <row r="284284" spans="8:8">
      <c r="H284284" s="12"/>
    </row>
    <row r="284285" spans="8:8">
      <c r="H284285" s="12"/>
    </row>
    <row r="284286" spans="8:8">
      <c r="H284286" s="12"/>
    </row>
    <row r="284287" spans="8:8">
      <c r="H284287" s="12"/>
    </row>
    <row r="284288" spans="8:8">
      <c r="H284288" s="12"/>
    </row>
    <row r="284289" spans="8:8">
      <c r="H284289" s="12"/>
    </row>
    <row r="284290" spans="8:8">
      <c r="H284290" s="12"/>
    </row>
    <row r="284291" spans="8:8">
      <c r="H284291" s="12"/>
    </row>
    <row r="284292" spans="8:8">
      <c r="H284292" s="12"/>
    </row>
    <row r="284293" spans="8:8">
      <c r="H284293" s="12"/>
    </row>
    <row r="284294" spans="8:8">
      <c r="H284294" s="12"/>
    </row>
    <row r="284295" spans="8:8">
      <c r="H284295" s="12"/>
    </row>
    <row r="284296" spans="8:8">
      <c r="H284296" s="12"/>
    </row>
    <row r="284297" spans="8:8">
      <c r="H284297" s="12"/>
    </row>
    <row r="284298" spans="8:8">
      <c r="H284298" s="12"/>
    </row>
    <row r="284299" spans="8:8">
      <c r="H284299" s="12"/>
    </row>
    <row r="284300" spans="8:8">
      <c r="H284300" s="12"/>
    </row>
    <row r="284301" spans="8:8">
      <c r="H284301" s="12"/>
    </row>
    <row r="284302" spans="8:8">
      <c r="H284302" s="12"/>
    </row>
    <row r="284303" spans="8:8">
      <c r="H284303" s="12"/>
    </row>
    <row r="284304" spans="8:8">
      <c r="H284304" s="12"/>
    </row>
    <row r="284305" spans="8:8">
      <c r="H284305" s="12"/>
    </row>
    <row r="284306" spans="8:8">
      <c r="H284306" s="12"/>
    </row>
    <row r="284307" spans="8:8">
      <c r="H284307" s="12"/>
    </row>
    <row r="284308" spans="8:8">
      <c r="H284308" s="12"/>
    </row>
    <row r="284309" spans="8:8">
      <c r="H284309" s="12"/>
    </row>
    <row r="284310" spans="8:8">
      <c r="H284310" s="12"/>
    </row>
    <row r="284311" spans="8:8">
      <c r="H284311" s="12"/>
    </row>
    <row r="284312" spans="8:8">
      <c r="H284312" s="12"/>
    </row>
    <row r="284313" spans="8:8">
      <c r="H284313" s="12"/>
    </row>
    <row r="284314" spans="8:8">
      <c r="H284314" s="12"/>
    </row>
    <row r="284315" spans="8:8">
      <c r="H284315" s="12"/>
    </row>
    <row r="284316" spans="8:8">
      <c r="H284316" s="12"/>
    </row>
    <row r="284317" spans="8:8">
      <c r="H284317" s="12"/>
    </row>
    <row r="284318" spans="8:8">
      <c r="H284318" s="12"/>
    </row>
    <row r="284319" spans="8:8">
      <c r="H284319" s="12"/>
    </row>
    <row r="284320" spans="8:8">
      <c r="H284320" s="12"/>
    </row>
    <row r="284321" spans="8:8">
      <c r="H284321" s="12"/>
    </row>
    <row r="284322" spans="8:8">
      <c r="H284322" s="12"/>
    </row>
    <row r="284323" spans="8:8">
      <c r="H284323" s="12"/>
    </row>
    <row r="284324" spans="8:8">
      <c r="H284324" s="12"/>
    </row>
    <row r="284325" spans="8:8">
      <c r="H284325" s="12"/>
    </row>
    <row r="284326" spans="8:8">
      <c r="H284326" s="12"/>
    </row>
    <row r="284327" spans="8:8">
      <c r="H284327" s="12"/>
    </row>
    <row r="284328" spans="8:8">
      <c r="H284328" s="12"/>
    </row>
    <row r="284329" spans="8:8">
      <c r="H284329" s="12"/>
    </row>
    <row r="284330" spans="8:8">
      <c r="H284330" s="12"/>
    </row>
    <row r="284331" spans="8:8">
      <c r="H284331" s="12"/>
    </row>
    <row r="284332" spans="8:8">
      <c r="H284332" s="12"/>
    </row>
    <row r="284333" spans="8:8">
      <c r="H284333" s="12"/>
    </row>
    <row r="284334" spans="8:8">
      <c r="H284334" s="12"/>
    </row>
    <row r="284335" spans="8:8">
      <c r="H284335" s="12"/>
    </row>
    <row r="284336" spans="8:8">
      <c r="H284336" s="12"/>
    </row>
    <row r="284337" spans="8:8">
      <c r="H284337" s="12"/>
    </row>
    <row r="284338" spans="8:8">
      <c r="H284338" s="12"/>
    </row>
    <row r="284339" spans="8:8">
      <c r="H284339" s="12"/>
    </row>
    <row r="284340" spans="8:8">
      <c r="H284340" s="12"/>
    </row>
    <row r="284341" spans="8:8">
      <c r="H284341" s="12"/>
    </row>
    <row r="284342" spans="8:8">
      <c r="H284342" s="12"/>
    </row>
    <row r="284343" spans="8:8">
      <c r="H284343" s="12"/>
    </row>
    <row r="284344" spans="8:8">
      <c r="H284344" s="12"/>
    </row>
    <row r="284345" spans="8:8">
      <c r="H284345" s="12"/>
    </row>
    <row r="284346" spans="8:8">
      <c r="H284346" s="12"/>
    </row>
    <row r="284347" spans="8:8">
      <c r="H284347" s="12"/>
    </row>
    <row r="284348" spans="8:8">
      <c r="H284348" s="12"/>
    </row>
    <row r="284349" spans="8:8">
      <c r="H284349" s="12"/>
    </row>
    <row r="284350" spans="8:8">
      <c r="H284350" s="12"/>
    </row>
    <row r="284351" spans="8:8">
      <c r="H284351" s="12"/>
    </row>
    <row r="284352" spans="8:8">
      <c r="H284352" s="12"/>
    </row>
    <row r="284353" spans="8:8">
      <c r="H284353" s="12"/>
    </row>
    <row r="284354" spans="8:8">
      <c r="H284354" s="12"/>
    </row>
    <row r="284355" spans="8:8">
      <c r="H284355" s="12"/>
    </row>
    <row r="284356" spans="8:8">
      <c r="H284356" s="12"/>
    </row>
    <row r="284357" spans="8:8">
      <c r="H284357" s="12"/>
    </row>
    <row r="284358" spans="8:8">
      <c r="H284358" s="12"/>
    </row>
    <row r="284359" spans="8:8">
      <c r="H284359" s="12"/>
    </row>
    <row r="284360" spans="8:8">
      <c r="H284360" s="12"/>
    </row>
    <row r="284361" spans="8:8">
      <c r="H284361" s="12"/>
    </row>
    <row r="284362" spans="8:8">
      <c r="H284362" s="12"/>
    </row>
    <row r="284363" spans="8:8">
      <c r="H284363" s="12"/>
    </row>
    <row r="284364" spans="8:8">
      <c r="H284364" s="12"/>
    </row>
    <row r="284365" spans="8:8">
      <c r="H284365" s="12"/>
    </row>
    <row r="284366" spans="8:8">
      <c r="H284366" s="12"/>
    </row>
    <row r="284367" spans="8:8">
      <c r="H284367" s="12"/>
    </row>
    <row r="284368" spans="8:8">
      <c r="H284368" s="12"/>
    </row>
    <row r="284369" spans="8:8">
      <c r="H284369" s="12"/>
    </row>
    <row r="284370" spans="8:8">
      <c r="H284370" s="12"/>
    </row>
    <row r="284371" spans="8:8">
      <c r="H284371" s="12"/>
    </row>
    <row r="284372" spans="8:8">
      <c r="H284372" s="12"/>
    </row>
    <row r="284373" spans="8:8">
      <c r="H284373" s="12"/>
    </row>
    <row r="284374" spans="8:8">
      <c r="H284374" s="12"/>
    </row>
    <row r="284375" spans="8:8">
      <c r="H284375" s="12"/>
    </row>
    <row r="284376" spans="8:8">
      <c r="H284376" s="12"/>
    </row>
    <row r="284377" spans="8:8">
      <c r="H284377" s="12"/>
    </row>
    <row r="284378" spans="8:8">
      <c r="H284378" s="12"/>
    </row>
    <row r="284379" spans="8:8">
      <c r="H284379" s="12"/>
    </row>
    <row r="284380" spans="8:8">
      <c r="H284380" s="12"/>
    </row>
    <row r="284381" spans="8:8">
      <c r="H284381" s="12"/>
    </row>
    <row r="284382" spans="8:8">
      <c r="H284382" s="12"/>
    </row>
    <row r="284383" spans="8:8">
      <c r="H284383" s="12"/>
    </row>
    <row r="284384" spans="8:8">
      <c r="H284384" s="12"/>
    </row>
    <row r="284385" spans="8:8">
      <c r="H284385" s="12"/>
    </row>
    <row r="284386" spans="8:8">
      <c r="H284386" s="12"/>
    </row>
    <row r="284387" spans="8:8">
      <c r="H284387" s="12"/>
    </row>
    <row r="284388" spans="8:8">
      <c r="H284388" s="12"/>
    </row>
    <row r="284389" spans="8:8">
      <c r="H284389" s="12"/>
    </row>
    <row r="284390" spans="8:8">
      <c r="H284390" s="12"/>
    </row>
    <row r="284391" spans="8:8">
      <c r="H284391" s="12"/>
    </row>
    <row r="284392" spans="8:8">
      <c r="H284392" s="12"/>
    </row>
    <row r="284393" spans="8:8">
      <c r="H284393" s="12"/>
    </row>
    <row r="284394" spans="8:8">
      <c r="H284394" s="12"/>
    </row>
    <row r="284395" spans="8:8">
      <c r="H284395" s="12"/>
    </row>
    <row r="284396" spans="8:8">
      <c r="H284396" s="12"/>
    </row>
    <row r="284397" spans="8:8">
      <c r="H284397" s="12"/>
    </row>
    <row r="284398" spans="8:8">
      <c r="H284398" s="12"/>
    </row>
    <row r="284399" spans="8:8">
      <c r="H284399" s="12"/>
    </row>
    <row r="284400" spans="8:8">
      <c r="H284400" s="12"/>
    </row>
    <row r="284401" spans="8:8">
      <c r="H284401" s="12"/>
    </row>
    <row r="284402" spans="8:8">
      <c r="H284402" s="12"/>
    </row>
    <row r="284403" spans="8:8">
      <c r="H284403" s="12"/>
    </row>
    <row r="284404" spans="8:8">
      <c r="H284404" s="12"/>
    </row>
    <row r="284405" spans="8:8">
      <c r="H284405" s="12"/>
    </row>
    <row r="284406" spans="8:8">
      <c r="H284406" s="12"/>
    </row>
    <row r="284407" spans="8:8">
      <c r="H284407" s="12"/>
    </row>
    <row r="284408" spans="8:8">
      <c r="H284408" s="12"/>
    </row>
    <row r="284409" spans="8:8">
      <c r="H284409" s="12"/>
    </row>
    <row r="284410" spans="8:8">
      <c r="H284410" s="12"/>
    </row>
    <row r="284411" spans="8:8">
      <c r="H284411" s="12"/>
    </row>
    <row r="284412" spans="8:8">
      <c r="H284412" s="12"/>
    </row>
    <row r="284413" spans="8:8">
      <c r="H284413" s="12"/>
    </row>
    <row r="284414" spans="8:8">
      <c r="H284414" s="12"/>
    </row>
    <row r="284415" spans="8:8">
      <c r="H284415" s="12"/>
    </row>
    <row r="284416" spans="8:8">
      <c r="H284416" s="12"/>
    </row>
    <row r="284417" spans="8:8">
      <c r="H284417" s="12"/>
    </row>
    <row r="284418" spans="8:8">
      <c r="H284418" s="12"/>
    </row>
    <row r="284419" spans="8:8">
      <c r="H284419" s="12"/>
    </row>
    <row r="284420" spans="8:8">
      <c r="H284420" s="12"/>
    </row>
    <row r="284421" spans="8:8">
      <c r="H284421" s="12"/>
    </row>
    <row r="284422" spans="8:8">
      <c r="H284422" s="12"/>
    </row>
    <row r="284423" spans="8:8">
      <c r="H284423" s="12"/>
    </row>
    <row r="284424" spans="8:8">
      <c r="H284424" s="12"/>
    </row>
    <row r="284425" spans="8:8">
      <c r="H284425" s="12"/>
    </row>
    <row r="284426" spans="8:8">
      <c r="H284426" s="12"/>
    </row>
    <row r="284427" spans="8:8">
      <c r="H284427" s="12"/>
    </row>
    <row r="284428" spans="8:8">
      <c r="H284428" s="12"/>
    </row>
    <row r="284429" spans="8:8">
      <c r="H284429" s="12"/>
    </row>
    <row r="284430" spans="8:8">
      <c r="H284430" s="12"/>
    </row>
    <row r="284431" spans="8:8">
      <c r="H284431" s="12"/>
    </row>
    <row r="284432" spans="8:8">
      <c r="H284432" s="12"/>
    </row>
    <row r="284433" spans="8:8">
      <c r="H284433" s="12"/>
    </row>
    <row r="284434" spans="8:8">
      <c r="H284434" s="12"/>
    </row>
    <row r="284435" spans="8:8">
      <c r="H284435" s="12"/>
    </row>
    <row r="284436" spans="8:8">
      <c r="H284436" s="12"/>
    </row>
    <row r="284437" spans="8:8">
      <c r="H284437" s="12"/>
    </row>
    <row r="284438" spans="8:8">
      <c r="H284438" s="12"/>
    </row>
    <row r="284439" spans="8:8">
      <c r="H284439" s="12"/>
    </row>
    <row r="284440" spans="8:8">
      <c r="H284440" s="12"/>
    </row>
    <row r="284441" spans="8:8">
      <c r="H284441" s="12"/>
    </row>
    <row r="284442" spans="8:8">
      <c r="H284442" s="12"/>
    </row>
    <row r="284443" spans="8:8">
      <c r="H284443" s="12"/>
    </row>
    <row r="284444" spans="8:8">
      <c r="H284444" s="12"/>
    </row>
    <row r="284445" spans="8:8">
      <c r="H284445" s="12"/>
    </row>
    <row r="284446" spans="8:8">
      <c r="H284446" s="12"/>
    </row>
    <row r="284447" spans="8:8">
      <c r="H284447" s="12"/>
    </row>
    <row r="284448" spans="8:8">
      <c r="H284448" s="12"/>
    </row>
    <row r="284449" spans="8:8">
      <c r="H284449" s="12"/>
    </row>
    <row r="284450" spans="8:8">
      <c r="H284450" s="12"/>
    </row>
    <row r="284451" spans="8:8">
      <c r="H284451" s="12"/>
    </row>
    <row r="284452" spans="8:8">
      <c r="H284452" s="12"/>
    </row>
    <row r="284453" spans="8:8">
      <c r="H284453" s="12"/>
    </row>
    <row r="284454" spans="8:8">
      <c r="H284454" s="12"/>
    </row>
    <row r="284455" spans="8:8">
      <c r="H284455" s="12"/>
    </row>
    <row r="284456" spans="8:8">
      <c r="H284456" s="12"/>
    </row>
    <row r="284457" spans="8:8">
      <c r="H284457" s="12"/>
    </row>
    <row r="284458" spans="8:8">
      <c r="H284458" s="12"/>
    </row>
    <row r="284459" spans="8:8">
      <c r="H284459" s="12"/>
    </row>
    <row r="284460" spans="8:8">
      <c r="H284460" s="12"/>
    </row>
    <row r="284461" spans="8:8">
      <c r="H284461" s="12"/>
    </row>
    <row r="284462" spans="8:8">
      <c r="H284462" s="12"/>
    </row>
    <row r="284463" spans="8:8">
      <c r="H284463" s="12"/>
    </row>
    <row r="284464" spans="8:8">
      <c r="H284464" s="12"/>
    </row>
    <row r="284465" spans="8:8">
      <c r="H284465" s="12"/>
    </row>
    <row r="284466" spans="8:8">
      <c r="H284466" s="12"/>
    </row>
    <row r="284467" spans="8:8">
      <c r="H284467" s="12"/>
    </row>
    <row r="284468" spans="8:8">
      <c r="H284468" s="12"/>
    </row>
    <row r="284469" spans="8:8">
      <c r="H284469" s="12"/>
    </row>
    <row r="284470" spans="8:8">
      <c r="H284470" s="12"/>
    </row>
    <row r="284471" spans="8:8">
      <c r="H284471" s="12"/>
    </row>
    <row r="284472" spans="8:8">
      <c r="H284472" s="12"/>
    </row>
    <row r="284473" spans="8:8">
      <c r="H284473" s="12"/>
    </row>
    <row r="284474" spans="8:8">
      <c r="H284474" s="12"/>
    </row>
    <row r="284475" spans="8:8">
      <c r="H284475" s="12"/>
    </row>
    <row r="284476" spans="8:8">
      <c r="H284476" s="12"/>
    </row>
    <row r="284477" spans="8:8">
      <c r="H284477" s="12"/>
    </row>
    <row r="284478" spans="8:8">
      <c r="H284478" s="12"/>
    </row>
    <row r="284479" spans="8:8">
      <c r="H284479" s="12"/>
    </row>
    <row r="284480" spans="8:8">
      <c r="H284480" s="12"/>
    </row>
    <row r="284481" spans="8:8">
      <c r="H284481" s="12"/>
    </row>
    <row r="284482" spans="8:8">
      <c r="H284482" s="12"/>
    </row>
    <row r="284483" spans="8:8">
      <c r="H284483" s="12"/>
    </row>
    <row r="284484" spans="8:8">
      <c r="H284484" s="12"/>
    </row>
    <row r="284485" spans="8:8">
      <c r="H284485" s="12"/>
    </row>
    <row r="284486" spans="8:8">
      <c r="H284486" s="12"/>
    </row>
    <row r="284487" spans="8:8">
      <c r="H284487" s="12"/>
    </row>
    <row r="284488" spans="8:8">
      <c r="H284488" s="12"/>
    </row>
    <row r="284489" spans="8:8">
      <c r="H284489" s="12"/>
    </row>
    <row r="284490" spans="8:8">
      <c r="H284490" s="12"/>
    </row>
    <row r="284491" spans="8:8">
      <c r="H284491" s="12"/>
    </row>
    <row r="284492" spans="8:8">
      <c r="H284492" s="12"/>
    </row>
    <row r="284493" spans="8:8">
      <c r="H284493" s="12"/>
    </row>
    <row r="284494" spans="8:8">
      <c r="H284494" s="12"/>
    </row>
    <row r="284495" spans="8:8">
      <c r="H284495" s="12"/>
    </row>
    <row r="284496" spans="8:8">
      <c r="H284496" s="12"/>
    </row>
    <row r="284497" spans="8:8">
      <c r="H284497" s="12"/>
    </row>
    <row r="284498" spans="8:8">
      <c r="H284498" s="12"/>
    </row>
    <row r="284499" spans="8:8">
      <c r="H284499" s="12"/>
    </row>
    <row r="284500" spans="8:8">
      <c r="H284500" s="12"/>
    </row>
    <row r="284501" spans="8:8">
      <c r="H284501" s="12"/>
    </row>
    <row r="284502" spans="8:8">
      <c r="H284502" s="12"/>
    </row>
    <row r="284503" spans="8:8">
      <c r="H284503" s="12"/>
    </row>
    <row r="284504" spans="8:8">
      <c r="H284504" s="12"/>
    </row>
    <row r="284505" spans="8:8">
      <c r="H284505" s="12"/>
    </row>
    <row r="284506" spans="8:8">
      <c r="H284506" s="12"/>
    </row>
    <row r="284507" spans="8:8">
      <c r="H284507" s="12"/>
    </row>
    <row r="284508" spans="8:8">
      <c r="H284508" s="12"/>
    </row>
    <row r="284509" spans="8:8">
      <c r="H284509" s="12"/>
    </row>
    <row r="284510" spans="8:8">
      <c r="H284510" s="12"/>
    </row>
    <row r="284511" spans="8:8">
      <c r="H284511" s="12"/>
    </row>
    <row r="284512" spans="8:8">
      <c r="H284512" s="12"/>
    </row>
    <row r="284513" spans="8:8">
      <c r="H284513" s="12"/>
    </row>
    <row r="284514" spans="8:8">
      <c r="H284514" s="12"/>
    </row>
    <row r="284515" spans="8:8">
      <c r="H284515" s="12"/>
    </row>
    <row r="284516" spans="8:8">
      <c r="H284516" s="12"/>
    </row>
    <row r="284517" spans="8:8">
      <c r="H284517" s="12"/>
    </row>
    <row r="284518" spans="8:8">
      <c r="H284518" s="12"/>
    </row>
    <row r="284519" spans="8:8">
      <c r="H284519" s="12"/>
    </row>
    <row r="284520" spans="8:8">
      <c r="H284520" s="12"/>
    </row>
    <row r="284521" spans="8:8">
      <c r="H284521" s="12"/>
    </row>
    <row r="284522" spans="8:8">
      <c r="H284522" s="12"/>
    </row>
    <row r="284523" spans="8:8">
      <c r="H284523" s="12"/>
    </row>
    <row r="284524" spans="8:8">
      <c r="H284524" s="12"/>
    </row>
    <row r="284525" spans="8:8">
      <c r="H284525" s="12"/>
    </row>
    <row r="284526" spans="8:8">
      <c r="H284526" s="12"/>
    </row>
    <row r="284527" spans="8:8">
      <c r="H284527" s="12"/>
    </row>
    <row r="284528" spans="8:8">
      <c r="H284528" s="12"/>
    </row>
    <row r="284529" spans="8:8">
      <c r="H284529" s="12"/>
    </row>
    <row r="284530" spans="8:8">
      <c r="H284530" s="12"/>
    </row>
    <row r="284531" spans="8:8">
      <c r="H284531" s="12"/>
    </row>
    <row r="284532" spans="8:8">
      <c r="H284532" s="12"/>
    </row>
    <row r="284533" spans="8:8">
      <c r="H284533" s="12"/>
    </row>
    <row r="284534" spans="8:8">
      <c r="H284534" s="12"/>
    </row>
    <row r="284535" spans="8:8">
      <c r="H284535" s="12"/>
    </row>
    <row r="284536" spans="8:8">
      <c r="H284536" s="12"/>
    </row>
    <row r="284537" spans="8:8">
      <c r="H284537" s="12"/>
    </row>
    <row r="284538" spans="8:8">
      <c r="H284538" s="12"/>
    </row>
    <row r="284539" spans="8:8">
      <c r="H284539" s="12"/>
    </row>
    <row r="284540" spans="8:8">
      <c r="H284540" s="12"/>
    </row>
    <row r="284541" spans="8:8">
      <c r="H284541" s="12"/>
    </row>
    <row r="284542" spans="8:8">
      <c r="H284542" s="12"/>
    </row>
    <row r="284543" spans="8:8">
      <c r="H284543" s="12"/>
    </row>
    <row r="284544" spans="8:8">
      <c r="H284544" s="12"/>
    </row>
    <row r="284545" spans="8:8">
      <c r="H284545" s="12"/>
    </row>
    <row r="284546" spans="8:8">
      <c r="H284546" s="12"/>
    </row>
    <row r="284547" spans="8:8">
      <c r="H284547" s="12"/>
    </row>
    <row r="284548" spans="8:8">
      <c r="H284548" s="12"/>
    </row>
    <row r="284549" spans="8:8">
      <c r="H284549" s="12"/>
    </row>
    <row r="284550" spans="8:8">
      <c r="H284550" s="12"/>
    </row>
    <row r="284551" spans="8:8">
      <c r="H284551" s="12"/>
    </row>
    <row r="284552" spans="8:8">
      <c r="H284552" s="12"/>
    </row>
    <row r="284553" spans="8:8">
      <c r="H284553" s="12"/>
    </row>
    <row r="284554" spans="8:8">
      <c r="H284554" s="12"/>
    </row>
    <row r="284555" spans="8:8">
      <c r="H284555" s="12"/>
    </row>
    <row r="284556" spans="8:8">
      <c r="H284556" s="12"/>
    </row>
    <row r="284557" spans="8:8">
      <c r="H284557" s="12"/>
    </row>
    <row r="284558" spans="8:8">
      <c r="H284558" s="12"/>
    </row>
    <row r="284559" spans="8:8">
      <c r="H284559" s="12"/>
    </row>
    <row r="284560" spans="8:8">
      <c r="H284560" s="12"/>
    </row>
    <row r="284561" spans="8:8">
      <c r="H284561" s="12"/>
    </row>
    <row r="284562" spans="8:8">
      <c r="H284562" s="12"/>
    </row>
    <row r="284563" spans="8:8">
      <c r="H284563" s="12"/>
    </row>
    <row r="284564" spans="8:8">
      <c r="H284564" s="12"/>
    </row>
    <row r="284565" spans="8:8">
      <c r="H284565" s="12"/>
    </row>
    <row r="284566" spans="8:8">
      <c r="H284566" s="12"/>
    </row>
    <row r="284567" spans="8:8">
      <c r="H284567" s="12"/>
    </row>
    <row r="284568" spans="8:8">
      <c r="H284568" s="12"/>
    </row>
    <row r="284569" spans="8:8">
      <c r="H284569" s="12"/>
    </row>
    <row r="284570" spans="8:8">
      <c r="H284570" s="12"/>
    </row>
    <row r="284571" spans="8:8">
      <c r="H284571" s="12"/>
    </row>
    <row r="284572" spans="8:8">
      <c r="H284572" s="12"/>
    </row>
    <row r="284573" spans="8:8">
      <c r="H284573" s="12"/>
    </row>
    <row r="284574" spans="8:8">
      <c r="H284574" s="12"/>
    </row>
    <row r="284575" spans="8:8">
      <c r="H284575" s="12"/>
    </row>
    <row r="284576" spans="8:8">
      <c r="H284576" s="12"/>
    </row>
    <row r="284577" spans="8:8">
      <c r="H284577" s="12"/>
    </row>
    <row r="284578" spans="8:8">
      <c r="H284578" s="12"/>
    </row>
    <row r="284579" spans="8:8">
      <c r="H284579" s="12"/>
    </row>
    <row r="284580" spans="8:8">
      <c r="H284580" s="12"/>
    </row>
    <row r="284581" spans="8:8">
      <c r="H284581" s="12"/>
    </row>
    <row r="284582" spans="8:8">
      <c r="H284582" s="12"/>
    </row>
    <row r="284583" spans="8:8">
      <c r="H284583" s="12"/>
    </row>
    <row r="284584" spans="8:8">
      <c r="H284584" s="12"/>
    </row>
    <row r="284585" spans="8:8">
      <c r="H284585" s="12"/>
    </row>
    <row r="284586" spans="8:8">
      <c r="H284586" s="12"/>
    </row>
    <row r="284587" spans="8:8">
      <c r="H284587" s="12"/>
    </row>
    <row r="284588" spans="8:8">
      <c r="H284588" s="12"/>
    </row>
    <row r="284589" spans="8:8">
      <c r="H284589" s="12"/>
    </row>
    <row r="284590" spans="8:8">
      <c r="H284590" s="12"/>
    </row>
    <row r="284591" spans="8:8">
      <c r="H284591" s="12"/>
    </row>
    <row r="284592" spans="8:8">
      <c r="H284592" s="12"/>
    </row>
    <row r="284593" spans="8:8">
      <c r="H284593" s="12"/>
    </row>
    <row r="284594" spans="8:8">
      <c r="H284594" s="12"/>
    </row>
    <row r="284595" spans="8:8">
      <c r="H284595" s="12"/>
    </row>
    <row r="284596" spans="8:8">
      <c r="H284596" s="12"/>
    </row>
    <row r="284597" spans="8:8">
      <c r="H284597" s="12"/>
    </row>
    <row r="284598" spans="8:8">
      <c r="H284598" s="12"/>
    </row>
    <row r="284599" spans="8:8">
      <c r="H284599" s="12"/>
    </row>
    <row r="284600" spans="8:8">
      <c r="H284600" s="12"/>
    </row>
    <row r="284601" spans="8:8">
      <c r="H284601" s="12"/>
    </row>
    <row r="284602" spans="8:8">
      <c r="H284602" s="12"/>
    </row>
    <row r="284603" spans="8:8">
      <c r="H284603" s="12"/>
    </row>
    <row r="284604" spans="8:8">
      <c r="H284604" s="12"/>
    </row>
    <row r="284605" spans="8:8">
      <c r="H284605" s="12"/>
    </row>
    <row r="284606" spans="8:8">
      <c r="H284606" s="12"/>
    </row>
    <row r="284607" spans="8:8">
      <c r="H284607" s="12"/>
    </row>
    <row r="284608" spans="8:8">
      <c r="H284608" s="12"/>
    </row>
    <row r="284609" spans="8:8">
      <c r="H284609" s="12"/>
    </row>
    <row r="284610" spans="8:8">
      <c r="H284610" s="12"/>
    </row>
    <row r="284611" spans="8:8">
      <c r="H284611" s="12"/>
    </row>
    <row r="284612" spans="8:8">
      <c r="H284612" s="12"/>
    </row>
    <row r="284613" spans="8:8">
      <c r="H284613" s="12"/>
    </row>
    <row r="284614" spans="8:8">
      <c r="H284614" s="12"/>
    </row>
    <row r="284615" spans="8:8">
      <c r="H284615" s="12"/>
    </row>
    <row r="284616" spans="8:8">
      <c r="H284616" s="12"/>
    </row>
    <row r="284617" spans="8:8">
      <c r="H284617" s="12"/>
    </row>
    <row r="284618" spans="8:8">
      <c r="H284618" s="12"/>
    </row>
    <row r="284619" spans="8:8">
      <c r="H284619" s="12"/>
    </row>
    <row r="284620" spans="8:8">
      <c r="H284620" s="12"/>
    </row>
    <row r="284621" spans="8:8">
      <c r="H284621" s="12"/>
    </row>
    <row r="284622" spans="8:8">
      <c r="H284622" s="12"/>
    </row>
    <row r="284623" spans="8:8">
      <c r="H284623" s="12"/>
    </row>
    <row r="284624" spans="8:8">
      <c r="H284624" s="12"/>
    </row>
    <row r="284625" spans="8:8">
      <c r="H284625" s="12"/>
    </row>
    <row r="284626" spans="8:8">
      <c r="H284626" s="12"/>
    </row>
    <row r="284627" spans="8:8">
      <c r="H284627" s="12"/>
    </row>
    <row r="284628" spans="8:8">
      <c r="H284628" s="12"/>
    </row>
    <row r="284629" spans="8:8">
      <c r="H284629" s="12"/>
    </row>
    <row r="284630" spans="8:8">
      <c r="H284630" s="12"/>
    </row>
    <row r="284631" spans="8:8">
      <c r="H284631" s="12"/>
    </row>
    <row r="284632" spans="8:8">
      <c r="H284632" s="12"/>
    </row>
    <row r="284633" spans="8:8">
      <c r="H284633" s="12"/>
    </row>
    <row r="284634" spans="8:8">
      <c r="H284634" s="12"/>
    </row>
    <row r="284635" spans="8:8">
      <c r="H284635" s="12"/>
    </row>
    <row r="284636" spans="8:8">
      <c r="H284636" s="12"/>
    </row>
    <row r="284637" spans="8:8">
      <c r="H284637" s="12"/>
    </row>
    <row r="284638" spans="8:8">
      <c r="H284638" s="12"/>
    </row>
    <row r="284639" spans="8:8">
      <c r="H284639" s="12"/>
    </row>
    <row r="284640" spans="8:8">
      <c r="H284640" s="12"/>
    </row>
    <row r="284641" spans="8:8">
      <c r="H284641" s="12"/>
    </row>
    <row r="284642" spans="8:8">
      <c r="H284642" s="12"/>
    </row>
    <row r="284643" spans="8:8">
      <c r="H284643" s="12"/>
    </row>
    <row r="284644" spans="8:8">
      <c r="H284644" s="12"/>
    </row>
    <row r="284645" spans="8:8">
      <c r="H284645" s="12"/>
    </row>
    <row r="284646" spans="8:8">
      <c r="H284646" s="12"/>
    </row>
    <row r="284647" spans="8:8">
      <c r="H284647" s="12"/>
    </row>
    <row r="284648" spans="8:8">
      <c r="H284648" s="12"/>
    </row>
    <row r="284649" spans="8:8">
      <c r="H284649" s="12"/>
    </row>
    <row r="284650" spans="8:8">
      <c r="H284650" s="12"/>
    </row>
    <row r="284651" spans="8:8">
      <c r="H284651" s="12"/>
    </row>
    <row r="284652" spans="8:8">
      <c r="H284652" s="12"/>
    </row>
    <row r="284653" spans="8:8">
      <c r="H284653" s="12"/>
    </row>
    <row r="284654" spans="8:8">
      <c r="H284654" s="12"/>
    </row>
    <row r="284655" spans="8:8">
      <c r="H284655" s="12"/>
    </row>
    <row r="284656" spans="8:8">
      <c r="H284656" s="12"/>
    </row>
    <row r="284657" spans="8:8">
      <c r="H284657" s="12"/>
    </row>
    <row r="284658" spans="8:8">
      <c r="H284658" s="12"/>
    </row>
    <row r="284659" spans="8:8">
      <c r="H284659" s="12"/>
    </row>
    <row r="284660" spans="8:8">
      <c r="H284660" s="12"/>
    </row>
    <row r="284661" spans="8:8">
      <c r="H284661" s="12"/>
    </row>
    <row r="284662" spans="8:8">
      <c r="H284662" s="12"/>
    </row>
    <row r="284663" spans="8:8">
      <c r="H284663" s="12"/>
    </row>
    <row r="284664" spans="8:8">
      <c r="H284664" s="12"/>
    </row>
    <row r="284665" spans="8:8">
      <c r="H284665" s="12"/>
    </row>
    <row r="284666" spans="8:8">
      <c r="H284666" s="12"/>
    </row>
    <row r="284667" spans="8:8">
      <c r="H284667" s="12"/>
    </row>
    <row r="284668" spans="8:8">
      <c r="H284668" s="12"/>
    </row>
    <row r="284669" spans="8:8">
      <c r="H284669" s="12"/>
    </row>
    <row r="284670" spans="8:8">
      <c r="H284670" s="12"/>
    </row>
    <row r="284671" spans="8:8">
      <c r="H284671" s="12"/>
    </row>
    <row r="284672" spans="8:8">
      <c r="H284672" s="12"/>
    </row>
    <row r="284673" spans="8:8">
      <c r="H284673" s="12"/>
    </row>
    <row r="284674" spans="8:8">
      <c r="H284674" s="12"/>
    </row>
    <row r="284675" spans="8:8">
      <c r="H284675" s="12"/>
    </row>
    <row r="284676" spans="8:8">
      <c r="H284676" s="12"/>
    </row>
    <row r="284677" spans="8:8">
      <c r="H284677" s="12"/>
    </row>
    <row r="284678" spans="8:8">
      <c r="H284678" s="12"/>
    </row>
    <row r="284679" spans="8:8">
      <c r="H284679" s="12"/>
    </row>
    <row r="284680" spans="8:8">
      <c r="H284680" s="12"/>
    </row>
    <row r="284681" spans="8:8">
      <c r="H284681" s="12"/>
    </row>
    <row r="284682" spans="8:8">
      <c r="H284682" s="12"/>
    </row>
    <row r="284683" spans="8:8">
      <c r="H284683" s="12"/>
    </row>
    <row r="284684" spans="8:8">
      <c r="H284684" s="12"/>
    </row>
    <row r="284685" spans="8:8">
      <c r="H284685" s="12"/>
    </row>
    <row r="284686" spans="8:8">
      <c r="H284686" s="12"/>
    </row>
    <row r="284687" spans="8:8">
      <c r="H284687" s="12"/>
    </row>
    <row r="284688" spans="8:8">
      <c r="H284688" s="12"/>
    </row>
    <row r="284689" spans="8:8">
      <c r="H284689" s="12"/>
    </row>
    <row r="284690" spans="8:8">
      <c r="H284690" s="12"/>
    </row>
    <row r="284691" spans="8:8">
      <c r="H284691" s="12"/>
    </row>
    <row r="284692" spans="8:8">
      <c r="H284692" s="12"/>
    </row>
    <row r="284693" spans="8:8">
      <c r="H284693" s="12"/>
    </row>
    <row r="284694" spans="8:8">
      <c r="H284694" s="12"/>
    </row>
    <row r="284695" spans="8:8">
      <c r="H284695" s="12"/>
    </row>
    <row r="284696" spans="8:8">
      <c r="H284696" s="12"/>
    </row>
    <row r="284697" spans="8:8">
      <c r="H284697" s="12"/>
    </row>
    <row r="284698" spans="8:8">
      <c r="H284698" s="12"/>
    </row>
    <row r="284699" spans="8:8">
      <c r="H284699" s="12"/>
    </row>
    <row r="284700" spans="8:8">
      <c r="H284700" s="12"/>
    </row>
    <row r="284701" spans="8:8">
      <c r="H284701" s="12"/>
    </row>
    <row r="284702" spans="8:8">
      <c r="H284702" s="12"/>
    </row>
    <row r="284703" spans="8:8">
      <c r="H284703" s="12"/>
    </row>
    <row r="284704" spans="8:8">
      <c r="H284704" s="12"/>
    </row>
    <row r="284705" spans="8:8">
      <c r="H284705" s="12"/>
    </row>
    <row r="284706" spans="8:8">
      <c r="H284706" s="12"/>
    </row>
    <row r="284707" spans="8:8">
      <c r="H284707" s="12"/>
    </row>
    <row r="284708" spans="8:8">
      <c r="H284708" s="12"/>
    </row>
    <row r="284709" spans="8:8">
      <c r="H284709" s="12"/>
    </row>
    <row r="284710" spans="8:8">
      <c r="H284710" s="12"/>
    </row>
    <row r="284711" spans="8:8">
      <c r="H284711" s="12"/>
    </row>
    <row r="284712" spans="8:8">
      <c r="H284712" s="12"/>
    </row>
    <row r="284713" spans="8:8">
      <c r="H284713" s="12"/>
    </row>
    <row r="284714" spans="8:8">
      <c r="H284714" s="12"/>
    </row>
    <row r="284715" spans="8:8">
      <c r="H284715" s="12"/>
    </row>
    <row r="284716" spans="8:8">
      <c r="H284716" s="12"/>
    </row>
    <row r="284717" spans="8:8">
      <c r="H284717" s="12"/>
    </row>
    <row r="284718" spans="8:8">
      <c r="H284718" s="12"/>
    </row>
    <row r="284719" spans="8:8">
      <c r="H284719" s="12"/>
    </row>
    <row r="284720" spans="8:8">
      <c r="H284720" s="12"/>
    </row>
    <row r="284721" spans="8:8">
      <c r="H284721" s="12"/>
    </row>
    <row r="284722" spans="8:8">
      <c r="H284722" s="12"/>
    </row>
    <row r="284723" spans="8:8">
      <c r="H284723" s="12"/>
    </row>
    <row r="284724" spans="8:8">
      <c r="H284724" s="12"/>
    </row>
    <row r="284725" spans="8:8">
      <c r="H284725" s="12"/>
    </row>
    <row r="284726" spans="8:8">
      <c r="H284726" s="12"/>
    </row>
    <row r="284727" spans="8:8">
      <c r="H284727" s="12"/>
    </row>
    <row r="284728" spans="8:8">
      <c r="H284728" s="12"/>
    </row>
    <row r="284729" spans="8:8">
      <c r="H284729" s="12"/>
    </row>
    <row r="284730" spans="8:8">
      <c r="H284730" s="12"/>
    </row>
    <row r="284731" spans="8:8">
      <c r="H284731" s="12"/>
    </row>
    <row r="284732" spans="8:8">
      <c r="H284732" s="12"/>
    </row>
    <row r="284733" spans="8:8">
      <c r="H284733" s="12"/>
    </row>
    <row r="284734" spans="8:8">
      <c r="H284734" s="12"/>
    </row>
    <row r="284735" spans="8:8">
      <c r="H284735" s="12"/>
    </row>
    <row r="284736" spans="8:8">
      <c r="H284736" s="12"/>
    </row>
    <row r="284737" spans="8:8">
      <c r="H284737" s="12"/>
    </row>
    <row r="284738" spans="8:8">
      <c r="H284738" s="12"/>
    </row>
    <row r="284739" spans="8:8">
      <c r="H284739" s="12"/>
    </row>
    <row r="284740" spans="8:8">
      <c r="H284740" s="12"/>
    </row>
    <row r="284741" spans="8:8">
      <c r="H284741" s="12"/>
    </row>
    <row r="284742" spans="8:8">
      <c r="H284742" s="12"/>
    </row>
    <row r="284743" spans="8:8">
      <c r="H284743" s="12"/>
    </row>
    <row r="284744" spans="8:8">
      <c r="H284744" s="12"/>
    </row>
    <row r="284745" spans="8:8">
      <c r="H284745" s="12"/>
    </row>
    <row r="284746" spans="8:8">
      <c r="H284746" s="12"/>
    </row>
    <row r="284747" spans="8:8">
      <c r="H284747" s="12"/>
    </row>
    <row r="284748" spans="8:8">
      <c r="H284748" s="12"/>
    </row>
    <row r="284749" spans="8:8">
      <c r="H284749" s="12"/>
    </row>
    <row r="284750" spans="8:8">
      <c r="H284750" s="12"/>
    </row>
    <row r="284751" spans="8:8">
      <c r="H284751" s="12"/>
    </row>
    <row r="284752" spans="8:8">
      <c r="H284752" s="12"/>
    </row>
    <row r="284753" spans="8:8">
      <c r="H284753" s="12"/>
    </row>
    <row r="284754" spans="8:8">
      <c r="H284754" s="12"/>
    </row>
    <row r="284755" spans="8:8">
      <c r="H284755" s="12"/>
    </row>
    <row r="284756" spans="8:8">
      <c r="H284756" s="12"/>
    </row>
    <row r="284757" spans="8:8">
      <c r="H284757" s="12"/>
    </row>
    <row r="284758" spans="8:8">
      <c r="H284758" s="12"/>
    </row>
    <row r="284759" spans="8:8">
      <c r="H284759" s="12"/>
    </row>
    <row r="284760" spans="8:8">
      <c r="H284760" s="12"/>
    </row>
    <row r="284761" spans="8:8">
      <c r="H284761" s="12"/>
    </row>
    <row r="284762" spans="8:8">
      <c r="H284762" s="12"/>
    </row>
    <row r="284763" spans="8:8">
      <c r="H284763" s="12"/>
    </row>
    <row r="284764" spans="8:8">
      <c r="H284764" s="12"/>
    </row>
    <row r="284765" spans="8:8">
      <c r="H284765" s="12"/>
    </row>
    <row r="284766" spans="8:8">
      <c r="H284766" s="12"/>
    </row>
    <row r="284767" spans="8:8">
      <c r="H284767" s="12"/>
    </row>
    <row r="284768" spans="8:8">
      <c r="H284768" s="12"/>
    </row>
    <row r="284769" spans="8:8">
      <c r="H284769" s="12"/>
    </row>
    <row r="284770" spans="8:8">
      <c r="H284770" s="12"/>
    </row>
    <row r="284771" spans="8:8">
      <c r="H284771" s="12"/>
    </row>
    <row r="284772" spans="8:8">
      <c r="H284772" s="12"/>
    </row>
    <row r="284773" spans="8:8">
      <c r="H284773" s="12"/>
    </row>
    <row r="284774" spans="8:8">
      <c r="H284774" s="12"/>
    </row>
    <row r="284775" spans="8:8">
      <c r="H284775" s="12"/>
    </row>
    <row r="284776" spans="8:8">
      <c r="H284776" s="12"/>
    </row>
    <row r="284777" spans="8:8">
      <c r="H284777" s="12"/>
    </row>
    <row r="284778" spans="8:8">
      <c r="H284778" s="12"/>
    </row>
    <row r="284779" spans="8:8">
      <c r="H284779" s="12"/>
    </row>
    <row r="284780" spans="8:8">
      <c r="H284780" s="12"/>
    </row>
    <row r="284781" spans="8:8">
      <c r="H284781" s="12"/>
    </row>
    <row r="284782" spans="8:8">
      <c r="H284782" s="12"/>
    </row>
    <row r="284783" spans="8:8">
      <c r="H284783" s="12"/>
    </row>
    <row r="284784" spans="8:8">
      <c r="H284784" s="12"/>
    </row>
    <row r="284785" spans="8:8">
      <c r="H284785" s="12"/>
    </row>
    <row r="284786" spans="8:8">
      <c r="H284786" s="12"/>
    </row>
    <row r="284787" spans="8:8">
      <c r="H284787" s="12"/>
    </row>
    <row r="284788" spans="8:8">
      <c r="H284788" s="12"/>
    </row>
    <row r="284789" spans="8:8">
      <c r="H284789" s="12"/>
    </row>
    <row r="284790" spans="8:8">
      <c r="H284790" s="12"/>
    </row>
    <row r="284791" spans="8:8">
      <c r="H284791" s="12"/>
    </row>
    <row r="284792" spans="8:8">
      <c r="H284792" s="12"/>
    </row>
    <row r="284793" spans="8:8">
      <c r="H284793" s="12"/>
    </row>
    <row r="284794" spans="8:8">
      <c r="H284794" s="12"/>
    </row>
    <row r="284795" spans="8:8">
      <c r="H284795" s="12"/>
    </row>
    <row r="284796" spans="8:8">
      <c r="H284796" s="12"/>
    </row>
    <row r="284797" spans="8:8">
      <c r="H284797" s="12"/>
    </row>
    <row r="284798" spans="8:8">
      <c r="H284798" s="12"/>
    </row>
    <row r="284799" spans="8:8">
      <c r="H284799" s="12"/>
    </row>
    <row r="284800" spans="8:8">
      <c r="H284800" s="12"/>
    </row>
    <row r="284801" spans="8:8">
      <c r="H284801" s="12"/>
    </row>
    <row r="284802" spans="8:8">
      <c r="H284802" s="12"/>
    </row>
    <row r="284803" spans="8:8">
      <c r="H284803" s="12"/>
    </row>
    <row r="284804" spans="8:8">
      <c r="H284804" s="12"/>
    </row>
    <row r="284805" spans="8:8">
      <c r="H284805" s="12"/>
    </row>
    <row r="284806" spans="8:8">
      <c r="H284806" s="12"/>
    </row>
    <row r="284807" spans="8:8">
      <c r="H284807" s="12"/>
    </row>
    <row r="284808" spans="8:8">
      <c r="H284808" s="12"/>
    </row>
    <row r="284809" spans="8:8">
      <c r="H284809" s="12"/>
    </row>
    <row r="284810" spans="8:8">
      <c r="H284810" s="12"/>
    </row>
    <row r="284811" spans="8:8">
      <c r="H284811" s="12"/>
    </row>
    <row r="284812" spans="8:8">
      <c r="H284812" s="12"/>
    </row>
    <row r="284813" spans="8:8">
      <c r="H284813" s="12"/>
    </row>
    <row r="284814" spans="8:8">
      <c r="H284814" s="12"/>
    </row>
    <row r="284815" spans="8:8">
      <c r="H284815" s="12"/>
    </row>
    <row r="284816" spans="8:8">
      <c r="H284816" s="12"/>
    </row>
    <row r="284817" spans="8:8">
      <c r="H284817" s="12"/>
    </row>
    <row r="284818" spans="8:8">
      <c r="H284818" s="12"/>
    </row>
    <row r="284819" spans="8:8">
      <c r="H284819" s="12"/>
    </row>
    <row r="284820" spans="8:8">
      <c r="H284820" s="12"/>
    </row>
    <row r="284821" spans="8:8">
      <c r="H284821" s="12"/>
    </row>
    <row r="284822" spans="8:8">
      <c r="H284822" s="12"/>
    </row>
    <row r="284823" spans="8:8">
      <c r="H284823" s="12"/>
    </row>
    <row r="284824" spans="8:8">
      <c r="H284824" s="12"/>
    </row>
    <row r="284825" spans="8:8">
      <c r="H284825" s="12"/>
    </row>
    <row r="284826" spans="8:8">
      <c r="H284826" s="12"/>
    </row>
    <row r="284827" spans="8:8">
      <c r="H284827" s="12"/>
    </row>
    <row r="284828" spans="8:8">
      <c r="H284828" s="12"/>
    </row>
    <row r="284829" spans="8:8">
      <c r="H284829" s="12"/>
    </row>
    <row r="284830" spans="8:8">
      <c r="H284830" s="12"/>
    </row>
    <row r="284831" spans="8:8">
      <c r="H284831" s="12"/>
    </row>
    <row r="284832" spans="8:8">
      <c r="H284832" s="12"/>
    </row>
    <row r="284833" spans="8:8">
      <c r="H284833" s="12"/>
    </row>
    <row r="284834" spans="8:8">
      <c r="H284834" s="12"/>
    </row>
    <row r="284835" spans="8:8">
      <c r="H284835" s="12"/>
    </row>
    <row r="284836" spans="8:8">
      <c r="H284836" s="12"/>
    </row>
    <row r="284837" spans="8:8">
      <c r="H284837" s="12"/>
    </row>
    <row r="284838" spans="8:8">
      <c r="H284838" s="12"/>
    </row>
    <row r="284839" spans="8:8">
      <c r="H284839" s="12"/>
    </row>
    <row r="284840" spans="8:8">
      <c r="H284840" s="12"/>
    </row>
    <row r="284841" spans="8:8">
      <c r="H284841" s="12"/>
    </row>
    <row r="284842" spans="8:8">
      <c r="H284842" s="12"/>
    </row>
    <row r="284843" spans="8:8">
      <c r="H284843" s="12"/>
    </row>
    <row r="284844" spans="8:8">
      <c r="H284844" s="12"/>
    </row>
    <row r="284845" spans="8:8">
      <c r="H284845" s="12"/>
    </row>
    <row r="284846" spans="8:8">
      <c r="H284846" s="12"/>
    </row>
    <row r="284847" spans="8:8">
      <c r="H284847" s="12"/>
    </row>
    <row r="284848" spans="8:8">
      <c r="H284848" s="12"/>
    </row>
    <row r="284849" spans="8:8">
      <c r="H284849" s="12"/>
    </row>
    <row r="284850" spans="8:8">
      <c r="H284850" s="12"/>
    </row>
    <row r="284851" spans="8:8">
      <c r="H284851" s="12"/>
    </row>
    <row r="284852" spans="8:8">
      <c r="H284852" s="12"/>
    </row>
    <row r="284853" spans="8:8">
      <c r="H284853" s="12"/>
    </row>
    <row r="284854" spans="8:8">
      <c r="H284854" s="12"/>
    </row>
    <row r="284855" spans="8:8">
      <c r="H284855" s="12"/>
    </row>
    <row r="284856" spans="8:8">
      <c r="H284856" s="12"/>
    </row>
    <row r="284857" spans="8:8">
      <c r="H284857" s="12"/>
    </row>
    <row r="284858" spans="8:8">
      <c r="H284858" s="12"/>
    </row>
    <row r="284859" spans="8:8">
      <c r="H284859" s="12"/>
    </row>
    <row r="284860" spans="8:8">
      <c r="H284860" s="12"/>
    </row>
    <row r="284861" spans="8:8">
      <c r="H284861" s="12"/>
    </row>
    <row r="284862" spans="8:8">
      <c r="H284862" s="12"/>
    </row>
    <row r="284863" spans="8:8">
      <c r="H284863" s="12"/>
    </row>
    <row r="284864" spans="8:8">
      <c r="H284864" s="12"/>
    </row>
    <row r="284865" spans="8:8">
      <c r="H284865" s="12"/>
    </row>
    <row r="284866" spans="8:8">
      <c r="H284866" s="12"/>
    </row>
    <row r="284867" spans="8:8">
      <c r="H284867" s="12"/>
    </row>
    <row r="284868" spans="8:8">
      <c r="H284868" s="12"/>
    </row>
    <row r="284869" spans="8:8">
      <c r="H284869" s="12"/>
    </row>
    <row r="284870" spans="8:8">
      <c r="H284870" s="12"/>
    </row>
    <row r="284871" spans="8:8">
      <c r="H284871" s="12"/>
    </row>
    <row r="284872" spans="8:8">
      <c r="H284872" s="12"/>
    </row>
    <row r="284873" spans="8:8">
      <c r="H284873" s="12"/>
    </row>
    <row r="284874" spans="8:8">
      <c r="H284874" s="12"/>
    </row>
    <row r="284875" spans="8:8">
      <c r="H284875" s="12"/>
    </row>
    <row r="284876" spans="8:8">
      <c r="H284876" s="12"/>
    </row>
    <row r="284877" spans="8:8">
      <c r="H284877" s="12"/>
    </row>
    <row r="284878" spans="8:8">
      <c r="H284878" s="12"/>
    </row>
    <row r="284879" spans="8:8">
      <c r="H284879" s="12"/>
    </row>
    <row r="284880" spans="8:8">
      <c r="H284880" s="12"/>
    </row>
    <row r="284881" spans="8:8">
      <c r="H284881" s="12"/>
    </row>
    <row r="284882" spans="8:8">
      <c r="H284882" s="12"/>
    </row>
    <row r="284883" spans="8:8">
      <c r="H284883" s="12"/>
    </row>
    <row r="284884" spans="8:8">
      <c r="H284884" s="12"/>
    </row>
    <row r="284885" spans="8:8">
      <c r="H284885" s="12"/>
    </row>
    <row r="284886" spans="8:8">
      <c r="H284886" s="12"/>
    </row>
    <row r="284887" spans="8:8">
      <c r="H284887" s="12"/>
    </row>
    <row r="284888" spans="8:8">
      <c r="H284888" s="12"/>
    </row>
    <row r="284889" spans="8:8">
      <c r="H284889" s="12"/>
    </row>
    <row r="284890" spans="8:8">
      <c r="H284890" s="12"/>
    </row>
    <row r="284891" spans="8:8">
      <c r="H284891" s="12"/>
    </row>
    <row r="284892" spans="8:8">
      <c r="H284892" s="12"/>
    </row>
    <row r="284893" spans="8:8">
      <c r="H284893" s="12"/>
    </row>
    <row r="284894" spans="8:8">
      <c r="H284894" s="12"/>
    </row>
    <row r="284895" spans="8:8">
      <c r="H284895" s="12"/>
    </row>
    <row r="284896" spans="8:8">
      <c r="H284896" s="12"/>
    </row>
    <row r="284897" spans="8:8">
      <c r="H284897" s="12"/>
    </row>
    <row r="284898" spans="8:8">
      <c r="H284898" s="12"/>
    </row>
    <row r="284899" spans="8:8">
      <c r="H284899" s="12"/>
    </row>
    <row r="284900" spans="8:8">
      <c r="H284900" s="12"/>
    </row>
    <row r="284901" spans="8:8">
      <c r="H284901" s="12"/>
    </row>
    <row r="284902" spans="8:8">
      <c r="H284902" s="12"/>
    </row>
    <row r="284903" spans="8:8">
      <c r="H284903" s="12"/>
    </row>
    <row r="284904" spans="8:8">
      <c r="H284904" s="12"/>
    </row>
    <row r="284905" spans="8:8">
      <c r="H284905" s="12"/>
    </row>
    <row r="284906" spans="8:8">
      <c r="H284906" s="12"/>
    </row>
    <row r="284907" spans="8:8">
      <c r="H284907" s="12"/>
    </row>
    <row r="284908" spans="8:8">
      <c r="H284908" s="12"/>
    </row>
    <row r="284909" spans="8:8">
      <c r="H284909" s="12"/>
    </row>
    <row r="284910" spans="8:8">
      <c r="H284910" s="12"/>
    </row>
    <row r="284911" spans="8:8">
      <c r="H284911" s="12"/>
    </row>
    <row r="284912" spans="8:8">
      <c r="H284912" s="12"/>
    </row>
    <row r="284913" spans="8:8">
      <c r="H284913" s="12"/>
    </row>
    <row r="284914" spans="8:8">
      <c r="H284914" s="12"/>
    </row>
    <row r="284915" spans="8:8">
      <c r="H284915" s="12"/>
    </row>
    <row r="284916" spans="8:8">
      <c r="H284916" s="12"/>
    </row>
    <row r="284917" spans="8:8">
      <c r="H284917" s="12"/>
    </row>
    <row r="284918" spans="8:8">
      <c r="H284918" s="12"/>
    </row>
    <row r="284919" spans="8:8">
      <c r="H284919" s="12"/>
    </row>
    <row r="284920" spans="8:8">
      <c r="H284920" s="12"/>
    </row>
    <row r="284921" spans="8:8">
      <c r="H284921" s="12"/>
    </row>
    <row r="284922" spans="8:8">
      <c r="H284922" s="12"/>
    </row>
    <row r="284923" spans="8:8">
      <c r="H284923" s="12"/>
    </row>
    <row r="284924" spans="8:8">
      <c r="H284924" s="12"/>
    </row>
    <row r="284925" spans="8:8">
      <c r="H284925" s="12"/>
    </row>
    <row r="284926" spans="8:8">
      <c r="H284926" s="12"/>
    </row>
    <row r="284927" spans="8:8">
      <c r="H284927" s="12"/>
    </row>
    <row r="284928" spans="8:8">
      <c r="H284928" s="12"/>
    </row>
    <row r="284929" spans="8:8">
      <c r="H284929" s="12"/>
    </row>
    <row r="284930" spans="8:8">
      <c r="H284930" s="12"/>
    </row>
    <row r="284931" spans="8:8">
      <c r="H284931" s="12"/>
    </row>
    <row r="284932" spans="8:8">
      <c r="H284932" s="12"/>
    </row>
    <row r="284933" spans="8:8">
      <c r="H284933" s="12"/>
    </row>
    <row r="284934" spans="8:8">
      <c r="H284934" s="12"/>
    </row>
    <row r="284935" spans="8:8">
      <c r="H284935" s="12"/>
    </row>
    <row r="284936" spans="8:8">
      <c r="H284936" s="12"/>
    </row>
    <row r="284937" spans="8:8">
      <c r="H284937" s="12"/>
    </row>
    <row r="284938" spans="8:8">
      <c r="H284938" s="12"/>
    </row>
    <row r="284939" spans="8:8">
      <c r="H284939" s="12"/>
    </row>
    <row r="284940" spans="8:8">
      <c r="H284940" s="12"/>
    </row>
    <row r="284941" spans="8:8">
      <c r="H284941" s="12"/>
    </row>
    <row r="284942" spans="8:8">
      <c r="H284942" s="12"/>
    </row>
    <row r="284943" spans="8:8">
      <c r="H284943" s="12"/>
    </row>
    <row r="284944" spans="8:8">
      <c r="H284944" s="12"/>
    </row>
    <row r="284945" spans="8:8">
      <c r="H284945" s="12"/>
    </row>
    <row r="284946" spans="8:8">
      <c r="H284946" s="12"/>
    </row>
    <row r="284947" spans="8:8">
      <c r="H284947" s="12"/>
    </row>
    <row r="284948" spans="8:8">
      <c r="H284948" s="12"/>
    </row>
    <row r="284949" spans="8:8">
      <c r="H284949" s="12"/>
    </row>
    <row r="284950" spans="8:8">
      <c r="H284950" s="12"/>
    </row>
    <row r="284951" spans="8:8">
      <c r="H284951" s="12"/>
    </row>
    <row r="284952" spans="8:8">
      <c r="H284952" s="12"/>
    </row>
    <row r="284953" spans="8:8">
      <c r="H284953" s="12"/>
    </row>
    <row r="284954" spans="8:8">
      <c r="H284954" s="12"/>
    </row>
    <row r="284955" spans="8:8">
      <c r="H284955" s="12"/>
    </row>
    <row r="284956" spans="8:8">
      <c r="H284956" s="12"/>
    </row>
    <row r="284957" spans="8:8">
      <c r="H284957" s="12"/>
    </row>
    <row r="284958" spans="8:8">
      <c r="H284958" s="12"/>
    </row>
    <row r="284959" spans="8:8">
      <c r="H284959" s="12"/>
    </row>
    <row r="284960" spans="8:8">
      <c r="H284960" s="12"/>
    </row>
    <row r="284961" spans="8:8">
      <c r="H284961" s="12"/>
    </row>
    <row r="284962" spans="8:8">
      <c r="H284962" s="12"/>
    </row>
    <row r="284963" spans="8:8">
      <c r="H284963" s="12"/>
    </row>
    <row r="284964" spans="8:8">
      <c r="H284964" s="12"/>
    </row>
    <row r="284965" spans="8:8">
      <c r="H284965" s="12"/>
    </row>
    <row r="284966" spans="8:8">
      <c r="H284966" s="12"/>
    </row>
    <row r="284967" spans="8:8">
      <c r="H284967" s="12"/>
    </row>
    <row r="284968" spans="8:8">
      <c r="H284968" s="12"/>
    </row>
    <row r="284969" spans="8:8">
      <c r="H284969" s="12"/>
    </row>
    <row r="284970" spans="8:8">
      <c r="H284970" s="12"/>
    </row>
    <row r="284971" spans="8:8">
      <c r="H284971" s="12"/>
    </row>
    <row r="284972" spans="8:8">
      <c r="H284972" s="12"/>
    </row>
    <row r="284973" spans="8:8">
      <c r="H284973" s="12"/>
    </row>
    <row r="284974" spans="8:8">
      <c r="H284974" s="12"/>
    </row>
    <row r="284975" spans="8:8">
      <c r="H284975" s="12"/>
    </row>
    <row r="284976" spans="8:8">
      <c r="H284976" s="12"/>
    </row>
    <row r="284977" spans="8:8">
      <c r="H284977" s="12"/>
    </row>
    <row r="284978" spans="8:8">
      <c r="H284978" s="12"/>
    </row>
    <row r="284979" spans="8:8">
      <c r="H284979" s="12"/>
    </row>
    <row r="284980" spans="8:8">
      <c r="H284980" s="12"/>
    </row>
    <row r="284981" spans="8:8">
      <c r="H284981" s="12"/>
    </row>
    <row r="284982" spans="8:8">
      <c r="H284982" s="12"/>
    </row>
    <row r="284983" spans="8:8">
      <c r="H284983" s="12"/>
    </row>
    <row r="284984" spans="8:8">
      <c r="H284984" s="12"/>
    </row>
    <row r="284985" spans="8:8">
      <c r="H284985" s="12"/>
    </row>
    <row r="284986" spans="8:8">
      <c r="H284986" s="12"/>
    </row>
    <row r="284987" spans="8:8">
      <c r="H284987" s="12"/>
    </row>
    <row r="284988" spans="8:8">
      <c r="H284988" s="12"/>
    </row>
    <row r="284989" spans="8:8">
      <c r="H284989" s="12"/>
    </row>
    <row r="284990" spans="8:8">
      <c r="H284990" s="12"/>
    </row>
    <row r="284991" spans="8:8">
      <c r="H284991" s="12"/>
    </row>
    <row r="284992" spans="8:8">
      <c r="H284992" s="12"/>
    </row>
    <row r="284993" spans="8:8">
      <c r="H284993" s="12"/>
    </row>
    <row r="284994" spans="8:8">
      <c r="H284994" s="12"/>
    </row>
    <row r="284995" spans="8:8">
      <c r="H284995" s="12"/>
    </row>
    <row r="284996" spans="8:8">
      <c r="H284996" s="12"/>
    </row>
    <row r="284997" spans="8:8">
      <c r="H284997" s="12"/>
    </row>
    <row r="284998" spans="8:8">
      <c r="H284998" s="12"/>
    </row>
    <row r="284999" spans="8:8">
      <c r="H284999" s="12"/>
    </row>
    <row r="285000" spans="8:8">
      <c r="H285000" s="12"/>
    </row>
    <row r="285001" spans="8:8">
      <c r="H285001" s="12"/>
    </row>
    <row r="285002" spans="8:8">
      <c r="H285002" s="12"/>
    </row>
    <row r="285003" spans="8:8">
      <c r="H285003" s="12"/>
    </row>
    <row r="285004" spans="8:8">
      <c r="H285004" s="12"/>
    </row>
    <row r="285005" spans="8:8">
      <c r="H285005" s="12"/>
    </row>
    <row r="285006" spans="8:8">
      <c r="H285006" s="12"/>
    </row>
    <row r="285007" spans="8:8">
      <c r="H285007" s="12"/>
    </row>
    <row r="285008" spans="8:8">
      <c r="H285008" s="12"/>
    </row>
    <row r="285009" spans="8:8">
      <c r="H285009" s="12"/>
    </row>
    <row r="285010" spans="8:8">
      <c r="H285010" s="12"/>
    </row>
    <row r="285011" spans="8:8">
      <c r="H285011" s="12"/>
    </row>
    <row r="285012" spans="8:8">
      <c r="H285012" s="12"/>
    </row>
    <row r="285013" spans="8:8">
      <c r="H285013" s="12"/>
    </row>
    <row r="285014" spans="8:8">
      <c r="H285014" s="12"/>
    </row>
    <row r="285015" spans="8:8">
      <c r="H285015" s="12"/>
    </row>
    <row r="285016" spans="8:8">
      <c r="H285016" s="12"/>
    </row>
    <row r="285017" spans="8:8">
      <c r="H285017" s="12"/>
    </row>
    <row r="285018" spans="8:8">
      <c r="H285018" s="12"/>
    </row>
    <row r="285019" spans="8:8">
      <c r="H285019" s="12"/>
    </row>
    <row r="285020" spans="8:8">
      <c r="H285020" s="12"/>
    </row>
    <row r="285021" spans="8:8">
      <c r="H285021" s="12"/>
    </row>
    <row r="285022" spans="8:8">
      <c r="H285022" s="12"/>
    </row>
    <row r="285023" spans="8:8">
      <c r="H285023" s="12"/>
    </row>
    <row r="285024" spans="8:8">
      <c r="H285024" s="12"/>
    </row>
    <row r="285025" spans="8:8">
      <c r="H285025" s="12"/>
    </row>
    <row r="285026" spans="8:8">
      <c r="H285026" s="12"/>
    </row>
    <row r="285027" spans="8:8">
      <c r="H285027" s="12"/>
    </row>
    <row r="285028" spans="8:8">
      <c r="H285028" s="12"/>
    </row>
    <row r="285029" spans="8:8">
      <c r="H285029" s="12"/>
    </row>
    <row r="285030" spans="8:8">
      <c r="H285030" s="12"/>
    </row>
    <row r="285031" spans="8:8">
      <c r="H285031" s="12"/>
    </row>
    <row r="285032" spans="8:8">
      <c r="H285032" s="12"/>
    </row>
    <row r="285033" spans="8:8">
      <c r="H285033" s="12"/>
    </row>
    <row r="285034" spans="8:8">
      <c r="H285034" s="12"/>
    </row>
    <row r="285035" spans="8:8">
      <c r="H285035" s="12"/>
    </row>
    <row r="285036" spans="8:8">
      <c r="H285036" s="12"/>
    </row>
    <row r="285037" spans="8:8">
      <c r="H285037" s="12"/>
    </row>
    <row r="285038" spans="8:8">
      <c r="H285038" s="12"/>
    </row>
    <row r="285039" spans="8:8">
      <c r="H285039" s="12"/>
    </row>
    <row r="285040" spans="8:8">
      <c r="H285040" s="12"/>
    </row>
    <row r="285041" spans="8:8">
      <c r="H285041" s="12"/>
    </row>
    <row r="285042" spans="8:8">
      <c r="H285042" s="12"/>
    </row>
    <row r="285043" spans="8:8">
      <c r="H285043" s="12"/>
    </row>
    <row r="285044" spans="8:8">
      <c r="H285044" s="12"/>
    </row>
    <row r="285045" spans="8:8">
      <c r="H285045" s="12"/>
    </row>
    <row r="285046" spans="8:8">
      <c r="H285046" s="12"/>
    </row>
    <row r="285047" spans="8:8">
      <c r="H285047" s="12"/>
    </row>
    <row r="285048" spans="8:8">
      <c r="H285048" s="12"/>
    </row>
    <row r="285049" spans="8:8">
      <c r="H285049" s="12"/>
    </row>
    <row r="285050" spans="8:8">
      <c r="H285050" s="12"/>
    </row>
    <row r="285051" spans="8:8">
      <c r="H285051" s="12"/>
    </row>
    <row r="285052" spans="8:8">
      <c r="H285052" s="12"/>
    </row>
    <row r="285053" spans="8:8">
      <c r="H285053" s="12"/>
    </row>
    <row r="285054" spans="8:8">
      <c r="H285054" s="12"/>
    </row>
    <row r="285055" spans="8:8">
      <c r="H285055" s="12"/>
    </row>
    <row r="285056" spans="8:8">
      <c r="H285056" s="12"/>
    </row>
    <row r="285057" spans="8:8">
      <c r="H285057" s="12"/>
    </row>
    <row r="285058" spans="8:8">
      <c r="H285058" s="12"/>
    </row>
    <row r="285059" spans="8:8">
      <c r="H285059" s="12"/>
    </row>
    <row r="285060" spans="8:8">
      <c r="H285060" s="12"/>
    </row>
    <row r="285061" spans="8:8">
      <c r="H285061" s="12"/>
    </row>
    <row r="285062" spans="8:8">
      <c r="H285062" s="12"/>
    </row>
    <row r="285063" spans="8:8">
      <c r="H285063" s="12"/>
    </row>
    <row r="285064" spans="8:8">
      <c r="H285064" s="12"/>
    </row>
    <row r="285065" spans="8:8">
      <c r="H285065" s="12"/>
    </row>
    <row r="285066" spans="8:8">
      <c r="H285066" s="12"/>
    </row>
    <row r="285067" spans="8:8">
      <c r="H285067" s="12"/>
    </row>
    <row r="285068" spans="8:8">
      <c r="H285068" s="12"/>
    </row>
    <row r="285069" spans="8:8">
      <c r="H285069" s="12"/>
    </row>
    <row r="285070" spans="8:8">
      <c r="H285070" s="12"/>
    </row>
    <row r="285071" spans="8:8">
      <c r="H285071" s="12"/>
    </row>
    <row r="285072" spans="8:8">
      <c r="H285072" s="12"/>
    </row>
    <row r="285073" spans="8:8">
      <c r="H285073" s="12"/>
    </row>
    <row r="285074" spans="8:8">
      <c r="H285074" s="12"/>
    </row>
    <row r="285075" spans="8:8">
      <c r="H285075" s="12"/>
    </row>
    <row r="285076" spans="8:8">
      <c r="H285076" s="12"/>
    </row>
    <row r="285077" spans="8:8">
      <c r="H285077" s="12"/>
    </row>
    <row r="285078" spans="8:8">
      <c r="H285078" s="12"/>
    </row>
    <row r="285079" spans="8:8">
      <c r="H285079" s="12"/>
    </row>
    <row r="285080" spans="8:8">
      <c r="H285080" s="12"/>
    </row>
    <row r="285081" spans="8:8">
      <c r="H285081" s="12"/>
    </row>
    <row r="285082" spans="8:8">
      <c r="H285082" s="12"/>
    </row>
    <row r="285083" spans="8:8">
      <c r="H285083" s="12"/>
    </row>
    <row r="285084" spans="8:8">
      <c r="H285084" s="12"/>
    </row>
    <row r="285085" spans="8:8">
      <c r="H285085" s="12"/>
    </row>
    <row r="285086" spans="8:8">
      <c r="H285086" s="12"/>
    </row>
    <row r="285087" spans="8:8">
      <c r="H285087" s="12"/>
    </row>
    <row r="285088" spans="8:8">
      <c r="H285088" s="12"/>
    </row>
    <row r="285089" spans="8:8">
      <c r="H285089" s="12"/>
    </row>
    <row r="285090" spans="8:8">
      <c r="H285090" s="12"/>
    </row>
    <row r="285091" spans="8:8">
      <c r="H285091" s="12"/>
    </row>
    <row r="285092" spans="8:8">
      <c r="H285092" s="12"/>
    </row>
    <row r="285093" spans="8:8">
      <c r="H285093" s="12"/>
    </row>
    <row r="285094" spans="8:8">
      <c r="H285094" s="12"/>
    </row>
    <row r="285095" spans="8:8">
      <c r="H285095" s="12"/>
    </row>
    <row r="285096" spans="8:8">
      <c r="H285096" s="12"/>
    </row>
    <row r="285097" spans="8:8">
      <c r="H285097" s="12"/>
    </row>
    <row r="285098" spans="8:8">
      <c r="H285098" s="12"/>
    </row>
    <row r="285099" spans="8:8">
      <c r="H285099" s="12"/>
    </row>
    <row r="285100" spans="8:8">
      <c r="H285100" s="12"/>
    </row>
    <row r="285101" spans="8:8">
      <c r="H285101" s="12"/>
    </row>
    <row r="285102" spans="8:8">
      <c r="H285102" s="12"/>
    </row>
    <row r="285103" spans="8:8">
      <c r="H285103" s="12"/>
    </row>
    <row r="285104" spans="8:8">
      <c r="H285104" s="12"/>
    </row>
    <row r="285105" spans="8:8">
      <c r="H285105" s="12"/>
    </row>
    <row r="285106" spans="8:8">
      <c r="H285106" s="12"/>
    </row>
    <row r="285107" spans="8:8">
      <c r="H285107" s="12"/>
    </row>
    <row r="285108" spans="8:8">
      <c r="H285108" s="12"/>
    </row>
    <row r="285109" spans="8:8">
      <c r="H285109" s="12"/>
    </row>
    <row r="285110" spans="8:8">
      <c r="H285110" s="12"/>
    </row>
    <row r="285111" spans="8:8">
      <c r="H285111" s="12"/>
    </row>
    <row r="285112" spans="8:8">
      <c r="H285112" s="12"/>
    </row>
    <row r="285113" spans="8:8">
      <c r="H285113" s="12"/>
    </row>
    <row r="285114" spans="8:8">
      <c r="H285114" s="12"/>
    </row>
    <row r="285115" spans="8:8">
      <c r="H285115" s="12"/>
    </row>
    <row r="285116" spans="8:8">
      <c r="H285116" s="12"/>
    </row>
    <row r="285117" spans="8:8">
      <c r="H285117" s="12"/>
    </row>
    <row r="285118" spans="8:8">
      <c r="H285118" s="12"/>
    </row>
    <row r="285119" spans="8:8">
      <c r="H285119" s="12"/>
    </row>
    <row r="285120" spans="8:8">
      <c r="H285120" s="12"/>
    </row>
    <row r="285121" spans="8:8">
      <c r="H285121" s="12"/>
    </row>
    <row r="285122" spans="8:8">
      <c r="H285122" s="12"/>
    </row>
    <row r="285123" spans="8:8">
      <c r="H285123" s="12"/>
    </row>
    <row r="285124" spans="8:8">
      <c r="H285124" s="12"/>
    </row>
    <row r="285125" spans="8:8">
      <c r="H285125" s="12"/>
    </row>
    <row r="285126" spans="8:8">
      <c r="H285126" s="12"/>
    </row>
    <row r="285127" spans="8:8">
      <c r="H285127" s="12"/>
    </row>
    <row r="285128" spans="8:8">
      <c r="H285128" s="12"/>
    </row>
    <row r="285129" spans="8:8">
      <c r="H285129" s="12"/>
    </row>
    <row r="285130" spans="8:8">
      <c r="H285130" s="12"/>
    </row>
    <row r="285131" spans="8:8">
      <c r="H285131" s="12"/>
    </row>
    <row r="285132" spans="8:8">
      <c r="H285132" s="12"/>
    </row>
    <row r="285133" spans="8:8">
      <c r="H285133" s="12"/>
    </row>
    <row r="285134" spans="8:8">
      <c r="H285134" s="12"/>
    </row>
    <row r="285135" spans="8:8">
      <c r="H285135" s="12"/>
    </row>
    <row r="285136" spans="8:8">
      <c r="H285136" s="12"/>
    </row>
    <row r="285137" spans="8:8">
      <c r="H285137" s="12"/>
    </row>
    <row r="285138" spans="8:8">
      <c r="H285138" s="12"/>
    </row>
    <row r="285139" spans="8:8">
      <c r="H285139" s="12"/>
    </row>
    <row r="285140" spans="8:8">
      <c r="H285140" s="12"/>
    </row>
    <row r="285141" spans="8:8">
      <c r="H285141" s="12"/>
    </row>
    <row r="285142" spans="8:8">
      <c r="H285142" s="12"/>
    </row>
    <row r="285143" spans="8:8">
      <c r="H285143" s="12"/>
    </row>
    <row r="285144" spans="8:8">
      <c r="H285144" s="12"/>
    </row>
    <row r="285145" spans="8:8">
      <c r="H285145" s="12"/>
    </row>
    <row r="285146" spans="8:8">
      <c r="H285146" s="12"/>
    </row>
    <row r="285147" spans="8:8">
      <c r="H285147" s="12"/>
    </row>
    <row r="285148" spans="8:8">
      <c r="H285148" s="12"/>
    </row>
    <row r="285149" spans="8:8">
      <c r="H285149" s="12"/>
    </row>
    <row r="285150" spans="8:8">
      <c r="H285150" s="12"/>
    </row>
    <row r="285151" spans="8:8">
      <c r="H285151" s="12"/>
    </row>
    <row r="285152" spans="8:8">
      <c r="H285152" s="12"/>
    </row>
    <row r="285153" spans="8:8">
      <c r="H285153" s="12"/>
    </row>
    <row r="285154" spans="8:8">
      <c r="H285154" s="12"/>
    </row>
    <row r="285155" spans="8:8">
      <c r="H285155" s="12"/>
    </row>
    <row r="285156" spans="8:8">
      <c r="H285156" s="12"/>
    </row>
    <row r="285157" spans="8:8">
      <c r="H285157" s="12"/>
    </row>
    <row r="285158" spans="8:8">
      <c r="H285158" s="12"/>
    </row>
    <row r="285159" spans="8:8">
      <c r="H285159" s="12"/>
    </row>
    <row r="285160" spans="8:8">
      <c r="H285160" s="12"/>
    </row>
    <row r="285161" spans="8:8">
      <c r="H285161" s="12"/>
    </row>
    <row r="285162" spans="8:8">
      <c r="H285162" s="12"/>
    </row>
    <row r="285163" spans="8:8">
      <c r="H285163" s="12"/>
    </row>
    <row r="285164" spans="8:8">
      <c r="H285164" s="12"/>
    </row>
    <row r="285165" spans="8:8">
      <c r="H285165" s="12"/>
    </row>
    <row r="285166" spans="8:8">
      <c r="H285166" s="12"/>
    </row>
    <row r="285167" spans="8:8">
      <c r="H285167" s="12"/>
    </row>
    <row r="285168" spans="8:8">
      <c r="H285168" s="12"/>
    </row>
    <row r="285169" spans="8:8">
      <c r="H285169" s="12"/>
    </row>
    <row r="285170" spans="8:8">
      <c r="H285170" s="12"/>
    </row>
    <row r="285171" spans="8:8">
      <c r="H285171" s="12"/>
    </row>
    <row r="285172" spans="8:8">
      <c r="H285172" s="12"/>
    </row>
    <row r="285173" spans="8:8">
      <c r="H285173" s="12"/>
    </row>
    <row r="285174" spans="8:8">
      <c r="H285174" s="12"/>
    </row>
    <row r="285175" spans="8:8">
      <c r="H285175" s="12"/>
    </row>
    <row r="285176" spans="8:8">
      <c r="H285176" s="12"/>
    </row>
    <row r="285177" spans="8:8">
      <c r="H285177" s="12"/>
    </row>
    <row r="285178" spans="8:8">
      <c r="H285178" s="12"/>
    </row>
    <row r="285179" spans="8:8">
      <c r="H285179" s="12"/>
    </row>
    <row r="285180" spans="8:8">
      <c r="H285180" s="12"/>
    </row>
    <row r="285181" spans="8:8">
      <c r="H285181" s="12"/>
    </row>
    <row r="285182" spans="8:8">
      <c r="H285182" s="12"/>
    </row>
    <row r="285183" spans="8:8">
      <c r="H285183" s="12"/>
    </row>
    <row r="285184" spans="8:8">
      <c r="H285184" s="12"/>
    </row>
    <row r="285185" spans="8:8">
      <c r="H285185" s="12"/>
    </row>
    <row r="285186" spans="8:8">
      <c r="H285186" s="12"/>
    </row>
    <row r="285187" spans="8:8">
      <c r="H285187" s="12"/>
    </row>
    <row r="285188" spans="8:8">
      <c r="H285188" s="12"/>
    </row>
    <row r="285189" spans="8:8">
      <c r="H285189" s="12"/>
    </row>
    <row r="285190" spans="8:8">
      <c r="H285190" s="12"/>
    </row>
    <row r="285191" spans="8:8">
      <c r="H285191" s="12"/>
    </row>
    <row r="285192" spans="8:8">
      <c r="H285192" s="12"/>
    </row>
    <row r="285193" spans="8:8">
      <c r="H285193" s="12"/>
    </row>
    <row r="285194" spans="8:8">
      <c r="H285194" s="12"/>
    </row>
    <row r="285195" spans="8:8">
      <c r="H285195" s="12"/>
    </row>
    <row r="285196" spans="8:8">
      <c r="H285196" s="12"/>
    </row>
    <row r="285197" spans="8:8">
      <c r="H285197" s="12"/>
    </row>
    <row r="285198" spans="8:8">
      <c r="H285198" s="12"/>
    </row>
    <row r="285199" spans="8:8">
      <c r="H285199" s="12"/>
    </row>
    <row r="285200" spans="8:8">
      <c r="H285200" s="12"/>
    </row>
    <row r="285201" spans="8:8">
      <c r="H285201" s="12"/>
    </row>
    <row r="285202" spans="8:8">
      <c r="H285202" s="12"/>
    </row>
    <row r="285203" spans="8:8">
      <c r="H285203" s="12"/>
    </row>
    <row r="285204" spans="8:8">
      <c r="H285204" s="12"/>
    </row>
    <row r="285205" spans="8:8">
      <c r="H285205" s="12"/>
    </row>
    <row r="285206" spans="8:8">
      <c r="H285206" s="12"/>
    </row>
    <row r="285207" spans="8:8">
      <c r="H285207" s="12"/>
    </row>
    <row r="285208" spans="8:8">
      <c r="H285208" s="12"/>
    </row>
    <row r="285209" spans="8:8">
      <c r="H285209" s="12"/>
    </row>
    <row r="285210" spans="8:8">
      <c r="H285210" s="12"/>
    </row>
    <row r="285211" spans="8:8">
      <c r="H285211" s="12"/>
    </row>
    <row r="285212" spans="8:8">
      <c r="H285212" s="12"/>
    </row>
    <row r="285213" spans="8:8">
      <c r="H285213" s="12"/>
    </row>
    <row r="285214" spans="8:8">
      <c r="H285214" s="12"/>
    </row>
    <row r="285215" spans="8:8">
      <c r="H285215" s="12"/>
    </row>
    <row r="285216" spans="8:8">
      <c r="H285216" s="12"/>
    </row>
    <row r="285217" spans="8:8">
      <c r="H285217" s="12"/>
    </row>
    <row r="285218" spans="8:8">
      <c r="H285218" s="12"/>
    </row>
    <row r="285219" spans="8:8">
      <c r="H285219" s="12"/>
    </row>
    <row r="285220" spans="8:8">
      <c r="H285220" s="12"/>
    </row>
    <row r="285221" spans="8:8">
      <c r="H285221" s="12"/>
    </row>
    <row r="285222" spans="8:8">
      <c r="H285222" s="12"/>
    </row>
    <row r="285223" spans="8:8">
      <c r="H285223" s="12"/>
    </row>
    <row r="285224" spans="8:8">
      <c r="H285224" s="12"/>
    </row>
    <row r="285225" spans="8:8">
      <c r="H285225" s="12"/>
    </row>
    <row r="285226" spans="8:8">
      <c r="H285226" s="12"/>
    </row>
    <row r="285227" spans="8:8">
      <c r="H285227" s="12"/>
    </row>
    <row r="285228" spans="8:8">
      <c r="H285228" s="12"/>
    </row>
    <row r="285229" spans="8:8">
      <c r="H285229" s="12"/>
    </row>
    <row r="285230" spans="8:8">
      <c r="H285230" s="12"/>
    </row>
    <row r="285231" spans="8:8">
      <c r="H285231" s="12"/>
    </row>
    <row r="285232" spans="8:8">
      <c r="H285232" s="12"/>
    </row>
    <row r="285233" spans="8:8">
      <c r="H285233" s="12"/>
    </row>
    <row r="285234" spans="8:8">
      <c r="H285234" s="12"/>
    </row>
    <row r="285235" spans="8:8">
      <c r="H285235" s="12"/>
    </row>
    <row r="285236" spans="8:8">
      <c r="H285236" s="12"/>
    </row>
    <row r="285237" spans="8:8">
      <c r="H285237" s="12"/>
    </row>
    <row r="285238" spans="8:8">
      <c r="H285238" s="12"/>
    </row>
    <row r="285239" spans="8:8">
      <c r="H285239" s="12"/>
    </row>
    <row r="285240" spans="8:8">
      <c r="H285240" s="12"/>
    </row>
    <row r="285241" spans="8:8">
      <c r="H285241" s="12"/>
    </row>
    <row r="285242" spans="8:8">
      <c r="H285242" s="12"/>
    </row>
    <row r="285243" spans="8:8">
      <c r="H285243" s="12"/>
    </row>
    <row r="285244" spans="8:8">
      <c r="H285244" s="12"/>
    </row>
    <row r="285245" spans="8:8">
      <c r="H285245" s="12"/>
    </row>
    <row r="285246" spans="8:8">
      <c r="H285246" s="12"/>
    </row>
    <row r="285247" spans="8:8">
      <c r="H285247" s="12"/>
    </row>
    <row r="285248" spans="8:8">
      <c r="H285248" s="12"/>
    </row>
    <row r="285249" spans="8:8">
      <c r="H285249" s="12"/>
    </row>
    <row r="285250" spans="8:8">
      <c r="H285250" s="12"/>
    </row>
    <row r="285251" spans="8:8">
      <c r="H285251" s="12"/>
    </row>
    <row r="285252" spans="8:8">
      <c r="H285252" s="12"/>
    </row>
    <row r="285253" spans="8:8">
      <c r="H285253" s="12"/>
    </row>
    <row r="285254" spans="8:8">
      <c r="H285254" s="12"/>
    </row>
    <row r="285255" spans="8:8">
      <c r="H285255" s="12"/>
    </row>
    <row r="285256" spans="8:8">
      <c r="H285256" s="12"/>
    </row>
    <row r="285257" spans="8:8">
      <c r="H285257" s="12"/>
    </row>
    <row r="285258" spans="8:8">
      <c r="H285258" s="12"/>
    </row>
    <row r="285259" spans="8:8">
      <c r="H285259" s="12"/>
    </row>
    <row r="285260" spans="8:8">
      <c r="H285260" s="12"/>
    </row>
    <row r="285261" spans="8:8">
      <c r="H285261" s="12"/>
    </row>
    <row r="285262" spans="8:8">
      <c r="H285262" s="12"/>
    </row>
    <row r="285263" spans="8:8">
      <c r="H285263" s="12"/>
    </row>
    <row r="285264" spans="8:8">
      <c r="H285264" s="12"/>
    </row>
    <row r="285265" spans="8:8">
      <c r="H285265" s="12"/>
    </row>
    <row r="285266" spans="8:8">
      <c r="H285266" s="12"/>
    </row>
    <row r="285267" spans="8:8">
      <c r="H285267" s="12"/>
    </row>
    <row r="285268" spans="8:8">
      <c r="H285268" s="12"/>
    </row>
    <row r="285269" spans="8:8">
      <c r="H285269" s="12"/>
    </row>
    <row r="285270" spans="8:8">
      <c r="H285270" s="12"/>
    </row>
    <row r="285271" spans="8:8">
      <c r="H285271" s="12"/>
    </row>
    <row r="285272" spans="8:8">
      <c r="H285272" s="12"/>
    </row>
    <row r="285273" spans="8:8">
      <c r="H285273" s="12"/>
    </row>
    <row r="285274" spans="8:8">
      <c r="H285274" s="12"/>
    </row>
    <row r="285275" spans="8:8">
      <c r="H285275" s="12"/>
    </row>
    <row r="285276" spans="8:8">
      <c r="H285276" s="12"/>
    </row>
    <row r="285277" spans="8:8">
      <c r="H285277" s="12"/>
    </row>
    <row r="285278" spans="8:8">
      <c r="H285278" s="12"/>
    </row>
    <row r="285279" spans="8:8">
      <c r="H285279" s="12"/>
    </row>
    <row r="285280" spans="8:8">
      <c r="H285280" s="12"/>
    </row>
    <row r="285281" spans="8:8">
      <c r="H285281" s="12"/>
    </row>
    <row r="285282" spans="8:8">
      <c r="H285282" s="12"/>
    </row>
    <row r="285283" spans="8:8">
      <c r="H285283" s="12"/>
    </row>
    <row r="285284" spans="8:8">
      <c r="H285284" s="12"/>
    </row>
    <row r="285285" spans="8:8">
      <c r="H285285" s="12"/>
    </row>
    <row r="285286" spans="8:8">
      <c r="H285286" s="12"/>
    </row>
    <row r="285287" spans="8:8">
      <c r="H285287" s="12"/>
    </row>
    <row r="285288" spans="8:8">
      <c r="H285288" s="12"/>
    </row>
    <row r="285289" spans="8:8">
      <c r="H285289" s="12"/>
    </row>
    <row r="285290" spans="8:8">
      <c r="H285290" s="12"/>
    </row>
    <row r="285291" spans="8:8">
      <c r="H285291" s="12"/>
    </row>
    <row r="285292" spans="8:8">
      <c r="H285292" s="12"/>
    </row>
    <row r="285293" spans="8:8">
      <c r="H285293" s="12"/>
    </row>
    <row r="285294" spans="8:8">
      <c r="H285294" s="12"/>
    </row>
    <row r="285295" spans="8:8">
      <c r="H285295" s="12"/>
    </row>
    <row r="285296" spans="8:8">
      <c r="H285296" s="12"/>
    </row>
    <row r="285297" spans="8:8">
      <c r="H285297" s="12"/>
    </row>
    <row r="285298" spans="8:8">
      <c r="H285298" s="12"/>
    </row>
    <row r="285299" spans="8:8">
      <c r="H285299" s="12"/>
    </row>
    <row r="285300" spans="8:8">
      <c r="H285300" s="12"/>
    </row>
    <row r="285301" spans="8:8">
      <c r="H285301" s="12"/>
    </row>
    <row r="285302" spans="8:8">
      <c r="H285302" s="12"/>
    </row>
    <row r="285303" spans="8:8">
      <c r="H285303" s="12"/>
    </row>
    <row r="285304" spans="8:8">
      <c r="H285304" s="12"/>
    </row>
    <row r="285305" spans="8:8">
      <c r="H285305" s="12"/>
    </row>
    <row r="285306" spans="8:8">
      <c r="H285306" s="12"/>
    </row>
    <row r="285307" spans="8:8">
      <c r="H285307" s="12"/>
    </row>
    <row r="285308" spans="8:8">
      <c r="H285308" s="12"/>
    </row>
    <row r="285309" spans="8:8">
      <c r="H285309" s="12"/>
    </row>
    <row r="285310" spans="8:8">
      <c r="H285310" s="12"/>
    </row>
    <row r="285311" spans="8:8">
      <c r="H285311" s="12"/>
    </row>
    <row r="285312" spans="8:8">
      <c r="H285312" s="12"/>
    </row>
    <row r="285313" spans="8:8">
      <c r="H285313" s="12"/>
    </row>
    <row r="285314" spans="8:8">
      <c r="H285314" s="12"/>
    </row>
    <row r="285315" spans="8:8">
      <c r="H285315" s="12"/>
    </row>
    <row r="285316" spans="8:8">
      <c r="H285316" s="12"/>
    </row>
    <row r="285317" spans="8:8">
      <c r="H285317" s="12"/>
    </row>
    <row r="285318" spans="8:8">
      <c r="H285318" s="12"/>
    </row>
    <row r="285319" spans="8:8">
      <c r="H285319" s="12"/>
    </row>
    <row r="285320" spans="8:8">
      <c r="H285320" s="12"/>
    </row>
    <row r="285321" spans="8:8">
      <c r="H285321" s="12"/>
    </row>
    <row r="285322" spans="8:8">
      <c r="H285322" s="12"/>
    </row>
    <row r="285323" spans="8:8">
      <c r="H285323" s="12"/>
    </row>
    <row r="285324" spans="8:8">
      <c r="H285324" s="12"/>
    </row>
    <row r="285325" spans="8:8">
      <c r="H285325" s="12"/>
    </row>
    <row r="285326" spans="8:8">
      <c r="H285326" s="12"/>
    </row>
    <row r="285327" spans="8:8">
      <c r="H285327" s="12"/>
    </row>
    <row r="285328" spans="8:8">
      <c r="H285328" s="12"/>
    </row>
    <row r="285329" spans="8:8">
      <c r="H285329" s="12"/>
    </row>
    <row r="285330" spans="8:8">
      <c r="H285330" s="12"/>
    </row>
    <row r="285331" spans="8:8">
      <c r="H285331" s="12"/>
    </row>
    <row r="285332" spans="8:8">
      <c r="H285332" s="12"/>
    </row>
    <row r="285333" spans="8:8">
      <c r="H285333" s="12"/>
    </row>
    <row r="285334" spans="8:8">
      <c r="H285334" s="12"/>
    </row>
    <row r="285335" spans="8:8">
      <c r="H285335" s="12"/>
    </row>
    <row r="285336" spans="8:8">
      <c r="H285336" s="12"/>
    </row>
    <row r="285337" spans="8:8">
      <c r="H285337" s="12"/>
    </row>
    <row r="285338" spans="8:8">
      <c r="H285338" s="12"/>
    </row>
    <row r="285339" spans="8:8">
      <c r="H285339" s="12"/>
    </row>
    <row r="285340" spans="8:8">
      <c r="H285340" s="12"/>
    </row>
    <row r="285341" spans="8:8">
      <c r="H285341" s="12"/>
    </row>
    <row r="285342" spans="8:8">
      <c r="H285342" s="12"/>
    </row>
    <row r="285343" spans="8:8">
      <c r="H285343" s="12"/>
    </row>
    <row r="285344" spans="8:8">
      <c r="H285344" s="12"/>
    </row>
    <row r="285345" spans="8:8">
      <c r="H285345" s="12"/>
    </row>
    <row r="285346" spans="8:8">
      <c r="H285346" s="12"/>
    </row>
    <row r="285347" spans="8:8">
      <c r="H285347" s="12"/>
    </row>
    <row r="285348" spans="8:8">
      <c r="H285348" s="12"/>
    </row>
    <row r="285349" spans="8:8">
      <c r="H285349" s="12"/>
    </row>
    <row r="285350" spans="8:8">
      <c r="H285350" s="12"/>
    </row>
    <row r="285351" spans="8:8">
      <c r="H285351" s="12"/>
    </row>
    <row r="285352" spans="8:8">
      <c r="H285352" s="12"/>
    </row>
    <row r="285353" spans="8:8">
      <c r="H285353" s="12"/>
    </row>
    <row r="285354" spans="8:8">
      <c r="H285354" s="12"/>
    </row>
    <row r="285355" spans="8:8">
      <c r="H285355" s="12"/>
    </row>
    <row r="285356" spans="8:8">
      <c r="H285356" s="12"/>
    </row>
    <row r="285357" spans="8:8">
      <c r="H285357" s="12"/>
    </row>
    <row r="285358" spans="8:8">
      <c r="H285358" s="12"/>
    </row>
    <row r="285359" spans="8:8">
      <c r="H285359" s="12"/>
    </row>
    <row r="285360" spans="8:8">
      <c r="H285360" s="12"/>
    </row>
    <row r="285361" spans="8:8">
      <c r="H285361" s="12"/>
    </row>
    <row r="285362" spans="8:8">
      <c r="H285362" s="12"/>
    </row>
    <row r="285363" spans="8:8">
      <c r="H285363" s="12"/>
    </row>
    <row r="285364" spans="8:8">
      <c r="H285364" s="12"/>
    </row>
    <row r="285365" spans="8:8">
      <c r="H285365" s="12"/>
    </row>
    <row r="285366" spans="8:8">
      <c r="H285366" s="12"/>
    </row>
    <row r="285367" spans="8:8">
      <c r="H285367" s="12"/>
    </row>
    <row r="285368" spans="8:8">
      <c r="H285368" s="12"/>
    </row>
    <row r="285369" spans="8:8">
      <c r="H285369" s="12"/>
    </row>
    <row r="285370" spans="8:8">
      <c r="H285370" s="12"/>
    </row>
    <row r="285371" spans="8:8">
      <c r="H285371" s="12"/>
    </row>
    <row r="285372" spans="8:8">
      <c r="H285372" s="12"/>
    </row>
    <row r="285373" spans="8:8">
      <c r="H285373" s="12"/>
    </row>
    <row r="285374" spans="8:8">
      <c r="H285374" s="12"/>
    </row>
    <row r="285375" spans="8:8">
      <c r="H285375" s="12"/>
    </row>
    <row r="285376" spans="8:8">
      <c r="H285376" s="12"/>
    </row>
    <row r="285377" spans="8:8">
      <c r="H285377" s="12"/>
    </row>
    <row r="285378" spans="8:8">
      <c r="H285378" s="12"/>
    </row>
    <row r="285379" spans="8:8">
      <c r="H285379" s="12"/>
    </row>
    <row r="285380" spans="8:8">
      <c r="H285380" s="12"/>
    </row>
    <row r="285381" spans="8:8">
      <c r="H285381" s="12"/>
    </row>
    <row r="285382" spans="8:8">
      <c r="H285382" s="12"/>
    </row>
    <row r="285383" spans="8:8">
      <c r="H285383" s="12"/>
    </row>
    <row r="285384" spans="8:8">
      <c r="H285384" s="12"/>
    </row>
    <row r="285385" spans="8:8">
      <c r="H285385" s="12"/>
    </row>
    <row r="285386" spans="8:8">
      <c r="H285386" s="12"/>
    </row>
    <row r="285387" spans="8:8">
      <c r="H285387" s="12"/>
    </row>
    <row r="285388" spans="8:8">
      <c r="H285388" s="12"/>
    </row>
    <row r="285389" spans="8:8">
      <c r="H285389" s="12"/>
    </row>
    <row r="285390" spans="8:8">
      <c r="H285390" s="12"/>
    </row>
    <row r="285391" spans="8:8">
      <c r="H285391" s="12"/>
    </row>
    <row r="285392" spans="8:8">
      <c r="H285392" s="12"/>
    </row>
    <row r="285393" spans="8:8">
      <c r="H285393" s="12"/>
    </row>
    <row r="285394" spans="8:8">
      <c r="H285394" s="12"/>
    </row>
    <row r="285395" spans="8:8">
      <c r="H285395" s="12"/>
    </row>
    <row r="285396" spans="8:8">
      <c r="H285396" s="12"/>
    </row>
    <row r="285397" spans="8:8">
      <c r="H285397" s="12"/>
    </row>
    <row r="285398" spans="8:8">
      <c r="H285398" s="12"/>
    </row>
    <row r="285399" spans="8:8">
      <c r="H285399" s="12"/>
    </row>
    <row r="285400" spans="8:8">
      <c r="H285400" s="12"/>
    </row>
    <row r="285401" spans="8:8">
      <c r="H285401" s="12"/>
    </row>
    <row r="285402" spans="8:8">
      <c r="H285402" s="12"/>
    </row>
    <row r="285403" spans="8:8">
      <c r="H285403" s="12"/>
    </row>
    <row r="285404" spans="8:8">
      <c r="H285404" s="12"/>
    </row>
    <row r="285405" spans="8:8">
      <c r="H285405" s="12"/>
    </row>
    <row r="285406" spans="8:8">
      <c r="H285406" s="12"/>
    </row>
    <row r="285407" spans="8:8">
      <c r="H285407" s="12"/>
    </row>
    <row r="285408" spans="8:8">
      <c r="H285408" s="12"/>
    </row>
    <row r="285409" spans="8:8">
      <c r="H285409" s="12"/>
    </row>
    <row r="285410" spans="8:8">
      <c r="H285410" s="12"/>
    </row>
    <row r="285411" spans="8:8">
      <c r="H285411" s="12"/>
    </row>
    <row r="285412" spans="8:8">
      <c r="H285412" s="12"/>
    </row>
    <row r="285413" spans="8:8">
      <c r="H285413" s="12"/>
    </row>
    <row r="285414" spans="8:8">
      <c r="H285414" s="12"/>
    </row>
    <row r="285415" spans="8:8">
      <c r="H285415" s="12"/>
    </row>
    <row r="285416" spans="8:8">
      <c r="H285416" s="12"/>
    </row>
    <row r="285417" spans="8:8">
      <c r="H285417" s="12"/>
    </row>
    <row r="285418" spans="8:8">
      <c r="H285418" s="12"/>
    </row>
    <row r="285419" spans="8:8">
      <c r="H285419" s="12"/>
    </row>
    <row r="285420" spans="8:8">
      <c r="H285420" s="12"/>
    </row>
    <row r="285421" spans="8:8">
      <c r="H285421" s="12"/>
    </row>
    <row r="285422" spans="8:8">
      <c r="H285422" s="12"/>
    </row>
    <row r="285423" spans="8:8">
      <c r="H285423" s="12"/>
    </row>
    <row r="285424" spans="8:8">
      <c r="H285424" s="12"/>
    </row>
    <row r="285425" spans="8:8">
      <c r="H285425" s="12"/>
    </row>
    <row r="285426" spans="8:8">
      <c r="H285426" s="12"/>
    </row>
    <row r="285427" spans="8:8">
      <c r="H285427" s="12"/>
    </row>
    <row r="285428" spans="8:8">
      <c r="H285428" s="12"/>
    </row>
    <row r="285429" spans="8:8">
      <c r="H285429" s="12"/>
    </row>
    <row r="285430" spans="8:8">
      <c r="H285430" s="12"/>
    </row>
    <row r="285431" spans="8:8">
      <c r="H285431" s="12"/>
    </row>
    <row r="285432" spans="8:8">
      <c r="H285432" s="12"/>
    </row>
    <row r="285433" spans="8:8">
      <c r="H285433" s="12"/>
    </row>
    <row r="285434" spans="8:8">
      <c r="H285434" s="12"/>
    </row>
    <row r="285435" spans="8:8">
      <c r="H285435" s="12"/>
    </row>
    <row r="285436" spans="8:8">
      <c r="H285436" s="12"/>
    </row>
    <row r="285437" spans="8:8">
      <c r="H285437" s="12"/>
    </row>
    <row r="285438" spans="8:8">
      <c r="H285438" s="12"/>
    </row>
    <row r="285439" spans="8:8">
      <c r="H285439" s="12"/>
    </row>
    <row r="285440" spans="8:8">
      <c r="H285440" s="12"/>
    </row>
    <row r="285441" spans="8:8">
      <c r="H285441" s="12"/>
    </row>
    <row r="285442" spans="8:8">
      <c r="H285442" s="12"/>
    </row>
    <row r="285443" spans="8:8">
      <c r="H285443" s="12"/>
    </row>
    <row r="285444" spans="8:8">
      <c r="H285444" s="12"/>
    </row>
    <row r="285445" spans="8:8">
      <c r="H285445" s="12"/>
    </row>
    <row r="285446" spans="8:8">
      <c r="H285446" s="12"/>
    </row>
    <row r="285447" spans="8:8">
      <c r="H285447" s="12"/>
    </row>
    <row r="285448" spans="8:8">
      <c r="H285448" s="12"/>
    </row>
    <row r="285449" spans="8:8">
      <c r="H285449" s="12"/>
    </row>
    <row r="285450" spans="8:8">
      <c r="H285450" s="12"/>
    </row>
    <row r="285451" spans="8:8">
      <c r="H285451" s="12"/>
    </row>
    <row r="285452" spans="8:8">
      <c r="H285452" s="12"/>
    </row>
    <row r="285453" spans="8:8">
      <c r="H285453" s="12"/>
    </row>
    <row r="285454" spans="8:8">
      <c r="H285454" s="12"/>
    </row>
    <row r="285455" spans="8:8">
      <c r="H285455" s="12"/>
    </row>
    <row r="285456" spans="8:8">
      <c r="H285456" s="12"/>
    </row>
    <row r="285457" spans="8:8">
      <c r="H285457" s="12"/>
    </row>
    <row r="285458" spans="8:8">
      <c r="H285458" s="12"/>
    </row>
    <row r="285459" spans="8:8">
      <c r="H285459" s="12"/>
    </row>
    <row r="285460" spans="8:8">
      <c r="H285460" s="12"/>
    </row>
    <row r="285461" spans="8:8">
      <c r="H285461" s="12"/>
    </row>
    <row r="285462" spans="8:8">
      <c r="H285462" s="12"/>
    </row>
    <row r="285463" spans="8:8">
      <c r="H285463" s="12"/>
    </row>
    <row r="285464" spans="8:8">
      <c r="H285464" s="12"/>
    </row>
    <row r="285465" spans="8:8">
      <c r="H285465" s="12"/>
    </row>
    <row r="285466" spans="8:8">
      <c r="H285466" s="12"/>
    </row>
    <row r="285467" spans="8:8">
      <c r="H285467" s="12"/>
    </row>
    <row r="285468" spans="8:8">
      <c r="H285468" s="12"/>
    </row>
    <row r="285469" spans="8:8">
      <c r="H285469" s="12"/>
    </row>
    <row r="285470" spans="8:8">
      <c r="H285470" s="12"/>
    </row>
    <row r="285471" spans="8:8">
      <c r="H285471" s="12"/>
    </row>
    <row r="285472" spans="8:8">
      <c r="H285472" s="12"/>
    </row>
    <row r="285473" spans="8:8">
      <c r="H285473" s="12"/>
    </row>
    <row r="285474" spans="8:8">
      <c r="H285474" s="12"/>
    </row>
    <row r="285475" spans="8:8">
      <c r="H285475" s="12"/>
    </row>
    <row r="285476" spans="8:8">
      <c r="H285476" s="12"/>
    </row>
    <row r="285477" spans="8:8">
      <c r="H285477" s="12"/>
    </row>
    <row r="285478" spans="8:8">
      <c r="H285478" s="12"/>
    </row>
    <row r="285479" spans="8:8">
      <c r="H285479" s="12"/>
    </row>
    <row r="285480" spans="8:8">
      <c r="H285480" s="12"/>
    </row>
    <row r="285481" spans="8:8">
      <c r="H285481" s="12"/>
    </row>
    <row r="285482" spans="8:8">
      <c r="H285482" s="12"/>
    </row>
    <row r="285483" spans="8:8">
      <c r="H285483" s="12"/>
    </row>
    <row r="285484" spans="8:8">
      <c r="H285484" s="12"/>
    </row>
    <row r="285485" spans="8:8">
      <c r="H285485" s="12"/>
    </row>
    <row r="285486" spans="8:8">
      <c r="H285486" s="12"/>
    </row>
    <row r="285487" spans="8:8">
      <c r="H285487" s="12"/>
    </row>
    <row r="285488" spans="8:8">
      <c r="H285488" s="12"/>
    </row>
    <row r="285489" spans="8:8">
      <c r="H285489" s="12"/>
    </row>
    <row r="285490" spans="8:8">
      <c r="H285490" s="12"/>
    </row>
    <row r="285491" spans="8:8">
      <c r="H285491" s="12"/>
    </row>
    <row r="285492" spans="8:8">
      <c r="H285492" s="12"/>
    </row>
    <row r="285493" spans="8:8">
      <c r="H285493" s="12"/>
    </row>
    <row r="285494" spans="8:8">
      <c r="H285494" s="12"/>
    </row>
    <row r="285495" spans="8:8">
      <c r="H285495" s="12"/>
    </row>
    <row r="285496" spans="8:8">
      <c r="H285496" s="12"/>
    </row>
    <row r="285497" spans="8:8">
      <c r="H285497" s="12"/>
    </row>
    <row r="285498" spans="8:8">
      <c r="H285498" s="12"/>
    </row>
    <row r="285499" spans="8:8">
      <c r="H285499" s="12"/>
    </row>
    <row r="285500" spans="8:8">
      <c r="H285500" s="12"/>
    </row>
    <row r="285501" spans="8:8">
      <c r="H285501" s="12"/>
    </row>
    <row r="285502" spans="8:8">
      <c r="H285502" s="12"/>
    </row>
    <row r="285503" spans="8:8">
      <c r="H285503" s="12"/>
    </row>
    <row r="285504" spans="8:8">
      <c r="H285504" s="12"/>
    </row>
    <row r="285505" spans="8:8">
      <c r="H285505" s="12"/>
    </row>
    <row r="285506" spans="8:8">
      <c r="H285506" s="12"/>
    </row>
    <row r="285507" spans="8:8">
      <c r="H285507" s="12"/>
    </row>
    <row r="285508" spans="8:8">
      <c r="H285508" s="12"/>
    </row>
    <row r="285509" spans="8:8">
      <c r="H285509" s="12"/>
    </row>
    <row r="285510" spans="8:8">
      <c r="H285510" s="12"/>
    </row>
    <row r="285511" spans="8:8">
      <c r="H285511" s="12"/>
    </row>
    <row r="285512" spans="8:8">
      <c r="H285512" s="12"/>
    </row>
    <row r="285513" spans="8:8">
      <c r="H285513" s="12"/>
    </row>
    <row r="285514" spans="8:8">
      <c r="H285514" s="12"/>
    </row>
    <row r="285515" spans="8:8">
      <c r="H285515" s="12"/>
    </row>
    <row r="285516" spans="8:8">
      <c r="H285516" s="12"/>
    </row>
    <row r="285517" spans="8:8">
      <c r="H285517" s="12"/>
    </row>
    <row r="285518" spans="8:8">
      <c r="H285518" s="12"/>
    </row>
    <row r="285519" spans="8:8">
      <c r="H285519" s="12"/>
    </row>
    <row r="285520" spans="8:8">
      <c r="H285520" s="12"/>
    </row>
    <row r="285521" spans="8:8">
      <c r="H285521" s="12"/>
    </row>
    <row r="285522" spans="8:8">
      <c r="H285522" s="12"/>
    </row>
    <row r="285523" spans="8:8">
      <c r="H285523" s="12"/>
    </row>
    <row r="285524" spans="8:8">
      <c r="H285524" s="12"/>
    </row>
    <row r="285525" spans="8:8">
      <c r="H285525" s="12"/>
    </row>
    <row r="285526" spans="8:8">
      <c r="H285526" s="12"/>
    </row>
    <row r="285527" spans="8:8">
      <c r="H285527" s="12"/>
    </row>
    <row r="285528" spans="8:8">
      <c r="H285528" s="12"/>
    </row>
    <row r="285529" spans="8:8">
      <c r="H285529" s="12"/>
    </row>
    <row r="285530" spans="8:8">
      <c r="H285530" s="12"/>
    </row>
    <row r="285531" spans="8:8">
      <c r="H285531" s="12"/>
    </row>
    <row r="285532" spans="8:8">
      <c r="H285532" s="12"/>
    </row>
    <row r="285533" spans="8:8">
      <c r="H285533" s="12"/>
    </row>
    <row r="285534" spans="8:8">
      <c r="H285534" s="12"/>
    </row>
    <row r="285535" spans="8:8">
      <c r="H285535" s="12"/>
    </row>
    <row r="285536" spans="8:8">
      <c r="H285536" s="12"/>
    </row>
    <row r="285537" spans="8:8">
      <c r="H285537" s="12"/>
    </row>
    <row r="285538" spans="8:8">
      <c r="H285538" s="12"/>
    </row>
    <row r="285539" spans="8:8">
      <c r="H285539" s="12"/>
    </row>
    <row r="285540" spans="8:8">
      <c r="H285540" s="12"/>
    </row>
    <row r="285541" spans="8:8">
      <c r="H285541" s="12"/>
    </row>
    <row r="285542" spans="8:8">
      <c r="H285542" s="12"/>
    </row>
    <row r="285543" spans="8:8">
      <c r="H285543" s="12"/>
    </row>
    <row r="285544" spans="8:8">
      <c r="H285544" s="12"/>
    </row>
    <row r="285545" spans="8:8">
      <c r="H285545" s="12"/>
    </row>
    <row r="285546" spans="8:8">
      <c r="H285546" s="12"/>
    </row>
    <row r="285547" spans="8:8">
      <c r="H285547" s="12"/>
    </row>
    <row r="285548" spans="8:8">
      <c r="H285548" s="12"/>
    </row>
    <row r="285549" spans="8:8">
      <c r="H285549" s="12"/>
    </row>
    <row r="285550" spans="8:8">
      <c r="H285550" s="12"/>
    </row>
    <row r="285551" spans="8:8">
      <c r="H285551" s="12"/>
    </row>
    <row r="285552" spans="8:8">
      <c r="H285552" s="12"/>
    </row>
    <row r="285553" spans="8:8">
      <c r="H285553" s="12"/>
    </row>
    <row r="285554" spans="8:8">
      <c r="H285554" s="12"/>
    </row>
    <row r="285555" spans="8:8">
      <c r="H285555" s="12"/>
    </row>
    <row r="285556" spans="8:8">
      <c r="H285556" s="12"/>
    </row>
    <row r="285557" spans="8:8">
      <c r="H285557" s="12"/>
    </row>
    <row r="285558" spans="8:8">
      <c r="H285558" s="12"/>
    </row>
    <row r="285559" spans="8:8">
      <c r="H285559" s="12"/>
    </row>
    <row r="285560" spans="8:8">
      <c r="H285560" s="12"/>
    </row>
    <row r="285561" spans="8:8">
      <c r="H285561" s="12"/>
    </row>
    <row r="285562" spans="8:8">
      <c r="H285562" s="12"/>
    </row>
    <row r="285563" spans="8:8">
      <c r="H285563" s="12"/>
    </row>
    <row r="285564" spans="8:8">
      <c r="H285564" s="12"/>
    </row>
    <row r="285565" spans="8:8">
      <c r="H285565" s="12"/>
    </row>
    <row r="285566" spans="8:8">
      <c r="H285566" s="12"/>
    </row>
    <row r="285567" spans="8:8">
      <c r="H285567" s="12"/>
    </row>
    <row r="285568" spans="8:8">
      <c r="H285568" s="12"/>
    </row>
    <row r="285569" spans="8:8">
      <c r="H285569" s="12"/>
    </row>
    <row r="285570" spans="8:8">
      <c r="H285570" s="12"/>
    </row>
    <row r="285571" spans="8:8">
      <c r="H285571" s="12"/>
    </row>
    <row r="285572" spans="8:8">
      <c r="H285572" s="12"/>
    </row>
    <row r="285573" spans="8:8">
      <c r="H285573" s="12"/>
    </row>
    <row r="285574" spans="8:8">
      <c r="H285574" s="12"/>
    </row>
    <row r="285575" spans="8:8">
      <c r="H285575" s="12"/>
    </row>
    <row r="285576" spans="8:8">
      <c r="H285576" s="12"/>
    </row>
    <row r="285577" spans="8:8">
      <c r="H285577" s="12"/>
    </row>
    <row r="285578" spans="8:8">
      <c r="H285578" s="12"/>
    </row>
    <row r="285579" spans="8:8">
      <c r="H285579" s="12"/>
    </row>
    <row r="285580" spans="8:8">
      <c r="H285580" s="12"/>
    </row>
    <row r="285581" spans="8:8">
      <c r="H285581" s="12"/>
    </row>
    <row r="285582" spans="8:8">
      <c r="H285582" s="12"/>
    </row>
    <row r="285583" spans="8:8">
      <c r="H285583" s="12"/>
    </row>
    <row r="285584" spans="8:8">
      <c r="H285584" s="12"/>
    </row>
    <row r="285585" spans="8:8">
      <c r="H285585" s="12"/>
    </row>
    <row r="285586" spans="8:8">
      <c r="H285586" s="12"/>
    </row>
    <row r="285587" spans="8:8">
      <c r="H285587" s="12"/>
    </row>
    <row r="285588" spans="8:8">
      <c r="H285588" s="12"/>
    </row>
    <row r="285589" spans="8:8">
      <c r="H285589" s="12"/>
    </row>
    <row r="285590" spans="8:8">
      <c r="H285590" s="12"/>
    </row>
    <row r="285591" spans="8:8">
      <c r="H285591" s="12"/>
    </row>
    <row r="285592" spans="8:8">
      <c r="H285592" s="12"/>
    </row>
    <row r="285593" spans="8:8">
      <c r="H285593" s="12"/>
    </row>
    <row r="285594" spans="8:8">
      <c r="H285594" s="12"/>
    </row>
    <row r="285595" spans="8:8">
      <c r="H285595" s="12"/>
    </row>
    <row r="285596" spans="8:8">
      <c r="H285596" s="12"/>
    </row>
    <row r="285597" spans="8:8">
      <c r="H285597" s="12"/>
    </row>
    <row r="285598" spans="8:8">
      <c r="H285598" s="12"/>
    </row>
    <row r="285599" spans="8:8">
      <c r="H285599" s="12"/>
    </row>
    <row r="285600" spans="8:8">
      <c r="H285600" s="12"/>
    </row>
    <row r="285601" spans="8:8">
      <c r="H285601" s="12"/>
    </row>
    <row r="285602" spans="8:8">
      <c r="H285602" s="12"/>
    </row>
    <row r="285603" spans="8:8">
      <c r="H285603" s="12"/>
    </row>
    <row r="285604" spans="8:8">
      <c r="H285604" s="12"/>
    </row>
    <row r="285605" spans="8:8">
      <c r="H285605" s="12"/>
    </row>
    <row r="285606" spans="8:8">
      <c r="H285606" s="12"/>
    </row>
    <row r="285607" spans="8:8">
      <c r="H285607" s="12"/>
    </row>
    <row r="285608" spans="8:8">
      <c r="H285608" s="12"/>
    </row>
    <row r="285609" spans="8:8">
      <c r="H285609" s="12"/>
    </row>
    <row r="285610" spans="8:8">
      <c r="H285610" s="12"/>
    </row>
    <row r="285611" spans="8:8">
      <c r="H285611" s="12"/>
    </row>
    <row r="285612" spans="8:8">
      <c r="H285612" s="12"/>
    </row>
    <row r="285613" spans="8:8">
      <c r="H285613" s="12"/>
    </row>
    <row r="285614" spans="8:8">
      <c r="H285614" s="12"/>
    </row>
    <row r="285615" spans="8:8">
      <c r="H285615" s="12"/>
    </row>
    <row r="285616" spans="8:8">
      <c r="H285616" s="12"/>
    </row>
    <row r="285617" spans="8:8">
      <c r="H285617" s="12"/>
    </row>
    <row r="285618" spans="8:8">
      <c r="H285618" s="12"/>
    </row>
    <row r="285619" spans="8:8">
      <c r="H285619" s="12"/>
    </row>
    <row r="285620" spans="8:8">
      <c r="H285620" s="12"/>
    </row>
    <row r="285621" spans="8:8">
      <c r="H285621" s="12"/>
    </row>
    <row r="285622" spans="8:8">
      <c r="H285622" s="12"/>
    </row>
    <row r="285623" spans="8:8">
      <c r="H285623" s="12"/>
    </row>
    <row r="285624" spans="8:8">
      <c r="H285624" s="12"/>
    </row>
    <row r="285625" spans="8:8">
      <c r="H285625" s="12"/>
    </row>
    <row r="285626" spans="8:8">
      <c r="H285626" s="12"/>
    </row>
    <row r="285627" spans="8:8">
      <c r="H285627" s="12"/>
    </row>
    <row r="285628" spans="8:8">
      <c r="H285628" s="12"/>
    </row>
    <row r="285629" spans="8:8">
      <c r="H285629" s="12"/>
    </row>
    <row r="285630" spans="8:8">
      <c r="H285630" s="12"/>
    </row>
    <row r="285631" spans="8:8">
      <c r="H285631" s="12"/>
    </row>
    <row r="285632" spans="8:8">
      <c r="H285632" s="12"/>
    </row>
    <row r="285633" spans="8:8">
      <c r="H285633" s="12"/>
    </row>
    <row r="285634" spans="8:8">
      <c r="H285634" s="12"/>
    </row>
    <row r="285635" spans="8:8">
      <c r="H285635" s="12"/>
    </row>
    <row r="285636" spans="8:8">
      <c r="H285636" s="12"/>
    </row>
    <row r="285637" spans="8:8">
      <c r="H285637" s="12"/>
    </row>
    <row r="285638" spans="8:8">
      <c r="H285638" s="12"/>
    </row>
    <row r="285639" spans="8:8">
      <c r="H285639" s="12"/>
    </row>
    <row r="285640" spans="8:8">
      <c r="H285640" s="12"/>
    </row>
    <row r="285641" spans="8:8">
      <c r="H285641" s="12"/>
    </row>
    <row r="285642" spans="8:8">
      <c r="H285642" s="12"/>
    </row>
    <row r="285643" spans="8:8">
      <c r="H285643" s="12"/>
    </row>
    <row r="285644" spans="8:8">
      <c r="H285644" s="12"/>
    </row>
    <row r="285645" spans="8:8">
      <c r="H285645" s="12"/>
    </row>
    <row r="285646" spans="8:8">
      <c r="H285646" s="12"/>
    </row>
    <row r="285647" spans="8:8">
      <c r="H285647" s="12"/>
    </row>
    <row r="285648" spans="8:8">
      <c r="H285648" s="12"/>
    </row>
    <row r="285649" spans="8:8">
      <c r="H285649" s="12"/>
    </row>
    <row r="285650" spans="8:8">
      <c r="H285650" s="12"/>
    </row>
    <row r="285651" spans="8:8">
      <c r="H285651" s="12"/>
    </row>
    <row r="285652" spans="8:8">
      <c r="H285652" s="12"/>
    </row>
    <row r="285653" spans="8:8">
      <c r="H285653" s="12"/>
    </row>
    <row r="285654" spans="8:8">
      <c r="H285654" s="12"/>
    </row>
    <row r="285655" spans="8:8">
      <c r="H285655" s="12"/>
    </row>
    <row r="285656" spans="8:8">
      <c r="H285656" s="12"/>
    </row>
    <row r="285657" spans="8:8">
      <c r="H285657" s="12"/>
    </row>
    <row r="285658" spans="8:8">
      <c r="H285658" s="12"/>
    </row>
    <row r="285659" spans="8:8">
      <c r="H285659" s="12"/>
    </row>
    <row r="285660" spans="8:8">
      <c r="H285660" s="12"/>
    </row>
    <row r="285661" spans="8:8">
      <c r="H285661" s="12"/>
    </row>
    <row r="285662" spans="8:8">
      <c r="H285662" s="12"/>
    </row>
    <row r="285663" spans="8:8">
      <c r="H285663" s="12"/>
    </row>
    <row r="285664" spans="8:8">
      <c r="H285664" s="12"/>
    </row>
    <row r="285665" spans="8:8">
      <c r="H285665" s="12"/>
    </row>
    <row r="285666" spans="8:8">
      <c r="H285666" s="12"/>
    </row>
    <row r="285667" spans="8:8">
      <c r="H285667" s="12"/>
    </row>
    <row r="285668" spans="8:8">
      <c r="H285668" s="12"/>
    </row>
    <row r="285669" spans="8:8">
      <c r="H285669" s="12"/>
    </row>
    <row r="285670" spans="8:8">
      <c r="H285670" s="12"/>
    </row>
    <row r="285671" spans="8:8">
      <c r="H285671" s="12"/>
    </row>
    <row r="285672" spans="8:8">
      <c r="H285672" s="12"/>
    </row>
    <row r="285673" spans="8:8">
      <c r="H285673" s="12"/>
    </row>
    <row r="285674" spans="8:8">
      <c r="H285674" s="12"/>
    </row>
    <row r="285675" spans="8:8">
      <c r="H285675" s="12"/>
    </row>
    <row r="285676" spans="8:8">
      <c r="H285676" s="12"/>
    </row>
    <row r="285677" spans="8:8">
      <c r="H285677" s="12"/>
    </row>
    <row r="285678" spans="8:8">
      <c r="H285678" s="12"/>
    </row>
    <row r="285679" spans="8:8">
      <c r="H285679" s="12"/>
    </row>
    <row r="285680" spans="8:8">
      <c r="H285680" s="12"/>
    </row>
    <row r="285681" spans="8:8">
      <c r="H285681" s="12"/>
    </row>
    <row r="285682" spans="8:8">
      <c r="H285682" s="12"/>
    </row>
    <row r="285683" spans="8:8">
      <c r="H285683" s="12"/>
    </row>
    <row r="285684" spans="8:8">
      <c r="H285684" s="12"/>
    </row>
    <row r="285685" spans="8:8">
      <c r="H285685" s="12"/>
    </row>
    <row r="285686" spans="8:8">
      <c r="H285686" s="12"/>
    </row>
    <row r="285687" spans="8:8">
      <c r="H285687" s="12"/>
    </row>
    <row r="285688" spans="8:8">
      <c r="H285688" s="12"/>
    </row>
    <row r="285689" spans="8:8">
      <c r="H285689" s="12"/>
    </row>
    <row r="285690" spans="8:8">
      <c r="H285690" s="12"/>
    </row>
    <row r="285691" spans="8:8">
      <c r="H285691" s="12"/>
    </row>
    <row r="285692" spans="8:8">
      <c r="H285692" s="12"/>
    </row>
    <row r="285693" spans="8:8">
      <c r="H285693" s="12"/>
    </row>
    <row r="285694" spans="8:8">
      <c r="H285694" s="12"/>
    </row>
    <row r="285695" spans="8:8">
      <c r="H285695" s="12"/>
    </row>
    <row r="285696" spans="8:8">
      <c r="H285696" s="12"/>
    </row>
    <row r="285697" spans="8:8">
      <c r="H285697" s="12"/>
    </row>
    <row r="285698" spans="8:8">
      <c r="H285698" s="12"/>
    </row>
    <row r="285699" spans="8:8">
      <c r="H285699" s="12"/>
    </row>
    <row r="285700" spans="8:8">
      <c r="H285700" s="12"/>
    </row>
    <row r="285701" spans="8:8">
      <c r="H285701" s="12"/>
    </row>
    <row r="285702" spans="8:8">
      <c r="H285702" s="12"/>
    </row>
    <row r="285703" spans="8:8">
      <c r="H285703" s="12"/>
    </row>
    <row r="285704" spans="8:8">
      <c r="H285704" s="12"/>
    </row>
    <row r="285705" spans="8:8">
      <c r="H285705" s="12"/>
    </row>
    <row r="285706" spans="8:8">
      <c r="H285706" s="12"/>
    </row>
    <row r="285707" spans="8:8">
      <c r="H285707" s="12"/>
    </row>
    <row r="285708" spans="8:8">
      <c r="H285708" s="12"/>
    </row>
    <row r="285709" spans="8:8">
      <c r="H285709" s="12"/>
    </row>
    <row r="285710" spans="8:8">
      <c r="H285710" s="12"/>
    </row>
    <row r="285711" spans="8:8">
      <c r="H285711" s="12"/>
    </row>
    <row r="285712" spans="8:8">
      <c r="H285712" s="12"/>
    </row>
    <row r="285713" spans="8:8">
      <c r="H285713" s="12"/>
    </row>
    <row r="285714" spans="8:8">
      <c r="H285714" s="12"/>
    </row>
    <row r="285715" spans="8:8">
      <c r="H285715" s="12"/>
    </row>
    <row r="285716" spans="8:8">
      <c r="H285716" s="12"/>
    </row>
    <row r="285717" spans="8:8">
      <c r="H285717" s="12"/>
    </row>
    <row r="285718" spans="8:8">
      <c r="H285718" s="12"/>
    </row>
    <row r="285719" spans="8:8">
      <c r="H285719" s="12"/>
    </row>
    <row r="285720" spans="8:8">
      <c r="H285720" s="12"/>
    </row>
    <row r="285721" spans="8:8">
      <c r="H285721" s="12"/>
    </row>
    <row r="285722" spans="8:8">
      <c r="H285722" s="12"/>
    </row>
    <row r="285723" spans="8:8">
      <c r="H285723" s="12"/>
    </row>
    <row r="285724" spans="8:8">
      <c r="H285724" s="12"/>
    </row>
    <row r="285725" spans="8:8">
      <c r="H285725" s="12"/>
    </row>
    <row r="285726" spans="8:8">
      <c r="H285726" s="12"/>
    </row>
    <row r="285727" spans="8:8">
      <c r="H285727" s="12"/>
    </row>
    <row r="285728" spans="8:8">
      <c r="H285728" s="12"/>
    </row>
    <row r="285729" spans="8:8">
      <c r="H285729" s="12"/>
    </row>
    <row r="285730" spans="8:8">
      <c r="H285730" s="12"/>
    </row>
    <row r="285731" spans="8:8">
      <c r="H285731" s="12"/>
    </row>
    <row r="285732" spans="8:8">
      <c r="H285732" s="12"/>
    </row>
    <row r="285733" spans="8:8">
      <c r="H285733" s="12"/>
    </row>
    <row r="285734" spans="8:8">
      <c r="H285734" s="12"/>
    </row>
    <row r="285735" spans="8:8">
      <c r="H285735" s="12"/>
    </row>
    <row r="285736" spans="8:8">
      <c r="H285736" s="12"/>
    </row>
    <row r="285737" spans="8:8">
      <c r="H285737" s="12"/>
    </row>
    <row r="285738" spans="8:8">
      <c r="H285738" s="12"/>
    </row>
    <row r="285739" spans="8:8">
      <c r="H285739" s="12"/>
    </row>
    <row r="285740" spans="8:8">
      <c r="H285740" s="12"/>
    </row>
    <row r="285741" spans="8:8">
      <c r="H285741" s="12"/>
    </row>
    <row r="285742" spans="8:8">
      <c r="H285742" s="12"/>
    </row>
    <row r="285743" spans="8:8">
      <c r="H285743" s="12"/>
    </row>
    <row r="285744" spans="8:8">
      <c r="H285744" s="12"/>
    </row>
    <row r="285745" spans="8:8">
      <c r="H285745" s="12"/>
    </row>
    <row r="285746" spans="8:8">
      <c r="H285746" s="12"/>
    </row>
    <row r="285747" spans="8:8">
      <c r="H285747" s="12"/>
    </row>
    <row r="285748" spans="8:8">
      <c r="H285748" s="12"/>
    </row>
    <row r="285749" spans="8:8">
      <c r="H285749" s="12"/>
    </row>
    <row r="285750" spans="8:8">
      <c r="H285750" s="12"/>
    </row>
    <row r="285751" spans="8:8">
      <c r="H285751" s="12"/>
    </row>
    <row r="285752" spans="8:8">
      <c r="H285752" s="12"/>
    </row>
    <row r="285753" spans="8:8">
      <c r="H285753" s="12"/>
    </row>
    <row r="285754" spans="8:8">
      <c r="H285754" s="12"/>
    </row>
    <row r="285755" spans="8:8">
      <c r="H285755" s="12"/>
    </row>
    <row r="285756" spans="8:8">
      <c r="H285756" s="12"/>
    </row>
    <row r="285757" spans="8:8">
      <c r="H285757" s="12"/>
    </row>
    <row r="285758" spans="8:8">
      <c r="H285758" s="12"/>
    </row>
    <row r="285759" spans="8:8">
      <c r="H285759" s="12"/>
    </row>
    <row r="285760" spans="8:8">
      <c r="H285760" s="12"/>
    </row>
    <row r="285761" spans="8:8">
      <c r="H285761" s="12"/>
    </row>
    <row r="285762" spans="8:8">
      <c r="H285762" s="12"/>
    </row>
    <row r="285763" spans="8:8">
      <c r="H285763" s="12"/>
    </row>
    <row r="285764" spans="8:8">
      <c r="H285764" s="12"/>
    </row>
    <row r="285765" spans="8:8">
      <c r="H285765" s="12"/>
    </row>
    <row r="285766" spans="8:8">
      <c r="H285766" s="12"/>
    </row>
    <row r="285767" spans="8:8">
      <c r="H285767" s="12"/>
    </row>
    <row r="285768" spans="8:8">
      <c r="H285768" s="12"/>
    </row>
    <row r="285769" spans="8:8">
      <c r="H285769" s="12"/>
    </row>
    <row r="285770" spans="8:8">
      <c r="H285770" s="12"/>
    </row>
    <row r="285771" spans="8:8">
      <c r="H285771" s="12"/>
    </row>
    <row r="285772" spans="8:8">
      <c r="H285772" s="12"/>
    </row>
    <row r="285773" spans="8:8">
      <c r="H285773" s="12"/>
    </row>
    <row r="285774" spans="8:8">
      <c r="H285774" s="12"/>
    </row>
    <row r="285775" spans="8:8">
      <c r="H285775" s="12"/>
    </row>
    <row r="285776" spans="8:8">
      <c r="H285776" s="12"/>
    </row>
    <row r="285777" spans="8:8">
      <c r="H285777" s="12"/>
    </row>
    <row r="285778" spans="8:8">
      <c r="H285778" s="12"/>
    </row>
    <row r="285779" spans="8:8">
      <c r="H285779" s="12"/>
    </row>
    <row r="285780" spans="8:8">
      <c r="H285780" s="12"/>
    </row>
    <row r="285781" spans="8:8">
      <c r="H285781" s="12"/>
    </row>
    <row r="285782" spans="8:8">
      <c r="H285782" s="12"/>
    </row>
    <row r="285783" spans="8:8">
      <c r="H285783" s="12"/>
    </row>
    <row r="285784" spans="8:8">
      <c r="H285784" s="12"/>
    </row>
    <row r="285785" spans="8:8">
      <c r="H285785" s="12"/>
    </row>
    <row r="285786" spans="8:8">
      <c r="H285786" s="12"/>
    </row>
    <row r="285787" spans="8:8">
      <c r="H285787" s="12"/>
    </row>
    <row r="285788" spans="8:8">
      <c r="H285788" s="12"/>
    </row>
    <row r="285789" spans="8:8">
      <c r="H285789" s="12"/>
    </row>
    <row r="285790" spans="8:8">
      <c r="H285790" s="12"/>
    </row>
    <row r="285791" spans="8:8">
      <c r="H285791" s="12"/>
    </row>
    <row r="285792" spans="8:8">
      <c r="H285792" s="12"/>
    </row>
    <row r="285793" spans="8:8">
      <c r="H285793" s="12"/>
    </row>
    <row r="285794" spans="8:8">
      <c r="H285794" s="12"/>
    </row>
    <row r="285795" spans="8:8">
      <c r="H285795" s="12"/>
    </row>
    <row r="285796" spans="8:8">
      <c r="H285796" s="12"/>
    </row>
    <row r="285797" spans="8:8">
      <c r="H285797" s="12"/>
    </row>
    <row r="285798" spans="8:8">
      <c r="H285798" s="12"/>
    </row>
    <row r="285799" spans="8:8">
      <c r="H285799" s="12"/>
    </row>
    <row r="285800" spans="8:8">
      <c r="H285800" s="12"/>
    </row>
    <row r="285801" spans="8:8">
      <c r="H285801" s="12"/>
    </row>
    <row r="285802" spans="8:8">
      <c r="H285802" s="12"/>
    </row>
    <row r="285803" spans="8:8">
      <c r="H285803" s="12"/>
    </row>
    <row r="285804" spans="8:8">
      <c r="H285804" s="12"/>
    </row>
    <row r="285805" spans="8:8">
      <c r="H285805" s="12"/>
    </row>
    <row r="285806" spans="8:8">
      <c r="H285806" s="12"/>
    </row>
    <row r="285807" spans="8:8">
      <c r="H285807" s="12"/>
    </row>
    <row r="285808" spans="8:8">
      <c r="H285808" s="12"/>
    </row>
    <row r="285809" spans="8:8">
      <c r="H285809" s="12"/>
    </row>
    <row r="285810" spans="8:8">
      <c r="H285810" s="12"/>
    </row>
    <row r="285811" spans="8:8">
      <c r="H285811" s="12"/>
    </row>
    <row r="285812" spans="8:8">
      <c r="H285812" s="12"/>
    </row>
    <row r="285813" spans="8:8">
      <c r="H285813" s="12"/>
    </row>
    <row r="285814" spans="8:8">
      <c r="H285814" s="12"/>
    </row>
    <row r="285815" spans="8:8">
      <c r="H285815" s="12"/>
    </row>
    <row r="285816" spans="8:8">
      <c r="H285816" s="12"/>
    </row>
    <row r="285817" spans="8:8">
      <c r="H285817" s="12"/>
    </row>
    <row r="285818" spans="8:8">
      <c r="H285818" s="12"/>
    </row>
    <row r="285819" spans="8:8">
      <c r="H285819" s="12"/>
    </row>
    <row r="285820" spans="8:8">
      <c r="H285820" s="12"/>
    </row>
    <row r="285821" spans="8:8">
      <c r="H285821" s="12"/>
    </row>
    <row r="285822" spans="8:8">
      <c r="H285822" s="12"/>
    </row>
    <row r="285823" spans="8:8">
      <c r="H285823" s="12"/>
    </row>
    <row r="285824" spans="8:8">
      <c r="H285824" s="12"/>
    </row>
    <row r="285825" spans="8:8">
      <c r="H285825" s="12"/>
    </row>
    <row r="285826" spans="8:8">
      <c r="H285826" s="12"/>
    </row>
    <row r="285827" spans="8:8">
      <c r="H285827" s="12"/>
    </row>
    <row r="285828" spans="8:8">
      <c r="H285828" s="12"/>
    </row>
    <row r="285829" spans="8:8">
      <c r="H285829" s="12"/>
    </row>
    <row r="285830" spans="8:8">
      <c r="H285830" s="12"/>
    </row>
    <row r="285831" spans="8:8">
      <c r="H285831" s="12"/>
    </row>
    <row r="285832" spans="8:8">
      <c r="H285832" s="12"/>
    </row>
    <row r="285833" spans="8:8">
      <c r="H285833" s="12"/>
    </row>
    <row r="285834" spans="8:8">
      <c r="H285834" s="12"/>
    </row>
    <row r="285835" spans="8:8">
      <c r="H285835" s="12"/>
    </row>
    <row r="285836" spans="8:8">
      <c r="H285836" s="12"/>
    </row>
    <row r="285837" spans="8:8">
      <c r="H285837" s="12"/>
    </row>
    <row r="285838" spans="8:8">
      <c r="H285838" s="12"/>
    </row>
    <row r="285839" spans="8:8">
      <c r="H285839" s="12"/>
    </row>
    <row r="285840" spans="8:8">
      <c r="H285840" s="12"/>
    </row>
    <row r="285841" spans="8:8">
      <c r="H285841" s="12"/>
    </row>
    <row r="285842" spans="8:8">
      <c r="H285842" s="12"/>
    </row>
    <row r="285843" spans="8:8">
      <c r="H285843" s="12"/>
    </row>
    <row r="285844" spans="8:8">
      <c r="H285844" s="12"/>
    </row>
    <row r="285845" spans="8:8">
      <c r="H285845" s="12"/>
    </row>
    <row r="285846" spans="8:8">
      <c r="H285846" s="12"/>
    </row>
    <row r="285847" spans="8:8">
      <c r="H285847" s="12"/>
    </row>
    <row r="285848" spans="8:8">
      <c r="H285848" s="12"/>
    </row>
    <row r="285849" spans="8:8">
      <c r="H285849" s="12"/>
    </row>
    <row r="285850" spans="8:8">
      <c r="H285850" s="12"/>
    </row>
    <row r="285851" spans="8:8">
      <c r="H285851" s="12"/>
    </row>
    <row r="285852" spans="8:8">
      <c r="H285852" s="12"/>
    </row>
    <row r="285853" spans="8:8">
      <c r="H285853" s="12"/>
    </row>
    <row r="285854" spans="8:8">
      <c r="H285854" s="12"/>
    </row>
    <row r="285855" spans="8:8">
      <c r="H285855" s="12"/>
    </row>
    <row r="285856" spans="8:8">
      <c r="H285856" s="12"/>
    </row>
    <row r="285857" spans="8:8">
      <c r="H285857" s="12"/>
    </row>
    <row r="285858" spans="8:8">
      <c r="H285858" s="12"/>
    </row>
    <row r="285859" spans="8:8">
      <c r="H285859" s="12"/>
    </row>
    <row r="285860" spans="8:8">
      <c r="H285860" s="12"/>
    </row>
    <row r="285861" spans="8:8">
      <c r="H285861" s="12"/>
    </row>
    <row r="285862" spans="8:8">
      <c r="H285862" s="12"/>
    </row>
    <row r="285863" spans="8:8">
      <c r="H285863" s="12"/>
    </row>
    <row r="285864" spans="8:8">
      <c r="H285864" s="12"/>
    </row>
    <row r="285865" spans="8:8">
      <c r="H285865" s="12"/>
    </row>
    <row r="285866" spans="8:8">
      <c r="H285866" s="12"/>
    </row>
    <row r="285867" spans="8:8">
      <c r="H285867" s="12"/>
    </row>
    <row r="285868" spans="8:8">
      <c r="H285868" s="12"/>
    </row>
    <row r="285869" spans="8:8">
      <c r="H285869" s="12"/>
    </row>
    <row r="285870" spans="8:8">
      <c r="H285870" s="12"/>
    </row>
    <row r="285871" spans="8:8">
      <c r="H285871" s="12"/>
    </row>
    <row r="285872" spans="8:8">
      <c r="H285872" s="12"/>
    </row>
    <row r="285873" spans="8:8">
      <c r="H285873" s="12"/>
    </row>
    <row r="285874" spans="8:8">
      <c r="H285874" s="12"/>
    </row>
    <row r="285875" spans="8:8">
      <c r="H285875" s="12"/>
    </row>
    <row r="285876" spans="8:8">
      <c r="H285876" s="12"/>
    </row>
    <row r="285877" spans="8:8">
      <c r="H285877" s="12"/>
    </row>
    <row r="285878" spans="8:8">
      <c r="H285878" s="12"/>
    </row>
    <row r="285879" spans="8:8">
      <c r="H285879" s="12"/>
    </row>
    <row r="285880" spans="8:8">
      <c r="H285880" s="12"/>
    </row>
    <row r="285881" spans="8:8">
      <c r="H285881" s="12"/>
    </row>
    <row r="285882" spans="8:8">
      <c r="H285882" s="12"/>
    </row>
    <row r="285883" spans="8:8">
      <c r="H285883" s="12"/>
    </row>
    <row r="285884" spans="8:8">
      <c r="H285884" s="12"/>
    </row>
    <row r="285885" spans="8:8">
      <c r="H285885" s="12"/>
    </row>
    <row r="285886" spans="8:8">
      <c r="H285886" s="12"/>
    </row>
    <row r="285887" spans="8:8">
      <c r="H285887" s="12"/>
    </row>
    <row r="285888" spans="8:8">
      <c r="H285888" s="12"/>
    </row>
    <row r="285889" spans="8:8">
      <c r="H285889" s="12"/>
    </row>
    <row r="285890" spans="8:8">
      <c r="H285890" s="12"/>
    </row>
    <row r="285891" spans="8:8">
      <c r="H285891" s="12"/>
    </row>
    <row r="285892" spans="8:8">
      <c r="H285892" s="12"/>
    </row>
    <row r="285893" spans="8:8">
      <c r="H285893" s="12"/>
    </row>
    <row r="285894" spans="8:8">
      <c r="H285894" s="12"/>
    </row>
    <row r="285895" spans="8:8">
      <c r="H285895" s="12"/>
    </row>
    <row r="285896" spans="8:8">
      <c r="H285896" s="12"/>
    </row>
    <row r="285897" spans="8:8">
      <c r="H285897" s="12"/>
    </row>
    <row r="285898" spans="8:8">
      <c r="H285898" s="12"/>
    </row>
    <row r="285899" spans="8:8">
      <c r="H285899" s="12"/>
    </row>
    <row r="285900" spans="8:8">
      <c r="H285900" s="12"/>
    </row>
    <row r="285901" spans="8:8">
      <c r="H285901" s="12"/>
    </row>
    <row r="285902" spans="8:8">
      <c r="H285902" s="12"/>
    </row>
    <row r="285903" spans="8:8">
      <c r="H285903" s="12"/>
    </row>
    <row r="285904" spans="8:8">
      <c r="H285904" s="12"/>
    </row>
    <row r="285905" spans="8:8">
      <c r="H285905" s="12"/>
    </row>
    <row r="285906" spans="8:8">
      <c r="H285906" s="12"/>
    </row>
    <row r="285907" spans="8:8">
      <c r="H285907" s="12"/>
    </row>
    <row r="285908" spans="8:8">
      <c r="H285908" s="12"/>
    </row>
    <row r="285909" spans="8:8">
      <c r="H285909" s="12"/>
    </row>
    <row r="285910" spans="8:8">
      <c r="H285910" s="12"/>
    </row>
    <row r="285911" spans="8:8">
      <c r="H285911" s="12"/>
    </row>
    <row r="285912" spans="8:8">
      <c r="H285912" s="12"/>
    </row>
    <row r="285913" spans="8:8">
      <c r="H285913" s="12"/>
    </row>
    <row r="285914" spans="8:8">
      <c r="H285914" s="12"/>
    </row>
    <row r="285915" spans="8:8">
      <c r="H285915" s="12"/>
    </row>
    <row r="285916" spans="8:8">
      <c r="H285916" s="12"/>
    </row>
    <row r="285917" spans="8:8">
      <c r="H285917" s="12"/>
    </row>
    <row r="285918" spans="8:8">
      <c r="H285918" s="12"/>
    </row>
    <row r="285919" spans="8:8">
      <c r="H285919" s="12"/>
    </row>
    <row r="285920" spans="8:8">
      <c r="H285920" s="12"/>
    </row>
    <row r="285921" spans="8:8">
      <c r="H285921" s="12"/>
    </row>
    <row r="285922" spans="8:8">
      <c r="H285922" s="12"/>
    </row>
    <row r="285923" spans="8:8">
      <c r="H285923" s="12"/>
    </row>
    <row r="285924" spans="8:8">
      <c r="H285924" s="12"/>
    </row>
    <row r="285925" spans="8:8">
      <c r="H285925" s="12"/>
    </row>
    <row r="285926" spans="8:8">
      <c r="H285926" s="12"/>
    </row>
    <row r="285927" spans="8:8">
      <c r="H285927" s="12"/>
    </row>
    <row r="285928" spans="8:8">
      <c r="H285928" s="12"/>
    </row>
    <row r="285929" spans="8:8">
      <c r="H285929" s="12"/>
    </row>
    <row r="285930" spans="8:8">
      <c r="H285930" s="12"/>
    </row>
    <row r="285931" spans="8:8">
      <c r="H285931" s="12"/>
    </row>
    <row r="285932" spans="8:8">
      <c r="H285932" s="12"/>
    </row>
    <row r="285933" spans="8:8">
      <c r="H285933" s="12"/>
    </row>
    <row r="285934" spans="8:8">
      <c r="H285934" s="12"/>
    </row>
    <row r="285935" spans="8:8">
      <c r="H285935" s="12"/>
    </row>
    <row r="285936" spans="8:8">
      <c r="H285936" s="12"/>
    </row>
    <row r="285937" spans="8:8">
      <c r="H285937" s="12"/>
    </row>
    <row r="285938" spans="8:8">
      <c r="H285938" s="12"/>
    </row>
    <row r="285939" spans="8:8">
      <c r="H285939" s="12"/>
    </row>
    <row r="285940" spans="8:8">
      <c r="H285940" s="12"/>
    </row>
    <row r="285941" spans="8:8">
      <c r="H285941" s="12"/>
    </row>
    <row r="285942" spans="8:8">
      <c r="H285942" s="12"/>
    </row>
    <row r="285943" spans="8:8">
      <c r="H285943" s="12"/>
    </row>
    <row r="285944" spans="8:8">
      <c r="H285944" s="12"/>
    </row>
    <row r="285945" spans="8:8">
      <c r="H285945" s="12"/>
    </row>
    <row r="285946" spans="8:8">
      <c r="H285946" s="12"/>
    </row>
    <row r="285947" spans="8:8">
      <c r="H285947" s="12"/>
    </row>
    <row r="285948" spans="8:8">
      <c r="H285948" s="12"/>
    </row>
    <row r="285949" spans="8:8">
      <c r="H285949" s="12"/>
    </row>
    <row r="285950" spans="8:8">
      <c r="H285950" s="12"/>
    </row>
    <row r="285951" spans="8:8">
      <c r="H285951" s="12"/>
    </row>
    <row r="285952" spans="8:8">
      <c r="H285952" s="12"/>
    </row>
    <row r="285953" spans="8:8">
      <c r="H285953" s="12"/>
    </row>
    <row r="285954" spans="8:8">
      <c r="H285954" s="12"/>
    </row>
    <row r="285955" spans="8:8">
      <c r="H285955" s="12"/>
    </row>
    <row r="285956" spans="8:8">
      <c r="H285956" s="12"/>
    </row>
    <row r="285957" spans="8:8">
      <c r="H285957" s="12"/>
    </row>
    <row r="285958" spans="8:8">
      <c r="H285958" s="12"/>
    </row>
    <row r="285959" spans="8:8">
      <c r="H285959" s="12"/>
    </row>
    <row r="285960" spans="8:8">
      <c r="H285960" s="12"/>
    </row>
    <row r="285961" spans="8:8">
      <c r="H285961" s="12"/>
    </row>
    <row r="285962" spans="8:8">
      <c r="H285962" s="12"/>
    </row>
    <row r="285963" spans="8:8">
      <c r="H285963" s="12"/>
    </row>
    <row r="285964" spans="8:8">
      <c r="H285964" s="12"/>
    </row>
    <row r="285965" spans="8:8">
      <c r="H285965" s="12"/>
    </row>
    <row r="285966" spans="8:8">
      <c r="H285966" s="12"/>
    </row>
    <row r="285967" spans="8:8">
      <c r="H285967" s="12"/>
    </row>
    <row r="285968" spans="8:8">
      <c r="H285968" s="12"/>
    </row>
    <row r="285969" spans="8:8">
      <c r="H285969" s="12"/>
    </row>
    <row r="285970" spans="8:8">
      <c r="H285970" s="12"/>
    </row>
    <row r="285971" spans="8:8">
      <c r="H285971" s="12"/>
    </row>
    <row r="285972" spans="8:8">
      <c r="H285972" s="12"/>
    </row>
    <row r="285973" spans="8:8">
      <c r="H285973" s="12"/>
    </row>
    <row r="285974" spans="8:8">
      <c r="H285974" s="12"/>
    </row>
    <row r="285975" spans="8:8">
      <c r="H285975" s="12"/>
    </row>
    <row r="285976" spans="8:8">
      <c r="H285976" s="12"/>
    </row>
    <row r="285977" spans="8:8">
      <c r="H285977" s="12"/>
    </row>
    <row r="285978" spans="8:8">
      <c r="H285978" s="12"/>
    </row>
    <row r="285979" spans="8:8">
      <c r="H285979" s="12"/>
    </row>
    <row r="285980" spans="8:8">
      <c r="H285980" s="12"/>
    </row>
    <row r="285981" spans="8:8">
      <c r="H285981" s="12"/>
    </row>
    <row r="285982" spans="8:8">
      <c r="H285982" s="12"/>
    </row>
    <row r="285983" spans="8:8">
      <c r="H285983" s="12"/>
    </row>
    <row r="285984" spans="8:8">
      <c r="H285984" s="12"/>
    </row>
    <row r="285985" spans="8:8">
      <c r="H285985" s="12"/>
    </row>
    <row r="285986" spans="8:8">
      <c r="H285986" s="12"/>
    </row>
    <row r="285987" spans="8:8">
      <c r="H285987" s="12"/>
    </row>
    <row r="285988" spans="8:8">
      <c r="H285988" s="12"/>
    </row>
    <row r="285989" spans="8:8">
      <c r="H285989" s="12"/>
    </row>
    <row r="285990" spans="8:8">
      <c r="H285990" s="12"/>
    </row>
    <row r="285991" spans="8:8">
      <c r="H285991" s="12"/>
    </row>
    <row r="285992" spans="8:8">
      <c r="H285992" s="12"/>
    </row>
    <row r="285993" spans="8:8">
      <c r="H285993" s="12"/>
    </row>
    <row r="285994" spans="8:8">
      <c r="H285994" s="12"/>
    </row>
    <row r="285995" spans="8:8">
      <c r="H285995" s="12"/>
    </row>
    <row r="285996" spans="8:8">
      <c r="H285996" s="12"/>
    </row>
    <row r="285997" spans="8:8">
      <c r="H285997" s="12"/>
    </row>
    <row r="285998" spans="8:8">
      <c r="H285998" s="12"/>
    </row>
    <row r="285999" spans="8:8">
      <c r="H285999" s="12"/>
    </row>
    <row r="286000" spans="8:8">
      <c r="H286000" s="12"/>
    </row>
    <row r="286001" spans="8:8">
      <c r="H286001" s="12"/>
    </row>
    <row r="286002" spans="8:8">
      <c r="H286002" s="12"/>
    </row>
    <row r="286003" spans="8:8">
      <c r="H286003" s="12"/>
    </row>
    <row r="286004" spans="8:8">
      <c r="H286004" s="12"/>
    </row>
    <row r="286005" spans="8:8">
      <c r="H286005" s="12"/>
    </row>
    <row r="286006" spans="8:8">
      <c r="H286006" s="12"/>
    </row>
    <row r="286007" spans="8:8">
      <c r="H286007" s="12"/>
    </row>
    <row r="286008" spans="8:8">
      <c r="H286008" s="12"/>
    </row>
    <row r="286009" spans="8:8">
      <c r="H286009" s="12"/>
    </row>
    <row r="286010" spans="8:8">
      <c r="H286010" s="12"/>
    </row>
    <row r="286011" spans="8:8">
      <c r="H286011" s="12"/>
    </row>
    <row r="286012" spans="8:8">
      <c r="H286012" s="12"/>
    </row>
    <row r="286013" spans="8:8">
      <c r="H286013" s="12"/>
    </row>
    <row r="286014" spans="8:8">
      <c r="H286014" s="12"/>
    </row>
    <row r="286015" spans="8:8">
      <c r="H286015" s="12"/>
    </row>
    <row r="286016" spans="8:8">
      <c r="H286016" s="12"/>
    </row>
    <row r="286017" spans="8:8">
      <c r="H286017" s="12"/>
    </row>
    <row r="286018" spans="8:8">
      <c r="H286018" s="12"/>
    </row>
    <row r="286019" spans="8:8">
      <c r="H286019" s="12"/>
    </row>
    <row r="286020" spans="8:8">
      <c r="H286020" s="12"/>
    </row>
    <row r="286021" spans="8:8">
      <c r="H286021" s="12"/>
    </row>
    <row r="286022" spans="8:8">
      <c r="H286022" s="12"/>
    </row>
    <row r="286023" spans="8:8">
      <c r="H286023" s="12"/>
    </row>
    <row r="286024" spans="8:8">
      <c r="H286024" s="12"/>
    </row>
    <row r="286025" spans="8:8">
      <c r="H286025" s="12"/>
    </row>
    <row r="286026" spans="8:8">
      <c r="H286026" s="12"/>
    </row>
    <row r="286027" spans="8:8">
      <c r="H286027" s="12"/>
    </row>
    <row r="286028" spans="8:8">
      <c r="H286028" s="12"/>
    </row>
    <row r="286029" spans="8:8">
      <c r="H286029" s="12"/>
    </row>
    <row r="286030" spans="8:8">
      <c r="H286030" s="12"/>
    </row>
    <row r="286031" spans="8:8">
      <c r="H286031" s="12"/>
    </row>
    <row r="286032" spans="8:8">
      <c r="H286032" s="12"/>
    </row>
    <row r="286033" spans="8:8">
      <c r="H286033" s="12"/>
    </row>
    <row r="286034" spans="8:8">
      <c r="H286034" s="12"/>
    </row>
    <row r="286035" spans="8:8">
      <c r="H286035" s="12"/>
    </row>
    <row r="286036" spans="8:8">
      <c r="H286036" s="12"/>
    </row>
    <row r="286037" spans="8:8">
      <c r="H286037" s="12"/>
    </row>
    <row r="286038" spans="8:8">
      <c r="H286038" s="12"/>
    </row>
    <row r="286039" spans="8:8">
      <c r="H286039" s="12"/>
    </row>
    <row r="286040" spans="8:8">
      <c r="H286040" s="12"/>
    </row>
    <row r="286041" spans="8:8">
      <c r="H286041" s="12"/>
    </row>
    <row r="286042" spans="8:8">
      <c r="H286042" s="12"/>
    </row>
    <row r="286043" spans="8:8">
      <c r="H286043" s="12"/>
    </row>
    <row r="286044" spans="8:8">
      <c r="H286044" s="12"/>
    </row>
    <row r="286045" spans="8:8">
      <c r="H286045" s="12"/>
    </row>
    <row r="286046" spans="8:8">
      <c r="H286046" s="12"/>
    </row>
    <row r="286047" spans="8:8">
      <c r="H286047" s="12"/>
    </row>
    <row r="286048" spans="8:8">
      <c r="H286048" s="12"/>
    </row>
    <row r="286049" spans="8:8">
      <c r="H286049" s="12"/>
    </row>
    <row r="286050" spans="8:8">
      <c r="H286050" s="12"/>
    </row>
    <row r="286051" spans="8:8">
      <c r="H286051" s="12"/>
    </row>
    <row r="286052" spans="8:8">
      <c r="H286052" s="12"/>
    </row>
    <row r="286053" spans="8:8">
      <c r="H286053" s="12"/>
    </row>
    <row r="286054" spans="8:8">
      <c r="H286054" s="12"/>
    </row>
    <row r="286055" spans="8:8">
      <c r="H286055" s="12"/>
    </row>
    <row r="286056" spans="8:8">
      <c r="H286056" s="12"/>
    </row>
    <row r="286057" spans="8:8">
      <c r="H286057" s="12"/>
    </row>
    <row r="286058" spans="8:8">
      <c r="H286058" s="12"/>
    </row>
    <row r="286059" spans="8:8">
      <c r="H286059" s="12"/>
    </row>
    <row r="286060" spans="8:8">
      <c r="H286060" s="12"/>
    </row>
    <row r="286061" spans="8:8">
      <c r="H286061" s="12"/>
    </row>
    <row r="286062" spans="8:8">
      <c r="H286062" s="12"/>
    </row>
    <row r="286063" spans="8:8">
      <c r="H286063" s="12"/>
    </row>
    <row r="286064" spans="8:8">
      <c r="H286064" s="12"/>
    </row>
    <row r="286065" spans="8:8">
      <c r="H286065" s="12"/>
    </row>
    <row r="286066" spans="8:8">
      <c r="H286066" s="12"/>
    </row>
    <row r="286067" spans="8:8">
      <c r="H286067" s="12"/>
    </row>
    <row r="286068" spans="8:8">
      <c r="H286068" s="12"/>
    </row>
    <row r="286069" spans="8:8">
      <c r="H286069" s="12"/>
    </row>
    <row r="286070" spans="8:8">
      <c r="H286070" s="12"/>
    </row>
    <row r="286071" spans="8:8">
      <c r="H286071" s="12"/>
    </row>
    <row r="286072" spans="8:8">
      <c r="H286072" s="12"/>
    </row>
    <row r="286073" spans="8:8">
      <c r="H286073" s="12"/>
    </row>
    <row r="286074" spans="8:8">
      <c r="H286074" s="12"/>
    </row>
    <row r="286075" spans="8:8">
      <c r="H286075" s="12"/>
    </row>
    <row r="286076" spans="8:8">
      <c r="H286076" s="12"/>
    </row>
    <row r="286077" spans="8:8">
      <c r="H286077" s="12"/>
    </row>
    <row r="286078" spans="8:8">
      <c r="H286078" s="12"/>
    </row>
    <row r="286079" spans="8:8">
      <c r="H286079" s="12"/>
    </row>
    <row r="286080" spans="8:8">
      <c r="H286080" s="12"/>
    </row>
    <row r="286081" spans="8:8">
      <c r="H286081" s="12"/>
    </row>
    <row r="286082" spans="8:8">
      <c r="H286082" s="12"/>
    </row>
    <row r="286083" spans="8:8">
      <c r="H286083" s="12"/>
    </row>
    <row r="286084" spans="8:8">
      <c r="H286084" s="12"/>
    </row>
    <row r="286085" spans="8:8">
      <c r="H286085" s="12"/>
    </row>
    <row r="286086" spans="8:8">
      <c r="H286086" s="12"/>
    </row>
    <row r="286087" spans="8:8">
      <c r="H286087" s="12"/>
    </row>
    <row r="286088" spans="8:8">
      <c r="H286088" s="12"/>
    </row>
    <row r="286089" spans="8:8">
      <c r="H286089" s="12"/>
    </row>
    <row r="286090" spans="8:8">
      <c r="H286090" s="12"/>
    </row>
    <row r="286091" spans="8:8">
      <c r="H286091" s="12"/>
    </row>
    <row r="286092" spans="8:8">
      <c r="H286092" s="12"/>
    </row>
    <row r="286093" spans="8:8">
      <c r="H286093" s="12"/>
    </row>
    <row r="286094" spans="8:8">
      <c r="H286094" s="12"/>
    </row>
    <row r="286095" spans="8:8">
      <c r="H286095" s="12"/>
    </row>
    <row r="286096" spans="8:8">
      <c r="H286096" s="12"/>
    </row>
    <row r="286097" spans="8:8">
      <c r="H286097" s="12"/>
    </row>
    <row r="286098" spans="8:8">
      <c r="H286098" s="12"/>
    </row>
    <row r="286099" spans="8:8">
      <c r="H286099" s="12"/>
    </row>
    <row r="286100" spans="8:8">
      <c r="H286100" s="12"/>
    </row>
    <row r="286101" spans="8:8">
      <c r="H286101" s="12"/>
    </row>
    <row r="286102" spans="8:8">
      <c r="H286102" s="12"/>
    </row>
    <row r="286103" spans="8:8">
      <c r="H286103" s="12"/>
    </row>
    <row r="286104" spans="8:8">
      <c r="H286104" s="12"/>
    </row>
    <row r="286105" spans="8:8">
      <c r="H286105" s="12"/>
    </row>
    <row r="286106" spans="8:8">
      <c r="H286106" s="12"/>
    </row>
    <row r="286107" spans="8:8">
      <c r="H286107" s="12"/>
    </row>
    <row r="286108" spans="8:8">
      <c r="H286108" s="12"/>
    </row>
    <row r="286109" spans="8:8">
      <c r="H286109" s="12"/>
    </row>
    <row r="286110" spans="8:8">
      <c r="H286110" s="12"/>
    </row>
    <row r="286111" spans="8:8">
      <c r="H286111" s="12"/>
    </row>
    <row r="286112" spans="8:8">
      <c r="H286112" s="12"/>
    </row>
    <row r="286113" spans="8:8">
      <c r="H286113" s="12"/>
    </row>
    <row r="286114" spans="8:8">
      <c r="H286114" s="12"/>
    </row>
    <row r="286115" spans="8:8">
      <c r="H286115" s="12"/>
    </row>
    <row r="286116" spans="8:8">
      <c r="H286116" s="12"/>
    </row>
    <row r="286117" spans="8:8">
      <c r="H286117" s="12"/>
    </row>
    <row r="286118" spans="8:8">
      <c r="H286118" s="12"/>
    </row>
    <row r="286119" spans="8:8">
      <c r="H286119" s="12"/>
    </row>
    <row r="286120" spans="8:8">
      <c r="H286120" s="12"/>
    </row>
    <row r="286121" spans="8:8">
      <c r="H286121" s="12"/>
    </row>
    <row r="286122" spans="8:8">
      <c r="H286122" s="12"/>
    </row>
    <row r="286123" spans="8:8">
      <c r="H286123" s="12"/>
    </row>
    <row r="286124" spans="8:8">
      <c r="H286124" s="12"/>
    </row>
    <row r="286125" spans="8:8">
      <c r="H286125" s="12"/>
    </row>
    <row r="286126" spans="8:8">
      <c r="H286126" s="12"/>
    </row>
    <row r="286127" spans="8:8">
      <c r="H286127" s="12"/>
    </row>
    <row r="286128" spans="8:8">
      <c r="H286128" s="12"/>
    </row>
    <row r="286129" spans="8:8">
      <c r="H286129" s="12"/>
    </row>
    <row r="286130" spans="8:8">
      <c r="H286130" s="12"/>
    </row>
    <row r="286131" spans="8:8">
      <c r="H286131" s="12"/>
    </row>
    <row r="286132" spans="8:8">
      <c r="H286132" s="12"/>
    </row>
    <row r="286133" spans="8:8">
      <c r="H286133" s="12"/>
    </row>
    <row r="286134" spans="8:8">
      <c r="H286134" s="12"/>
    </row>
    <row r="286135" spans="8:8">
      <c r="H286135" s="12"/>
    </row>
    <row r="286136" spans="8:8">
      <c r="H286136" s="12"/>
    </row>
    <row r="286137" spans="8:8">
      <c r="H286137" s="12"/>
    </row>
    <row r="286138" spans="8:8">
      <c r="H286138" s="12"/>
    </row>
    <row r="286139" spans="8:8">
      <c r="H286139" s="12"/>
    </row>
    <row r="286140" spans="8:8">
      <c r="H286140" s="12"/>
    </row>
    <row r="286141" spans="8:8">
      <c r="H286141" s="12"/>
    </row>
    <row r="286142" spans="8:8">
      <c r="H286142" s="12"/>
    </row>
    <row r="286143" spans="8:8">
      <c r="H286143" s="12"/>
    </row>
    <row r="286144" spans="8:8">
      <c r="H286144" s="12"/>
    </row>
    <row r="286145" spans="8:8">
      <c r="H286145" s="12"/>
    </row>
    <row r="286146" spans="8:8">
      <c r="H286146" s="12"/>
    </row>
    <row r="286147" spans="8:8">
      <c r="H286147" s="12"/>
    </row>
    <row r="286148" spans="8:8">
      <c r="H286148" s="12"/>
    </row>
    <row r="286149" spans="8:8">
      <c r="H286149" s="12"/>
    </row>
    <row r="286150" spans="8:8">
      <c r="H286150" s="12"/>
    </row>
    <row r="286151" spans="8:8">
      <c r="H286151" s="12"/>
    </row>
    <row r="286152" spans="8:8">
      <c r="H286152" s="12"/>
    </row>
    <row r="286153" spans="8:8">
      <c r="H286153" s="12"/>
    </row>
    <row r="286154" spans="8:8">
      <c r="H286154" s="12"/>
    </row>
    <row r="286155" spans="8:8">
      <c r="H286155" s="12"/>
    </row>
    <row r="286156" spans="8:8">
      <c r="H286156" s="12"/>
    </row>
    <row r="286157" spans="8:8">
      <c r="H286157" s="12"/>
    </row>
    <row r="286158" spans="8:8">
      <c r="H286158" s="12"/>
    </row>
    <row r="286159" spans="8:8">
      <c r="H286159" s="12"/>
    </row>
    <row r="286160" spans="8:8">
      <c r="H286160" s="12"/>
    </row>
    <row r="286161" spans="8:8">
      <c r="H286161" s="12"/>
    </row>
    <row r="286162" spans="8:8">
      <c r="H286162" s="12"/>
    </row>
    <row r="286163" spans="8:8">
      <c r="H286163" s="12"/>
    </row>
    <row r="286164" spans="8:8">
      <c r="H286164" s="12"/>
    </row>
    <row r="286165" spans="8:8">
      <c r="H286165" s="12"/>
    </row>
    <row r="286166" spans="8:8">
      <c r="H286166" s="12"/>
    </row>
    <row r="286167" spans="8:8">
      <c r="H286167" s="12"/>
    </row>
    <row r="286168" spans="8:8">
      <c r="H286168" s="12"/>
    </row>
    <row r="286169" spans="8:8">
      <c r="H286169" s="12"/>
    </row>
    <row r="286170" spans="8:8">
      <c r="H286170" s="12"/>
    </row>
    <row r="286171" spans="8:8">
      <c r="H286171" s="12"/>
    </row>
    <row r="286172" spans="8:8">
      <c r="H286172" s="12"/>
    </row>
    <row r="286173" spans="8:8">
      <c r="H286173" s="12"/>
    </row>
    <row r="286174" spans="8:8">
      <c r="H286174" s="12"/>
    </row>
    <row r="286175" spans="8:8">
      <c r="H286175" s="12"/>
    </row>
    <row r="286176" spans="8:8">
      <c r="H286176" s="12"/>
    </row>
    <row r="286177" spans="8:8">
      <c r="H286177" s="12"/>
    </row>
    <row r="286178" spans="8:8">
      <c r="H286178" s="12"/>
    </row>
    <row r="286179" spans="8:8">
      <c r="H286179" s="12"/>
    </row>
    <row r="286180" spans="8:8">
      <c r="H286180" s="12"/>
    </row>
    <row r="286181" spans="8:8">
      <c r="H286181" s="12"/>
    </row>
    <row r="286182" spans="8:8">
      <c r="H286182" s="12"/>
    </row>
    <row r="286183" spans="8:8">
      <c r="H286183" s="12"/>
    </row>
    <row r="286184" spans="8:8">
      <c r="H286184" s="12"/>
    </row>
    <row r="286185" spans="8:8">
      <c r="H286185" s="12"/>
    </row>
    <row r="286186" spans="8:8">
      <c r="H286186" s="12"/>
    </row>
    <row r="286187" spans="8:8">
      <c r="H286187" s="12"/>
    </row>
    <row r="286188" spans="8:8">
      <c r="H286188" s="12"/>
    </row>
    <row r="286189" spans="8:8">
      <c r="H286189" s="12"/>
    </row>
    <row r="286190" spans="8:8">
      <c r="H286190" s="12"/>
    </row>
    <row r="286191" spans="8:8">
      <c r="H286191" s="12"/>
    </row>
    <row r="286192" spans="8:8">
      <c r="H286192" s="12"/>
    </row>
    <row r="286193" spans="8:8">
      <c r="H286193" s="12"/>
    </row>
    <row r="286194" spans="8:8">
      <c r="H286194" s="12"/>
    </row>
    <row r="286195" spans="8:8">
      <c r="H286195" s="12"/>
    </row>
    <row r="286196" spans="8:8">
      <c r="H286196" s="12"/>
    </row>
    <row r="286197" spans="8:8">
      <c r="H286197" s="12"/>
    </row>
    <row r="286198" spans="8:8">
      <c r="H286198" s="12"/>
    </row>
    <row r="286199" spans="8:8">
      <c r="H286199" s="12"/>
    </row>
    <row r="286200" spans="8:8">
      <c r="H286200" s="12"/>
    </row>
    <row r="286201" spans="8:8">
      <c r="H286201" s="12"/>
    </row>
    <row r="286202" spans="8:8">
      <c r="H286202" s="12"/>
    </row>
    <row r="286203" spans="8:8">
      <c r="H286203" s="12"/>
    </row>
    <row r="286204" spans="8:8">
      <c r="H286204" s="12"/>
    </row>
    <row r="286205" spans="8:8">
      <c r="H286205" s="12"/>
    </row>
    <row r="286206" spans="8:8">
      <c r="H286206" s="12"/>
    </row>
    <row r="286207" spans="8:8">
      <c r="H286207" s="12"/>
    </row>
    <row r="286208" spans="8:8">
      <c r="H286208" s="12"/>
    </row>
    <row r="286209" spans="8:8">
      <c r="H286209" s="12"/>
    </row>
    <row r="286210" spans="8:8">
      <c r="H286210" s="12"/>
    </row>
    <row r="286211" spans="8:8">
      <c r="H286211" s="12"/>
    </row>
    <row r="286212" spans="8:8">
      <c r="H286212" s="12"/>
    </row>
    <row r="286213" spans="8:8">
      <c r="H286213" s="12"/>
    </row>
    <row r="286214" spans="8:8">
      <c r="H286214" s="12"/>
    </row>
    <row r="286215" spans="8:8">
      <c r="H286215" s="12"/>
    </row>
    <row r="286216" spans="8:8">
      <c r="H286216" s="12"/>
    </row>
    <row r="286217" spans="8:8">
      <c r="H286217" s="12"/>
    </row>
    <row r="286218" spans="8:8">
      <c r="H286218" s="12"/>
    </row>
    <row r="286219" spans="8:8">
      <c r="H286219" s="12"/>
    </row>
    <row r="286220" spans="8:8">
      <c r="H286220" s="12"/>
    </row>
    <row r="286221" spans="8:8">
      <c r="H286221" s="12"/>
    </row>
    <row r="286222" spans="8:8">
      <c r="H286222" s="12"/>
    </row>
    <row r="286223" spans="8:8">
      <c r="H286223" s="12"/>
    </row>
    <row r="286224" spans="8:8">
      <c r="H286224" s="12"/>
    </row>
    <row r="286225" spans="8:8">
      <c r="H286225" s="12"/>
    </row>
    <row r="286226" spans="8:8">
      <c r="H286226" s="12"/>
    </row>
    <row r="286227" spans="8:8">
      <c r="H286227" s="12"/>
    </row>
    <row r="286228" spans="8:8">
      <c r="H286228" s="12"/>
    </row>
    <row r="286229" spans="8:8">
      <c r="H286229" s="12"/>
    </row>
    <row r="286230" spans="8:8">
      <c r="H286230" s="12"/>
    </row>
    <row r="286231" spans="8:8">
      <c r="H286231" s="12"/>
    </row>
    <row r="286232" spans="8:8">
      <c r="H286232" s="12"/>
    </row>
    <row r="286233" spans="8:8">
      <c r="H286233" s="12"/>
    </row>
    <row r="286234" spans="8:8">
      <c r="H286234" s="12"/>
    </row>
    <row r="286235" spans="8:8">
      <c r="H286235" s="12"/>
    </row>
    <row r="286236" spans="8:8">
      <c r="H286236" s="12"/>
    </row>
    <row r="286237" spans="8:8">
      <c r="H286237" s="12"/>
    </row>
    <row r="286238" spans="8:8">
      <c r="H286238" s="12"/>
    </row>
    <row r="286239" spans="8:8">
      <c r="H286239" s="12"/>
    </row>
    <row r="286240" spans="8:8">
      <c r="H286240" s="12"/>
    </row>
    <row r="286241" spans="8:8">
      <c r="H286241" s="12"/>
    </row>
    <row r="286242" spans="8:8">
      <c r="H286242" s="12"/>
    </row>
    <row r="286243" spans="8:8">
      <c r="H286243" s="12"/>
    </row>
    <row r="286244" spans="8:8">
      <c r="H286244" s="12"/>
    </row>
    <row r="286245" spans="8:8">
      <c r="H286245" s="12"/>
    </row>
    <row r="286246" spans="8:8">
      <c r="H286246" s="12"/>
    </row>
    <row r="286247" spans="8:8">
      <c r="H286247" s="12"/>
    </row>
    <row r="286248" spans="8:8">
      <c r="H286248" s="12"/>
    </row>
    <row r="286249" spans="8:8">
      <c r="H286249" s="12"/>
    </row>
    <row r="286250" spans="8:8">
      <c r="H286250" s="12"/>
    </row>
    <row r="286251" spans="8:8">
      <c r="H286251" s="12"/>
    </row>
    <row r="286252" spans="8:8">
      <c r="H286252" s="12"/>
    </row>
    <row r="286253" spans="8:8">
      <c r="H286253" s="12"/>
    </row>
    <row r="286254" spans="8:8">
      <c r="H286254" s="12"/>
    </row>
    <row r="286255" spans="8:8">
      <c r="H286255" s="12"/>
    </row>
    <row r="286256" spans="8:8">
      <c r="H286256" s="12"/>
    </row>
    <row r="286257" spans="8:8">
      <c r="H286257" s="12"/>
    </row>
    <row r="286258" spans="8:8">
      <c r="H286258" s="12"/>
    </row>
    <row r="286259" spans="8:8">
      <c r="H286259" s="12"/>
    </row>
    <row r="286260" spans="8:8">
      <c r="H286260" s="12"/>
    </row>
    <row r="286261" spans="8:8">
      <c r="H286261" s="12"/>
    </row>
    <row r="286262" spans="8:8">
      <c r="H286262" s="12"/>
    </row>
    <row r="286263" spans="8:8">
      <c r="H286263" s="12"/>
    </row>
    <row r="286264" spans="8:8">
      <c r="H286264" s="12"/>
    </row>
    <row r="286265" spans="8:8">
      <c r="H286265" s="12"/>
    </row>
    <row r="286266" spans="8:8">
      <c r="H286266" s="12"/>
    </row>
    <row r="286267" spans="8:8">
      <c r="H286267" s="12"/>
    </row>
    <row r="286268" spans="8:8">
      <c r="H286268" s="12"/>
    </row>
    <row r="286269" spans="8:8">
      <c r="H286269" s="12"/>
    </row>
    <row r="286270" spans="8:8">
      <c r="H286270" s="12"/>
    </row>
    <row r="286271" spans="8:8">
      <c r="H286271" s="12"/>
    </row>
    <row r="286272" spans="8:8">
      <c r="H286272" s="12"/>
    </row>
    <row r="286273" spans="8:8">
      <c r="H286273" s="12"/>
    </row>
    <row r="286274" spans="8:8">
      <c r="H286274" s="12"/>
    </row>
    <row r="286275" spans="8:8">
      <c r="H286275" s="12"/>
    </row>
    <row r="286276" spans="8:8">
      <c r="H286276" s="12"/>
    </row>
    <row r="286277" spans="8:8">
      <c r="H286277" s="12"/>
    </row>
    <row r="286278" spans="8:8">
      <c r="H286278" s="12"/>
    </row>
    <row r="286279" spans="8:8">
      <c r="H286279" s="12"/>
    </row>
    <row r="286280" spans="8:8">
      <c r="H286280" s="12"/>
    </row>
    <row r="286281" spans="8:8">
      <c r="H286281" s="12"/>
    </row>
    <row r="286282" spans="8:8">
      <c r="H286282" s="12"/>
    </row>
    <row r="286283" spans="8:8">
      <c r="H286283" s="12"/>
    </row>
    <row r="286284" spans="8:8">
      <c r="H286284" s="12"/>
    </row>
    <row r="286285" spans="8:8">
      <c r="H286285" s="12"/>
    </row>
    <row r="286286" spans="8:8">
      <c r="H286286" s="12"/>
    </row>
    <row r="286287" spans="8:8">
      <c r="H286287" s="12"/>
    </row>
    <row r="286288" spans="8:8">
      <c r="H286288" s="12"/>
    </row>
    <row r="286289" spans="8:8">
      <c r="H286289" s="12"/>
    </row>
    <row r="286290" spans="8:8">
      <c r="H286290" s="12"/>
    </row>
    <row r="286291" spans="8:8">
      <c r="H286291" s="12"/>
    </row>
    <row r="286292" spans="8:8">
      <c r="H286292" s="12"/>
    </row>
    <row r="286293" spans="8:8">
      <c r="H286293" s="12"/>
    </row>
    <row r="286294" spans="8:8">
      <c r="H286294" s="12"/>
    </row>
    <row r="286295" spans="8:8">
      <c r="H286295" s="12"/>
    </row>
    <row r="286296" spans="8:8">
      <c r="H286296" s="12"/>
    </row>
    <row r="286297" spans="8:8">
      <c r="H286297" s="12"/>
    </row>
    <row r="286298" spans="8:8">
      <c r="H286298" s="12"/>
    </row>
    <row r="286299" spans="8:8">
      <c r="H286299" s="12"/>
    </row>
    <row r="286300" spans="8:8">
      <c r="H286300" s="12"/>
    </row>
    <row r="286301" spans="8:8">
      <c r="H286301" s="12"/>
    </row>
    <row r="286302" spans="8:8">
      <c r="H286302" s="12"/>
    </row>
    <row r="286303" spans="8:8">
      <c r="H286303" s="12"/>
    </row>
    <row r="286304" spans="8:8">
      <c r="H286304" s="12"/>
    </row>
    <row r="286305" spans="8:8">
      <c r="H286305" s="12"/>
    </row>
    <row r="286306" spans="8:8">
      <c r="H286306" s="12"/>
    </row>
    <row r="286307" spans="8:8">
      <c r="H286307" s="12"/>
    </row>
    <row r="286308" spans="8:8">
      <c r="H286308" s="12"/>
    </row>
    <row r="286309" spans="8:8">
      <c r="H286309" s="12"/>
    </row>
    <row r="286310" spans="8:8">
      <c r="H286310" s="12"/>
    </row>
    <row r="286311" spans="8:8">
      <c r="H286311" s="12"/>
    </row>
    <row r="286312" spans="8:8">
      <c r="H286312" s="12"/>
    </row>
    <row r="286313" spans="8:8">
      <c r="H286313" s="12"/>
    </row>
    <row r="286314" spans="8:8">
      <c r="H286314" s="12"/>
    </row>
    <row r="286315" spans="8:8">
      <c r="H286315" s="12"/>
    </row>
    <row r="286316" spans="8:8">
      <c r="H286316" s="12"/>
    </row>
    <row r="286317" spans="8:8">
      <c r="H286317" s="12"/>
    </row>
    <row r="286318" spans="8:8">
      <c r="H286318" s="12"/>
    </row>
    <row r="286319" spans="8:8">
      <c r="H286319" s="12"/>
    </row>
    <row r="286320" spans="8:8">
      <c r="H286320" s="12"/>
    </row>
    <row r="286321" spans="8:8">
      <c r="H286321" s="12"/>
    </row>
    <row r="286322" spans="8:8">
      <c r="H286322" s="12"/>
    </row>
    <row r="286323" spans="8:8">
      <c r="H286323" s="12"/>
    </row>
    <row r="286324" spans="8:8">
      <c r="H286324" s="12"/>
    </row>
    <row r="286325" spans="8:8">
      <c r="H286325" s="12"/>
    </row>
    <row r="286326" spans="8:8">
      <c r="H286326" s="12"/>
    </row>
    <row r="286327" spans="8:8">
      <c r="H286327" s="12"/>
    </row>
    <row r="286328" spans="8:8">
      <c r="H286328" s="12"/>
    </row>
    <row r="286329" spans="8:8">
      <c r="H286329" s="12"/>
    </row>
    <row r="286330" spans="8:8">
      <c r="H286330" s="12"/>
    </row>
    <row r="286331" spans="8:8">
      <c r="H286331" s="12"/>
    </row>
    <row r="286332" spans="8:8">
      <c r="H286332" s="12"/>
    </row>
    <row r="286333" spans="8:8">
      <c r="H286333" s="12"/>
    </row>
    <row r="286334" spans="8:8">
      <c r="H286334" s="12"/>
    </row>
    <row r="286335" spans="8:8">
      <c r="H286335" s="12"/>
    </row>
    <row r="286336" spans="8:8">
      <c r="H286336" s="12"/>
    </row>
    <row r="286337" spans="8:8">
      <c r="H286337" s="12"/>
    </row>
    <row r="286338" spans="8:8">
      <c r="H286338" s="12"/>
    </row>
    <row r="286339" spans="8:8">
      <c r="H286339" s="12"/>
    </row>
    <row r="286340" spans="8:8">
      <c r="H286340" s="12"/>
    </row>
    <row r="286341" spans="8:8">
      <c r="H286341" s="12"/>
    </row>
    <row r="286342" spans="8:8">
      <c r="H286342" s="12"/>
    </row>
    <row r="286343" spans="8:8">
      <c r="H286343" s="12"/>
    </row>
    <row r="286344" spans="8:8">
      <c r="H286344" s="12"/>
    </row>
    <row r="286345" spans="8:8">
      <c r="H286345" s="12"/>
    </row>
    <row r="286346" spans="8:8">
      <c r="H286346" s="12"/>
    </row>
    <row r="286347" spans="8:8">
      <c r="H286347" s="12"/>
    </row>
    <row r="286348" spans="8:8">
      <c r="H286348" s="12"/>
    </row>
    <row r="286349" spans="8:8">
      <c r="H286349" s="12"/>
    </row>
    <row r="286350" spans="8:8">
      <c r="H286350" s="12"/>
    </row>
    <row r="286351" spans="8:8">
      <c r="H286351" s="12"/>
    </row>
    <row r="286352" spans="8:8">
      <c r="H286352" s="12"/>
    </row>
    <row r="286353" spans="8:8">
      <c r="H286353" s="12"/>
    </row>
    <row r="286354" spans="8:8">
      <c r="H286354" s="12"/>
    </row>
    <row r="286355" spans="8:8">
      <c r="H286355" s="12"/>
    </row>
    <row r="286356" spans="8:8">
      <c r="H286356" s="12"/>
    </row>
    <row r="286357" spans="8:8">
      <c r="H286357" s="12"/>
    </row>
    <row r="286358" spans="8:8">
      <c r="H286358" s="12"/>
    </row>
    <row r="286359" spans="8:8">
      <c r="H286359" s="12"/>
    </row>
    <row r="286360" spans="8:8">
      <c r="H286360" s="12"/>
    </row>
    <row r="286361" spans="8:8">
      <c r="H286361" s="12"/>
    </row>
    <row r="286362" spans="8:8">
      <c r="H286362" s="12"/>
    </row>
    <row r="286363" spans="8:8">
      <c r="H286363" s="12"/>
    </row>
    <row r="286364" spans="8:8">
      <c r="H286364" s="12"/>
    </row>
    <row r="286365" spans="8:8">
      <c r="H286365" s="12"/>
    </row>
    <row r="286366" spans="8:8">
      <c r="H286366" s="12"/>
    </row>
    <row r="286367" spans="8:8">
      <c r="H286367" s="12"/>
    </row>
    <row r="286368" spans="8:8">
      <c r="H286368" s="12"/>
    </row>
    <row r="286369" spans="8:8">
      <c r="H286369" s="12"/>
    </row>
    <row r="286370" spans="8:8">
      <c r="H286370" s="12"/>
    </row>
    <row r="286371" spans="8:8">
      <c r="H286371" s="12"/>
    </row>
    <row r="286372" spans="8:8">
      <c r="H286372" s="12"/>
    </row>
    <row r="286373" spans="8:8">
      <c r="H286373" s="12"/>
    </row>
    <row r="286374" spans="8:8">
      <c r="H286374" s="12"/>
    </row>
    <row r="286375" spans="8:8">
      <c r="H286375" s="12"/>
    </row>
    <row r="286376" spans="8:8">
      <c r="H286376" s="12"/>
    </row>
    <row r="286377" spans="8:8">
      <c r="H286377" s="12"/>
    </row>
    <row r="286378" spans="8:8">
      <c r="H286378" s="12"/>
    </row>
    <row r="286379" spans="8:8">
      <c r="H286379" s="12"/>
    </row>
    <row r="286380" spans="8:8">
      <c r="H286380" s="12"/>
    </row>
    <row r="286381" spans="8:8">
      <c r="H286381" s="12"/>
    </row>
    <row r="286382" spans="8:8">
      <c r="H286382" s="12"/>
    </row>
    <row r="286383" spans="8:8">
      <c r="H286383" s="12"/>
    </row>
    <row r="286384" spans="8:8">
      <c r="H286384" s="12"/>
    </row>
    <row r="286385" spans="8:8">
      <c r="H286385" s="12"/>
    </row>
    <row r="286386" spans="8:8">
      <c r="H286386" s="12"/>
    </row>
    <row r="286387" spans="8:8">
      <c r="H286387" s="12"/>
    </row>
    <row r="286388" spans="8:8">
      <c r="H286388" s="12"/>
    </row>
    <row r="286389" spans="8:8">
      <c r="H286389" s="12"/>
    </row>
    <row r="286390" spans="8:8">
      <c r="H286390" s="12"/>
    </row>
    <row r="286391" spans="8:8">
      <c r="H286391" s="12"/>
    </row>
    <row r="286392" spans="8:8">
      <c r="H286392" s="12"/>
    </row>
    <row r="286393" spans="8:8">
      <c r="H286393" s="12"/>
    </row>
    <row r="286394" spans="8:8">
      <c r="H286394" s="12"/>
    </row>
    <row r="286395" spans="8:8">
      <c r="H286395" s="12"/>
    </row>
    <row r="286396" spans="8:8">
      <c r="H286396" s="12"/>
    </row>
    <row r="286397" spans="8:8">
      <c r="H286397" s="12"/>
    </row>
    <row r="286398" spans="8:8">
      <c r="H286398" s="12"/>
    </row>
    <row r="286399" spans="8:8">
      <c r="H286399" s="12"/>
    </row>
    <row r="286400" spans="8:8">
      <c r="H286400" s="12"/>
    </row>
    <row r="286401" spans="8:8">
      <c r="H286401" s="12"/>
    </row>
    <row r="286402" spans="8:8">
      <c r="H286402" s="12"/>
    </row>
    <row r="286403" spans="8:8">
      <c r="H286403" s="12"/>
    </row>
    <row r="286404" spans="8:8">
      <c r="H286404" s="12"/>
    </row>
    <row r="286405" spans="8:8">
      <c r="H286405" s="12"/>
    </row>
    <row r="286406" spans="8:8">
      <c r="H286406" s="12"/>
    </row>
    <row r="286407" spans="8:8">
      <c r="H286407" s="12"/>
    </row>
    <row r="286408" spans="8:8">
      <c r="H286408" s="12"/>
    </row>
    <row r="286409" spans="8:8">
      <c r="H286409" s="12"/>
    </row>
    <row r="286410" spans="8:8">
      <c r="H286410" s="12"/>
    </row>
    <row r="286411" spans="8:8">
      <c r="H286411" s="12"/>
    </row>
    <row r="286412" spans="8:8">
      <c r="H286412" s="12"/>
    </row>
    <row r="286413" spans="8:8">
      <c r="H286413" s="12"/>
    </row>
    <row r="286414" spans="8:8">
      <c r="H286414" s="12"/>
    </row>
    <row r="286415" spans="8:8">
      <c r="H286415" s="12"/>
    </row>
    <row r="286416" spans="8:8">
      <c r="H286416" s="12"/>
    </row>
    <row r="286417" spans="8:8">
      <c r="H286417" s="12"/>
    </row>
    <row r="286418" spans="8:8">
      <c r="H286418" s="12"/>
    </row>
    <row r="286419" spans="8:8">
      <c r="H286419" s="12"/>
    </row>
    <row r="286420" spans="8:8">
      <c r="H286420" s="12"/>
    </row>
    <row r="286421" spans="8:8">
      <c r="H286421" s="12"/>
    </row>
    <row r="286422" spans="8:8">
      <c r="H286422" s="12"/>
    </row>
    <row r="286423" spans="8:8">
      <c r="H286423" s="12"/>
    </row>
    <row r="286424" spans="8:8">
      <c r="H286424" s="12"/>
    </row>
    <row r="286425" spans="8:8">
      <c r="H286425" s="12"/>
    </row>
    <row r="286426" spans="8:8">
      <c r="H286426" s="12"/>
    </row>
    <row r="286427" spans="8:8">
      <c r="H286427" s="12"/>
    </row>
    <row r="286428" spans="8:8">
      <c r="H286428" s="12"/>
    </row>
    <row r="286429" spans="8:8">
      <c r="H286429" s="12"/>
    </row>
    <row r="286430" spans="8:8">
      <c r="H286430" s="12"/>
    </row>
    <row r="286431" spans="8:8">
      <c r="H286431" s="12"/>
    </row>
    <row r="286432" spans="8:8">
      <c r="H286432" s="12"/>
    </row>
    <row r="286433" spans="8:8">
      <c r="H286433" s="12"/>
    </row>
    <row r="286434" spans="8:8">
      <c r="H286434" s="12"/>
    </row>
    <row r="286435" spans="8:8">
      <c r="H286435" s="12"/>
    </row>
    <row r="286436" spans="8:8">
      <c r="H286436" s="12"/>
    </row>
    <row r="286437" spans="8:8">
      <c r="H286437" s="12"/>
    </row>
    <row r="286438" spans="8:8">
      <c r="H286438" s="12"/>
    </row>
    <row r="286439" spans="8:8">
      <c r="H286439" s="12"/>
    </row>
    <row r="286440" spans="8:8">
      <c r="H286440" s="12"/>
    </row>
    <row r="286441" spans="8:8">
      <c r="H286441" s="12"/>
    </row>
    <row r="286442" spans="8:8">
      <c r="H286442" s="12"/>
    </row>
    <row r="286443" spans="8:8">
      <c r="H286443" s="12"/>
    </row>
    <row r="286444" spans="8:8">
      <c r="H286444" s="12"/>
    </row>
    <row r="286445" spans="8:8">
      <c r="H286445" s="12"/>
    </row>
    <row r="286446" spans="8:8">
      <c r="H286446" s="12"/>
    </row>
    <row r="286447" spans="8:8">
      <c r="H286447" s="12"/>
    </row>
    <row r="286448" spans="8:8">
      <c r="H286448" s="12"/>
    </row>
    <row r="286449" spans="8:8">
      <c r="H286449" s="12"/>
    </row>
    <row r="286450" spans="8:8">
      <c r="H286450" s="12"/>
    </row>
    <row r="286451" spans="8:8">
      <c r="H286451" s="12"/>
    </row>
    <row r="286452" spans="8:8">
      <c r="H286452" s="12"/>
    </row>
    <row r="286453" spans="8:8">
      <c r="H286453" s="12"/>
    </row>
    <row r="286454" spans="8:8">
      <c r="H286454" s="12"/>
    </row>
    <row r="286455" spans="8:8">
      <c r="H286455" s="12"/>
    </row>
    <row r="286456" spans="8:8">
      <c r="H286456" s="12"/>
    </row>
    <row r="286457" spans="8:8">
      <c r="H286457" s="12"/>
    </row>
    <row r="286458" spans="8:8">
      <c r="H286458" s="12"/>
    </row>
    <row r="286459" spans="8:8">
      <c r="H286459" s="12"/>
    </row>
    <row r="286460" spans="8:8">
      <c r="H286460" s="12"/>
    </row>
    <row r="286461" spans="8:8">
      <c r="H286461" s="12"/>
    </row>
    <row r="286462" spans="8:8">
      <c r="H286462" s="12"/>
    </row>
    <row r="286463" spans="8:8">
      <c r="H286463" s="12"/>
    </row>
    <row r="286464" spans="8:8">
      <c r="H286464" s="12"/>
    </row>
    <row r="286465" spans="8:8">
      <c r="H286465" s="12"/>
    </row>
    <row r="286466" spans="8:8">
      <c r="H286466" s="12"/>
    </row>
    <row r="286467" spans="8:8">
      <c r="H286467" s="12"/>
    </row>
    <row r="286468" spans="8:8">
      <c r="H286468" s="12"/>
    </row>
    <row r="286469" spans="8:8">
      <c r="H286469" s="12"/>
    </row>
    <row r="286470" spans="8:8">
      <c r="H286470" s="12"/>
    </row>
    <row r="286471" spans="8:8">
      <c r="H286471" s="12"/>
    </row>
    <row r="286472" spans="8:8">
      <c r="H286472" s="12"/>
    </row>
    <row r="286473" spans="8:8">
      <c r="H286473" s="12"/>
    </row>
    <row r="286474" spans="8:8">
      <c r="H286474" s="12"/>
    </row>
    <row r="286475" spans="8:8">
      <c r="H286475" s="12"/>
    </row>
    <row r="286476" spans="8:8">
      <c r="H286476" s="12"/>
    </row>
    <row r="286477" spans="8:8">
      <c r="H286477" s="12"/>
    </row>
    <row r="286478" spans="8:8">
      <c r="H286478" s="12"/>
    </row>
    <row r="286479" spans="8:8">
      <c r="H286479" s="12"/>
    </row>
    <row r="286480" spans="8:8">
      <c r="H286480" s="12"/>
    </row>
    <row r="286481" spans="8:8">
      <c r="H286481" s="12"/>
    </row>
    <row r="286482" spans="8:8">
      <c r="H286482" s="12"/>
    </row>
    <row r="286483" spans="8:8">
      <c r="H286483" s="12"/>
    </row>
    <row r="286484" spans="8:8">
      <c r="H286484" s="12"/>
    </row>
    <row r="286485" spans="8:8">
      <c r="H286485" s="12"/>
    </row>
    <row r="286486" spans="8:8">
      <c r="H286486" s="12"/>
    </row>
    <row r="286487" spans="8:8">
      <c r="H286487" s="12"/>
    </row>
    <row r="286488" spans="8:8">
      <c r="H286488" s="12"/>
    </row>
    <row r="286489" spans="8:8">
      <c r="H286489" s="12"/>
    </row>
    <row r="286490" spans="8:8">
      <c r="H286490" s="12"/>
    </row>
    <row r="286491" spans="8:8">
      <c r="H286491" s="12"/>
    </row>
    <row r="286492" spans="8:8">
      <c r="H286492" s="12"/>
    </row>
    <row r="286493" spans="8:8">
      <c r="H286493" s="12"/>
    </row>
    <row r="286494" spans="8:8">
      <c r="H286494" s="12"/>
    </row>
    <row r="286495" spans="8:8">
      <c r="H286495" s="12"/>
    </row>
    <row r="286496" spans="8:8">
      <c r="H286496" s="12"/>
    </row>
    <row r="286497" spans="8:8">
      <c r="H286497" s="12"/>
    </row>
    <row r="286498" spans="8:8">
      <c r="H286498" s="12"/>
    </row>
    <row r="286499" spans="8:8">
      <c r="H286499" s="12"/>
    </row>
    <row r="286500" spans="8:8">
      <c r="H286500" s="12"/>
    </row>
    <row r="286501" spans="8:8">
      <c r="H286501" s="12"/>
    </row>
    <row r="286502" spans="8:8">
      <c r="H286502" s="12"/>
    </row>
    <row r="286503" spans="8:8">
      <c r="H286503" s="12"/>
    </row>
    <row r="286504" spans="8:8">
      <c r="H286504" s="12"/>
    </row>
    <row r="286505" spans="8:8">
      <c r="H286505" s="12"/>
    </row>
    <row r="286506" spans="8:8">
      <c r="H286506" s="12"/>
    </row>
    <row r="286507" spans="8:8">
      <c r="H286507" s="12"/>
    </row>
    <row r="286508" spans="8:8">
      <c r="H286508" s="12"/>
    </row>
    <row r="286509" spans="8:8">
      <c r="H286509" s="12"/>
    </row>
    <row r="286510" spans="8:8">
      <c r="H286510" s="12"/>
    </row>
    <row r="286511" spans="8:8">
      <c r="H286511" s="12"/>
    </row>
    <row r="286512" spans="8:8">
      <c r="H286512" s="12"/>
    </row>
    <row r="286513" spans="8:8">
      <c r="H286513" s="12"/>
    </row>
    <row r="286514" spans="8:8">
      <c r="H286514" s="12"/>
    </row>
    <row r="286515" spans="8:8">
      <c r="H286515" s="12"/>
    </row>
    <row r="286516" spans="8:8">
      <c r="H286516" s="12"/>
    </row>
    <row r="286517" spans="8:8">
      <c r="H286517" s="12"/>
    </row>
    <row r="286518" spans="8:8">
      <c r="H286518" s="12"/>
    </row>
    <row r="286519" spans="8:8">
      <c r="H286519" s="12"/>
    </row>
    <row r="286520" spans="8:8">
      <c r="H286520" s="12"/>
    </row>
    <row r="286521" spans="8:8">
      <c r="H286521" s="12"/>
    </row>
    <row r="286522" spans="8:8">
      <c r="H286522" s="12"/>
    </row>
    <row r="286523" spans="8:8">
      <c r="H286523" s="12"/>
    </row>
    <row r="286524" spans="8:8">
      <c r="H286524" s="12"/>
    </row>
    <row r="286525" spans="8:8">
      <c r="H286525" s="12"/>
    </row>
    <row r="286526" spans="8:8">
      <c r="H286526" s="12"/>
    </row>
    <row r="286527" spans="8:8">
      <c r="H286527" s="12"/>
    </row>
    <row r="286528" spans="8:8">
      <c r="H286528" s="12"/>
    </row>
    <row r="286529" spans="8:8">
      <c r="H286529" s="12"/>
    </row>
    <row r="286530" spans="8:8">
      <c r="H286530" s="12"/>
    </row>
    <row r="286531" spans="8:8">
      <c r="H286531" s="12"/>
    </row>
    <row r="286532" spans="8:8">
      <c r="H286532" s="12"/>
    </row>
    <row r="286533" spans="8:8">
      <c r="H286533" s="12"/>
    </row>
    <row r="286534" spans="8:8">
      <c r="H286534" s="12"/>
    </row>
    <row r="286535" spans="8:8">
      <c r="H286535" s="12"/>
    </row>
    <row r="286536" spans="8:8">
      <c r="H286536" s="12"/>
    </row>
    <row r="286537" spans="8:8">
      <c r="H286537" s="12"/>
    </row>
    <row r="286538" spans="8:8">
      <c r="H286538" s="12"/>
    </row>
    <row r="286539" spans="8:8">
      <c r="H286539" s="12"/>
    </row>
    <row r="286540" spans="8:8">
      <c r="H286540" s="12"/>
    </row>
    <row r="286541" spans="8:8">
      <c r="H286541" s="12"/>
    </row>
    <row r="286542" spans="8:8">
      <c r="H286542" s="12"/>
    </row>
    <row r="286543" spans="8:8">
      <c r="H286543" s="12"/>
    </row>
    <row r="286544" spans="8:8">
      <c r="H286544" s="12"/>
    </row>
    <row r="286545" spans="8:8">
      <c r="H286545" s="12"/>
    </row>
    <row r="286546" spans="8:8">
      <c r="H286546" s="12"/>
    </row>
    <row r="286547" spans="8:8">
      <c r="H286547" s="12"/>
    </row>
    <row r="286548" spans="8:8">
      <c r="H286548" s="12"/>
    </row>
    <row r="286549" spans="8:8">
      <c r="H286549" s="12"/>
    </row>
    <row r="286550" spans="8:8">
      <c r="H286550" s="12"/>
    </row>
    <row r="286551" spans="8:8">
      <c r="H286551" s="12"/>
    </row>
    <row r="286552" spans="8:8">
      <c r="H286552" s="12"/>
    </row>
    <row r="286553" spans="8:8">
      <c r="H286553" s="12"/>
    </row>
    <row r="286554" spans="8:8">
      <c r="H286554" s="12"/>
    </row>
    <row r="286555" spans="8:8">
      <c r="H286555" s="12"/>
    </row>
    <row r="286556" spans="8:8">
      <c r="H286556" s="12"/>
    </row>
    <row r="286557" spans="8:8">
      <c r="H286557" s="12"/>
    </row>
    <row r="286558" spans="8:8">
      <c r="H286558" s="12"/>
    </row>
    <row r="286559" spans="8:8">
      <c r="H286559" s="12"/>
    </row>
    <row r="286560" spans="8:8">
      <c r="H286560" s="12"/>
    </row>
    <row r="286561" spans="8:8">
      <c r="H286561" s="12"/>
    </row>
    <row r="286562" spans="8:8">
      <c r="H286562" s="12"/>
    </row>
    <row r="286563" spans="8:8">
      <c r="H286563" s="12"/>
    </row>
    <row r="286564" spans="8:8">
      <c r="H286564" s="12"/>
    </row>
    <row r="286565" spans="8:8">
      <c r="H286565" s="12"/>
    </row>
    <row r="286566" spans="8:8">
      <c r="H286566" s="12"/>
    </row>
    <row r="286567" spans="8:8">
      <c r="H286567" s="12"/>
    </row>
    <row r="286568" spans="8:8">
      <c r="H286568" s="12"/>
    </row>
    <row r="286569" spans="8:8">
      <c r="H286569" s="12"/>
    </row>
    <row r="286570" spans="8:8">
      <c r="H286570" s="12"/>
    </row>
    <row r="286571" spans="8:8">
      <c r="H286571" s="12"/>
    </row>
    <row r="286572" spans="8:8">
      <c r="H286572" s="12"/>
    </row>
    <row r="286573" spans="8:8">
      <c r="H286573" s="12"/>
    </row>
    <row r="286574" spans="8:8">
      <c r="H286574" s="12"/>
    </row>
    <row r="286575" spans="8:8">
      <c r="H286575" s="12"/>
    </row>
    <row r="286576" spans="8:8">
      <c r="H286576" s="12"/>
    </row>
    <row r="286577" spans="8:8">
      <c r="H286577" s="12"/>
    </row>
    <row r="286578" spans="8:8">
      <c r="H286578" s="12"/>
    </row>
    <row r="286579" spans="8:8">
      <c r="H286579" s="12"/>
    </row>
    <row r="286580" spans="8:8">
      <c r="H286580" s="12"/>
    </row>
    <row r="286581" spans="8:8">
      <c r="H286581" s="12"/>
    </row>
    <row r="286582" spans="8:8">
      <c r="H286582" s="12"/>
    </row>
    <row r="286583" spans="8:8">
      <c r="H286583" s="12"/>
    </row>
    <row r="286584" spans="8:8">
      <c r="H286584" s="12"/>
    </row>
    <row r="286585" spans="8:8">
      <c r="H286585" s="12"/>
    </row>
    <row r="286586" spans="8:8">
      <c r="H286586" s="12"/>
    </row>
    <row r="286587" spans="8:8">
      <c r="H286587" s="12"/>
    </row>
    <row r="286588" spans="8:8">
      <c r="H286588" s="12"/>
    </row>
    <row r="286589" spans="8:8">
      <c r="H286589" s="12"/>
    </row>
    <row r="286590" spans="8:8">
      <c r="H286590" s="12"/>
    </row>
    <row r="286591" spans="8:8">
      <c r="H286591" s="12"/>
    </row>
    <row r="286592" spans="8:8">
      <c r="H286592" s="12"/>
    </row>
    <row r="286593" spans="8:8">
      <c r="H286593" s="12"/>
    </row>
    <row r="286594" spans="8:8">
      <c r="H286594" s="12"/>
    </row>
    <row r="286595" spans="8:8">
      <c r="H286595" s="12"/>
    </row>
    <row r="286596" spans="8:8">
      <c r="H286596" s="12"/>
    </row>
    <row r="286597" spans="8:8">
      <c r="H286597" s="12"/>
    </row>
    <row r="286598" spans="8:8">
      <c r="H286598" s="12"/>
    </row>
    <row r="286599" spans="8:8">
      <c r="H286599" s="12"/>
    </row>
    <row r="286600" spans="8:8">
      <c r="H286600" s="12"/>
    </row>
    <row r="286601" spans="8:8">
      <c r="H286601" s="12"/>
    </row>
    <row r="286602" spans="8:8">
      <c r="H286602" s="12"/>
    </row>
    <row r="286603" spans="8:8">
      <c r="H286603" s="12"/>
    </row>
    <row r="286604" spans="8:8">
      <c r="H286604" s="12"/>
    </row>
    <row r="286605" spans="8:8">
      <c r="H286605" s="12"/>
    </row>
    <row r="286606" spans="8:8">
      <c r="H286606" s="12"/>
    </row>
    <row r="286607" spans="8:8">
      <c r="H286607" s="12"/>
    </row>
    <row r="286608" spans="8:8">
      <c r="H286608" s="12"/>
    </row>
    <row r="286609" spans="8:8">
      <c r="H286609" s="12"/>
    </row>
    <row r="286610" spans="8:8">
      <c r="H286610" s="12"/>
    </row>
    <row r="286611" spans="8:8">
      <c r="H286611" s="12"/>
    </row>
    <row r="286612" spans="8:8">
      <c r="H286612" s="12"/>
    </row>
    <row r="286613" spans="8:8">
      <c r="H286613" s="12"/>
    </row>
    <row r="286614" spans="8:8">
      <c r="H286614" s="12"/>
    </row>
    <row r="286615" spans="8:8">
      <c r="H286615" s="12"/>
    </row>
    <row r="286616" spans="8:8">
      <c r="H286616" s="12"/>
    </row>
    <row r="286617" spans="8:8">
      <c r="H286617" s="12"/>
    </row>
    <row r="286618" spans="8:8">
      <c r="H286618" s="12"/>
    </row>
    <row r="286619" spans="8:8">
      <c r="H286619" s="12"/>
    </row>
    <row r="286620" spans="8:8">
      <c r="H286620" s="12"/>
    </row>
    <row r="286621" spans="8:8">
      <c r="H286621" s="12"/>
    </row>
    <row r="286622" spans="8:8">
      <c r="H286622" s="12"/>
    </row>
    <row r="286623" spans="8:8">
      <c r="H286623" s="12"/>
    </row>
    <row r="286624" spans="8:8">
      <c r="H286624" s="12"/>
    </row>
    <row r="286625" spans="8:8">
      <c r="H286625" s="12"/>
    </row>
    <row r="286626" spans="8:8">
      <c r="H286626" s="12"/>
    </row>
    <row r="286627" spans="8:8">
      <c r="H286627" s="12"/>
    </row>
    <row r="286628" spans="8:8">
      <c r="H286628" s="12"/>
    </row>
    <row r="286629" spans="8:8">
      <c r="H286629" s="12"/>
    </row>
    <row r="286630" spans="8:8">
      <c r="H286630" s="12"/>
    </row>
    <row r="286631" spans="8:8">
      <c r="H286631" s="12"/>
    </row>
    <row r="286632" spans="8:8">
      <c r="H286632" s="12"/>
    </row>
    <row r="286633" spans="8:8">
      <c r="H286633" s="12"/>
    </row>
    <row r="286634" spans="8:8">
      <c r="H286634" s="12"/>
    </row>
    <row r="286635" spans="8:8">
      <c r="H286635" s="12"/>
    </row>
    <row r="286636" spans="8:8">
      <c r="H286636" s="12"/>
    </row>
    <row r="286637" spans="8:8">
      <c r="H286637" s="12"/>
    </row>
    <row r="286638" spans="8:8">
      <c r="H286638" s="12"/>
    </row>
    <row r="286639" spans="8:8">
      <c r="H286639" s="12"/>
    </row>
    <row r="286640" spans="8:8">
      <c r="H286640" s="12"/>
    </row>
    <row r="286641" spans="8:8">
      <c r="H286641" s="12"/>
    </row>
    <row r="286642" spans="8:8">
      <c r="H286642" s="12"/>
    </row>
    <row r="286643" spans="8:8">
      <c r="H286643" s="12"/>
    </row>
    <row r="286644" spans="8:8">
      <c r="H286644" s="12"/>
    </row>
    <row r="286645" spans="8:8">
      <c r="H286645" s="12"/>
    </row>
    <row r="286646" spans="8:8">
      <c r="H286646" s="12"/>
    </row>
    <row r="286647" spans="8:8">
      <c r="H286647" s="12"/>
    </row>
    <row r="286648" spans="8:8">
      <c r="H286648" s="12"/>
    </row>
    <row r="286649" spans="8:8">
      <c r="H286649" s="12"/>
    </row>
    <row r="286650" spans="8:8">
      <c r="H286650" s="12"/>
    </row>
    <row r="286651" spans="8:8">
      <c r="H286651" s="12"/>
    </row>
    <row r="286652" spans="8:8">
      <c r="H286652" s="12"/>
    </row>
    <row r="286653" spans="8:8">
      <c r="H286653" s="12"/>
    </row>
    <row r="286654" spans="8:8">
      <c r="H286654" s="12"/>
    </row>
    <row r="286655" spans="8:8">
      <c r="H286655" s="12"/>
    </row>
    <row r="286656" spans="8:8">
      <c r="H286656" s="12"/>
    </row>
    <row r="286657" spans="8:8">
      <c r="H286657" s="12"/>
    </row>
    <row r="286658" spans="8:8">
      <c r="H286658" s="12"/>
    </row>
    <row r="286659" spans="8:8">
      <c r="H286659" s="12"/>
    </row>
    <row r="286660" spans="8:8">
      <c r="H286660" s="12"/>
    </row>
    <row r="286661" spans="8:8">
      <c r="H286661" s="12"/>
    </row>
    <row r="286662" spans="8:8">
      <c r="H286662" s="12"/>
    </row>
    <row r="286663" spans="8:8">
      <c r="H286663" s="12"/>
    </row>
    <row r="286664" spans="8:8">
      <c r="H286664" s="12"/>
    </row>
    <row r="286665" spans="8:8">
      <c r="H286665" s="12"/>
    </row>
    <row r="286666" spans="8:8">
      <c r="H286666" s="12"/>
    </row>
    <row r="286667" spans="8:8">
      <c r="H286667" s="12"/>
    </row>
    <row r="286668" spans="8:8">
      <c r="H286668" s="12"/>
    </row>
    <row r="286669" spans="8:8">
      <c r="H286669" s="12"/>
    </row>
    <row r="286670" spans="8:8">
      <c r="H286670" s="12"/>
    </row>
    <row r="286671" spans="8:8">
      <c r="H286671" s="12"/>
    </row>
    <row r="286672" spans="8:8">
      <c r="H286672" s="12"/>
    </row>
    <row r="286673" spans="8:8">
      <c r="H286673" s="12"/>
    </row>
    <row r="286674" spans="8:8">
      <c r="H286674" s="12"/>
    </row>
    <row r="286675" spans="8:8">
      <c r="H286675" s="12"/>
    </row>
    <row r="286676" spans="8:8">
      <c r="H286676" s="12"/>
    </row>
    <row r="286677" spans="8:8">
      <c r="H286677" s="12"/>
    </row>
    <row r="286678" spans="8:8">
      <c r="H286678" s="12"/>
    </row>
    <row r="286679" spans="8:8">
      <c r="H286679" s="12"/>
    </row>
    <row r="286680" spans="8:8">
      <c r="H286680" s="12"/>
    </row>
    <row r="286681" spans="8:8">
      <c r="H286681" s="12"/>
    </row>
    <row r="286682" spans="8:8">
      <c r="H286682" s="12"/>
    </row>
    <row r="286683" spans="8:8">
      <c r="H286683" s="12"/>
    </row>
    <row r="286684" spans="8:8">
      <c r="H286684" s="12"/>
    </row>
    <row r="286685" spans="8:8">
      <c r="H286685" s="12"/>
    </row>
    <row r="286686" spans="8:8">
      <c r="H286686" s="12"/>
    </row>
    <row r="286687" spans="8:8">
      <c r="H286687" s="12"/>
    </row>
    <row r="286688" spans="8:8">
      <c r="H286688" s="12"/>
    </row>
    <row r="286689" spans="8:8">
      <c r="H286689" s="12"/>
    </row>
    <row r="286690" spans="8:8">
      <c r="H286690" s="12"/>
    </row>
    <row r="286691" spans="8:8">
      <c r="H286691" s="12"/>
    </row>
    <row r="286692" spans="8:8">
      <c r="H286692" s="12"/>
    </row>
    <row r="286693" spans="8:8">
      <c r="H286693" s="12"/>
    </row>
    <row r="286694" spans="8:8">
      <c r="H286694" s="12"/>
    </row>
    <row r="286695" spans="8:8">
      <c r="H286695" s="12"/>
    </row>
    <row r="286696" spans="8:8">
      <c r="H286696" s="12"/>
    </row>
    <row r="286697" spans="8:8">
      <c r="H286697" s="12"/>
    </row>
    <row r="286698" spans="8:8">
      <c r="H286698" s="12"/>
    </row>
    <row r="286699" spans="8:8">
      <c r="H286699" s="12"/>
    </row>
    <row r="286700" spans="8:8">
      <c r="H286700" s="12"/>
    </row>
    <row r="286701" spans="8:8">
      <c r="H286701" s="12"/>
    </row>
    <row r="286702" spans="8:8">
      <c r="H286702" s="12"/>
    </row>
    <row r="286703" spans="8:8">
      <c r="H286703" s="12"/>
    </row>
    <row r="286704" spans="8:8">
      <c r="H286704" s="12"/>
    </row>
    <row r="286705" spans="8:8">
      <c r="H286705" s="12"/>
    </row>
    <row r="286706" spans="8:8">
      <c r="H286706" s="12"/>
    </row>
    <row r="286707" spans="8:8">
      <c r="H286707" s="12"/>
    </row>
    <row r="286708" spans="8:8">
      <c r="H286708" s="12"/>
    </row>
    <row r="286709" spans="8:8">
      <c r="H286709" s="12"/>
    </row>
    <row r="286710" spans="8:8">
      <c r="H286710" s="12"/>
    </row>
    <row r="286711" spans="8:8">
      <c r="H286711" s="12"/>
    </row>
    <row r="286712" spans="8:8">
      <c r="H286712" s="12"/>
    </row>
    <row r="286713" spans="8:8">
      <c r="H286713" s="12"/>
    </row>
    <row r="286714" spans="8:8">
      <c r="H286714" s="12"/>
    </row>
    <row r="286715" spans="8:8">
      <c r="H286715" s="12"/>
    </row>
    <row r="286716" spans="8:8">
      <c r="H286716" s="12"/>
    </row>
    <row r="286717" spans="8:8">
      <c r="H286717" s="12"/>
    </row>
    <row r="286718" spans="8:8">
      <c r="H286718" s="12"/>
    </row>
    <row r="286719" spans="8:8">
      <c r="H286719" s="12"/>
    </row>
    <row r="286720" spans="8:8">
      <c r="H286720" s="12"/>
    </row>
    <row r="286721" spans="8:8">
      <c r="H286721" s="12"/>
    </row>
    <row r="286722" spans="8:8">
      <c r="H286722" s="12"/>
    </row>
    <row r="286723" spans="8:8">
      <c r="H286723" s="12"/>
    </row>
    <row r="286724" spans="8:8">
      <c r="H286724" s="12"/>
    </row>
    <row r="286725" spans="8:8">
      <c r="H286725" s="12"/>
    </row>
    <row r="286726" spans="8:8">
      <c r="H286726" s="12"/>
    </row>
    <row r="286727" spans="8:8">
      <c r="H286727" s="12"/>
    </row>
    <row r="286728" spans="8:8">
      <c r="H286728" s="12"/>
    </row>
    <row r="286729" spans="8:8">
      <c r="H286729" s="12"/>
    </row>
    <row r="286730" spans="8:8">
      <c r="H286730" s="12"/>
    </row>
    <row r="286731" spans="8:8">
      <c r="H286731" s="12"/>
    </row>
    <row r="286732" spans="8:8">
      <c r="H286732" s="12"/>
    </row>
    <row r="286733" spans="8:8">
      <c r="H286733" s="12"/>
    </row>
    <row r="286734" spans="8:8">
      <c r="H286734" s="12"/>
    </row>
    <row r="286735" spans="8:8">
      <c r="H286735" s="12"/>
    </row>
    <row r="286736" spans="8:8">
      <c r="H286736" s="12"/>
    </row>
    <row r="286737" spans="8:8">
      <c r="H286737" s="12"/>
    </row>
    <row r="286738" spans="8:8">
      <c r="H286738" s="12"/>
    </row>
    <row r="286739" spans="8:8">
      <c r="H286739" s="12"/>
    </row>
    <row r="286740" spans="8:8">
      <c r="H286740" s="12"/>
    </row>
    <row r="286741" spans="8:8">
      <c r="H286741" s="12"/>
    </row>
    <row r="286742" spans="8:8">
      <c r="H286742" s="12"/>
    </row>
    <row r="286743" spans="8:8">
      <c r="H286743" s="12"/>
    </row>
    <row r="286744" spans="8:8">
      <c r="H286744" s="12"/>
    </row>
    <row r="286745" spans="8:8">
      <c r="H286745" s="12"/>
    </row>
    <row r="286746" spans="8:8">
      <c r="H286746" s="12"/>
    </row>
    <row r="286747" spans="8:8">
      <c r="H286747" s="12"/>
    </row>
    <row r="286748" spans="8:8">
      <c r="H286748" s="12"/>
    </row>
    <row r="286749" spans="8:8">
      <c r="H286749" s="12"/>
    </row>
    <row r="286750" spans="8:8">
      <c r="H286750" s="12"/>
    </row>
    <row r="286751" spans="8:8">
      <c r="H286751" s="12"/>
    </row>
    <row r="286752" spans="8:8">
      <c r="H286752" s="12"/>
    </row>
    <row r="286753" spans="8:8">
      <c r="H286753" s="12"/>
    </row>
    <row r="286754" spans="8:8">
      <c r="H286754" s="12"/>
    </row>
    <row r="286755" spans="8:8">
      <c r="H286755" s="12"/>
    </row>
    <row r="286756" spans="8:8">
      <c r="H286756" s="12"/>
    </row>
    <row r="286757" spans="8:8">
      <c r="H286757" s="12"/>
    </row>
    <row r="286758" spans="8:8">
      <c r="H286758" s="12"/>
    </row>
    <row r="286759" spans="8:8">
      <c r="H286759" s="12"/>
    </row>
    <row r="286760" spans="8:8">
      <c r="H286760" s="12"/>
    </row>
    <row r="286761" spans="8:8">
      <c r="H286761" s="12"/>
    </row>
    <row r="286762" spans="8:8">
      <c r="H286762" s="12"/>
    </row>
    <row r="286763" spans="8:8">
      <c r="H286763" s="12"/>
    </row>
    <row r="286764" spans="8:8">
      <c r="H286764" s="12"/>
    </row>
    <row r="286765" spans="8:8">
      <c r="H286765" s="12"/>
    </row>
    <row r="286766" spans="8:8">
      <c r="H286766" s="12"/>
    </row>
    <row r="286767" spans="8:8">
      <c r="H286767" s="12"/>
    </row>
    <row r="286768" spans="8:8">
      <c r="H286768" s="12"/>
    </row>
    <row r="286769" spans="8:8">
      <c r="H286769" s="12"/>
    </row>
    <row r="286770" spans="8:8">
      <c r="H286770" s="12"/>
    </row>
    <row r="286771" spans="8:8">
      <c r="H286771" s="12"/>
    </row>
    <row r="286772" spans="8:8">
      <c r="H286772" s="12"/>
    </row>
    <row r="286773" spans="8:8">
      <c r="H286773" s="12"/>
    </row>
    <row r="286774" spans="8:8">
      <c r="H286774" s="12"/>
    </row>
    <row r="286775" spans="8:8">
      <c r="H286775" s="12"/>
    </row>
    <row r="286776" spans="8:8">
      <c r="H286776" s="12"/>
    </row>
    <row r="286777" spans="8:8">
      <c r="H286777" s="12"/>
    </row>
    <row r="286778" spans="8:8">
      <c r="H286778" s="12"/>
    </row>
    <row r="286779" spans="8:8">
      <c r="H286779" s="12"/>
    </row>
    <row r="286780" spans="8:8">
      <c r="H286780" s="12"/>
    </row>
    <row r="286781" spans="8:8">
      <c r="H286781" s="12"/>
    </row>
    <row r="286782" spans="8:8">
      <c r="H286782" s="12"/>
    </row>
    <row r="286783" spans="8:8">
      <c r="H286783" s="12"/>
    </row>
    <row r="286784" spans="8:8">
      <c r="H286784" s="12"/>
    </row>
    <row r="286785" spans="8:8">
      <c r="H286785" s="12"/>
    </row>
    <row r="286786" spans="8:8">
      <c r="H286786" s="12"/>
    </row>
    <row r="286787" spans="8:8">
      <c r="H286787" s="12"/>
    </row>
    <row r="286788" spans="8:8">
      <c r="H286788" s="12"/>
    </row>
    <row r="286789" spans="8:8">
      <c r="H286789" s="12"/>
    </row>
    <row r="286790" spans="8:8">
      <c r="H286790" s="12"/>
    </row>
    <row r="286791" spans="8:8">
      <c r="H286791" s="12"/>
    </row>
    <row r="286792" spans="8:8">
      <c r="H286792" s="12"/>
    </row>
    <row r="286793" spans="8:8">
      <c r="H286793" s="12"/>
    </row>
    <row r="286794" spans="8:8">
      <c r="H286794" s="12"/>
    </row>
    <row r="286795" spans="8:8">
      <c r="H286795" s="12"/>
    </row>
    <row r="286796" spans="8:8">
      <c r="H286796" s="12"/>
    </row>
    <row r="286797" spans="8:8">
      <c r="H286797" s="12"/>
    </row>
    <row r="286798" spans="8:8">
      <c r="H286798" s="12"/>
    </row>
    <row r="286799" spans="8:8">
      <c r="H286799" s="12"/>
    </row>
    <row r="286800" spans="8:8">
      <c r="H286800" s="12"/>
    </row>
    <row r="286801" spans="8:8">
      <c r="H286801" s="12"/>
    </row>
    <row r="286802" spans="8:8">
      <c r="H286802" s="12"/>
    </row>
    <row r="286803" spans="8:8">
      <c r="H286803" s="12"/>
    </row>
    <row r="286804" spans="8:8">
      <c r="H286804" s="12"/>
    </row>
    <row r="286805" spans="8:8">
      <c r="H286805" s="12"/>
    </row>
    <row r="286806" spans="8:8">
      <c r="H286806" s="12"/>
    </row>
    <row r="286807" spans="8:8">
      <c r="H286807" s="12"/>
    </row>
    <row r="286808" spans="8:8">
      <c r="H286808" s="12"/>
    </row>
    <row r="286809" spans="8:8">
      <c r="H286809" s="12"/>
    </row>
    <row r="286810" spans="8:8">
      <c r="H286810" s="12"/>
    </row>
    <row r="286811" spans="8:8">
      <c r="H286811" s="12"/>
    </row>
    <row r="286812" spans="8:8">
      <c r="H286812" s="12"/>
    </row>
    <row r="286813" spans="8:8">
      <c r="H286813" s="12"/>
    </row>
    <row r="286814" spans="8:8">
      <c r="H286814" s="12"/>
    </row>
    <row r="286815" spans="8:8">
      <c r="H286815" s="12"/>
    </row>
    <row r="286816" spans="8:8">
      <c r="H286816" s="12"/>
    </row>
    <row r="286817" spans="8:8">
      <c r="H286817" s="12"/>
    </row>
    <row r="286818" spans="8:8">
      <c r="H286818" s="12"/>
    </row>
    <row r="286819" spans="8:8">
      <c r="H286819" s="12"/>
    </row>
    <row r="286820" spans="8:8">
      <c r="H286820" s="12"/>
    </row>
    <row r="286821" spans="8:8">
      <c r="H286821" s="12"/>
    </row>
    <row r="286822" spans="8:8">
      <c r="H286822" s="12"/>
    </row>
    <row r="286823" spans="8:8">
      <c r="H286823" s="12"/>
    </row>
    <row r="286824" spans="8:8">
      <c r="H286824" s="12"/>
    </row>
    <row r="286825" spans="8:8">
      <c r="H286825" s="12"/>
    </row>
    <row r="286826" spans="8:8">
      <c r="H286826" s="12"/>
    </row>
    <row r="286827" spans="8:8">
      <c r="H286827" s="12"/>
    </row>
    <row r="286828" spans="8:8">
      <c r="H286828" s="12"/>
    </row>
    <row r="286829" spans="8:8">
      <c r="H286829" s="12"/>
    </row>
    <row r="286830" spans="8:8">
      <c r="H286830" s="12"/>
    </row>
    <row r="286831" spans="8:8">
      <c r="H286831" s="12"/>
    </row>
    <row r="286832" spans="8:8">
      <c r="H286832" s="12"/>
    </row>
    <row r="286833" spans="8:8">
      <c r="H286833" s="12"/>
    </row>
    <row r="286834" spans="8:8">
      <c r="H286834" s="12"/>
    </row>
    <row r="286835" spans="8:8">
      <c r="H286835" s="12"/>
    </row>
    <row r="286836" spans="8:8">
      <c r="H286836" s="12"/>
    </row>
    <row r="286837" spans="8:8">
      <c r="H286837" s="12"/>
    </row>
    <row r="286838" spans="8:8">
      <c r="H286838" s="12"/>
    </row>
    <row r="286839" spans="8:8">
      <c r="H286839" s="12"/>
    </row>
    <row r="286840" spans="8:8">
      <c r="H286840" s="12"/>
    </row>
    <row r="286841" spans="8:8">
      <c r="H286841" s="12"/>
    </row>
    <row r="286842" spans="8:8">
      <c r="H286842" s="12"/>
    </row>
    <row r="286843" spans="8:8">
      <c r="H286843" s="12"/>
    </row>
    <row r="286844" spans="8:8">
      <c r="H286844" s="12"/>
    </row>
    <row r="286845" spans="8:8">
      <c r="H286845" s="12"/>
    </row>
    <row r="286846" spans="8:8">
      <c r="H286846" s="12"/>
    </row>
    <row r="286847" spans="8:8">
      <c r="H286847" s="12"/>
    </row>
    <row r="286848" spans="8:8">
      <c r="H286848" s="12"/>
    </row>
    <row r="286849" spans="8:8">
      <c r="H286849" s="12"/>
    </row>
    <row r="286850" spans="8:8">
      <c r="H286850" s="12"/>
    </row>
    <row r="286851" spans="8:8">
      <c r="H286851" s="12"/>
    </row>
    <row r="286852" spans="8:8">
      <c r="H286852" s="12"/>
    </row>
    <row r="286853" spans="8:8">
      <c r="H286853" s="12"/>
    </row>
    <row r="286854" spans="8:8">
      <c r="H286854" s="12"/>
    </row>
    <row r="286855" spans="8:8">
      <c r="H286855" s="12"/>
    </row>
    <row r="286856" spans="8:8">
      <c r="H286856" s="12"/>
    </row>
    <row r="286857" spans="8:8">
      <c r="H286857" s="12"/>
    </row>
    <row r="286858" spans="8:8">
      <c r="H286858" s="12"/>
    </row>
    <row r="286859" spans="8:8">
      <c r="H286859" s="12"/>
    </row>
    <row r="286860" spans="8:8">
      <c r="H286860" s="12"/>
    </row>
    <row r="286861" spans="8:8">
      <c r="H286861" s="12"/>
    </row>
    <row r="286862" spans="8:8">
      <c r="H286862" s="12"/>
    </row>
    <row r="286863" spans="8:8">
      <c r="H286863" s="12"/>
    </row>
    <row r="286864" spans="8:8">
      <c r="H286864" s="12"/>
    </row>
    <row r="286865" spans="8:8">
      <c r="H286865" s="12"/>
    </row>
    <row r="286866" spans="8:8">
      <c r="H286866" s="12"/>
    </row>
    <row r="286867" spans="8:8">
      <c r="H286867" s="12"/>
    </row>
    <row r="286868" spans="8:8">
      <c r="H286868" s="12"/>
    </row>
    <row r="286869" spans="8:8">
      <c r="H286869" s="12"/>
    </row>
    <row r="286870" spans="8:8">
      <c r="H286870" s="12"/>
    </row>
    <row r="286871" spans="8:8">
      <c r="H286871" s="12"/>
    </row>
    <row r="286872" spans="8:8">
      <c r="H286872" s="12"/>
    </row>
    <row r="286873" spans="8:8">
      <c r="H286873" s="12"/>
    </row>
    <row r="286874" spans="8:8">
      <c r="H286874" s="12"/>
    </row>
    <row r="286875" spans="8:8">
      <c r="H286875" s="12"/>
    </row>
    <row r="286876" spans="8:8">
      <c r="H286876" s="12"/>
    </row>
    <row r="286877" spans="8:8">
      <c r="H286877" s="12"/>
    </row>
    <row r="286878" spans="8:8">
      <c r="H286878" s="12"/>
    </row>
    <row r="286879" spans="8:8">
      <c r="H286879" s="12"/>
    </row>
    <row r="286880" spans="8:8">
      <c r="H286880" s="12"/>
    </row>
    <row r="286881" spans="8:8">
      <c r="H286881" s="12"/>
    </row>
    <row r="286882" spans="8:8">
      <c r="H286882" s="12"/>
    </row>
    <row r="286883" spans="8:8">
      <c r="H286883" s="12"/>
    </row>
    <row r="286884" spans="8:8">
      <c r="H286884" s="12"/>
    </row>
    <row r="286885" spans="8:8">
      <c r="H286885" s="12"/>
    </row>
    <row r="286886" spans="8:8">
      <c r="H286886" s="12"/>
    </row>
    <row r="286887" spans="8:8">
      <c r="H286887" s="12"/>
    </row>
    <row r="286888" spans="8:8">
      <c r="H286888" s="12"/>
    </row>
    <row r="286889" spans="8:8">
      <c r="H286889" s="12"/>
    </row>
    <row r="286890" spans="8:8">
      <c r="H286890" s="12"/>
    </row>
    <row r="286891" spans="8:8">
      <c r="H286891" s="12"/>
    </row>
    <row r="286892" spans="8:8">
      <c r="H286892" s="12"/>
    </row>
    <row r="286893" spans="8:8">
      <c r="H286893" s="12"/>
    </row>
    <row r="286894" spans="8:8">
      <c r="H286894" s="12"/>
    </row>
    <row r="286895" spans="8:8">
      <c r="H286895" s="12"/>
    </row>
    <row r="286896" spans="8:8">
      <c r="H286896" s="12"/>
    </row>
    <row r="286897" spans="8:8">
      <c r="H286897" s="12"/>
    </row>
    <row r="286898" spans="8:8">
      <c r="H286898" s="12"/>
    </row>
    <row r="286899" spans="8:8">
      <c r="H286899" s="12"/>
    </row>
    <row r="286900" spans="8:8">
      <c r="H286900" s="12"/>
    </row>
    <row r="286901" spans="8:8">
      <c r="H286901" s="12"/>
    </row>
    <row r="286902" spans="8:8">
      <c r="H286902" s="12"/>
    </row>
    <row r="286903" spans="8:8">
      <c r="H286903" s="12"/>
    </row>
    <row r="286904" spans="8:8">
      <c r="H286904" s="12"/>
    </row>
    <row r="286905" spans="8:8">
      <c r="H286905" s="12"/>
    </row>
    <row r="286906" spans="8:8">
      <c r="H286906" s="12"/>
    </row>
    <row r="286907" spans="8:8">
      <c r="H286907" s="12"/>
    </row>
    <row r="286908" spans="8:8">
      <c r="H286908" s="12"/>
    </row>
    <row r="286909" spans="8:8">
      <c r="H286909" s="12"/>
    </row>
    <row r="286910" spans="8:8">
      <c r="H286910" s="12"/>
    </row>
    <row r="286911" spans="8:8">
      <c r="H286911" s="12"/>
    </row>
    <row r="286912" spans="8:8">
      <c r="H286912" s="12"/>
    </row>
    <row r="286913" spans="8:8">
      <c r="H286913" s="12"/>
    </row>
    <row r="286914" spans="8:8">
      <c r="H286914" s="12"/>
    </row>
    <row r="286915" spans="8:8">
      <c r="H286915" s="12"/>
    </row>
    <row r="286916" spans="8:8">
      <c r="H286916" s="12"/>
    </row>
    <row r="286917" spans="8:8">
      <c r="H286917" s="12"/>
    </row>
    <row r="286918" spans="8:8">
      <c r="H286918" s="12"/>
    </row>
    <row r="286919" spans="8:8">
      <c r="H286919" s="12"/>
    </row>
    <row r="286920" spans="8:8">
      <c r="H286920" s="12"/>
    </row>
    <row r="286921" spans="8:8">
      <c r="H286921" s="12"/>
    </row>
    <row r="286922" spans="8:8">
      <c r="H286922" s="12"/>
    </row>
    <row r="286923" spans="8:8">
      <c r="H286923" s="12"/>
    </row>
    <row r="286924" spans="8:8">
      <c r="H286924" s="12"/>
    </row>
    <row r="286925" spans="8:8">
      <c r="H286925" s="12"/>
    </row>
    <row r="286926" spans="8:8">
      <c r="H286926" s="12"/>
    </row>
    <row r="286927" spans="8:8">
      <c r="H286927" s="12"/>
    </row>
    <row r="286928" spans="8:8">
      <c r="H286928" s="12"/>
    </row>
    <row r="286929" spans="8:8">
      <c r="H286929" s="12"/>
    </row>
    <row r="286930" spans="8:8">
      <c r="H286930" s="12"/>
    </row>
    <row r="286931" spans="8:8">
      <c r="H286931" s="12"/>
    </row>
    <row r="286932" spans="8:8">
      <c r="H286932" s="12"/>
    </row>
    <row r="286933" spans="8:8">
      <c r="H286933" s="12"/>
    </row>
    <row r="286934" spans="8:8">
      <c r="H286934" s="12"/>
    </row>
    <row r="286935" spans="8:8">
      <c r="H286935" s="12"/>
    </row>
    <row r="286936" spans="8:8">
      <c r="H286936" s="12"/>
    </row>
    <row r="286937" spans="8:8">
      <c r="H286937" s="12"/>
    </row>
    <row r="286938" spans="8:8">
      <c r="H286938" s="12"/>
    </row>
    <row r="286939" spans="8:8">
      <c r="H286939" s="12"/>
    </row>
    <row r="286940" spans="8:8">
      <c r="H286940" s="12"/>
    </row>
    <row r="286941" spans="8:8">
      <c r="H286941" s="12"/>
    </row>
    <row r="286942" spans="8:8">
      <c r="H286942" s="12"/>
    </row>
    <row r="286943" spans="8:8">
      <c r="H286943" s="12"/>
    </row>
    <row r="286944" spans="8:8">
      <c r="H286944" s="12"/>
    </row>
    <row r="286945" spans="8:8">
      <c r="H286945" s="12"/>
    </row>
    <row r="286946" spans="8:8">
      <c r="H286946" s="12"/>
    </row>
    <row r="286947" spans="8:8">
      <c r="H286947" s="12"/>
    </row>
    <row r="286948" spans="8:8">
      <c r="H286948" s="12"/>
    </row>
    <row r="286949" spans="8:8">
      <c r="H286949" s="12"/>
    </row>
    <row r="286950" spans="8:8">
      <c r="H286950" s="12"/>
    </row>
    <row r="286951" spans="8:8">
      <c r="H286951" s="12"/>
    </row>
    <row r="286952" spans="8:8">
      <c r="H286952" s="12"/>
    </row>
    <row r="286953" spans="8:8">
      <c r="H286953" s="12"/>
    </row>
    <row r="286954" spans="8:8">
      <c r="H286954" s="12"/>
    </row>
    <row r="286955" spans="8:8">
      <c r="H286955" s="12"/>
    </row>
    <row r="286956" spans="8:8">
      <c r="H286956" s="12"/>
    </row>
    <row r="286957" spans="8:8">
      <c r="H286957" s="12"/>
    </row>
    <row r="286958" spans="8:8">
      <c r="H286958" s="12"/>
    </row>
    <row r="286959" spans="8:8">
      <c r="H286959" s="12"/>
    </row>
    <row r="286960" spans="8:8">
      <c r="H286960" s="12"/>
    </row>
    <row r="286961" spans="8:8">
      <c r="H286961" s="12"/>
    </row>
    <row r="286962" spans="8:8">
      <c r="H286962" s="12"/>
    </row>
    <row r="286963" spans="8:8">
      <c r="H286963" s="12"/>
    </row>
    <row r="286964" spans="8:8">
      <c r="H286964" s="12"/>
    </row>
    <row r="286965" spans="8:8">
      <c r="H286965" s="12"/>
    </row>
    <row r="286966" spans="8:8">
      <c r="H286966" s="12"/>
    </row>
    <row r="286967" spans="8:8">
      <c r="H286967" s="12"/>
    </row>
    <row r="286968" spans="8:8">
      <c r="H286968" s="12"/>
    </row>
    <row r="286969" spans="8:8">
      <c r="H286969" s="12"/>
    </row>
    <row r="286970" spans="8:8">
      <c r="H286970" s="12"/>
    </row>
    <row r="286971" spans="8:8">
      <c r="H286971" s="12"/>
    </row>
    <row r="286972" spans="8:8">
      <c r="H286972" s="12"/>
    </row>
    <row r="286973" spans="8:8">
      <c r="H286973" s="12"/>
    </row>
    <row r="286974" spans="8:8">
      <c r="H286974" s="12"/>
    </row>
    <row r="286975" spans="8:8">
      <c r="H286975" s="12"/>
    </row>
    <row r="286976" spans="8:8">
      <c r="H286976" s="12"/>
    </row>
    <row r="286977" spans="8:8">
      <c r="H286977" s="12"/>
    </row>
    <row r="286978" spans="8:8">
      <c r="H286978" s="12"/>
    </row>
    <row r="286979" spans="8:8">
      <c r="H286979" s="12"/>
    </row>
    <row r="286980" spans="8:8">
      <c r="H286980" s="12"/>
    </row>
    <row r="286981" spans="8:8">
      <c r="H286981" s="12"/>
    </row>
    <row r="286982" spans="8:8">
      <c r="H286982" s="12"/>
    </row>
    <row r="286983" spans="8:8">
      <c r="H286983" s="12"/>
    </row>
    <row r="286984" spans="8:8">
      <c r="H286984" s="12"/>
    </row>
    <row r="286985" spans="8:8">
      <c r="H286985" s="12"/>
    </row>
    <row r="286986" spans="8:8">
      <c r="H286986" s="12"/>
    </row>
    <row r="286987" spans="8:8">
      <c r="H286987" s="12"/>
    </row>
    <row r="286988" spans="8:8">
      <c r="H286988" s="12"/>
    </row>
    <row r="286989" spans="8:8">
      <c r="H286989" s="12"/>
    </row>
    <row r="286990" spans="8:8">
      <c r="H286990" s="12"/>
    </row>
    <row r="286991" spans="8:8">
      <c r="H286991" s="12"/>
    </row>
    <row r="286992" spans="8:8">
      <c r="H286992" s="12"/>
    </row>
    <row r="286993" spans="8:8">
      <c r="H286993" s="12"/>
    </row>
    <row r="286994" spans="8:8">
      <c r="H286994" s="12"/>
    </row>
    <row r="286995" spans="8:8">
      <c r="H286995" s="12"/>
    </row>
    <row r="286996" spans="8:8">
      <c r="H286996" s="12"/>
    </row>
    <row r="286997" spans="8:8">
      <c r="H286997" s="12"/>
    </row>
    <row r="286998" spans="8:8">
      <c r="H286998" s="12"/>
    </row>
    <row r="286999" spans="8:8">
      <c r="H286999" s="12"/>
    </row>
    <row r="287000" spans="8:8">
      <c r="H287000" s="12"/>
    </row>
    <row r="287001" spans="8:8">
      <c r="H287001" s="12"/>
    </row>
    <row r="287002" spans="8:8">
      <c r="H287002" s="12"/>
    </row>
    <row r="287003" spans="8:8">
      <c r="H287003" s="12"/>
    </row>
    <row r="287004" spans="8:8">
      <c r="H287004" s="12"/>
    </row>
    <row r="287005" spans="8:8">
      <c r="H287005" s="12"/>
    </row>
    <row r="287006" spans="8:8">
      <c r="H287006" s="12"/>
    </row>
    <row r="287007" spans="8:8">
      <c r="H287007" s="12"/>
    </row>
    <row r="287008" spans="8:8">
      <c r="H287008" s="12"/>
    </row>
    <row r="287009" spans="8:8">
      <c r="H287009" s="12"/>
    </row>
    <row r="287010" spans="8:8">
      <c r="H287010" s="12"/>
    </row>
    <row r="287011" spans="8:8">
      <c r="H287011" s="12"/>
    </row>
    <row r="287012" spans="8:8">
      <c r="H287012" s="12"/>
    </row>
    <row r="287013" spans="8:8">
      <c r="H287013" s="12"/>
    </row>
    <row r="287014" spans="8:8">
      <c r="H287014" s="12"/>
    </row>
    <row r="287015" spans="8:8">
      <c r="H287015" s="12"/>
    </row>
    <row r="287016" spans="8:8">
      <c r="H287016" s="12"/>
    </row>
    <row r="287017" spans="8:8">
      <c r="H287017" s="12"/>
    </row>
    <row r="287018" spans="8:8">
      <c r="H287018" s="12"/>
    </row>
    <row r="287019" spans="8:8">
      <c r="H287019" s="12"/>
    </row>
    <row r="287020" spans="8:8">
      <c r="H287020" s="12"/>
    </row>
    <row r="287021" spans="8:8">
      <c r="H287021" s="12"/>
    </row>
    <row r="287022" spans="8:8">
      <c r="H287022" s="12"/>
    </row>
    <row r="287023" spans="8:8">
      <c r="H287023" s="12"/>
    </row>
    <row r="287024" spans="8:8">
      <c r="H287024" s="12"/>
    </row>
    <row r="287025" spans="8:8">
      <c r="H287025" s="12"/>
    </row>
    <row r="287026" spans="8:8">
      <c r="H287026" s="12"/>
    </row>
    <row r="287027" spans="8:8">
      <c r="H287027" s="12"/>
    </row>
    <row r="287028" spans="8:8">
      <c r="H287028" s="12"/>
    </row>
    <row r="287029" spans="8:8">
      <c r="H287029" s="12"/>
    </row>
    <row r="287030" spans="8:8">
      <c r="H287030" s="12"/>
    </row>
    <row r="287031" spans="8:8">
      <c r="H287031" s="12"/>
    </row>
    <row r="287032" spans="8:8">
      <c r="H287032" s="12"/>
    </row>
    <row r="287033" spans="8:8">
      <c r="H287033" s="12"/>
    </row>
    <row r="287034" spans="8:8">
      <c r="H287034" s="12"/>
    </row>
    <row r="287035" spans="8:8">
      <c r="H287035" s="12"/>
    </row>
    <row r="287036" spans="8:8">
      <c r="H287036" s="12"/>
    </row>
    <row r="287037" spans="8:8">
      <c r="H287037" s="12"/>
    </row>
    <row r="287038" spans="8:8">
      <c r="H287038" s="12"/>
    </row>
    <row r="287039" spans="8:8">
      <c r="H287039" s="12"/>
    </row>
    <row r="287040" spans="8:8">
      <c r="H287040" s="12"/>
    </row>
    <row r="287041" spans="8:8">
      <c r="H287041" s="12"/>
    </row>
    <row r="287042" spans="8:8">
      <c r="H287042" s="12"/>
    </row>
    <row r="287043" spans="8:8">
      <c r="H287043" s="12"/>
    </row>
    <row r="287044" spans="8:8">
      <c r="H287044" s="12"/>
    </row>
    <row r="287045" spans="8:8">
      <c r="H287045" s="12"/>
    </row>
    <row r="287046" spans="8:8">
      <c r="H287046" s="12"/>
    </row>
    <row r="287047" spans="8:8">
      <c r="H287047" s="12"/>
    </row>
    <row r="287048" spans="8:8">
      <c r="H287048" s="12"/>
    </row>
    <row r="287049" spans="8:8">
      <c r="H287049" s="12"/>
    </row>
    <row r="287050" spans="8:8">
      <c r="H287050" s="12"/>
    </row>
    <row r="287051" spans="8:8">
      <c r="H287051" s="12"/>
    </row>
    <row r="287052" spans="8:8">
      <c r="H287052" s="12"/>
    </row>
    <row r="287053" spans="8:8">
      <c r="H287053" s="12"/>
    </row>
    <row r="287054" spans="8:8">
      <c r="H287054" s="12"/>
    </row>
    <row r="287055" spans="8:8">
      <c r="H287055" s="12"/>
    </row>
    <row r="287056" spans="8:8">
      <c r="H287056" s="12"/>
    </row>
    <row r="287057" spans="8:8">
      <c r="H287057" s="12"/>
    </row>
    <row r="287058" spans="8:8">
      <c r="H287058" s="12"/>
    </row>
    <row r="287059" spans="8:8">
      <c r="H287059" s="12"/>
    </row>
    <row r="287060" spans="8:8">
      <c r="H287060" s="12"/>
    </row>
    <row r="287061" spans="8:8">
      <c r="H287061" s="12"/>
    </row>
    <row r="287062" spans="8:8">
      <c r="H287062" s="12"/>
    </row>
    <row r="287063" spans="8:8">
      <c r="H287063" s="12"/>
    </row>
    <row r="287064" spans="8:8">
      <c r="H287064" s="12"/>
    </row>
    <row r="287065" spans="8:8">
      <c r="H287065" s="12"/>
    </row>
    <row r="287066" spans="8:8">
      <c r="H287066" s="12"/>
    </row>
    <row r="287067" spans="8:8">
      <c r="H287067" s="12"/>
    </row>
    <row r="287068" spans="8:8">
      <c r="H287068" s="12"/>
    </row>
    <row r="287069" spans="8:8">
      <c r="H287069" s="12"/>
    </row>
    <row r="287070" spans="8:8">
      <c r="H287070" s="12"/>
    </row>
    <row r="287071" spans="8:8">
      <c r="H287071" s="12"/>
    </row>
    <row r="287072" spans="8:8">
      <c r="H287072" s="12"/>
    </row>
    <row r="287073" spans="8:8">
      <c r="H287073" s="12"/>
    </row>
    <row r="287074" spans="8:8">
      <c r="H287074" s="12"/>
    </row>
    <row r="287075" spans="8:8">
      <c r="H287075" s="12"/>
    </row>
    <row r="287076" spans="8:8">
      <c r="H287076" s="12"/>
    </row>
    <row r="287077" spans="8:8">
      <c r="H287077" s="12"/>
    </row>
    <row r="287078" spans="8:8">
      <c r="H287078" s="12"/>
    </row>
    <row r="287079" spans="8:8">
      <c r="H287079" s="12"/>
    </row>
    <row r="287080" spans="8:8">
      <c r="H287080" s="12"/>
    </row>
    <row r="287081" spans="8:8">
      <c r="H287081" s="12"/>
    </row>
    <row r="287082" spans="8:8">
      <c r="H287082" s="12"/>
    </row>
    <row r="287083" spans="8:8">
      <c r="H287083" s="12"/>
    </row>
    <row r="287084" spans="8:8">
      <c r="H287084" s="12"/>
    </row>
    <row r="287085" spans="8:8">
      <c r="H287085" s="12"/>
    </row>
    <row r="287086" spans="8:8">
      <c r="H287086" s="12"/>
    </row>
    <row r="287087" spans="8:8">
      <c r="H287087" s="12"/>
    </row>
    <row r="287088" spans="8:8">
      <c r="H287088" s="12"/>
    </row>
    <row r="287089" spans="8:8">
      <c r="H287089" s="12"/>
    </row>
    <row r="287090" spans="8:8">
      <c r="H287090" s="12"/>
    </row>
    <row r="287091" spans="8:8">
      <c r="H287091" s="12"/>
    </row>
    <row r="287092" spans="8:8">
      <c r="H287092" s="12"/>
    </row>
    <row r="287093" spans="8:8">
      <c r="H287093" s="12"/>
    </row>
    <row r="287094" spans="8:8">
      <c r="H287094" s="12"/>
    </row>
    <row r="287095" spans="8:8">
      <c r="H287095" s="12"/>
    </row>
    <row r="287096" spans="8:8">
      <c r="H287096" s="12"/>
    </row>
    <row r="287097" spans="8:8">
      <c r="H287097" s="12"/>
    </row>
    <row r="287098" spans="8:8">
      <c r="H287098" s="12"/>
    </row>
    <row r="287099" spans="8:8">
      <c r="H287099" s="12"/>
    </row>
    <row r="287100" spans="8:8">
      <c r="H287100" s="12"/>
    </row>
    <row r="287101" spans="8:8">
      <c r="H287101" s="12"/>
    </row>
    <row r="287102" spans="8:8">
      <c r="H287102" s="12"/>
    </row>
    <row r="287103" spans="8:8">
      <c r="H287103" s="12"/>
    </row>
    <row r="287104" spans="8:8">
      <c r="H287104" s="12"/>
    </row>
    <row r="287105" spans="8:8">
      <c r="H287105" s="12"/>
    </row>
    <row r="287106" spans="8:8">
      <c r="H287106" s="12"/>
    </row>
    <row r="287107" spans="8:8">
      <c r="H287107" s="12"/>
    </row>
    <row r="287108" spans="8:8">
      <c r="H287108" s="12"/>
    </row>
    <row r="287109" spans="8:8">
      <c r="H287109" s="12"/>
    </row>
    <row r="287110" spans="8:8">
      <c r="H287110" s="12"/>
    </row>
    <row r="287111" spans="8:8">
      <c r="H287111" s="12"/>
    </row>
    <row r="287112" spans="8:8">
      <c r="H287112" s="12"/>
    </row>
    <row r="287113" spans="8:8">
      <c r="H287113" s="12"/>
    </row>
    <row r="287114" spans="8:8">
      <c r="H287114" s="12"/>
    </row>
    <row r="287115" spans="8:8">
      <c r="H287115" s="12"/>
    </row>
    <row r="287116" spans="8:8">
      <c r="H287116" s="12"/>
    </row>
    <row r="287117" spans="8:8">
      <c r="H287117" s="12"/>
    </row>
    <row r="287118" spans="8:8">
      <c r="H287118" s="12"/>
    </row>
    <row r="287119" spans="8:8">
      <c r="H287119" s="12"/>
    </row>
    <row r="287120" spans="8:8">
      <c r="H287120" s="12"/>
    </row>
    <row r="287121" spans="8:8">
      <c r="H287121" s="12"/>
    </row>
    <row r="287122" spans="8:8">
      <c r="H287122" s="12"/>
    </row>
    <row r="287123" spans="8:8">
      <c r="H287123" s="12"/>
    </row>
    <row r="287124" spans="8:8">
      <c r="H287124" s="12"/>
    </row>
    <row r="287125" spans="8:8">
      <c r="H287125" s="12"/>
    </row>
    <row r="287126" spans="8:8">
      <c r="H287126" s="12"/>
    </row>
    <row r="287127" spans="8:8">
      <c r="H287127" s="12"/>
    </row>
    <row r="287128" spans="8:8">
      <c r="H287128" s="12"/>
    </row>
    <row r="287129" spans="8:8">
      <c r="H287129" s="12"/>
    </row>
    <row r="287130" spans="8:8">
      <c r="H287130" s="12"/>
    </row>
    <row r="287131" spans="8:8">
      <c r="H287131" s="12"/>
    </row>
    <row r="287132" spans="8:8">
      <c r="H287132" s="12"/>
    </row>
    <row r="287133" spans="8:8">
      <c r="H287133" s="12"/>
    </row>
    <row r="287134" spans="8:8">
      <c r="H287134" s="12"/>
    </row>
    <row r="287135" spans="8:8">
      <c r="H287135" s="12"/>
    </row>
    <row r="287136" spans="8:8">
      <c r="H287136" s="12"/>
    </row>
    <row r="287137" spans="8:8">
      <c r="H287137" s="12"/>
    </row>
    <row r="287138" spans="8:8">
      <c r="H287138" s="12"/>
    </row>
    <row r="287139" spans="8:8">
      <c r="H287139" s="12"/>
    </row>
    <row r="287140" spans="8:8">
      <c r="H287140" s="12"/>
    </row>
    <row r="287141" spans="8:8">
      <c r="H287141" s="12"/>
    </row>
    <row r="287142" spans="8:8">
      <c r="H287142" s="12"/>
    </row>
    <row r="287143" spans="8:8">
      <c r="H287143" s="12"/>
    </row>
    <row r="287144" spans="8:8">
      <c r="H287144" s="12"/>
    </row>
    <row r="287145" spans="8:8">
      <c r="H287145" s="12"/>
    </row>
    <row r="287146" spans="8:8">
      <c r="H287146" s="12"/>
    </row>
    <row r="287147" spans="8:8">
      <c r="H287147" s="12"/>
    </row>
    <row r="287148" spans="8:8">
      <c r="H287148" s="12"/>
    </row>
    <row r="287149" spans="8:8">
      <c r="H287149" s="12"/>
    </row>
    <row r="287150" spans="8:8">
      <c r="H287150" s="12"/>
    </row>
    <row r="287151" spans="8:8">
      <c r="H287151" s="12"/>
    </row>
    <row r="287152" spans="8:8">
      <c r="H287152" s="12"/>
    </row>
    <row r="287153" spans="8:8">
      <c r="H287153" s="12"/>
    </row>
    <row r="287154" spans="8:8">
      <c r="H287154" s="12"/>
    </row>
    <row r="287155" spans="8:8">
      <c r="H287155" s="12"/>
    </row>
    <row r="287156" spans="8:8">
      <c r="H287156" s="12"/>
    </row>
    <row r="287157" spans="8:8">
      <c r="H287157" s="12"/>
    </row>
    <row r="287158" spans="8:8">
      <c r="H287158" s="12"/>
    </row>
    <row r="287159" spans="8:8">
      <c r="H287159" s="12"/>
    </row>
    <row r="287160" spans="8:8">
      <c r="H287160" s="12"/>
    </row>
    <row r="287161" spans="8:8">
      <c r="H287161" s="12"/>
    </row>
    <row r="287162" spans="8:8">
      <c r="H287162" s="12"/>
    </row>
    <row r="287163" spans="8:8">
      <c r="H287163" s="12"/>
    </row>
    <row r="287164" spans="8:8">
      <c r="H287164" s="12"/>
    </row>
    <row r="287165" spans="8:8">
      <c r="H287165" s="12"/>
    </row>
    <row r="287166" spans="8:8">
      <c r="H287166" s="12"/>
    </row>
    <row r="287167" spans="8:8">
      <c r="H287167" s="12"/>
    </row>
    <row r="287168" spans="8:8">
      <c r="H287168" s="12"/>
    </row>
    <row r="287169" spans="8:8">
      <c r="H287169" s="12"/>
    </row>
    <row r="287170" spans="8:8">
      <c r="H287170" s="12"/>
    </row>
    <row r="287171" spans="8:8">
      <c r="H287171" s="12"/>
    </row>
    <row r="287172" spans="8:8">
      <c r="H287172" s="12"/>
    </row>
    <row r="287173" spans="8:8">
      <c r="H287173" s="12"/>
    </row>
    <row r="287174" spans="8:8">
      <c r="H287174" s="12"/>
    </row>
    <row r="287175" spans="8:8">
      <c r="H287175" s="12"/>
    </row>
    <row r="287176" spans="8:8">
      <c r="H287176" s="12"/>
    </row>
    <row r="287177" spans="8:8">
      <c r="H287177" s="12"/>
    </row>
    <row r="287178" spans="8:8">
      <c r="H287178" s="12"/>
    </row>
    <row r="287179" spans="8:8">
      <c r="H287179" s="12"/>
    </row>
    <row r="287180" spans="8:8">
      <c r="H287180" s="12"/>
    </row>
    <row r="287181" spans="8:8">
      <c r="H287181" s="12"/>
    </row>
    <row r="287182" spans="8:8">
      <c r="H287182" s="12"/>
    </row>
    <row r="287183" spans="8:8">
      <c r="H287183" s="12"/>
    </row>
    <row r="287184" spans="8:8">
      <c r="H287184" s="12"/>
    </row>
    <row r="287185" spans="8:8">
      <c r="H287185" s="12"/>
    </row>
    <row r="287186" spans="8:8">
      <c r="H287186" s="12"/>
    </row>
    <row r="287187" spans="8:8">
      <c r="H287187" s="12"/>
    </row>
    <row r="287188" spans="8:8">
      <c r="H287188" s="12"/>
    </row>
    <row r="287189" spans="8:8">
      <c r="H287189" s="12"/>
    </row>
    <row r="287190" spans="8:8">
      <c r="H287190" s="12"/>
    </row>
    <row r="287191" spans="8:8">
      <c r="H287191" s="12"/>
    </row>
    <row r="287192" spans="8:8">
      <c r="H287192" s="12"/>
    </row>
    <row r="287193" spans="8:8">
      <c r="H287193" s="12"/>
    </row>
    <row r="287194" spans="8:8">
      <c r="H287194" s="12"/>
    </row>
    <row r="287195" spans="8:8">
      <c r="H287195" s="12"/>
    </row>
    <row r="287196" spans="8:8">
      <c r="H287196" s="12"/>
    </row>
    <row r="287197" spans="8:8">
      <c r="H287197" s="12"/>
    </row>
    <row r="287198" spans="8:8">
      <c r="H287198" s="12"/>
    </row>
    <row r="287199" spans="8:8">
      <c r="H287199" s="12"/>
    </row>
    <row r="287200" spans="8:8">
      <c r="H287200" s="12"/>
    </row>
    <row r="287201" spans="8:8">
      <c r="H287201" s="12"/>
    </row>
    <row r="287202" spans="8:8">
      <c r="H287202" s="12"/>
    </row>
    <row r="287203" spans="8:8">
      <c r="H287203" s="12"/>
    </row>
    <row r="287204" spans="8:8">
      <c r="H287204" s="12"/>
    </row>
    <row r="287205" spans="8:8">
      <c r="H287205" s="12"/>
    </row>
    <row r="287206" spans="8:8">
      <c r="H287206" s="12"/>
    </row>
    <row r="287207" spans="8:8">
      <c r="H287207" s="12"/>
    </row>
    <row r="287208" spans="8:8">
      <c r="H287208" s="12"/>
    </row>
    <row r="287209" spans="8:8">
      <c r="H287209" s="12"/>
    </row>
    <row r="287210" spans="8:8">
      <c r="H287210" s="12"/>
    </row>
    <row r="287211" spans="8:8">
      <c r="H287211" s="12"/>
    </row>
    <row r="287212" spans="8:8">
      <c r="H287212" s="12"/>
    </row>
    <row r="287213" spans="8:8">
      <c r="H287213" s="12"/>
    </row>
    <row r="287214" spans="8:8">
      <c r="H287214" s="12"/>
    </row>
    <row r="287215" spans="8:8">
      <c r="H287215" s="12"/>
    </row>
    <row r="287216" spans="8:8">
      <c r="H287216" s="12"/>
    </row>
    <row r="287217" spans="8:8">
      <c r="H287217" s="12"/>
    </row>
    <row r="287218" spans="8:8">
      <c r="H287218" s="12"/>
    </row>
    <row r="287219" spans="8:8">
      <c r="H287219" s="12"/>
    </row>
    <row r="287220" spans="8:8">
      <c r="H287220" s="12"/>
    </row>
    <row r="287221" spans="8:8">
      <c r="H287221" s="12"/>
    </row>
    <row r="287222" spans="8:8">
      <c r="H287222" s="12"/>
    </row>
    <row r="287223" spans="8:8">
      <c r="H287223" s="12"/>
    </row>
    <row r="287224" spans="8:8">
      <c r="H287224" s="12"/>
    </row>
    <row r="287225" spans="8:8">
      <c r="H287225" s="12"/>
    </row>
    <row r="287226" spans="8:8">
      <c r="H287226" s="12"/>
    </row>
    <row r="287227" spans="8:8">
      <c r="H287227" s="12"/>
    </row>
    <row r="287228" spans="8:8">
      <c r="H287228" s="12"/>
    </row>
    <row r="287229" spans="8:8">
      <c r="H287229" s="12"/>
    </row>
    <row r="287230" spans="8:8">
      <c r="H287230" s="12"/>
    </row>
    <row r="287231" spans="8:8">
      <c r="H287231" s="12"/>
    </row>
    <row r="287232" spans="8:8">
      <c r="H287232" s="12"/>
    </row>
    <row r="287233" spans="8:8">
      <c r="H287233" s="12"/>
    </row>
    <row r="287234" spans="8:8">
      <c r="H287234" s="12"/>
    </row>
    <row r="287235" spans="8:8">
      <c r="H287235" s="12"/>
    </row>
    <row r="287236" spans="8:8">
      <c r="H287236" s="12"/>
    </row>
    <row r="287237" spans="8:8">
      <c r="H287237" s="12"/>
    </row>
    <row r="287238" spans="8:8">
      <c r="H287238" s="12"/>
    </row>
    <row r="287239" spans="8:8">
      <c r="H287239" s="12"/>
    </row>
    <row r="287240" spans="8:8">
      <c r="H287240" s="12"/>
    </row>
    <row r="287241" spans="8:8">
      <c r="H287241" s="12"/>
    </row>
    <row r="287242" spans="8:8">
      <c r="H287242" s="12"/>
    </row>
    <row r="287243" spans="8:8">
      <c r="H287243" s="12"/>
    </row>
    <row r="287244" spans="8:8">
      <c r="H287244" s="12"/>
    </row>
    <row r="287245" spans="8:8">
      <c r="H287245" s="12"/>
    </row>
    <row r="287246" spans="8:8">
      <c r="H287246" s="12"/>
    </row>
    <row r="287247" spans="8:8">
      <c r="H287247" s="12"/>
    </row>
    <row r="287248" spans="8:8">
      <c r="H287248" s="12"/>
    </row>
    <row r="287249" spans="8:8">
      <c r="H287249" s="12"/>
    </row>
    <row r="287250" spans="8:8">
      <c r="H287250" s="12"/>
    </row>
    <row r="287251" spans="8:8">
      <c r="H287251" s="12"/>
    </row>
    <row r="287252" spans="8:8">
      <c r="H287252" s="12"/>
    </row>
    <row r="287253" spans="8:8">
      <c r="H287253" s="12"/>
    </row>
    <row r="287254" spans="8:8">
      <c r="H287254" s="12"/>
    </row>
    <row r="287255" spans="8:8">
      <c r="H287255" s="12"/>
    </row>
    <row r="287256" spans="8:8">
      <c r="H287256" s="12"/>
    </row>
    <row r="287257" spans="8:8">
      <c r="H287257" s="12"/>
    </row>
    <row r="287258" spans="8:8">
      <c r="H287258" s="12"/>
    </row>
    <row r="287259" spans="8:8">
      <c r="H287259" s="12"/>
    </row>
    <row r="287260" spans="8:8">
      <c r="H287260" s="12"/>
    </row>
    <row r="287261" spans="8:8">
      <c r="H287261" s="12"/>
    </row>
    <row r="287262" spans="8:8">
      <c r="H287262" s="12"/>
    </row>
    <row r="287263" spans="8:8">
      <c r="H287263" s="12"/>
    </row>
    <row r="287264" spans="8:8">
      <c r="H287264" s="12"/>
    </row>
    <row r="287265" spans="8:8">
      <c r="H287265" s="12"/>
    </row>
    <row r="287266" spans="8:8">
      <c r="H287266" s="12"/>
    </row>
    <row r="287267" spans="8:8">
      <c r="H287267" s="12"/>
    </row>
    <row r="287268" spans="8:8">
      <c r="H287268" s="12"/>
    </row>
    <row r="287269" spans="8:8">
      <c r="H287269" s="12"/>
    </row>
    <row r="287270" spans="8:8">
      <c r="H287270" s="12"/>
    </row>
    <row r="287271" spans="8:8">
      <c r="H287271" s="12"/>
    </row>
    <row r="287272" spans="8:8">
      <c r="H287272" s="12"/>
    </row>
    <row r="287273" spans="8:8">
      <c r="H287273" s="12"/>
    </row>
    <row r="287274" spans="8:8">
      <c r="H287274" s="12"/>
    </row>
    <row r="287275" spans="8:8">
      <c r="H287275" s="12"/>
    </row>
    <row r="287276" spans="8:8">
      <c r="H287276" s="12"/>
    </row>
    <row r="287277" spans="8:8">
      <c r="H287277" s="12"/>
    </row>
    <row r="287278" spans="8:8">
      <c r="H287278" s="12"/>
    </row>
    <row r="287279" spans="8:8">
      <c r="H287279" s="12"/>
    </row>
    <row r="287280" spans="8:8">
      <c r="H287280" s="12"/>
    </row>
    <row r="287281" spans="8:8">
      <c r="H287281" s="12"/>
    </row>
    <row r="287282" spans="8:8">
      <c r="H287282" s="12"/>
    </row>
    <row r="287283" spans="8:8">
      <c r="H287283" s="12"/>
    </row>
    <row r="287284" spans="8:8">
      <c r="H287284" s="12"/>
    </row>
    <row r="287285" spans="8:8">
      <c r="H287285" s="12"/>
    </row>
    <row r="287286" spans="8:8">
      <c r="H287286" s="12"/>
    </row>
    <row r="287287" spans="8:8">
      <c r="H287287" s="12"/>
    </row>
    <row r="287288" spans="8:8">
      <c r="H287288" s="12"/>
    </row>
    <row r="287289" spans="8:8">
      <c r="H287289" s="12"/>
    </row>
    <row r="287290" spans="8:8">
      <c r="H287290" s="12"/>
    </row>
    <row r="287291" spans="8:8">
      <c r="H287291" s="12"/>
    </row>
    <row r="287292" spans="8:8">
      <c r="H287292" s="12"/>
    </row>
    <row r="287293" spans="8:8">
      <c r="H287293" s="12"/>
    </row>
    <row r="287294" spans="8:8">
      <c r="H287294" s="12"/>
    </row>
    <row r="287295" spans="8:8">
      <c r="H287295" s="12"/>
    </row>
    <row r="287296" spans="8:8">
      <c r="H287296" s="12"/>
    </row>
    <row r="287297" spans="8:8">
      <c r="H287297" s="12"/>
    </row>
    <row r="287298" spans="8:8">
      <c r="H287298" s="12"/>
    </row>
    <row r="287299" spans="8:8">
      <c r="H287299" s="12"/>
    </row>
    <row r="287300" spans="8:8">
      <c r="H287300" s="12"/>
    </row>
    <row r="287301" spans="8:8">
      <c r="H287301" s="12"/>
    </row>
    <row r="287302" spans="8:8">
      <c r="H287302" s="12"/>
    </row>
    <row r="287303" spans="8:8">
      <c r="H287303" s="12"/>
    </row>
    <row r="287304" spans="8:8">
      <c r="H287304" s="12"/>
    </row>
    <row r="287305" spans="8:8">
      <c r="H287305" s="12"/>
    </row>
    <row r="287306" spans="8:8">
      <c r="H287306" s="12"/>
    </row>
    <row r="287307" spans="8:8">
      <c r="H287307" s="12"/>
    </row>
    <row r="287308" spans="8:8">
      <c r="H287308" s="12"/>
    </row>
    <row r="287309" spans="8:8">
      <c r="H287309" s="12"/>
    </row>
    <row r="287310" spans="8:8">
      <c r="H287310" s="12"/>
    </row>
    <row r="287311" spans="8:8">
      <c r="H287311" s="12"/>
    </row>
    <row r="287312" spans="8:8">
      <c r="H287312" s="12"/>
    </row>
    <row r="287313" spans="8:8">
      <c r="H287313" s="12"/>
    </row>
    <row r="287314" spans="8:8">
      <c r="H287314" s="12"/>
    </row>
    <row r="287315" spans="8:8">
      <c r="H287315" s="12"/>
    </row>
    <row r="287316" spans="8:8">
      <c r="H287316" s="12"/>
    </row>
    <row r="287317" spans="8:8">
      <c r="H287317" s="12"/>
    </row>
    <row r="287318" spans="8:8">
      <c r="H287318" s="12"/>
    </row>
    <row r="287319" spans="8:8">
      <c r="H287319" s="12"/>
    </row>
    <row r="287320" spans="8:8">
      <c r="H287320" s="12"/>
    </row>
    <row r="287321" spans="8:8">
      <c r="H287321" s="12"/>
    </row>
    <row r="287322" spans="8:8">
      <c r="H287322" s="12"/>
    </row>
    <row r="287323" spans="8:8">
      <c r="H287323" s="12"/>
    </row>
    <row r="287324" spans="8:8">
      <c r="H287324" s="12"/>
    </row>
    <row r="287325" spans="8:8">
      <c r="H287325" s="12"/>
    </row>
    <row r="287326" spans="8:8">
      <c r="H287326" s="12"/>
    </row>
    <row r="287327" spans="8:8">
      <c r="H287327" s="12"/>
    </row>
    <row r="287328" spans="8:8">
      <c r="H287328" s="12"/>
    </row>
    <row r="287329" spans="8:8">
      <c r="H287329" s="12"/>
    </row>
    <row r="287330" spans="8:8">
      <c r="H287330" s="12"/>
    </row>
    <row r="287331" spans="8:8">
      <c r="H287331" s="12"/>
    </row>
    <row r="287332" spans="8:8">
      <c r="H287332" s="12"/>
    </row>
    <row r="287333" spans="8:8">
      <c r="H287333" s="12"/>
    </row>
    <row r="287334" spans="8:8">
      <c r="H287334" s="12"/>
    </row>
    <row r="287335" spans="8:8">
      <c r="H287335" s="12"/>
    </row>
    <row r="287336" spans="8:8">
      <c r="H287336" s="12"/>
    </row>
    <row r="287337" spans="8:8">
      <c r="H287337" s="12"/>
    </row>
    <row r="287338" spans="8:8">
      <c r="H287338" s="12"/>
    </row>
    <row r="287339" spans="8:8">
      <c r="H287339" s="12"/>
    </row>
    <row r="287340" spans="8:8">
      <c r="H287340" s="12"/>
    </row>
    <row r="287341" spans="8:8">
      <c r="H287341" s="12"/>
    </row>
    <row r="287342" spans="8:8">
      <c r="H287342" s="12"/>
    </row>
    <row r="287343" spans="8:8">
      <c r="H287343" s="12"/>
    </row>
    <row r="287344" spans="8:8">
      <c r="H287344" s="12"/>
    </row>
    <row r="287345" spans="8:8">
      <c r="H287345" s="12"/>
    </row>
    <row r="287346" spans="8:8">
      <c r="H287346" s="12"/>
    </row>
    <row r="287347" spans="8:8">
      <c r="H287347" s="12"/>
    </row>
    <row r="287348" spans="8:8">
      <c r="H287348" s="12"/>
    </row>
    <row r="287349" spans="8:8">
      <c r="H287349" s="12"/>
    </row>
    <row r="287350" spans="8:8">
      <c r="H287350" s="12"/>
    </row>
    <row r="287351" spans="8:8">
      <c r="H287351" s="12"/>
    </row>
    <row r="287352" spans="8:8">
      <c r="H287352" s="12"/>
    </row>
    <row r="287353" spans="8:8">
      <c r="H287353" s="12"/>
    </row>
    <row r="287354" spans="8:8">
      <c r="H287354" s="12"/>
    </row>
    <row r="287355" spans="8:8">
      <c r="H287355" s="12"/>
    </row>
    <row r="287356" spans="8:8">
      <c r="H287356" s="12"/>
    </row>
    <row r="287357" spans="8:8">
      <c r="H287357" s="12"/>
    </row>
    <row r="287358" spans="8:8">
      <c r="H287358" s="12"/>
    </row>
    <row r="287359" spans="8:8">
      <c r="H287359" s="12"/>
    </row>
    <row r="287360" spans="8:8">
      <c r="H287360" s="12"/>
    </row>
    <row r="287361" spans="8:8">
      <c r="H287361" s="12"/>
    </row>
    <row r="287362" spans="8:8">
      <c r="H287362" s="12"/>
    </row>
    <row r="287363" spans="8:8">
      <c r="H287363" s="12"/>
    </row>
    <row r="287364" spans="8:8">
      <c r="H287364" s="12"/>
    </row>
    <row r="287365" spans="8:8">
      <c r="H287365" s="12"/>
    </row>
    <row r="287366" spans="8:8">
      <c r="H287366" s="12"/>
    </row>
    <row r="287367" spans="8:8">
      <c r="H287367" s="12"/>
    </row>
    <row r="287368" spans="8:8">
      <c r="H287368" s="12"/>
    </row>
    <row r="287369" spans="8:8">
      <c r="H287369" s="12"/>
    </row>
    <row r="287370" spans="8:8">
      <c r="H287370" s="12"/>
    </row>
    <row r="287371" spans="8:8">
      <c r="H287371" s="12"/>
    </row>
    <row r="287372" spans="8:8">
      <c r="H287372" s="12"/>
    </row>
    <row r="287373" spans="8:8">
      <c r="H287373" s="12"/>
    </row>
    <row r="287374" spans="8:8">
      <c r="H287374" s="12"/>
    </row>
    <row r="287375" spans="8:8">
      <c r="H287375" s="12"/>
    </row>
    <row r="287376" spans="8:8">
      <c r="H287376" s="12"/>
    </row>
    <row r="287377" spans="8:8">
      <c r="H287377" s="12"/>
    </row>
    <row r="287378" spans="8:8">
      <c r="H287378" s="12"/>
    </row>
    <row r="287379" spans="8:8">
      <c r="H287379" s="12"/>
    </row>
    <row r="287380" spans="8:8">
      <c r="H287380" s="12"/>
    </row>
    <row r="287381" spans="8:8">
      <c r="H287381" s="12"/>
    </row>
    <row r="287382" spans="8:8">
      <c r="H287382" s="12"/>
    </row>
    <row r="287383" spans="8:8">
      <c r="H287383" s="12"/>
    </row>
    <row r="287384" spans="8:8">
      <c r="H287384" s="12"/>
    </row>
    <row r="287385" spans="8:8">
      <c r="H287385" s="12"/>
    </row>
    <row r="287386" spans="8:8">
      <c r="H287386" s="12"/>
    </row>
    <row r="287387" spans="8:8">
      <c r="H287387" s="12"/>
    </row>
    <row r="287388" spans="8:8">
      <c r="H287388" s="12"/>
    </row>
    <row r="287389" spans="8:8">
      <c r="H287389" s="12"/>
    </row>
    <row r="287390" spans="8:8">
      <c r="H287390" s="12"/>
    </row>
    <row r="287391" spans="8:8">
      <c r="H287391" s="12"/>
    </row>
    <row r="287392" spans="8:8">
      <c r="H287392" s="12"/>
    </row>
    <row r="287393" spans="8:8">
      <c r="H287393" s="12"/>
    </row>
    <row r="287394" spans="8:8">
      <c r="H287394" s="12"/>
    </row>
    <row r="287395" spans="8:8">
      <c r="H287395" s="12"/>
    </row>
    <row r="287396" spans="8:8">
      <c r="H287396" s="12"/>
    </row>
    <row r="287397" spans="8:8">
      <c r="H287397" s="12"/>
    </row>
    <row r="287398" spans="8:8">
      <c r="H287398" s="12"/>
    </row>
    <row r="287399" spans="8:8">
      <c r="H287399" s="12"/>
    </row>
    <row r="287400" spans="8:8">
      <c r="H287400" s="12"/>
    </row>
    <row r="287401" spans="8:8">
      <c r="H287401" s="12"/>
    </row>
    <row r="287402" spans="8:8">
      <c r="H287402" s="12"/>
    </row>
    <row r="287403" spans="8:8">
      <c r="H287403" s="12"/>
    </row>
    <row r="287404" spans="8:8">
      <c r="H287404" s="12"/>
    </row>
    <row r="287405" spans="8:8">
      <c r="H287405" s="12"/>
    </row>
    <row r="287406" spans="8:8">
      <c r="H287406" s="12"/>
    </row>
    <row r="287407" spans="8:8">
      <c r="H287407" s="12"/>
    </row>
    <row r="287408" spans="8:8">
      <c r="H287408" s="12"/>
    </row>
    <row r="287409" spans="8:8">
      <c r="H287409" s="12"/>
    </row>
    <row r="287410" spans="8:8">
      <c r="H287410" s="12"/>
    </row>
    <row r="287411" spans="8:8">
      <c r="H287411" s="12"/>
    </row>
    <row r="287412" spans="8:8">
      <c r="H287412" s="12"/>
    </row>
    <row r="287413" spans="8:8">
      <c r="H287413" s="12"/>
    </row>
    <row r="287414" spans="8:8">
      <c r="H287414" s="12"/>
    </row>
    <row r="287415" spans="8:8">
      <c r="H287415" s="12"/>
    </row>
    <row r="287416" spans="8:8">
      <c r="H287416" s="12"/>
    </row>
    <row r="287417" spans="8:8">
      <c r="H287417" s="12"/>
    </row>
    <row r="287418" spans="8:8">
      <c r="H287418" s="12"/>
    </row>
    <row r="287419" spans="8:8">
      <c r="H287419" s="12"/>
    </row>
    <row r="287420" spans="8:8">
      <c r="H287420" s="12"/>
    </row>
    <row r="287421" spans="8:8">
      <c r="H287421" s="12"/>
    </row>
    <row r="287422" spans="8:8">
      <c r="H287422" s="12"/>
    </row>
    <row r="287423" spans="8:8">
      <c r="H287423" s="12"/>
    </row>
    <row r="287424" spans="8:8">
      <c r="H287424" s="12"/>
    </row>
    <row r="287425" spans="8:8">
      <c r="H287425" s="12"/>
    </row>
    <row r="287426" spans="8:8">
      <c r="H287426" s="12"/>
    </row>
    <row r="287427" spans="8:8">
      <c r="H287427" s="12"/>
    </row>
    <row r="287428" spans="8:8">
      <c r="H287428" s="12"/>
    </row>
    <row r="287429" spans="8:8">
      <c r="H287429" s="12"/>
    </row>
    <row r="287430" spans="8:8">
      <c r="H287430" s="12"/>
    </row>
    <row r="287431" spans="8:8">
      <c r="H287431" s="12"/>
    </row>
    <row r="287432" spans="8:8">
      <c r="H287432" s="12"/>
    </row>
    <row r="287433" spans="8:8">
      <c r="H287433" s="12"/>
    </row>
    <row r="287434" spans="8:8">
      <c r="H287434" s="12"/>
    </row>
    <row r="287435" spans="8:8">
      <c r="H287435" s="12"/>
    </row>
    <row r="287436" spans="8:8">
      <c r="H287436" s="12"/>
    </row>
    <row r="287437" spans="8:8">
      <c r="H287437" s="12"/>
    </row>
    <row r="287438" spans="8:8">
      <c r="H287438" s="12"/>
    </row>
    <row r="287439" spans="8:8">
      <c r="H287439" s="12"/>
    </row>
    <row r="287440" spans="8:8">
      <c r="H287440" s="12"/>
    </row>
    <row r="287441" spans="8:8">
      <c r="H287441" s="12"/>
    </row>
    <row r="287442" spans="8:8">
      <c r="H287442" s="12"/>
    </row>
    <row r="287443" spans="8:8">
      <c r="H287443" s="12"/>
    </row>
    <row r="287444" spans="8:8">
      <c r="H287444" s="12"/>
    </row>
    <row r="287445" spans="8:8">
      <c r="H287445" s="12"/>
    </row>
    <row r="287446" spans="8:8">
      <c r="H287446" s="12"/>
    </row>
    <row r="287447" spans="8:8">
      <c r="H287447" s="12"/>
    </row>
    <row r="287448" spans="8:8">
      <c r="H287448" s="12"/>
    </row>
    <row r="287449" spans="8:8">
      <c r="H287449" s="12"/>
    </row>
    <row r="287450" spans="8:8">
      <c r="H287450" s="12"/>
    </row>
    <row r="287451" spans="8:8">
      <c r="H287451" s="12"/>
    </row>
    <row r="287452" spans="8:8">
      <c r="H287452" s="12"/>
    </row>
    <row r="287453" spans="8:8">
      <c r="H287453" s="12"/>
    </row>
    <row r="287454" spans="8:8">
      <c r="H287454" s="12"/>
    </row>
    <row r="287455" spans="8:8">
      <c r="H287455" s="12"/>
    </row>
    <row r="287456" spans="8:8">
      <c r="H287456" s="12"/>
    </row>
    <row r="287457" spans="8:8">
      <c r="H287457" s="12"/>
    </row>
    <row r="287458" spans="8:8">
      <c r="H287458" s="12"/>
    </row>
    <row r="287459" spans="8:8">
      <c r="H287459" s="12"/>
    </row>
    <row r="287460" spans="8:8">
      <c r="H287460" s="12"/>
    </row>
    <row r="287461" spans="8:8">
      <c r="H287461" s="12"/>
    </row>
    <row r="287462" spans="8:8">
      <c r="H287462" s="12"/>
    </row>
    <row r="287463" spans="8:8">
      <c r="H287463" s="12"/>
    </row>
    <row r="287464" spans="8:8">
      <c r="H287464" s="12"/>
    </row>
    <row r="287465" spans="8:8">
      <c r="H287465" s="12"/>
    </row>
    <row r="287466" spans="8:8">
      <c r="H287466" s="12"/>
    </row>
    <row r="287467" spans="8:8">
      <c r="H287467" s="12"/>
    </row>
    <row r="287468" spans="8:8">
      <c r="H287468" s="12"/>
    </row>
    <row r="287469" spans="8:8">
      <c r="H287469" s="12"/>
    </row>
    <row r="287470" spans="8:8">
      <c r="H287470" s="12"/>
    </row>
    <row r="287471" spans="8:8">
      <c r="H287471" s="12"/>
    </row>
    <row r="287472" spans="8:8">
      <c r="H287472" s="12"/>
    </row>
    <row r="287473" spans="8:8">
      <c r="H287473" s="12"/>
    </row>
    <row r="287474" spans="8:8">
      <c r="H287474" s="12"/>
    </row>
    <row r="287475" spans="8:8">
      <c r="H287475" s="12"/>
    </row>
    <row r="287476" spans="8:8">
      <c r="H287476" s="12"/>
    </row>
    <row r="287477" spans="8:8">
      <c r="H287477" s="12"/>
    </row>
    <row r="287478" spans="8:8">
      <c r="H287478" s="12"/>
    </row>
    <row r="287479" spans="8:8">
      <c r="H287479" s="12"/>
    </row>
    <row r="287480" spans="8:8">
      <c r="H287480" s="12"/>
    </row>
    <row r="287481" spans="8:8">
      <c r="H287481" s="12"/>
    </row>
    <row r="287482" spans="8:8">
      <c r="H287482" s="12"/>
    </row>
    <row r="287483" spans="8:8">
      <c r="H287483" s="12"/>
    </row>
    <row r="287484" spans="8:8">
      <c r="H287484" s="12"/>
    </row>
    <row r="287485" spans="8:8">
      <c r="H287485" s="12"/>
    </row>
    <row r="287486" spans="8:8">
      <c r="H287486" s="12"/>
    </row>
    <row r="287487" spans="8:8">
      <c r="H287487" s="12"/>
    </row>
    <row r="287488" spans="8:8">
      <c r="H287488" s="12"/>
    </row>
    <row r="287489" spans="8:8">
      <c r="H287489" s="12"/>
    </row>
    <row r="287490" spans="8:8">
      <c r="H287490" s="12"/>
    </row>
    <row r="287491" spans="8:8">
      <c r="H287491" s="12"/>
    </row>
    <row r="287492" spans="8:8">
      <c r="H287492" s="12"/>
    </row>
    <row r="287493" spans="8:8">
      <c r="H287493" s="12"/>
    </row>
    <row r="287494" spans="8:8">
      <c r="H287494" s="12"/>
    </row>
    <row r="287495" spans="8:8">
      <c r="H287495" s="12"/>
    </row>
    <row r="287496" spans="8:8">
      <c r="H287496" s="12"/>
    </row>
    <row r="287497" spans="8:8">
      <c r="H287497" s="12"/>
    </row>
    <row r="287498" spans="8:8">
      <c r="H287498" s="12"/>
    </row>
    <row r="287499" spans="8:8">
      <c r="H287499" s="12"/>
    </row>
    <row r="287500" spans="8:8">
      <c r="H287500" s="12"/>
    </row>
    <row r="287501" spans="8:8">
      <c r="H287501" s="12"/>
    </row>
    <row r="287502" spans="8:8">
      <c r="H287502" s="12"/>
    </row>
    <row r="287503" spans="8:8">
      <c r="H287503" s="12"/>
    </row>
    <row r="287504" spans="8:8">
      <c r="H287504" s="12"/>
    </row>
    <row r="287505" spans="8:8">
      <c r="H287505" s="12"/>
    </row>
    <row r="287506" spans="8:8">
      <c r="H287506" s="12"/>
    </row>
    <row r="287507" spans="8:8">
      <c r="H287507" s="12"/>
    </row>
    <row r="287508" spans="8:8">
      <c r="H287508" s="12"/>
    </row>
    <row r="287509" spans="8:8">
      <c r="H287509" s="12"/>
    </row>
    <row r="287510" spans="8:8">
      <c r="H287510" s="12"/>
    </row>
    <row r="287511" spans="8:8">
      <c r="H287511" s="12"/>
    </row>
    <row r="287512" spans="8:8">
      <c r="H287512" s="12"/>
    </row>
    <row r="287513" spans="8:8">
      <c r="H287513" s="12"/>
    </row>
    <row r="287514" spans="8:8">
      <c r="H287514" s="12"/>
    </row>
    <row r="287515" spans="8:8">
      <c r="H287515" s="12"/>
    </row>
    <row r="287516" spans="8:8">
      <c r="H287516" s="12"/>
    </row>
    <row r="287517" spans="8:8">
      <c r="H287517" s="12"/>
    </row>
    <row r="287518" spans="8:8">
      <c r="H287518" s="12"/>
    </row>
    <row r="287519" spans="8:8">
      <c r="H287519" s="12"/>
    </row>
    <row r="287520" spans="8:8">
      <c r="H287520" s="12"/>
    </row>
    <row r="287521" spans="8:8">
      <c r="H287521" s="12"/>
    </row>
    <row r="287522" spans="8:8">
      <c r="H287522" s="12"/>
    </row>
    <row r="287523" spans="8:8">
      <c r="H287523" s="12"/>
    </row>
    <row r="287524" spans="8:8">
      <c r="H287524" s="12"/>
    </row>
    <row r="287525" spans="8:8">
      <c r="H287525" s="12"/>
    </row>
    <row r="287526" spans="8:8">
      <c r="H287526" s="12"/>
    </row>
    <row r="287527" spans="8:8">
      <c r="H287527" s="12"/>
    </row>
    <row r="287528" spans="8:8">
      <c r="H287528" s="12"/>
    </row>
    <row r="287529" spans="8:8">
      <c r="H287529" s="12"/>
    </row>
    <row r="287530" spans="8:8">
      <c r="H287530" s="12"/>
    </row>
    <row r="287531" spans="8:8">
      <c r="H287531" s="12"/>
    </row>
    <row r="287532" spans="8:8">
      <c r="H287532" s="12"/>
    </row>
    <row r="287533" spans="8:8">
      <c r="H287533" s="12"/>
    </row>
    <row r="287534" spans="8:8">
      <c r="H287534" s="12"/>
    </row>
    <row r="287535" spans="8:8">
      <c r="H287535" s="12"/>
    </row>
    <row r="287536" spans="8:8">
      <c r="H287536" s="12"/>
    </row>
    <row r="287537" spans="8:8">
      <c r="H287537" s="12"/>
    </row>
    <row r="287538" spans="8:8">
      <c r="H287538" s="12"/>
    </row>
    <row r="287539" spans="8:8">
      <c r="H287539" s="12"/>
    </row>
    <row r="287540" spans="8:8">
      <c r="H287540" s="12"/>
    </row>
    <row r="287541" spans="8:8">
      <c r="H287541" s="12"/>
    </row>
    <row r="287542" spans="8:8">
      <c r="H287542" s="12"/>
    </row>
    <row r="287543" spans="8:8">
      <c r="H287543" s="12"/>
    </row>
    <row r="287544" spans="8:8">
      <c r="H287544" s="12"/>
    </row>
    <row r="287545" spans="8:8">
      <c r="H287545" s="12"/>
    </row>
    <row r="287546" spans="8:8">
      <c r="H287546" s="12"/>
    </row>
    <row r="287547" spans="8:8">
      <c r="H287547" s="12"/>
    </row>
    <row r="287548" spans="8:8">
      <c r="H287548" s="12"/>
    </row>
    <row r="287549" spans="8:8">
      <c r="H287549" s="12"/>
    </row>
    <row r="287550" spans="8:8">
      <c r="H287550" s="12"/>
    </row>
    <row r="287551" spans="8:8">
      <c r="H287551" s="12"/>
    </row>
    <row r="287552" spans="8:8">
      <c r="H287552" s="12"/>
    </row>
    <row r="287553" spans="8:8">
      <c r="H287553" s="12"/>
    </row>
    <row r="287554" spans="8:8">
      <c r="H287554" s="12"/>
    </row>
    <row r="287555" spans="8:8">
      <c r="H287555" s="12"/>
    </row>
    <row r="287556" spans="8:8">
      <c r="H287556" s="12"/>
    </row>
    <row r="287557" spans="8:8">
      <c r="H287557" s="12"/>
    </row>
    <row r="287558" spans="8:8">
      <c r="H287558" s="12"/>
    </row>
    <row r="287559" spans="8:8">
      <c r="H287559" s="12"/>
    </row>
    <row r="287560" spans="8:8">
      <c r="H287560" s="12"/>
    </row>
    <row r="287561" spans="8:8">
      <c r="H287561" s="12"/>
    </row>
    <row r="287562" spans="8:8">
      <c r="H287562" s="12"/>
    </row>
    <row r="287563" spans="8:8">
      <c r="H287563" s="12"/>
    </row>
    <row r="287564" spans="8:8">
      <c r="H287564" s="12"/>
    </row>
    <row r="287565" spans="8:8">
      <c r="H287565" s="12"/>
    </row>
    <row r="287566" spans="8:8">
      <c r="H287566" s="12"/>
    </row>
    <row r="287567" spans="8:8">
      <c r="H287567" s="12"/>
    </row>
    <row r="287568" spans="8:8">
      <c r="H287568" s="12"/>
    </row>
    <row r="287569" spans="8:8">
      <c r="H287569" s="12"/>
    </row>
    <row r="287570" spans="8:8">
      <c r="H287570" s="12"/>
    </row>
    <row r="287571" spans="8:8">
      <c r="H287571" s="12"/>
    </row>
    <row r="287572" spans="8:8">
      <c r="H287572" s="12"/>
    </row>
    <row r="287573" spans="8:8">
      <c r="H287573" s="12"/>
    </row>
    <row r="287574" spans="8:8">
      <c r="H287574" s="12"/>
    </row>
    <row r="287575" spans="8:8">
      <c r="H287575" s="12"/>
    </row>
    <row r="287576" spans="8:8">
      <c r="H287576" s="12"/>
    </row>
    <row r="287577" spans="8:8">
      <c r="H287577" s="12"/>
    </row>
    <row r="287578" spans="8:8">
      <c r="H287578" s="12"/>
    </row>
    <row r="287579" spans="8:8">
      <c r="H287579" s="12"/>
    </row>
    <row r="287580" spans="8:8">
      <c r="H287580" s="12"/>
    </row>
    <row r="287581" spans="8:8">
      <c r="H287581" s="12"/>
    </row>
    <row r="287582" spans="8:8">
      <c r="H287582" s="12"/>
    </row>
    <row r="287583" spans="8:8">
      <c r="H287583" s="12"/>
    </row>
    <row r="287584" spans="8:8">
      <c r="H287584" s="12"/>
    </row>
    <row r="287585" spans="8:8">
      <c r="H287585" s="12"/>
    </row>
    <row r="287586" spans="8:8">
      <c r="H287586" s="12"/>
    </row>
    <row r="287587" spans="8:8">
      <c r="H287587" s="12"/>
    </row>
    <row r="287588" spans="8:8">
      <c r="H287588" s="12"/>
    </row>
    <row r="287589" spans="8:8">
      <c r="H287589" s="12"/>
    </row>
    <row r="287590" spans="8:8">
      <c r="H287590" s="12"/>
    </row>
    <row r="287591" spans="8:8">
      <c r="H287591" s="12"/>
    </row>
    <row r="287592" spans="8:8">
      <c r="H287592" s="12"/>
    </row>
    <row r="287593" spans="8:8">
      <c r="H287593" s="12"/>
    </row>
    <row r="287594" spans="8:8">
      <c r="H287594" s="12"/>
    </row>
    <row r="287595" spans="8:8">
      <c r="H287595" s="12"/>
    </row>
    <row r="287596" spans="8:8">
      <c r="H287596" s="12"/>
    </row>
    <row r="287597" spans="8:8">
      <c r="H287597" s="12"/>
    </row>
    <row r="287598" spans="8:8">
      <c r="H287598" s="12"/>
    </row>
    <row r="287599" spans="8:8">
      <c r="H287599" s="12"/>
    </row>
    <row r="287600" spans="8:8">
      <c r="H287600" s="12"/>
    </row>
    <row r="287601" spans="8:8">
      <c r="H287601" s="12"/>
    </row>
    <row r="287602" spans="8:8">
      <c r="H287602" s="12"/>
    </row>
    <row r="287603" spans="8:8">
      <c r="H287603" s="12"/>
    </row>
    <row r="287604" spans="8:8">
      <c r="H287604" s="12"/>
    </row>
    <row r="287605" spans="8:8">
      <c r="H287605" s="12"/>
    </row>
    <row r="287606" spans="8:8">
      <c r="H287606" s="12"/>
    </row>
    <row r="287607" spans="8:8">
      <c r="H287607" s="12"/>
    </row>
    <row r="287608" spans="8:8">
      <c r="H287608" s="12"/>
    </row>
    <row r="287609" spans="8:8">
      <c r="H287609" s="12"/>
    </row>
    <row r="287610" spans="8:8">
      <c r="H287610" s="12"/>
    </row>
    <row r="287611" spans="8:8">
      <c r="H287611" s="12"/>
    </row>
    <row r="287612" spans="8:8">
      <c r="H287612" s="12"/>
    </row>
    <row r="287613" spans="8:8">
      <c r="H287613" s="12"/>
    </row>
    <row r="287614" spans="8:8">
      <c r="H287614" s="12"/>
    </row>
    <row r="287615" spans="8:8">
      <c r="H287615" s="12"/>
    </row>
    <row r="287616" spans="8:8">
      <c r="H287616" s="12"/>
    </row>
    <row r="287617" spans="8:8">
      <c r="H287617" s="12"/>
    </row>
    <row r="287618" spans="8:8">
      <c r="H287618" s="12"/>
    </row>
    <row r="287619" spans="8:8">
      <c r="H287619" s="12"/>
    </row>
    <row r="287620" spans="8:8">
      <c r="H287620" s="12"/>
    </row>
    <row r="287621" spans="8:8">
      <c r="H287621" s="12"/>
    </row>
    <row r="287622" spans="8:8">
      <c r="H287622" s="12"/>
    </row>
    <row r="287623" spans="8:8">
      <c r="H287623" s="12"/>
    </row>
    <row r="287624" spans="8:8">
      <c r="H287624" s="12"/>
    </row>
    <row r="287625" spans="8:8">
      <c r="H287625" s="12"/>
    </row>
    <row r="287626" spans="8:8">
      <c r="H287626" s="12"/>
    </row>
    <row r="287627" spans="8:8">
      <c r="H287627" s="12"/>
    </row>
    <row r="287628" spans="8:8">
      <c r="H287628" s="12"/>
    </row>
    <row r="287629" spans="8:8">
      <c r="H287629" s="12"/>
    </row>
    <row r="287630" spans="8:8">
      <c r="H287630" s="12"/>
    </row>
    <row r="287631" spans="8:8">
      <c r="H287631" s="12"/>
    </row>
    <row r="287632" spans="8:8">
      <c r="H287632" s="12"/>
    </row>
    <row r="287633" spans="8:8">
      <c r="H287633" s="12"/>
    </row>
    <row r="287634" spans="8:8">
      <c r="H287634" s="12"/>
    </row>
    <row r="287635" spans="8:8">
      <c r="H287635" s="12"/>
    </row>
    <row r="287636" spans="8:8">
      <c r="H287636" s="12"/>
    </row>
    <row r="287637" spans="8:8">
      <c r="H287637" s="12"/>
    </row>
    <row r="287638" spans="8:8">
      <c r="H287638" s="12"/>
    </row>
    <row r="287639" spans="8:8">
      <c r="H287639" s="12"/>
    </row>
    <row r="287640" spans="8:8">
      <c r="H287640" s="12"/>
    </row>
    <row r="287641" spans="8:8">
      <c r="H287641" s="12"/>
    </row>
    <row r="287642" spans="8:8">
      <c r="H287642" s="12"/>
    </row>
    <row r="287643" spans="8:8">
      <c r="H287643" s="12"/>
    </row>
    <row r="287644" spans="8:8">
      <c r="H287644" s="12"/>
    </row>
    <row r="287645" spans="8:8">
      <c r="H287645" s="12"/>
    </row>
    <row r="287646" spans="8:8">
      <c r="H287646" s="12"/>
    </row>
    <row r="287647" spans="8:8">
      <c r="H287647" s="12"/>
    </row>
    <row r="287648" spans="8:8">
      <c r="H287648" s="12"/>
    </row>
    <row r="287649" spans="8:8">
      <c r="H287649" s="12"/>
    </row>
    <row r="287650" spans="8:8">
      <c r="H287650" s="12"/>
    </row>
    <row r="287651" spans="8:8">
      <c r="H287651" s="12"/>
    </row>
    <row r="287652" spans="8:8">
      <c r="H287652" s="12"/>
    </row>
    <row r="287653" spans="8:8">
      <c r="H287653" s="12"/>
    </row>
    <row r="287654" spans="8:8">
      <c r="H287654" s="12"/>
    </row>
    <row r="287655" spans="8:8">
      <c r="H287655" s="12"/>
    </row>
    <row r="287656" spans="8:8">
      <c r="H287656" s="12"/>
    </row>
    <row r="287657" spans="8:8">
      <c r="H287657" s="12"/>
    </row>
    <row r="287658" spans="8:8">
      <c r="H287658" s="12"/>
    </row>
    <row r="287659" spans="8:8">
      <c r="H287659" s="12"/>
    </row>
    <row r="287660" spans="8:8">
      <c r="H287660" s="12"/>
    </row>
    <row r="287661" spans="8:8">
      <c r="H287661" s="12"/>
    </row>
    <row r="287662" spans="8:8">
      <c r="H287662" s="12"/>
    </row>
    <row r="287663" spans="8:8">
      <c r="H287663" s="12"/>
    </row>
    <row r="287664" spans="8:8">
      <c r="H287664" s="12"/>
    </row>
    <row r="287665" spans="8:8">
      <c r="H287665" s="12"/>
    </row>
    <row r="287666" spans="8:8">
      <c r="H287666" s="12"/>
    </row>
    <row r="287667" spans="8:8">
      <c r="H287667" s="12"/>
    </row>
    <row r="287668" spans="8:8">
      <c r="H287668" s="12"/>
    </row>
    <row r="287669" spans="8:8">
      <c r="H287669" s="12"/>
    </row>
    <row r="287670" spans="8:8">
      <c r="H287670" s="12"/>
    </row>
    <row r="287671" spans="8:8">
      <c r="H287671" s="12"/>
    </row>
    <row r="287672" spans="8:8">
      <c r="H287672" s="12"/>
    </row>
    <row r="287673" spans="8:8">
      <c r="H287673" s="12"/>
    </row>
    <row r="287674" spans="8:8">
      <c r="H287674" s="12"/>
    </row>
    <row r="287675" spans="8:8">
      <c r="H287675" s="12"/>
    </row>
    <row r="287676" spans="8:8">
      <c r="H287676" s="12"/>
    </row>
    <row r="287677" spans="8:8">
      <c r="H287677" s="12"/>
    </row>
    <row r="287678" spans="8:8">
      <c r="H287678" s="12"/>
    </row>
    <row r="287679" spans="8:8">
      <c r="H287679" s="12"/>
    </row>
    <row r="287680" spans="8:8">
      <c r="H287680" s="12"/>
    </row>
    <row r="287681" spans="8:8">
      <c r="H287681" s="12"/>
    </row>
    <row r="287682" spans="8:8">
      <c r="H287682" s="12"/>
    </row>
    <row r="287683" spans="8:8">
      <c r="H287683" s="12"/>
    </row>
    <row r="287684" spans="8:8">
      <c r="H287684" s="12"/>
    </row>
    <row r="287685" spans="8:8">
      <c r="H287685" s="12"/>
    </row>
    <row r="287686" spans="8:8">
      <c r="H287686" s="12"/>
    </row>
    <row r="287687" spans="8:8">
      <c r="H287687" s="12"/>
    </row>
    <row r="287688" spans="8:8">
      <c r="H287688" s="12"/>
    </row>
    <row r="287689" spans="8:8">
      <c r="H287689" s="12"/>
    </row>
    <row r="287690" spans="8:8">
      <c r="H287690" s="12"/>
    </row>
    <row r="287691" spans="8:8">
      <c r="H287691" s="12"/>
    </row>
    <row r="287692" spans="8:8">
      <c r="H287692" s="12"/>
    </row>
    <row r="287693" spans="8:8">
      <c r="H287693" s="12"/>
    </row>
    <row r="287694" spans="8:8">
      <c r="H287694" s="12"/>
    </row>
    <row r="287695" spans="8:8">
      <c r="H287695" s="12"/>
    </row>
    <row r="287696" spans="8:8">
      <c r="H287696" s="12"/>
    </row>
    <row r="287697" spans="8:8">
      <c r="H287697" s="12"/>
    </row>
    <row r="287698" spans="8:8">
      <c r="H287698" s="12"/>
    </row>
    <row r="287699" spans="8:8">
      <c r="H287699" s="12"/>
    </row>
    <row r="287700" spans="8:8">
      <c r="H287700" s="12"/>
    </row>
    <row r="287701" spans="8:8">
      <c r="H287701" s="12"/>
    </row>
    <row r="287702" spans="8:8">
      <c r="H287702" s="12"/>
    </row>
    <row r="287703" spans="8:8">
      <c r="H287703" s="12"/>
    </row>
    <row r="287704" spans="8:8">
      <c r="H287704" s="12"/>
    </row>
    <row r="287705" spans="8:8">
      <c r="H287705" s="12"/>
    </row>
    <row r="287706" spans="8:8">
      <c r="H287706" s="12"/>
    </row>
    <row r="287707" spans="8:8">
      <c r="H287707" s="12"/>
    </row>
    <row r="287708" spans="8:8">
      <c r="H287708" s="12"/>
    </row>
    <row r="287709" spans="8:8">
      <c r="H287709" s="12"/>
    </row>
    <row r="287710" spans="8:8">
      <c r="H287710" s="12"/>
    </row>
    <row r="287711" spans="8:8">
      <c r="H287711" s="12"/>
    </row>
    <row r="287712" spans="8:8">
      <c r="H287712" s="12"/>
    </row>
    <row r="287713" spans="8:8">
      <c r="H287713" s="12"/>
    </row>
    <row r="287714" spans="8:8">
      <c r="H287714" s="12"/>
    </row>
    <row r="287715" spans="8:8">
      <c r="H287715" s="12"/>
    </row>
    <row r="287716" spans="8:8">
      <c r="H287716" s="12"/>
    </row>
    <row r="287717" spans="8:8">
      <c r="H287717" s="12"/>
    </row>
    <row r="287718" spans="8:8">
      <c r="H287718" s="12"/>
    </row>
    <row r="287719" spans="8:8">
      <c r="H287719" s="12"/>
    </row>
    <row r="287720" spans="8:8">
      <c r="H287720" s="12"/>
    </row>
    <row r="287721" spans="8:8">
      <c r="H287721" s="12"/>
    </row>
    <row r="287722" spans="8:8">
      <c r="H287722" s="12"/>
    </row>
    <row r="287723" spans="8:8">
      <c r="H287723" s="12"/>
    </row>
    <row r="287724" spans="8:8">
      <c r="H287724" s="12"/>
    </row>
    <row r="287725" spans="8:8">
      <c r="H287725" s="12"/>
    </row>
    <row r="287726" spans="8:8">
      <c r="H287726" s="12"/>
    </row>
    <row r="287727" spans="8:8">
      <c r="H287727" s="12"/>
    </row>
    <row r="287728" spans="8:8">
      <c r="H287728" s="12"/>
    </row>
    <row r="287729" spans="8:8">
      <c r="H287729" s="12"/>
    </row>
    <row r="287730" spans="8:8">
      <c r="H287730" s="12"/>
    </row>
    <row r="287731" spans="8:8">
      <c r="H287731" s="12"/>
    </row>
    <row r="287732" spans="8:8">
      <c r="H287732" s="12"/>
    </row>
    <row r="287733" spans="8:8">
      <c r="H287733" s="12"/>
    </row>
    <row r="287734" spans="8:8">
      <c r="H287734" s="12"/>
    </row>
    <row r="287735" spans="8:8">
      <c r="H287735" s="12"/>
    </row>
    <row r="287736" spans="8:8">
      <c r="H287736" s="12"/>
    </row>
    <row r="287737" spans="8:8">
      <c r="H287737" s="12"/>
    </row>
    <row r="287738" spans="8:8">
      <c r="H287738" s="12"/>
    </row>
    <row r="287739" spans="8:8">
      <c r="H287739" s="12"/>
    </row>
    <row r="287740" spans="8:8">
      <c r="H287740" s="12"/>
    </row>
    <row r="287741" spans="8:8">
      <c r="H287741" s="12"/>
    </row>
    <row r="287742" spans="8:8">
      <c r="H287742" s="12"/>
    </row>
    <row r="287743" spans="8:8">
      <c r="H287743" s="12"/>
    </row>
    <row r="287744" spans="8:8">
      <c r="H287744" s="12"/>
    </row>
    <row r="287745" spans="8:8">
      <c r="H287745" s="12"/>
    </row>
    <row r="287746" spans="8:8">
      <c r="H287746" s="12"/>
    </row>
    <row r="287747" spans="8:8">
      <c r="H287747" s="12"/>
    </row>
    <row r="287748" spans="8:8">
      <c r="H287748" s="12"/>
    </row>
    <row r="287749" spans="8:8">
      <c r="H287749" s="12"/>
    </row>
    <row r="287750" spans="8:8">
      <c r="H287750" s="12"/>
    </row>
    <row r="287751" spans="8:8">
      <c r="H287751" s="12"/>
    </row>
    <row r="287752" spans="8:8">
      <c r="H287752" s="12"/>
    </row>
    <row r="287753" spans="8:8">
      <c r="H287753" s="12"/>
    </row>
    <row r="287754" spans="8:8">
      <c r="H287754" s="12"/>
    </row>
    <row r="287755" spans="8:8">
      <c r="H287755" s="12"/>
    </row>
    <row r="287756" spans="8:8">
      <c r="H287756" s="12"/>
    </row>
    <row r="287757" spans="8:8">
      <c r="H287757" s="12"/>
    </row>
    <row r="287758" spans="8:8">
      <c r="H287758" s="12"/>
    </row>
    <row r="287759" spans="8:8">
      <c r="H287759" s="12"/>
    </row>
    <row r="287760" spans="8:8">
      <c r="H287760" s="12"/>
    </row>
    <row r="287761" spans="8:8">
      <c r="H287761" s="12"/>
    </row>
    <row r="287762" spans="8:8">
      <c r="H287762" s="12"/>
    </row>
    <row r="287763" spans="8:8">
      <c r="H287763" s="12"/>
    </row>
    <row r="287764" spans="8:8">
      <c r="H287764" s="12"/>
    </row>
    <row r="287765" spans="8:8">
      <c r="H287765" s="12"/>
    </row>
    <row r="287766" spans="8:8">
      <c r="H287766" s="12"/>
    </row>
    <row r="287767" spans="8:8">
      <c r="H287767" s="12"/>
    </row>
    <row r="287768" spans="8:8">
      <c r="H287768" s="12"/>
    </row>
    <row r="287769" spans="8:8">
      <c r="H287769" s="12"/>
    </row>
    <row r="287770" spans="8:8">
      <c r="H287770" s="12"/>
    </row>
    <row r="287771" spans="8:8">
      <c r="H287771" s="12"/>
    </row>
    <row r="287772" spans="8:8">
      <c r="H287772" s="12"/>
    </row>
    <row r="287773" spans="8:8">
      <c r="H287773" s="12"/>
    </row>
    <row r="287774" spans="8:8">
      <c r="H287774" s="12"/>
    </row>
    <row r="287775" spans="8:8">
      <c r="H287775" s="12"/>
    </row>
    <row r="287776" spans="8:8">
      <c r="H287776" s="12"/>
    </row>
    <row r="287777" spans="8:8">
      <c r="H287777" s="12"/>
    </row>
    <row r="287778" spans="8:8">
      <c r="H287778" s="12"/>
    </row>
    <row r="287779" spans="8:8">
      <c r="H287779" s="12"/>
    </row>
    <row r="287780" spans="8:8">
      <c r="H287780" s="12"/>
    </row>
    <row r="287781" spans="8:8">
      <c r="H287781" s="12"/>
    </row>
    <row r="287782" spans="8:8">
      <c r="H287782" s="12"/>
    </row>
    <row r="287783" spans="8:8">
      <c r="H287783" s="12"/>
    </row>
    <row r="287784" spans="8:8">
      <c r="H287784" s="12"/>
    </row>
    <row r="287785" spans="8:8">
      <c r="H287785" s="12"/>
    </row>
    <row r="287786" spans="8:8">
      <c r="H287786" s="12"/>
    </row>
    <row r="287787" spans="8:8">
      <c r="H287787" s="12"/>
    </row>
    <row r="287788" spans="8:8">
      <c r="H287788" s="12"/>
    </row>
    <row r="287789" spans="8:8">
      <c r="H287789" s="12"/>
    </row>
    <row r="287790" spans="8:8">
      <c r="H287790" s="12"/>
    </row>
    <row r="287791" spans="8:8">
      <c r="H287791" s="12"/>
    </row>
    <row r="287792" spans="8:8">
      <c r="H287792" s="12"/>
    </row>
    <row r="287793" spans="8:8">
      <c r="H287793" s="12"/>
    </row>
    <row r="287794" spans="8:8">
      <c r="H287794" s="12"/>
    </row>
    <row r="287795" spans="8:8">
      <c r="H287795" s="12"/>
    </row>
    <row r="287796" spans="8:8">
      <c r="H287796" s="12"/>
    </row>
    <row r="287797" spans="8:8">
      <c r="H287797" s="12"/>
    </row>
    <row r="287798" spans="8:8">
      <c r="H287798" s="12"/>
    </row>
    <row r="287799" spans="8:8">
      <c r="H287799" s="12"/>
    </row>
    <row r="287800" spans="8:8">
      <c r="H287800" s="12"/>
    </row>
    <row r="287801" spans="8:8">
      <c r="H287801" s="12"/>
    </row>
    <row r="287802" spans="8:8">
      <c r="H287802" s="12"/>
    </row>
    <row r="287803" spans="8:8">
      <c r="H287803" s="12"/>
    </row>
    <row r="287804" spans="8:8">
      <c r="H287804" s="12"/>
    </row>
    <row r="287805" spans="8:8">
      <c r="H287805" s="12"/>
    </row>
    <row r="287806" spans="8:8">
      <c r="H287806" s="12"/>
    </row>
    <row r="287807" spans="8:8">
      <c r="H287807" s="12"/>
    </row>
    <row r="287808" spans="8:8">
      <c r="H287808" s="12"/>
    </row>
    <row r="287809" spans="8:8">
      <c r="H287809" s="12"/>
    </row>
    <row r="287810" spans="8:8">
      <c r="H287810" s="12"/>
    </row>
    <row r="287811" spans="8:8">
      <c r="H287811" s="12"/>
    </row>
    <row r="287812" spans="8:8">
      <c r="H287812" s="12"/>
    </row>
    <row r="287813" spans="8:8">
      <c r="H287813" s="12"/>
    </row>
    <row r="287814" spans="8:8">
      <c r="H287814" s="12"/>
    </row>
    <row r="287815" spans="8:8">
      <c r="H287815" s="12"/>
    </row>
    <row r="287816" spans="8:8">
      <c r="H287816" s="12"/>
    </row>
    <row r="287817" spans="8:8">
      <c r="H287817" s="12"/>
    </row>
    <row r="287818" spans="8:8">
      <c r="H287818" s="12"/>
    </row>
    <row r="287819" spans="8:8">
      <c r="H287819" s="12"/>
    </row>
    <row r="287820" spans="8:8">
      <c r="H287820" s="12"/>
    </row>
    <row r="287821" spans="8:8">
      <c r="H287821" s="12"/>
    </row>
    <row r="287822" spans="8:8">
      <c r="H287822" s="12"/>
    </row>
    <row r="287823" spans="8:8">
      <c r="H287823" s="12"/>
    </row>
    <row r="287824" spans="8:8">
      <c r="H287824" s="12"/>
    </row>
    <row r="287825" spans="8:8">
      <c r="H287825" s="12"/>
    </row>
    <row r="287826" spans="8:8">
      <c r="H287826" s="12"/>
    </row>
    <row r="287827" spans="8:8">
      <c r="H287827" s="12"/>
    </row>
    <row r="287828" spans="8:8">
      <c r="H287828" s="12"/>
    </row>
    <row r="287829" spans="8:8">
      <c r="H287829" s="12"/>
    </row>
    <row r="287830" spans="8:8">
      <c r="H287830" s="12"/>
    </row>
    <row r="287831" spans="8:8">
      <c r="H287831" s="12"/>
    </row>
    <row r="287832" spans="8:8">
      <c r="H287832" s="12"/>
    </row>
    <row r="287833" spans="8:8">
      <c r="H287833" s="12"/>
    </row>
    <row r="287834" spans="8:8">
      <c r="H287834" s="12"/>
    </row>
    <row r="287835" spans="8:8">
      <c r="H287835" s="12"/>
    </row>
    <row r="287836" spans="8:8">
      <c r="H287836" s="12"/>
    </row>
    <row r="287837" spans="8:8">
      <c r="H287837" s="12"/>
    </row>
    <row r="287838" spans="8:8">
      <c r="H287838" s="12"/>
    </row>
    <row r="287839" spans="8:8">
      <c r="H287839" s="12"/>
    </row>
    <row r="287840" spans="8:8">
      <c r="H287840" s="12"/>
    </row>
    <row r="287841" spans="8:8">
      <c r="H287841" s="12"/>
    </row>
    <row r="287842" spans="8:8">
      <c r="H287842" s="12"/>
    </row>
    <row r="287843" spans="8:8">
      <c r="H287843" s="12"/>
    </row>
    <row r="287844" spans="8:8">
      <c r="H287844" s="12"/>
    </row>
    <row r="287845" spans="8:8">
      <c r="H287845" s="12"/>
    </row>
    <row r="287846" spans="8:8">
      <c r="H287846" s="12"/>
    </row>
    <row r="287847" spans="8:8">
      <c r="H287847" s="12"/>
    </row>
    <row r="287848" spans="8:8">
      <c r="H287848" s="12"/>
    </row>
    <row r="287849" spans="8:8">
      <c r="H287849" s="12"/>
    </row>
    <row r="287850" spans="8:8">
      <c r="H287850" s="12"/>
    </row>
    <row r="287851" spans="8:8">
      <c r="H287851" s="12"/>
    </row>
    <row r="287852" spans="8:8">
      <c r="H287852" s="12"/>
    </row>
    <row r="287853" spans="8:8">
      <c r="H287853" s="12"/>
    </row>
    <row r="287854" spans="8:8">
      <c r="H287854" s="12"/>
    </row>
    <row r="287855" spans="8:8">
      <c r="H287855" s="12"/>
    </row>
    <row r="287856" spans="8:8">
      <c r="H287856" s="12"/>
    </row>
    <row r="287857" spans="8:8">
      <c r="H287857" s="12"/>
    </row>
    <row r="287858" spans="8:8">
      <c r="H287858" s="12"/>
    </row>
    <row r="287859" spans="8:8">
      <c r="H287859" s="12"/>
    </row>
    <row r="287860" spans="8:8">
      <c r="H287860" s="12"/>
    </row>
    <row r="287861" spans="8:8">
      <c r="H287861" s="12"/>
    </row>
    <row r="287862" spans="8:8">
      <c r="H287862" s="12"/>
    </row>
    <row r="287863" spans="8:8">
      <c r="H287863" s="12"/>
    </row>
    <row r="287864" spans="8:8">
      <c r="H287864" s="12"/>
    </row>
    <row r="287865" spans="8:8">
      <c r="H287865" s="12"/>
    </row>
    <row r="287866" spans="8:8">
      <c r="H287866" s="12"/>
    </row>
    <row r="287867" spans="8:8">
      <c r="H287867" s="12"/>
    </row>
    <row r="287868" spans="8:8">
      <c r="H287868" s="12"/>
    </row>
    <row r="287869" spans="8:8">
      <c r="H287869" s="12"/>
    </row>
    <row r="287870" spans="8:8">
      <c r="H287870" s="12"/>
    </row>
    <row r="287871" spans="8:8">
      <c r="H287871" s="12"/>
    </row>
    <row r="287872" spans="8:8">
      <c r="H287872" s="12"/>
    </row>
    <row r="287873" spans="8:8">
      <c r="H287873" s="12"/>
    </row>
    <row r="287874" spans="8:8">
      <c r="H287874" s="12"/>
    </row>
    <row r="287875" spans="8:8">
      <c r="H287875" s="12"/>
    </row>
    <row r="287876" spans="8:8">
      <c r="H287876" s="12"/>
    </row>
    <row r="287877" spans="8:8">
      <c r="H287877" s="12"/>
    </row>
    <row r="287878" spans="8:8">
      <c r="H287878" s="12"/>
    </row>
    <row r="287879" spans="8:8">
      <c r="H287879" s="12"/>
    </row>
    <row r="287880" spans="8:8">
      <c r="H287880" s="12"/>
    </row>
    <row r="287881" spans="8:8">
      <c r="H287881" s="12"/>
    </row>
    <row r="287882" spans="8:8">
      <c r="H287882" s="12"/>
    </row>
    <row r="287883" spans="8:8">
      <c r="H287883" s="12"/>
    </row>
    <row r="287884" spans="8:8">
      <c r="H287884" s="12"/>
    </row>
    <row r="287885" spans="8:8">
      <c r="H287885" s="12"/>
    </row>
    <row r="287886" spans="8:8">
      <c r="H287886" s="12"/>
    </row>
    <row r="287887" spans="8:8">
      <c r="H287887" s="12"/>
    </row>
    <row r="287888" spans="8:8">
      <c r="H287888" s="12"/>
    </row>
    <row r="287889" spans="8:8">
      <c r="H287889" s="12"/>
    </row>
    <row r="287890" spans="8:8">
      <c r="H287890" s="12"/>
    </row>
    <row r="287891" spans="8:8">
      <c r="H287891" s="12"/>
    </row>
    <row r="287892" spans="8:8">
      <c r="H287892" s="12"/>
    </row>
    <row r="287893" spans="8:8">
      <c r="H287893" s="12"/>
    </row>
    <row r="287894" spans="8:8">
      <c r="H287894" s="12"/>
    </row>
    <row r="287895" spans="8:8">
      <c r="H287895" s="12"/>
    </row>
    <row r="287896" spans="8:8">
      <c r="H287896" s="12"/>
    </row>
    <row r="287897" spans="8:8">
      <c r="H287897" s="12"/>
    </row>
    <row r="287898" spans="8:8">
      <c r="H287898" s="12"/>
    </row>
    <row r="287899" spans="8:8">
      <c r="H287899" s="12"/>
    </row>
    <row r="287900" spans="8:8">
      <c r="H287900" s="12"/>
    </row>
    <row r="287901" spans="8:8">
      <c r="H287901" s="12"/>
    </row>
    <row r="287902" spans="8:8">
      <c r="H287902" s="12"/>
    </row>
    <row r="287903" spans="8:8">
      <c r="H287903" s="12"/>
    </row>
    <row r="287904" spans="8:8">
      <c r="H287904" s="12"/>
    </row>
    <row r="287905" spans="8:8">
      <c r="H287905" s="12"/>
    </row>
    <row r="287906" spans="8:8">
      <c r="H287906" s="12"/>
    </row>
    <row r="287907" spans="8:8">
      <c r="H287907" s="12"/>
    </row>
    <row r="287908" spans="8:8">
      <c r="H287908" s="12"/>
    </row>
    <row r="287909" spans="8:8">
      <c r="H287909" s="12"/>
    </row>
    <row r="287910" spans="8:8">
      <c r="H287910" s="12"/>
    </row>
    <row r="287911" spans="8:8">
      <c r="H287911" s="12"/>
    </row>
    <row r="287912" spans="8:8">
      <c r="H287912" s="12"/>
    </row>
    <row r="287913" spans="8:8">
      <c r="H287913" s="12"/>
    </row>
    <row r="287914" spans="8:8">
      <c r="H287914" s="12"/>
    </row>
    <row r="287915" spans="8:8">
      <c r="H287915" s="12"/>
    </row>
    <row r="287916" spans="8:8">
      <c r="H287916" s="12"/>
    </row>
    <row r="287917" spans="8:8">
      <c r="H287917" s="12"/>
    </row>
    <row r="287918" spans="8:8">
      <c r="H287918" s="12"/>
    </row>
    <row r="287919" spans="8:8">
      <c r="H287919" s="12"/>
    </row>
    <row r="287920" spans="8:8">
      <c r="H287920" s="12"/>
    </row>
    <row r="287921" spans="8:8">
      <c r="H287921" s="12"/>
    </row>
    <row r="287922" spans="8:8">
      <c r="H287922" s="12"/>
    </row>
    <row r="287923" spans="8:8">
      <c r="H287923" s="12"/>
    </row>
    <row r="287924" spans="8:8">
      <c r="H287924" s="12"/>
    </row>
    <row r="287925" spans="8:8">
      <c r="H287925" s="12"/>
    </row>
    <row r="287926" spans="8:8">
      <c r="H287926" s="12"/>
    </row>
    <row r="287927" spans="8:8">
      <c r="H287927" s="12"/>
    </row>
    <row r="287928" spans="8:8">
      <c r="H287928" s="12"/>
    </row>
    <row r="287929" spans="8:8">
      <c r="H287929" s="12"/>
    </row>
    <row r="287930" spans="8:8">
      <c r="H287930" s="12"/>
    </row>
    <row r="287931" spans="8:8">
      <c r="H287931" s="12"/>
    </row>
    <row r="287932" spans="8:8">
      <c r="H287932" s="12"/>
    </row>
    <row r="287933" spans="8:8">
      <c r="H287933" s="12"/>
    </row>
    <row r="287934" spans="8:8">
      <c r="H287934" s="12"/>
    </row>
    <row r="287935" spans="8:8">
      <c r="H287935" s="12"/>
    </row>
    <row r="287936" spans="8:8">
      <c r="H287936" s="12"/>
    </row>
    <row r="287937" spans="8:8">
      <c r="H287937" s="12"/>
    </row>
    <row r="287938" spans="8:8">
      <c r="H287938" s="12"/>
    </row>
    <row r="287939" spans="8:8">
      <c r="H287939" s="12"/>
    </row>
    <row r="287940" spans="8:8">
      <c r="H287940" s="12"/>
    </row>
    <row r="287941" spans="8:8">
      <c r="H287941" s="12"/>
    </row>
    <row r="287942" spans="8:8">
      <c r="H287942" s="12"/>
    </row>
    <row r="287943" spans="8:8">
      <c r="H287943" s="12"/>
    </row>
    <row r="287944" spans="8:8">
      <c r="H287944" s="12"/>
    </row>
    <row r="287945" spans="8:8">
      <c r="H287945" s="12"/>
    </row>
    <row r="287946" spans="8:8">
      <c r="H287946" s="12"/>
    </row>
    <row r="287947" spans="8:8">
      <c r="H287947" s="12"/>
    </row>
    <row r="287948" spans="8:8">
      <c r="H287948" s="12"/>
    </row>
    <row r="287949" spans="8:8">
      <c r="H287949" s="12"/>
    </row>
    <row r="287950" spans="8:8">
      <c r="H287950" s="12"/>
    </row>
    <row r="287951" spans="8:8">
      <c r="H287951" s="12"/>
    </row>
    <row r="287952" spans="8:8">
      <c r="H287952" s="12"/>
    </row>
    <row r="287953" spans="8:8">
      <c r="H287953" s="12"/>
    </row>
    <row r="287954" spans="8:8">
      <c r="H287954" s="12"/>
    </row>
    <row r="287955" spans="8:8">
      <c r="H287955" s="12"/>
    </row>
    <row r="287956" spans="8:8">
      <c r="H287956" s="12"/>
    </row>
    <row r="287957" spans="8:8">
      <c r="H287957" s="12"/>
    </row>
    <row r="287958" spans="8:8">
      <c r="H287958" s="12"/>
    </row>
    <row r="287959" spans="8:8">
      <c r="H287959" s="12"/>
    </row>
    <row r="287960" spans="8:8">
      <c r="H287960" s="12"/>
    </row>
    <row r="287961" spans="8:8">
      <c r="H287961" s="12"/>
    </row>
    <row r="287962" spans="8:8">
      <c r="H287962" s="12"/>
    </row>
    <row r="287963" spans="8:8">
      <c r="H287963" s="12"/>
    </row>
    <row r="287964" spans="8:8">
      <c r="H287964" s="12"/>
    </row>
    <row r="287965" spans="8:8">
      <c r="H287965" s="12"/>
    </row>
    <row r="287966" spans="8:8">
      <c r="H287966" s="12"/>
    </row>
    <row r="287967" spans="8:8">
      <c r="H287967" s="12"/>
    </row>
    <row r="287968" spans="8:8">
      <c r="H287968" s="12"/>
    </row>
    <row r="287969" spans="8:8">
      <c r="H287969" s="12"/>
    </row>
    <row r="287970" spans="8:8">
      <c r="H287970" s="12"/>
    </row>
    <row r="287971" spans="8:8">
      <c r="H287971" s="12"/>
    </row>
    <row r="287972" spans="8:8">
      <c r="H287972" s="12"/>
    </row>
    <row r="287973" spans="8:8">
      <c r="H287973" s="12"/>
    </row>
    <row r="287974" spans="8:8">
      <c r="H287974" s="12"/>
    </row>
    <row r="287975" spans="8:8">
      <c r="H287975" s="12"/>
    </row>
    <row r="287976" spans="8:8">
      <c r="H287976" s="12"/>
    </row>
    <row r="287977" spans="8:8">
      <c r="H287977" s="12"/>
    </row>
    <row r="287978" spans="8:8">
      <c r="H287978" s="12"/>
    </row>
    <row r="287979" spans="8:8">
      <c r="H287979" s="12"/>
    </row>
    <row r="287980" spans="8:8">
      <c r="H287980" s="12"/>
    </row>
    <row r="287981" spans="8:8">
      <c r="H287981" s="12"/>
    </row>
    <row r="287982" spans="8:8">
      <c r="H287982" s="12"/>
    </row>
    <row r="287983" spans="8:8">
      <c r="H287983" s="12"/>
    </row>
    <row r="287984" spans="8:8">
      <c r="H287984" s="12"/>
    </row>
    <row r="287985" spans="8:8">
      <c r="H287985" s="12"/>
    </row>
    <row r="287986" spans="8:8">
      <c r="H287986" s="12"/>
    </row>
    <row r="287987" spans="8:8">
      <c r="H287987" s="12"/>
    </row>
    <row r="287988" spans="8:8">
      <c r="H287988" s="12"/>
    </row>
    <row r="287989" spans="8:8">
      <c r="H287989" s="12"/>
    </row>
    <row r="287990" spans="8:8">
      <c r="H287990" s="12"/>
    </row>
    <row r="287991" spans="8:8">
      <c r="H287991" s="12"/>
    </row>
    <row r="287992" spans="8:8">
      <c r="H287992" s="12"/>
    </row>
    <row r="287993" spans="8:8">
      <c r="H287993" s="12"/>
    </row>
    <row r="287994" spans="8:8">
      <c r="H287994" s="12"/>
    </row>
    <row r="287995" spans="8:8">
      <c r="H287995" s="12"/>
    </row>
    <row r="287996" spans="8:8">
      <c r="H287996" s="12"/>
    </row>
    <row r="287997" spans="8:8">
      <c r="H287997" s="12"/>
    </row>
    <row r="287998" spans="8:8">
      <c r="H287998" s="12"/>
    </row>
    <row r="287999" spans="8:8">
      <c r="H287999" s="12"/>
    </row>
    <row r="288000" spans="8:8">
      <c r="H288000" s="12"/>
    </row>
    <row r="288001" spans="8:8">
      <c r="H288001" s="12"/>
    </row>
    <row r="288002" spans="8:8">
      <c r="H288002" s="12"/>
    </row>
    <row r="288003" spans="8:8">
      <c r="H288003" s="12"/>
    </row>
    <row r="288004" spans="8:8">
      <c r="H288004" s="12"/>
    </row>
    <row r="288005" spans="8:8">
      <c r="H288005" s="12"/>
    </row>
    <row r="288006" spans="8:8">
      <c r="H288006" s="12"/>
    </row>
    <row r="288007" spans="8:8">
      <c r="H288007" s="12"/>
    </row>
    <row r="288008" spans="8:8">
      <c r="H288008" s="12"/>
    </row>
    <row r="288009" spans="8:8">
      <c r="H288009" s="12"/>
    </row>
    <row r="288010" spans="8:8">
      <c r="H288010" s="12"/>
    </row>
    <row r="288011" spans="8:8">
      <c r="H288011" s="12"/>
    </row>
    <row r="288012" spans="8:8">
      <c r="H288012" s="12"/>
    </row>
    <row r="288013" spans="8:8">
      <c r="H288013" s="12"/>
    </row>
    <row r="288014" spans="8:8">
      <c r="H288014" s="12"/>
    </row>
    <row r="288015" spans="8:8">
      <c r="H288015" s="12"/>
    </row>
    <row r="288016" spans="8:8">
      <c r="H288016" s="12"/>
    </row>
    <row r="288017" spans="8:8">
      <c r="H288017" s="12"/>
    </row>
    <row r="288018" spans="8:8">
      <c r="H288018" s="12"/>
    </row>
    <row r="288019" spans="8:8">
      <c r="H288019" s="12"/>
    </row>
    <row r="288020" spans="8:8">
      <c r="H288020" s="12"/>
    </row>
    <row r="288021" spans="8:8">
      <c r="H288021" s="12"/>
    </row>
    <row r="288022" spans="8:8">
      <c r="H288022" s="12"/>
    </row>
    <row r="288023" spans="8:8">
      <c r="H288023" s="12"/>
    </row>
    <row r="288024" spans="8:8">
      <c r="H288024" s="12"/>
    </row>
    <row r="288025" spans="8:8">
      <c r="H288025" s="12"/>
    </row>
    <row r="288026" spans="8:8">
      <c r="H288026" s="12"/>
    </row>
    <row r="288027" spans="8:8">
      <c r="H288027" s="12"/>
    </row>
    <row r="288028" spans="8:8">
      <c r="H288028" s="12"/>
    </row>
    <row r="288029" spans="8:8">
      <c r="H288029" s="12"/>
    </row>
    <row r="288030" spans="8:8">
      <c r="H288030" s="12"/>
    </row>
    <row r="288031" spans="8:8">
      <c r="H288031" s="12"/>
    </row>
    <row r="288032" spans="8:8">
      <c r="H288032" s="12"/>
    </row>
    <row r="288033" spans="8:8">
      <c r="H288033" s="12"/>
    </row>
    <row r="288034" spans="8:8">
      <c r="H288034" s="12"/>
    </row>
    <row r="288035" spans="8:8">
      <c r="H288035" s="12"/>
    </row>
    <row r="288036" spans="8:8">
      <c r="H288036" s="12"/>
    </row>
    <row r="288037" spans="8:8">
      <c r="H288037" s="12"/>
    </row>
    <row r="288038" spans="8:8">
      <c r="H288038" s="12"/>
    </row>
    <row r="288039" spans="8:8">
      <c r="H288039" s="12"/>
    </row>
    <row r="288040" spans="8:8">
      <c r="H288040" s="12"/>
    </row>
    <row r="288041" spans="8:8">
      <c r="H288041" s="12"/>
    </row>
    <row r="288042" spans="8:8">
      <c r="H288042" s="12"/>
    </row>
    <row r="288043" spans="8:8">
      <c r="H288043" s="12"/>
    </row>
    <row r="288044" spans="8:8">
      <c r="H288044" s="12"/>
    </row>
    <row r="288045" spans="8:8">
      <c r="H288045" s="12"/>
    </row>
    <row r="288046" spans="8:8">
      <c r="H288046" s="12"/>
    </row>
    <row r="288047" spans="8:8">
      <c r="H288047" s="12"/>
    </row>
    <row r="288048" spans="8:8">
      <c r="H288048" s="12"/>
    </row>
    <row r="288049" spans="8:8">
      <c r="H288049" s="12"/>
    </row>
    <row r="288050" spans="8:8">
      <c r="H288050" s="12"/>
    </row>
    <row r="288051" spans="8:8">
      <c r="H288051" s="12"/>
    </row>
    <row r="288052" spans="8:8">
      <c r="H288052" s="12"/>
    </row>
    <row r="288053" spans="8:8">
      <c r="H288053" s="12"/>
    </row>
    <row r="288054" spans="8:8">
      <c r="H288054" s="12"/>
    </row>
    <row r="288055" spans="8:8">
      <c r="H288055" s="12"/>
    </row>
    <row r="288056" spans="8:8">
      <c r="H288056" s="12"/>
    </row>
    <row r="288057" spans="8:8">
      <c r="H288057" s="12"/>
    </row>
    <row r="288058" spans="8:8">
      <c r="H288058" s="12"/>
    </row>
    <row r="288059" spans="8:8">
      <c r="H288059" s="12"/>
    </row>
    <row r="288060" spans="8:8">
      <c r="H288060" s="12"/>
    </row>
    <row r="288061" spans="8:8">
      <c r="H288061" s="12"/>
    </row>
    <row r="288062" spans="8:8">
      <c r="H288062" s="12"/>
    </row>
    <row r="288063" spans="8:8">
      <c r="H288063" s="12"/>
    </row>
    <row r="288064" spans="8:8">
      <c r="H288064" s="12"/>
    </row>
    <row r="288065" spans="8:8">
      <c r="H288065" s="12"/>
    </row>
    <row r="288066" spans="8:8">
      <c r="H288066" s="12"/>
    </row>
    <row r="288067" spans="8:8">
      <c r="H288067" s="12"/>
    </row>
    <row r="288068" spans="8:8">
      <c r="H288068" s="12"/>
    </row>
    <row r="288069" spans="8:8">
      <c r="H288069" s="12"/>
    </row>
    <row r="288070" spans="8:8">
      <c r="H288070" s="12"/>
    </row>
    <row r="288071" spans="8:8">
      <c r="H288071" s="12"/>
    </row>
    <row r="288072" spans="8:8">
      <c r="H288072" s="12"/>
    </row>
    <row r="288073" spans="8:8">
      <c r="H288073" s="12"/>
    </row>
    <row r="288074" spans="8:8">
      <c r="H288074" s="12"/>
    </row>
    <row r="288075" spans="8:8">
      <c r="H288075" s="12"/>
    </row>
    <row r="288076" spans="8:8">
      <c r="H288076" s="12"/>
    </row>
    <row r="288077" spans="8:8">
      <c r="H288077" s="12"/>
    </row>
    <row r="288078" spans="8:8">
      <c r="H288078" s="12"/>
    </row>
    <row r="288079" spans="8:8">
      <c r="H288079" s="12"/>
    </row>
    <row r="288080" spans="8:8">
      <c r="H288080" s="12"/>
    </row>
    <row r="288081" spans="8:8">
      <c r="H288081" s="12"/>
    </row>
    <row r="288082" spans="8:8">
      <c r="H288082" s="12"/>
    </row>
    <row r="288083" spans="8:8">
      <c r="H288083" s="12"/>
    </row>
    <row r="288084" spans="8:8">
      <c r="H288084" s="12"/>
    </row>
    <row r="288085" spans="8:8">
      <c r="H288085" s="12"/>
    </row>
    <row r="288086" spans="8:8">
      <c r="H288086" s="12"/>
    </row>
    <row r="288087" spans="8:8">
      <c r="H288087" s="12"/>
    </row>
    <row r="288088" spans="8:8">
      <c r="H288088" s="12"/>
    </row>
    <row r="288089" spans="8:8">
      <c r="H288089" s="12"/>
    </row>
    <row r="288090" spans="8:8">
      <c r="H288090" s="12"/>
    </row>
    <row r="288091" spans="8:8">
      <c r="H288091" s="12"/>
    </row>
    <row r="288092" spans="8:8">
      <c r="H288092" s="12"/>
    </row>
    <row r="288093" spans="8:8">
      <c r="H288093" s="12"/>
    </row>
    <row r="288094" spans="8:8">
      <c r="H288094" s="12"/>
    </row>
    <row r="288095" spans="8:8">
      <c r="H288095" s="12"/>
    </row>
    <row r="288096" spans="8:8">
      <c r="H288096" s="12"/>
    </row>
    <row r="288097" spans="8:8">
      <c r="H288097" s="12"/>
    </row>
    <row r="288098" spans="8:8">
      <c r="H288098" s="12"/>
    </row>
    <row r="288099" spans="8:8">
      <c r="H288099" s="12"/>
    </row>
    <row r="288100" spans="8:8">
      <c r="H288100" s="12"/>
    </row>
    <row r="288101" spans="8:8">
      <c r="H288101" s="12"/>
    </row>
    <row r="288102" spans="8:8">
      <c r="H288102" s="12"/>
    </row>
    <row r="288103" spans="8:8">
      <c r="H288103" s="12"/>
    </row>
    <row r="288104" spans="8:8">
      <c r="H288104" s="12"/>
    </row>
    <row r="288105" spans="8:8">
      <c r="H288105" s="12"/>
    </row>
    <row r="288106" spans="8:8">
      <c r="H288106" s="12"/>
    </row>
    <row r="288107" spans="8:8">
      <c r="H288107" s="12"/>
    </row>
    <row r="288108" spans="8:8">
      <c r="H288108" s="12"/>
    </row>
    <row r="288109" spans="8:8">
      <c r="H288109" s="12"/>
    </row>
    <row r="288110" spans="8:8">
      <c r="H288110" s="12"/>
    </row>
    <row r="288111" spans="8:8">
      <c r="H288111" s="12"/>
    </row>
    <row r="288112" spans="8:8">
      <c r="H288112" s="12"/>
    </row>
    <row r="288113" spans="8:8">
      <c r="H288113" s="12"/>
    </row>
    <row r="288114" spans="8:8">
      <c r="H288114" s="12"/>
    </row>
    <row r="288115" spans="8:8">
      <c r="H288115" s="12"/>
    </row>
    <row r="288116" spans="8:8">
      <c r="H288116" s="12"/>
    </row>
    <row r="288117" spans="8:8">
      <c r="H288117" s="12"/>
    </row>
    <row r="288118" spans="8:8">
      <c r="H288118" s="12"/>
    </row>
    <row r="288119" spans="8:8">
      <c r="H288119" s="12"/>
    </row>
    <row r="288120" spans="8:8">
      <c r="H288120" s="12"/>
    </row>
    <row r="288121" spans="8:8">
      <c r="H288121" s="12"/>
    </row>
    <row r="288122" spans="8:8">
      <c r="H288122" s="12"/>
    </row>
    <row r="288123" spans="8:8">
      <c r="H288123" s="12"/>
    </row>
    <row r="288124" spans="8:8">
      <c r="H288124" s="12"/>
    </row>
    <row r="288125" spans="8:8">
      <c r="H288125" s="12"/>
    </row>
    <row r="288126" spans="8:8">
      <c r="H288126" s="12"/>
    </row>
    <row r="288127" spans="8:8">
      <c r="H288127" s="12"/>
    </row>
    <row r="288128" spans="8:8">
      <c r="H288128" s="12"/>
    </row>
    <row r="288129" spans="8:8">
      <c r="H288129" s="12"/>
    </row>
    <row r="288130" spans="8:8">
      <c r="H288130" s="12"/>
    </row>
    <row r="288131" spans="8:8">
      <c r="H288131" s="12"/>
    </row>
    <row r="288132" spans="8:8">
      <c r="H288132" s="12"/>
    </row>
    <row r="288133" spans="8:8">
      <c r="H288133" s="12"/>
    </row>
    <row r="288134" spans="8:8">
      <c r="H288134" s="12"/>
    </row>
    <row r="288135" spans="8:8">
      <c r="H288135" s="12"/>
    </row>
    <row r="288136" spans="8:8">
      <c r="H288136" s="12"/>
    </row>
    <row r="288137" spans="8:8">
      <c r="H288137" s="12"/>
    </row>
    <row r="288138" spans="8:8">
      <c r="H288138" s="12"/>
    </row>
    <row r="288139" spans="8:8">
      <c r="H288139" s="12"/>
    </row>
    <row r="288140" spans="8:8">
      <c r="H288140" s="12"/>
    </row>
    <row r="288141" spans="8:8">
      <c r="H288141" s="12"/>
    </row>
    <row r="288142" spans="8:8">
      <c r="H288142" s="12"/>
    </row>
    <row r="288143" spans="8:8">
      <c r="H288143" s="12"/>
    </row>
    <row r="288144" spans="8:8">
      <c r="H288144" s="12"/>
    </row>
    <row r="288145" spans="8:8">
      <c r="H288145" s="12"/>
    </row>
    <row r="288146" spans="8:8">
      <c r="H288146" s="12"/>
    </row>
    <row r="288147" spans="8:8">
      <c r="H288147" s="12"/>
    </row>
    <row r="288148" spans="8:8">
      <c r="H288148" s="12"/>
    </row>
    <row r="288149" spans="8:8">
      <c r="H288149" s="12"/>
    </row>
    <row r="288150" spans="8:8">
      <c r="H288150" s="12"/>
    </row>
    <row r="288151" spans="8:8">
      <c r="H288151" s="12"/>
    </row>
    <row r="288152" spans="8:8">
      <c r="H288152" s="12"/>
    </row>
    <row r="288153" spans="8:8">
      <c r="H288153" s="12"/>
    </row>
    <row r="288154" spans="8:8">
      <c r="H288154" s="12"/>
    </row>
    <row r="288155" spans="8:8">
      <c r="H288155" s="12"/>
    </row>
    <row r="288156" spans="8:8">
      <c r="H288156" s="12"/>
    </row>
    <row r="288157" spans="8:8">
      <c r="H288157" s="12"/>
    </row>
    <row r="288158" spans="8:8">
      <c r="H288158" s="12"/>
    </row>
    <row r="288159" spans="8:8">
      <c r="H288159" s="12"/>
    </row>
    <row r="288160" spans="8:8">
      <c r="H288160" s="12"/>
    </row>
    <row r="288161" spans="8:8">
      <c r="H288161" s="12"/>
    </row>
    <row r="288162" spans="8:8">
      <c r="H288162" s="12"/>
    </row>
    <row r="288163" spans="8:8">
      <c r="H288163" s="12"/>
    </row>
    <row r="288164" spans="8:8">
      <c r="H288164" s="12"/>
    </row>
    <row r="288165" spans="8:8">
      <c r="H288165" s="12"/>
    </row>
    <row r="288166" spans="8:8">
      <c r="H288166" s="12"/>
    </row>
    <row r="288167" spans="8:8">
      <c r="H288167" s="12"/>
    </row>
    <row r="288168" spans="8:8">
      <c r="H288168" s="12"/>
    </row>
    <row r="288169" spans="8:8">
      <c r="H288169" s="12"/>
    </row>
    <row r="288170" spans="8:8">
      <c r="H288170" s="12"/>
    </row>
    <row r="288171" spans="8:8">
      <c r="H288171" s="12"/>
    </row>
    <row r="288172" spans="8:8">
      <c r="H288172" s="12"/>
    </row>
    <row r="288173" spans="8:8">
      <c r="H288173" s="12"/>
    </row>
    <row r="288174" spans="8:8">
      <c r="H288174" s="12"/>
    </row>
    <row r="288175" spans="8:8">
      <c r="H288175" s="12"/>
    </row>
    <row r="288176" spans="8:8">
      <c r="H288176" s="12"/>
    </row>
    <row r="288177" spans="8:8">
      <c r="H288177" s="12"/>
    </row>
    <row r="288178" spans="8:8">
      <c r="H288178" s="12"/>
    </row>
    <row r="288179" spans="8:8">
      <c r="H288179" s="12"/>
    </row>
    <row r="288180" spans="8:8">
      <c r="H288180" s="12"/>
    </row>
    <row r="288181" spans="8:8">
      <c r="H288181" s="12"/>
    </row>
    <row r="288182" spans="8:8">
      <c r="H288182" s="12"/>
    </row>
    <row r="288183" spans="8:8">
      <c r="H288183" s="12"/>
    </row>
    <row r="288184" spans="8:8">
      <c r="H288184" s="12"/>
    </row>
    <row r="288185" spans="8:8">
      <c r="H288185" s="12"/>
    </row>
    <row r="288186" spans="8:8">
      <c r="H288186" s="12"/>
    </row>
    <row r="288187" spans="8:8">
      <c r="H288187" s="12"/>
    </row>
    <row r="288188" spans="8:8">
      <c r="H288188" s="12"/>
    </row>
    <row r="288189" spans="8:8">
      <c r="H288189" s="12"/>
    </row>
    <row r="288190" spans="8:8">
      <c r="H288190" s="12"/>
    </row>
    <row r="288191" spans="8:8">
      <c r="H288191" s="12"/>
    </row>
    <row r="288192" spans="8:8">
      <c r="H288192" s="12"/>
    </row>
    <row r="288193" spans="8:8">
      <c r="H288193" s="12"/>
    </row>
    <row r="288194" spans="8:8">
      <c r="H288194" s="12"/>
    </row>
    <row r="288195" spans="8:8">
      <c r="H288195" s="12"/>
    </row>
    <row r="288196" spans="8:8">
      <c r="H288196" s="12"/>
    </row>
    <row r="288197" spans="8:8">
      <c r="H288197" s="12"/>
    </row>
    <row r="288198" spans="8:8">
      <c r="H288198" s="12"/>
    </row>
    <row r="288199" spans="8:8">
      <c r="H288199" s="12"/>
    </row>
    <row r="288200" spans="8:8">
      <c r="H288200" s="12"/>
    </row>
    <row r="288201" spans="8:8">
      <c r="H288201" s="12"/>
    </row>
    <row r="288202" spans="8:8">
      <c r="H288202" s="12"/>
    </row>
    <row r="288203" spans="8:8">
      <c r="H288203" s="12"/>
    </row>
    <row r="288204" spans="8:8">
      <c r="H288204" s="12"/>
    </row>
    <row r="288205" spans="8:8">
      <c r="H288205" s="12"/>
    </row>
    <row r="288206" spans="8:8">
      <c r="H288206" s="12"/>
    </row>
    <row r="288207" spans="8:8">
      <c r="H288207" s="12"/>
    </row>
    <row r="288208" spans="8:8">
      <c r="H288208" s="12"/>
    </row>
    <row r="288209" spans="8:8">
      <c r="H288209" s="12"/>
    </row>
    <row r="288210" spans="8:8">
      <c r="H288210" s="12"/>
    </row>
    <row r="288211" spans="8:8">
      <c r="H288211" s="12"/>
    </row>
    <row r="288212" spans="8:8">
      <c r="H288212" s="12"/>
    </row>
    <row r="288213" spans="8:8">
      <c r="H288213" s="12"/>
    </row>
    <row r="288214" spans="8:8">
      <c r="H288214" s="12"/>
    </row>
    <row r="288215" spans="8:8">
      <c r="H288215" s="12"/>
    </row>
    <row r="288216" spans="8:8">
      <c r="H288216" s="12"/>
    </row>
    <row r="288217" spans="8:8">
      <c r="H288217" s="12"/>
    </row>
    <row r="288218" spans="8:8">
      <c r="H288218" s="12"/>
    </row>
    <row r="288219" spans="8:8">
      <c r="H288219" s="12"/>
    </row>
    <row r="288220" spans="8:8">
      <c r="H288220" s="12"/>
    </row>
    <row r="288221" spans="8:8">
      <c r="H288221" s="12"/>
    </row>
    <row r="288222" spans="8:8">
      <c r="H288222" s="12"/>
    </row>
    <row r="288223" spans="8:8">
      <c r="H288223" s="12"/>
    </row>
    <row r="288224" spans="8:8">
      <c r="H288224" s="12"/>
    </row>
    <row r="288225" spans="8:8">
      <c r="H288225" s="12"/>
    </row>
    <row r="288226" spans="8:8">
      <c r="H288226" s="12"/>
    </row>
    <row r="288227" spans="8:8">
      <c r="H288227" s="12"/>
    </row>
    <row r="288228" spans="8:8">
      <c r="H288228" s="12"/>
    </row>
    <row r="288229" spans="8:8">
      <c r="H288229" s="12"/>
    </row>
    <row r="288230" spans="8:8">
      <c r="H288230" s="12"/>
    </row>
    <row r="288231" spans="8:8">
      <c r="H288231" s="12"/>
    </row>
    <row r="288232" spans="8:8">
      <c r="H288232" s="12"/>
    </row>
    <row r="288233" spans="8:8">
      <c r="H288233" s="12"/>
    </row>
    <row r="288234" spans="8:8">
      <c r="H288234" s="12"/>
    </row>
    <row r="288235" spans="8:8">
      <c r="H288235" s="12"/>
    </row>
    <row r="288236" spans="8:8">
      <c r="H288236" s="12"/>
    </row>
    <row r="288237" spans="8:8">
      <c r="H288237" s="12"/>
    </row>
    <row r="288238" spans="8:8">
      <c r="H288238" s="12"/>
    </row>
    <row r="288239" spans="8:8">
      <c r="H288239" s="12"/>
    </row>
    <row r="288240" spans="8:8">
      <c r="H288240" s="12"/>
    </row>
    <row r="288241" spans="8:8">
      <c r="H288241" s="12"/>
    </row>
    <row r="288242" spans="8:8">
      <c r="H288242" s="12"/>
    </row>
    <row r="288243" spans="8:8">
      <c r="H288243" s="12"/>
    </row>
    <row r="288244" spans="8:8">
      <c r="H288244" s="12"/>
    </row>
    <row r="288245" spans="8:8">
      <c r="H288245" s="12"/>
    </row>
    <row r="288246" spans="8:8">
      <c r="H288246" s="12"/>
    </row>
    <row r="288247" spans="8:8">
      <c r="H288247" s="12"/>
    </row>
    <row r="288248" spans="8:8">
      <c r="H288248" s="12"/>
    </row>
    <row r="288249" spans="8:8">
      <c r="H288249" s="12"/>
    </row>
    <row r="288250" spans="8:8">
      <c r="H288250" s="12"/>
    </row>
    <row r="288251" spans="8:8">
      <c r="H288251" s="12"/>
    </row>
    <row r="288252" spans="8:8">
      <c r="H288252" s="12"/>
    </row>
    <row r="288253" spans="8:8">
      <c r="H288253" s="12"/>
    </row>
    <row r="288254" spans="8:8">
      <c r="H288254" s="12"/>
    </row>
    <row r="288255" spans="8:8">
      <c r="H288255" s="12"/>
    </row>
    <row r="288256" spans="8:8">
      <c r="H288256" s="12"/>
    </row>
    <row r="288257" spans="8:8">
      <c r="H288257" s="12"/>
    </row>
    <row r="288258" spans="8:8">
      <c r="H288258" s="12"/>
    </row>
    <row r="288259" spans="8:8">
      <c r="H288259" s="12"/>
    </row>
    <row r="288260" spans="8:8">
      <c r="H288260" s="12"/>
    </row>
    <row r="288261" spans="8:8">
      <c r="H288261" s="12"/>
    </row>
    <row r="288262" spans="8:8">
      <c r="H288262" s="12"/>
    </row>
    <row r="288263" spans="8:8">
      <c r="H288263" s="12"/>
    </row>
    <row r="288264" spans="8:8">
      <c r="H288264" s="12"/>
    </row>
    <row r="288265" spans="8:8">
      <c r="H288265" s="12"/>
    </row>
    <row r="288266" spans="8:8">
      <c r="H288266" s="12"/>
    </row>
    <row r="288267" spans="8:8">
      <c r="H288267" s="12"/>
    </row>
    <row r="288268" spans="8:8">
      <c r="H288268" s="12"/>
    </row>
    <row r="288269" spans="8:8">
      <c r="H288269" s="12"/>
    </row>
    <row r="288270" spans="8:8">
      <c r="H288270" s="12"/>
    </row>
    <row r="288271" spans="8:8">
      <c r="H288271" s="12"/>
    </row>
    <row r="288272" spans="8:8">
      <c r="H288272" s="12"/>
    </row>
    <row r="288273" spans="8:8">
      <c r="H288273" s="12"/>
    </row>
    <row r="288274" spans="8:8">
      <c r="H288274" s="12"/>
    </row>
    <row r="288275" spans="8:8">
      <c r="H288275" s="12"/>
    </row>
    <row r="288276" spans="8:8">
      <c r="H288276" s="12"/>
    </row>
    <row r="288277" spans="8:8">
      <c r="H288277" s="12"/>
    </row>
    <row r="288278" spans="8:8">
      <c r="H288278" s="12"/>
    </row>
    <row r="288279" spans="8:8">
      <c r="H288279" s="12"/>
    </row>
    <row r="288280" spans="8:8">
      <c r="H288280" s="12"/>
    </row>
    <row r="288281" spans="8:8">
      <c r="H288281" s="12"/>
    </row>
    <row r="288282" spans="8:8">
      <c r="H288282" s="12"/>
    </row>
    <row r="288283" spans="8:8">
      <c r="H288283" s="12"/>
    </row>
    <row r="288284" spans="8:8">
      <c r="H288284" s="12"/>
    </row>
    <row r="288285" spans="8:8">
      <c r="H288285" s="12"/>
    </row>
    <row r="288286" spans="8:8">
      <c r="H288286" s="12"/>
    </row>
    <row r="288287" spans="8:8">
      <c r="H288287" s="12"/>
    </row>
    <row r="288288" spans="8:8">
      <c r="H288288" s="12"/>
    </row>
    <row r="288289" spans="8:8">
      <c r="H288289" s="12"/>
    </row>
    <row r="288290" spans="8:8">
      <c r="H288290" s="12"/>
    </row>
    <row r="288291" spans="8:8">
      <c r="H288291" s="12"/>
    </row>
    <row r="288292" spans="8:8">
      <c r="H288292" s="12"/>
    </row>
    <row r="288293" spans="8:8">
      <c r="H288293" s="12"/>
    </row>
    <row r="288294" spans="8:8">
      <c r="H288294" s="12"/>
    </row>
    <row r="288295" spans="8:8">
      <c r="H288295" s="12"/>
    </row>
    <row r="288296" spans="8:8">
      <c r="H288296" s="12"/>
    </row>
    <row r="288297" spans="8:8">
      <c r="H288297" s="12"/>
    </row>
    <row r="288298" spans="8:8">
      <c r="H288298" s="12"/>
    </row>
    <row r="288299" spans="8:8">
      <c r="H288299" s="12"/>
    </row>
    <row r="288300" spans="8:8">
      <c r="H288300" s="12"/>
    </row>
    <row r="288301" spans="8:8">
      <c r="H288301" s="12"/>
    </row>
    <row r="288302" spans="8:8">
      <c r="H288302" s="12"/>
    </row>
    <row r="288303" spans="8:8">
      <c r="H288303" s="12"/>
    </row>
    <row r="288304" spans="8:8">
      <c r="H288304" s="12"/>
    </row>
    <row r="288305" spans="8:8">
      <c r="H288305" s="12"/>
    </row>
    <row r="288306" spans="8:8">
      <c r="H288306" s="12"/>
    </row>
    <row r="288307" spans="8:8">
      <c r="H288307" s="12"/>
    </row>
    <row r="288308" spans="8:8">
      <c r="H288308" s="12"/>
    </row>
    <row r="288309" spans="8:8">
      <c r="H288309" s="12"/>
    </row>
    <row r="288310" spans="8:8">
      <c r="H288310" s="12"/>
    </row>
    <row r="288311" spans="8:8">
      <c r="H288311" s="12"/>
    </row>
    <row r="288312" spans="8:8">
      <c r="H288312" s="12"/>
    </row>
    <row r="288313" spans="8:8">
      <c r="H288313" s="12"/>
    </row>
    <row r="288314" spans="8:8">
      <c r="H288314" s="12"/>
    </row>
    <row r="288315" spans="8:8">
      <c r="H288315" s="12"/>
    </row>
    <row r="288316" spans="8:8">
      <c r="H288316" s="12"/>
    </row>
    <row r="288317" spans="8:8">
      <c r="H288317" s="12"/>
    </row>
    <row r="288318" spans="8:8">
      <c r="H288318" s="12"/>
    </row>
    <row r="288319" spans="8:8">
      <c r="H288319" s="12"/>
    </row>
    <row r="288320" spans="8:8">
      <c r="H288320" s="12"/>
    </row>
    <row r="288321" spans="8:8">
      <c r="H288321" s="12"/>
    </row>
    <row r="288322" spans="8:8">
      <c r="H288322" s="12"/>
    </row>
    <row r="288323" spans="8:8">
      <c r="H288323" s="12"/>
    </row>
    <row r="288324" spans="8:8">
      <c r="H288324" s="12"/>
    </row>
    <row r="288325" spans="8:8">
      <c r="H288325" s="12"/>
    </row>
    <row r="288326" spans="8:8">
      <c r="H288326" s="12"/>
    </row>
    <row r="288327" spans="8:8">
      <c r="H288327" s="12"/>
    </row>
    <row r="288328" spans="8:8">
      <c r="H288328" s="12"/>
    </row>
    <row r="288329" spans="8:8">
      <c r="H288329" s="12"/>
    </row>
    <row r="288330" spans="8:8">
      <c r="H288330" s="12"/>
    </row>
    <row r="288331" spans="8:8">
      <c r="H288331" s="12"/>
    </row>
    <row r="288332" spans="8:8">
      <c r="H288332" s="12"/>
    </row>
    <row r="288333" spans="8:8">
      <c r="H288333" s="12"/>
    </row>
    <row r="288334" spans="8:8">
      <c r="H288334" s="12"/>
    </row>
    <row r="288335" spans="8:8">
      <c r="H288335" s="12"/>
    </row>
    <row r="288336" spans="8:8">
      <c r="H288336" s="12"/>
    </row>
    <row r="288337" spans="8:8">
      <c r="H288337" s="12"/>
    </row>
    <row r="288338" spans="8:8">
      <c r="H288338" s="12"/>
    </row>
    <row r="288339" spans="8:8">
      <c r="H288339" s="12"/>
    </row>
    <row r="288340" spans="8:8">
      <c r="H288340" s="12"/>
    </row>
    <row r="288341" spans="8:8">
      <c r="H288341" s="12"/>
    </row>
    <row r="288342" spans="8:8">
      <c r="H288342" s="12"/>
    </row>
    <row r="288343" spans="8:8">
      <c r="H288343" s="12"/>
    </row>
    <row r="288344" spans="8:8">
      <c r="H288344" s="12"/>
    </row>
    <row r="288345" spans="8:8">
      <c r="H288345" s="12"/>
    </row>
    <row r="288346" spans="8:8">
      <c r="H288346" s="12"/>
    </row>
    <row r="288347" spans="8:8">
      <c r="H288347" s="12"/>
    </row>
    <row r="288348" spans="8:8">
      <c r="H288348" s="12"/>
    </row>
    <row r="288349" spans="8:8">
      <c r="H288349" s="12"/>
    </row>
    <row r="288350" spans="8:8">
      <c r="H288350" s="12"/>
    </row>
    <row r="288351" spans="8:8">
      <c r="H288351" s="12"/>
    </row>
    <row r="288352" spans="8:8">
      <c r="H288352" s="12"/>
    </row>
    <row r="288353" spans="8:8">
      <c r="H288353" s="12"/>
    </row>
    <row r="288354" spans="8:8">
      <c r="H288354" s="12"/>
    </row>
    <row r="288355" spans="8:8">
      <c r="H288355" s="12"/>
    </row>
    <row r="288356" spans="8:8">
      <c r="H288356" s="12"/>
    </row>
    <row r="288357" spans="8:8">
      <c r="H288357" s="12"/>
    </row>
    <row r="288358" spans="8:8">
      <c r="H288358" s="12"/>
    </row>
    <row r="288359" spans="8:8">
      <c r="H288359" s="12"/>
    </row>
    <row r="288360" spans="8:8">
      <c r="H288360" s="12"/>
    </row>
    <row r="288361" spans="8:8">
      <c r="H288361" s="12"/>
    </row>
    <row r="288362" spans="8:8">
      <c r="H288362" s="12"/>
    </row>
    <row r="288363" spans="8:8">
      <c r="H288363" s="12"/>
    </row>
    <row r="288364" spans="8:8">
      <c r="H288364" s="12"/>
    </row>
    <row r="288365" spans="8:8">
      <c r="H288365" s="12"/>
    </row>
    <row r="288366" spans="8:8">
      <c r="H288366" s="12"/>
    </row>
    <row r="288367" spans="8:8">
      <c r="H288367" s="12"/>
    </row>
    <row r="288368" spans="8:8">
      <c r="H288368" s="12"/>
    </row>
    <row r="288369" spans="8:8">
      <c r="H288369" s="12"/>
    </row>
    <row r="288370" spans="8:8">
      <c r="H288370" s="12"/>
    </row>
    <row r="288371" spans="8:8">
      <c r="H288371" s="12"/>
    </row>
    <row r="288372" spans="8:8">
      <c r="H288372" s="12"/>
    </row>
    <row r="288373" spans="8:8">
      <c r="H288373" s="12"/>
    </row>
    <row r="288374" spans="8:8">
      <c r="H288374" s="12"/>
    </row>
    <row r="288375" spans="8:8">
      <c r="H288375" s="12"/>
    </row>
    <row r="288376" spans="8:8">
      <c r="H288376" s="12"/>
    </row>
    <row r="288377" spans="8:8">
      <c r="H288377" s="12"/>
    </row>
    <row r="288378" spans="8:8">
      <c r="H288378" s="12"/>
    </row>
    <row r="288379" spans="8:8">
      <c r="H288379" s="12"/>
    </row>
    <row r="288380" spans="8:8">
      <c r="H288380" s="12"/>
    </row>
    <row r="288381" spans="8:8">
      <c r="H288381" s="12"/>
    </row>
    <row r="288382" spans="8:8">
      <c r="H288382" s="12"/>
    </row>
    <row r="288383" spans="8:8">
      <c r="H288383" s="12"/>
    </row>
    <row r="288384" spans="8:8">
      <c r="H288384" s="12"/>
    </row>
    <row r="288385" spans="8:8">
      <c r="H288385" s="12"/>
    </row>
    <row r="288386" spans="8:8">
      <c r="H288386" s="12"/>
    </row>
    <row r="288387" spans="8:8">
      <c r="H288387" s="12"/>
    </row>
    <row r="288388" spans="8:8">
      <c r="H288388" s="12"/>
    </row>
    <row r="288389" spans="8:8">
      <c r="H288389" s="12"/>
    </row>
    <row r="288390" spans="8:8">
      <c r="H288390" s="12"/>
    </row>
    <row r="288391" spans="8:8">
      <c r="H288391" s="12"/>
    </row>
    <row r="288392" spans="8:8">
      <c r="H288392" s="12"/>
    </row>
    <row r="288393" spans="8:8">
      <c r="H288393" s="12"/>
    </row>
    <row r="288394" spans="8:8">
      <c r="H288394" s="12"/>
    </row>
    <row r="288395" spans="8:8">
      <c r="H288395" s="12"/>
    </row>
    <row r="288396" spans="8:8">
      <c r="H288396" s="12"/>
    </row>
    <row r="288397" spans="8:8">
      <c r="H288397" s="12"/>
    </row>
    <row r="288398" spans="8:8">
      <c r="H288398" s="12"/>
    </row>
    <row r="288399" spans="8:8">
      <c r="H288399" s="12"/>
    </row>
    <row r="288400" spans="8:8">
      <c r="H288400" s="12"/>
    </row>
    <row r="288401" spans="8:8">
      <c r="H288401" s="12"/>
    </row>
    <row r="288402" spans="8:8">
      <c r="H288402" s="12"/>
    </row>
    <row r="288403" spans="8:8">
      <c r="H288403" s="12"/>
    </row>
    <row r="288404" spans="8:8">
      <c r="H288404" s="12"/>
    </row>
    <row r="288405" spans="8:8">
      <c r="H288405" s="12"/>
    </row>
    <row r="288406" spans="8:8">
      <c r="H288406" s="12"/>
    </row>
    <row r="288407" spans="8:8">
      <c r="H288407" s="12"/>
    </row>
    <row r="288408" spans="8:8">
      <c r="H288408" s="12"/>
    </row>
    <row r="288409" spans="8:8">
      <c r="H288409" s="12"/>
    </row>
    <row r="288410" spans="8:8">
      <c r="H288410" s="12"/>
    </row>
    <row r="288411" spans="8:8">
      <c r="H288411" s="12"/>
    </row>
    <row r="288412" spans="8:8">
      <c r="H288412" s="12"/>
    </row>
    <row r="288413" spans="8:8">
      <c r="H288413" s="12"/>
    </row>
    <row r="288414" spans="8:8">
      <c r="H288414" s="12"/>
    </row>
    <row r="288415" spans="8:8">
      <c r="H288415" s="12"/>
    </row>
    <row r="288416" spans="8:8">
      <c r="H288416" s="12"/>
    </row>
    <row r="288417" spans="8:8">
      <c r="H288417" s="12"/>
    </row>
    <row r="288418" spans="8:8">
      <c r="H288418" s="12"/>
    </row>
    <row r="288419" spans="8:8">
      <c r="H288419" s="12"/>
    </row>
    <row r="288420" spans="8:8">
      <c r="H288420" s="12"/>
    </row>
    <row r="288421" spans="8:8">
      <c r="H288421" s="12"/>
    </row>
    <row r="288422" spans="8:8">
      <c r="H288422" s="12"/>
    </row>
    <row r="288423" spans="8:8">
      <c r="H288423" s="12"/>
    </row>
    <row r="288424" spans="8:8">
      <c r="H288424" s="12"/>
    </row>
    <row r="288425" spans="8:8">
      <c r="H288425" s="12"/>
    </row>
    <row r="288426" spans="8:8">
      <c r="H288426" s="12"/>
    </row>
    <row r="288427" spans="8:8">
      <c r="H288427" s="12"/>
    </row>
    <row r="288428" spans="8:8">
      <c r="H288428" s="12"/>
    </row>
    <row r="288429" spans="8:8">
      <c r="H288429" s="12"/>
    </row>
    <row r="288430" spans="8:8">
      <c r="H288430" s="12"/>
    </row>
    <row r="288431" spans="8:8">
      <c r="H288431" s="12"/>
    </row>
    <row r="288432" spans="8:8">
      <c r="H288432" s="12"/>
    </row>
    <row r="288433" spans="8:8">
      <c r="H288433" s="12"/>
    </row>
    <row r="288434" spans="8:8">
      <c r="H288434" s="12"/>
    </row>
    <row r="288435" spans="8:8">
      <c r="H288435" s="12"/>
    </row>
    <row r="288436" spans="8:8">
      <c r="H288436" s="12"/>
    </row>
    <row r="288437" spans="8:8">
      <c r="H288437" s="12"/>
    </row>
    <row r="288438" spans="8:8">
      <c r="H288438" s="12"/>
    </row>
    <row r="288439" spans="8:8">
      <c r="H288439" s="12"/>
    </row>
    <row r="288440" spans="8:8">
      <c r="H288440" s="12"/>
    </row>
    <row r="288441" spans="8:8">
      <c r="H288441" s="12"/>
    </row>
    <row r="288442" spans="8:8">
      <c r="H288442" s="12"/>
    </row>
    <row r="288443" spans="8:8">
      <c r="H288443" s="12"/>
    </row>
    <row r="288444" spans="8:8">
      <c r="H288444" s="12"/>
    </row>
    <row r="288445" spans="8:8">
      <c r="H288445" s="12"/>
    </row>
    <row r="288446" spans="8:8">
      <c r="H288446" s="12"/>
    </row>
    <row r="288447" spans="8:8">
      <c r="H288447" s="12"/>
    </row>
    <row r="288448" spans="8:8">
      <c r="H288448" s="12"/>
    </row>
    <row r="288449" spans="8:8">
      <c r="H288449" s="12"/>
    </row>
    <row r="288450" spans="8:8">
      <c r="H288450" s="12"/>
    </row>
    <row r="288451" spans="8:8">
      <c r="H288451" s="12"/>
    </row>
    <row r="288452" spans="8:8">
      <c r="H288452" s="12"/>
    </row>
    <row r="288453" spans="8:8">
      <c r="H288453" s="12"/>
    </row>
    <row r="288454" spans="8:8">
      <c r="H288454" s="12"/>
    </row>
    <row r="288455" spans="8:8">
      <c r="H288455" s="12"/>
    </row>
    <row r="288456" spans="8:8">
      <c r="H288456" s="12"/>
    </row>
    <row r="288457" spans="8:8">
      <c r="H288457" s="12"/>
    </row>
    <row r="288458" spans="8:8">
      <c r="H288458" s="12"/>
    </row>
    <row r="288459" spans="8:8">
      <c r="H288459" s="12"/>
    </row>
    <row r="288460" spans="8:8">
      <c r="H288460" s="12"/>
    </row>
    <row r="288461" spans="8:8">
      <c r="H288461" s="12"/>
    </row>
    <row r="288462" spans="8:8">
      <c r="H288462" s="12"/>
    </row>
    <row r="288463" spans="8:8">
      <c r="H288463" s="12"/>
    </row>
    <row r="288464" spans="8:8">
      <c r="H288464" s="12"/>
    </row>
    <row r="288465" spans="8:8">
      <c r="H288465" s="12"/>
    </row>
    <row r="288466" spans="8:8">
      <c r="H288466" s="12"/>
    </row>
    <row r="288467" spans="8:8">
      <c r="H288467" s="12"/>
    </row>
    <row r="288468" spans="8:8">
      <c r="H288468" s="12"/>
    </row>
    <row r="288469" spans="8:8">
      <c r="H288469" s="12"/>
    </row>
    <row r="288470" spans="8:8">
      <c r="H288470" s="12"/>
    </row>
    <row r="288471" spans="8:8">
      <c r="H288471" s="12"/>
    </row>
    <row r="288472" spans="8:8">
      <c r="H288472" s="12"/>
    </row>
    <row r="288473" spans="8:8">
      <c r="H288473" s="12"/>
    </row>
    <row r="288474" spans="8:8">
      <c r="H288474" s="12"/>
    </row>
    <row r="288475" spans="8:8">
      <c r="H288475" s="12"/>
    </row>
    <row r="288476" spans="8:8">
      <c r="H288476" s="12"/>
    </row>
    <row r="288477" spans="8:8">
      <c r="H288477" s="12"/>
    </row>
    <row r="288478" spans="8:8">
      <c r="H288478" s="12"/>
    </row>
    <row r="288479" spans="8:8">
      <c r="H288479" s="12"/>
    </row>
    <row r="288480" spans="8:8">
      <c r="H288480" s="12"/>
    </row>
    <row r="288481" spans="8:8">
      <c r="H288481" s="12"/>
    </row>
    <row r="288482" spans="8:8">
      <c r="H288482" s="12"/>
    </row>
    <row r="288483" spans="8:8">
      <c r="H288483" s="12"/>
    </row>
    <row r="288484" spans="8:8">
      <c r="H288484" s="12"/>
    </row>
    <row r="288485" spans="8:8">
      <c r="H288485" s="12"/>
    </row>
    <row r="288486" spans="8:8">
      <c r="H288486" s="12"/>
    </row>
    <row r="288487" spans="8:8">
      <c r="H288487" s="12"/>
    </row>
    <row r="288488" spans="8:8">
      <c r="H288488" s="12"/>
    </row>
    <row r="288489" spans="8:8">
      <c r="H288489" s="12"/>
    </row>
    <row r="288490" spans="8:8">
      <c r="H288490" s="12"/>
    </row>
    <row r="288491" spans="8:8">
      <c r="H288491" s="12"/>
    </row>
    <row r="288492" spans="8:8">
      <c r="H288492" s="12"/>
    </row>
    <row r="288493" spans="8:8">
      <c r="H288493" s="12"/>
    </row>
    <row r="288494" spans="8:8">
      <c r="H288494" s="12"/>
    </row>
    <row r="288495" spans="8:8">
      <c r="H288495" s="12"/>
    </row>
    <row r="288496" spans="8:8">
      <c r="H288496" s="12"/>
    </row>
    <row r="288497" spans="8:8">
      <c r="H288497" s="12"/>
    </row>
    <row r="288498" spans="8:8">
      <c r="H288498" s="12"/>
    </row>
    <row r="288499" spans="8:8">
      <c r="H288499" s="12"/>
    </row>
    <row r="288500" spans="8:8">
      <c r="H288500" s="12"/>
    </row>
    <row r="288501" spans="8:8">
      <c r="H288501" s="12"/>
    </row>
    <row r="288502" spans="8:8">
      <c r="H288502" s="12"/>
    </row>
    <row r="288503" spans="8:8">
      <c r="H288503" s="12"/>
    </row>
    <row r="288504" spans="8:8">
      <c r="H288504" s="12"/>
    </row>
    <row r="288505" spans="8:8">
      <c r="H288505" s="12"/>
    </row>
    <row r="288506" spans="8:8">
      <c r="H288506" s="12"/>
    </row>
    <row r="288507" spans="8:8">
      <c r="H288507" s="12"/>
    </row>
    <row r="288508" spans="8:8">
      <c r="H288508" s="12"/>
    </row>
    <row r="288509" spans="8:8">
      <c r="H288509" s="12"/>
    </row>
    <row r="288510" spans="8:8">
      <c r="H288510" s="12"/>
    </row>
    <row r="288511" spans="8:8">
      <c r="H288511" s="12"/>
    </row>
    <row r="288512" spans="8:8">
      <c r="H288512" s="12"/>
    </row>
    <row r="288513" spans="8:8">
      <c r="H288513" s="12"/>
    </row>
    <row r="288514" spans="8:8">
      <c r="H288514" s="12"/>
    </row>
    <row r="288515" spans="8:8">
      <c r="H288515" s="12"/>
    </row>
    <row r="288516" spans="8:8">
      <c r="H288516" s="12"/>
    </row>
    <row r="288517" spans="8:8">
      <c r="H288517" s="12"/>
    </row>
    <row r="288518" spans="8:8">
      <c r="H288518" s="12"/>
    </row>
    <row r="288519" spans="8:8">
      <c r="H288519" s="12"/>
    </row>
    <row r="288520" spans="8:8">
      <c r="H288520" s="12"/>
    </row>
    <row r="288521" spans="8:8">
      <c r="H288521" s="12"/>
    </row>
    <row r="288522" spans="8:8">
      <c r="H288522" s="12"/>
    </row>
    <row r="288523" spans="8:8">
      <c r="H288523" s="12"/>
    </row>
    <row r="288524" spans="8:8">
      <c r="H288524" s="12"/>
    </row>
    <row r="288525" spans="8:8">
      <c r="H288525" s="12"/>
    </row>
    <row r="288526" spans="8:8">
      <c r="H288526" s="12"/>
    </row>
    <row r="288527" spans="8:8">
      <c r="H288527" s="12"/>
    </row>
    <row r="288528" spans="8:8">
      <c r="H288528" s="12"/>
    </row>
    <row r="288529" spans="8:8">
      <c r="H288529" s="12"/>
    </row>
    <row r="288530" spans="8:8">
      <c r="H288530" s="12"/>
    </row>
    <row r="288531" spans="8:8">
      <c r="H288531" s="12"/>
    </row>
    <row r="288532" spans="8:8">
      <c r="H288532" s="12"/>
    </row>
    <row r="288533" spans="8:8">
      <c r="H288533" s="12"/>
    </row>
    <row r="288534" spans="8:8">
      <c r="H288534" s="12"/>
    </row>
    <row r="288535" spans="8:8">
      <c r="H288535" s="12"/>
    </row>
    <row r="288536" spans="8:8">
      <c r="H288536" s="12"/>
    </row>
    <row r="288537" spans="8:8">
      <c r="H288537" s="12"/>
    </row>
    <row r="288538" spans="8:8">
      <c r="H288538" s="12"/>
    </row>
    <row r="288539" spans="8:8">
      <c r="H288539" s="12"/>
    </row>
    <row r="288540" spans="8:8">
      <c r="H288540" s="12"/>
    </row>
    <row r="288541" spans="8:8">
      <c r="H288541" s="12"/>
    </row>
    <row r="288542" spans="8:8">
      <c r="H288542" s="12"/>
    </row>
    <row r="288543" spans="8:8">
      <c r="H288543" s="12"/>
    </row>
    <row r="288544" spans="8:8">
      <c r="H288544" s="12"/>
    </row>
    <row r="288545" spans="8:8">
      <c r="H288545" s="12"/>
    </row>
    <row r="288546" spans="8:8">
      <c r="H288546" s="12"/>
    </row>
    <row r="288547" spans="8:8">
      <c r="H288547" s="12"/>
    </row>
    <row r="288548" spans="8:8">
      <c r="H288548" s="12"/>
    </row>
    <row r="288549" spans="8:8">
      <c r="H288549" s="12"/>
    </row>
    <row r="288550" spans="8:8">
      <c r="H288550" s="12"/>
    </row>
    <row r="288551" spans="8:8">
      <c r="H288551" s="12"/>
    </row>
    <row r="288552" spans="8:8">
      <c r="H288552" s="12"/>
    </row>
    <row r="288553" spans="8:8">
      <c r="H288553" s="12"/>
    </row>
    <row r="288554" spans="8:8">
      <c r="H288554" s="12"/>
    </row>
    <row r="288555" spans="8:8">
      <c r="H288555" s="12"/>
    </row>
    <row r="288556" spans="8:8">
      <c r="H288556" s="12"/>
    </row>
    <row r="288557" spans="8:8">
      <c r="H288557" s="12"/>
    </row>
    <row r="288558" spans="8:8">
      <c r="H288558" s="12"/>
    </row>
    <row r="288559" spans="8:8">
      <c r="H288559" s="12"/>
    </row>
    <row r="288560" spans="8:8">
      <c r="H288560" s="12"/>
    </row>
    <row r="288561" spans="8:8">
      <c r="H288561" s="12"/>
    </row>
    <row r="288562" spans="8:8">
      <c r="H288562" s="12"/>
    </row>
    <row r="288563" spans="8:8">
      <c r="H288563" s="12"/>
    </row>
    <row r="288564" spans="8:8">
      <c r="H288564" s="12"/>
    </row>
    <row r="288565" spans="8:8">
      <c r="H288565" s="12"/>
    </row>
    <row r="288566" spans="8:8">
      <c r="H288566" s="12"/>
    </row>
    <row r="288567" spans="8:8">
      <c r="H288567" s="12"/>
    </row>
    <row r="288568" spans="8:8">
      <c r="H288568" s="12"/>
    </row>
    <row r="288569" spans="8:8">
      <c r="H288569" s="12"/>
    </row>
    <row r="288570" spans="8:8">
      <c r="H288570" s="12"/>
    </row>
    <row r="288571" spans="8:8">
      <c r="H288571" s="12"/>
    </row>
    <row r="288572" spans="8:8">
      <c r="H288572" s="12"/>
    </row>
    <row r="288573" spans="8:8">
      <c r="H288573" s="12"/>
    </row>
    <row r="288574" spans="8:8">
      <c r="H288574" s="12"/>
    </row>
    <row r="288575" spans="8:8">
      <c r="H288575" s="12"/>
    </row>
    <row r="288576" spans="8:8">
      <c r="H288576" s="12"/>
    </row>
    <row r="288577" spans="8:8">
      <c r="H288577" s="12"/>
    </row>
    <row r="288578" spans="8:8">
      <c r="H288578" s="12"/>
    </row>
    <row r="288579" spans="8:8">
      <c r="H288579" s="12"/>
    </row>
    <row r="288580" spans="8:8">
      <c r="H288580" s="12"/>
    </row>
    <row r="288581" spans="8:8">
      <c r="H288581" s="12"/>
    </row>
    <row r="288582" spans="8:8">
      <c r="H288582" s="12"/>
    </row>
    <row r="288583" spans="8:8">
      <c r="H288583" s="12"/>
    </row>
    <row r="288584" spans="8:8">
      <c r="H288584" s="12"/>
    </row>
    <row r="288585" spans="8:8">
      <c r="H288585" s="12"/>
    </row>
    <row r="288586" spans="8:8">
      <c r="H288586" s="12"/>
    </row>
    <row r="288587" spans="8:8">
      <c r="H288587" s="12"/>
    </row>
    <row r="288588" spans="8:8">
      <c r="H288588" s="12"/>
    </row>
    <row r="288589" spans="8:8">
      <c r="H288589" s="12"/>
    </row>
    <row r="288590" spans="8:8">
      <c r="H288590" s="12"/>
    </row>
    <row r="288591" spans="8:8">
      <c r="H288591" s="12"/>
    </row>
    <row r="288592" spans="8:8">
      <c r="H288592" s="12"/>
    </row>
    <row r="288593" spans="8:8">
      <c r="H288593" s="12"/>
    </row>
    <row r="288594" spans="8:8">
      <c r="H288594" s="12"/>
    </row>
    <row r="288595" spans="8:8">
      <c r="H288595" s="12"/>
    </row>
    <row r="288596" spans="8:8">
      <c r="H288596" s="12"/>
    </row>
    <row r="288597" spans="8:8">
      <c r="H288597" s="12"/>
    </row>
    <row r="288598" spans="8:8">
      <c r="H288598" s="12"/>
    </row>
    <row r="288599" spans="8:8">
      <c r="H288599" s="12"/>
    </row>
    <row r="288600" spans="8:8">
      <c r="H288600" s="12"/>
    </row>
    <row r="288601" spans="8:8">
      <c r="H288601" s="12"/>
    </row>
    <row r="288602" spans="8:8">
      <c r="H288602" s="12"/>
    </row>
    <row r="288603" spans="8:8">
      <c r="H288603" s="12"/>
    </row>
    <row r="288604" spans="8:8">
      <c r="H288604" s="12"/>
    </row>
    <row r="288605" spans="8:8">
      <c r="H288605" s="12"/>
    </row>
    <row r="288606" spans="8:8">
      <c r="H288606" s="12"/>
    </row>
    <row r="288607" spans="8:8">
      <c r="H288607" s="12"/>
    </row>
    <row r="288608" spans="8:8">
      <c r="H288608" s="12"/>
    </row>
    <row r="288609" spans="8:8">
      <c r="H288609" s="12"/>
    </row>
    <row r="288610" spans="8:8">
      <c r="H288610" s="12"/>
    </row>
    <row r="288611" spans="8:8">
      <c r="H288611" s="12"/>
    </row>
    <row r="288612" spans="8:8">
      <c r="H288612" s="12"/>
    </row>
    <row r="288613" spans="8:8">
      <c r="H288613" s="12"/>
    </row>
    <row r="288614" spans="8:8">
      <c r="H288614" s="12"/>
    </row>
    <row r="288615" spans="8:8">
      <c r="H288615" s="12"/>
    </row>
    <row r="288616" spans="8:8">
      <c r="H288616" s="12"/>
    </row>
    <row r="288617" spans="8:8">
      <c r="H288617" s="12"/>
    </row>
    <row r="288618" spans="8:8">
      <c r="H288618" s="12"/>
    </row>
    <row r="288619" spans="8:8">
      <c r="H288619" s="12"/>
    </row>
    <row r="288620" spans="8:8">
      <c r="H288620" s="12"/>
    </row>
    <row r="288621" spans="8:8">
      <c r="H288621" s="12"/>
    </row>
    <row r="288622" spans="8:8">
      <c r="H288622" s="12"/>
    </row>
    <row r="288623" spans="8:8">
      <c r="H288623" s="12"/>
    </row>
    <row r="288624" spans="8:8">
      <c r="H288624" s="12"/>
    </row>
    <row r="288625" spans="8:8">
      <c r="H288625" s="12"/>
    </row>
    <row r="288626" spans="8:8">
      <c r="H288626" s="12"/>
    </row>
    <row r="288627" spans="8:8">
      <c r="H288627" s="12"/>
    </row>
    <row r="288628" spans="8:8">
      <c r="H288628" s="12"/>
    </row>
    <row r="288629" spans="8:8">
      <c r="H288629" s="12"/>
    </row>
    <row r="288630" spans="8:8">
      <c r="H288630" s="12"/>
    </row>
    <row r="288631" spans="8:8">
      <c r="H288631" s="12"/>
    </row>
    <row r="288632" spans="8:8">
      <c r="H288632" s="12"/>
    </row>
    <row r="288633" spans="8:8">
      <c r="H288633" s="12"/>
    </row>
    <row r="288634" spans="8:8">
      <c r="H288634" s="12"/>
    </row>
    <row r="288635" spans="8:8">
      <c r="H288635" s="12"/>
    </row>
    <row r="288636" spans="8:8">
      <c r="H288636" s="12"/>
    </row>
    <row r="288637" spans="8:8">
      <c r="H288637" s="12"/>
    </row>
    <row r="288638" spans="8:8">
      <c r="H288638" s="12"/>
    </row>
    <row r="288639" spans="8:8">
      <c r="H288639" s="12"/>
    </row>
    <row r="288640" spans="8:8">
      <c r="H288640" s="12"/>
    </row>
    <row r="288641" spans="8:8">
      <c r="H288641" s="12"/>
    </row>
    <row r="288642" spans="8:8">
      <c r="H288642" s="12"/>
    </row>
    <row r="288643" spans="8:8">
      <c r="H288643" s="12"/>
    </row>
    <row r="288644" spans="8:8">
      <c r="H288644" s="12"/>
    </row>
    <row r="288645" spans="8:8">
      <c r="H288645" s="12"/>
    </row>
    <row r="288646" spans="8:8">
      <c r="H288646" s="12"/>
    </row>
    <row r="288647" spans="8:8">
      <c r="H288647" s="12"/>
    </row>
    <row r="288648" spans="8:8">
      <c r="H288648" s="12"/>
    </row>
    <row r="288649" spans="8:8">
      <c r="H288649" s="12"/>
    </row>
    <row r="288650" spans="8:8">
      <c r="H288650" s="12"/>
    </row>
    <row r="288651" spans="8:8">
      <c r="H288651" s="12"/>
    </row>
    <row r="288652" spans="8:8">
      <c r="H288652" s="12"/>
    </row>
    <row r="288653" spans="8:8">
      <c r="H288653" s="12"/>
    </row>
    <row r="288654" spans="8:8">
      <c r="H288654" s="12"/>
    </row>
    <row r="288655" spans="8:8">
      <c r="H288655" s="12"/>
    </row>
    <row r="288656" spans="8:8">
      <c r="H288656" s="12"/>
    </row>
    <row r="288657" spans="8:8">
      <c r="H288657" s="12"/>
    </row>
    <row r="288658" spans="8:8">
      <c r="H288658" s="12"/>
    </row>
    <row r="288659" spans="8:8">
      <c r="H288659" s="12"/>
    </row>
    <row r="288660" spans="8:8">
      <c r="H288660" s="12"/>
    </row>
    <row r="288661" spans="8:8">
      <c r="H288661" s="12"/>
    </row>
    <row r="288662" spans="8:8">
      <c r="H288662" s="12"/>
    </row>
    <row r="288663" spans="8:8">
      <c r="H288663" s="12"/>
    </row>
    <row r="288664" spans="8:8">
      <c r="H288664" s="12"/>
    </row>
    <row r="288665" spans="8:8">
      <c r="H288665" s="12"/>
    </row>
    <row r="288666" spans="8:8">
      <c r="H288666" s="12"/>
    </row>
    <row r="288667" spans="8:8">
      <c r="H288667" s="12"/>
    </row>
    <row r="288668" spans="8:8">
      <c r="H288668" s="12"/>
    </row>
    <row r="288669" spans="8:8">
      <c r="H288669" s="12"/>
    </row>
    <row r="288670" spans="8:8">
      <c r="H288670" s="12"/>
    </row>
    <row r="288671" spans="8:8">
      <c r="H288671" s="12"/>
    </row>
    <row r="288672" spans="8:8">
      <c r="H288672" s="12"/>
    </row>
    <row r="288673" spans="8:8">
      <c r="H288673" s="12"/>
    </row>
    <row r="288674" spans="8:8">
      <c r="H288674" s="12"/>
    </row>
    <row r="288675" spans="8:8">
      <c r="H288675" s="12"/>
    </row>
    <row r="288676" spans="8:8">
      <c r="H288676" s="12"/>
    </row>
    <row r="288677" spans="8:8">
      <c r="H288677" s="12"/>
    </row>
    <row r="288678" spans="8:8">
      <c r="H288678" s="12"/>
    </row>
    <row r="288679" spans="8:8">
      <c r="H288679" s="12"/>
    </row>
    <row r="288680" spans="8:8">
      <c r="H288680" s="12"/>
    </row>
    <row r="288681" spans="8:8">
      <c r="H288681" s="12"/>
    </row>
    <row r="288682" spans="8:8">
      <c r="H288682" s="12"/>
    </row>
    <row r="288683" spans="8:8">
      <c r="H288683" s="12"/>
    </row>
    <row r="288684" spans="8:8">
      <c r="H288684" s="12"/>
    </row>
    <row r="288685" spans="8:8">
      <c r="H288685" s="12"/>
    </row>
    <row r="288686" spans="8:8">
      <c r="H288686" s="12"/>
    </row>
    <row r="288687" spans="8:8">
      <c r="H288687" s="12"/>
    </row>
    <row r="288688" spans="8:8">
      <c r="H288688" s="12"/>
    </row>
    <row r="288689" spans="8:8">
      <c r="H288689" s="12"/>
    </row>
    <row r="288690" spans="8:8">
      <c r="H288690" s="12"/>
    </row>
    <row r="288691" spans="8:8">
      <c r="H288691" s="12"/>
    </row>
    <row r="288692" spans="8:8">
      <c r="H288692" s="12"/>
    </row>
    <row r="288693" spans="8:8">
      <c r="H288693" s="12"/>
    </row>
    <row r="288694" spans="8:8">
      <c r="H288694" s="12"/>
    </row>
    <row r="288695" spans="8:8">
      <c r="H288695" s="12"/>
    </row>
    <row r="288696" spans="8:8">
      <c r="H288696" s="12"/>
    </row>
    <row r="288697" spans="8:8">
      <c r="H288697" s="12"/>
    </row>
    <row r="288698" spans="8:8">
      <c r="H288698" s="12"/>
    </row>
    <row r="288699" spans="8:8">
      <c r="H288699" s="12"/>
    </row>
    <row r="288700" spans="8:8">
      <c r="H288700" s="12"/>
    </row>
    <row r="288701" spans="8:8">
      <c r="H288701" s="12"/>
    </row>
    <row r="288702" spans="8:8">
      <c r="H288702" s="12"/>
    </row>
    <row r="288703" spans="8:8">
      <c r="H288703" s="12"/>
    </row>
    <row r="288704" spans="8:8">
      <c r="H288704" s="12"/>
    </row>
    <row r="288705" spans="8:8">
      <c r="H288705" s="12"/>
    </row>
    <row r="288706" spans="8:8">
      <c r="H288706" s="12"/>
    </row>
    <row r="288707" spans="8:8">
      <c r="H288707" s="12"/>
    </row>
    <row r="288708" spans="8:8">
      <c r="H288708" s="12"/>
    </row>
    <row r="288709" spans="8:8">
      <c r="H288709" s="12"/>
    </row>
    <row r="288710" spans="8:8">
      <c r="H288710" s="12"/>
    </row>
    <row r="288711" spans="8:8">
      <c r="H288711" s="12"/>
    </row>
    <row r="288712" spans="8:8">
      <c r="H288712" s="12"/>
    </row>
    <row r="288713" spans="8:8">
      <c r="H288713" s="12"/>
    </row>
    <row r="288714" spans="8:8">
      <c r="H288714" s="12"/>
    </row>
    <row r="288715" spans="8:8">
      <c r="H288715" s="12"/>
    </row>
    <row r="288716" spans="8:8">
      <c r="H288716" s="12"/>
    </row>
    <row r="288717" spans="8:8">
      <c r="H288717" s="12"/>
    </row>
    <row r="288718" spans="8:8">
      <c r="H288718" s="12"/>
    </row>
    <row r="288719" spans="8:8">
      <c r="H288719" s="12"/>
    </row>
    <row r="288720" spans="8:8">
      <c r="H288720" s="12"/>
    </row>
    <row r="288721" spans="8:8">
      <c r="H288721" s="12"/>
    </row>
    <row r="288722" spans="8:8">
      <c r="H288722" s="12"/>
    </row>
    <row r="288723" spans="8:8">
      <c r="H288723" s="12"/>
    </row>
    <row r="288724" spans="8:8">
      <c r="H288724" s="12"/>
    </row>
    <row r="288725" spans="8:8">
      <c r="H288725" s="12"/>
    </row>
    <row r="288726" spans="8:8">
      <c r="H288726" s="12"/>
    </row>
    <row r="288727" spans="8:8">
      <c r="H288727" s="12"/>
    </row>
    <row r="288728" spans="8:8">
      <c r="H288728" s="12"/>
    </row>
    <row r="288729" spans="8:8">
      <c r="H288729" s="12"/>
    </row>
    <row r="288730" spans="8:8">
      <c r="H288730" s="12"/>
    </row>
    <row r="288731" spans="8:8">
      <c r="H288731" s="12"/>
    </row>
    <row r="288732" spans="8:8">
      <c r="H288732" s="12"/>
    </row>
    <row r="288733" spans="8:8">
      <c r="H288733" s="12"/>
    </row>
    <row r="288734" spans="8:8">
      <c r="H288734" s="12"/>
    </row>
    <row r="288735" spans="8:8">
      <c r="H288735" s="12"/>
    </row>
    <row r="288736" spans="8:8">
      <c r="H288736" s="12"/>
    </row>
    <row r="288737" spans="8:8">
      <c r="H288737" s="12"/>
    </row>
    <row r="288738" spans="8:8">
      <c r="H288738" s="12"/>
    </row>
    <row r="288739" spans="8:8">
      <c r="H288739" s="12"/>
    </row>
    <row r="288740" spans="8:8">
      <c r="H288740" s="12"/>
    </row>
    <row r="288741" spans="8:8">
      <c r="H288741" s="12"/>
    </row>
    <row r="288742" spans="8:8">
      <c r="H288742" s="12"/>
    </row>
    <row r="288743" spans="8:8">
      <c r="H288743" s="12"/>
    </row>
    <row r="288744" spans="8:8">
      <c r="H288744" s="12"/>
    </row>
    <row r="288745" spans="8:8">
      <c r="H288745" s="12"/>
    </row>
    <row r="288746" spans="8:8">
      <c r="H288746" s="12"/>
    </row>
    <row r="288747" spans="8:8">
      <c r="H288747" s="12"/>
    </row>
    <row r="288748" spans="8:8">
      <c r="H288748" s="12"/>
    </row>
    <row r="288749" spans="8:8">
      <c r="H288749" s="12"/>
    </row>
    <row r="288750" spans="8:8">
      <c r="H288750" s="12"/>
    </row>
    <row r="288751" spans="8:8">
      <c r="H288751" s="12"/>
    </row>
    <row r="288752" spans="8:8">
      <c r="H288752" s="12"/>
    </row>
    <row r="288753" spans="8:8">
      <c r="H288753" s="12"/>
    </row>
    <row r="288754" spans="8:8">
      <c r="H288754" s="12"/>
    </row>
    <row r="288755" spans="8:8">
      <c r="H288755" s="12"/>
    </row>
    <row r="288756" spans="8:8">
      <c r="H288756" s="12"/>
    </row>
    <row r="288757" spans="8:8">
      <c r="H288757" s="12"/>
    </row>
    <row r="288758" spans="8:8">
      <c r="H288758" s="12"/>
    </row>
    <row r="288759" spans="8:8">
      <c r="H288759" s="12"/>
    </row>
    <row r="288760" spans="8:8">
      <c r="H288760" s="12"/>
    </row>
    <row r="288761" spans="8:8">
      <c r="H288761" s="12"/>
    </row>
    <row r="288762" spans="8:8">
      <c r="H288762" s="12"/>
    </row>
    <row r="288763" spans="8:8">
      <c r="H288763" s="12"/>
    </row>
    <row r="288764" spans="8:8">
      <c r="H288764" s="12"/>
    </row>
    <row r="288765" spans="8:8">
      <c r="H288765" s="12"/>
    </row>
    <row r="288766" spans="8:8">
      <c r="H288766" s="12"/>
    </row>
    <row r="288767" spans="8:8">
      <c r="H288767" s="12"/>
    </row>
    <row r="288768" spans="8:8">
      <c r="H288768" s="12"/>
    </row>
    <row r="288769" spans="8:8">
      <c r="H288769" s="12"/>
    </row>
    <row r="288770" spans="8:8">
      <c r="H288770" s="12"/>
    </row>
    <row r="288771" spans="8:8">
      <c r="H288771" s="12"/>
    </row>
    <row r="288772" spans="8:8">
      <c r="H288772" s="12"/>
    </row>
    <row r="288773" spans="8:8">
      <c r="H288773" s="12"/>
    </row>
    <row r="288774" spans="8:8">
      <c r="H288774" s="12"/>
    </row>
    <row r="288775" spans="8:8">
      <c r="H288775" s="12"/>
    </row>
    <row r="288776" spans="8:8">
      <c r="H288776" s="12"/>
    </row>
    <row r="288777" spans="8:8">
      <c r="H288777" s="12"/>
    </row>
    <row r="288778" spans="8:8">
      <c r="H288778" s="12"/>
    </row>
    <row r="288779" spans="8:8">
      <c r="H288779" s="12"/>
    </row>
    <row r="288780" spans="8:8">
      <c r="H288780" s="12"/>
    </row>
    <row r="288781" spans="8:8">
      <c r="H288781" s="12"/>
    </row>
    <row r="288782" spans="8:8">
      <c r="H288782" s="12"/>
    </row>
    <row r="288783" spans="8:8">
      <c r="H288783" s="12"/>
    </row>
    <row r="288784" spans="8:8">
      <c r="H288784" s="12"/>
    </row>
    <row r="288785" spans="8:8">
      <c r="H288785" s="12"/>
    </row>
    <row r="288786" spans="8:8">
      <c r="H288786" s="12"/>
    </row>
    <row r="288787" spans="8:8">
      <c r="H288787" s="12"/>
    </row>
    <row r="288788" spans="8:8">
      <c r="H288788" s="12"/>
    </row>
    <row r="288789" spans="8:8">
      <c r="H288789" s="12"/>
    </row>
    <row r="288790" spans="8:8">
      <c r="H288790" s="12"/>
    </row>
    <row r="288791" spans="8:8">
      <c r="H288791" s="12"/>
    </row>
    <row r="288792" spans="8:8">
      <c r="H288792" s="12"/>
    </row>
    <row r="288793" spans="8:8">
      <c r="H288793" s="12"/>
    </row>
    <row r="288794" spans="8:8">
      <c r="H288794" s="12"/>
    </row>
    <row r="288795" spans="8:8">
      <c r="H288795" s="12"/>
    </row>
    <row r="288796" spans="8:8">
      <c r="H288796" s="12"/>
    </row>
    <row r="288797" spans="8:8">
      <c r="H288797" s="12"/>
    </row>
    <row r="288798" spans="8:8">
      <c r="H288798" s="12"/>
    </row>
    <row r="288799" spans="8:8">
      <c r="H288799" s="12"/>
    </row>
    <row r="288800" spans="8:8">
      <c r="H288800" s="12"/>
    </row>
    <row r="288801" spans="8:8">
      <c r="H288801" s="12"/>
    </row>
    <row r="288802" spans="8:8">
      <c r="H288802" s="12"/>
    </row>
    <row r="288803" spans="8:8">
      <c r="H288803" s="12"/>
    </row>
    <row r="288804" spans="8:8">
      <c r="H288804" s="12"/>
    </row>
    <row r="288805" spans="8:8">
      <c r="H288805" s="12"/>
    </row>
    <row r="288806" spans="8:8">
      <c r="H288806" s="12"/>
    </row>
    <row r="288807" spans="8:8">
      <c r="H288807" s="12"/>
    </row>
    <row r="288808" spans="8:8">
      <c r="H288808" s="12"/>
    </row>
    <row r="288809" spans="8:8">
      <c r="H288809" s="12"/>
    </row>
    <row r="288810" spans="8:8">
      <c r="H288810" s="12"/>
    </row>
    <row r="288811" spans="8:8">
      <c r="H288811" s="12"/>
    </row>
    <row r="288812" spans="8:8">
      <c r="H288812" s="12"/>
    </row>
    <row r="288813" spans="8:8">
      <c r="H288813" s="12"/>
    </row>
    <row r="288814" spans="8:8">
      <c r="H288814" s="12"/>
    </row>
    <row r="288815" spans="8:8">
      <c r="H288815" s="12"/>
    </row>
    <row r="288816" spans="8:8">
      <c r="H288816" s="12"/>
    </row>
    <row r="288817" spans="8:8">
      <c r="H288817" s="12"/>
    </row>
    <row r="288818" spans="8:8">
      <c r="H288818" s="12"/>
    </row>
    <row r="288819" spans="8:8">
      <c r="H288819" s="12"/>
    </row>
    <row r="288820" spans="8:8">
      <c r="H288820" s="12"/>
    </row>
    <row r="288821" spans="8:8">
      <c r="H288821" s="12"/>
    </row>
    <row r="288822" spans="8:8">
      <c r="H288822" s="12"/>
    </row>
    <row r="288823" spans="8:8">
      <c r="H288823" s="12"/>
    </row>
    <row r="288824" spans="8:8">
      <c r="H288824" s="12"/>
    </row>
    <row r="288825" spans="8:8">
      <c r="H288825" s="12"/>
    </row>
    <row r="288826" spans="8:8">
      <c r="H288826" s="12"/>
    </row>
    <row r="288827" spans="8:8">
      <c r="H288827" s="12"/>
    </row>
    <row r="288828" spans="8:8">
      <c r="H288828" s="12"/>
    </row>
    <row r="288829" spans="8:8">
      <c r="H288829" s="12"/>
    </row>
    <row r="288830" spans="8:8">
      <c r="H288830" s="12"/>
    </row>
    <row r="288831" spans="8:8">
      <c r="H288831" s="12"/>
    </row>
    <row r="288832" spans="8:8">
      <c r="H288832" s="12"/>
    </row>
    <row r="288833" spans="8:8">
      <c r="H288833" s="12"/>
    </row>
    <row r="288834" spans="8:8">
      <c r="H288834" s="12"/>
    </row>
    <row r="288835" spans="8:8">
      <c r="H288835" s="12"/>
    </row>
    <row r="288836" spans="8:8">
      <c r="H288836" s="12"/>
    </row>
    <row r="288837" spans="8:8">
      <c r="H288837" s="12"/>
    </row>
    <row r="288838" spans="8:8">
      <c r="H288838" s="12"/>
    </row>
    <row r="288839" spans="8:8">
      <c r="H288839" s="12"/>
    </row>
    <row r="288840" spans="8:8">
      <c r="H288840" s="12"/>
    </row>
    <row r="288841" spans="8:8">
      <c r="H288841" s="12"/>
    </row>
    <row r="288842" spans="8:8">
      <c r="H288842" s="12"/>
    </row>
    <row r="288843" spans="8:8">
      <c r="H288843" s="12"/>
    </row>
    <row r="288844" spans="8:8">
      <c r="H288844" s="12"/>
    </row>
    <row r="288845" spans="8:8">
      <c r="H288845" s="12"/>
    </row>
    <row r="288846" spans="8:8">
      <c r="H288846" s="12"/>
    </row>
    <row r="288847" spans="8:8">
      <c r="H288847" s="12"/>
    </row>
    <row r="288848" spans="8:8">
      <c r="H288848" s="12"/>
    </row>
    <row r="288849" spans="8:8">
      <c r="H288849" s="12"/>
    </row>
    <row r="288850" spans="8:8">
      <c r="H288850" s="12"/>
    </row>
    <row r="288851" spans="8:8">
      <c r="H288851" s="12"/>
    </row>
    <row r="288852" spans="8:8">
      <c r="H288852" s="12"/>
    </row>
    <row r="288853" spans="8:8">
      <c r="H288853" s="12"/>
    </row>
    <row r="288854" spans="8:8">
      <c r="H288854" s="12"/>
    </row>
    <row r="288855" spans="8:8">
      <c r="H288855" s="12"/>
    </row>
    <row r="288856" spans="8:8">
      <c r="H288856" s="12"/>
    </row>
    <row r="288857" spans="8:8">
      <c r="H288857" s="12"/>
    </row>
    <row r="288858" spans="8:8">
      <c r="H288858" s="12"/>
    </row>
    <row r="288859" spans="8:8">
      <c r="H288859" s="12"/>
    </row>
    <row r="288860" spans="8:8">
      <c r="H288860" s="12"/>
    </row>
    <row r="288861" spans="8:8">
      <c r="H288861" s="12"/>
    </row>
    <row r="288862" spans="8:8">
      <c r="H288862" s="12"/>
    </row>
    <row r="288863" spans="8:8">
      <c r="H288863" s="12"/>
    </row>
    <row r="288864" spans="8:8">
      <c r="H288864" s="12"/>
    </row>
    <row r="288865" spans="8:8">
      <c r="H288865" s="12"/>
    </row>
    <row r="288866" spans="8:8">
      <c r="H288866" s="12"/>
    </row>
    <row r="288867" spans="8:8">
      <c r="H288867" s="12"/>
    </row>
    <row r="288868" spans="8:8">
      <c r="H288868" s="12"/>
    </row>
    <row r="288869" spans="8:8">
      <c r="H288869" s="12"/>
    </row>
    <row r="288870" spans="8:8">
      <c r="H288870" s="12"/>
    </row>
    <row r="288871" spans="8:8">
      <c r="H288871" s="12"/>
    </row>
    <row r="288872" spans="8:8">
      <c r="H288872" s="12"/>
    </row>
    <row r="288873" spans="8:8">
      <c r="H288873" s="12"/>
    </row>
    <row r="288874" spans="8:8">
      <c r="H288874" s="12"/>
    </row>
    <row r="288875" spans="8:8">
      <c r="H288875" s="12"/>
    </row>
    <row r="288876" spans="8:8">
      <c r="H288876" s="12"/>
    </row>
    <row r="288877" spans="8:8">
      <c r="H288877" s="12"/>
    </row>
    <row r="288878" spans="8:8">
      <c r="H288878" s="12"/>
    </row>
    <row r="288879" spans="8:8">
      <c r="H288879" s="12"/>
    </row>
    <row r="288880" spans="8:8">
      <c r="H288880" s="12"/>
    </row>
    <row r="288881" spans="8:8">
      <c r="H288881" s="12"/>
    </row>
    <row r="288882" spans="8:8">
      <c r="H288882" s="12"/>
    </row>
    <row r="288883" spans="8:8">
      <c r="H288883" s="12"/>
    </row>
    <row r="288884" spans="8:8">
      <c r="H288884" s="12"/>
    </row>
    <row r="288885" spans="8:8">
      <c r="H288885" s="12"/>
    </row>
    <row r="288886" spans="8:8">
      <c r="H288886" s="12"/>
    </row>
    <row r="288887" spans="8:8">
      <c r="H288887" s="12"/>
    </row>
    <row r="288888" spans="8:8">
      <c r="H288888" s="12"/>
    </row>
    <row r="288889" spans="8:8">
      <c r="H288889" s="12"/>
    </row>
    <row r="288890" spans="8:8">
      <c r="H288890" s="12"/>
    </row>
    <row r="288891" spans="8:8">
      <c r="H288891" s="12"/>
    </row>
    <row r="288892" spans="8:8">
      <c r="H288892" s="12"/>
    </row>
    <row r="288893" spans="8:8">
      <c r="H288893" s="12"/>
    </row>
    <row r="288894" spans="8:8">
      <c r="H288894" s="12"/>
    </row>
    <row r="288895" spans="8:8">
      <c r="H288895" s="12"/>
    </row>
    <row r="288896" spans="8:8">
      <c r="H288896" s="12"/>
    </row>
    <row r="288897" spans="8:8">
      <c r="H288897" s="12"/>
    </row>
    <row r="288898" spans="8:8">
      <c r="H288898" s="12"/>
    </row>
    <row r="288899" spans="8:8">
      <c r="H288899" s="12"/>
    </row>
    <row r="288900" spans="8:8">
      <c r="H288900" s="12"/>
    </row>
    <row r="288901" spans="8:8">
      <c r="H288901" s="12"/>
    </row>
    <row r="288902" spans="8:8">
      <c r="H288902" s="12"/>
    </row>
    <row r="288903" spans="8:8">
      <c r="H288903" s="12"/>
    </row>
    <row r="288904" spans="8:8">
      <c r="H288904" s="12"/>
    </row>
    <row r="288905" spans="8:8">
      <c r="H288905" s="12"/>
    </row>
    <row r="288906" spans="8:8">
      <c r="H288906" s="12"/>
    </row>
    <row r="288907" spans="8:8">
      <c r="H288907" s="12"/>
    </row>
    <row r="288908" spans="8:8">
      <c r="H288908" s="12"/>
    </row>
    <row r="288909" spans="8:8">
      <c r="H288909" s="12"/>
    </row>
    <row r="288910" spans="8:8">
      <c r="H288910" s="12"/>
    </row>
    <row r="288911" spans="8:8">
      <c r="H288911" s="12"/>
    </row>
    <row r="288912" spans="8:8">
      <c r="H288912" s="12"/>
    </row>
    <row r="288913" spans="8:8">
      <c r="H288913" s="12"/>
    </row>
    <row r="288914" spans="8:8">
      <c r="H288914" s="12"/>
    </row>
    <row r="288915" spans="8:8">
      <c r="H288915" s="12"/>
    </row>
    <row r="288916" spans="8:8">
      <c r="H288916" s="12"/>
    </row>
    <row r="288917" spans="8:8">
      <c r="H288917" s="12"/>
    </row>
    <row r="288918" spans="8:8">
      <c r="H288918" s="12"/>
    </row>
    <row r="288919" spans="8:8">
      <c r="H288919" s="12"/>
    </row>
    <row r="288920" spans="8:8">
      <c r="H288920" s="12"/>
    </row>
    <row r="288921" spans="8:8">
      <c r="H288921" s="12"/>
    </row>
    <row r="288922" spans="8:8">
      <c r="H288922" s="12"/>
    </row>
    <row r="288923" spans="8:8">
      <c r="H288923" s="12"/>
    </row>
    <row r="288924" spans="8:8">
      <c r="H288924" s="12"/>
    </row>
    <row r="288925" spans="8:8">
      <c r="H288925" s="12"/>
    </row>
    <row r="288926" spans="8:8">
      <c r="H288926" s="12"/>
    </row>
    <row r="288927" spans="8:8">
      <c r="H288927" s="12"/>
    </row>
    <row r="288928" spans="8:8">
      <c r="H288928" s="12"/>
    </row>
    <row r="288929" spans="8:8">
      <c r="H288929" s="12"/>
    </row>
    <row r="288930" spans="8:8">
      <c r="H288930" s="12"/>
    </row>
    <row r="288931" spans="8:8">
      <c r="H288931" s="12"/>
    </row>
    <row r="288932" spans="8:8">
      <c r="H288932" s="12"/>
    </row>
    <row r="288933" spans="8:8">
      <c r="H288933" s="12"/>
    </row>
    <row r="288934" spans="8:8">
      <c r="H288934" s="12"/>
    </row>
    <row r="288935" spans="8:8">
      <c r="H288935" s="12"/>
    </row>
    <row r="288936" spans="8:8">
      <c r="H288936" s="12"/>
    </row>
    <row r="288937" spans="8:8">
      <c r="H288937" s="12"/>
    </row>
    <row r="288938" spans="8:8">
      <c r="H288938" s="12"/>
    </row>
    <row r="288939" spans="8:8">
      <c r="H288939" s="12"/>
    </row>
    <row r="288940" spans="8:8">
      <c r="H288940" s="12"/>
    </row>
    <row r="288941" spans="8:8">
      <c r="H288941" s="12"/>
    </row>
    <row r="288942" spans="8:8">
      <c r="H288942" s="12"/>
    </row>
    <row r="288943" spans="8:8">
      <c r="H288943" s="12"/>
    </row>
    <row r="288944" spans="8:8">
      <c r="H288944" s="12"/>
    </row>
    <row r="288945" spans="8:8">
      <c r="H288945" s="12"/>
    </row>
    <row r="288946" spans="8:8">
      <c r="H288946" s="12"/>
    </row>
    <row r="288947" spans="8:8">
      <c r="H288947" s="12"/>
    </row>
    <row r="288948" spans="8:8">
      <c r="H288948" s="12"/>
    </row>
    <row r="288949" spans="8:8">
      <c r="H288949" s="12"/>
    </row>
    <row r="288950" spans="8:8">
      <c r="H288950" s="12"/>
    </row>
    <row r="288951" spans="8:8">
      <c r="H288951" s="12"/>
    </row>
    <row r="288952" spans="8:8">
      <c r="H288952" s="12"/>
    </row>
    <row r="288953" spans="8:8">
      <c r="H288953" s="12"/>
    </row>
    <row r="288954" spans="8:8">
      <c r="H288954" s="12"/>
    </row>
    <row r="288955" spans="8:8">
      <c r="H288955" s="12"/>
    </row>
    <row r="288956" spans="8:8">
      <c r="H288956" s="12"/>
    </row>
    <row r="288957" spans="8:8">
      <c r="H288957" s="12"/>
    </row>
    <row r="288958" spans="8:8">
      <c r="H288958" s="12"/>
    </row>
    <row r="288959" spans="8:8">
      <c r="H288959" s="12"/>
    </row>
    <row r="288960" spans="8:8">
      <c r="H288960" s="12"/>
    </row>
    <row r="288961" spans="8:8">
      <c r="H288961" s="12"/>
    </row>
    <row r="288962" spans="8:8">
      <c r="H288962" s="12"/>
    </row>
    <row r="288963" spans="8:8">
      <c r="H288963" s="12"/>
    </row>
    <row r="288964" spans="8:8">
      <c r="H288964" s="12"/>
    </row>
    <row r="288965" spans="8:8">
      <c r="H288965" s="12"/>
    </row>
    <row r="288966" spans="8:8">
      <c r="H288966" s="12"/>
    </row>
    <row r="288967" spans="8:8">
      <c r="H288967" s="12"/>
    </row>
    <row r="288968" spans="8:8">
      <c r="H288968" s="12"/>
    </row>
    <row r="288969" spans="8:8">
      <c r="H288969" s="12"/>
    </row>
    <row r="288970" spans="8:8">
      <c r="H288970" s="12"/>
    </row>
    <row r="288971" spans="8:8">
      <c r="H288971" s="12"/>
    </row>
    <row r="288972" spans="8:8">
      <c r="H288972" s="12"/>
    </row>
    <row r="288973" spans="8:8">
      <c r="H288973" s="12"/>
    </row>
    <row r="288974" spans="8:8">
      <c r="H288974" s="12"/>
    </row>
    <row r="288975" spans="8:8">
      <c r="H288975" s="12"/>
    </row>
    <row r="288976" spans="8:8">
      <c r="H288976" s="12"/>
    </row>
    <row r="288977" spans="8:8">
      <c r="H288977" s="12"/>
    </row>
    <row r="288978" spans="8:8">
      <c r="H288978" s="12"/>
    </row>
    <row r="288979" spans="8:8">
      <c r="H288979" s="12"/>
    </row>
    <row r="288980" spans="8:8">
      <c r="H288980" s="12"/>
    </row>
    <row r="288981" spans="8:8">
      <c r="H288981" s="12"/>
    </row>
    <row r="288982" spans="8:8">
      <c r="H288982" s="12"/>
    </row>
    <row r="288983" spans="8:8">
      <c r="H288983" s="12"/>
    </row>
    <row r="288984" spans="8:8">
      <c r="H288984" s="12"/>
    </row>
    <row r="288985" spans="8:8">
      <c r="H288985" s="12"/>
    </row>
    <row r="288986" spans="8:8">
      <c r="H288986" s="12"/>
    </row>
    <row r="288987" spans="8:8">
      <c r="H288987" s="12"/>
    </row>
    <row r="288988" spans="8:8">
      <c r="H288988" s="12"/>
    </row>
    <row r="288989" spans="8:8">
      <c r="H288989" s="12"/>
    </row>
    <row r="288990" spans="8:8">
      <c r="H288990" s="12"/>
    </row>
    <row r="288991" spans="8:8">
      <c r="H288991" s="12"/>
    </row>
    <row r="288992" spans="8:8">
      <c r="H288992" s="12"/>
    </row>
    <row r="288993" spans="8:8">
      <c r="H288993" s="12"/>
    </row>
    <row r="288994" spans="8:8">
      <c r="H288994" s="12"/>
    </row>
    <row r="288995" spans="8:8">
      <c r="H288995" s="12"/>
    </row>
    <row r="288996" spans="8:8">
      <c r="H288996" s="12"/>
    </row>
    <row r="288997" spans="8:8">
      <c r="H288997" s="12"/>
    </row>
    <row r="288998" spans="8:8">
      <c r="H288998" s="12"/>
    </row>
    <row r="288999" spans="8:8">
      <c r="H288999" s="12"/>
    </row>
    <row r="289000" spans="8:8">
      <c r="H289000" s="12"/>
    </row>
    <row r="289001" spans="8:8">
      <c r="H289001" s="12"/>
    </row>
    <row r="289002" spans="8:8">
      <c r="H289002" s="12"/>
    </row>
    <row r="289003" spans="8:8">
      <c r="H289003" s="12"/>
    </row>
    <row r="289004" spans="8:8">
      <c r="H289004" s="12"/>
    </row>
    <row r="289005" spans="8:8">
      <c r="H289005" s="12"/>
    </row>
    <row r="289006" spans="8:8">
      <c r="H289006" s="12"/>
    </row>
    <row r="289007" spans="8:8">
      <c r="H289007" s="12"/>
    </row>
    <row r="289008" spans="8:8">
      <c r="H289008" s="12"/>
    </row>
    <row r="289009" spans="8:8">
      <c r="H289009" s="12"/>
    </row>
    <row r="289010" spans="8:8">
      <c r="H289010" s="12"/>
    </row>
    <row r="289011" spans="8:8">
      <c r="H289011" s="12"/>
    </row>
    <row r="289012" spans="8:8">
      <c r="H289012" s="12"/>
    </row>
    <row r="289013" spans="8:8">
      <c r="H289013" s="12"/>
    </row>
    <row r="289014" spans="8:8">
      <c r="H289014" s="12"/>
    </row>
    <row r="289015" spans="8:8">
      <c r="H289015" s="12"/>
    </row>
    <row r="289016" spans="8:8">
      <c r="H289016" s="12"/>
    </row>
    <row r="289017" spans="8:8">
      <c r="H289017" s="12"/>
    </row>
    <row r="289018" spans="8:8">
      <c r="H289018" s="12"/>
    </row>
    <row r="289019" spans="8:8">
      <c r="H289019" s="12"/>
    </row>
    <row r="289020" spans="8:8">
      <c r="H289020" s="12"/>
    </row>
    <row r="289021" spans="8:8">
      <c r="H289021" s="12"/>
    </row>
    <row r="289022" spans="8:8">
      <c r="H289022" s="12"/>
    </row>
    <row r="289023" spans="8:8">
      <c r="H289023" s="12"/>
    </row>
    <row r="289024" spans="8:8">
      <c r="H289024" s="12"/>
    </row>
    <row r="289025" spans="8:8">
      <c r="H289025" s="12"/>
    </row>
    <row r="289026" spans="8:8">
      <c r="H289026" s="12"/>
    </row>
    <row r="289027" spans="8:8">
      <c r="H289027" s="12"/>
    </row>
    <row r="289028" spans="8:8">
      <c r="H289028" s="12"/>
    </row>
    <row r="289029" spans="8:8">
      <c r="H289029" s="12"/>
    </row>
    <row r="289030" spans="8:8">
      <c r="H289030" s="12"/>
    </row>
    <row r="289031" spans="8:8">
      <c r="H289031" s="12"/>
    </row>
    <row r="289032" spans="8:8">
      <c r="H289032" s="12"/>
    </row>
    <row r="289033" spans="8:8">
      <c r="H289033" s="12"/>
    </row>
    <row r="289034" spans="8:8">
      <c r="H289034" s="12"/>
    </row>
    <row r="289035" spans="8:8">
      <c r="H289035" s="12"/>
    </row>
    <row r="289036" spans="8:8">
      <c r="H289036" s="12"/>
    </row>
    <row r="289037" spans="8:8">
      <c r="H289037" s="12"/>
    </row>
    <row r="289038" spans="8:8">
      <c r="H289038" s="12"/>
    </row>
    <row r="289039" spans="8:8">
      <c r="H289039" s="12"/>
    </row>
    <row r="289040" spans="8:8">
      <c r="H289040" s="12"/>
    </row>
    <row r="289041" spans="8:8">
      <c r="H289041" s="12"/>
    </row>
    <row r="289042" spans="8:8">
      <c r="H289042" s="12"/>
    </row>
    <row r="289043" spans="8:8">
      <c r="H289043" s="12"/>
    </row>
    <row r="289044" spans="8:8">
      <c r="H289044" s="12"/>
    </row>
    <row r="289045" spans="8:8">
      <c r="H289045" s="12"/>
    </row>
    <row r="289046" spans="8:8">
      <c r="H289046" s="12"/>
    </row>
    <row r="289047" spans="8:8">
      <c r="H289047" s="12"/>
    </row>
    <row r="289048" spans="8:8">
      <c r="H289048" s="12"/>
    </row>
    <row r="289049" spans="8:8">
      <c r="H289049" s="12"/>
    </row>
    <row r="289050" spans="8:8">
      <c r="H289050" s="12"/>
    </row>
    <row r="289051" spans="8:8">
      <c r="H289051" s="12"/>
    </row>
    <row r="289052" spans="8:8">
      <c r="H289052" s="12"/>
    </row>
    <row r="289053" spans="8:8">
      <c r="H289053" s="12"/>
    </row>
    <row r="289054" spans="8:8">
      <c r="H289054" s="12"/>
    </row>
    <row r="289055" spans="8:8">
      <c r="H289055" s="12"/>
    </row>
    <row r="289056" spans="8:8">
      <c r="H289056" s="12"/>
    </row>
    <row r="289057" spans="8:8">
      <c r="H289057" s="12"/>
    </row>
    <row r="289058" spans="8:8">
      <c r="H289058" s="12"/>
    </row>
    <row r="289059" spans="8:8">
      <c r="H289059" s="12"/>
    </row>
    <row r="289060" spans="8:8">
      <c r="H289060" s="12"/>
    </row>
    <row r="289061" spans="8:8">
      <c r="H289061" s="12"/>
    </row>
    <row r="289062" spans="8:8">
      <c r="H289062" s="12"/>
    </row>
    <row r="289063" spans="8:8">
      <c r="H289063" s="12"/>
    </row>
    <row r="289064" spans="8:8">
      <c r="H289064" s="12"/>
    </row>
    <row r="289065" spans="8:8">
      <c r="H289065" s="12"/>
    </row>
    <row r="289066" spans="8:8">
      <c r="H289066" s="12"/>
    </row>
    <row r="289067" spans="8:8">
      <c r="H289067" s="12"/>
    </row>
    <row r="289068" spans="8:8">
      <c r="H289068" s="12"/>
    </row>
    <row r="289069" spans="8:8">
      <c r="H289069" s="12"/>
    </row>
    <row r="289070" spans="8:8">
      <c r="H289070" s="12"/>
    </row>
    <row r="289071" spans="8:8">
      <c r="H289071" s="12"/>
    </row>
    <row r="289072" spans="8:8">
      <c r="H289072" s="12"/>
    </row>
    <row r="289073" spans="8:8">
      <c r="H289073" s="12"/>
    </row>
    <row r="289074" spans="8:8">
      <c r="H289074" s="12"/>
    </row>
    <row r="289075" spans="8:8">
      <c r="H289075" s="12"/>
    </row>
    <row r="289076" spans="8:8">
      <c r="H289076" s="12"/>
    </row>
    <row r="289077" spans="8:8">
      <c r="H289077" s="12"/>
    </row>
    <row r="289078" spans="8:8">
      <c r="H289078" s="12"/>
    </row>
    <row r="289079" spans="8:8">
      <c r="H289079" s="12"/>
    </row>
    <row r="289080" spans="8:8">
      <c r="H289080" s="12"/>
    </row>
    <row r="289081" spans="8:8">
      <c r="H289081" s="12"/>
    </row>
    <row r="289082" spans="8:8">
      <c r="H289082" s="12"/>
    </row>
    <row r="289083" spans="8:8">
      <c r="H289083" s="12"/>
    </row>
    <row r="289084" spans="8:8">
      <c r="H289084" s="12"/>
    </row>
    <row r="289085" spans="8:8">
      <c r="H289085" s="12"/>
    </row>
    <row r="289086" spans="8:8">
      <c r="H289086" s="12"/>
    </row>
    <row r="289087" spans="8:8">
      <c r="H289087" s="12"/>
    </row>
    <row r="289088" spans="8:8">
      <c r="H289088" s="12"/>
    </row>
    <row r="289089" spans="8:8">
      <c r="H289089" s="12"/>
    </row>
    <row r="289090" spans="8:8">
      <c r="H289090" s="12"/>
    </row>
    <row r="289091" spans="8:8">
      <c r="H289091" s="12"/>
    </row>
    <row r="289092" spans="8:8">
      <c r="H289092" s="12"/>
    </row>
    <row r="289093" spans="8:8">
      <c r="H289093" s="12"/>
    </row>
    <row r="289094" spans="8:8">
      <c r="H289094" s="12"/>
    </row>
    <row r="289095" spans="8:8">
      <c r="H289095" s="12"/>
    </row>
    <row r="289096" spans="8:8">
      <c r="H289096" s="12"/>
    </row>
    <row r="289097" spans="8:8">
      <c r="H289097" s="12"/>
    </row>
    <row r="289098" spans="8:8">
      <c r="H289098" s="12"/>
    </row>
    <row r="289099" spans="8:8">
      <c r="H289099" s="12"/>
    </row>
    <row r="289100" spans="8:8">
      <c r="H289100" s="12"/>
    </row>
    <row r="289101" spans="8:8">
      <c r="H289101" s="12"/>
    </row>
    <row r="289102" spans="8:8">
      <c r="H289102" s="12"/>
    </row>
    <row r="289103" spans="8:8">
      <c r="H289103" s="12"/>
    </row>
    <row r="289104" spans="8:8">
      <c r="H289104" s="12"/>
    </row>
    <row r="289105" spans="8:8">
      <c r="H289105" s="12"/>
    </row>
    <row r="289106" spans="8:8">
      <c r="H289106" s="12"/>
    </row>
    <row r="289107" spans="8:8">
      <c r="H289107" s="12"/>
    </row>
    <row r="289108" spans="8:8">
      <c r="H289108" s="12"/>
    </row>
    <row r="289109" spans="8:8">
      <c r="H289109" s="12"/>
    </row>
    <row r="289110" spans="8:8">
      <c r="H289110" s="12"/>
    </row>
    <row r="289111" spans="8:8">
      <c r="H289111" s="12"/>
    </row>
    <row r="289112" spans="8:8">
      <c r="H289112" s="12"/>
    </row>
    <row r="289113" spans="8:8">
      <c r="H289113" s="12"/>
    </row>
    <row r="289114" spans="8:8">
      <c r="H289114" s="12"/>
    </row>
    <row r="289115" spans="8:8">
      <c r="H289115" s="12"/>
    </row>
    <row r="289116" spans="8:8">
      <c r="H289116" s="12"/>
    </row>
    <row r="289117" spans="8:8">
      <c r="H289117" s="12"/>
    </row>
    <row r="289118" spans="8:8">
      <c r="H289118" s="12"/>
    </row>
    <row r="289119" spans="8:8">
      <c r="H289119" s="12"/>
    </row>
    <row r="289120" spans="8:8">
      <c r="H289120" s="12"/>
    </row>
    <row r="289121" spans="8:8">
      <c r="H289121" s="12"/>
    </row>
    <row r="289122" spans="8:8">
      <c r="H289122" s="12"/>
    </row>
    <row r="289123" spans="8:8">
      <c r="H289123" s="12"/>
    </row>
    <row r="289124" spans="8:8">
      <c r="H289124" s="12"/>
    </row>
    <row r="289125" spans="8:8">
      <c r="H289125" s="12"/>
    </row>
    <row r="289126" spans="8:8">
      <c r="H289126" s="12"/>
    </row>
    <row r="289127" spans="8:8">
      <c r="H289127" s="12"/>
    </row>
    <row r="289128" spans="8:8">
      <c r="H289128" s="12"/>
    </row>
    <row r="289129" spans="8:8">
      <c r="H289129" s="12"/>
    </row>
    <row r="289130" spans="8:8">
      <c r="H289130" s="12"/>
    </row>
    <row r="289131" spans="8:8">
      <c r="H289131" s="12"/>
    </row>
    <row r="289132" spans="8:8">
      <c r="H289132" s="12"/>
    </row>
    <row r="289133" spans="8:8">
      <c r="H289133" s="12"/>
    </row>
    <row r="289134" spans="8:8">
      <c r="H289134" s="12"/>
    </row>
    <row r="289135" spans="8:8">
      <c r="H289135" s="12"/>
    </row>
    <row r="289136" spans="8:8">
      <c r="H289136" s="12"/>
    </row>
    <row r="289137" spans="8:8">
      <c r="H289137" s="12"/>
    </row>
    <row r="289138" spans="8:8">
      <c r="H289138" s="12"/>
    </row>
    <row r="289139" spans="8:8">
      <c r="H289139" s="12"/>
    </row>
    <row r="289140" spans="8:8">
      <c r="H289140" s="12"/>
    </row>
    <row r="289141" spans="8:8">
      <c r="H289141" s="12"/>
    </row>
    <row r="289142" spans="8:8">
      <c r="H289142" s="12"/>
    </row>
    <row r="289143" spans="8:8">
      <c r="H289143" s="12"/>
    </row>
    <row r="289144" spans="8:8">
      <c r="H289144" s="12"/>
    </row>
    <row r="289145" spans="8:8">
      <c r="H289145" s="12"/>
    </row>
    <row r="289146" spans="8:8">
      <c r="H289146" s="12"/>
    </row>
    <row r="289147" spans="8:8">
      <c r="H289147" s="12"/>
    </row>
    <row r="289148" spans="8:8">
      <c r="H289148" s="12"/>
    </row>
    <row r="289149" spans="8:8">
      <c r="H289149" s="12"/>
    </row>
    <row r="289150" spans="8:8">
      <c r="H289150" s="12"/>
    </row>
    <row r="289151" spans="8:8">
      <c r="H289151" s="12"/>
    </row>
    <row r="289152" spans="8:8">
      <c r="H289152" s="12"/>
    </row>
    <row r="289153" spans="8:8">
      <c r="H289153" s="12"/>
    </row>
    <row r="289154" spans="8:8">
      <c r="H289154" s="12"/>
    </row>
    <row r="289155" spans="8:8">
      <c r="H289155" s="12"/>
    </row>
    <row r="289156" spans="8:8">
      <c r="H289156" s="12"/>
    </row>
    <row r="289157" spans="8:8">
      <c r="H289157" s="12"/>
    </row>
    <row r="289158" spans="8:8">
      <c r="H289158" s="12"/>
    </row>
    <row r="289159" spans="8:8">
      <c r="H289159" s="12"/>
    </row>
    <row r="289160" spans="8:8">
      <c r="H289160" s="12"/>
    </row>
    <row r="289161" spans="8:8">
      <c r="H289161" s="12"/>
    </row>
    <row r="289162" spans="8:8">
      <c r="H289162" s="12"/>
    </row>
    <row r="289163" spans="8:8">
      <c r="H289163" s="12"/>
    </row>
    <row r="289164" spans="8:8">
      <c r="H289164" s="12"/>
    </row>
    <row r="289165" spans="8:8">
      <c r="H289165" s="12"/>
    </row>
    <row r="289166" spans="8:8">
      <c r="H289166" s="12"/>
    </row>
    <row r="289167" spans="8:8">
      <c r="H289167" s="12"/>
    </row>
    <row r="289168" spans="8:8">
      <c r="H289168" s="12"/>
    </row>
    <row r="289169" spans="8:8">
      <c r="H289169" s="12"/>
    </row>
    <row r="289170" spans="8:8">
      <c r="H289170" s="12"/>
    </row>
    <row r="289171" spans="8:8">
      <c r="H289171" s="12"/>
    </row>
    <row r="289172" spans="8:8">
      <c r="H289172" s="12"/>
    </row>
    <row r="289173" spans="8:8">
      <c r="H289173" s="12"/>
    </row>
    <row r="289174" spans="8:8">
      <c r="H289174" s="12"/>
    </row>
    <row r="289175" spans="8:8">
      <c r="H289175" s="12"/>
    </row>
    <row r="289176" spans="8:8">
      <c r="H289176" s="12"/>
    </row>
    <row r="289177" spans="8:8">
      <c r="H289177" s="12"/>
    </row>
    <row r="289178" spans="8:8">
      <c r="H289178" s="12"/>
    </row>
    <row r="289179" spans="8:8">
      <c r="H289179" s="12"/>
    </row>
    <row r="289180" spans="8:8">
      <c r="H289180" s="12"/>
    </row>
    <row r="289181" spans="8:8">
      <c r="H289181" s="12"/>
    </row>
    <row r="289182" spans="8:8">
      <c r="H289182" s="12"/>
    </row>
    <row r="289183" spans="8:8">
      <c r="H289183" s="12"/>
    </row>
    <row r="289184" spans="8:8">
      <c r="H289184" s="12"/>
    </row>
    <row r="289185" spans="8:8">
      <c r="H289185" s="12"/>
    </row>
    <row r="289186" spans="8:8">
      <c r="H289186" s="12"/>
    </row>
    <row r="289187" spans="8:8">
      <c r="H289187" s="12"/>
    </row>
    <row r="289188" spans="8:8">
      <c r="H289188" s="12"/>
    </row>
    <row r="289189" spans="8:8">
      <c r="H289189" s="12"/>
    </row>
    <row r="289190" spans="8:8">
      <c r="H289190" s="12"/>
    </row>
    <row r="289191" spans="8:8">
      <c r="H289191" s="12"/>
    </row>
    <row r="289192" spans="8:8">
      <c r="H289192" s="12"/>
    </row>
    <row r="289193" spans="8:8">
      <c r="H289193" s="12"/>
    </row>
    <row r="289194" spans="8:8">
      <c r="H289194" s="12"/>
    </row>
    <row r="289195" spans="8:8">
      <c r="H289195" s="12"/>
    </row>
    <row r="289196" spans="8:8">
      <c r="H289196" s="12"/>
    </row>
    <row r="289197" spans="8:8">
      <c r="H289197" s="12"/>
    </row>
    <row r="289198" spans="8:8">
      <c r="H289198" s="12"/>
    </row>
    <row r="289199" spans="8:8">
      <c r="H289199" s="12"/>
    </row>
    <row r="289200" spans="8:8">
      <c r="H289200" s="12"/>
    </row>
    <row r="289201" spans="8:8">
      <c r="H289201" s="12"/>
    </row>
    <row r="289202" spans="8:8">
      <c r="H289202" s="12"/>
    </row>
    <row r="289203" spans="8:8">
      <c r="H289203" s="12"/>
    </row>
    <row r="289204" spans="8:8">
      <c r="H289204" s="12"/>
    </row>
    <row r="289205" spans="8:8">
      <c r="H289205" s="12"/>
    </row>
    <row r="289206" spans="8:8">
      <c r="H289206" s="12"/>
    </row>
    <row r="289207" spans="8:8">
      <c r="H289207" s="12"/>
    </row>
    <row r="289208" spans="8:8">
      <c r="H289208" s="12"/>
    </row>
    <row r="289209" spans="8:8">
      <c r="H289209" s="12"/>
    </row>
    <row r="289210" spans="8:8">
      <c r="H289210" s="12"/>
    </row>
    <row r="289211" spans="8:8">
      <c r="H289211" s="12"/>
    </row>
    <row r="289212" spans="8:8">
      <c r="H289212" s="12"/>
    </row>
    <row r="289213" spans="8:8">
      <c r="H289213" s="12"/>
    </row>
    <row r="289214" spans="8:8">
      <c r="H289214" s="12"/>
    </row>
    <row r="289215" spans="8:8">
      <c r="H289215" s="12"/>
    </row>
    <row r="289216" spans="8:8">
      <c r="H289216" s="12"/>
    </row>
    <row r="289217" spans="8:8">
      <c r="H289217" s="12"/>
    </row>
    <row r="289218" spans="8:8">
      <c r="H289218" s="12"/>
    </row>
    <row r="289219" spans="8:8">
      <c r="H289219" s="12"/>
    </row>
    <row r="289220" spans="8:8">
      <c r="H289220" s="12"/>
    </row>
    <row r="289221" spans="8:8">
      <c r="H289221" s="12"/>
    </row>
    <row r="289222" spans="8:8">
      <c r="H289222" s="12"/>
    </row>
    <row r="289223" spans="8:8">
      <c r="H289223" s="12"/>
    </row>
    <row r="289224" spans="8:8">
      <c r="H289224" s="12"/>
    </row>
    <row r="289225" spans="8:8">
      <c r="H289225" s="12"/>
    </row>
    <row r="289226" spans="8:8">
      <c r="H289226" s="12"/>
    </row>
    <row r="289227" spans="8:8">
      <c r="H289227" s="12"/>
    </row>
    <row r="289228" spans="8:8">
      <c r="H289228" s="12"/>
    </row>
    <row r="289229" spans="8:8">
      <c r="H289229" s="12"/>
    </row>
    <row r="289230" spans="8:8">
      <c r="H289230" s="12"/>
    </row>
    <row r="289231" spans="8:8">
      <c r="H289231" s="12"/>
    </row>
    <row r="289232" spans="8:8">
      <c r="H289232" s="12"/>
    </row>
    <row r="289233" spans="8:8">
      <c r="H289233" s="12"/>
    </row>
    <row r="289234" spans="8:8">
      <c r="H289234" s="12"/>
    </row>
    <row r="289235" spans="8:8">
      <c r="H289235" s="12"/>
    </row>
    <row r="289236" spans="8:8">
      <c r="H289236" s="12"/>
    </row>
    <row r="289237" spans="8:8">
      <c r="H289237" s="12"/>
    </row>
    <row r="289238" spans="8:8">
      <c r="H289238" s="12"/>
    </row>
    <row r="289239" spans="8:8">
      <c r="H289239" s="12"/>
    </row>
    <row r="289240" spans="8:8">
      <c r="H289240" s="12"/>
    </row>
    <row r="289241" spans="8:8">
      <c r="H289241" s="12"/>
    </row>
    <row r="289242" spans="8:8">
      <c r="H289242" s="12"/>
    </row>
    <row r="289243" spans="8:8">
      <c r="H289243" s="12"/>
    </row>
    <row r="289244" spans="8:8">
      <c r="H289244" s="12"/>
    </row>
    <row r="289245" spans="8:8">
      <c r="H289245" s="12"/>
    </row>
    <row r="289246" spans="8:8">
      <c r="H289246" s="12"/>
    </row>
    <row r="289247" spans="8:8">
      <c r="H289247" s="12"/>
    </row>
    <row r="289248" spans="8:8">
      <c r="H289248" s="12"/>
    </row>
    <row r="289249" spans="8:8">
      <c r="H289249" s="12"/>
    </row>
    <row r="289250" spans="8:8">
      <c r="H289250" s="12"/>
    </row>
    <row r="289251" spans="8:8">
      <c r="H289251" s="12"/>
    </row>
    <row r="289252" spans="8:8">
      <c r="H289252" s="12"/>
    </row>
    <row r="289253" spans="8:8">
      <c r="H289253" s="12"/>
    </row>
    <row r="289254" spans="8:8">
      <c r="H289254" s="12"/>
    </row>
    <row r="289255" spans="8:8">
      <c r="H289255" s="12"/>
    </row>
    <row r="289256" spans="8:8">
      <c r="H289256" s="12"/>
    </row>
    <row r="289257" spans="8:8">
      <c r="H289257" s="12"/>
    </row>
    <row r="289258" spans="8:8">
      <c r="H289258" s="12"/>
    </row>
    <row r="289259" spans="8:8">
      <c r="H289259" s="12"/>
    </row>
    <row r="289260" spans="8:8">
      <c r="H289260" s="12"/>
    </row>
    <row r="289261" spans="8:8">
      <c r="H289261" s="12"/>
    </row>
    <row r="289262" spans="8:8">
      <c r="H289262" s="12"/>
    </row>
    <row r="289263" spans="8:8">
      <c r="H289263" s="12"/>
    </row>
    <row r="289264" spans="8:8">
      <c r="H289264" s="12"/>
    </row>
    <row r="289265" spans="8:8">
      <c r="H289265" s="12"/>
    </row>
    <row r="289266" spans="8:8">
      <c r="H289266" s="12"/>
    </row>
    <row r="289267" spans="8:8">
      <c r="H289267" s="12"/>
    </row>
    <row r="289268" spans="8:8">
      <c r="H289268" s="12"/>
    </row>
    <row r="289269" spans="8:8">
      <c r="H289269" s="12"/>
    </row>
    <row r="289270" spans="8:8">
      <c r="H289270" s="12"/>
    </row>
    <row r="289271" spans="8:8">
      <c r="H289271" s="12"/>
    </row>
    <row r="289272" spans="8:8">
      <c r="H289272" s="12"/>
    </row>
    <row r="289273" spans="8:8">
      <c r="H289273" s="12"/>
    </row>
    <row r="289274" spans="8:8">
      <c r="H289274" s="12"/>
    </row>
    <row r="289275" spans="8:8">
      <c r="H289275" s="12"/>
    </row>
    <row r="289276" spans="8:8">
      <c r="H289276" s="12"/>
    </row>
    <row r="289277" spans="8:8">
      <c r="H289277" s="12"/>
    </row>
    <row r="289278" spans="8:8">
      <c r="H289278" s="12"/>
    </row>
    <row r="289279" spans="8:8">
      <c r="H289279" s="12"/>
    </row>
    <row r="289280" spans="8:8">
      <c r="H289280" s="12"/>
    </row>
    <row r="289281" spans="8:8">
      <c r="H289281" s="12"/>
    </row>
    <row r="289282" spans="8:8">
      <c r="H289282" s="12"/>
    </row>
    <row r="289283" spans="8:8">
      <c r="H289283" s="12"/>
    </row>
    <row r="289284" spans="8:8">
      <c r="H289284" s="12"/>
    </row>
    <row r="289285" spans="8:8">
      <c r="H289285" s="12"/>
    </row>
    <row r="289286" spans="8:8">
      <c r="H289286" s="12"/>
    </row>
    <row r="289287" spans="8:8">
      <c r="H289287" s="12"/>
    </row>
    <row r="289288" spans="8:8">
      <c r="H289288" s="12"/>
    </row>
    <row r="289289" spans="8:8">
      <c r="H289289" s="12"/>
    </row>
    <row r="289290" spans="8:8">
      <c r="H289290" s="12"/>
    </row>
    <row r="289291" spans="8:8">
      <c r="H289291" s="12"/>
    </row>
    <row r="289292" spans="8:8">
      <c r="H289292" s="12"/>
    </row>
    <row r="289293" spans="8:8">
      <c r="H289293" s="12"/>
    </row>
    <row r="289294" spans="8:8">
      <c r="H289294" s="12"/>
    </row>
    <row r="289295" spans="8:8">
      <c r="H289295" s="12"/>
    </row>
    <row r="289296" spans="8:8">
      <c r="H289296" s="12"/>
    </row>
    <row r="289297" spans="8:8">
      <c r="H289297" s="12"/>
    </row>
    <row r="289298" spans="8:8">
      <c r="H289298" s="12"/>
    </row>
    <row r="289299" spans="8:8">
      <c r="H289299" s="12"/>
    </row>
    <row r="289300" spans="8:8">
      <c r="H289300" s="12"/>
    </row>
    <row r="289301" spans="8:8">
      <c r="H289301" s="12"/>
    </row>
    <row r="289302" spans="8:8">
      <c r="H289302" s="12"/>
    </row>
    <row r="289303" spans="8:8">
      <c r="H289303" s="12"/>
    </row>
    <row r="289304" spans="8:8">
      <c r="H289304" s="12"/>
    </row>
    <row r="289305" spans="8:8">
      <c r="H289305" s="12"/>
    </row>
    <row r="289306" spans="8:8">
      <c r="H289306" s="12"/>
    </row>
    <row r="289307" spans="8:8">
      <c r="H289307" s="12"/>
    </row>
    <row r="289308" spans="8:8">
      <c r="H289308" s="12"/>
    </row>
    <row r="289309" spans="8:8">
      <c r="H289309" s="12"/>
    </row>
    <row r="289310" spans="8:8">
      <c r="H289310" s="12"/>
    </row>
    <row r="289311" spans="8:8">
      <c r="H289311" s="12"/>
    </row>
    <row r="289312" spans="8:8">
      <c r="H289312" s="12"/>
    </row>
    <row r="289313" spans="8:8">
      <c r="H289313" s="12"/>
    </row>
    <row r="289314" spans="8:8">
      <c r="H289314" s="12"/>
    </row>
    <row r="289315" spans="8:8">
      <c r="H289315" s="12"/>
    </row>
    <row r="289316" spans="8:8">
      <c r="H289316" s="12"/>
    </row>
    <row r="289317" spans="8:8">
      <c r="H289317" s="12"/>
    </row>
    <row r="289318" spans="8:8">
      <c r="H289318" s="12"/>
    </row>
    <row r="289319" spans="8:8">
      <c r="H289319" s="12"/>
    </row>
    <row r="289320" spans="8:8">
      <c r="H289320" s="12"/>
    </row>
    <row r="289321" spans="8:8">
      <c r="H289321" s="12"/>
    </row>
    <row r="289322" spans="8:8">
      <c r="H289322" s="12"/>
    </row>
    <row r="289323" spans="8:8">
      <c r="H289323" s="12"/>
    </row>
    <row r="289324" spans="8:8">
      <c r="H289324" s="12"/>
    </row>
    <row r="289325" spans="8:8">
      <c r="H289325" s="12"/>
    </row>
    <row r="289326" spans="8:8">
      <c r="H289326" s="12"/>
    </row>
    <row r="289327" spans="8:8">
      <c r="H289327" s="12"/>
    </row>
    <row r="289328" spans="8:8">
      <c r="H289328" s="12"/>
    </row>
    <row r="289329" spans="8:8">
      <c r="H289329" s="12"/>
    </row>
    <row r="289330" spans="8:8">
      <c r="H289330" s="12"/>
    </row>
    <row r="289331" spans="8:8">
      <c r="H289331" s="12"/>
    </row>
    <row r="289332" spans="8:8">
      <c r="H289332" s="12"/>
    </row>
    <row r="289333" spans="8:8">
      <c r="H289333" s="12"/>
    </row>
    <row r="289334" spans="8:8">
      <c r="H289334" s="12"/>
    </row>
    <row r="289335" spans="8:8">
      <c r="H289335" s="12"/>
    </row>
    <row r="289336" spans="8:8">
      <c r="H289336" s="12"/>
    </row>
    <row r="289337" spans="8:8">
      <c r="H289337" s="12"/>
    </row>
    <row r="289338" spans="8:8">
      <c r="H289338" s="12"/>
    </row>
    <row r="289339" spans="8:8">
      <c r="H289339" s="12"/>
    </row>
    <row r="289340" spans="8:8">
      <c r="H289340" s="12"/>
    </row>
    <row r="289341" spans="8:8">
      <c r="H289341" s="12"/>
    </row>
    <row r="289342" spans="8:8">
      <c r="H289342" s="12"/>
    </row>
    <row r="289343" spans="8:8">
      <c r="H289343" s="12"/>
    </row>
    <row r="289344" spans="8:8">
      <c r="H289344" s="12"/>
    </row>
    <row r="289345" spans="8:8">
      <c r="H289345" s="12"/>
    </row>
    <row r="289346" spans="8:8">
      <c r="H289346" s="12"/>
    </row>
    <row r="289347" spans="8:8">
      <c r="H289347" s="12"/>
    </row>
    <row r="289348" spans="8:8">
      <c r="H289348" s="12"/>
    </row>
    <row r="289349" spans="8:8">
      <c r="H289349" s="12"/>
    </row>
    <row r="289350" spans="8:8">
      <c r="H289350" s="12"/>
    </row>
    <row r="289351" spans="8:8">
      <c r="H289351" s="12"/>
    </row>
    <row r="289352" spans="8:8">
      <c r="H289352" s="12"/>
    </row>
    <row r="289353" spans="8:8">
      <c r="H289353" s="12"/>
    </row>
    <row r="289354" spans="8:8">
      <c r="H289354" s="12"/>
    </row>
    <row r="289355" spans="8:8">
      <c r="H289355" s="12"/>
    </row>
    <row r="289356" spans="8:8">
      <c r="H289356" s="12"/>
    </row>
    <row r="289357" spans="8:8">
      <c r="H289357" s="12"/>
    </row>
    <row r="289358" spans="8:8">
      <c r="H289358" s="12"/>
    </row>
    <row r="289359" spans="8:8">
      <c r="H289359" s="12"/>
    </row>
    <row r="289360" spans="8:8">
      <c r="H289360" s="12"/>
    </row>
    <row r="289361" spans="8:8">
      <c r="H289361" s="12"/>
    </row>
    <row r="289362" spans="8:8">
      <c r="H289362" s="12"/>
    </row>
    <row r="289363" spans="8:8">
      <c r="H289363" s="12"/>
    </row>
    <row r="289364" spans="8:8">
      <c r="H289364" s="12"/>
    </row>
    <row r="289365" spans="8:8">
      <c r="H289365" s="12"/>
    </row>
    <row r="289366" spans="8:8">
      <c r="H289366" s="12"/>
    </row>
    <row r="289367" spans="8:8">
      <c r="H289367" s="12"/>
    </row>
    <row r="289368" spans="8:8">
      <c r="H289368" s="12"/>
    </row>
    <row r="289369" spans="8:8">
      <c r="H289369" s="12"/>
    </row>
    <row r="289370" spans="8:8">
      <c r="H289370" s="12"/>
    </row>
    <row r="289371" spans="8:8">
      <c r="H289371" s="12"/>
    </row>
    <row r="289372" spans="8:8">
      <c r="H289372" s="12"/>
    </row>
    <row r="289373" spans="8:8">
      <c r="H289373" s="12"/>
    </row>
    <row r="289374" spans="8:8">
      <c r="H289374" s="12"/>
    </row>
    <row r="289375" spans="8:8">
      <c r="H289375" s="12"/>
    </row>
    <row r="289376" spans="8:8">
      <c r="H289376" s="12"/>
    </row>
    <row r="289377" spans="8:8">
      <c r="H289377" s="12"/>
    </row>
    <row r="289378" spans="8:8">
      <c r="H289378" s="12"/>
    </row>
    <row r="289379" spans="8:8">
      <c r="H289379" s="12"/>
    </row>
    <row r="289380" spans="8:8">
      <c r="H289380" s="12"/>
    </row>
    <row r="289381" spans="8:8">
      <c r="H289381" s="12"/>
    </row>
    <row r="289382" spans="8:8">
      <c r="H289382" s="12"/>
    </row>
    <row r="289383" spans="8:8">
      <c r="H289383" s="12"/>
    </row>
    <row r="289384" spans="8:8">
      <c r="H289384" s="12"/>
    </row>
    <row r="289385" spans="8:8">
      <c r="H289385" s="12"/>
    </row>
    <row r="289386" spans="8:8">
      <c r="H289386" s="12"/>
    </row>
    <row r="289387" spans="8:8">
      <c r="H289387" s="12"/>
    </row>
    <row r="289388" spans="8:8">
      <c r="H289388" s="12"/>
    </row>
    <row r="289389" spans="8:8">
      <c r="H289389" s="12"/>
    </row>
    <row r="289390" spans="8:8">
      <c r="H289390" s="12"/>
    </row>
    <row r="289391" spans="8:8">
      <c r="H289391" s="12"/>
    </row>
    <row r="289392" spans="8:8">
      <c r="H289392" s="12"/>
    </row>
    <row r="289393" spans="8:8">
      <c r="H289393" s="12"/>
    </row>
    <row r="289394" spans="8:8">
      <c r="H289394" s="12"/>
    </row>
    <row r="289395" spans="8:8">
      <c r="H289395" s="12"/>
    </row>
    <row r="289396" spans="8:8">
      <c r="H289396" s="12"/>
    </row>
    <row r="289397" spans="8:8">
      <c r="H289397" s="12"/>
    </row>
    <row r="289398" spans="8:8">
      <c r="H289398" s="12"/>
    </row>
    <row r="289399" spans="8:8">
      <c r="H289399" s="12"/>
    </row>
    <row r="289400" spans="8:8">
      <c r="H289400" s="12"/>
    </row>
    <row r="289401" spans="8:8">
      <c r="H289401" s="12"/>
    </row>
    <row r="289402" spans="8:8">
      <c r="H289402" s="12"/>
    </row>
    <row r="289403" spans="8:8">
      <c r="H289403" s="12"/>
    </row>
    <row r="289404" spans="8:8">
      <c r="H289404" s="12"/>
    </row>
    <row r="289405" spans="8:8">
      <c r="H289405" s="12"/>
    </row>
    <row r="289406" spans="8:8">
      <c r="H289406" s="12"/>
    </row>
    <row r="289407" spans="8:8">
      <c r="H289407" s="12"/>
    </row>
    <row r="289408" spans="8:8">
      <c r="H289408" s="12"/>
    </row>
    <row r="289409" spans="8:8">
      <c r="H289409" s="12"/>
    </row>
    <row r="289410" spans="8:8">
      <c r="H289410" s="12"/>
    </row>
    <row r="289411" spans="8:8">
      <c r="H289411" s="12"/>
    </row>
    <row r="289412" spans="8:8">
      <c r="H289412" s="12"/>
    </row>
    <row r="289413" spans="8:8">
      <c r="H289413" s="12"/>
    </row>
    <row r="289414" spans="8:8">
      <c r="H289414" s="12"/>
    </row>
    <row r="289415" spans="8:8">
      <c r="H289415" s="12"/>
    </row>
    <row r="289416" spans="8:8">
      <c r="H289416" s="12"/>
    </row>
    <row r="289417" spans="8:8">
      <c r="H289417" s="12"/>
    </row>
    <row r="289418" spans="8:8">
      <c r="H289418" s="12"/>
    </row>
    <row r="289419" spans="8:8">
      <c r="H289419" s="12"/>
    </row>
    <row r="289420" spans="8:8">
      <c r="H289420" s="12"/>
    </row>
    <row r="289421" spans="8:8">
      <c r="H289421" s="12"/>
    </row>
    <row r="289422" spans="8:8">
      <c r="H289422" s="12"/>
    </row>
    <row r="289423" spans="8:8">
      <c r="H289423" s="12"/>
    </row>
    <row r="289424" spans="8:8">
      <c r="H289424" s="12"/>
    </row>
    <row r="289425" spans="8:8">
      <c r="H289425" s="12"/>
    </row>
    <row r="289426" spans="8:8">
      <c r="H289426" s="12"/>
    </row>
    <row r="289427" spans="8:8">
      <c r="H289427" s="12"/>
    </row>
    <row r="289428" spans="8:8">
      <c r="H289428" s="12"/>
    </row>
    <row r="289429" spans="8:8">
      <c r="H289429" s="12"/>
    </row>
    <row r="289430" spans="8:8">
      <c r="H289430" s="12"/>
    </row>
    <row r="289431" spans="8:8">
      <c r="H289431" s="12"/>
    </row>
    <row r="289432" spans="8:8">
      <c r="H289432" s="12"/>
    </row>
    <row r="289433" spans="8:8">
      <c r="H289433" s="12"/>
    </row>
    <row r="289434" spans="8:8">
      <c r="H289434" s="12"/>
    </row>
    <row r="289435" spans="8:8">
      <c r="H289435" s="12"/>
    </row>
    <row r="289436" spans="8:8">
      <c r="H289436" s="12"/>
    </row>
    <row r="289437" spans="8:8">
      <c r="H289437" s="12"/>
    </row>
    <row r="289438" spans="8:8">
      <c r="H289438" s="12"/>
    </row>
    <row r="289439" spans="8:8">
      <c r="H289439" s="12"/>
    </row>
    <row r="289440" spans="8:8">
      <c r="H289440" s="12"/>
    </row>
    <row r="289441" spans="8:8">
      <c r="H289441" s="12"/>
    </row>
    <row r="289442" spans="8:8">
      <c r="H289442" s="12"/>
    </row>
    <row r="289443" spans="8:8">
      <c r="H289443" s="12"/>
    </row>
    <row r="289444" spans="8:8">
      <c r="H289444" s="12"/>
    </row>
    <row r="289445" spans="8:8">
      <c r="H289445" s="12"/>
    </row>
    <row r="289446" spans="8:8">
      <c r="H289446" s="12"/>
    </row>
    <row r="289447" spans="8:8">
      <c r="H289447" s="12"/>
    </row>
    <row r="289448" spans="8:8">
      <c r="H289448" s="12"/>
    </row>
    <row r="289449" spans="8:8">
      <c r="H289449" s="12"/>
    </row>
    <row r="289450" spans="8:8">
      <c r="H289450" s="12"/>
    </row>
    <row r="289451" spans="8:8">
      <c r="H289451" s="12"/>
    </row>
    <row r="289452" spans="8:8">
      <c r="H289452" s="12"/>
    </row>
    <row r="289453" spans="8:8">
      <c r="H289453" s="12"/>
    </row>
    <row r="289454" spans="8:8">
      <c r="H289454" s="12"/>
    </row>
    <row r="289455" spans="8:8">
      <c r="H289455" s="12"/>
    </row>
    <row r="289456" spans="8:8">
      <c r="H289456" s="12"/>
    </row>
    <row r="289457" spans="8:8">
      <c r="H289457" s="12"/>
    </row>
    <row r="289458" spans="8:8">
      <c r="H289458" s="12"/>
    </row>
    <row r="289459" spans="8:8">
      <c r="H289459" s="12"/>
    </row>
    <row r="289460" spans="8:8">
      <c r="H289460" s="12"/>
    </row>
    <row r="289461" spans="8:8">
      <c r="H289461" s="12"/>
    </row>
    <row r="289462" spans="8:8">
      <c r="H289462" s="12"/>
    </row>
    <row r="289463" spans="8:8">
      <c r="H289463" s="12"/>
    </row>
    <row r="289464" spans="8:8">
      <c r="H289464" s="12"/>
    </row>
    <row r="289465" spans="8:8">
      <c r="H289465" s="12"/>
    </row>
    <row r="289466" spans="8:8">
      <c r="H289466" s="12"/>
    </row>
    <row r="289467" spans="8:8">
      <c r="H289467" s="12"/>
    </row>
    <row r="289468" spans="8:8">
      <c r="H289468" s="12"/>
    </row>
    <row r="289469" spans="8:8">
      <c r="H289469" s="12"/>
    </row>
    <row r="289470" spans="8:8">
      <c r="H289470" s="12"/>
    </row>
    <row r="289471" spans="8:8">
      <c r="H289471" s="12"/>
    </row>
    <row r="289472" spans="8:8">
      <c r="H289472" s="12"/>
    </row>
    <row r="289473" spans="8:8">
      <c r="H289473" s="12"/>
    </row>
    <row r="289474" spans="8:8">
      <c r="H289474" s="12"/>
    </row>
    <row r="289475" spans="8:8">
      <c r="H289475" s="12"/>
    </row>
    <row r="289476" spans="8:8">
      <c r="H289476" s="12"/>
    </row>
    <row r="289477" spans="8:8">
      <c r="H289477" s="12"/>
    </row>
    <row r="289478" spans="8:8">
      <c r="H289478" s="12"/>
    </row>
    <row r="289479" spans="8:8">
      <c r="H289479" s="12"/>
    </row>
    <row r="289480" spans="8:8">
      <c r="H289480" s="12"/>
    </row>
    <row r="289481" spans="8:8">
      <c r="H289481" s="12"/>
    </row>
    <row r="289482" spans="8:8">
      <c r="H289482" s="12"/>
    </row>
    <row r="289483" spans="8:8">
      <c r="H289483" s="12"/>
    </row>
    <row r="289484" spans="8:8">
      <c r="H289484" s="12"/>
    </row>
    <row r="289485" spans="8:8">
      <c r="H289485" s="12"/>
    </row>
    <row r="289486" spans="8:8">
      <c r="H289486" s="12"/>
    </row>
    <row r="289487" spans="8:8">
      <c r="H289487" s="12"/>
    </row>
    <row r="289488" spans="8:8">
      <c r="H289488" s="12"/>
    </row>
    <row r="289489" spans="8:8">
      <c r="H289489" s="12"/>
    </row>
    <row r="289490" spans="8:8">
      <c r="H289490" s="12"/>
    </row>
    <row r="289491" spans="8:8">
      <c r="H289491" s="12"/>
    </row>
    <row r="289492" spans="8:8">
      <c r="H289492" s="12"/>
    </row>
    <row r="289493" spans="8:8">
      <c r="H289493" s="12"/>
    </row>
    <row r="289494" spans="8:8">
      <c r="H289494" s="12"/>
    </row>
    <row r="289495" spans="8:8">
      <c r="H289495" s="12"/>
    </row>
    <row r="289496" spans="8:8">
      <c r="H289496" s="12"/>
    </row>
    <row r="289497" spans="8:8">
      <c r="H289497" s="12"/>
    </row>
    <row r="289498" spans="8:8">
      <c r="H289498" s="12"/>
    </row>
    <row r="289499" spans="8:8">
      <c r="H289499" s="12"/>
    </row>
    <row r="289500" spans="8:8">
      <c r="H289500" s="12"/>
    </row>
    <row r="289501" spans="8:8">
      <c r="H289501" s="12"/>
    </row>
    <row r="289502" spans="8:8">
      <c r="H289502" s="12"/>
    </row>
    <row r="289503" spans="8:8">
      <c r="H289503" s="12"/>
    </row>
    <row r="289504" spans="8:8">
      <c r="H289504" s="12"/>
    </row>
    <row r="289505" spans="8:8">
      <c r="H289505" s="12"/>
    </row>
    <row r="289506" spans="8:8">
      <c r="H289506" s="12"/>
    </row>
    <row r="289507" spans="8:8">
      <c r="H289507" s="12"/>
    </row>
    <row r="289508" spans="8:8">
      <c r="H289508" s="12"/>
    </row>
    <row r="289509" spans="8:8">
      <c r="H289509" s="12"/>
    </row>
    <row r="289510" spans="8:8">
      <c r="H289510" s="12"/>
    </row>
    <row r="289511" spans="8:8">
      <c r="H289511" s="12"/>
    </row>
    <row r="289512" spans="8:8">
      <c r="H289512" s="12"/>
    </row>
    <row r="289513" spans="8:8">
      <c r="H289513" s="12"/>
    </row>
    <row r="289514" spans="8:8">
      <c r="H289514" s="12"/>
    </row>
    <row r="289515" spans="8:8">
      <c r="H289515" s="12"/>
    </row>
    <row r="289516" spans="8:8">
      <c r="H289516" s="12"/>
    </row>
    <row r="289517" spans="8:8">
      <c r="H289517" s="12"/>
    </row>
    <row r="289518" spans="8:8">
      <c r="H289518" s="12"/>
    </row>
    <row r="289519" spans="8:8">
      <c r="H289519" s="12"/>
    </row>
    <row r="289520" spans="8:8">
      <c r="H289520" s="12"/>
    </row>
    <row r="289521" spans="8:8">
      <c r="H289521" s="12"/>
    </row>
    <row r="289522" spans="8:8">
      <c r="H289522" s="12"/>
    </row>
    <row r="289523" spans="8:8">
      <c r="H289523" s="12"/>
    </row>
    <row r="289524" spans="8:8">
      <c r="H289524" s="12"/>
    </row>
    <row r="289525" spans="8:8">
      <c r="H289525" s="12"/>
    </row>
    <row r="289526" spans="8:8">
      <c r="H289526" s="12"/>
    </row>
    <row r="289527" spans="8:8">
      <c r="H289527" s="12"/>
    </row>
    <row r="289528" spans="8:8">
      <c r="H289528" s="12"/>
    </row>
    <row r="289529" spans="8:8">
      <c r="H289529" s="12"/>
    </row>
    <row r="289530" spans="8:8">
      <c r="H289530" s="12"/>
    </row>
    <row r="289531" spans="8:8">
      <c r="H289531" s="12"/>
    </row>
    <row r="289532" spans="8:8">
      <c r="H289532" s="12"/>
    </row>
    <row r="289533" spans="8:8">
      <c r="H289533" s="12"/>
    </row>
    <row r="289534" spans="8:8">
      <c r="H289534" s="12"/>
    </row>
    <row r="289535" spans="8:8">
      <c r="H289535" s="12"/>
    </row>
    <row r="289536" spans="8:8">
      <c r="H289536" s="12"/>
    </row>
    <row r="289537" spans="8:8">
      <c r="H289537" s="12"/>
    </row>
    <row r="289538" spans="8:8">
      <c r="H289538" s="12"/>
    </row>
    <row r="289539" spans="8:8">
      <c r="H289539" s="12"/>
    </row>
    <row r="289540" spans="8:8">
      <c r="H289540" s="12"/>
    </row>
    <row r="289541" spans="8:8">
      <c r="H289541" s="12"/>
    </row>
    <row r="289542" spans="8:8">
      <c r="H289542" s="12"/>
    </row>
    <row r="289543" spans="8:8">
      <c r="H289543" s="12"/>
    </row>
    <row r="289544" spans="8:8">
      <c r="H289544" s="12"/>
    </row>
    <row r="289545" spans="8:8">
      <c r="H289545" s="12"/>
    </row>
    <row r="289546" spans="8:8">
      <c r="H289546" s="12"/>
    </row>
    <row r="289547" spans="8:8">
      <c r="H289547" s="12"/>
    </row>
    <row r="289548" spans="8:8">
      <c r="H289548" s="12"/>
    </row>
    <row r="289549" spans="8:8">
      <c r="H289549" s="12"/>
    </row>
    <row r="289550" spans="8:8">
      <c r="H289550" s="12"/>
    </row>
    <row r="289551" spans="8:8">
      <c r="H289551" s="12"/>
    </row>
    <row r="289552" spans="8:8">
      <c r="H289552" s="12"/>
    </row>
    <row r="289553" spans="8:8">
      <c r="H289553" s="12"/>
    </row>
    <row r="289554" spans="8:8">
      <c r="H289554" s="12"/>
    </row>
    <row r="289555" spans="8:8">
      <c r="H289555" s="12"/>
    </row>
    <row r="289556" spans="8:8">
      <c r="H289556" s="12"/>
    </row>
    <row r="289557" spans="8:8">
      <c r="H289557" s="12"/>
    </row>
    <row r="289558" spans="8:8">
      <c r="H289558" s="12"/>
    </row>
    <row r="289559" spans="8:8">
      <c r="H289559" s="12"/>
    </row>
    <row r="289560" spans="8:8">
      <c r="H289560" s="12"/>
    </row>
    <row r="289561" spans="8:8">
      <c r="H289561" s="12"/>
    </row>
    <row r="289562" spans="8:8">
      <c r="H289562" s="12"/>
    </row>
    <row r="289563" spans="8:8">
      <c r="H289563" s="12"/>
    </row>
    <row r="289564" spans="8:8">
      <c r="H289564" s="12"/>
    </row>
    <row r="289565" spans="8:8">
      <c r="H289565" s="12"/>
    </row>
    <row r="289566" spans="8:8">
      <c r="H289566" s="12"/>
    </row>
    <row r="289567" spans="8:8">
      <c r="H289567" s="12"/>
    </row>
    <row r="289568" spans="8:8">
      <c r="H289568" s="12"/>
    </row>
    <row r="289569" spans="8:8">
      <c r="H289569" s="12"/>
    </row>
    <row r="289570" spans="8:8">
      <c r="H289570" s="12"/>
    </row>
    <row r="289571" spans="8:8">
      <c r="H289571" s="12"/>
    </row>
    <row r="289572" spans="8:8">
      <c r="H289572" s="12"/>
    </row>
    <row r="289573" spans="8:8">
      <c r="H289573" s="12"/>
    </row>
    <row r="289574" spans="8:8">
      <c r="H289574" s="12"/>
    </row>
    <row r="289575" spans="8:8">
      <c r="H289575" s="12"/>
    </row>
    <row r="289576" spans="8:8">
      <c r="H289576" s="12"/>
    </row>
    <row r="289577" spans="8:8">
      <c r="H289577" s="12"/>
    </row>
    <row r="289578" spans="8:8">
      <c r="H289578" s="12"/>
    </row>
    <row r="289579" spans="8:8">
      <c r="H289579" s="12"/>
    </row>
    <row r="289580" spans="8:8">
      <c r="H289580" s="12"/>
    </row>
    <row r="289581" spans="8:8">
      <c r="H289581" s="12"/>
    </row>
    <row r="289582" spans="8:8">
      <c r="H289582" s="12"/>
    </row>
    <row r="289583" spans="8:8">
      <c r="H289583" s="12"/>
    </row>
    <row r="289584" spans="8:8">
      <c r="H289584" s="12"/>
    </row>
    <row r="289585" spans="8:8">
      <c r="H289585" s="12"/>
    </row>
    <row r="289586" spans="8:8">
      <c r="H289586" s="12"/>
    </row>
    <row r="289587" spans="8:8">
      <c r="H289587" s="12"/>
    </row>
    <row r="289588" spans="8:8">
      <c r="H289588" s="12"/>
    </row>
    <row r="289589" spans="8:8">
      <c r="H289589" s="12"/>
    </row>
    <row r="289590" spans="8:8">
      <c r="H289590" s="12"/>
    </row>
    <row r="289591" spans="8:8">
      <c r="H289591" s="12"/>
    </row>
    <row r="289592" spans="8:8">
      <c r="H289592" s="12"/>
    </row>
    <row r="289593" spans="8:8">
      <c r="H289593" s="12"/>
    </row>
    <row r="289594" spans="8:8">
      <c r="H289594" s="12"/>
    </row>
    <row r="289595" spans="8:8">
      <c r="H289595" s="12"/>
    </row>
    <row r="289596" spans="8:8">
      <c r="H289596" s="12"/>
    </row>
    <row r="289597" spans="8:8">
      <c r="H289597" s="12"/>
    </row>
    <row r="289598" spans="8:8">
      <c r="H289598" s="12"/>
    </row>
    <row r="289599" spans="8:8">
      <c r="H289599" s="12"/>
    </row>
    <row r="289600" spans="8:8">
      <c r="H289600" s="12"/>
    </row>
    <row r="289601" spans="8:8">
      <c r="H289601" s="12"/>
    </row>
    <row r="289602" spans="8:8">
      <c r="H289602" s="12"/>
    </row>
    <row r="289603" spans="8:8">
      <c r="H289603" s="12"/>
    </row>
    <row r="289604" spans="8:8">
      <c r="H289604" s="12"/>
    </row>
    <row r="289605" spans="8:8">
      <c r="H289605" s="12"/>
    </row>
    <row r="289606" spans="8:8">
      <c r="H289606" s="12"/>
    </row>
    <row r="289607" spans="8:8">
      <c r="H289607" s="12"/>
    </row>
    <row r="289608" spans="8:8">
      <c r="H289608" s="12"/>
    </row>
    <row r="289609" spans="8:8">
      <c r="H289609" s="12"/>
    </row>
    <row r="289610" spans="8:8">
      <c r="H289610" s="12"/>
    </row>
    <row r="289611" spans="8:8">
      <c r="H289611" s="12"/>
    </row>
    <row r="289612" spans="8:8">
      <c r="H289612" s="12"/>
    </row>
    <row r="289613" spans="8:8">
      <c r="H289613" s="12"/>
    </row>
    <row r="289614" spans="8:8">
      <c r="H289614" s="12"/>
    </row>
    <row r="289615" spans="8:8">
      <c r="H289615" s="12"/>
    </row>
    <row r="289616" spans="8:8">
      <c r="H289616" s="12"/>
    </row>
    <row r="289617" spans="8:8">
      <c r="H289617" s="12"/>
    </row>
    <row r="289618" spans="8:8">
      <c r="H289618" s="12"/>
    </row>
    <row r="289619" spans="8:8">
      <c r="H289619" s="12"/>
    </row>
    <row r="289620" spans="8:8">
      <c r="H289620" s="12"/>
    </row>
    <row r="289621" spans="8:8">
      <c r="H289621" s="12"/>
    </row>
    <row r="289622" spans="8:8">
      <c r="H289622" s="12"/>
    </row>
    <row r="289623" spans="8:8">
      <c r="H289623" s="12"/>
    </row>
    <row r="289624" spans="8:8">
      <c r="H289624" s="12"/>
    </row>
    <row r="289625" spans="8:8">
      <c r="H289625" s="12"/>
    </row>
    <row r="289626" spans="8:8">
      <c r="H289626" s="12"/>
    </row>
    <row r="289627" spans="8:8">
      <c r="H289627" s="12"/>
    </row>
    <row r="289628" spans="8:8">
      <c r="H289628" s="12"/>
    </row>
    <row r="289629" spans="8:8">
      <c r="H289629" s="12"/>
    </row>
    <row r="289630" spans="8:8">
      <c r="H289630" s="12"/>
    </row>
    <row r="289631" spans="8:8">
      <c r="H289631" s="12"/>
    </row>
    <row r="289632" spans="8:8">
      <c r="H289632" s="12"/>
    </row>
    <row r="289633" spans="8:8">
      <c r="H289633" s="12"/>
    </row>
    <row r="289634" spans="8:8">
      <c r="H289634" s="12"/>
    </row>
    <row r="289635" spans="8:8">
      <c r="H289635" s="12"/>
    </row>
    <row r="289636" spans="8:8">
      <c r="H289636" s="12"/>
    </row>
    <row r="289637" spans="8:8">
      <c r="H289637" s="12"/>
    </row>
    <row r="289638" spans="8:8">
      <c r="H289638" s="12"/>
    </row>
    <row r="289639" spans="8:8">
      <c r="H289639" s="12"/>
    </row>
    <row r="289640" spans="8:8">
      <c r="H289640" s="12"/>
    </row>
    <row r="289641" spans="8:8">
      <c r="H289641" s="12"/>
    </row>
    <row r="289642" spans="8:8">
      <c r="H289642" s="12"/>
    </row>
    <row r="289643" spans="8:8">
      <c r="H289643" s="12"/>
    </row>
    <row r="289644" spans="8:8">
      <c r="H289644" s="12"/>
    </row>
    <row r="289645" spans="8:8">
      <c r="H289645" s="12"/>
    </row>
    <row r="289646" spans="8:8">
      <c r="H289646" s="12"/>
    </row>
    <row r="289647" spans="8:8">
      <c r="H289647" s="12"/>
    </row>
    <row r="289648" spans="8:8">
      <c r="H289648" s="12"/>
    </row>
    <row r="289649" spans="8:8">
      <c r="H289649" s="12"/>
    </row>
    <row r="289650" spans="8:8">
      <c r="H289650" s="12"/>
    </row>
    <row r="289651" spans="8:8">
      <c r="H289651" s="12"/>
    </row>
    <row r="289652" spans="8:8">
      <c r="H289652" s="12"/>
    </row>
    <row r="289653" spans="8:8">
      <c r="H289653" s="12"/>
    </row>
    <row r="289654" spans="8:8">
      <c r="H289654" s="12"/>
    </row>
    <row r="289655" spans="8:8">
      <c r="H289655" s="12"/>
    </row>
    <row r="289656" spans="8:8">
      <c r="H289656" s="12"/>
    </row>
    <row r="289657" spans="8:8">
      <c r="H289657" s="12"/>
    </row>
    <row r="289658" spans="8:8">
      <c r="H289658" s="12"/>
    </row>
    <row r="289659" spans="8:8">
      <c r="H289659" s="12"/>
    </row>
    <row r="289660" spans="8:8">
      <c r="H289660" s="12"/>
    </row>
    <row r="289661" spans="8:8">
      <c r="H289661" s="12"/>
    </row>
    <row r="289662" spans="8:8">
      <c r="H289662" s="12"/>
    </row>
    <row r="289663" spans="8:8">
      <c r="H289663" s="12"/>
    </row>
    <row r="289664" spans="8:8">
      <c r="H289664" s="12"/>
    </row>
    <row r="289665" spans="8:8">
      <c r="H289665" s="12"/>
    </row>
    <row r="289666" spans="8:8">
      <c r="H289666" s="12"/>
    </row>
    <row r="289667" spans="8:8">
      <c r="H289667" s="12"/>
    </row>
    <row r="289668" spans="8:8">
      <c r="H289668" s="12"/>
    </row>
    <row r="289669" spans="8:8">
      <c r="H289669" s="12"/>
    </row>
    <row r="289670" spans="8:8">
      <c r="H289670" s="12"/>
    </row>
    <row r="289671" spans="8:8">
      <c r="H289671" s="12"/>
    </row>
    <row r="289672" spans="8:8">
      <c r="H289672" s="12"/>
    </row>
    <row r="289673" spans="8:8">
      <c r="H289673" s="12"/>
    </row>
    <row r="289674" spans="8:8">
      <c r="H289674" s="12"/>
    </row>
    <row r="289675" spans="8:8">
      <c r="H289675" s="12"/>
    </row>
    <row r="289676" spans="8:8">
      <c r="H289676" s="12"/>
    </row>
    <row r="289677" spans="8:8">
      <c r="H289677" s="12"/>
    </row>
    <row r="289678" spans="8:8">
      <c r="H289678" s="12"/>
    </row>
    <row r="289679" spans="8:8">
      <c r="H289679" s="12"/>
    </row>
    <row r="289680" spans="8:8">
      <c r="H289680" s="12"/>
    </row>
    <row r="289681" spans="8:8">
      <c r="H289681" s="12"/>
    </row>
    <row r="289682" spans="8:8">
      <c r="H289682" s="12"/>
    </row>
    <row r="289683" spans="8:8">
      <c r="H289683" s="12"/>
    </row>
    <row r="289684" spans="8:8">
      <c r="H289684" s="12"/>
    </row>
    <row r="289685" spans="8:8">
      <c r="H289685" s="12"/>
    </row>
    <row r="289686" spans="8:8">
      <c r="H289686" s="12"/>
    </row>
    <row r="289687" spans="8:8">
      <c r="H289687" s="12"/>
    </row>
    <row r="289688" spans="8:8">
      <c r="H289688" s="12"/>
    </row>
    <row r="289689" spans="8:8">
      <c r="H289689" s="12"/>
    </row>
    <row r="289690" spans="8:8">
      <c r="H289690" s="12"/>
    </row>
    <row r="289691" spans="8:8">
      <c r="H289691" s="12"/>
    </row>
    <row r="289692" spans="8:8">
      <c r="H289692" s="12"/>
    </row>
    <row r="289693" spans="8:8">
      <c r="H289693" s="12"/>
    </row>
    <row r="289694" spans="8:8">
      <c r="H289694" s="12"/>
    </row>
    <row r="289695" spans="8:8">
      <c r="H289695" s="12"/>
    </row>
    <row r="289696" spans="8:8">
      <c r="H289696" s="12"/>
    </row>
    <row r="289697" spans="8:8">
      <c r="H289697" s="12"/>
    </row>
    <row r="289698" spans="8:8">
      <c r="H289698" s="12"/>
    </row>
    <row r="289699" spans="8:8">
      <c r="H289699" s="12"/>
    </row>
    <row r="289700" spans="8:8">
      <c r="H289700" s="12"/>
    </row>
    <row r="289701" spans="8:8">
      <c r="H289701" s="12"/>
    </row>
    <row r="289702" spans="8:8">
      <c r="H289702" s="12"/>
    </row>
    <row r="289703" spans="8:8">
      <c r="H289703" s="12"/>
    </row>
    <row r="289704" spans="8:8">
      <c r="H289704" s="12"/>
    </row>
    <row r="289705" spans="8:8">
      <c r="H289705" s="12"/>
    </row>
    <row r="289706" spans="8:8">
      <c r="H289706" s="12"/>
    </row>
    <row r="289707" spans="8:8">
      <c r="H289707" s="12"/>
    </row>
    <row r="289708" spans="8:8">
      <c r="H289708" s="12"/>
    </row>
    <row r="289709" spans="8:8">
      <c r="H289709" s="12"/>
    </row>
    <row r="289710" spans="8:8">
      <c r="H289710" s="12"/>
    </row>
    <row r="289711" spans="8:8">
      <c r="H289711" s="12"/>
    </row>
    <row r="289712" spans="8:8">
      <c r="H289712" s="12"/>
    </row>
    <row r="289713" spans="8:8">
      <c r="H289713" s="12"/>
    </row>
    <row r="289714" spans="8:8">
      <c r="H289714" s="12"/>
    </row>
    <row r="289715" spans="8:8">
      <c r="H289715" s="12"/>
    </row>
    <row r="289716" spans="8:8">
      <c r="H289716" s="12"/>
    </row>
    <row r="289717" spans="8:8">
      <c r="H289717" s="12"/>
    </row>
    <row r="289718" spans="8:8">
      <c r="H289718" s="12"/>
    </row>
    <row r="289719" spans="8:8">
      <c r="H289719" s="12"/>
    </row>
    <row r="289720" spans="8:8">
      <c r="H289720" s="12"/>
    </row>
    <row r="289721" spans="8:8">
      <c r="H289721" s="12"/>
    </row>
    <row r="289722" spans="8:8">
      <c r="H289722" s="12"/>
    </row>
    <row r="289723" spans="8:8">
      <c r="H289723" s="12"/>
    </row>
    <row r="289724" spans="8:8">
      <c r="H289724" s="12"/>
    </row>
    <row r="289725" spans="8:8">
      <c r="H289725" s="12"/>
    </row>
    <row r="289726" spans="8:8">
      <c r="H289726" s="12"/>
    </row>
    <row r="289727" spans="8:8">
      <c r="H289727" s="12"/>
    </row>
    <row r="289728" spans="8:8">
      <c r="H289728" s="12"/>
    </row>
    <row r="289729" spans="8:8">
      <c r="H289729" s="12"/>
    </row>
    <row r="289730" spans="8:8">
      <c r="H289730" s="12"/>
    </row>
    <row r="289731" spans="8:8">
      <c r="H289731" s="12"/>
    </row>
    <row r="289732" spans="8:8">
      <c r="H289732" s="12"/>
    </row>
    <row r="289733" spans="8:8">
      <c r="H289733" s="12"/>
    </row>
    <row r="289734" spans="8:8">
      <c r="H289734" s="12"/>
    </row>
    <row r="289735" spans="8:8">
      <c r="H289735" s="12"/>
    </row>
    <row r="289736" spans="8:8">
      <c r="H289736" s="12"/>
    </row>
    <row r="289737" spans="8:8">
      <c r="H289737" s="12"/>
    </row>
    <row r="289738" spans="8:8">
      <c r="H289738" s="12"/>
    </row>
    <row r="289739" spans="8:8">
      <c r="H289739" s="12"/>
    </row>
    <row r="289740" spans="8:8">
      <c r="H289740" s="12"/>
    </row>
    <row r="289741" spans="8:8">
      <c r="H289741" s="12"/>
    </row>
    <row r="289742" spans="8:8">
      <c r="H289742" s="12"/>
    </row>
    <row r="289743" spans="8:8">
      <c r="H289743" s="12"/>
    </row>
    <row r="289744" spans="8:8">
      <c r="H289744" s="12"/>
    </row>
    <row r="289745" spans="8:8">
      <c r="H289745" s="12"/>
    </row>
    <row r="289746" spans="8:8">
      <c r="H289746" s="12"/>
    </row>
    <row r="289747" spans="8:8">
      <c r="H289747" s="12"/>
    </row>
    <row r="289748" spans="8:8">
      <c r="H289748" s="12"/>
    </row>
    <row r="289749" spans="8:8">
      <c r="H289749" s="12"/>
    </row>
    <row r="289750" spans="8:8">
      <c r="H289750" s="12"/>
    </row>
    <row r="289751" spans="8:8">
      <c r="H289751" s="12"/>
    </row>
    <row r="289752" spans="8:8">
      <c r="H289752" s="12"/>
    </row>
    <row r="289753" spans="8:8">
      <c r="H289753" s="12"/>
    </row>
    <row r="289754" spans="8:8">
      <c r="H289754" s="12"/>
    </row>
    <row r="289755" spans="8:8">
      <c r="H289755" s="12"/>
    </row>
    <row r="289756" spans="8:8">
      <c r="H289756" s="12"/>
    </row>
    <row r="289757" spans="8:8">
      <c r="H289757" s="12"/>
    </row>
    <row r="289758" spans="8:8">
      <c r="H289758" s="12"/>
    </row>
    <row r="289759" spans="8:8">
      <c r="H289759" s="12"/>
    </row>
    <row r="289760" spans="8:8">
      <c r="H289760" s="12"/>
    </row>
    <row r="289761" spans="8:8">
      <c r="H289761" s="12"/>
    </row>
    <row r="289762" spans="8:8">
      <c r="H289762" s="12"/>
    </row>
    <row r="289763" spans="8:8">
      <c r="H289763" s="12"/>
    </row>
    <row r="289764" spans="8:8">
      <c r="H289764" s="12"/>
    </row>
    <row r="289765" spans="8:8">
      <c r="H289765" s="12"/>
    </row>
    <row r="289766" spans="8:8">
      <c r="H289766" s="12"/>
    </row>
    <row r="289767" spans="8:8">
      <c r="H289767" s="12"/>
    </row>
    <row r="289768" spans="8:8">
      <c r="H289768" s="12"/>
    </row>
    <row r="289769" spans="8:8">
      <c r="H289769" s="12"/>
    </row>
    <row r="289770" spans="8:8">
      <c r="H289770" s="12"/>
    </row>
    <row r="289771" spans="8:8">
      <c r="H289771" s="12"/>
    </row>
    <row r="289772" spans="8:8">
      <c r="H289772" s="12"/>
    </row>
    <row r="289773" spans="8:8">
      <c r="H289773" s="12"/>
    </row>
    <row r="289774" spans="8:8">
      <c r="H289774" s="12"/>
    </row>
    <row r="289775" spans="8:8">
      <c r="H289775" s="12"/>
    </row>
    <row r="289776" spans="8:8">
      <c r="H289776" s="12"/>
    </row>
    <row r="289777" spans="8:8">
      <c r="H289777" s="12"/>
    </row>
    <row r="289778" spans="8:8">
      <c r="H289778" s="12"/>
    </row>
    <row r="289779" spans="8:8">
      <c r="H289779" s="12"/>
    </row>
    <row r="289780" spans="8:8">
      <c r="H289780" s="12"/>
    </row>
    <row r="289781" spans="8:8">
      <c r="H289781" s="12"/>
    </row>
    <row r="289782" spans="8:8">
      <c r="H289782" s="12"/>
    </row>
    <row r="289783" spans="8:8">
      <c r="H289783" s="12"/>
    </row>
    <row r="289784" spans="8:8">
      <c r="H289784" s="12"/>
    </row>
    <row r="289785" spans="8:8">
      <c r="H289785" s="12"/>
    </row>
    <row r="289786" spans="8:8">
      <c r="H289786" s="12"/>
    </row>
    <row r="289787" spans="8:8">
      <c r="H289787" s="12"/>
    </row>
    <row r="289788" spans="8:8">
      <c r="H289788" s="12"/>
    </row>
    <row r="289789" spans="8:8">
      <c r="H289789" s="12"/>
    </row>
    <row r="289790" spans="8:8">
      <c r="H289790" s="12"/>
    </row>
    <row r="289791" spans="8:8">
      <c r="H289791" s="12"/>
    </row>
    <row r="289792" spans="8:8">
      <c r="H289792" s="12"/>
    </row>
    <row r="289793" spans="8:8">
      <c r="H289793" s="12"/>
    </row>
    <row r="289794" spans="8:8">
      <c r="H289794" s="12"/>
    </row>
    <row r="289795" spans="8:8">
      <c r="H289795" s="12"/>
    </row>
    <row r="289796" spans="8:8">
      <c r="H289796" s="12"/>
    </row>
    <row r="289797" spans="8:8">
      <c r="H289797" s="12"/>
    </row>
    <row r="289798" spans="8:8">
      <c r="H289798" s="12"/>
    </row>
    <row r="289799" spans="8:8">
      <c r="H289799" s="12"/>
    </row>
    <row r="289800" spans="8:8">
      <c r="H289800" s="12"/>
    </row>
    <row r="289801" spans="8:8">
      <c r="H289801" s="12"/>
    </row>
    <row r="289802" spans="8:8">
      <c r="H289802" s="12"/>
    </row>
    <row r="289803" spans="8:8">
      <c r="H289803" s="12"/>
    </row>
    <row r="289804" spans="8:8">
      <c r="H289804" s="12"/>
    </row>
    <row r="289805" spans="8:8">
      <c r="H289805" s="12"/>
    </row>
    <row r="289806" spans="8:8">
      <c r="H289806" s="12"/>
    </row>
    <row r="289807" spans="8:8">
      <c r="H289807" s="12"/>
    </row>
    <row r="289808" spans="8:8">
      <c r="H289808" s="12"/>
    </row>
    <row r="289809" spans="8:8">
      <c r="H289809" s="12"/>
    </row>
    <row r="289810" spans="8:8">
      <c r="H289810" s="12"/>
    </row>
    <row r="289811" spans="8:8">
      <c r="H289811" s="12"/>
    </row>
    <row r="289812" spans="8:8">
      <c r="H289812" s="12"/>
    </row>
    <row r="289813" spans="8:8">
      <c r="H289813" s="12"/>
    </row>
    <row r="289814" spans="8:8">
      <c r="H289814" s="12"/>
    </row>
    <row r="289815" spans="8:8">
      <c r="H289815" s="12"/>
    </row>
    <row r="289816" spans="8:8">
      <c r="H289816" s="12"/>
    </row>
    <row r="289817" spans="8:8">
      <c r="H289817" s="12"/>
    </row>
    <row r="289818" spans="8:8">
      <c r="H289818" s="12"/>
    </row>
    <row r="289819" spans="8:8">
      <c r="H289819" s="12"/>
    </row>
    <row r="289820" spans="8:8">
      <c r="H289820" s="12"/>
    </row>
    <row r="289821" spans="8:8">
      <c r="H289821" s="12"/>
    </row>
    <row r="289822" spans="8:8">
      <c r="H289822" s="12"/>
    </row>
    <row r="289823" spans="8:8">
      <c r="H289823" s="12"/>
    </row>
    <row r="289824" spans="8:8">
      <c r="H289824" s="12"/>
    </row>
    <row r="289825" spans="8:8">
      <c r="H289825" s="12"/>
    </row>
    <row r="289826" spans="8:8">
      <c r="H289826" s="12"/>
    </row>
    <row r="289827" spans="8:8">
      <c r="H289827" s="12"/>
    </row>
    <row r="289828" spans="8:8">
      <c r="H289828" s="12"/>
    </row>
    <row r="289829" spans="8:8">
      <c r="H289829" s="12"/>
    </row>
    <row r="289830" spans="8:8">
      <c r="H289830" s="12"/>
    </row>
    <row r="289831" spans="8:8">
      <c r="H289831" s="12"/>
    </row>
    <row r="289832" spans="8:8">
      <c r="H289832" s="12"/>
    </row>
    <row r="289833" spans="8:8">
      <c r="H289833" s="12"/>
    </row>
    <row r="289834" spans="8:8">
      <c r="H289834" s="12"/>
    </row>
    <row r="289835" spans="8:8">
      <c r="H289835" s="12"/>
    </row>
    <row r="289836" spans="8:8">
      <c r="H289836" s="12"/>
    </row>
    <row r="289837" spans="8:8">
      <c r="H289837" s="12"/>
    </row>
    <row r="289838" spans="8:8">
      <c r="H289838" s="12"/>
    </row>
    <row r="289839" spans="8:8">
      <c r="H289839" s="12"/>
    </row>
    <row r="289840" spans="8:8">
      <c r="H289840" s="12"/>
    </row>
    <row r="289841" spans="8:8">
      <c r="H289841" s="12"/>
    </row>
    <row r="289842" spans="8:8">
      <c r="H289842" s="12"/>
    </row>
    <row r="289843" spans="8:8">
      <c r="H289843" s="12"/>
    </row>
    <row r="289844" spans="8:8">
      <c r="H289844" s="12"/>
    </row>
    <row r="289845" spans="8:8">
      <c r="H289845" s="12"/>
    </row>
    <row r="289846" spans="8:8">
      <c r="H289846" s="12"/>
    </row>
    <row r="289847" spans="8:8">
      <c r="H289847" s="12"/>
    </row>
    <row r="289848" spans="8:8">
      <c r="H289848" s="12"/>
    </row>
    <row r="289849" spans="8:8">
      <c r="H289849" s="12"/>
    </row>
    <row r="289850" spans="8:8">
      <c r="H289850" s="12"/>
    </row>
    <row r="289851" spans="8:8">
      <c r="H289851" s="12"/>
    </row>
    <row r="289852" spans="8:8">
      <c r="H289852" s="12"/>
    </row>
    <row r="289853" spans="8:8">
      <c r="H289853" s="12"/>
    </row>
    <row r="289854" spans="8:8">
      <c r="H289854" s="12"/>
    </row>
    <row r="289855" spans="8:8">
      <c r="H289855" s="12"/>
    </row>
    <row r="289856" spans="8:8">
      <c r="H289856" s="12"/>
    </row>
    <row r="289857" spans="8:8">
      <c r="H289857" s="12"/>
    </row>
    <row r="289858" spans="8:8">
      <c r="H289858" s="12"/>
    </row>
    <row r="289859" spans="8:8">
      <c r="H289859" s="12"/>
    </row>
    <row r="289860" spans="8:8">
      <c r="H289860" s="12"/>
    </row>
    <row r="289861" spans="8:8">
      <c r="H289861" s="12"/>
    </row>
    <row r="289862" spans="8:8">
      <c r="H289862" s="12"/>
    </row>
    <row r="289863" spans="8:8">
      <c r="H289863" s="12"/>
    </row>
    <row r="289864" spans="8:8">
      <c r="H289864" s="12"/>
    </row>
    <row r="289865" spans="8:8">
      <c r="H289865" s="12"/>
    </row>
    <row r="289866" spans="8:8">
      <c r="H289866" s="12"/>
    </row>
    <row r="289867" spans="8:8">
      <c r="H289867" s="12"/>
    </row>
    <row r="289868" spans="8:8">
      <c r="H289868" s="12"/>
    </row>
    <row r="289869" spans="8:8">
      <c r="H289869" s="12"/>
    </row>
    <row r="289870" spans="8:8">
      <c r="H289870" s="12"/>
    </row>
    <row r="289871" spans="8:8">
      <c r="H289871" s="12"/>
    </row>
    <row r="289872" spans="8:8">
      <c r="H289872" s="12"/>
    </row>
    <row r="289873" spans="8:8">
      <c r="H289873" s="12"/>
    </row>
    <row r="289874" spans="8:8">
      <c r="H289874" s="12"/>
    </row>
    <row r="289875" spans="8:8">
      <c r="H289875" s="12"/>
    </row>
    <row r="289876" spans="8:8">
      <c r="H289876" s="12"/>
    </row>
    <row r="289877" spans="8:8">
      <c r="H289877" s="12"/>
    </row>
    <row r="289878" spans="8:8">
      <c r="H289878" s="12"/>
    </row>
    <row r="289879" spans="8:8">
      <c r="H289879" s="12"/>
    </row>
    <row r="289880" spans="8:8">
      <c r="H289880" s="12"/>
    </row>
    <row r="289881" spans="8:8">
      <c r="H289881" s="12"/>
    </row>
    <row r="289882" spans="8:8">
      <c r="H289882" s="12"/>
    </row>
    <row r="289883" spans="8:8">
      <c r="H289883" s="12"/>
    </row>
    <row r="289884" spans="8:8">
      <c r="H289884" s="12"/>
    </row>
    <row r="289885" spans="8:8">
      <c r="H289885" s="12"/>
    </row>
    <row r="289886" spans="8:8">
      <c r="H289886" s="12"/>
    </row>
    <row r="289887" spans="8:8">
      <c r="H289887" s="12"/>
    </row>
    <row r="289888" spans="8:8">
      <c r="H289888" s="12"/>
    </row>
    <row r="289889" spans="8:8">
      <c r="H289889" s="12"/>
    </row>
    <row r="289890" spans="8:8">
      <c r="H289890" s="12"/>
    </row>
    <row r="289891" spans="8:8">
      <c r="H289891" s="12"/>
    </row>
    <row r="289892" spans="8:8">
      <c r="H289892" s="12"/>
    </row>
    <row r="289893" spans="8:8">
      <c r="H289893" s="12"/>
    </row>
    <row r="289894" spans="8:8">
      <c r="H289894" s="12"/>
    </row>
    <row r="289895" spans="8:8">
      <c r="H289895" s="12"/>
    </row>
    <row r="289896" spans="8:8">
      <c r="H289896" s="12"/>
    </row>
    <row r="289897" spans="8:8">
      <c r="H289897" s="12"/>
    </row>
    <row r="289898" spans="8:8">
      <c r="H289898" s="12"/>
    </row>
    <row r="289899" spans="8:8">
      <c r="H289899" s="12"/>
    </row>
    <row r="289900" spans="8:8">
      <c r="H289900" s="12"/>
    </row>
    <row r="289901" spans="8:8">
      <c r="H289901" s="12"/>
    </row>
    <row r="289902" spans="8:8">
      <c r="H289902" s="12"/>
    </row>
    <row r="289903" spans="8:8">
      <c r="H289903" s="12"/>
    </row>
    <row r="289904" spans="8:8">
      <c r="H289904" s="12"/>
    </row>
    <row r="289905" spans="8:8">
      <c r="H289905" s="12"/>
    </row>
    <row r="289906" spans="8:8">
      <c r="H289906" s="12"/>
    </row>
    <row r="289907" spans="8:8">
      <c r="H289907" s="12"/>
    </row>
    <row r="289908" spans="8:8">
      <c r="H289908" s="12"/>
    </row>
    <row r="289909" spans="8:8">
      <c r="H289909" s="12"/>
    </row>
    <row r="289910" spans="8:8">
      <c r="H289910" s="12"/>
    </row>
    <row r="289911" spans="8:8">
      <c r="H289911" s="12"/>
    </row>
    <row r="289912" spans="8:8">
      <c r="H289912" s="12"/>
    </row>
    <row r="289913" spans="8:8">
      <c r="H289913" s="12"/>
    </row>
    <row r="289914" spans="8:8">
      <c r="H289914" s="12"/>
    </row>
    <row r="289915" spans="8:8">
      <c r="H289915" s="12"/>
    </row>
    <row r="289916" spans="8:8">
      <c r="H289916" s="12"/>
    </row>
    <row r="289917" spans="8:8">
      <c r="H289917" s="12"/>
    </row>
    <row r="289918" spans="8:8">
      <c r="H289918" s="12"/>
    </row>
    <row r="289919" spans="8:8">
      <c r="H289919" s="12"/>
    </row>
    <row r="289920" spans="8:8">
      <c r="H289920" s="12"/>
    </row>
    <row r="289921" spans="8:8">
      <c r="H289921" s="12"/>
    </row>
    <row r="289922" spans="8:8">
      <c r="H289922" s="12"/>
    </row>
    <row r="289923" spans="8:8">
      <c r="H289923" s="12"/>
    </row>
    <row r="289924" spans="8:8">
      <c r="H289924" s="12"/>
    </row>
    <row r="289925" spans="8:8">
      <c r="H289925" s="12"/>
    </row>
    <row r="289926" spans="8:8">
      <c r="H289926" s="12"/>
    </row>
    <row r="289927" spans="8:8">
      <c r="H289927" s="12"/>
    </row>
    <row r="289928" spans="8:8">
      <c r="H289928" s="12"/>
    </row>
    <row r="289929" spans="8:8">
      <c r="H289929" s="12"/>
    </row>
    <row r="289930" spans="8:8">
      <c r="H289930" s="12"/>
    </row>
    <row r="289931" spans="8:8">
      <c r="H289931" s="12"/>
    </row>
    <row r="289932" spans="8:8">
      <c r="H289932" s="12"/>
    </row>
    <row r="289933" spans="8:8">
      <c r="H289933" s="12"/>
    </row>
    <row r="289934" spans="8:8">
      <c r="H289934" s="12"/>
    </row>
    <row r="289935" spans="8:8">
      <c r="H289935" s="12"/>
    </row>
    <row r="289936" spans="8:8">
      <c r="H289936" s="12"/>
    </row>
    <row r="289937" spans="8:8">
      <c r="H289937" s="12"/>
    </row>
    <row r="289938" spans="8:8">
      <c r="H289938" s="12"/>
    </row>
    <row r="289939" spans="8:8">
      <c r="H289939" s="12"/>
    </row>
    <row r="289940" spans="8:8">
      <c r="H289940" s="12"/>
    </row>
    <row r="289941" spans="8:8">
      <c r="H289941" s="12"/>
    </row>
    <row r="289942" spans="8:8">
      <c r="H289942" s="12"/>
    </row>
    <row r="289943" spans="8:8">
      <c r="H289943" s="12"/>
    </row>
    <row r="289944" spans="8:8">
      <c r="H289944" s="12"/>
    </row>
    <row r="289945" spans="8:8">
      <c r="H289945" s="12"/>
    </row>
    <row r="289946" spans="8:8">
      <c r="H289946" s="12"/>
    </row>
    <row r="289947" spans="8:8">
      <c r="H289947" s="12"/>
    </row>
    <row r="289948" spans="8:8">
      <c r="H289948" s="12"/>
    </row>
    <row r="289949" spans="8:8">
      <c r="H289949" s="12"/>
    </row>
    <row r="289950" spans="8:8">
      <c r="H289950" s="12"/>
    </row>
    <row r="289951" spans="8:8">
      <c r="H289951" s="12"/>
    </row>
    <row r="289952" spans="8:8">
      <c r="H289952" s="12"/>
    </row>
    <row r="289953" spans="8:8">
      <c r="H289953" s="12"/>
    </row>
    <row r="289954" spans="8:8">
      <c r="H289954" s="12"/>
    </row>
    <row r="289955" spans="8:8">
      <c r="H289955" s="12"/>
    </row>
    <row r="289956" spans="8:8">
      <c r="H289956" s="12"/>
    </row>
    <row r="289957" spans="8:8">
      <c r="H289957" s="12"/>
    </row>
    <row r="289958" spans="8:8">
      <c r="H289958" s="12"/>
    </row>
    <row r="289959" spans="8:8">
      <c r="H289959" s="12"/>
    </row>
    <row r="289960" spans="8:8">
      <c r="H289960" s="12"/>
    </row>
    <row r="289961" spans="8:8">
      <c r="H289961" s="12"/>
    </row>
    <row r="289962" spans="8:8">
      <c r="H289962" s="12"/>
    </row>
    <row r="289963" spans="8:8">
      <c r="H289963" s="12"/>
    </row>
    <row r="289964" spans="8:8">
      <c r="H289964" s="12"/>
    </row>
    <row r="289965" spans="8:8">
      <c r="H289965" s="12"/>
    </row>
    <row r="289966" spans="8:8">
      <c r="H289966" s="12"/>
    </row>
    <row r="289967" spans="8:8">
      <c r="H289967" s="12"/>
    </row>
    <row r="289968" spans="8:8">
      <c r="H289968" s="12"/>
    </row>
    <row r="289969" spans="8:8">
      <c r="H289969" s="12"/>
    </row>
    <row r="289970" spans="8:8">
      <c r="H289970" s="12"/>
    </row>
    <row r="289971" spans="8:8">
      <c r="H289971" s="12"/>
    </row>
    <row r="289972" spans="8:8">
      <c r="H289972" s="12"/>
    </row>
    <row r="289973" spans="8:8">
      <c r="H289973" s="12"/>
    </row>
    <row r="289974" spans="8:8">
      <c r="H289974" s="12"/>
    </row>
    <row r="289975" spans="8:8">
      <c r="H289975" s="12"/>
    </row>
    <row r="289976" spans="8:8">
      <c r="H289976" s="12"/>
    </row>
    <row r="289977" spans="8:8">
      <c r="H289977" s="12"/>
    </row>
    <row r="289978" spans="8:8">
      <c r="H289978" s="12"/>
    </row>
    <row r="289979" spans="8:8">
      <c r="H289979" s="12"/>
    </row>
    <row r="289980" spans="8:8">
      <c r="H289980" s="12"/>
    </row>
    <row r="289981" spans="8:8">
      <c r="H289981" s="12"/>
    </row>
    <row r="289982" spans="8:8">
      <c r="H289982" s="12"/>
    </row>
    <row r="289983" spans="8:8">
      <c r="H289983" s="12"/>
    </row>
    <row r="289984" spans="8:8">
      <c r="H289984" s="12"/>
    </row>
    <row r="289985" spans="8:8">
      <c r="H289985" s="12"/>
    </row>
    <row r="289986" spans="8:8">
      <c r="H289986" s="12"/>
    </row>
    <row r="289987" spans="8:8">
      <c r="H289987" s="12"/>
    </row>
    <row r="289988" spans="8:8">
      <c r="H289988" s="12"/>
    </row>
    <row r="289989" spans="8:8">
      <c r="H289989" s="12"/>
    </row>
    <row r="289990" spans="8:8">
      <c r="H289990" s="12"/>
    </row>
    <row r="289991" spans="8:8">
      <c r="H289991" s="12"/>
    </row>
    <row r="289992" spans="8:8">
      <c r="H289992" s="12"/>
    </row>
    <row r="289993" spans="8:8">
      <c r="H289993" s="12"/>
    </row>
    <row r="289994" spans="8:8">
      <c r="H289994" s="12"/>
    </row>
    <row r="289995" spans="8:8">
      <c r="H289995" s="12"/>
    </row>
    <row r="289996" spans="8:8">
      <c r="H289996" s="12"/>
    </row>
    <row r="289997" spans="8:8">
      <c r="H289997" s="12"/>
    </row>
    <row r="289998" spans="8:8">
      <c r="H289998" s="12"/>
    </row>
    <row r="289999" spans="8:8">
      <c r="H289999" s="12"/>
    </row>
    <row r="290000" spans="8:8">
      <c r="H290000" s="12"/>
    </row>
    <row r="290001" spans="8:8">
      <c r="H290001" s="12"/>
    </row>
    <row r="290002" spans="8:8">
      <c r="H290002" s="12"/>
    </row>
    <row r="290003" spans="8:8">
      <c r="H290003" s="12"/>
    </row>
    <row r="290004" spans="8:8">
      <c r="H290004" s="12"/>
    </row>
    <row r="290005" spans="8:8">
      <c r="H290005" s="12"/>
    </row>
    <row r="290006" spans="8:8">
      <c r="H290006" s="12"/>
    </row>
    <row r="290007" spans="8:8">
      <c r="H290007" s="12"/>
    </row>
    <row r="290008" spans="8:8">
      <c r="H290008" s="12"/>
    </row>
    <row r="290009" spans="8:8">
      <c r="H290009" s="12"/>
    </row>
    <row r="290010" spans="8:8">
      <c r="H290010" s="12"/>
    </row>
    <row r="290011" spans="8:8">
      <c r="H290011" s="12"/>
    </row>
    <row r="290012" spans="8:8">
      <c r="H290012" s="12"/>
    </row>
    <row r="290013" spans="8:8">
      <c r="H290013" s="12"/>
    </row>
    <row r="290014" spans="8:8">
      <c r="H290014" s="12"/>
    </row>
    <row r="290015" spans="8:8">
      <c r="H290015" s="12"/>
    </row>
    <row r="290016" spans="8:8">
      <c r="H290016" s="12"/>
    </row>
    <row r="290017" spans="8:8">
      <c r="H290017" s="12"/>
    </row>
    <row r="290018" spans="8:8">
      <c r="H290018" s="12"/>
    </row>
    <row r="290019" spans="8:8">
      <c r="H290019" s="12"/>
    </row>
    <row r="290020" spans="8:8">
      <c r="H290020" s="12"/>
    </row>
    <row r="290021" spans="8:8">
      <c r="H290021" s="12"/>
    </row>
    <row r="290022" spans="8:8">
      <c r="H290022" s="12"/>
    </row>
    <row r="290023" spans="8:8">
      <c r="H290023" s="12"/>
    </row>
    <row r="290024" spans="8:8">
      <c r="H290024" s="12"/>
    </row>
    <row r="290025" spans="8:8">
      <c r="H290025" s="12"/>
    </row>
    <row r="290026" spans="8:8">
      <c r="H290026" s="12"/>
    </row>
    <row r="290027" spans="8:8">
      <c r="H290027" s="12"/>
    </row>
    <row r="290028" spans="8:8">
      <c r="H290028" s="12"/>
    </row>
    <row r="290029" spans="8:8">
      <c r="H290029" s="12"/>
    </row>
    <row r="290030" spans="8:8">
      <c r="H290030" s="12"/>
    </row>
    <row r="290031" spans="8:8">
      <c r="H290031" s="12"/>
    </row>
    <row r="290032" spans="8:8">
      <c r="H290032" s="12"/>
    </row>
    <row r="290033" spans="8:8">
      <c r="H290033" s="12"/>
    </row>
    <row r="290034" spans="8:8">
      <c r="H290034" s="12"/>
    </row>
    <row r="290035" spans="8:8">
      <c r="H290035" s="12"/>
    </row>
    <row r="290036" spans="8:8">
      <c r="H290036" s="12"/>
    </row>
    <row r="290037" spans="8:8">
      <c r="H290037" s="12"/>
    </row>
    <row r="290038" spans="8:8">
      <c r="H290038" s="12"/>
    </row>
    <row r="290039" spans="8:8">
      <c r="H290039" s="12"/>
    </row>
    <row r="290040" spans="8:8">
      <c r="H290040" s="12"/>
    </row>
    <row r="290041" spans="8:8">
      <c r="H290041" s="12"/>
    </row>
    <row r="290042" spans="8:8">
      <c r="H290042" s="12"/>
    </row>
    <row r="290043" spans="8:8">
      <c r="H290043" s="12"/>
    </row>
    <row r="290044" spans="8:8">
      <c r="H290044" s="12"/>
    </row>
    <row r="290045" spans="8:8">
      <c r="H290045" s="12"/>
    </row>
    <row r="290046" spans="8:8">
      <c r="H290046" s="12"/>
    </row>
    <row r="290047" spans="8:8">
      <c r="H290047" s="12"/>
    </row>
    <row r="290048" spans="8:8">
      <c r="H290048" s="12"/>
    </row>
    <row r="290049" spans="8:8">
      <c r="H290049" s="12"/>
    </row>
    <row r="290050" spans="8:8">
      <c r="H290050" s="12"/>
    </row>
    <row r="290051" spans="8:8">
      <c r="H290051" s="12"/>
    </row>
    <row r="290052" spans="8:8">
      <c r="H290052" s="12"/>
    </row>
    <row r="290053" spans="8:8">
      <c r="H290053" s="12"/>
    </row>
    <row r="290054" spans="8:8">
      <c r="H290054" s="12"/>
    </row>
    <row r="290055" spans="8:8">
      <c r="H290055" s="12"/>
    </row>
    <row r="290056" spans="8:8">
      <c r="H290056" s="12"/>
    </row>
    <row r="290057" spans="8:8">
      <c r="H290057" s="12"/>
    </row>
    <row r="290058" spans="8:8">
      <c r="H290058" s="12"/>
    </row>
    <row r="290059" spans="8:8">
      <c r="H290059" s="12"/>
    </row>
    <row r="290060" spans="8:8">
      <c r="H290060" s="12"/>
    </row>
    <row r="290061" spans="8:8">
      <c r="H290061" s="12"/>
    </row>
    <row r="290062" spans="8:8">
      <c r="H290062" s="12"/>
    </row>
    <row r="290063" spans="8:8">
      <c r="H290063" s="12"/>
    </row>
    <row r="290064" spans="8:8">
      <c r="H290064" s="12"/>
    </row>
    <row r="290065" spans="8:8">
      <c r="H290065" s="12"/>
    </row>
    <row r="290066" spans="8:8">
      <c r="H290066" s="12"/>
    </row>
    <row r="290067" spans="8:8">
      <c r="H290067" s="12"/>
    </row>
    <row r="290068" spans="8:8">
      <c r="H290068" s="12"/>
    </row>
    <row r="290069" spans="8:8">
      <c r="H290069" s="12"/>
    </row>
    <row r="290070" spans="8:8">
      <c r="H290070" s="12"/>
    </row>
    <row r="290071" spans="8:8">
      <c r="H290071" s="12"/>
    </row>
    <row r="290072" spans="8:8">
      <c r="H290072" s="12"/>
    </row>
    <row r="290073" spans="8:8">
      <c r="H290073" s="12"/>
    </row>
    <row r="290074" spans="8:8">
      <c r="H290074" s="12"/>
    </row>
    <row r="290075" spans="8:8">
      <c r="H290075" s="12"/>
    </row>
    <row r="290076" spans="8:8">
      <c r="H290076" s="12"/>
    </row>
    <row r="290077" spans="8:8">
      <c r="H290077" s="12"/>
    </row>
    <row r="290078" spans="8:8">
      <c r="H290078" s="12"/>
    </row>
    <row r="290079" spans="8:8">
      <c r="H290079" s="12"/>
    </row>
    <row r="290080" spans="8:8">
      <c r="H290080" s="12"/>
    </row>
    <row r="290081" spans="8:8">
      <c r="H290081" s="12"/>
    </row>
    <row r="290082" spans="8:8">
      <c r="H290082" s="12"/>
    </row>
    <row r="290083" spans="8:8">
      <c r="H290083" s="12"/>
    </row>
    <row r="290084" spans="8:8">
      <c r="H290084" s="12"/>
    </row>
    <row r="290085" spans="8:8">
      <c r="H290085" s="12"/>
    </row>
    <row r="290086" spans="8:8">
      <c r="H290086" s="12"/>
    </row>
    <row r="290087" spans="8:8">
      <c r="H290087" s="12"/>
    </row>
    <row r="290088" spans="8:8">
      <c r="H290088" s="12"/>
    </row>
    <row r="290089" spans="8:8">
      <c r="H290089" s="12"/>
    </row>
    <row r="290090" spans="8:8">
      <c r="H290090" s="12"/>
    </row>
    <row r="290091" spans="8:8">
      <c r="H290091" s="12"/>
    </row>
    <row r="290092" spans="8:8">
      <c r="H290092" s="12"/>
    </row>
    <row r="290093" spans="8:8">
      <c r="H290093" s="12"/>
    </row>
    <row r="290094" spans="8:8">
      <c r="H290094" s="12"/>
    </row>
    <row r="290095" spans="8:8">
      <c r="H290095" s="12"/>
    </row>
    <row r="290096" spans="8:8">
      <c r="H290096" s="12"/>
    </row>
    <row r="290097" spans="8:8">
      <c r="H290097" s="12"/>
    </row>
    <row r="290098" spans="8:8">
      <c r="H290098" s="12"/>
    </row>
    <row r="290099" spans="8:8">
      <c r="H290099" s="12"/>
    </row>
    <row r="290100" spans="8:8">
      <c r="H290100" s="12"/>
    </row>
    <row r="290101" spans="8:8">
      <c r="H290101" s="12"/>
    </row>
    <row r="290102" spans="8:8">
      <c r="H290102" s="12"/>
    </row>
    <row r="290103" spans="8:8">
      <c r="H290103" s="12"/>
    </row>
    <row r="290104" spans="8:8">
      <c r="H290104" s="12"/>
    </row>
    <row r="290105" spans="8:8">
      <c r="H290105" s="12"/>
    </row>
    <row r="290106" spans="8:8">
      <c r="H290106" s="12"/>
    </row>
    <row r="290107" spans="8:8">
      <c r="H290107" s="12"/>
    </row>
    <row r="290108" spans="8:8">
      <c r="H290108" s="12"/>
    </row>
    <row r="290109" spans="8:8">
      <c r="H290109" s="12"/>
    </row>
    <row r="290110" spans="8:8">
      <c r="H290110" s="12"/>
    </row>
    <row r="290111" spans="8:8">
      <c r="H290111" s="12"/>
    </row>
    <row r="290112" spans="8:8">
      <c r="H290112" s="12"/>
    </row>
    <row r="290113" spans="8:8">
      <c r="H290113" s="12"/>
    </row>
    <row r="290114" spans="8:8">
      <c r="H290114" s="12"/>
    </row>
    <row r="290115" spans="8:8">
      <c r="H290115" s="12"/>
    </row>
    <row r="290116" spans="8:8">
      <c r="H290116" s="12"/>
    </row>
    <row r="290117" spans="8:8">
      <c r="H290117" s="12"/>
    </row>
    <row r="290118" spans="8:8">
      <c r="H290118" s="12"/>
    </row>
    <row r="290119" spans="8:8">
      <c r="H290119" s="12"/>
    </row>
    <row r="290120" spans="8:8">
      <c r="H290120" s="12"/>
    </row>
    <row r="290121" spans="8:8">
      <c r="H290121" s="12"/>
    </row>
    <row r="290122" spans="8:8">
      <c r="H290122" s="12"/>
    </row>
    <row r="290123" spans="8:8">
      <c r="H290123" s="12"/>
    </row>
    <row r="290124" spans="8:8">
      <c r="H290124" s="12"/>
    </row>
    <row r="290125" spans="8:8">
      <c r="H290125" s="12"/>
    </row>
    <row r="290126" spans="8:8">
      <c r="H290126" s="12"/>
    </row>
    <row r="290127" spans="8:8">
      <c r="H290127" s="12"/>
    </row>
    <row r="290128" spans="8:8">
      <c r="H290128" s="12"/>
    </row>
    <row r="290129" spans="8:8">
      <c r="H290129" s="12"/>
    </row>
    <row r="290130" spans="8:8">
      <c r="H290130" s="12"/>
    </row>
    <row r="290131" spans="8:8">
      <c r="H290131" s="12"/>
    </row>
    <row r="290132" spans="8:8">
      <c r="H290132" s="12"/>
    </row>
    <row r="290133" spans="8:8">
      <c r="H290133" s="12"/>
    </row>
    <row r="290134" spans="8:8">
      <c r="H290134" s="12"/>
    </row>
    <row r="290135" spans="8:8">
      <c r="H290135" s="12"/>
    </row>
    <row r="290136" spans="8:8">
      <c r="H290136" s="12"/>
    </row>
    <row r="290137" spans="8:8">
      <c r="H290137" s="12"/>
    </row>
    <row r="290138" spans="8:8">
      <c r="H290138" s="12"/>
    </row>
    <row r="290139" spans="8:8">
      <c r="H290139" s="12"/>
    </row>
    <row r="290140" spans="8:8">
      <c r="H290140" s="12"/>
    </row>
    <row r="290141" spans="8:8">
      <c r="H290141" s="12"/>
    </row>
    <row r="290142" spans="8:8">
      <c r="H290142" s="12"/>
    </row>
    <row r="290143" spans="8:8">
      <c r="H290143" s="12"/>
    </row>
    <row r="290144" spans="8:8">
      <c r="H290144" s="12"/>
    </row>
    <row r="290145" spans="8:8">
      <c r="H290145" s="12"/>
    </row>
    <row r="290146" spans="8:8">
      <c r="H290146" s="12"/>
    </row>
    <row r="290147" spans="8:8">
      <c r="H290147" s="12"/>
    </row>
    <row r="290148" spans="8:8">
      <c r="H290148" s="12"/>
    </row>
    <row r="290149" spans="8:8">
      <c r="H290149" s="12"/>
    </row>
    <row r="290150" spans="8:8">
      <c r="H290150" s="12"/>
    </row>
    <row r="290151" spans="8:8">
      <c r="H290151" s="12"/>
    </row>
    <row r="290152" spans="8:8">
      <c r="H290152" s="12"/>
    </row>
    <row r="290153" spans="8:8">
      <c r="H290153" s="12"/>
    </row>
    <row r="290154" spans="8:8">
      <c r="H290154" s="12"/>
    </row>
    <row r="290155" spans="8:8">
      <c r="H290155" s="12"/>
    </row>
    <row r="290156" spans="8:8">
      <c r="H290156" s="12"/>
    </row>
    <row r="290157" spans="8:8">
      <c r="H290157" s="12"/>
    </row>
    <row r="290158" spans="8:8">
      <c r="H290158" s="12"/>
    </row>
    <row r="290159" spans="8:8">
      <c r="H290159" s="12"/>
    </row>
    <row r="290160" spans="8:8">
      <c r="H290160" s="12"/>
    </row>
    <row r="290161" spans="8:8">
      <c r="H290161" s="12"/>
    </row>
    <row r="290162" spans="8:8">
      <c r="H290162" s="12"/>
    </row>
    <row r="290163" spans="8:8">
      <c r="H290163" s="12"/>
    </row>
    <row r="290164" spans="8:8">
      <c r="H290164" s="12"/>
    </row>
    <row r="290165" spans="8:8">
      <c r="H290165" s="12"/>
    </row>
    <row r="290166" spans="8:8">
      <c r="H290166" s="12"/>
    </row>
    <row r="290167" spans="8:8">
      <c r="H290167" s="12"/>
    </row>
    <row r="290168" spans="8:8">
      <c r="H290168" s="12"/>
    </row>
    <row r="290169" spans="8:8">
      <c r="H290169" s="12"/>
    </row>
    <row r="290170" spans="8:8">
      <c r="H290170" s="12"/>
    </row>
    <row r="290171" spans="8:8">
      <c r="H290171" s="12"/>
    </row>
    <row r="290172" spans="8:8">
      <c r="H290172" s="12"/>
    </row>
    <row r="290173" spans="8:8">
      <c r="H290173" s="12"/>
    </row>
    <row r="290174" spans="8:8">
      <c r="H290174" s="12"/>
    </row>
    <row r="290175" spans="8:8">
      <c r="H290175" s="12"/>
    </row>
    <row r="290176" spans="8:8">
      <c r="H290176" s="12"/>
    </row>
    <row r="290177" spans="8:8">
      <c r="H290177" s="12"/>
    </row>
    <row r="290178" spans="8:8">
      <c r="H290178" s="12"/>
    </row>
    <row r="290179" spans="8:8">
      <c r="H290179" s="12"/>
    </row>
    <row r="290180" spans="8:8">
      <c r="H290180" s="12"/>
    </row>
    <row r="290181" spans="8:8">
      <c r="H290181" s="12"/>
    </row>
    <row r="290182" spans="8:8">
      <c r="H290182" s="12"/>
    </row>
    <row r="290183" spans="8:8">
      <c r="H290183" s="12"/>
    </row>
    <row r="290184" spans="8:8">
      <c r="H290184" s="12"/>
    </row>
    <row r="290185" spans="8:8">
      <c r="H290185" s="12"/>
    </row>
    <row r="290186" spans="8:8">
      <c r="H290186" s="12"/>
    </row>
    <row r="290187" spans="8:8">
      <c r="H290187" s="12"/>
    </row>
    <row r="290188" spans="8:8">
      <c r="H290188" s="12"/>
    </row>
    <row r="290189" spans="8:8">
      <c r="H290189" s="12"/>
    </row>
    <row r="290190" spans="8:8">
      <c r="H290190" s="12"/>
    </row>
    <row r="290191" spans="8:8">
      <c r="H290191" s="12"/>
    </row>
    <row r="290192" spans="8:8">
      <c r="H290192" s="12"/>
    </row>
    <row r="290193" spans="8:8">
      <c r="H290193" s="12"/>
    </row>
    <row r="290194" spans="8:8">
      <c r="H290194" s="12"/>
    </row>
    <row r="290195" spans="8:8">
      <c r="H290195" s="12"/>
    </row>
    <row r="290196" spans="8:8">
      <c r="H290196" s="12"/>
    </row>
    <row r="290197" spans="8:8">
      <c r="H290197" s="12"/>
    </row>
    <row r="290198" spans="8:8">
      <c r="H290198" s="12"/>
    </row>
    <row r="290199" spans="8:8">
      <c r="H290199" s="12"/>
    </row>
    <row r="290200" spans="8:8">
      <c r="H290200" s="12"/>
    </row>
    <row r="290201" spans="8:8">
      <c r="H290201" s="12"/>
    </row>
    <row r="290202" spans="8:8">
      <c r="H290202" s="12"/>
    </row>
    <row r="290203" spans="8:8">
      <c r="H290203" s="12"/>
    </row>
    <row r="290204" spans="8:8">
      <c r="H290204" s="12"/>
    </row>
    <row r="290205" spans="8:8">
      <c r="H290205" s="12"/>
    </row>
    <row r="290206" spans="8:8">
      <c r="H290206" s="12"/>
    </row>
    <row r="290207" spans="8:8">
      <c r="H290207" s="12"/>
    </row>
    <row r="290208" spans="8:8">
      <c r="H290208" s="12"/>
    </row>
    <row r="290209" spans="8:8">
      <c r="H290209" s="12"/>
    </row>
    <row r="290210" spans="8:8">
      <c r="H290210" s="12"/>
    </row>
    <row r="290211" spans="8:8">
      <c r="H290211" s="12"/>
    </row>
    <row r="290212" spans="8:8">
      <c r="H290212" s="12"/>
    </row>
    <row r="290213" spans="8:8">
      <c r="H290213" s="12"/>
    </row>
    <row r="290214" spans="8:8">
      <c r="H290214" s="12"/>
    </row>
    <row r="290215" spans="8:8">
      <c r="H290215" s="12"/>
    </row>
    <row r="290216" spans="8:8">
      <c r="H290216" s="12"/>
    </row>
    <row r="290217" spans="8:8">
      <c r="H290217" s="12"/>
    </row>
    <row r="290218" spans="8:8">
      <c r="H290218" s="12"/>
    </row>
    <row r="290219" spans="8:8">
      <c r="H290219" s="12"/>
    </row>
    <row r="290220" spans="8:8">
      <c r="H290220" s="12"/>
    </row>
    <row r="290221" spans="8:8">
      <c r="H290221" s="12"/>
    </row>
    <row r="290222" spans="8:8">
      <c r="H290222" s="12"/>
    </row>
    <row r="290223" spans="8:8">
      <c r="H290223" s="12"/>
    </row>
    <row r="290224" spans="8:8">
      <c r="H290224" s="12"/>
    </row>
    <row r="290225" spans="8:8">
      <c r="H290225" s="12"/>
    </row>
    <row r="290226" spans="8:8">
      <c r="H290226" s="12"/>
    </row>
    <row r="290227" spans="8:8">
      <c r="H290227" s="12"/>
    </row>
    <row r="290228" spans="8:8">
      <c r="H290228" s="12"/>
    </row>
    <row r="290229" spans="8:8">
      <c r="H290229" s="12"/>
    </row>
    <row r="290230" spans="8:8">
      <c r="H290230" s="12"/>
    </row>
    <row r="290231" spans="8:8">
      <c r="H290231" s="12"/>
    </row>
    <row r="290232" spans="8:8">
      <c r="H290232" s="12"/>
    </row>
    <row r="290233" spans="8:8">
      <c r="H290233" s="12"/>
    </row>
    <row r="290234" spans="8:8">
      <c r="H290234" s="12"/>
    </row>
    <row r="290235" spans="8:8">
      <c r="H290235" s="12"/>
    </row>
    <row r="290236" spans="8:8">
      <c r="H290236" s="12"/>
    </row>
    <row r="290237" spans="8:8">
      <c r="H290237" s="12"/>
    </row>
    <row r="290238" spans="8:8">
      <c r="H290238" s="12"/>
    </row>
    <row r="290239" spans="8:8">
      <c r="H290239" s="12"/>
    </row>
    <row r="290240" spans="8:8">
      <c r="H290240" s="12"/>
    </row>
    <row r="290241" spans="8:8">
      <c r="H290241" s="12"/>
    </row>
    <row r="290242" spans="8:8">
      <c r="H290242" s="12"/>
    </row>
    <row r="290243" spans="8:8">
      <c r="H290243" s="12"/>
    </row>
    <row r="290244" spans="8:8">
      <c r="H290244" s="12"/>
    </row>
    <row r="290245" spans="8:8">
      <c r="H290245" s="12"/>
    </row>
    <row r="290246" spans="8:8">
      <c r="H290246" s="12"/>
    </row>
    <row r="290247" spans="8:8">
      <c r="H290247" s="12"/>
    </row>
    <row r="290248" spans="8:8">
      <c r="H290248" s="12"/>
    </row>
    <row r="290249" spans="8:8">
      <c r="H290249" s="12"/>
    </row>
    <row r="290250" spans="8:8">
      <c r="H290250" s="12"/>
    </row>
    <row r="290251" spans="8:8">
      <c r="H290251" s="12"/>
    </row>
    <row r="290252" spans="8:8">
      <c r="H290252" s="12"/>
    </row>
    <row r="290253" spans="8:8">
      <c r="H290253" s="12"/>
    </row>
    <row r="290254" spans="8:8">
      <c r="H290254" s="12"/>
    </row>
    <row r="290255" spans="8:8">
      <c r="H290255" s="12"/>
    </row>
    <row r="290256" spans="8:8">
      <c r="H290256" s="12"/>
    </row>
    <row r="290257" spans="8:8">
      <c r="H290257" s="12"/>
    </row>
    <row r="290258" spans="8:8">
      <c r="H290258" s="12"/>
    </row>
    <row r="290259" spans="8:8">
      <c r="H290259" s="12"/>
    </row>
    <row r="290260" spans="8:8">
      <c r="H290260" s="12"/>
    </row>
    <row r="290261" spans="8:8">
      <c r="H290261" s="12"/>
    </row>
    <row r="290262" spans="8:8">
      <c r="H290262" s="12"/>
    </row>
    <row r="290263" spans="8:8">
      <c r="H290263" s="12"/>
    </row>
    <row r="290264" spans="8:8">
      <c r="H290264" s="12"/>
    </row>
    <row r="290265" spans="8:8">
      <c r="H290265" s="12"/>
    </row>
    <row r="290266" spans="8:8">
      <c r="H290266" s="12"/>
    </row>
    <row r="290267" spans="8:8">
      <c r="H290267" s="12"/>
    </row>
    <row r="290268" spans="8:8">
      <c r="H290268" s="12"/>
    </row>
    <row r="290269" spans="8:8">
      <c r="H290269" s="12"/>
    </row>
    <row r="290270" spans="8:8">
      <c r="H290270" s="12"/>
    </row>
    <row r="290271" spans="8:8">
      <c r="H290271" s="12"/>
    </row>
    <row r="290272" spans="8:8">
      <c r="H290272" s="12"/>
    </row>
    <row r="290273" spans="8:8">
      <c r="H290273" s="12"/>
    </row>
    <row r="290274" spans="8:8">
      <c r="H290274" s="12"/>
    </row>
    <row r="290275" spans="8:8">
      <c r="H290275" s="12"/>
    </row>
    <row r="290276" spans="8:8">
      <c r="H290276" s="12"/>
    </row>
    <row r="290277" spans="8:8">
      <c r="H290277" s="12"/>
    </row>
    <row r="290278" spans="8:8">
      <c r="H290278" s="12"/>
    </row>
    <row r="290279" spans="8:8">
      <c r="H290279" s="12"/>
    </row>
    <row r="290280" spans="8:8">
      <c r="H290280" s="12"/>
    </row>
    <row r="290281" spans="8:8">
      <c r="H290281" s="12"/>
    </row>
    <row r="290282" spans="8:8">
      <c r="H290282" s="12"/>
    </row>
    <row r="290283" spans="8:8">
      <c r="H290283" s="12"/>
    </row>
    <row r="290284" spans="8:8">
      <c r="H290284" s="12"/>
    </row>
    <row r="290285" spans="8:8">
      <c r="H290285" s="12"/>
    </row>
    <row r="290286" spans="8:8">
      <c r="H290286" s="12"/>
    </row>
    <row r="290287" spans="8:8">
      <c r="H290287" s="12"/>
    </row>
    <row r="290288" spans="8:8">
      <c r="H290288" s="12"/>
    </row>
    <row r="290289" spans="8:8">
      <c r="H290289" s="12"/>
    </row>
    <row r="290290" spans="8:8">
      <c r="H290290" s="12"/>
    </row>
    <row r="290291" spans="8:8">
      <c r="H290291" s="12"/>
    </row>
    <row r="290292" spans="8:8">
      <c r="H290292" s="12"/>
    </row>
    <row r="290293" spans="8:8">
      <c r="H290293" s="12"/>
    </row>
    <row r="290294" spans="8:8">
      <c r="H290294" s="12"/>
    </row>
    <row r="290295" spans="8:8">
      <c r="H290295" s="12"/>
    </row>
    <row r="290296" spans="8:8">
      <c r="H290296" s="12"/>
    </row>
    <row r="290297" spans="8:8">
      <c r="H290297" s="12"/>
    </row>
    <row r="290298" spans="8:8">
      <c r="H290298" s="12"/>
    </row>
    <row r="290299" spans="8:8">
      <c r="H290299" s="12"/>
    </row>
    <row r="290300" spans="8:8">
      <c r="H290300" s="12"/>
    </row>
    <row r="290301" spans="8:8">
      <c r="H290301" s="12"/>
    </row>
    <row r="290302" spans="8:8">
      <c r="H290302" s="12"/>
    </row>
    <row r="290303" spans="8:8">
      <c r="H290303" s="12"/>
    </row>
    <row r="290304" spans="8:8">
      <c r="H290304" s="12"/>
    </row>
    <row r="290305" spans="8:8">
      <c r="H290305" s="12"/>
    </row>
    <row r="290306" spans="8:8">
      <c r="H290306" s="12"/>
    </row>
    <row r="290307" spans="8:8">
      <c r="H290307" s="12"/>
    </row>
    <row r="290308" spans="8:8">
      <c r="H290308" s="12"/>
    </row>
    <row r="290309" spans="8:8">
      <c r="H290309" s="12"/>
    </row>
    <row r="290310" spans="8:8">
      <c r="H290310" s="12"/>
    </row>
    <row r="290311" spans="8:8">
      <c r="H290311" s="12"/>
    </row>
    <row r="290312" spans="8:8">
      <c r="H290312" s="12"/>
    </row>
    <row r="290313" spans="8:8">
      <c r="H290313" s="12"/>
    </row>
    <row r="290314" spans="8:8">
      <c r="H290314" s="12"/>
    </row>
    <row r="290315" spans="8:8">
      <c r="H290315" s="12"/>
    </row>
    <row r="290316" spans="8:8">
      <c r="H290316" s="12"/>
    </row>
    <row r="290317" spans="8:8">
      <c r="H290317" s="12"/>
    </row>
    <row r="290318" spans="8:8">
      <c r="H290318" s="12"/>
    </row>
    <row r="290319" spans="8:8">
      <c r="H290319" s="12"/>
    </row>
    <row r="290320" spans="8:8">
      <c r="H290320" s="12"/>
    </row>
    <row r="290321" spans="8:8">
      <c r="H290321" s="12"/>
    </row>
    <row r="290322" spans="8:8">
      <c r="H290322" s="12"/>
    </row>
    <row r="290323" spans="8:8">
      <c r="H290323" s="12"/>
    </row>
    <row r="290324" spans="8:8">
      <c r="H290324" s="12"/>
    </row>
    <row r="290325" spans="8:8">
      <c r="H290325" s="12"/>
    </row>
    <row r="290326" spans="8:8">
      <c r="H290326" s="12"/>
    </row>
    <row r="290327" spans="8:8">
      <c r="H290327" s="12"/>
    </row>
    <row r="290328" spans="8:8">
      <c r="H290328" s="12"/>
    </row>
    <row r="290329" spans="8:8">
      <c r="H290329" s="12"/>
    </row>
    <row r="290330" spans="8:8">
      <c r="H290330" s="12"/>
    </row>
    <row r="290331" spans="8:8">
      <c r="H290331" s="12"/>
    </row>
    <row r="290332" spans="8:8">
      <c r="H290332" s="12"/>
    </row>
    <row r="290333" spans="8:8">
      <c r="H290333" s="12"/>
    </row>
    <row r="290334" spans="8:8">
      <c r="H290334" s="12"/>
    </row>
    <row r="290335" spans="8:8">
      <c r="H290335" s="12"/>
    </row>
    <row r="290336" spans="8:8">
      <c r="H290336" s="12"/>
    </row>
    <row r="290337" spans="8:8">
      <c r="H290337" s="12"/>
    </row>
    <row r="290338" spans="8:8">
      <c r="H290338" s="12"/>
    </row>
    <row r="290339" spans="8:8">
      <c r="H290339" s="12"/>
    </row>
    <row r="290340" spans="8:8">
      <c r="H290340" s="12"/>
    </row>
    <row r="290341" spans="8:8">
      <c r="H290341" s="12"/>
    </row>
    <row r="290342" spans="8:8">
      <c r="H290342" s="12"/>
    </row>
    <row r="290343" spans="8:8">
      <c r="H290343" s="12"/>
    </row>
    <row r="290344" spans="8:8">
      <c r="H290344" s="12"/>
    </row>
    <row r="290345" spans="8:8">
      <c r="H290345" s="12"/>
    </row>
    <row r="290346" spans="8:8">
      <c r="H290346" s="12"/>
    </row>
    <row r="290347" spans="8:8">
      <c r="H290347" s="12"/>
    </row>
    <row r="290348" spans="8:8">
      <c r="H290348" s="12"/>
    </row>
    <row r="290349" spans="8:8">
      <c r="H290349" s="12"/>
    </row>
    <row r="290350" spans="8:8">
      <c r="H290350" s="12"/>
    </row>
    <row r="290351" spans="8:8">
      <c r="H290351" s="12"/>
    </row>
    <row r="290352" spans="8:8">
      <c r="H290352" s="12"/>
    </row>
    <row r="290353" spans="8:8">
      <c r="H290353" s="12"/>
    </row>
    <row r="290354" spans="8:8">
      <c r="H290354" s="12"/>
    </row>
    <row r="290355" spans="8:8">
      <c r="H290355" s="12"/>
    </row>
    <row r="290356" spans="8:8">
      <c r="H290356" s="12"/>
    </row>
    <row r="290357" spans="8:8">
      <c r="H290357" s="12"/>
    </row>
    <row r="290358" spans="8:8">
      <c r="H290358" s="12"/>
    </row>
    <row r="290359" spans="8:8">
      <c r="H290359" s="12"/>
    </row>
    <row r="290360" spans="8:8">
      <c r="H290360" s="12"/>
    </row>
    <row r="290361" spans="8:8">
      <c r="H290361" s="12"/>
    </row>
    <row r="290362" spans="8:8">
      <c r="H290362" s="12"/>
    </row>
    <row r="290363" spans="8:8">
      <c r="H290363" s="12"/>
    </row>
    <row r="290364" spans="8:8">
      <c r="H290364" s="12"/>
    </row>
    <row r="290365" spans="8:8">
      <c r="H290365" s="12"/>
    </row>
    <row r="290366" spans="8:8">
      <c r="H290366" s="12"/>
    </row>
    <row r="290367" spans="8:8">
      <c r="H290367" s="12"/>
    </row>
    <row r="290368" spans="8:8">
      <c r="H290368" s="12"/>
    </row>
    <row r="290369" spans="8:8">
      <c r="H290369" s="12"/>
    </row>
    <row r="290370" spans="8:8">
      <c r="H290370" s="12"/>
    </row>
    <row r="290371" spans="8:8">
      <c r="H290371" s="12"/>
    </row>
    <row r="290372" spans="8:8">
      <c r="H290372" s="12"/>
    </row>
    <row r="290373" spans="8:8">
      <c r="H290373" s="12"/>
    </row>
    <row r="290374" spans="8:8">
      <c r="H290374" s="12"/>
    </row>
    <row r="290375" spans="8:8">
      <c r="H290375" s="12"/>
    </row>
    <row r="290376" spans="8:8">
      <c r="H290376" s="12"/>
    </row>
    <row r="290377" spans="8:8">
      <c r="H290377" s="12"/>
    </row>
    <row r="290378" spans="8:8">
      <c r="H290378" s="12"/>
    </row>
    <row r="290379" spans="8:8">
      <c r="H290379" s="12"/>
    </row>
    <row r="290380" spans="8:8">
      <c r="H290380" s="12"/>
    </row>
    <row r="290381" spans="8:8">
      <c r="H290381" s="12"/>
    </row>
    <row r="290382" spans="8:8">
      <c r="H290382" s="12"/>
    </row>
    <row r="290383" spans="8:8">
      <c r="H290383" s="12"/>
    </row>
    <row r="290384" spans="8:8">
      <c r="H290384" s="12"/>
    </row>
    <row r="290385" spans="8:8">
      <c r="H290385" s="12"/>
    </row>
    <row r="290386" spans="8:8">
      <c r="H290386" s="12"/>
    </row>
    <row r="290387" spans="8:8">
      <c r="H290387" s="12"/>
    </row>
    <row r="290388" spans="8:8">
      <c r="H290388" s="12"/>
    </row>
    <row r="290389" spans="8:8">
      <c r="H290389" s="12"/>
    </row>
    <row r="290390" spans="8:8">
      <c r="H290390" s="12"/>
    </row>
    <row r="290391" spans="8:8">
      <c r="H290391" s="12"/>
    </row>
    <row r="290392" spans="8:8">
      <c r="H290392" s="12"/>
    </row>
    <row r="290393" spans="8:8">
      <c r="H290393" s="12"/>
    </row>
    <row r="290394" spans="8:8">
      <c r="H290394" s="12"/>
    </row>
    <row r="290395" spans="8:8">
      <c r="H290395" s="12"/>
    </row>
    <row r="290396" spans="8:8">
      <c r="H290396" s="12"/>
    </row>
    <row r="290397" spans="8:8">
      <c r="H290397" s="12"/>
    </row>
    <row r="290398" spans="8:8">
      <c r="H290398" s="12"/>
    </row>
    <row r="290399" spans="8:8">
      <c r="H290399" s="12"/>
    </row>
    <row r="290400" spans="8:8">
      <c r="H290400" s="12"/>
    </row>
    <row r="290401" spans="8:8">
      <c r="H290401" s="12"/>
    </row>
    <row r="290402" spans="8:8">
      <c r="H290402" s="12"/>
    </row>
    <row r="290403" spans="8:8">
      <c r="H290403" s="12"/>
    </row>
    <row r="290404" spans="8:8">
      <c r="H290404" s="12"/>
    </row>
    <row r="290405" spans="8:8">
      <c r="H290405" s="12"/>
    </row>
    <row r="290406" spans="8:8">
      <c r="H290406" s="12"/>
    </row>
    <row r="290407" spans="8:8">
      <c r="H290407" s="12"/>
    </row>
    <row r="290408" spans="8:8">
      <c r="H290408" s="12"/>
    </row>
    <row r="290409" spans="8:8">
      <c r="H290409" s="12"/>
    </row>
    <row r="290410" spans="8:8">
      <c r="H290410" s="12"/>
    </row>
    <row r="290411" spans="8:8">
      <c r="H290411" s="12"/>
    </row>
    <row r="290412" spans="8:8">
      <c r="H290412" s="12"/>
    </row>
    <row r="290413" spans="8:8">
      <c r="H290413" s="12"/>
    </row>
    <row r="290414" spans="8:8">
      <c r="H290414" s="12"/>
    </row>
    <row r="290415" spans="8:8">
      <c r="H290415" s="12"/>
    </row>
    <row r="290416" spans="8:8">
      <c r="H290416" s="12"/>
    </row>
    <row r="290417" spans="8:8">
      <c r="H290417" s="12"/>
    </row>
    <row r="290418" spans="8:8">
      <c r="H290418" s="12"/>
    </row>
    <row r="290419" spans="8:8">
      <c r="H290419" s="12"/>
    </row>
    <row r="290420" spans="8:8">
      <c r="H290420" s="12"/>
    </row>
    <row r="290421" spans="8:8">
      <c r="H290421" s="12"/>
    </row>
    <row r="290422" spans="8:8">
      <c r="H290422" s="12"/>
    </row>
    <row r="290423" spans="8:8">
      <c r="H290423" s="12"/>
    </row>
    <row r="290424" spans="8:8">
      <c r="H290424" s="12"/>
    </row>
    <row r="290425" spans="8:8">
      <c r="H290425" s="12"/>
    </row>
    <row r="290426" spans="8:8">
      <c r="H290426" s="12"/>
    </row>
    <row r="290427" spans="8:8">
      <c r="H290427" s="12"/>
    </row>
    <row r="290428" spans="8:8">
      <c r="H290428" s="12"/>
    </row>
    <row r="290429" spans="8:8">
      <c r="H290429" s="12"/>
    </row>
    <row r="290430" spans="8:8">
      <c r="H290430" s="12"/>
    </row>
    <row r="290431" spans="8:8">
      <c r="H290431" s="12"/>
    </row>
    <row r="290432" spans="8:8">
      <c r="H290432" s="12"/>
    </row>
    <row r="290433" spans="8:8">
      <c r="H290433" s="12"/>
    </row>
    <row r="290434" spans="8:8">
      <c r="H290434" s="12"/>
    </row>
    <row r="290435" spans="8:8">
      <c r="H290435" s="12"/>
    </row>
    <row r="290436" spans="8:8">
      <c r="H290436" s="12"/>
    </row>
    <row r="290437" spans="8:8">
      <c r="H290437" s="12"/>
    </row>
    <row r="290438" spans="8:8">
      <c r="H290438" s="12"/>
    </row>
    <row r="290439" spans="8:8">
      <c r="H290439" s="12"/>
    </row>
    <row r="290440" spans="8:8">
      <c r="H290440" s="12"/>
    </row>
    <row r="290441" spans="8:8">
      <c r="H290441" s="12"/>
    </row>
    <row r="290442" spans="8:8">
      <c r="H290442" s="12"/>
    </row>
    <row r="290443" spans="8:8">
      <c r="H290443" s="12"/>
    </row>
    <row r="290444" spans="8:8">
      <c r="H290444" s="12"/>
    </row>
    <row r="290445" spans="8:8">
      <c r="H290445" s="12"/>
    </row>
    <row r="290446" spans="8:8">
      <c r="H290446" s="12"/>
    </row>
    <row r="290447" spans="8:8">
      <c r="H290447" s="12"/>
    </row>
    <row r="290448" spans="8:8">
      <c r="H290448" s="12"/>
    </row>
    <row r="290449" spans="8:8">
      <c r="H290449" s="12"/>
    </row>
    <row r="290450" spans="8:8">
      <c r="H290450" s="12"/>
    </row>
    <row r="290451" spans="8:8">
      <c r="H290451" s="12"/>
    </row>
    <row r="290452" spans="8:8">
      <c r="H290452" s="12"/>
    </row>
    <row r="290453" spans="8:8">
      <c r="H290453" s="12"/>
    </row>
    <row r="290454" spans="8:8">
      <c r="H290454" s="12"/>
    </row>
    <row r="290455" spans="8:8">
      <c r="H290455" s="12"/>
    </row>
    <row r="290456" spans="8:8">
      <c r="H290456" s="12"/>
    </row>
    <row r="290457" spans="8:8">
      <c r="H290457" s="12"/>
    </row>
    <row r="290458" spans="8:8">
      <c r="H290458" s="12"/>
    </row>
    <row r="290459" spans="8:8">
      <c r="H290459" s="12"/>
    </row>
    <row r="290460" spans="8:8">
      <c r="H290460" s="12"/>
    </row>
    <row r="290461" spans="8:8">
      <c r="H290461" s="12"/>
    </row>
    <row r="290462" spans="8:8">
      <c r="H290462" s="12"/>
    </row>
    <row r="290463" spans="8:8">
      <c r="H290463" s="12"/>
    </row>
    <row r="290464" spans="8:8">
      <c r="H290464" s="12"/>
    </row>
    <row r="290465" spans="8:8">
      <c r="H290465" s="12"/>
    </row>
    <row r="290466" spans="8:8">
      <c r="H290466" s="12"/>
    </row>
    <row r="290467" spans="8:8">
      <c r="H290467" s="12"/>
    </row>
    <row r="290468" spans="8:8">
      <c r="H290468" s="12"/>
    </row>
    <row r="290469" spans="8:8">
      <c r="H290469" s="12"/>
    </row>
    <row r="290470" spans="8:8">
      <c r="H290470" s="12"/>
    </row>
    <row r="290471" spans="8:8">
      <c r="H290471" s="12"/>
    </row>
    <row r="290472" spans="8:8">
      <c r="H290472" s="12"/>
    </row>
    <row r="290473" spans="8:8">
      <c r="H290473" s="12"/>
    </row>
    <row r="290474" spans="8:8">
      <c r="H290474" s="12"/>
    </row>
    <row r="290475" spans="8:8">
      <c r="H290475" s="12"/>
    </row>
    <row r="290476" spans="8:8">
      <c r="H290476" s="12"/>
    </row>
    <row r="290477" spans="8:8">
      <c r="H290477" s="12"/>
    </row>
    <row r="290478" spans="8:8">
      <c r="H290478" s="12"/>
    </row>
    <row r="290479" spans="8:8">
      <c r="H290479" s="12"/>
    </row>
    <row r="290480" spans="8:8">
      <c r="H290480" s="12"/>
    </row>
    <row r="290481" spans="8:8">
      <c r="H290481" s="12"/>
    </row>
    <row r="290482" spans="8:8">
      <c r="H290482" s="12"/>
    </row>
    <row r="290483" spans="8:8">
      <c r="H290483" s="12"/>
    </row>
    <row r="290484" spans="8:8">
      <c r="H290484" s="12"/>
    </row>
    <row r="290485" spans="8:8">
      <c r="H290485" s="12"/>
    </row>
    <row r="290486" spans="8:8">
      <c r="H290486" s="12"/>
    </row>
    <row r="290487" spans="8:8">
      <c r="H290487" s="12"/>
    </row>
    <row r="290488" spans="8:8">
      <c r="H290488" s="12"/>
    </row>
    <row r="290489" spans="8:8">
      <c r="H290489" s="12"/>
    </row>
    <row r="290490" spans="8:8">
      <c r="H290490" s="12"/>
    </row>
    <row r="290491" spans="8:8">
      <c r="H290491" s="12"/>
    </row>
    <row r="290492" spans="8:8">
      <c r="H290492" s="12"/>
    </row>
    <row r="290493" spans="8:8">
      <c r="H290493" s="12"/>
    </row>
    <row r="290494" spans="8:8">
      <c r="H290494" s="12"/>
    </row>
    <row r="290495" spans="8:8">
      <c r="H290495" s="12"/>
    </row>
    <row r="290496" spans="8:8">
      <c r="H290496" s="12"/>
    </row>
    <row r="290497" spans="8:8">
      <c r="H290497" s="12"/>
    </row>
    <row r="290498" spans="8:8">
      <c r="H290498" s="12"/>
    </row>
    <row r="290499" spans="8:8">
      <c r="H290499" s="12"/>
    </row>
    <row r="290500" spans="8:8">
      <c r="H290500" s="12"/>
    </row>
    <row r="290501" spans="8:8">
      <c r="H290501" s="12"/>
    </row>
    <row r="290502" spans="8:8">
      <c r="H290502" s="12"/>
    </row>
    <row r="290503" spans="8:8">
      <c r="H290503" s="12"/>
    </row>
    <row r="290504" spans="8:8">
      <c r="H290504" s="12"/>
    </row>
    <row r="290505" spans="8:8">
      <c r="H290505" s="12"/>
    </row>
    <row r="290506" spans="8:8">
      <c r="H290506" s="12"/>
    </row>
    <row r="290507" spans="8:8">
      <c r="H290507" s="12"/>
    </row>
    <row r="290508" spans="8:8">
      <c r="H290508" s="12"/>
    </row>
    <row r="290509" spans="8:8">
      <c r="H290509" s="12"/>
    </row>
    <row r="290510" spans="8:8">
      <c r="H290510" s="12"/>
    </row>
    <row r="290511" spans="8:8">
      <c r="H290511" s="12"/>
    </row>
    <row r="290512" spans="8:8">
      <c r="H290512" s="12"/>
    </row>
    <row r="290513" spans="8:8">
      <c r="H290513" s="12"/>
    </row>
    <row r="290514" spans="8:8">
      <c r="H290514" s="12"/>
    </row>
    <row r="290515" spans="8:8">
      <c r="H290515" s="12"/>
    </row>
    <row r="290516" spans="8:8">
      <c r="H290516" s="12"/>
    </row>
    <row r="290517" spans="8:8">
      <c r="H290517" s="12"/>
    </row>
    <row r="290518" spans="8:8">
      <c r="H290518" s="12"/>
    </row>
    <row r="290519" spans="8:8">
      <c r="H290519" s="12"/>
    </row>
    <row r="290520" spans="8:8">
      <c r="H290520" s="12"/>
    </row>
    <row r="290521" spans="8:8">
      <c r="H290521" s="12"/>
    </row>
    <row r="290522" spans="8:8">
      <c r="H290522" s="12"/>
    </row>
    <row r="290523" spans="8:8">
      <c r="H290523" s="12"/>
    </row>
    <row r="290524" spans="8:8">
      <c r="H290524" s="12"/>
    </row>
    <row r="290525" spans="8:8">
      <c r="H290525" s="12"/>
    </row>
    <row r="290526" spans="8:8">
      <c r="H290526" s="12"/>
    </row>
    <row r="290527" spans="8:8">
      <c r="H290527" s="12"/>
    </row>
    <row r="290528" spans="8:8">
      <c r="H290528" s="12"/>
    </row>
    <row r="290529" spans="8:8">
      <c r="H290529" s="12"/>
    </row>
    <row r="290530" spans="8:8">
      <c r="H290530" s="12"/>
    </row>
    <row r="290531" spans="8:8">
      <c r="H290531" s="12"/>
    </row>
    <row r="290532" spans="8:8">
      <c r="H290532" s="12"/>
    </row>
    <row r="290533" spans="8:8">
      <c r="H290533" s="12"/>
    </row>
    <row r="290534" spans="8:8">
      <c r="H290534" s="12"/>
    </row>
    <row r="290535" spans="8:8">
      <c r="H290535" s="12"/>
    </row>
    <row r="290536" spans="8:8">
      <c r="H290536" s="12"/>
    </row>
    <row r="290537" spans="8:8">
      <c r="H290537" s="12"/>
    </row>
    <row r="290538" spans="8:8">
      <c r="H290538" s="12"/>
    </row>
    <row r="290539" spans="8:8">
      <c r="H290539" s="12"/>
    </row>
    <row r="290540" spans="8:8">
      <c r="H290540" s="12"/>
    </row>
    <row r="290541" spans="8:8">
      <c r="H290541" s="12"/>
    </row>
    <row r="290542" spans="8:8">
      <c r="H290542" s="12"/>
    </row>
    <row r="290543" spans="8:8">
      <c r="H290543" s="12"/>
    </row>
    <row r="290544" spans="8:8">
      <c r="H290544" s="12"/>
    </row>
    <row r="290545" spans="8:8">
      <c r="H290545" s="12"/>
    </row>
    <row r="290546" spans="8:8">
      <c r="H290546" s="12"/>
    </row>
    <row r="290547" spans="8:8">
      <c r="H290547" s="12"/>
    </row>
    <row r="290548" spans="8:8">
      <c r="H290548" s="12"/>
    </row>
    <row r="290549" spans="8:8">
      <c r="H290549" s="12"/>
    </row>
    <row r="290550" spans="8:8">
      <c r="H290550" s="12"/>
    </row>
    <row r="290551" spans="8:8">
      <c r="H290551" s="12"/>
    </row>
    <row r="290552" spans="8:8">
      <c r="H290552" s="12"/>
    </row>
    <row r="290553" spans="8:8">
      <c r="H290553" s="12"/>
    </row>
    <row r="290554" spans="8:8">
      <c r="H290554" s="12"/>
    </row>
    <row r="290555" spans="8:8">
      <c r="H290555" s="12"/>
    </row>
    <row r="290556" spans="8:8">
      <c r="H290556" s="12"/>
    </row>
    <row r="290557" spans="8:8">
      <c r="H290557" s="12"/>
    </row>
    <row r="290558" spans="8:8">
      <c r="H290558" s="12"/>
    </row>
    <row r="290559" spans="8:8">
      <c r="H290559" s="12"/>
    </row>
    <row r="290560" spans="8:8">
      <c r="H290560" s="12"/>
    </row>
    <row r="290561" spans="8:8">
      <c r="H290561" s="12"/>
    </row>
    <row r="290562" spans="8:8">
      <c r="H290562" s="12"/>
    </row>
    <row r="290563" spans="8:8">
      <c r="H290563" s="12"/>
    </row>
    <row r="290564" spans="8:8">
      <c r="H290564" s="12"/>
    </row>
    <row r="290565" spans="8:8">
      <c r="H290565" s="12"/>
    </row>
    <row r="290566" spans="8:8">
      <c r="H290566" s="12"/>
    </row>
    <row r="290567" spans="8:8">
      <c r="H290567" s="12"/>
    </row>
    <row r="290568" spans="8:8">
      <c r="H290568" s="12"/>
    </row>
    <row r="290569" spans="8:8">
      <c r="H290569" s="12"/>
    </row>
    <row r="290570" spans="8:8">
      <c r="H290570" s="12"/>
    </row>
    <row r="290571" spans="8:8">
      <c r="H290571" s="12"/>
    </row>
    <row r="290572" spans="8:8">
      <c r="H290572" s="12"/>
    </row>
    <row r="290573" spans="8:8">
      <c r="H290573" s="12"/>
    </row>
    <row r="290574" spans="8:8">
      <c r="H290574" s="12"/>
    </row>
    <row r="290575" spans="8:8">
      <c r="H290575" s="12"/>
    </row>
    <row r="290576" spans="8:8">
      <c r="H290576" s="12"/>
    </row>
    <row r="290577" spans="8:8">
      <c r="H290577" s="12"/>
    </row>
    <row r="290578" spans="8:8">
      <c r="H290578" s="12"/>
    </row>
    <row r="290579" spans="8:8">
      <c r="H290579" s="12"/>
    </row>
    <row r="290580" spans="8:8">
      <c r="H290580" s="12"/>
    </row>
    <row r="290581" spans="8:8">
      <c r="H290581" s="12"/>
    </row>
    <row r="290582" spans="8:8">
      <c r="H290582" s="12"/>
    </row>
    <row r="290583" spans="8:8">
      <c r="H290583" s="12"/>
    </row>
    <row r="290584" spans="8:8">
      <c r="H290584" s="12"/>
    </row>
    <row r="290585" spans="8:8">
      <c r="H290585" s="12"/>
    </row>
    <row r="290586" spans="8:8">
      <c r="H290586" s="12"/>
    </row>
    <row r="290587" spans="8:8">
      <c r="H290587" s="12"/>
    </row>
    <row r="290588" spans="8:8">
      <c r="H290588" s="12"/>
    </row>
    <row r="290589" spans="8:8">
      <c r="H290589" s="12"/>
    </row>
    <row r="290590" spans="8:8">
      <c r="H290590" s="12"/>
    </row>
    <row r="290591" spans="8:8">
      <c r="H290591" s="12"/>
    </row>
    <row r="290592" spans="8:8">
      <c r="H290592" s="12"/>
    </row>
    <row r="290593" spans="8:8">
      <c r="H290593" s="12"/>
    </row>
    <row r="290594" spans="8:8">
      <c r="H290594" s="12"/>
    </row>
    <row r="290595" spans="8:8">
      <c r="H290595" s="12"/>
    </row>
    <row r="290596" spans="8:8">
      <c r="H290596" s="12"/>
    </row>
    <row r="290597" spans="8:8">
      <c r="H290597" s="12"/>
    </row>
    <row r="290598" spans="8:8">
      <c r="H290598" s="12"/>
    </row>
    <row r="290599" spans="8:8">
      <c r="H290599" s="12"/>
    </row>
    <row r="290600" spans="8:8">
      <c r="H290600" s="12"/>
    </row>
    <row r="290601" spans="8:8">
      <c r="H290601" s="12"/>
    </row>
    <row r="290602" spans="8:8">
      <c r="H290602" s="12"/>
    </row>
    <row r="290603" spans="8:8">
      <c r="H290603" s="12"/>
    </row>
    <row r="290604" spans="8:8">
      <c r="H290604" s="12"/>
    </row>
    <row r="290605" spans="8:8">
      <c r="H290605" s="12"/>
    </row>
    <row r="290606" spans="8:8">
      <c r="H290606" s="12"/>
    </row>
    <row r="290607" spans="8:8">
      <c r="H290607" s="12"/>
    </row>
    <row r="290608" spans="8:8">
      <c r="H290608" s="12"/>
    </row>
    <row r="290609" spans="8:8">
      <c r="H290609" s="12"/>
    </row>
    <row r="290610" spans="8:8">
      <c r="H290610" s="12"/>
    </row>
    <row r="290611" spans="8:8">
      <c r="H290611" s="12"/>
    </row>
    <row r="290612" spans="8:8">
      <c r="H290612" s="12"/>
    </row>
    <row r="290613" spans="8:8">
      <c r="H290613" s="12"/>
    </row>
    <row r="290614" spans="8:8">
      <c r="H290614" s="12"/>
    </row>
    <row r="290615" spans="8:8">
      <c r="H290615" s="12"/>
    </row>
    <row r="290616" spans="8:8">
      <c r="H290616" s="12"/>
    </row>
    <row r="290617" spans="8:8">
      <c r="H290617" s="12"/>
    </row>
    <row r="290618" spans="8:8">
      <c r="H290618" s="12"/>
    </row>
    <row r="290619" spans="8:8">
      <c r="H290619" s="12"/>
    </row>
    <row r="290620" spans="8:8">
      <c r="H290620" s="12"/>
    </row>
    <row r="290621" spans="8:8">
      <c r="H290621" s="12"/>
    </row>
    <row r="290622" spans="8:8">
      <c r="H290622" s="12"/>
    </row>
    <row r="290623" spans="8:8">
      <c r="H290623" s="12"/>
    </row>
    <row r="290624" spans="8:8">
      <c r="H290624" s="12"/>
    </row>
    <row r="290625" spans="8:8">
      <c r="H290625" s="12"/>
    </row>
    <row r="290626" spans="8:8">
      <c r="H290626" s="12"/>
    </row>
    <row r="290627" spans="8:8">
      <c r="H290627" s="12"/>
    </row>
    <row r="290628" spans="8:8">
      <c r="H290628" s="12"/>
    </row>
    <row r="290629" spans="8:8">
      <c r="H290629" s="12"/>
    </row>
    <row r="290630" spans="8:8">
      <c r="H290630" s="12"/>
    </row>
    <row r="290631" spans="8:8">
      <c r="H290631" s="12"/>
    </row>
    <row r="290632" spans="8:8">
      <c r="H290632" s="12"/>
    </row>
    <row r="290633" spans="8:8">
      <c r="H290633" s="12"/>
    </row>
    <row r="290634" spans="8:8">
      <c r="H290634" s="12"/>
    </row>
    <row r="290635" spans="8:8">
      <c r="H290635" s="12"/>
    </row>
    <row r="290636" spans="8:8">
      <c r="H290636" s="12"/>
    </row>
    <row r="290637" spans="8:8">
      <c r="H290637" s="12"/>
    </row>
    <row r="290638" spans="8:8">
      <c r="H290638" s="12"/>
    </row>
    <row r="290639" spans="8:8">
      <c r="H290639" s="12"/>
    </row>
    <row r="290640" spans="8:8">
      <c r="H290640" s="12"/>
    </row>
    <row r="290641" spans="8:8">
      <c r="H290641" s="12"/>
    </row>
    <row r="290642" spans="8:8">
      <c r="H290642" s="12"/>
    </row>
    <row r="290643" spans="8:8">
      <c r="H290643" s="12"/>
    </row>
    <row r="290644" spans="8:8">
      <c r="H290644" s="12"/>
    </row>
    <row r="290645" spans="8:8">
      <c r="H290645" s="12"/>
    </row>
    <row r="290646" spans="8:8">
      <c r="H290646" s="12"/>
    </row>
    <row r="290647" spans="8:8">
      <c r="H290647" s="12"/>
    </row>
    <row r="290648" spans="8:8">
      <c r="H290648" s="12"/>
    </row>
    <row r="290649" spans="8:8">
      <c r="H290649" s="12"/>
    </row>
    <row r="290650" spans="8:8">
      <c r="H290650" s="12"/>
    </row>
    <row r="290651" spans="8:8">
      <c r="H290651" s="12"/>
    </row>
    <row r="290652" spans="8:8">
      <c r="H290652" s="12"/>
    </row>
    <row r="290653" spans="8:8">
      <c r="H290653" s="12"/>
    </row>
    <row r="290654" spans="8:8">
      <c r="H290654" s="12"/>
    </row>
    <row r="290655" spans="8:8">
      <c r="H290655" s="12"/>
    </row>
    <row r="290656" spans="8:8">
      <c r="H290656" s="12"/>
    </row>
    <row r="290657" spans="8:8">
      <c r="H290657" s="12"/>
    </row>
    <row r="290658" spans="8:8">
      <c r="H290658" s="12"/>
    </row>
    <row r="290659" spans="8:8">
      <c r="H290659" s="12"/>
    </row>
    <row r="290660" spans="8:8">
      <c r="H290660" s="12"/>
    </row>
    <row r="290661" spans="8:8">
      <c r="H290661" s="12"/>
    </row>
    <row r="290662" spans="8:8">
      <c r="H290662" s="12"/>
    </row>
    <row r="290663" spans="8:8">
      <c r="H290663" s="12"/>
    </row>
    <row r="290664" spans="8:8">
      <c r="H290664" s="12"/>
    </row>
    <row r="290665" spans="8:8">
      <c r="H290665" s="12"/>
    </row>
    <row r="290666" spans="8:8">
      <c r="H290666" s="12"/>
    </row>
    <row r="290667" spans="8:8">
      <c r="H290667" s="12"/>
    </row>
    <row r="290668" spans="8:8">
      <c r="H290668" s="12"/>
    </row>
    <row r="290669" spans="8:8">
      <c r="H290669" s="12"/>
    </row>
    <row r="290670" spans="8:8">
      <c r="H290670" s="12"/>
    </row>
    <row r="290671" spans="8:8">
      <c r="H290671" s="12"/>
    </row>
    <row r="290672" spans="8:8">
      <c r="H290672" s="12"/>
    </row>
    <row r="290673" spans="8:8">
      <c r="H290673" s="12"/>
    </row>
    <row r="290674" spans="8:8">
      <c r="H290674" s="12"/>
    </row>
    <row r="290675" spans="8:8">
      <c r="H290675" s="12"/>
    </row>
    <row r="290676" spans="8:8">
      <c r="H290676" s="12"/>
    </row>
    <row r="290677" spans="8:8">
      <c r="H290677" s="12"/>
    </row>
    <row r="290678" spans="8:8">
      <c r="H290678" s="12"/>
    </row>
    <row r="290679" spans="8:8">
      <c r="H290679" s="12"/>
    </row>
    <row r="290680" spans="8:8">
      <c r="H290680" s="12"/>
    </row>
    <row r="290681" spans="8:8">
      <c r="H290681" s="12"/>
    </row>
    <row r="290682" spans="8:8">
      <c r="H290682" s="12"/>
    </row>
    <row r="290683" spans="8:8">
      <c r="H290683" s="12"/>
    </row>
    <row r="290684" spans="8:8">
      <c r="H290684" s="12"/>
    </row>
    <row r="290685" spans="8:8">
      <c r="H290685" s="12"/>
    </row>
    <row r="290686" spans="8:8">
      <c r="H290686" s="12"/>
    </row>
    <row r="290687" spans="8:8">
      <c r="H290687" s="12"/>
    </row>
    <row r="290688" spans="8:8">
      <c r="H290688" s="12"/>
    </row>
    <row r="290689" spans="8:8">
      <c r="H290689" s="12"/>
    </row>
    <row r="290690" spans="8:8">
      <c r="H290690" s="12"/>
    </row>
    <row r="290691" spans="8:8">
      <c r="H290691" s="12"/>
    </row>
    <row r="290692" spans="8:8">
      <c r="H290692" s="12"/>
    </row>
    <row r="290693" spans="8:8">
      <c r="H290693" s="12"/>
    </row>
    <row r="290694" spans="8:8">
      <c r="H290694" s="12"/>
    </row>
    <row r="290695" spans="8:8">
      <c r="H290695" s="12"/>
    </row>
    <row r="290696" spans="8:8">
      <c r="H290696" s="12"/>
    </row>
    <row r="290697" spans="8:8">
      <c r="H290697" s="12"/>
    </row>
    <row r="290698" spans="8:8">
      <c r="H290698" s="12"/>
    </row>
    <row r="290699" spans="8:8">
      <c r="H290699" s="12"/>
    </row>
    <row r="290700" spans="8:8">
      <c r="H290700" s="12"/>
    </row>
    <row r="290701" spans="8:8">
      <c r="H290701" s="12"/>
    </row>
    <row r="290702" spans="8:8">
      <c r="H290702" s="12"/>
    </row>
    <row r="290703" spans="8:8">
      <c r="H290703" s="12"/>
    </row>
    <row r="290704" spans="8:8">
      <c r="H290704" s="12"/>
    </row>
    <row r="290705" spans="8:8">
      <c r="H290705" s="12"/>
    </row>
    <row r="290706" spans="8:8">
      <c r="H290706" s="12"/>
    </row>
    <row r="290707" spans="8:8">
      <c r="H290707" s="12"/>
    </row>
    <row r="290708" spans="8:8">
      <c r="H290708" s="12"/>
    </row>
    <row r="290709" spans="8:8">
      <c r="H290709" s="12"/>
    </row>
    <row r="290710" spans="8:8">
      <c r="H290710" s="12"/>
    </row>
    <row r="290711" spans="8:8">
      <c r="H290711" s="12"/>
    </row>
    <row r="290712" spans="8:8">
      <c r="H290712" s="12"/>
    </row>
    <row r="290713" spans="8:8">
      <c r="H290713" s="12"/>
    </row>
    <row r="290714" spans="8:8">
      <c r="H290714" s="12"/>
    </row>
    <row r="290715" spans="8:8">
      <c r="H290715" s="12"/>
    </row>
    <row r="290716" spans="8:8">
      <c r="H290716" s="12"/>
    </row>
    <row r="290717" spans="8:8">
      <c r="H290717" s="12"/>
    </row>
    <row r="290718" spans="8:8">
      <c r="H290718" s="12"/>
    </row>
    <row r="290719" spans="8:8">
      <c r="H290719" s="12"/>
    </row>
    <row r="290720" spans="8:8">
      <c r="H290720" s="12"/>
    </row>
    <row r="290721" spans="8:8">
      <c r="H290721" s="12"/>
    </row>
    <row r="290722" spans="8:8">
      <c r="H290722" s="12"/>
    </row>
    <row r="290723" spans="8:8">
      <c r="H290723" s="12"/>
    </row>
    <row r="290724" spans="8:8">
      <c r="H290724" s="12"/>
    </row>
    <row r="290725" spans="8:8">
      <c r="H290725" s="12"/>
    </row>
    <row r="290726" spans="8:8">
      <c r="H290726" s="12"/>
    </row>
    <row r="290727" spans="8:8">
      <c r="H290727" s="12"/>
    </row>
    <row r="290728" spans="8:8">
      <c r="H290728" s="12"/>
    </row>
    <row r="290729" spans="8:8">
      <c r="H290729" s="12"/>
    </row>
    <row r="290730" spans="8:8">
      <c r="H290730" s="12"/>
    </row>
    <row r="290731" spans="8:8">
      <c r="H290731" s="12"/>
    </row>
    <row r="290732" spans="8:8">
      <c r="H290732" s="12"/>
    </row>
    <row r="290733" spans="8:8">
      <c r="H290733" s="12"/>
    </row>
    <row r="290734" spans="8:8">
      <c r="H290734" s="12"/>
    </row>
    <row r="290735" spans="8:8">
      <c r="H290735" s="12"/>
    </row>
    <row r="290736" spans="8:8">
      <c r="H290736" s="12"/>
    </row>
    <row r="290737" spans="8:8">
      <c r="H290737" s="12"/>
    </row>
    <row r="290738" spans="8:8">
      <c r="H290738" s="12"/>
    </row>
    <row r="290739" spans="8:8">
      <c r="H290739" s="12"/>
    </row>
    <row r="290740" spans="8:8">
      <c r="H290740" s="12"/>
    </row>
    <row r="290741" spans="8:8">
      <c r="H290741" s="12"/>
    </row>
    <row r="290742" spans="8:8">
      <c r="H290742" s="12"/>
    </row>
    <row r="290743" spans="8:8">
      <c r="H290743" s="12"/>
    </row>
    <row r="290744" spans="8:8">
      <c r="H290744" s="12"/>
    </row>
    <row r="290745" spans="8:8">
      <c r="H290745" s="12"/>
    </row>
    <row r="290746" spans="8:8">
      <c r="H290746" s="12"/>
    </row>
    <row r="290747" spans="8:8">
      <c r="H290747" s="12"/>
    </row>
    <row r="290748" spans="8:8">
      <c r="H290748" s="12"/>
    </row>
    <row r="290749" spans="8:8">
      <c r="H290749" s="12"/>
    </row>
    <row r="290750" spans="8:8">
      <c r="H290750" s="12"/>
    </row>
    <row r="290751" spans="8:8">
      <c r="H290751" s="12"/>
    </row>
    <row r="290752" spans="8:8">
      <c r="H290752" s="12"/>
    </row>
    <row r="290753" spans="8:8">
      <c r="H290753" s="12"/>
    </row>
    <row r="290754" spans="8:8">
      <c r="H290754" s="12"/>
    </row>
    <row r="290755" spans="8:8">
      <c r="H290755" s="12"/>
    </row>
    <row r="290756" spans="8:8">
      <c r="H290756" s="12"/>
    </row>
    <row r="290757" spans="8:8">
      <c r="H290757" s="12"/>
    </row>
    <row r="290758" spans="8:8">
      <c r="H290758" s="12"/>
    </row>
    <row r="290759" spans="8:8">
      <c r="H290759" s="12"/>
    </row>
    <row r="290760" spans="8:8">
      <c r="H290760" s="12"/>
    </row>
    <row r="290761" spans="8:8">
      <c r="H290761" s="12"/>
    </row>
    <row r="290762" spans="8:8">
      <c r="H290762" s="12"/>
    </row>
    <row r="290763" spans="8:8">
      <c r="H290763" s="12"/>
    </row>
    <row r="290764" spans="8:8">
      <c r="H290764" s="12"/>
    </row>
    <row r="290765" spans="8:8">
      <c r="H290765" s="12"/>
    </row>
    <row r="290766" spans="8:8">
      <c r="H290766" s="12"/>
    </row>
    <row r="290767" spans="8:8">
      <c r="H290767" s="12"/>
    </row>
    <row r="290768" spans="8:8">
      <c r="H290768" s="12"/>
    </row>
    <row r="290769" spans="8:8">
      <c r="H290769" s="12"/>
    </row>
    <row r="290770" spans="8:8">
      <c r="H290770" s="12"/>
    </row>
    <row r="290771" spans="8:8">
      <c r="H290771" s="12"/>
    </row>
    <row r="290772" spans="8:8">
      <c r="H290772" s="12"/>
    </row>
    <row r="290773" spans="8:8">
      <c r="H290773" s="12"/>
    </row>
    <row r="290774" spans="8:8">
      <c r="H290774" s="12"/>
    </row>
    <row r="290775" spans="8:8">
      <c r="H290775" s="12"/>
    </row>
    <row r="290776" spans="8:8">
      <c r="H290776" s="12"/>
    </row>
    <row r="290777" spans="8:8">
      <c r="H290777" s="12"/>
    </row>
    <row r="290778" spans="8:8">
      <c r="H290778" s="12"/>
    </row>
    <row r="290779" spans="8:8">
      <c r="H290779" s="12"/>
    </row>
    <row r="290780" spans="8:8">
      <c r="H290780" s="12"/>
    </row>
    <row r="290781" spans="8:8">
      <c r="H290781" s="12"/>
    </row>
    <row r="290782" spans="8:8">
      <c r="H290782" s="12"/>
    </row>
    <row r="290783" spans="8:8">
      <c r="H290783" s="12"/>
    </row>
    <row r="290784" spans="8:8">
      <c r="H290784" s="12"/>
    </row>
    <row r="290785" spans="8:8">
      <c r="H290785" s="12"/>
    </row>
    <row r="290786" spans="8:8">
      <c r="H290786" s="12"/>
    </row>
    <row r="290787" spans="8:8">
      <c r="H290787" s="12"/>
    </row>
    <row r="290788" spans="8:8">
      <c r="H290788" s="12"/>
    </row>
    <row r="290789" spans="8:8">
      <c r="H290789" s="12"/>
    </row>
    <row r="290790" spans="8:8">
      <c r="H290790" s="12"/>
    </row>
    <row r="290791" spans="8:8">
      <c r="H290791" s="12"/>
    </row>
    <row r="290792" spans="8:8">
      <c r="H290792" s="12"/>
    </row>
    <row r="290793" spans="8:8">
      <c r="H290793" s="12"/>
    </row>
    <row r="290794" spans="8:8">
      <c r="H290794" s="12"/>
    </row>
    <row r="290795" spans="8:8">
      <c r="H290795" s="12"/>
    </row>
    <row r="290796" spans="8:8">
      <c r="H290796" s="12"/>
    </row>
    <row r="290797" spans="8:8">
      <c r="H290797" s="12"/>
    </row>
    <row r="290798" spans="8:8">
      <c r="H290798" s="12"/>
    </row>
    <row r="290799" spans="8:8">
      <c r="H290799" s="12"/>
    </row>
    <row r="290800" spans="8:8">
      <c r="H290800" s="12"/>
    </row>
    <row r="290801" spans="8:8">
      <c r="H290801" s="12"/>
    </row>
    <row r="290802" spans="8:8">
      <c r="H290802" s="12"/>
    </row>
    <row r="290803" spans="8:8">
      <c r="H290803" s="12"/>
    </row>
    <row r="290804" spans="8:8">
      <c r="H290804" s="12"/>
    </row>
    <row r="290805" spans="8:8">
      <c r="H290805" s="12"/>
    </row>
    <row r="290806" spans="8:8">
      <c r="H290806" s="12"/>
    </row>
    <row r="290807" spans="8:8">
      <c r="H290807" s="12"/>
    </row>
    <row r="290808" spans="8:8">
      <c r="H290808" s="12"/>
    </row>
    <row r="290809" spans="8:8">
      <c r="H290809" s="12"/>
    </row>
    <row r="290810" spans="8:8">
      <c r="H290810" s="12"/>
    </row>
    <row r="290811" spans="8:8">
      <c r="H290811" s="12"/>
    </row>
    <row r="290812" spans="8:8">
      <c r="H290812" s="12"/>
    </row>
    <row r="290813" spans="8:8">
      <c r="H290813" s="12"/>
    </row>
    <row r="290814" spans="8:8">
      <c r="H290814" s="12"/>
    </row>
    <row r="290815" spans="8:8">
      <c r="H290815" s="12"/>
    </row>
    <row r="290816" spans="8:8">
      <c r="H290816" s="12"/>
    </row>
    <row r="290817" spans="8:8">
      <c r="H290817" s="12"/>
    </row>
    <row r="290818" spans="8:8">
      <c r="H290818" s="12"/>
    </row>
    <row r="290819" spans="8:8">
      <c r="H290819" s="12"/>
    </row>
    <row r="290820" spans="8:8">
      <c r="H290820" s="12"/>
    </row>
    <row r="290821" spans="8:8">
      <c r="H290821" s="12"/>
    </row>
    <row r="290822" spans="8:8">
      <c r="H290822" s="12"/>
    </row>
    <row r="290823" spans="8:8">
      <c r="H290823" s="12"/>
    </row>
    <row r="290824" spans="8:8">
      <c r="H290824" s="12"/>
    </row>
    <row r="290825" spans="8:8">
      <c r="H290825" s="12"/>
    </row>
    <row r="290826" spans="8:8">
      <c r="H290826" s="12"/>
    </row>
    <row r="290827" spans="8:8">
      <c r="H290827" s="12"/>
    </row>
    <row r="290828" spans="8:8">
      <c r="H290828" s="12"/>
    </row>
    <row r="290829" spans="8:8">
      <c r="H290829" s="12"/>
    </row>
    <row r="290830" spans="8:8">
      <c r="H290830" s="12"/>
    </row>
    <row r="290831" spans="8:8">
      <c r="H290831" s="12"/>
    </row>
    <row r="290832" spans="8:8">
      <c r="H290832" s="12"/>
    </row>
    <row r="290833" spans="8:8">
      <c r="H290833" s="12"/>
    </row>
    <row r="290834" spans="8:8">
      <c r="H290834" s="12"/>
    </row>
    <row r="290835" spans="8:8">
      <c r="H290835" s="12"/>
    </row>
    <row r="290836" spans="8:8">
      <c r="H290836" s="12"/>
    </row>
    <row r="290837" spans="8:8">
      <c r="H290837" s="12"/>
    </row>
    <row r="290838" spans="8:8">
      <c r="H290838" s="12"/>
    </row>
    <row r="290839" spans="8:8">
      <c r="H290839" s="12"/>
    </row>
    <row r="290840" spans="8:8">
      <c r="H290840" s="12"/>
    </row>
    <row r="290841" spans="8:8">
      <c r="H290841" s="12"/>
    </row>
    <row r="290842" spans="8:8">
      <c r="H290842" s="12"/>
    </row>
    <row r="290843" spans="8:8">
      <c r="H290843" s="12"/>
    </row>
    <row r="290844" spans="8:8">
      <c r="H290844" s="12"/>
    </row>
    <row r="290845" spans="8:8">
      <c r="H290845" s="12"/>
    </row>
    <row r="290846" spans="8:8">
      <c r="H290846" s="12"/>
    </row>
    <row r="290847" spans="8:8">
      <c r="H290847" s="12"/>
    </row>
    <row r="290848" spans="8:8">
      <c r="H290848" s="12"/>
    </row>
    <row r="290849" spans="8:8">
      <c r="H290849" s="12"/>
    </row>
    <row r="290850" spans="8:8">
      <c r="H290850" s="12"/>
    </row>
    <row r="290851" spans="8:8">
      <c r="H290851" s="12"/>
    </row>
    <row r="290852" spans="8:8">
      <c r="H290852" s="12"/>
    </row>
    <row r="290853" spans="8:8">
      <c r="H290853" s="12"/>
    </row>
    <row r="290854" spans="8:8">
      <c r="H290854" s="12"/>
    </row>
    <row r="290855" spans="8:8">
      <c r="H290855" s="12"/>
    </row>
    <row r="290856" spans="8:8">
      <c r="H290856" s="12"/>
    </row>
    <row r="290857" spans="8:8">
      <c r="H290857" s="12"/>
    </row>
    <row r="290858" spans="8:8">
      <c r="H290858" s="12"/>
    </row>
    <row r="290859" spans="8:8">
      <c r="H290859" s="12"/>
    </row>
    <row r="290860" spans="8:8">
      <c r="H290860" s="12"/>
    </row>
    <row r="290861" spans="8:8">
      <c r="H290861" s="12"/>
    </row>
    <row r="290862" spans="8:8">
      <c r="H290862" s="12"/>
    </row>
    <row r="290863" spans="8:8">
      <c r="H290863" s="12"/>
    </row>
    <row r="290864" spans="8:8">
      <c r="H290864" s="12"/>
    </row>
    <row r="290865" spans="8:8">
      <c r="H290865" s="12"/>
    </row>
    <row r="290866" spans="8:8">
      <c r="H290866" s="12"/>
    </row>
    <row r="290867" spans="8:8">
      <c r="H290867" s="12"/>
    </row>
    <row r="290868" spans="8:8">
      <c r="H290868" s="12"/>
    </row>
    <row r="290869" spans="8:8">
      <c r="H290869" s="12"/>
    </row>
    <row r="290870" spans="8:8">
      <c r="H290870" s="12"/>
    </row>
    <row r="290871" spans="8:8">
      <c r="H290871" s="12"/>
    </row>
    <row r="290872" spans="8:8">
      <c r="H290872" s="12"/>
    </row>
    <row r="290873" spans="8:8">
      <c r="H290873" s="12"/>
    </row>
    <row r="290874" spans="8:8">
      <c r="H290874" s="12"/>
    </row>
    <row r="290875" spans="8:8">
      <c r="H290875" s="12"/>
    </row>
    <row r="290876" spans="8:8">
      <c r="H290876" s="12"/>
    </row>
    <row r="290877" spans="8:8">
      <c r="H290877" s="12"/>
    </row>
    <row r="290878" spans="8:8">
      <c r="H290878" s="12"/>
    </row>
    <row r="290879" spans="8:8">
      <c r="H290879" s="12"/>
    </row>
    <row r="290880" spans="8:8">
      <c r="H290880" s="12"/>
    </row>
    <row r="290881" spans="8:8">
      <c r="H290881" s="12"/>
    </row>
    <row r="290882" spans="8:8">
      <c r="H290882" s="12"/>
    </row>
    <row r="290883" spans="8:8">
      <c r="H290883" s="12"/>
    </row>
    <row r="290884" spans="8:8">
      <c r="H290884" s="12"/>
    </row>
    <row r="290885" spans="8:8">
      <c r="H290885" s="12"/>
    </row>
    <row r="290886" spans="8:8">
      <c r="H290886" s="12"/>
    </row>
    <row r="290887" spans="8:8">
      <c r="H290887" s="12"/>
    </row>
    <row r="290888" spans="8:8">
      <c r="H290888" s="12"/>
    </row>
    <row r="290889" spans="8:8">
      <c r="H290889" s="12"/>
    </row>
    <row r="290890" spans="8:8">
      <c r="H290890" s="12"/>
    </row>
    <row r="290891" spans="8:8">
      <c r="H290891" s="12"/>
    </row>
    <row r="290892" spans="8:8">
      <c r="H290892" s="12"/>
    </row>
    <row r="290893" spans="8:8">
      <c r="H290893" s="12"/>
    </row>
    <row r="290894" spans="8:8">
      <c r="H290894" s="12"/>
    </row>
    <row r="290895" spans="8:8">
      <c r="H290895" s="12"/>
    </row>
    <row r="290896" spans="8:8">
      <c r="H290896" s="12"/>
    </row>
    <row r="290897" spans="8:8">
      <c r="H290897" s="12"/>
    </row>
    <row r="290898" spans="8:8">
      <c r="H290898" s="12"/>
    </row>
    <row r="290899" spans="8:8">
      <c r="H290899" s="12"/>
    </row>
    <row r="290900" spans="8:8">
      <c r="H290900" s="12"/>
    </row>
    <row r="290901" spans="8:8">
      <c r="H290901" s="12"/>
    </row>
    <row r="290902" spans="8:8">
      <c r="H290902" s="12"/>
    </row>
    <row r="290903" spans="8:8">
      <c r="H290903" s="12"/>
    </row>
    <row r="290904" spans="8:8">
      <c r="H290904" s="12"/>
    </row>
    <row r="290905" spans="8:8">
      <c r="H290905" s="12"/>
    </row>
    <row r="290906" spans="8:8">
      <c r="H290906" s="12"/>
    </row>
    <row r="290907" spans="8:8">
      <c r="H290907" s="12"/>
    </row>
    <row r="290908" spans="8:8">
      <c r="H290908" s="12"/>
    </row>
    <row r="290909" spans="8:8">
      <c r="H290909" s="12"/>
    </row>
    <row r="290910" spans="8:8">
      <c r="H290910" s="12"/>
    </row>
    <row r="290911" spans="8:8">
      <c r="H290911" s="12"/>
    </row>
    <row r="290912" spans="8:8">
      <c r="H290912" s="12"/>
    </row>
    <row r="290913" spans="8:8">
      <c r="H290913" s="12"/>
    </row>
    <row r="290914" spans="8:8">
      <c r="H290914" s="12"/>
    </row>
    <row r="290915" spans="8:8">
      <c r="H290915" s="12"/>
    </row>
    <row r="290916" spans="8:8">
      <c r="H290916" s="12"/>
    </row>
    <row r="290917" spans="8:8">
      <c r="H290917" s="12"/>
    </row>
    <row r="290918" spans="8:8">
      <c r="H290918" s="12"/>
    </row>
    <row r="290919" spans="8:8">
      <c r="H290919" s="12"/>
    </row>
    <row r="290920" spans="8:8">
      <c r="H290920" s="12"/>
    </row>
    <row r="290921" spans="8:8">
      <c r="H290921" s="12"/>
    </row>
    <row r="290922" spans="8:8">
      <c r="H290922" s="12"/>
    </row>
    <row r="290923" spans="8:8">
      <c r="H290923" s="12"/>
    </row>
    <row r="290924" spans="8:8">
      <c r="H290924" s="12"/>
    </row>
    <row r="290925" spans="8:8">
      <c r="H290925" s="12"/>
    </row>
    <row r="290926" spans="8:8">
      <c r="H290926" s="12"/>
    </row>
    <row r="290927" spans="8:8">
      <c r="H290927" s="12"/>
    </row>
    <row r="290928" spans="8:8">
      <c r="H290928" s="12"/>
    </row>
    <row r="290929" spans="8:8">
      <c r="H290929" s="12"/>
    </row>
    <row r="290930" spans="8:8">
      <c r="H290930" s="12"/>
    </row>
    <row r="290931" spans="8:8">
      <c r="H290931" s="12"/>
    </row>
    <row r="290932" spans="8:8">
      <c r="H290932" s="12"/>
    </row>
    <row r="290933" spans="8:8">
      <c r="H290933" s="12"/>
    </row>
    <row r="290934" spans="8:8">
      <c r="H290934" s="12"/>
    </row>
    <row r="290935" spans="8:8">
      <c r="H290935" s="12"/>
    </row>
    <row r="290936" spans="8:8">
      <c r="H290936" s="12"/>
    </row>
    <row r="290937" spans="8:8">
      <c r="H290937" s="12"/>
    </row>
    <row r="290938" spans="8:8">
      <c r="H290938" s="12"/>
    </row>
    <row r="290939" spans="8:8">
      <c r="H290939" s="12"/>
    </row>
    <row r="290940" spans="8:8">
      <c r="H290940" s="12"/>
    </row>
    <row r="290941" spans="8:8">
      <c r="H290941" s="12"/>
    </row>
    <row r="290942" spans="8:8">
      <c r="H290942" s="12"/>
    </row>
    <row r="290943" spans="8:8">
      <c r="H290943" s="12"/>
    </row>
    <row r="290944" spans="8:8">
      <c r="H290944" s="12"/>
    </row>
    <row r="290945" spans="8:8">
      <c r="H290945" s="12"/>
    </row>
    <row r="290946" spans="8:8">
      <c r="H290946" s="12"/>
    </row>
    <row r="290947" spans="8:8">
      <c r="H290947" s="12"/>
    </row>
    <row r="290948" spans="8:8">
      <c r="H290948" s="12"/>
    </row>
    <row r="290949" spans="8:8">
      <c r="H290949" s="12"/>
    </row>
    <row r="290950" spans="8:8">
      <c r="H290950" s="12"/>
    </row>
    <row r="290951" spans="8:8">
      <c r="H290951" s="12"/>
    </row>
    <row r="290952" spans="8:8">
      <c r="H290952" s="12"/>
    </row>
    <row r="290953" spans="8:8">
      <c r="H290953" s="12"/>
    </row>
    <row r="290954" spans="8:8">
      <c r="H290954" s="12"/>
    </row>
    <row r="290955" spans="8:8">
      <c r="H290955" s="12"/>
    </row>
    <row r="290956" spans="8:8">
      <c r="H290956" s="12"/>
    </row>
    <row r="290957" spans="8:8">
      <c r="H290957" s="12"/>
    </row>
    <row r="290958" spans="8:8">
      <c r="H290958" s="12"/>
    </row>
    <row r="290959" spans="8:8">
      <c r="H290959" s="12"/>
    </row>
    <row r="290960" spans="8:8">
      <c r="H290960" s="12"/>
    </row>
    <row r="290961" spans="8:8">
      <c r="H290961" s="12"/>
    </row>
    <row r="290962" spans="8:8">
      <c r="H290962" s="12"/>
    </row>
    <row r="290963" spans="8:8">
      <c r="H290963" s="12"/>
    </row>
    <row r="290964" spans="8:8">
      <c r="H290964" s="12"/>
    </row>
    <row r="290965" spans="8:8">
      <c r="H290965" s="12"/>
    </row>
    <row r="290966" spans="8:8">
      <c r="H290966" s="12"/>
    </row>
    <row r="290967" spans="8:8">
      <c r="H290967" s="12"/>
    </row>
    <row r="290968" spans="8:8">
      <c r="H290968" s="12"/>
    </row>
    <row r="290969" spans="8:8">
      <c r="H290969" s="12"/>
    </row>
    <row r="290970" spans="8:8">
      <c r="H290970" s="12"/>
    </row>
    <row r="290971" spans="8:8">
      <c r="H290971" s="12"/>
    </row>
    <row r="290972" spans="8:8">
      <c r="H290972" s="12"/>
    </row>
    <row r="290973" spans="8:8">
      <c r="H290973" s="12"/>
    </row>
    <row r="290974" spans="8:8">
      <c r="H290974" s="12"/>
    </row>
    <row r="290975" spans="8:8">
      <c r="H290975" s="12"/>
    </row>
    <row r="290976" spans="8:8">
      <c r="H290976" s="12"/>
    </row>
    <row r="290977" spans="8:8">
      <c r="H290977" s="12"/>
    </row>
    <row r="290978" spans="8:8">
      <c r="H290978" s="12"/>
    </row>
    <row r="290979" spans="8:8">
      <c r="H290979" s="12"/>
    </row>
    <row r="290980" spans="8:8">
      <c r="H290980" s="12"/>
    </row>
    <row r="290981" spans="8:8">
      <c r="H290981" s="12"/>
    </row>
    <row r="290982" spans="8:8">
      <c r="H290982" s="12"/>
    </row>
    <row r="290983" spans="8:8">
      <c r="H290983" s="12"/>
    </row>
    <row r="290984" spans="8:8">
      <c r="H290984" s="12"/>
    </row>
    <row r="290985" spans="8:8">
      <c r="H290985" s="12"/>
    </row>
    <row r="290986" spans="8:8">
      <c r="H290986" s="12"/>
    </row>
    <row r="290987" spans="8:8">
      <c r="H290987" s="12"/>
    </row>
    <row r="290988" spans="8:8">
      <c r="H290988" s="12"/>
    </row>
    <row r="290989" spans="8:8">
      <c r="H290989" s="12"/>
    </row>
    <row r="290990" spans="8:8">
      <c r="H290990" s="12"/>
    </row>
    <row r="290991" spans="8:8">
      <c r="H290991" s="12"/>
    </row>
    <row r="290992" spans="8:8">
      <c r="H290992" s="12"/>
    </row>
    <row r="290993" spans="8:8">
      <c r="H290993" s="12"/>
    </row>
    <row r="290994" spans="8:8">
      <c r="H290994" s="12"/>
    </row>
    <row r="290995" spans="8:8">
      <c r="H290995" s="12"/>
    </row>
    <row r="290996" spans="8:8">
      <c r="H290996" s="12"/>
    </row>
    <row r="290997" spans="8:8">
      <c r="H290997" s="12"/>
    </row>
    <row r="290998" spans="8:8">
      <c r="H290998" s="12"/>
    </row>
    <row r="290999" spans="8:8">
      <c r="H290999" s="12"/>
    </row>
    <row r="291000" spans="8:8">
      <c r="H291000" s="12"/>
    </row>
    <row r="291001" spans="8:8">
      <c r="H291001" s="12"/>
    </row>
    <row r="291002" spans="8:8">
      <c r="H291002" s="12"/>
    </row>
    <row r="291003" spans="8:8">
      <c r="H291003" s="12"/>
    </row>
    <row r="291004" spans="8:8">
      <c r="H291004" s="12"/>
    </row>
    <row r="291005" spans="8:8">
      <c r="H291005" s="12"/>
    </row>
    <row r="291006" spans="8:8">
      <c r="H291006" s="12"/>
    </row>
    <row r="291007" spans="8:8">
      <c r="H291007" s="12"/>
    </row>
    <row r="291008" spans="8:8">
      <c r="H291008" s="12"/>
    </row>
    <row r="291009" spans="8:8">
      <c r="H291009" s="12"/>
    </row>
    <row r="291010" spans="8:8">
      <c r="H291010" s="12"/>
    </row>
    <row r="291011" spans="8:8">
      <c r="H291011" s="12"/>
    </row>
    <row r="291012" spans="8:8">
      <c r="H291012" s="12"/>
    </row>
    <row r="291013" spans="8:8">
      <c r="H291013" s="12"/>
    </row>
    <row r="291014" spans="8:8">
      <c r="H291014" s="12"/>
    </row>
    <row r="291015" spans="8:8">
      <c r="H291015" s="12"/>
    </row>
    <row r="291016" spans="8:8">
      <c r="H291016" s="12"/>
    </row>
    <row r="291017" spans="8:8">
      <c r="H291017" s="12"/>
    </row>
    <row r="291018" spans="8:8">
      <c r="H291018" s="12"/>
    </row>
    <row r="291019" spans="8:8">
      <c r="H291019" s="12"/>
    </row>
    <row r="291020" spans="8:8">
      <c r="H291020" s="12"/>
    </row>
    <row r="291021" spans="8:8">
      <c r="H291021" s="12"/>
    </row>
    <row r="291022" spans="8:8">
      <c r="H291022" s="12"/>
    </row>
    <row r="291023" spans="8:8">
      <c r="H291023" s="12"/>
    </row>
    <row r="291024" spans="8:8">
      <c r="H291024" s="12"/>
    </row>
    <row r="291025" spans="8:8">
      <c r="H291025" s="12"/>
    </row>
    <row r="291026" spans="8:8">
      <c r="H291026" s="12"/>
    </row>
    <row r="291027" spans="8:8">
      <c r="H291027" s="12"/>
    </row>
    <row r="291028" spans="8:8">
      <c r="H291028" s="12"/>
    </row>
    <row r="291029" spans="8:8">
      <c r="H291029" s="12"/>
    </row>
    <row r="291030" spans="8:8">
      <c r="H291030" s="12"/>
    </row>
    <row r="291031" spans="8:8">
      <c r="H291031" s="12"/>
    </row>
    <row r="291032" spans="8:8">
      <c r="H291032" s="12"/>
    </row>
    <row r="291033" spans="8:8">
      <c r="H291033" s="12"/>
    </row>
    <row r="291034" spans="8:8">
      <c r="H291034" s="12"/>
    </row>
    <row r="291035" spans="8:8">
      <c r="H291035" s="12"/>
    </row>
    <row r="291036" spans="8:8">
      <c r="H291036" s="12"/>
    </row>
    <row r="291037" spans="8:8">
      <c r="H291037" s="12"/>
    </row>
    <row r="291038" spans="8:8">
      <c r="H291038" s="12"/>
    </row>
    <row r="291039" spans="8:8">
      <c r="H291039" s="12"/>
    </row>
    <row r="291040" spans="8:8">
      <c r="H291040" s="12"/>
    </row>
    <row r="291041" spans="8:8">
      <c r="H291041" s="12"/>
    </row>
    <row r="291042" spans="8:8">
      <c r="H291042" s="12"/>
    </row>
    <row r="291043" spans="8:8">
      <c r="H291043" s="12"/>
    </row>
    <row r="291044" spans="8:8">
      <c r="H291044" s="12"/>
    </row>
    <row r="291045" spans="8:8">
      <c r="H291045" s="12"/>
    </row>
    <row r="291046" spans="8:8">
      <c r="H291046" s="12"/>
    </row>
    <row r="291047" spans="8:8">
      <c r="H291047" s="12"/>
    </row>
    <row r="291048" spans="8:8">
      <c r="H291048" s="12"/>
    </row>
    <row r="291049" spans="8:8">
      <c r="H291049" s="12"/>
    </row>
    <row r="291050" spans="8:8">
      <c r="H291050" s="12"/>
    </row>
    <row r="291051" spans="8:8">
      <c r="H291051" s="12"/>
    </row>
    <row r="291052" spans="8:8">
      <c r="H291052" s="12"/>
    </row>
    <row r="291053" spans="8:8">
      <c r="H291053" s="12"/>
    </row>
    <row r="291054" spans="8:8">
      <c r="H291054" s="12"/>
    </row>
    <row r="291055" spans="8:8">
      <c r="H291055" s="12"/>
    </row>
    <row r="291056" spans="8:8">
      <c r="H291056" s="12"/>
    </row>
    <row r="291057" spans="8:8">
      <c r="H291057" s="12"/>
    </row>
    <row r="291058" spans="8:8">
      <c r="H291058" s="12"/>
    </row>
    <row r="291059" spans="8:8">
      <c r="H291059" s="12"/>
    </row>
    <row r="291060" spans="8:8">
      <c r="H291060" s="12"/>
    </row>
    <row r="291061" spans="8:8">
      <c r="H291061" s="12"/>
    </row>
    <row r="291062" spans="8:8">
      <c r="H291062" s="12"/>
    </row>
    <row r="291063" spans="8:8">
      <c r="H291063" s="12"/>
    </row>
    <row r="291064" spans="8:8">
      <c r="H291064" s="12"/>
    </row>
    <row r="291065" spans="8:8">
      <c r="H291065" s="12"/>
    </row>
    <row r="291066" spans="8:8">
      <c r="H291066" s="12"/>
    </row>
    <row r="291067" spans="8:8">
      <c r="H291067" s="12"/>
    </row>
    <row r="291068" spans="8:8">
      <c r="H291068" s="12"/>
    </row>
    <row r="291069" spans="8:8">
      <c r="H291069" s="12"/>
    </row>
    <row r="291070" spans="8:8">
      <c r="H291070" s="12"/>
    </row>
    <row r="291071" spans="8:8">
      <c r="H291071" s="12"/>
    </row>
    <row r="291072" spans="8:8">
      <c r="H291072" s="12"/>
    </row>
    <row r="291073" spans="8:8">
      <c r="H291073" s="12"/>
    </row>
    <row r="291074" spans="8:8">
      <c r="H291074" s="12"/>
    </row>
    <row r="291075" spans="8:8">
      <c r="H291075" s="12"/>
    </row>
    <row r="291076" spans="8:8">
      <c r="H291076" s="12"/>
    </row>
    <row r="291077" spans="8:8">
      <c r="H291077" s="12"/>
    </row>
    <row r="291078" spans="8:8">
      <c r="H291078" s="12"/>
    </row>
    <row r="291079" spans="8:8">
      <c r="H291079" s="12"/>
    </row>
    <row r="291080" spans="8:8">
      <c r="H291080" s="12"/>
    </row>
    <row r="291081" spans="8:8">
      <c r="H291081" s="12"/>
    </row>
    <row r="291082" spans="8:8">
      <c r="H291082" s="12"/>
    </row>
    <row r="291083" spans="8:8">
      <c r="H291083" s="12"/>
    </row>
    <row r="291084" spans="8:8">
      <c r="H291084" s="12"/>
    </row>
    <row r="291085" spans="8:8">
      <c r="H291085" s="12"/>
    </row>
    <row r="291086" spans="8:8">
      <c r="H291086" s="12"/>
    </row>
    <row r="291087" spans="8:8">
      <c r="H291087" s="12"/>
    </row>
    <row r="291088" spans="8:8">
      <c r="H291088" s="12"/>
    </row>
    <row r="291089" spans="8:8">
      <c r="H291089" s="12"/>
    </row>
    <row r="291090" spans="8:8">
      <c r="H291090" s="12"/>
    </row>
    <row r="291091" spans="8:8">
      <c r="H291091" s="12"/>
    </row>
    <row r="291092" spans="8:8">
      <c r="H291092" s="12"/>
    </row>
    <row r="291093" spans="8:8">
      <c r="H291093" s="12"/>
    </row>
    <row r="291094" spans="8:8">
      <c r="H291094" s="12"/>
    </row>
    <row r="291095" spans="8:8">
      <c r="H291095" s="12"/>
    </row>
    <row r="291096" spans="8:8">
      <c r="H291096" s="12"/>
    </row>
    <row r="291097" spans="8:8">
      <c r="H291097" s="12"/>
    </row>
    <row r="291098" spans="8:8">
      <c r="H291098" s="12"/>
    </row>
    <row r="291099" spans="8:8">
      <c r="H291099" s="12"/>
    </row>
    <row r="291100" spans="8:8">
      <c r="H291100" s="12"/>
    </row>
    <row r="291101" spans="8:8">
      <c r="H291101" s="12"/>
    </row>
    <row r="291102" spans="8:8">
      <c r="H291102" s="12"/>
    </row>
    <row r="291103" spans="8:8">
      <c r="H291103" s="12"/>
    </row>
    <row r="291104" spans="8:8">
      <c r="H291104" s="12"/>
    </row>
    <row r="291105" spans="8:8">
      <c r="H291105" s="12"/>
    </row>
    <row r="291106" spans="8:8">
      <c r="H291106" s="12"/>
    </row>
    <row r="291107" spans="8:8">
      <c r="H291107" s="12"/>
    </row>
    <row r="291108" spans="8:8">
      <c r="H291108" s="12"/>
    </row>
    <row r="291109" spans="8:8">
      <c r="H291109" s="12"/>
    </row>
    <row r="291110" spans="8:8">
      <c r="H291110" s="12"/>
    </row>
    <row r="291111" spans="8:8">
      <c r="H291111" s="12"/>
    </row>
    <row r="291112" spans="8:8">
      <c r="H291112" s="12"/>
    </row>
    <row r="291113" spans="8:8">
      <c r="H291113" s="12"/>
    </row>
    <row r="291114" spans="8:8">
      <c r="H291114" s="12"/>
    </row>
    <row r="291115" spans="8:8">
      <c r="H291115" s="12"/>
    </row>
    <row r="291116" spans="8:8">
      <c r="H291116" s="12"/>
    </row>
    <row r="291117" spans="8:8">
      <c r="H291117" s="12"/>
    </row>
    <row r="291118" spans="8:8">
      <c r="H291118" s="12"/>
    </row>
    <row r="291119" spans="8:8">
      <c r="H291119" s="12"/>
    </row>
    <row r="291120" spans="8:8">
      <c r="H291120" s="12"/>
    </row>
    <row r="291121" spans="8:8">
      <c r="H291121" s="12"/>
    </row>
    <row r="291122" spans="8:8">
      <c r="H291122" s="12"/>
    </row>
    <row r="291123" spans="8:8">
      <c r="H291123" s="12"/>
    </row>
    <row r="291124" spans="8:8">
      <c r="H291124" s="12"/>
    </row>
    <row r="291125" spans="8:8">
      <c r="H291125" s="12"/>
    </row>
    <row r="291126" spans="8:8">
      <c r="H291126" s="12"/>
    </row>
    <row r="291127" spans="8:8">
      <c r="H291127" s="12"/>
    </row>
    <row r="291128" spans="8:8">
      <c r="H291128" s="12"/>
    </row>
    <row r="291129" spans="8:8">
      <c r="H291129" s="12"/>
    </row>
    <row r="291130" spans="8:8">
      <c r="H291130" s="12"/>
    </row>
    <row r="291131" spans="8:8">
      <c r="H291131" s="12"/>
    </row>
    <row r="291132" spans="8:8">
      <c r="H291132" s="12"/>
    </row>
    <row r="291133" spans="8:8">
      <c r="H291133" s="12"/>
    </row>
    <row r="291134" spans="8:8">
      <c r="H291134" s="12"/>
    </row>
    <row r="291135" spans="8:8">
      <c r="H291135" s="12"/>
    </row>
    <row r="291136" spans="8:8">
      <c r="H291136" s="12"/>
    </row>
    <row r="291137" spans="8:8">
      <c r="H291137" s="12"/>
    </row>
    <row r="291138" spans="8:8">
      <c r="H291138" s="12"/>
    </row>
    <row r="291139" spans="8:8">
      <c r="H291139" s="12"/>
    </row>
    <row r="291140" spans="8:8">
      <c r="H291140" s="12"/>
    </row>
    <row r="291141" spans="8:8">
      <c r="H291141" s="12"/>
    </row>
    <row r="291142" spans="8:8">
      <c r="H291142" s="12"/>
    </row>
    <row r="291143" spans="8:8">
      <c r="H291143" s="12"/>
    </row>
    <row r="291144" spans="8:8">
      <c r="H291144" s="12"/>
    </row>
    <row r="291145" spans="8:8">
      <c r="H291145" s="12"/>
    </row>
    <row r="291146" spans="8:8">
      <c r="H291146" s="12"/>
    </row>
    <row r="291147" spans="8:8">
      <c r="H291147" s="12"/>
    </row>
    <row r="291148" spans="8:8">
      <c r="H291148" s="12"/>
    </row>
    <row r="291149" spans="8:8">
      <c r="H291149" s="12"/>
    </row>
    <row r="291150" spans="8:8">
      <c r="H291150" s="12"/>
    </row>
    <row r="291151" spans="8:8">
      <c r="H291151" s="12"/>
    </row>
    <row r="291152" spans="8:8">
      <c r="H291152" s="12"/>
    </row>
    <row r="291153" spans="8:8">
      <c r="H291153" s="12"/>
    </row>
    <row r="291154" spans="8:8">
      <c r="H291154" s="12"/>
    </row>
    <row r="291155" spans="8:8">
      <c r="H291155" s="12"/>
    </row>
    <row r="291156" spans="8:8">
      <c r="H291156" s="12"/>
    </row>
    <row r="291157" spans="8:8">
      <c r="H291157" s="12"/>
    </row>
    <row r="291158" spans="8:8">
      <c r="H291158" s="12"/>
    </row>
    <row r="291159" spans="8:8">
      <c r="H291159" s="12"/>
    </row>
    <row r="291160" spans="8:8">
      <c r="H291160" s="12"/>
    </row>
    <row r="291161" spans="8:8">
      <c r="H291161" s="12"/>
    </row>
    <row r="291162" spans="8:8">
      <c r="H291162" s="12"/>
    </row>
    <row r="291163" spans="8:8">
      <c r="H291163" s="12"/>
    </row>
    <row r="291164" spans="8:8">
      <c r="H291164" s="12"/>
    </row>
    <row r="291165" spans="8:8">
      <c r="H291165" s="12"/>
    </row>
    <row r="291166" spans="8:8">
      <c r="H291166" s="12"/>
    </row>
    <row r="291167" spans="8:8">
      <c r="H291167" s="12"/>
    </row>
    <row r="291168" spans="8:8">
      <c r="H291168" s="12"/>
    </row>
    <row r="291169" spans="8:8">
      <c r="H291169" s="12"/>
    </row>
    <row r="291170" spans="8:8">
      <c r="H291170" s="12"/>
    </row>
    <row r="291171" spans="8:8">
      <c r="H291171" s="12"/>
    </row>
    <row r="291172" spans="8:8">
      <c r="H291172" s="12"/>
    </row>
    <row r="291173" spans="8:8">
      <c r="H291173" s="12"/>
    </row>
    <row r="291174" spans="8:8">
      <c r="H291174" s="12"/>
    </row>
    <row r="291175" spans="8:8">
      <c r="H291175" s="12"/>
    </row>
    <row r="291176" spans="8:8">
      <c r="H291176" s="12"/>
    </row>
    <row r="291177" spans="8:8">
      <c r="H291177" s="12"/>
    </row>
    <row r="291178" spans="8:8">
      <c r="H291178" s="12"/>
    </row>
    <row r="291179" spans="8:8">
      <c r="H291179" s="12"/>
    </row>
    <row r="291180" spans="8:8">
      <c r="H291180" s="12"/>
    </row>
    <row r="291181" spans="8:8">
      <c r="H291181" s="12"/>
    </row>
    <row r="291182" spans="8:8">
      <c r="H291182" s="12"/>
    </row>
    <row r="291183" spans="8:8">
      <c r="H291183" s="12"/>
    </row>
    <row r="291184" spans="8:8">
      <c r="H291184" s="12"/>
    </row>
    <row r="291185" spans="8:8">
      <c r="H291185" s="12"/>
    </row>
    <row r="291186" spans="8:8">
      <c r="H291186" s="12"/>
    </row>
    <row r="291187" spans="8:8">
      <c r="H291187" s="12"/>
    </row>
    <row r="291188" spans="8:8">
      <c r="H291188" s="12"/>
    </row>
    <row r="291189" spans="8:8">
      <c r="H291189" s="12"/>
    </row>
    <row r="291190" spans="8:8">
      <c r="H291190" s="12"/>
    </row>
    <row r="291191" spans="8:8">
      <c r="H291191" s="12"/>
    </row>
    <row r="291192" spans="8:8">
      <c r="H291192" s="12"/>
    </row>
    <row r="291193" spans="8:8">
      <c r="H291193" s="12"/>
    </row>
    <row r="291194" spans="8:8">
      <c r="H291194" s="12"/>
    </row>
    <row r="291195" spans="8:8">
      <c r="H291195" s="12"/>
    </row>
    <row r="291196" spans="8:8">
      <c r="H291196" s="12"/>
    </row>
    <row r="291197" spans="8:8">
      <c r="H291197" s="12"/>
    </row>
    <row r="291198" spans="8:8">
      <c r="H291198" s="12"/>
    </row>
    <row r="291199" spans="8:8">
      <c r="H291199" s="12"/>
    </row>
    <row r="291200" spans="8:8">
      <c r="H291200" s="12"/>
    </row>
    <row r="291201" spans="8:8">
      <c r="H291201" s="12"/>
    </row>
    <row r="291202" spans="8:8">
      <c r="H291202" s="12"/>
    </row>
    <row r="291203" spans="8:8">
      <c r="H291203" s="12"/>
    </row>
    <row r="291204" spans="8:8">
      <c r="H291204" s="12"/>
    </row>
    <row r="291205" spans="8:8">
      <c r="H291205" s="12"/>
    </row>
    <row r="291206" spans="8:8">
      <c r="H291206" s="12"/>
    </row>
    <row r="291207" spans="8:8">
      <c r="H291207" s="12"/>
    </row>
    <row r="291208" spans="8:8">
      <c r="H291208" s="12"/>
    </row>
    <row r="291209" spans="8:8">
      <c r="H291209" s="12"/>
    </row>
    <row r="291210" spans="8:8">
      <c r="H291210" s="12"/>
    </row>
    <row r="291211" spans="8:8">
      <c r="H291211" s="12"/>
    </row>
    <row r="291212" spans="8:8">
      <c r="H291212" s="12"/>
    </row>
    <row r="291213" spans="8:8">
      <c r="H291213" s="12"/>
    </row>
    <row r="291214" spans="8:8">
      <c r="H291214" s="12"/>
    </row>
    <row r="291215" spans="8:8">
      <c r="H291215" s="12"/>
    </row>
    <row r="291216" spans="8:8">
      <c r="H291216" s="12"/>
    </row>
    <row r="291217" spans="8:8">
      <c r="H291217" s="12"/>
    </row>
    <row r="291218" spans="8:8">
      <c r="H291218" s="12"/>
    </row>
    <row r="291219" spans="8:8">
      <c r="H291219" s="12"/>
    </row>
    <row r="291220" spans="8:8">
      <c r="H291220" s="12"/>
    </row>
    <row r="291221" spans="8:8">
      <c r="H291221" s="12"/>
    </row>
    <row r="291222" spans="8:8">
      <c r="H291222" s="12"/>
    </row>
    <row r="291223" spans="8:8">
      <c r="H291223" s="12"/>
    </row>
    <row r="291224" spans="8:8">
      <c r="H291224" s="12"/>
    </row>
    <row r="291225" spans="8:8">
      <c r="H291225" s="12"/>
    </row>
    <row r="291226" spans="8:8">
      <c r="H291226" s="12"/>
    </row>
    <row r="291227" spans="8:8">
      <c r="H291227" s="12"/>
    </row>
    <row r="291228" spans="8:8">
      <c r="H291228" s="12"/>
    </row>
    <row r="291229" spans="8:8">
      <c r="H291229" s="12"/>
    </row>
    <row r="291230" spans="8:8">
      <c r="H291230" s="12"/>
    </row>
    <row r="291231" spans="8:8">
      <c r="H291231" s="12"/>
    </row>
    <row r="291232" spans="8:8">
      <c r="H291232" s="12"/>
    </row>
    <row r="291233" spans="8:8">
      <c r="H291233" s="12"/>
    </row>
    <row r="291234" spans="8:8">
      <c r="H291234" s="12"/>
    </row>
    <row r="291235" spans="8:8">
      <c r="H291235" s="12"/>
    </row>
    <row r="291236" spans="8:8">
      <c r="H291236" s="12"/>
    </row>
    <row r="291237" spans="8:8">
      <c r="H291237" s="12"/>
    </row>
    <row r="291238" spans="8:8">
      <c r="H291238" s="12"/>
    </row>
    <row r="291239" spans="8:8">
      <c r="H291239" s="12"/>
    </row>
    <row r="291240" spans="8:8">
      <c r="H291240" s="12"/>
    </row>
    <row r="291241" spans="8:8">
      <c r="H291241" s="12"/>
    </row>
    <row r="291242" spans="8:8">
      <c r="H291242" s="12"/>
    </row>
    <row r="291243" spans="8:8">
      <c r="H291243" s="12"/>
    </row>
    <row r="291244" spans="8:8">
      <c r="H291244" s="12"/>
    </row>
    <row r="291245" spans="8:8">
      <c r="H291245" s="12"/>
    </row>
    <row r="291246" spans="8:8">
      <c r="H291246" s="12"/>
    </row>
    <row r="291247" spans="8:8">
      <c r="H291247" s="12"/>
    </row>
    <row r="291248" spans="8:8">
      <c r="H291248" s="12"/>
    </row>
    <row r="291249" spans="8:8">
      <c r="H291249" s="12"/>
    </row>
    <row r="291250" spans="8:8">
      <c r="H291250" s="12"/>
    </row>
    <row r="291251" spans="8:8">
      <c r="H291251" s="12"/>
    </row>
    <row r="291252" spans="8:8">
      <c r="H291252" s="12"/>
    </row>
    <row r="291253" spans="8:8">
      <c r="H291253" s="12"/>
    </row>
    <row r="291254" spans="8:8">
      <c r="H291254" s="12"/>
    </row>
    <row r="291255" spans="8:8">
      <c r="H291255" s="12"/>
    </row>
    <row r="291256" spans="8:8">
      <c r="H291256" s="12"/>
    </row>
    <row r="291257" spans="8:8">
      <c r="H291257" s="12"/>
    </row>
    <row r="291258" spans="8:8">
      <c r="H291258" s="12"/>
    </row>
    <row r="291259" spans="8:8">
      <c r="H291259" s="12"/>
    </row>
    <row r="291260" spans="8:8">
      <c r="H291260" s="12"/>
    </row>
    <row r="291261" spans="8:8">
      <c r="H291261" s="12"/>
    </row>
    <row r="291262" spans="8:8">
      <c r="H291262" s="12"/>
    </row>
    <row r="291263" spans="8:8">
      <c r="H291263" s="12"/>
    </row>
    <row r="291264" spans="8:8">
      <c r="H291264" s="12"/>
    </row>
    <row r="291265" spans="8:8">
      <c r="H291265" s="12"/>
    </row>
    <row r="291266" spans="8:8">
      <c r="H291266" s="12"/>
    </row>
    <row r="291267" spans="8:8">
      <c r="H291267" s="12"/>
    </row>
    <row r="291268" spans="8:8">
      <c r="H291268" s="12"/>
    </row>
    <row r="291269" spans="8:8">
      <c r="H291269" s="12"/>
    </row>
    <row r="291270" spans="8:8">
      <c r="H291270" s="12"/>
    </row>
    <row r="291271" spans="8:8">
      <c r="H291271" s="12"/>
    </row>
    <row r="291272" spans="8:8">
      <c r="H291272" s="12"/>
    </row>
    <row r="291273" spans="8:8">
      <c r="H291273" s="12"/>
    </row>
    <row r="291274" spans="8:8">
      <c r="H291274" s="12"/>
    </row>
    <row r="291275" spans="8:8">
      <c r="H291275" s="12"/>
    </row>
    <row r="291276" spans="8:8">
      <c r="H291276" s="12"/>
    </row>
    <row r="291277" spans="8:8">
      <c r="H291277" s="12"/>
    </row>
    <row r="291278" spans="8:8">
      <c r="H291278" s="12"/>
    </row>
    <row r="291279" spans="8:8">
      <c r="H291279" s="12"/>
    </row>
    <row r="291280" spans="8:8">
      <c r="H291280" s="12"/>
    </row>
    <row r="291281" spans="8:8">
      <c r="H291281" s="12"/>
    </row>
    <row r="291282" spans="8:8">
      <c r="H291282" s="12"/>
    </row>
    <row r="291283" spans="8:8">
      <c r="H291283" s="12"/>
    </row>
    <row r="291284" spans="8:8">
      <c r="H291284" s="12"/>
    </row>
    <row r="291285" spans="8:8">
      <c r="H291285" s="12"/>
    </row>
    <row r="291286" spans="8:8">
      <c r="H291286" s="12"/>
    </row>
    <row r="291287" spans="8:8">
      <c r="H291287" s="12"/>
    </row>
    <row r="291288" spans="8:8">
      <c r="H291288" s="12"/>
    </row>
    <row r="291289" spans="8:8">
      <c r="H291289" s="12"/>
    </row>
    <row r="291290" spans="8:8">
      <c r="H291290" s="12"/>
    </row>
    <row r="291291" spans="8:8">
      <c r="H291291" s="12"/>
    </row>
    <row r="291292" spans="8:8">
      <c r="H291292" s="12"/>
    </row>
    <row r="291293" spans="8:8">
      <c r="H291293" s="12"/>
    </row>
    <row r="291294" spans="8:8">
      <c r="H291294" s="12"/>
    </row>
    <row r="291295" spans="8:8">
      <c r="H291295" s="12"/>
    </row>
    <row r="291296" spans="8:8">
      <c r="H291296" s="12"/>
    </row>
    <row r="291297" spans="8:8">
      <c r="H291297" s="12"/>
    </row>
    <row r="291298" spans="8:8">
      <c r="H291298" s="12"/>
    </row>
    <row r="291299" spans="8:8">
      <c r="H291299" s="12"/>
    </row>
    <row r="291300" spans="8:8">
      <c r="H291300" s="12"/>
    </row>
    <row r="291301" spans="8:8">
      <c r="H291301" s="12"/>
    </row>
    <row r="291302" spans="8:8">
      <c r="H291302" s="12"/>
    </row>
    <row r="291303" spans="8:8">
      <c r="H291303" s="12"/>
    </row>
    <row r="291304" spans="8:8">
      <c r="H291304" s="12"/>
    </row>
    <row r="291305" spans="8:8">
      <c r="H291305" s="12"/>
    </row>
    <row r="291306" spans="8:8">
      <c r="H291306" s="12"/>
    </row>
    <row r="291307" spans="8:8">
      <c r="H291307" s="12"/>
    </row>
    <row r="291308" spans="8:8">
      <c r="H291308" s="12"/>
    </row>
    <row r="291309" spans="8:8">
      <c r="H291309" s="12"/>
    </row>
    <row r="291310" spans="8:8">
      <c r="H291310" s="12"/>
    </row>
    <row r="291311" spans="8:8">
      <c r="H291311" s="12"/>
    </row>
    <row r="291312" spans="8:8">
      <c r="H291312" s="12"/>
    </row>
    <row r="291313" spans="8:8">
      <c r="H291313" s="12"/>
    </row>
    <row r="291314" spans="8:8">
      <c r="H291314" s="12"/>
    </row>
    <row r="291315" spans="8:8">
      <c r="H291315" s="12"/>
    </row>
    <row r="291316" spans="8:8">
      <c r="H291316" s="12"/>
    </row>
    <row r="291317" spans="8:8">
      <c r="H291317" s="12"/>
    </row>
    <row r="291318" spans="8:8">
      <c r="H291318" s="12"/>
    </row>
    <row r="291319" spans="8:8">
      <c r="H291319" s="12"/>
    </row>
    <row r="291320" spans="8:8">
      <c r="H291320" s="12"/>
    </row>
    <row r="291321" spans="8:8">
      <c r="H291321" s="12"/>
    </row>
    <row r="291322" spans="8:8">
      <c r="H291322" s="12"/>
    </row>
    <row r="291323" spans="8:8">
      <c r="H291323" s="12"/>
    </row>
    <row r="291324" spans="8:8">
      <c r="H291324" s="12"/>
    </row>
    <row r="291325" spans="8:8">
      <c r="H291325" s="12"/>
    </row>
    <row r="291326" spans="8:8">
      <c r="H291326" s="12"/>
    </row>
    <row r="291327" spans="8:8">
      <c r="H291327" s="12"/>
    </row>
    <row r="291328" spans="8:8">
      <c r="H291328" s="12"/>
    </row>
    <row r="291329" spans="8:8">
      <c r="H291329" s="12"/>
    </row>
    <row r="291330" spans="8:8">
      <c r="H291330" s="12"/>
    </row>
    <row r="291331" spans="8:8">
      <c r="H291331" s="12"/>
    </row>
    <row r="291332" spans="8:8">
      <c r="H291332" s="12"/>
    </row>
    <row r="291333" spans="8:8">
      <c r="H291333" s="12"/>
    </row>
    <row r="291334" spans="8:8">
      <c r="H291334" s="12"/>
    </row>
    <row r="291335" spans="8:8">
      <c r="H291335" s="12"/>
    </row>
    <row r="291336" spans="8:8">
      <c r="H291336" s="12"/>
    </row>
    <row r="291337" spans="8:8">
      <c r="H291337" s="12"/>
    </row>
    <row r="291338" spans="8:8">
      <c r="H291338" s="12"/>
    </row>
    <row r="291339" spans="8:8">
      <c r="H291339" s="12"/>
    </row>
    <row r="291340" spans="8:8">
      <c r="H291340" s="12"/>
    </row>
    <row r="291341" spans="8:8">
      <c r="H291341" s="12"/>
    </row>
    <row r="291342" spans="8:8">
      <c r="H291342" s="12"/>
    </row>
    <row r="291343" spans="8:8">
      <c r="H291343" s="12"/>
    </row>
    <row r="291344" spans="8:8">
      <c r="H291344" s="12"/>
    </row>
    <row r="291345" spans="8:8">
      <c r="H291345" s="12"/>
    </row>
    <row r="291346" spans="8:8">
      <c r="H291346" s="12"/>
    </row>
    <row r="291347" spans="8:8">
      <c r="H291347" s="12"/>
    </row>
    <row r="291348" spans="8:8">
      <c r="H291348" s="12"/>
    </row>
    <row r="291349" spans="8:8">
      <c r="H291349" s="12"/>
    </row>
    <row r="291350" spans="8:8">
      <c r="H291350" s="12"/>
    </row>
    <row r="291351" spans="8:8">
      <c r="H291351" s="12"/>
    </row>
    <row r="291352" spans="8:8">
      <c r="H291352" s="12"/>
    </row>
    <row r="291353" spans="8:8">
      <c r="H291353" s="12"/>
    </row>
    <row r="291354" spans="8:8">
      <c r="H291354" s="12"/>
    </row>
    <row r="291355" spans="8:8">
      <c r="H291355" s="12"/>
    </row>
    <row r="291356" spans="8:8">
      <c r="H291356" s="12"/>
    </row>
    <row r="291357" spans="8:8">
      <c r="H291357" s="12"/>
    </row>
    <row r="291358" spans="8:8">
      <c r="H291358" s="12"/>
    </row>
    <row r="291359" spans="8:8">
      <c r="H291359" s="12"/>
    </row>
    <row r="291360" spans="8:8">
      <c r="H291360" s="12"/>
    </row>
    <row r="291361" spans="8:8">
      <c r="H291361" s="12"/>
    </row>
    <row r="291362" spans="8:8">
      <c r="H291362" s="12"/>
    </row>
    <row r="291363" spans="8:8">
      <c r="H291363" s="12"/>
    </row>
    <row r="291364" spans="8:8">
      <c r="H291364" s="12"/>
    </row>
    <row r="291365" spans="8:8">
      <c r="H291365" s="12"/>
    </row>
    <row r="291366" spans="8:8">
      <c r="H291366" s="12"/>
    </row>
    <row r="291367" spans="8:8">
      <c r="H291367" s="12"/>
    </row>
    <row r="291368" spans="8:8">
      <c r="H291368" s="12"/>
    </row>
    <row r="291369" spans="8:8">
      <c r="H291369" s="12"/>
    </row>
    <row r="291370" spans="8:8">
      <c r="H291370" s="12"/>
    </row>
    <row r="291371" spans="8:8">
      <c r="H291371" s="12"/>
    </row>
    <row r="291372" spans="8:8">
      <c r="H291372" s="12"/>
    </row>
    <row r="291373" spans="8:8">
      <c r="H291373" s="12"/>
    </row>
    <row r="291374" spans="8:8">
      <c r="H291374" s="12"/>
    </row>
    <row r="291375" spans="8:8">
      <c r="H291375" s="12"/>
    </row>
    <row r="291376" spans="8:8">
      <c r="H291376" s="12"/>
    </row>
    <row r="291377" spans="8:8">
      <c r="H291377" s="12"/>
    </row>
    <row r="291378" spans="8:8">
      <c r="H291378" s="12"/>
    </row>
    <row r="291379" spans="8:8">
      <c r="H291379" s="12"/>
    </row>
    <row r="291380" spans="8:8">
      <c r="H291380" s="12"/>
    </row>
    <row r="291381" spans="8:8">
      <c r="H291381" s="12"/>
    </row>
    <row r="291382" spans="8:8">
      <c r="H291382" s="12"/>
    </row>
    <row r="291383" spans="8:8">
      <c r="H291383" s="12"/>
    </row>
    <row r="291384" spans="8:8">
      <c r="H291384" s="12"/>
    </row>
    <row r="291385" spans="8:8">
      <c r="H291385" s="12"/>
    </row>
    <row r="291386" spans="8:8">
      <c r="H291386" s="12"/>
    </row>
    <row r="291387" spans="8:8">
      <c r="H291387" s="12"/>
    </row>
    <row r="291388" spans="8:8">
      <c r="H291388" s="12"/>
    </row>
    <row r="291389" spans="8:8">
      <c r="H291389" s="12"/>
    </row>
    <row r="291390" spans="8:8">
      <c r="H291390" s="12"/>
    </row>
    <row r="291391" spans="8:8">
      <c r="H291391" s="12"/>
    </row>
    <row r="291392" spans="8:8">
      <c r="H291392" s="12"/>
    </row>
    <row r="291393" spans="8:8">
      <c r="H291393" s="12"/>
    </row>
    <row r="291394" spans="8:8">
      <c r="H291394" s="12"/>
    </row>
    <row r="291395" spans="8:8">
      <c r="H291395" s="12"/>
    </row>
    <row r="291396" spans="8:8">
      <c r="H291396" s="12"/>
    </row>
    <row r="291397" spans="8:8">
      <c r="H291397" s="12"/>
    </row>
    <row r="291398" spans="8:8">
      <c r="H291398" s="12"/>
    </row>
    <row r="291399" spans="8:8">
      <c r="H291399" s="12"/>
    </row>
    <row r="291400" spans="8:8">
      <c r="H291400" s="12"/>
    </row>
    <row r="291401" spans="8:8">
      <c r="H291401" s="12"/>
    </row>
    <row r="291402" spans="8:8">
      <c r="H291402" s="12"/>
    </row>
    <row r="291403" spans="8:8">
      <c r="H291403" s="12"/>
    </row>
    <row r="291404" spans="8:8">
      <c r="H291404" s="12"/>
    </row>
    <row r="291405" spans="8:8">
      <c r="H291405" s="12"/>
    </row>
    <row r="291406" spans="8:8">
      <c r="H291406" s="12"/>
    </row>
    <row r="291407" spans="8:8">
      <c r="H291407" s="12"/>
    </row>
    <row r="291408" spans="8:8">
      <c r="H291408" s="12"/>
    </row>
    <row r="291409" spans="8:8">
      <c r="H291409" s="12"/>
    </row>
    <row r="291410" spans="8:8">
      <c r="H291410" s="12"/>
    </row>
    <row r="291411" spans="8:8">
      <c r="H291411" s="12"/>
    </row>
    <row r="291412" spans="8:8">
      <c r="H291412" s="12"/>
    </row>
    <row r="291413" spans="8:8">
      <c r="H291413" s="12"/>
    </row>
    <row r="291414" spans="8:8">
      <c r="H291414" s="12"/>
    </row>
    <row r="291415" spans="8:8">
      <c r="H291415" s="12"/>
    </row>
    <row r="291416" spans="8:8">
      <c r="H291416" s="12"/>
    </row>
    <row r="291417" spans="8:8">
      <c r="H291417" s="12"/>
    </row>
    <row r="291418" spans="8:8">
      <c r="H291418" s="12"/>
    </row>
    <row r="291419" spans="8:8">
      <c r="H291419" s="12"/>
    </row>
    <row r="291420" spans="8:8">
      <c r="H291420" s="12"/>
    </row>
    <row r="291421" spans="8:8">
      <c r="H291421" s="12"/>
    </row>
    <row r="291422" spans="8:8">
      <c r="H291422" s="12"/>
    </row>
    <row r="291423" spans="8:8">
      <c r="H291423" s="12"/>
    </row>
    <row r="291424" spans="8:8">
      <c r="H291424" s="12"/>
    </row>
    <row r="291425" spans="8:8">
      <c r="H291425" s="12"/>
    </row>
    <row r="291426" spans="8:8">
      <c r="H291426" s="12"/>
    </row>
    <row r="291427" spans="8:8">
      <c r="H291427" s="12"/>
    </row>
    <row r="291428" spans="8:8">
      <c r="H291428" s="12"/>
    </row>
    <row r="291429" spans="8:8">
      <c r="H291429" s="12"/>
    </row>
    <row r="291430" spans="8:8">
      <c r="H291430" s="12"/>
    </row>
    <row r="291431" spans="8:8">
      <c r="H291431" s="12"/>
    </row>
    <row r="291432" spans="8:8">
      <c r="H291432" s="12"/>
    </row>
    <row r="291433" spans="8:8">
      <c r="H291433" s="12"/>
    </row>
    <row r="291434" spans="8:8">
      <c r="H291434" s="12"/>
    </row>
    <row r="291435" spans="8:8">
      <c r="H291435" s="12"/>
    </row>
    <row r="291436" spans="8:8">
      <c r="H291436" s="12"/>
    </row>
    <row r="291437" spans="8:8">
      <c r="H291437" s="12"/>
    </row>
    <row r="291438" spans="8:8">
      <c r="H291438" s="12"/>
    </row>
    <row r="291439" spans="8:8">
      <c r="H291439" s="12"/>
    </row>
    <row r="291440" spans="8:8">
      <c r="H291440" s="12"/>
    </row>
    <row r="291441" spans="8:8">
      <c r="H291441" s="12"/>
    </row>
    <row r="291442" spans="8:8">
      <c r="H291442" s="12"/>
    </row>
    <row r="291443" spans="8:8">
      <c r="H291443" s="12"/>
    </row>
    <row r="291444" spans="8:8">
      <c r="H291444" s="12"/>
    </row>
    <row r="291445" spans="8:8">
      <c r="H291445" s="12"/>
    </row>
    <row r="291446" spans="8:8">
      <c r="H291446" s="12"/>
    </row>
    <row r="291447" spans="8:8">
      <c r="H291447" s="12"/>
    </row>
    <row r="291448" spans="8:8">
      <c r="H291448" s="12"/>
    </row>
    <row r="291449" spans="8:8">
      <c r="H291449" s="12"/>
    </row>
    <row r="291450" spans="8:8">
      <c r="H291450" s="12"/>
    </row>
    <row r="291451" spans="8:8">
      <c r="H291451" s="12"/>
    </row>
    <row r="291452" spans="8:8">
      <c r="H291452" s="12"/>
    </row>
    <row r="291453" spans="8:8">
      <c r="H291453" s="12"/>
    </row>
    <row r="291454" spans="8:8">
      <c r="H291454" s="12"/>
    </row>
    <row r="291455" spans="8:8">
      <c r="H291455" s="12"/>
    </row>
    <row r="291456" spans="8:8">
      <c r="H291456" s="12"/>
    </row>
    <row r="291457" spans="8:8">
      <c r="H291457" s="12"/>
    </row>
    <row r="291458" spans="8:8">
      <c r="H291458" s="12"/>
    </row>
    <row r="291459" spans="8:8">
      <c r="H291459" s="12"/>
    </row>
    <row r="291460" spans="8:8">
      <c r="H291460" s="12"/>
    </row>
    <row r="291461" spans="8:8">
      <c r="H291461" s="12"/>
    </row>
    <row r="291462" spans="8:8">
      <c r="H291462" s="12"/>
    </row>
    <row r="291463" spans="8:8">
      <c r="H291463" s="12"/>
    </row>
    <row r="291464" spans="8:8">
      <c r="H291464" s="12"/>
    </row>
    <row r="291465" spans="8:8">
      <c r="H291465" s="12"/>
    </row>
    <row r="291466" spans="8:8">
      <c r="H291466" s="12"/>
    </row>
    <row r="291467" spans="8:8">
      <c r="H291467" s="12"/>
    </row>
    <row r="291468" spans="8:8">
      <c r="H291468" s="12"/>
    </row>
    <row r="291469" spans="8:8">
      <c r="H291469" s="12"/>
    </row>
    <row r="291470" spans="8:8">
      <c r="H291470" s="12"/>
    </row>
    <row r="291471" spans="8:8">
      <c r="H291471" s="12"/>
    </row>
    <row r="291472" spans="8:8">
      <c r="H291472" s="12"/>
    </row>
    <row r="291473" spans="8:8">
      <c r="H291473" s="12"/>
    </row>
    <row r="291474" spans="8:8">
      <c r="H291474" s="12"/>
    </row>
    <row r="291475" spans="8:8">
      <c r="H291475" s="12"/>
    </row>
    <row r="291476" spans="8:8">
      <c r="H291476" s="12"/>
    </row>
    <row r="291477" spans="8:8">
      <c r="H291477" s="12"/>
    </row>
    <row r="291478" spans="8:8">
      <c r="H291478" s="12"/>
    </row>
    <row r="291479" spans="8:8">
      <c r="H291479" s="12"/>
    </row>
    <row r="291480" spans="8:8">
      <c r="H291480" s="12"/>
    </row>
    <row r="291481" spans="8:8">
      <c r="H291481" s="12"/>
    </row>
    <row r="291482" spans="8:8">
      <c r="H291482" s="12"/>
    </row>
    <row r="291483" spans="8:8">
      <c r="H291483" s="12"/>
    </row>
    <row r="291484" spans="8:8">
      <c r="H291484" s="12"/>
    </row>
    <row r="291485" spans="8:8">
      <c r="H291485" s="12"/>
    </row>
    <row r="291486" spans="8:8">
      <c r="H291486" s="12"/>
    </row>
    <row r="291487" spans="8:8">
      <c r="H291487" s="12"/>
    </row>
    <row r="291488" spans="8:8">
      <c r="H291488" s="12"/>
    </row>
    <row r="291489" spans="8:8">
      <c r="H291489" s="12"/>
    </row>
    <row r="291490" spans="8:8">
      <c r="H291490" s="12"/>
    </row>
    <row r="291491" spans="8:8">
      <c r="H291491" s="12"/>
    </row>
    <row r="291492" spans="8:8">
      <c r="H291492" s="12"/>
    </row>
    <row r="291493" spans="8:8">
      <c r="H291493" s="12"/>
    </row>
    <row r="291494" spans="8:8">
      <c r="H291494" s="12"/>
    </row>
    <row r="291495" spans="8:8">
      <c r="H291495" s="12"/>
    </row>
    <row r="291496" spans="8:8">
      <c r="H291496" s="12"/>
    </row>
    <row r="291497" spans="8:8">
      <c r="H291497" s="12"/>
    </row>
    <row r="291498" spans="8:8">
      <c r="H291498" s="12"/>
    </row>
    <row r="291499" spans="8:8">
      <c r="H291499" s="12"/>
    </row>
    <row r="291500" spans="8:8">
      <c r="H291500" s="12"/>
    </row>
    <row r="291501" spans="8:8">
      <c r="H291501" s="12"/>
    </row>
    <row r="291502" spans="8:8">
      <c r="H291502" s="12"/>
    </row>
    <row r="291503" spans="8:8">
      <c r="H291503" s="12"/>
    </row>
    <row r="291504" spans="8:8">
      <c r="H291504" s="12"/>
    </row>
    <row r="291505" spans="8:8">
      <c r="H291505" s="12"/>
    </row>
    <row r="291506" spans="8:8">
      <c r="H291506" s="12"/>
    </row>
    <row r="291507" spans="8:8">
      <c r="H291507" s="12"/>
    </row>
    <row r="291508" spans="8:8">
      <c r="H291508" s="12"/>
    </row>
    <row r="291509" spans="8:8">
      <c r="H291509" s="12"/>
    </row>
    <row r="291510" spans="8:8">
      <c r="H291510" s="12"/>
    </row>
    <row r="291511" spans="8:8">
      <c r="H291511" s="12"/>
    </row>
    <row r="291512" spans="8:8">
      <c r="H291512" s="12"/>
    </row>
    <row r="291513" spans="8:8">
      <c r="H291513" s="12"/>
    </row>
    <row r="291514" spans="8:8">
      <c r="H291514" s="12"/>
    </row>
    <row r="291515" spans="8:8">
      <c r="H291515" s="12"/>
    </row>
    <row r="291516" spans="8:8">
      <c r="H291516" s="12"/>
    </row>
    <row r="291517" spans="8:8">
      <c r="H291517" s="12"/>
    </row>
    <row r="291518" spans="8:8">
      <c r="H291518" s="12"/>
    </row>
    <row r="291519" spans="8:8">
      <c r="H291519" s="12"/>
    </row>
    <row r="291520" spans="8:8">
      <c r="H291520" s="12"/>
    </row>
    <row r="291521" spans="8:8">
      <c r="H291521" s="12"/>
    </row>
    <row r="291522" spans="8:8">
      <c r="H291522" s="12"/>
    </row>
    <row r="291523" spans="8:8">
      <c r="H291523" s="12"/>
    </row>
    <row r="291524" spans="8:8">
      <c r="H291524" s="12"/>
    </row>
    <row r="291525" spans="8:8">
      <c r="H291525" s="12"/>
    </row>
    <row r="291526" spans="8:8">
      <c r="H291526" s="12"/>
    </row>
    <row r="291527" spans="8:8">
      <c r="H291527" s="12"/>
    </row>
    <row r="291528" spans="8:8">
      <c r="H291528" s="12"/>
    </row>
    <row r="291529" spans="8:8">
      <c r="H291529" s="12"/>
    </row>
    <row r="291530" spans="8:8">
      <c r="H291530" s="12"/>
    </row>
    <row r="291531" spans="8:8">
      <c r="H291531" s="12"/>
    </row>
    <row r="291532" spans="8:8">
      <c r="H291532" s="12"/>
    </row>
    <row r="291533" spans="8:8">
      <c r="H291533" s="12"/>
    </row>
    <row r="291534" spans="8:8">
      <c r="H291534" s="12"/>
    </row>
    <row r="291535" spans="8:8">
      <c r="H291535" s="12"/>
    </row>
    <row r="291536" spans="8:8">
      <c r="H291536" s="12"/>
    </row>
    <row r="291537" spans="8:8">
      <c r="H291537" s="12"/>
    </row>
    <row r="291538" spans="8:8">
      <c r="H291538" s="12"/>
    </row>
    <row r="291539" spans="8:8">
      <c r="H291539" s="12"/>
    </row>
    <row r="291540" spans="8:8">
      <c r="H291540" s="12"/>
    </row>
    <row r="291541" spans="8:8">
      <c r="H291541" s="12"/>
    </row>
    <row r="291542" spans="8:8">
      <c r="H291542" s="12"/>
    </row>
    <row r="291543" spans="8:8">
      <c r="H291543" s="12"/>
    </row>
    <row r="291544" spans="8:8">
      <c r="H291544" s="12"/>
    </row>
    <row r="291545" spans="8:8">
      <c r="H291545" s="12"/>
    </row>
    <row r="291546" spans="8:8">
      <c r="H291546" s="12"/>
    </row>
    <row r="291547" spans="8:8">
      <c r="H291547" s="12"/>
    </row>
    <row r="291548" spans="8:8">
      <c r="H291548" s="12"/>
    </row>
    <row r="291549" spans="8:8">
      <c r="H291549" s="12"/>
    </row>
    <row r="291550" spans="8:8">
      <c r="H291550" s="12"/>
    </row>
    <row r="291551" spans="8:8">
      <c r="H291551" s="12"/>
    </row>
    <row r="291552" spans="8:8">
      <c r="H291552" s="12"/>
    </row>
    <row r="291553" spans="8:8">
      <c r="H291553" s="12"/>
    </row>
    <row r="291554" spans="8:8">
      <c r="H291554" s="12"/>
    </row>
    <row r="291555" spans="8:8">
      <c r="H291555" s="12"/>
    </row>
    <row r="291556" spans="8:8">
      <c r="H291556" s="12"/>
    </row>
    <row r="291557" spans="8:8">
      <c r="H291557" s="12"/>
    </row>
    <row r="291558" spans="8:8">
      <c r="H291558" s="12"/>
    </row>
    <row r="291559" spans="8:8">
      <c r="H291559" s="12"/>
    </row>
    <row r="291560" spans="8:8">
      <c r="H291560" s="12"/>
    </row>
    <row r="291561" spans="8:8">
      <c r="H291561" s="12"/>
    </row>
    <row r="291562" spans="8:8">
      <c r="H291562" s="12"/>
    </row>
    <row r="291563" spans="8:8">
      <c r="H291563" s="12"/>
    </row>
    <row r="291564" spans="8:8">
      <c r="H291564" s="12"/>
    </row>
    <row r="291565" spans="8:8">
      <c r="H291565" s="12"/>
    </row>
    <row r="291566" spans="8:8">
      <c r="H291566" s="12"/>
    </row>
    <row r="291567" spans="8:8">
      <c r="H291567" s="12"/>
    </row>
    <row r="291568" spans="8:8">
      <c r="H291568" s="12"/>
    </row>
    <row r="291569" spans="8:8">
      <c r="H291569" s="12"/>
    </row>
    <row r="291570" spans="8:8">
      <c r="H291570" s="12"/>
    </row>
    <row r="291571" spans="8:8">
      <c r="H291571" s="12"/>
    </row>
    <row r="291572" spans="8:8">
      <c r="H291572" s="12"/>
    </row>
    <row r="291573" spans="8:8">
      <c r="H291573" s="12"/>
    </row>
    <row r="291574" spans="8:8">
      <c r="H291574" s="12"/>
    </row>
    <row r="291575" spans="8:8">
      <c r="H291575" s="12"/>
    </row>
    <row r="291576" spans="8:8">
      <c r="H291576" s="12"/>
    </row>
    <row r="291577" spans="8:8">
      <c r="H291577" s="12"/>
    </row>
    <row r="291578" spans="8:8">
      <c r="H291578" s="12"/>
    </row>
    <row r="291579" spans="8:8">
      <c r="H291579" s="12"/>
    </row>
    <row r="291580" spans="8:8">
      <c r="H291580" s="12"/>
    </row>
    <row r="291581" spans="8:8">
      <c r="H291581" s="12"/>
    </row>
    <row r="291582" spans="8:8">
      <c r="H291582" s="12"/>
    </row>
    <row r="291583" spans="8:8">
      <c r="H291583" s="12"/>
    </row>
    <row r="291584" spans="8:8">
      <c r="H291584" s="12"/>
    </row>
    <row r="291585" spans="8:8">
      <c r="H291585" s="12"/>
    </row>
    <row r="291586" spans="8:8">
      <c r="H291586" s="12"/>
    </row>
    <row r="291587" spans="8:8">
      <c r="H291587" s="12"/>
    </row>
    <row r="291588" spans="8:8">
      <c r="H291588" s="12"/>
    </row>
    <row r="291589" spans="8:8">
      <c r="H291589" s="12"/>
    </row>
    <row r="291590" spans="8:8">
      <c r="H291590" s="12"/>
    </row>
    <row r="291591" spans="8:8">
      <c r="H291591" s="12"/>
    </row>
    <row r="291592" spans="8:8">
      <c r="H291592" s="12"/>
    </row>
    <row r="291593" spans="8:8">
      <c r="H291593" s="12"/>
    </row>
    <row r="291594" spans="8:8">
      <c r="H291594" s="12"/>
    </row>
    <row r="291595" spans="8:8">
      <c r="H291595" s="12"/>
    </row>
    <row r="291596" spans="8:8">
      <c r="H291596" s="12"/>
    </row>
    <row r="291597" spans="8:8">
      <c r="H291597" s="12"/>
    </row>
    <row r="291598" spans="8:8">
      <c r="H291598" s="12"/>
    </row>
    <row r="291599" spans="8:8">
      <c r="H291599" s="12"/>
    </row>
    <row r="291600" spans="8:8">
      <c r="H291600" s="12"/>
    </row>
    <row r="291601" spans="8:8">
      <c r="H291601" s="12"/>
    </row>
    <row r="291602" spans="8:8">
      <c r="H291602" s="12"/>
    </row>
    <row r="291603" spans="8:8">
      <c r="H291603" s="12"/>
    </row>
    <row r="291604" spans="8:8">
      <c r="H291604" s="12"/>
    </row>
    <row r="291605" spans="8:8">
      <c r="H291605" s="12"/>
    </row>
    <row r="291606" spans="8:8">
      <c r="H291606" s="12"/>
    </row>
    <row r="291607" spans="8:8">
      <c r="H291607" s="12"/>
    </row>
    <row r="291608" spans="8:8">
      <c r="H291608" s="12"/>
    </row>
    <row r="291609" spans="8:8">
      <c r="H291609" s="12"/>
    </row>
    <row r="291610" spans="8:8">
      <c r="H291610" s="12"/>
    </row>
    <row r="291611" spans="8:8">
      <c r="H291611" s="12"/>
    </row>
    <row r="291612" spans="8:8">
      <c r="H291612" s="12"/>
    </row>
    <row r="291613" spans="8:8">
      <c r="H291613" s="12"/>
    </row>
    <row r="291614" spans="8:8">
      <c r="H291614" s="12"/>
    </row>
    <row r="291615" spans="8:8">
      <c r="H291615" s="12"/>
    </row>
    <row r="291616" spans="8:8">
      <c r="H291616" s="12"/>
    </row>
    <row r="291617" spans="8:8">
      <c r="H291617" s="12"/>
    </row>
    <row r="291618" spans="8:8">
      <c r="H291618" s="12"/>
    </row>
    <row r="291619" spans="8:8">
      <c r="H291619" s="12"/>
    </row>
    <row r="291620" spans="8:8">
      <c r="H291620" s="12"/>
    </row>
    <row r="291621" spans="8:8">
      <c r="H291621" s="12"/>
    </row>
    <row r="291622" spans="8:8">
      <c r="H291622" s="12"/>
    </row>
    <row r="291623" spans="8:8">
      <c r="H291623" s="12"/>
    </row>
    <row r="291624" spans="8:8">
      <c r="H291624" s="12"/>
    </row>
    <row r="291625" spans="8:8">
      <c r="H291625" s="12"/>
    </row>
    <row r="291626" spans="8:8">
      <c r="H291626" s="12"/>
    </row>
    <row r="291627" spans="8:8">
      <c r="H291627" s="12"/>
    </row>
    <row r="291628" spans="8:8">
      <c r="H291628" s="12"/>
    </row>
    <row r="291629" spans="8:8">
      <c r="H291629" s="12"/>
    </row>
    <row r="291630" spans="8:8">
      <c r="H291630" s="12"/>
    </row>
    <row r="291631" spans="8:8">
      <c r="H291631" s="12"/>
    </row>
    <row r="291632" spans="8:8">
      <c r="H291632" s="12"/>
    </row>
    <row r="291633" spans="8:8">
      <c r="H291633" s="12"/>
    </row>
    <row r="291634" spans="8:8">
      <c r="H291634" s="12"/>
    </row>
    <row r="291635" spans="8:8">
      <c r="H291635" s="12"/>
    </row>
    <row r="291636" spans="8:8">
      <c r="H291636" s="12"/>
    </row>
    <row r="291637" spans="8:8">
      <c r="H291637" s="12"/>
    </row>
    <row r="291638" spans="8:8">
      <c r="H291638" s="12"/>
    </row>
    <row r="291639" spans="8:8">
      <c r="H291639" s="12"/>
    </row>
    <row r="291640" spans="8:8">
      <c r="H291640" s="12"/>
    </row>
    <row r="291641" spans="8:8">
      <c r="H291641" s="12"/>
    </row>
    <row r="291642" spans="8:8">
      <c r="H291642" s="12"/>
    </row>
    <row r="291643" spans="8:8">
      <c r="H291643" s="12"/>
    </row>
    <row r="291644" spans="8:8">
      <c r="H291644" s="12"/>
    </row>
    <row r="291645" spans="8:8">
      <c r="H291645" s="12"/>
    </row>
    <row r="291646" spans="8:8">
      <c r="H291646" s="12"/>
    </row>
    <row r="291647" spans="8:8">
      <c r="H291647" s="12"/>
    </row>
    <row r="291648" spans="8:8">
      <c r="H291648" s="12"/>
    </row>
    <row r="291649" spans="8:8">
      <c r="H291649" s="12"/>
    </row>
    <row r="291650" spans="8:8">
      <c r="H291650" s="12"/>
    </row>
    <row r="291651" spans="8:8">
      <c r="H291651" s="12"/>
    </row>
    <row r="291652" spans="8:8">
      <c r="H291652" s="12"/>
    </row>
    <row r="291653" spans="8:8">
      <c r="H291653" s="12"/>
    </row>
    <row r="291654" spans="8:8">
      <c r="H291654" s="12"/>
    </row>
    <row r="291655" spans="8:8">
      <c r="H291655" s="12"/>
    </row>
    <row r="291656" spans="8:8">
      <c r="H291656" s="12"/>
    </row>
    <row r="291657" spans="8:8">
      <c r="H291657" s="12"/>
    </row>
    <row r="291658" spans="8:8">
      <c r="H291658" s="12"/>
    </row>
    <row r="291659" spans="8:8">
      <c r="H291659" s="12"/>
    </row>
    <row r="291660" spans="8:8">
      <c r="H291660" s="12"/>
    </row>
    <row r="291661" spans="8:8">
      <c r="H291661" s="12"/>
    </row>
    <row r="291662" spans="8:8">
      <c r="H291662" s="12"/>
    </row>
    <row r="291663" spans="8:8">
      <c r="H291663" s="12"/>
    </row>
    <row r="291664" spans="8:8">
      <c r="H291664" s="12"/>
    </row>
    <row r="291665" spans="8:8">
      <c r="H291665" s="12"/>
    </row>
    <row r="291666" spans="8:8">
      <c r="H291666" s="12"/>
    </row>
    <row r="291667" spans="8:8">
      <c r="H291667" s="12"/>
    </row>
    <row r="291668" spans="8:8">
      <c r="H291668" s="12"/>
    </row>
    <row r="291669" spans="8:8">
      <c r="H291669" s="12"/>
    </row>
    <row r="291670" spans="8:8">
      <c r="H291670" s="12"/>
    </row>
    <row r="291671" spans="8:8">
      <c r="H291671" s="12"/>
    </row>
    <row r="291672" spans="8:8">
      <c r="H291672" s="12"/>
    </row>
    <row r="291673" spans="8:8">
      <c r="H291673" s="12"/>
    </row>
    <row r="291674" spans="8:8">
      <c r="H291674" s="12"/>
    </row>
    <row r="291675" spans="8:8">
      <c r="H291675" s="12"/>
    </row>
    <row r="291676" spans="8:8">
      <c r="H291676" s="12"/>
    </row>
    <row r="291677" spans="8:8">
      <c r="H291677" s="12"/>
    </row>
    <row r="291678" spans="8:8">
      <c r="H291678" s="12"/>
    </row>
    <row r="291679" spans="8:8">
      <c r="H291679" s="12"/>
    </row>
    <row r="291680" spans="8:8">
      <c r="H291680" s="12"/>
    </row>
    <row r="291681" spans="8:8">
      <c r="H291681" s="12"/>
    </row>
    <row r="291682" spans="8:8">
      <c r="H291682" s="12"/>
    </row>
    <row r="291683" spans="8:8">
      <c r="H291683" s="12"/>
    </row>
    <row r="291684" spans="8:8">
      <c r="H291684" s="12"/>
    </row>
    <row r="291685" spans="8:8">
      <c r="H291685" s="12"/>
    </row>
    <row r="291686" spans="8:8">
      <c r="H291686" s="12"/>
    </row>
    <row r="291687" spans="8:8">
      <c r="H291687" s="12"/>
    </row>
    <row r="291688" spans="8:8">
      <c r="H291688" s="12"/>
    </row>
    <row r="291689" spans="8:8">
      <c r="H291689" s="12"/>
    </row>
    <row r="291690" spans="8:8">
      <c r="H291690" s="12"/>
    </row>
    <row r="291691" spans="8:8">
      <c r="H291691" s="12"/>
    </row>
    <row r="291692" spans="8:8">
      <c r="H291692" s="12"/>
    </row>
    <row r="291693" spans="8:8">
      <c r="H291693" s="12"/>
    </row>
    <row r="291694" spans="8:8">
      <c r="H291694" s="12"/>
    </row>
    <row r="291695" spans="8:8">
      <c r="H291695" s="12"/>
    </row>
    <row r="291696" spans="8:8">
      <c r="H291696" s="12"/>
    </row>
    <row r="291697" spans="8:8">
      <c r="H291697" s="12"/>
    </row>
    <row r="291698" spans="8:8">
      <c r="H291698" s="12"/>
    </row>
    <row r="291699" spans="8:8">
      <c r="H291699" s="12"/>
    </row>
    <row r="291700" spans="8:8">
      <c r="H291700" s="12"/>
    </row>
    <row r="291701" spans="8:8">
      <c r="H291701" s="12"/>
    </row>
    <row r="291702" spans="8:8">
      <c r="H291702" s="12"/>
    </row>
    <row r="291703" spans="8:8">
      <c r="H291703" s="12"/>
    </row>
    <row r="291704" spans="8:8">
      <c r="H291704" s="12"/>
    </row>
    <row r="291705" spans="8:8">
      <c r="H291705" s="12"/>
    </row>
    <row r="291706" spans="8:8">
      <c r="H291706" s="12"/>
    </row>
    <row r="291707" spans="8:8">
      <c r="H291707" s="12"/>
    </row>
    <row r="291708" spans="8:8">
      <c r="H291708" s="12"/>
    </row>
    <row r="291709" spans="8:8">
      <c r="H291709" s="12"/>
    </row>
    <row r="291710" spans="8:8">
      <c r="H291710" s="12"/>
    </row>
    <row r="291711" spans="8:8">
      <c r="H291711" s="12"/>
    </row>
    <row r="291712" spans="8:8">
      <c r="H291712" s="12"/>
    </row>
    <row r="291713" spans="8:8">
      <c r="H291713" s="12"/>
    </row>
    <row r="291714" spans="8:8">
      <c r="H291714" s="12"/>
    </row>
    <row r="291715" spans="8:8">
      <c r="H291715" s="12"/>
    </row>
    <row r="291716" spans="8:8">
      <c r="H291716" s="12"/>
    </row>
    <row r="291717" spans="8:8">
      <c r="H291717" s="12"/>
    </row>
    <row r="291718" spans="8:8">
      <c r="H291718" s="12"/>
    </row>
    <row r="291719" spans="8:8">
      <c r="H291719" s="12"/>
    </row>
    <row r="291720" spans="8:8">
      <c r="H291720" s="12"/>
    </row>
    <row r="291721" spans="8:8">
      <c r="H291721" s="12"/>
    </row>
    <row r="291722" spans="8:8">
      <c r="H291722" s="12"/>
    </row>
    <row r="291723" spans="8:8">
      <c r="H291723" s="12"/>
    </row>
    <row r="291724" spans="8:8">
      <c r="H291724" s="12"/>
    </row>
    <row r="291725" spans="8:8">
      <c r="H291725" s="12"/>
    </row>
    <row r="291726" spans="8:8">
      <c r="H291726" s="12"/>
    </row>
    <row r="291727" spans="8:8">
      <c r="H291727" s="12"/>
    </row>
    <row r="291728" spans="8:8">
      <c r="H291728" s="12"/>
    </row>
    <row r="291729" spans="8:8">
      <c r="H291729" s="12"/>
    </row>
    <row r="291730" spans="8:8">
      <c r="H291730" s="12"/>
    </row>
    <row r="291731" spans="8:8">
      <c r="H291731" s="12"/>
    </row>
    <row r="291732" spans="8:8">
      <c r="H291732" s="12"/>
    </row>
    <row r="291733" spans="8:8">
      <c r="H291733" s="12"/>
    </row>
    <row r="291734" spans="8:8">
      <c r="H291734" s="12"/>
    </row>
    <row r="291735" spans="8:8">
      <c r="H291735" s="12"/>
    </row>
    <row r="291736" spans="8:8">
      <c r="H291736" s="12"/>
    </row>
    <row r="291737" spans="8:8">
      <c r="H291737" s="12"/>
    </row>
    <row r="291738" spans="8:8">
      <c r="H291738" s="12"/>
    </row>
    <row r="291739" spans="8:8">
      <c r="H291739" s="12"/>
    </row>
    <row r="291740" spans="8:8">
      <c r="H291740" s="12"/>
    </row>
    <row r="291741" spans="8:8">
      <c r="H291741" s="12"/>
    </row>
    <row r="291742" spans="8:8">
      <c r="H291742" s="12"/>
    </row>
    <row r="291743" spans="8:8">
      <c r="H291743" s="12"/>
    </row>
    <row r="291744" spans="8:8">
      <c r="H291744" s="12"/>
    </row>
    <row r="291745" spans="8:8">
      <c r="H291745" s="12"/>
    </row>
    <row r="291746" spans="8:8">
      <c r="H291746" s="12"/>
    </row>
    <row r="291747" spans="8:8">
      <c r="H291747" s="12"/>
    </row>
    <row r="291748" spans="8:8">
      <c r="H291748" s="12"/>
    </row>
    <row r="291749" spans="8:8">
      <c r="H291749" s="12"/>
    </row>
    <row r="291750" spans="8:8">
      <c r="H291750" s="12"/>
    </row>
    <row r="291751" spans="8:8">
      <c r="H291751" s="12"/>
    </row>
    <row r="291752" spans="8:8">
      <c r="H291752" s="12"/>
    </row>
    <row r="291753" spans="8:8">
      <c r="H291753" s="12"/>
    </row>
    <row r="291754" spans="8:8">
      <c r="H291754" s="12"/>
    </row>
    <row r="291755" spans="8:8">
      <c r="H291755" s="12"/>
    </row>
    <row r="291756" spans="8:8">
      <c r="H291756" s="12"/>
    </row>
    <row r="291757" spans="8:8">
      <c r="H291757" s="12"/>
    </row>
    <row r="291758" spans="8:8">
      <c r="H291758" s="12"/>
    </row>
    <row r="291759" spans="8:8">
      <c r="H291759" s="12"/>
    </row>
    <row r="291760" spans="8:8">
      <c r="H291760" s="12"/>
    </row>
    <row r="291761" spans="8:8">
      <c r="H291761" s="12"/>
    </row>
    <row r="291762" spans="8:8">
      <c r="H291762" s="12"/>
    </row>
    <row r="291763" spans="8:8">
      <c r="H291763" s="12"/>
    </row>
    <row r="291764" spans="8:8">
      <c r="H291764" s="12"/>
    </row>
    <row r="291765" spans="8:8">
      <c r="H291765" s="12"/>
    </row>
    <row r="291766" spans="8:8">
      <c r="H291766" s="12"/>
    </row>
    <row r="291767" spans="8:8">
      <c r="H291767" s="12"/>
    </row>
    <row r="291768" spans="8:8">
      <c r="H291768" s="12"/>
    </row>
    <row r="291769" spans="8:8">
      <c r="H291769" s="12"/>
    </row>
    <row r="291770" spans="8:8">
      <c r="H291770" s="12"/>
    </row>
    <row r="291771" spans="8:8">
      <c r="H291771" s="12"/>
    </row>
    <row r="291772" spans="8:8">
      <c r="H291772" s="12"/>
    </row>
    <row r="291773" spans="8:8">
      <c r="H291773" s="12"/>
    </row>
    <row r="291774" spans="8:8">
      <c r="H291774" s="12"/>
    </row>
    <row r="291775" spans="8:8">
      <c r="H291775" s="12"/>
    </row>
    <row r="291776" spans="8:8">
      <c r="H291776" s="12"/>
    </row>
    <row r="291777" spans="8:8">
      <c r="H291777" s="12"/>
    </row>
    <row r="291778" spans="8:8">
      <c r="H291778" s="12"/>
    </row>
    <row r="291779" spans="8:8">
      <c r="H291779" s="12"/>
    </row>
    <row r="291780" spans="8:8">
      <c r="H291780" s="12"/>
    </row>
    <row r="291781" spans="8:8">
      <c r="H291781" s="12"/>
    </row>
    <row r="291782" spans="8:8">
      <c r="H291782" s="12"/>
    </row>
    <row r="291783" spans="8:8">
      <c r="H291783" s="12"/>
    </row>
    <row r="291784" spans="8:8">
      <c r="H291784" s="12"/>
    </row>
    <row r="291785" spans="8:8">
      <c r="H291785" s="12"/>
    </row>
    <row r="291786" spans="8:8">
      <c r="H291786" s="12"/>
    </row>
    <row r="291787" spans="8:8">
      <c r="H291787" s="12"/>
    </row>
    <row r="291788" spans="8:8">
      <c r="H291788" s="12"/>
    </row>
    <row r="291789" spans="8:8">
      <c r="H291789" s="12"/>
    </row>
    <row r="291790" spans="8:8">
      <c r="H291790" s="12"/>
    </row>
    <row r="291791" spans="8:8">
      <c r="H291791" s="12"/>
    </row>
    <row r="291792" spans="8:8">
      <c r="H291792" s="12"/>
    </row>
    <row r="291793" spans="8:8">
      <c r="H291793" s="12"/>
    </row>
    <row r="291794" spans="8:8">
      <c r="H291794" s="12"/>
    </row>
    <row r="291795" spans="8:8">
      <c r="H291795" s="12"/>
    </row>
    <row r="291796" spans="8:8">
      <c r="H291796" s="12"/>
    </row>
    <row r="291797" spans="8:8">
      <c r="H291797" s="12"/>
    </row>
    <row r="291798" spans="8:8">
      <c r="H291798" s="12"/>
    </row>
    <row r="291799" spans="8:8">
      <c r="H291799" s="12"/>
    </row>
    <row r="291800" spans="8:8">
      <c r="H291800" s="12"/>
    </row>
    <row r="291801" spans="8:8">
      <c r="H291801" s="12"/>
    </row>
    <row r="291802" spans="8:8">
      <c r="H291802" s="12"/>
    </row>
    <row r="291803" spans="8:8">
      <c r="H291803" s="12"/>
    </row>
    <row r="291804" spans="8:8">
      <c r="H291804" s="12"/>
    </row>
    <row r="291805" spans="8:8">
      <c r="H291805" s="12"/>
    </row>
    <row r="291806" spans="8:8">
      <c r="H291806" s="12"/>
    </row>
    <row r="291807" spans="8:8">
      <c r="H291807" s="12"/>
    </row>
    <row r="291808" spans="8:8">
      <c r="H291808" s="12"/>
    </row>
    <row r="291809" spans="8:8">
      <c r="H291809" s="12"/>
    </row>
    <row r="291810" spans="8:8">
      <c r="H291810" s="12"/>
    </row>
    <row r="291811" spans="8:8">
      <c r="H291811" s="12"/>
    </row>
    <row r="291812" spans="8:8">
      <c r="H291812" s="12"/>
    </row>
    <row r="291813" spans="8:8">
      <c r="H291813" s="12"/>
    </row>
    <row r="291814" spans="8:8">
      <c r="H291814" s="12"/>
    </row>
    <row r="291815" spans="8:8">
      <c r="H291815" s="12"/>
    </row>
    <row r="291816" spans="8:8">
      <c r="H291816" s="12"/>
    </row>
    <row r="291817" spans="8:8">
      <c r="H291817" s="12"/>
    </row>
    <row r="291818" spans="8:8">
      <c r="H291818" s="12"/>
    </row>
    <row r="291819" spans="8:8">
      <c r="H291819" s="12"/>
    </row>
    <row r="291820" spans="8:8">
      <c r="H291820" s="12"/>
    </row>
    <row r="291821" spans="8:8">
      <c r="H291821" s="12"/>
    </row>
    <row r="291822" spans="8:8">
      <c r="H291822" s="12"/>
    </row>
    <row r="291823" spans="8:8">
      <c r="H291823" s="12"/>
    </row>
    <row r="291824" spans="8:8">
      <c r="H291824" s="12"/>
    </row>
    <row r="291825" spans="8:8">
      <c r="H291825" s="12"/>
    </row>
    <row r="291826" spans="8:8">
      <c r="H291826" s="12"/>
    </row>
    <row r="291827" spans="8:8">
      <c r="H291827" s="12"/>
    </row>
    <row r="291828" spans="8:8">
      <c r="H291828" s="12"/>
    </row>
    <row r="291829" spans="8:8">
      <c r="H291829" s="12"/>
    </row>
    <row r="291830" spans="8:8">
      <c r="H291830" s="12"/>
    </row>
    <row r="291831" spans="8:8">
      <c r="H291831" s="12"/>
    </row>
    <row r="291832" spans="8:8">
      <c r="H291832" s="12"/>
    </row>
    <row r="291833" spans="8:8">
      <c r="H291833" s="12"/>
    </row>
    <row r="291834" spans="8:8">
      <c r="H291834" s="12"/>
    </row>
    <row r="291835" spans="8:8">
      <c r="H291835" s="12"/>
    </row>
    <row r="291836" spans="8:8">
      <c r="H291836" s="12"/>
    </row>
    <row r="291837" spans="8:8">
      <c r="H291837" s="12"/>
    </row>
    <row r="291838" spans="8:8">
      <c r="H291838" s="12"/>
    </row>
    <row r="291839" spans="8:8">
      <c r="H291839" s="12"/>
    </row>
    <row r="291840" spans="8:8">
      <c r="H291840" s="12"/>
    </row>
    <row r="291841" spans="8:8">
      <c r="H291841" s="12"/>
    </row>
    <row r="291842" spans="8:8">
      <c r="H291842" s="12"/>
    </row>
    <row r="291843" spans="8:8">
      <c r="H291843" s="12"/>
    </row>
    <row r="291844" spans="8:8">
      <c r="H291844" s="12"/>
    </row>
    <row r="291845" spans="8:8">
      <c r="H291845" s="12"/>
    </row>
    <row r="291846" spans="8:8">
      <c r="H291846" s="12"/>
    </row>
    <row r="291847" spans="8:8">
      <c r="H291847" s="12"/>
    </row>
    <row r="291848" spans="8:8">
      <c r="H291848" s="12"/>
    </row>
    <row r="291849" spans="8:8">
      <c r="H291849" s="12"/>
    </row>
    <row r="291850" spans="8:8">
      <c r="H291850" s="12"/>
    </row>
    <row r="291851" spans="8:8">
      <c r="H291851" s="12"/>
    </row>
    <row r="291852" spans="8:8">
      <c r="H291852" s="12"/>
    </row>
    <row r="291853" spans="8:8">
      <c r="H291853" s="12"/>
    </row>
    <row r="291854" spans="8:8">
      <c r="H291854" s="12"/>
    </row>
    <row r="291855" spans="8:8">
      <c r="H291855" s="12"/>
    </row>
    <row r="291856" spans="8:8">
      <c r="H291856" s="12"/>
    </row>
    <row r="291857" spans="8:8">
      <c r="H291857" s="12"/>
    </row>
    <row r="291858" spans="8:8">
      <c r="H291858" s="12"/>
    </row>
    <row r="291859" spans="8:8">
      <c r="H291859" s="12"/>
    </row>
    <row r="291860" spans="8:8">
      <c r="H291860" s="12"/>
    </row>
    <row r="291861" spans="8:8">
      <c r="H291861" s="12"/>
    </row>
    <row r="291862" spans="8:8">
      <c r="H291862" s="12"/>
    </row>
    <row r="291863" spans="8:8">
      <c r="H291863" s="12"/>
    </row>
    <row r="291864" spans="8:8">
      <c r="H291864" s="12"/>
    </row>
    <row r="291865" spans="8:8">
      <c r="H291865" s="12"/>
    </row>
    <row r="291866" spans="8:8">
      <c r="H291866" s="12"/>
    </row>
    <row r="291867" spans="8:8">
      <c r="H291867" s="12"/>
    </row>
    <row r="291868" spans="8:8">
      <c r="H291868" s="12"/>
    </row>
    <row r="291869" spans="8:8">
      <c r="H291869" s="12"/>
    </row>
    <row r="291870" spans="8:8">
      <c r="H291870" s="12"/>
    </row>
    <row r="291871" spans="8:8">
      <c r="H291871" s="12"/>
    </row>
    <row r="291872" spans="8:8">
      <c r="H291872" s="12"/>
    </row>
    <row r="291873" spans="8:8">
      <c r="H291873" s="12"/>
    </row>
    <row r="291874" spans="8:8">
      <c r="H291874" s="12"/>
    </row>
    <row r="291875" spans="8:8">
      <c r="H291875" s="12"/>
    </row>
    <row r="291876" spans="8:8">
      <c r="H291876" s="12"/>
    </row>
    <row r="291877" spans="8:8">
      <c r="H291877" s="12"/>
    </row>
    <row r="291878" spans="8:8">
      <c r="H291878" s="12"/>
    </row>
    <row r="291879" spans="8:8">
      <c r="H291879" s="12"/>
    </row>
    <row r="291880" spans="8:8">
      <c r="H291880" s="12"/>
    </row>
    <row r="291881" spans="8:8">
      <c r="H291881" s="12"/>
    </row>
    <row r="291882" spans="8:8">
      <c r="H291882" s="12"/>
    </row>
    <row r="291883" spans="8:8">
      <c r="H291883" s="12"/>
    </row>
    <row r="291884" spans="8:8">
      <c r="H291884" s="12"/>
    </row>
    <row r="291885" spans="8:8">
      <c r="H291885" s="12"/>
    </row>
    <row r="291886" spans="8:8">
      <c r="H291886" s="12"/>
    </row>
    <row r="291887" spans="8:8">
      <c r="H291887" s="12"/>
    </row>
    <row r="291888" spans="8:8">
      <c r="H291888" s="12"/>
    </row>
    <row r="291889" spans="8:8">
      <c r="H291889" s="12"/>
    </row>
    <row r="291890" spans="8:8">
      <c r="H291890" s="12"/>
    </row>
    <row r="291891" spans="8:8">
      <c r="H291891" s="12"/>
    </row>
    <row r="291892" spans="8:8">
      <c r="H291892" s="12"/>
    </row>
    <row r="291893" spans="8:8">
      <c r="H291893" s="12"/>
    </row>
    <row r="291894" spans="8:8">
      <c r="H291894" s="12"/>
    </row>
    <row r="291895" spans="8:8">
      <c r="H291895" s="12"/>
    </row>
    <row r="291896" spans="8:8">
      <c r="H291896" s="12"/>
    </row>
    <row r="291897" spans="8:8">
      <c r="H291897" s="12"/>
    </row>
    <row r="291898" spans="8:8">
      <c r="H291898" s="12"/>
    </row>
    <row r="291899" spans="8:8">
      <c r="H291899" s="12"/>
    </row>
    <row r="291900" spans="8:8">
      <c r="H291900" s="12"/>
    </row>
    <row r="291901" spans="8:8">
      <c r="H291901" s="12"/>
    </row>
    <row r="291902" spans="8:8">
      <c r="H291902" s="12"/>
    </row>
    <row r="291903" spans="8:8">
      <c r="H291903" s="12"/>
    </row>
    <row r="291904" spans="8:8">
      <c r="H291904" s="12"/>
    </row>
    <row r="291905" spans="8:8">
      <c r="H291905" s="12"/>
    </row>
    <row r="291906" spans="8:8">
      <c r="H291906" s="12"/>
    </row>
    <row r="291907" spans="8:8">
      <c r="H291907" s="12"/>
    </row>
    <row r="291908" spans="8:8">
      <c r="H291908" s="12"/>
    </row>
    <row r="291909" spans="8:8">
      <c r="H291909" s="12"/>
    </row>
    <row r="291910" spans="8:8">
      <c r="H291910" s="12"/>
    </row>
    <row r="291911" spans="8:8">
      <c r="H291911" s="12"/>
    </row>
    <row r="291912" spans="8:8">
      <c r="H291912" s="12"/>
    </row>
    <row r="291913" spans="8:8">
      <c r="H291913" s="12"/>
    </row>
    <row r="291914" spans="8:8">
      <c r="H291914" s="12"/>
    </row>
    <row r="291915" spans="8:8">
      <c r="H291915" s="12"/>
    </row>
    <row r="291916" spans="8:8">
      <c r="H291916" s="12"/>
    </row>
    <row r="291917" spans="8:8">
      <c r="H291917" s="12"/>
    </row>
    <row r="291918" spans="8:8">
      <c r="H291918" s="12"/>
    </row>
    <row r="291919" spans="8:8">
      <c r="H291919" s="12"/>
    </row>
    <row r="291920" spans="8:8">
      <c r="H291920" s="12"/>
    </row>
    <row r="291921" spans="8:8">
      <c r="H291921" s="12"/>
    </row>
    <row r="291922" spans="8:8">
      <c r="H291922" s="12"/>
    </row>
    <row r="291923" spans="8:8">
      <c r="H291923" s="12"/>
    </row>
    <row r="291924" spans="8:8">
      <c r="H291924" s="12"/>
    </row>
    <row r="291925" spans="8:8">
      <c r="H291925" s="12"/>
    </row>
    <row r="291926" spans="8:8">
      <c r="H291926" s="12"/>
    </row>
    <row r="291927" spans="8:8">
      <c r="H291927" s="12"/>
    </row>
    <row r="291928" spans="8:8">
      <c r="H291928" s="12"/>
    </row>
    <row r="291929" spans="8:8">
      <c r="H291929" s="12"/>
    </row>
    <row r="291930" spans="8:8">
      <c r="H291930" s="12"/>
    </row>
    <row r="291931" spans="8:8">
      <c r="H291931" s="12"/>
    </row>
    <row r="291932" spans="8:8">
      <c r="H291932" s="12"/>
    </row>
    <row r="291933" spans="8:8">
      <c r="H291933" s="12"/>
    </row>
    <row r="291934" spans="8:8">
      <c r="H291934" s="12"/>
    </row>
    <row r="291935" spans="8:8">
      <c r="H291935" s="12"/>
    </row>
    <row r="291936" spans="8:8">
      <c r="H291936" s="12"/>
    </row>
    <row r="291937" spans="8:8">
      <c r="H291937" s="12"/>
    </row>
    <row r="291938" spans="8:8">
      <c r="H291938" s="12"/>
    </row>
    <row r="291939" spans="8:8">
      <c r="H291939" s="12"/>
    </row>
    <row r="291940" spans="8:8">
      <c r="H291940" s="12"/>
    </row>
    <row r="291941" spans="8:8">
      <c r="H291941" s="12"/>
    </row>
    <row r="291942" spans="8:8">
      <c r="H291942" s="12"/>
    </row>
    <row r="291943" spans="8:8">
      <c r="H291943" s="12"/>
    </row>
    <row r="291944" spans="8:8">
      <c r="H291944" s="12"/>
    </row>
    <row r="291945" spans="8:8">
      <c r="H291945" s="12"/>
    </row>
    <row r="291946" spans="8:8">
      <c r="H291946" s="12"/>
    </row>
    <row r="291947" spans="8:8">
      <c r="H291947" s="12"/>
    </row>
    <row r="291948" spans="8:8">
      <c r="H291948" s="12"/>
    </row>
    <row r="291949" spans="8:8">
      <c r="H291949" s="12"/>
    </row>
    <row r="291950" spans="8:8">
      <c r="H291950" s="12"/>
    </row>
    <row r="291951" spans="8:8">
      <c r="H291951" s="12"/>
    </row>
    <row r="291952" spans="8:8">
      <c r="H291952" s="12"/>
    </row>
    <row r="291953" spans="8:8">
      <c r="H291953" s="12"/>
    </row>
    <row r="291954" spans="8:8">
      <c r="H291954" s="12"/>
    </row>
    <row r="291955" spans="8:8">
      <c r="H291955" s="12"/>
    </row>
    <row r="291956" spans="8:8">
      <c r="H291956" s="12"/>
    </row>
    <row r="291957" spans="8:8">
      <c r="H291957" s="12"/>
    </row>
    <row r="291958" spans="8:8">
      <c r="H291958" s="12"/>
    </row>
    <row r="291959" spans="8:8">
      <c r="H291959" s="12"/>
    </row>
    <row r="291960" spans="8:8">
      <c r="H291960" s="12"/>
    </row>
    <row r="291961" spans="8:8">
      <c r="H291961" s="12"/>
    </row>
    <row r="291962" spans="8:8">
      <c r="H291962" s="12"/>
    </row>
    <row r="291963" spans="8:8">
      <c r="H291963" s="12"/>
    </row>
    <row r="291964" spans="8:8">
      <c r="H291964" s="12"/>
    </row>
    <row r="291965" spans="8:8">
      <c r="H291965" s="12"/>
    </row>
    <row r="291966" spans="8:8">
      <c r="H291966" s="12"/>
    </row>
    <row r="291967" spans="8:8">
      <c r="H291967" s="12"/>
    </row>
    <row r="291968" spans="8:8">
      <c r="H291968" s="12"/>
    </row>
    <row r="291969" spans="8:8">
      <c r="H291969" s="12"/>
    </row>
    <row r="291970" spans="8:8">
      <c r="H291970" s="12"/>
    </row>
    <row r="291971" spans="8:8">
      <c r="H291971" s="12"/>
    </row>
    <row r="291972" spans="8:8">
      <c r="H291972" s="12"/>
    </row>
    <row r="291973" spans="8:8">
      <c r="H291973" s="12"/>
    </row>
    <row r="291974" spans="8:8">
      <c r="H291974" s="12"/>
    </row>
    <row r="291975" spans="8:8">
      <c r="H291975" s="12"/>
    </row>
    <row r="291976" spans="8:8">
      <c r="H291976" s="12"/>
    </row>
    <row r="291977" spans="8:8">
      <c r="H291977" s="12"/>
    </row>
    <row r="291978" spans="8:8">
      <c r="H291978" s="12"/>
    </row>
    <row r="291979" spans="8:8">
      <c r="H291979" s="12"/>
    </row>
    <row r="291980" spans="8:8">
      <c r="H291980" s="12"/>
    </row>
    <row r="291981" spans="8:8">
      <c r="H291981" s="12"/>
    </row>
    <row r="291982" spans="8:8">
      <c r="H291982" s="12"/>
    </row>
    <row r="291983" spans="8:8">
      <c r="H291983" s="12"/>
    </row>
    <row r="291984" spans="8:8">
      <c r="H291984" s="12"/>
    </row>
    <row r="291985" spans="8:8">
      <c r="H291985" s="12"/>
    </row>
    <row r="291986" spans="8:8">
      <c r="H291986" s="12"/>
    </row>
    <row r="291987" spans="8:8">
      <c r="H291987" s="12"/>
    </row>
    <row r="291988" spans="8:8">
      <c r="H291988" s="12"/>
    </row>
    <row r="291989" spans="8:8">
      <c r="H291989" s="12"/>
    </row>
    <row r="291990" spans="8:8">
      <c r="H291990" s="12"/>
    </row>
    <row r="291991" spans="8:8">
      <c r="H291991" s="12"/>
    </row>
    <row r="291992" spans="8:8">
      <c r="H291992" s="12"/>
    </row>
    <row r="291993" spans="8:8">
      <c r="H291993" s="12"/>
    </row>
    <row r="291994" spans="8:8">
      <c r="H291994" s="12"/>
    </row>
    <row r="291995" spans="8:8">
      <c r="H291995" s="12"/>
    </row>
    <row r="291996" spans="8:8">
      <c r="H291996" s="12"/>
    </row>
    <row r="291997" spans="8:8">
      <c r="H291997" s="12"/>
    </row>
    <row r="291998" spans="8:8">
      <c r="H291998" s="12"/>
    </row>
    <row r="291999" spans="8:8">
      <c r="H291999" s="12"/>
    </row>
    <row r="292000" spans="8:8">
      <c r="H292000" s="12"/>
    </row>
    <row r="292001" spans="8:8">
      <c r="H292001" s="12"/>
    </row>
    <row r="292002" spans="8:8">
      <c r="H292002" s="12"/>
    </row>
    <row r="292003" spans="8:8">
      <c r="H292003" s="12"/>
    </row>
    <row r="292004" spans="8:8">
      <c r="H292004" s="12"/>
    </row>
    <row r="292005" spans="8:8">
      <c r="H292005" s="12"/>
    </row>
    <row r="292006" spans="8:8">
      <c r="H292006" s="12"/>
    </row>
    <row r="292007" spans="8:8">
      <c r="H292007" s="12"/>
    </row>
    <row r="292008" spans="8:8">
      <c r="H292008" s="12"/>
    </row>
    <row r="292009" spans="8:8">
      <c r="H292009" s="12"/>
    </row>
    <row r="292010" spans="8:8">
      <c r="H292010" s="12"/>
    </row>
    <row r="292011" spans="8:8">
      <c r="H292011" s="12"/>
    </row>
    <row r="292012" spans="8:8">
      <c r="H292012" s="12"/>
    </row>
    <row r="292013" spans="8:8">
      <c r="H292013" s="12"/>
    </row>
    <row r="292014" spans="8:8">
      <c r="H292014" s="12"/>
    </row>
    <row r="292015" spans="8:8">
      <c r="H292015" s="12"/>
    </row>
    <row r="292016" spans="8:8">
      <c r="H292016" s="12"/>
    </row>
    <row r="292017" spans="8:8">
      <c r="H292017" s="12"/>
    </row>
    <row r="292018" spans="8:8">
      <c r="H292018" s="12"/>
    </row>
    <row r="292019" spans="8:8">
      <c r="H292019" s="12"/>
    </row>
    <row r="292020" spans="8:8">
      <c r="H292020" s="12"/>
    </row>
    <row r="292021" spans="8:8">
      <c r="H292021" s="12"/>
    </row>
    <row r="292022" spans="8:8">
      <c r="H292022" s="12"/>
    </row>
    <row r="292023" spans="8:8">
      <c r="H292023" s="12"/>
    </row>
    <row r="292024" spans="8:8">
      <c r="H292024" s="12"/>
    </row>
    <row r="292025" spans="8:8">
      <c r="H292025" s="12"/>
    </row>
    <row r="292026" spans="8:8">
      <c r="H292026" s="12"/>
    </row>
    <row r="292027" spans="8:8">
      <c r="H292027" s="12"/>
    </row>
    <row r="292028" spans="8:8">
      <c r="H292028" s="12"/>
    </row>
    <row r="292029" spans="8:8">
      <c r="H292029" s="12"/>
    </row>
    <row r="292030" spans="8:8">
      <c r="H292030" s="12"/>
    </row>
    <row r="292031" spans="8:8">
      <c r="H292031" s="12"/>
    </row>
    <row r="292032" spans="8:8">
      <c r="H292032" s="12"/>
    </row>
    <row r="292033" spans="8:8">
      <c r="H292033" s="12"/>
    </row>
    <row r="292034" spans="8:8">
      <c r="H292034" s="12"/>
    </row>
    <row r="292035" spans="8:8">
      <c r="H292035" s="12"/>
    </row>
    <row r="292036" spans="8:8">
      <c r="H292036" s="12"/>
    </row>
    <row r="292037" spans="8:8">
      <c r="H292037" s="12"/>
    </row>
    <row r="292038" spans="8:8">
      <c r="H292038" s="12"/>
    </row>
    <row r="292039" spans="8:8">
      <c r="H292039" s="12"/>
    </row>
    <row r="292040" spans="8:8">
      <c r="H292040" s="12"/>
    </row>
    <row r="292041" spans="8:8">
      <c r="H292041" s="12"/>
    </row>
    <row r="292042" spans="8:8">
      <c r="H292042" s="12"/>
    </row>
    <row r="292043" spans="8:8">
      <c r="H292043" s="12"/>
    </row>
    <row r="292044" spans="8:8">
      <c r="H292044" s="12"/>
    </row>
    <row r="292045" spans="8:8">
      <c r="H292045" s="12"/>
    </row>
    <row r="292046" spans="8:8">
      <c r="H292046" s="12"/>
    </row>
    <row r="292047" spans="8:8">
      <c r="H292047" s="12"/>
    </row>
    <row r="292048" spans="8:8">
      <c r="H292048" s="12"/>
    </row>
    <row r="292049" spans="8:8">
      <c r="H292049" s="12"/>
    </row>
    <row r="292050" spans="8:8">
      <c r="H292050" s="12"/>
    </row>
    <row r="292051" spans="8:8">
      <c r="H292051" s="12"/>
    </row>
    <row r="292052" spans="8:8">
      <c r="H292052" s="12"/>
    </row>
    <row r="292053" spans="8:8">
      <c r="H292053" s="12"/>
    </row>
    <row r="292054" spans="8:8">
      <c r="H292054" s="12"/>
    </row>
    <row r="292055" spans="8:8">
      <c r="H292055" s="12"/>
    </row>
    <row r="292056" spans="8:8">
      <c r="H292056" s="12"/>
    </row>
    <row r="292057" spans="8:8">
      <c r="H292057" s="12"/>
    </row>
    <row r="292058" spans="8:8">
      <c r="H292058" s="12"/>
    </row>
    <row r="292059" spans="8:8">
      <c r="H292059" s="12"/>
    </row>
    <row r="292060" spans="8:8">
      <c r="H292060" s="12"/>
    </row>
    <row r="292061" spans="8:8">
      <c r="H292061" s="12"/>
    </row>
    <row r="292062" spans="8:8">
      <c r="H292062" s="12"/>
    </row>
    <row r="292063" spans="8:8">
      <c r="H292063" s="12"/>
    </row>
    <row r="292064" spans="8:8">
      <c r="H292064" s="12"/>
    </row>
    <row r="292065" spans="8:8">
      <c r="H292065" s="12"/>
    </row>
    <row r="292066" spans="8:8">
      <c r="H292066" s="12"/>
    </row>
    <row r="292067" spans="8:8">
      <c r="H292067" s="12"/>
    </row>
    <row r="292068" spans="8:8">
      <c r="H292068" s="12"/>
    </row>
    <row r="292069" spans="8:8">
      <c r="H292069" s="12"/>
    </row>
    <row r="292070" spans="8:8">
      <c r="H292070" s="12"/>
    </row>
    <row r="292071" spans="8:8">
      <c r="H292071" s="12"/>
    </row>
    <row r="292072" spans="8:8">
      <c r="H292072" s="12"/>
    </row>
    <row r="292073" spans="8:8">
      <c r="H292073" s="12"/>
    </row>
    <row r="292074" spans="8:8">
      <c r="H292074" s="12"/>
    </row>
    <row r="292075" spans="8:8">
      <c r="H292075" s="12"/>
    </row>
    <row r="292076" spans="8:8">
      <c r="H292076" s="12"/>
    </row>
    <row r="292077" spans="8:8">
      <c r="H292077" s="12"/>
    </row>
    <row r="292078" spans="8:8">
      <c r="H292078" s="12"/>
    </row>
    <row r="292079" spans="8:8">
      <c r="H292079" s="12"/>
    </row>
    <row r="292080" spans="8:8">
      <c r="H292080" s="12"/>
    </row>
    <row r="292081" spans="8:8">
      <c r="H292081" s="12"/>
    </row>
    <row r="292082" spans="8:8">
      <c r="H292082" s="12"/>
    </row>
    <row r="292083" spans="8:8">
      <c r="H292083" s="12"/>
    </row>
    <row r="292084" spans="8:8">
      <c r="H292084" s="12"/>
    </row>
    <row r="292085" spans="8:8">
      <c r="H292085" s="12"/>
    </row>
    <row r="292086" spans="8:8">
      <c r="H292086" s="12"/>
    </row>
    <row r="292087" spans="8:8">
      <c r="H292087" s="12"/>
    </row>
    <row r="292088" spans="8:8">
      <c r="H292088" s="12"/>
    </row>
    <row r="292089" spans="8:8">
      <c r="H292089" s="12"/>
    </row>
    <row r="292090" spans="8:8">
      <c r="H292090" s="12"/>
    </row>
    <row r="292091" spans="8:8">
      <c r="H292091" s="12"/>
    </row>
    <row r="292092" spans="8:8">
      <c r="H292092" s="12"/>
    </row>
    <row r="292093" spans="8:8">
      <c r="H292093" s="12"/>
    </row>
    <row r="292094" spans="8:8">
      <c r="H292094" s="12"/>
    </row>
    <row r="292095" spans="8:8">
      <c r="H292095" s="12"/>
    </row>
    <row r="292096" spans="8:8">
      <c r="H292096" s="12"/>
    </row>
    <row r="292097" spans="8:8">
      <c r="H292097" s="12"/>
    </row>
    <row r="292098" spans="8:8">
      <c r="H292098" s="12"/>
    </row>
    <row r="292099" spans="8:8">
      <c r="H292099" s="12"/>
    </row>
    <row r="292100" spans="8:8">
      <c r="H292100" s="12"/>
    </row>
    <row r="292101" spans="8:8">
      <c r="H292101" s="12"/>
    </row>
    <row r="292102" spans="8:8">
      <c r="H292102" s="12"/>
    </row>
    <row r="292103" spans="8:8">
      <c r="H292103" s="12"/>
    </row>
    <row r="292104" spans="8:8">
      <c r="H292104" s="12"/>
    </row>
    <row r="292105" spans="8:8">
      <c r="H292105" s="12"/>
    </row>
    <row r="292106" spans="8:8">
      <c r="H292106" s="12"/>
    </row>
    <row r="292107" spans="8:8">
      <c r="H292107" s="12"/>
    </row>
    <row r="292108" spans="8:8">
      <c r="H292108" s="12"/>
    </row>
    <row r="292109" spans="8:8">
      <c r="H292109" s="12"/>
    </row>
    <row r="292110" spans="8:8">
      <c r="H292110" s="12"/>
    </row>
    <row r="292111" spans="8:8">
      <c r="H292111" s="12"/>
    </row>
    <row r="292112" spans="8:8">
      <c r="H292112" s="12"/>
    </row>
    <row r="292113" spans="8:8">
      <c r="H292113" s="12"/>
    </row>
    <row r="292114" spans="8:8">
      <c r="H292114" s="12"/>
    </row>
    <row r="292115" spans="8:8">
      <c r="H292115" s="12"/>
    </row>
    <row r="292116" spans="8:8">
      <c r="H292116" s="12"/>
    </row>
    <row r="292117" spans="8:8">
      <c r="H292117" s="12"/>
    </row>
    <row r="292118" spans="8:8">
      <c r="H292118" s="12"/>
    </row>
    <row r="292119" spans="8:8">
      <c r="H292119" s="12"/>
    </row>
    <row r="292120" spans="8:8">
      <c r="H292120" s="12"/>
    </row>
    <row r="292121" spans="8:8">
      <c r="H292121" s="12"/>
    </row>
    <row r="292122" spans="8:8">
      <c r="H292122" s="12"/>
    </row>
    <row r="292123" spans="8:8">
      <c r="H292123" s="12"/>
    </row>
    <row r="292124" spans="8:8">
      <c r="H292124" s="12"/>
    </row>
    <row r="292125" spans="8:8">
      <c r="H292125" s="12"/>
    </row>
    <row r="292126" spans="8:8">
      <c r="H292126" s="12"/>
    </row>
    <row r="292127" spans="8:8">
      <c r="H292127" s="12"/>
    </row>
    <row r="292128" spans="8:8">
      <c r="H292128" s="12"/>
    </row>
    <row r="292129" spans="8:8">
      <c r="H292129" s="12"/>
    </row>
    <row r="292130" spans="8:8">
      <c r="H292130" s="12"/>
    </row>
    <row r="292131" spans="8:8">
      <c r="H292131" s="12"/>
    </row>
    <row r="292132" spans="8:8">
      <c r="H292132" s="12"/>
    </row>
    <row r="292133" spans="8:8">
      <c r="H292133" s="12"/>
    </row>
    <row r="292134" spans="8:8">
      <c r="H292134" s="12"/>
    </row>
    <row r="292135" spans="8:8">
      <c r="H292135" s="12"/>
    </row>
    <row r="292136" spans="8:8">
      <c r="H292136" s="12"/>
    </row>
    <row r="292137" spans="8:8">
      <c r="H292137" s="12"/>
    </row>
    <row r="292138" spans="8:8">
      <c r="H292138" s="12"/>
    </row>
    <row r="292139" spans="8:8">
      <c r="H292139" s="12"/>
    </row>
    <row r="292140" spans="8:8">
      <c r="H292140" s="12"/>
    </row>
    <row r="292141" spans="8:8">
      <c r="H292141" s="12"/>
    </row>
    <row r="292142" spans="8:8">
      <c r="H292142" s="12"/>
    </row>
    <row r="292143" spans="8:8">
      <c r="H292143" s="12"/>
    </row>
    <row r="292144" spans="8:8">
      <c r="H292144" s="12"/>
    </row>
    <row r="292145" spans="8:8">
      <c r="H292145" s="12"/>
    </row>
    <row r="292146" spans="8:8">
      <c r="H292146" s="12"/>
    </row>
    <row r="292147" spans="8:8">
      <c r="H292147" s="12"/>
    </row>
    <row r="292148" spans="8:8">
      <c r="H292148" s="12"/>
    </row>
    <row r="292149" spans="8:8">
      <c r="H292149" s="12"/>
    </row>
    <row r="292150" spans="8:8">
      <c r="H292150" s="12"/>
    </row>
    <row r="292151" spans="8:8">
      <c r="H292151" s="12"/>
    </row>
    <row r="292152" spans="8:8">
      <c r="H292152" s="12"/>
    </row>
    <row r="292153" spans="8:8">
      <c r="H292153" s="12"/>
    </row>
    <row r="292154" spans="8:8">
      <c r="H292154" s="12"/>
    </row>
    <row r="292155" spans="8:8">
      <c r="H292155" s="12"/>
    </row>
    <row r="292156" spans="8:8">
      <c r="H292156" s="12"/>
    </row>
    <row r="292157" spans="8:8">
      <c r="H292157" s="12"/>
    </row>
    <row r="292158" spans="8:8">
      <c r="H292158" s="12"/>
    </row>
    <row r="292159" spans="8:8">
      <c r="H292159" s="12"/>
    </row>
    <row r="292160" spans="8:8">
      <c r="H292160" s="12"/>
    </row>
    <row r="292161" spans="8:8">
      <c r="H292161" s="12"/>
    </row>
    <row r="292162" spans="8:8">
      <c r="H292162" s="12"/>
    </row>
    <row r="292163" spans="8:8">
      <c r="H292163" s="12"/>
    </row>
    <row r="292164" spans="8:8">
      <c r="H292164" s="12"/>
    </row>
    <row r="292165" spans="8:8">
      <c r="H292165" s="12"/>
    </row>
    <row r="292166" spans="8:8">
      <c r="H292166" s="12"/>
    </row>
    <row r="292167" spans="8:8">
      <c r="H292167" s="12"/>
    </row>
    <row r="292168" spans="8:8">
      <c r="H292168" s="12"/>
    </row>
    <row r="292169" spans="8:8">
      <c r="H292169" s="12"/>
    </row>
    <row r="292170" spans="8:8">
      <c r="H292170" s="12"/>
    </row>
    <row r="292171" spans="8:8">
      <c r="H292171" s="12"/>
    </row>
    <row r="292172" spans="8:8">
      <c r="H292172" s="12"/>
    </row>
    <row r="292173" spans="8:8">
      <c r="H292173" s="12"/>
    </row>
    <row r="292174" spans="8:8">
      <c r="H292174" s="12"/>
    </row>
    <row r="292175" spans="8:8">
      <c r="H292175" s="12"/>
    </row>
    <row r="292176" spans="8:8">
      <c r="H292176" s="12"/>
    </row>
    <row r="292177" spans="8:8">
      <c r="H292177" s="12"/>
    </row>
    <row r="292178" spans="8:8">
      <c r="H292178" s="12"/>
    </row>
    <row r="292179" spans="8:8">
      <c r="H292179" s="12"/>
    </row>
    <row r="292180" spans="8:8">
      <c r="H292180" s="12"/>
    </row>
    <row r="292181" spans="8:8">
      <c r="H292181" s="12"/>
    </row>
    <row r="292182" spans="8:8">
      <c r="H292182" s="12"/>
    </row>
    <row r="292183" spans="8:8">
      <c r="H292183" s="12"/>
    </row>
    <row r="292184" spans="8:8">
      <c r="H292184" s="12"/>
    </row>
    <row r="292185" spans="8:8">
      <c r="H292185" s="12"/>
    </row>
    <row r="292186" spans="8:8">
      <c r="H292186" s="12"/>
    </row>
    <row r="292187" spans="8:8">
      <c r="H292187" s="12"/>
    </row>
    <row r="292188" spans="8:8">
      <c r="H292188" s="12"/>
    </row>
    <row r="292189" spans="8:8">
      <c r="H292189" s="12"/>
    </row>
    <row r="292190" spans="8:8">
      <c r="H292190" s="12"/>
    </row>
    <row r="292191" spans="8:8">
      <c r="H292191" s="12"/>
    </row>
    <row r="292192" spans="8:8">
      <c r="H292192" s="12"/>
    </row>
    <row r="292193" spans="8:8">
      <c r="H292193" s="12"/>
    </row>
    <row r="292194" spans="8:8">
      <c r="H292194" s="12"/>
    </row>
    <row r="292195" spans="8:8">
      <c r="H292195" s="12"/>
    </row>
    <row r="292196" spans="8:8">
      <c r="H292196" s="12"/>
    </row>
    <row r="292197" spans="8:8">
      <c r="H292197" s="12"/>
    </row>
    <row r="292198" spans="8:8">
      <c r="H292198" s="12"/>
    </row>
    <row r="292199" spans="8:8">
      <c r="H292199" s="12"/>
    </row>
    <row r="292200" spans="8:8">
      <c r="H292200" s="12"/>
    </row>
    <row r="292201" spans="8:8">
      <c r="H292201" s="12"/>
    </row>
    <row r="292202" spans="8:8">
      <c r="H292202" s="12"/>
    </row>
    <row r="292203" spans="8:8">
      <c r="H292203" s="12"/>
    </row>
    <row r="292204" spans="8:8">
      <c r="H292204" s="12"/>
    </row>
    <row r="292205" spans="8:8">
      <c r="H292205" s="12"/>
    </row>
    <row r="292206" spans="8:8">
      <c r="H292206" s="12"/>
    </row>
    <row r="292207" spans="8:8">
      <c r="H292207" s="12"/>
    </row>
    <row r="292208" spans="8:8">
      <c r="H292208" s="12"/>
    </row>
    <row r="292209" spans="8:8">
      <c r="H292209" s="12"/>
    </row>
    <row r="292210" spans="8:8">
      <c r="H292210" s="12"/>
    </row>
    <row r="292211" spans="8:8">
      <c r="H292211" s="12"/>
    </row>
    <row r="292212" spans="8:8">
      <c r="H292212" s="12"/>
    </row>
    <row r="292213" spans="8:8">
      <c r="H292213" s="12"/>
    </row>
    <row r="292214" spans="8:8">
      <c r="H292214" s="12"/>
    </row>
    <row r="292215" spans="8:8">
      <c r="H292215" s="12"/>
    </row>
    <row r="292216" spans="8:8">
      <c r="H292216" s="12"/>
    </row>
    <row r="292217" spans="8:8">
      <c r="H292217" s="12"/>
    </row>
    <row r="292218" spans="8:8">
      <c r="H292218" s="12"/>
    </row>
    <row r="292219" spans="8:8">
      <c r="H292219" s="12"/>
    </row>
    <row r="292220" spans="8:8">
      <c r="H292220" s="12"/>
    </row>
    <row r="292221" spans="8:8">
      <c r="H292221" s="12"/>
    </row>
    <row r="292222" spans="8:8">
      <c r="H292222" s="12"/>
    </row>
    <row r="292223" spans="8:8">
      <c r="H292223" s="12"/>
    </row>
    <row r="292224" spans="8:8">
      <c r="H292224" s="12"/>
    </row>
    <row r="292225" spans="8:8">
      <c r="H292225" s="12"/>
    </row>
    <row r="292226" spans="8:8">
      <c r="H292226" s="12"/>
    </row>
    <row r="292227" spans="8:8">
      <c r="H292227" s="12"/>
    </row>
    <row r="292228" spans="8:8">
      <c r="H292228" s="12"/>
    </row>
    <row r="292229" spans="8:8">
      <c r="H292229" s="12"/>
    </row>
    <row r="292230" spans="8:8">
      <c r="H292230" s="12"/>
    </row>
    <row r="292231" spans="8:8">
      <c r="H292231" s="12"/>
    </row>
    <row r="292232" spans="8:8">
      <c r="H292232" s="12"/>
    </row>
    <row r="292233" spans="8:8">
      <c r="H292233" s="12"/>
    </row>
    <row r="292234" spans="8:8">
      <c r="H292234" s="12"/>
    </row>
    <row r="292235" spans="8:8">
      <c r="H292235" s="12"/>
    </row>
    <row r="292236" spans="8:8">
      <c r="H292236" s="12"/>
    </row>
    <row r="292237" spans="8:8">
      <c r="H292237" s="12"/>
    </row>
    <row r="292238" spans="8:8">
      <c r="H292238" s="12"/>
    </row>
    <row r="292239" spans="8:8">
      <c r="H292239" s="12"/>
    </row>
    <row r="292240" spans="8:8">
      <c r="H292240" s="12"/>
    </row>
    <row r="292241" spans="8:8">
      <c r="H292241" s="12"/>
    </row>
    <row r="292242" spans="8:8">
      <c r="H292242" s="12"/>
    </row>
    <row r="292243" spans="8:8">
      <c r="H292243" s="12"/>
    </row>
    <row r="292244" spans="8:8">
      <c r="H292244" s="12"/>
    </row>
    <row r="292245" spans="8:8">
      <c r="H292245" s="12"/>
    </row>
    <row r="292246" spans="8:8">
      <c r="H292246" s="12"/>
    </row>
    <row r="292247" spans="8:8">
      <c r="H292247" s="12"/>
    </row>
    <row r="292248" spans="8:8">
      <c r="H292248" s="12"/>
    </row>
    <row r="292249" spans="8:8">
      <c r="H292249" s="12"/>
    </row>
    <row r="292250" spans="8:8">
      <c r="H292250" s="12"/>
    </row>
    <row r="292251" spans="8:8">
      <c r="H292251" s="12"/>
    </row>
    <row r="292252" spans="8:8">
      <c r="H292252" s="12"/>
    </row>
    <row r="292253" spans="8:8">
      <c r="H292253" s="12"/>
    </row>
    <row r="292254" spans="8:8">
      <c r="H292254" s="12"/>
    </row>
    <row r="292255" spans="8:8">
      <c r="H292255" s="12"/>
    </row>
    <row r="292256" spans="8:8">
      <c r="H292256" s="12"/>
    </row>
    <row r="292257" spans="8:8">
      <c r="H292257" s="12"/>
    </row>
    <row r="292258" spans="8:8">
      <c r="H292258" s="12"/>
    </row>
    <row r="292259" spans="8:8">
      <c r="H292259" s="12"/>
    </row>
    <row r="292260" spans="8:8">
      <c r="H292260" s="12"/>
    </row>
    <row r="292261" spans="8:8">
      <c r="H292261" s="12"/>
    </row>
    <row r="292262" spans="8:8">
      <c r="H292262" s="12"/>
    </row>
    <row r="292263" spans="8:8">
      <c r="H292263" s="12"/>
    </row>
    <row r="292264" spans="8:8">
      <c r="H292264" s="12"/>
    </row>
    <row r="292265" spans="8:8">
      <c r="H292265" s="12"/>
    </row>
    <row r="292266" spans="8:8">
      <c r="H292266" s="12"/>
    </row>
    <row r="292267" spans="8:8">
      <c r="H292267" s="12"/>
    </row>
    <row r="292268" spans="8:8">
      <c r="H292268" s="12"/>
    </row>
    <row r="292269" spans="8:8">
      <c r="H292269" s="12"/>
    </row>
    <row r="292270" spans="8:8">
      <c r="H292270" s="12"/>
    </row>
    <row r="292271" spans="8:8">
      <c r="H292271" s="12"/>
    </row>
    <row r="292272" spans="8:8">
      <c r="H292272" s="12"/>
    </row>
    <row r="292273" spans="8:8">
      <c r="H292273" s="12"/>
    </row>
    <row r="292274" spans="8:8">
      <c r="H292274" s="12"/>
    </row>
    <row r="292275" spans="8:8">
      <c r="H292275" s="12"/>
    </row>
    <row r="292276" spans="8:8">
      <c r="H292276" s="12"/>
    </row>
    <row r="292277" spans="8:8">
      <c r="H292277" s="12"/>
    </row>
    <row r="292278" spans="8:8">
      <c r="H292278" s="12"/>
    </row>
    <row r="292279" spans="8:8">
      <c r="H292279" s="12"/>
    </row>
    <row r="292280" spans="8:8">
      <c r="H292280" s="12"/>
    </row>
    <row r="292281" spans="8:8">
      <c r="H292281" s="12"/>
    </row>
    <row r="292282" spans="8:8">
      <c r="H292282" s="12"/>
    </row>
    <row r="292283" spans="8:8">
      <c r="H292283" s="12"/>
    </row>
    <row r="292284" spans="8:8">
      <c r="H292284" s="12"/>
    </row>
    <row r="292285" spans="8:8">
      <c r="H292285" s="12"/>
    </row>
    <row r="292286" spans="8:8">
      <c r="H292286" s="12"/>
    </row>
    <row r="292287" spans="8:8">
      <c r="H292287" s="12"/>
    </row>
    <row r="292288" spans="8:8">
      <c r="H292288" s="12"/>
    </row>
    <row r="292289" spans="8:8">
      <c r="H292289" s="12"/>
    </row>
    <row r="292290" spans="8:8">
      <c r="H292290" s="12"/>
    </row>
    <row r="292291" spans="8:8">
      <c r="H292291" s="12"/>
    </row>
    <row r="292292" spans="8:8">
      <c r="H292292" s="12"/>
    </row>
    <row r="292293" spans="8:8">
      <c r="H292293" s="12"/>
    </row>
    <row r="292294" spans="8:8">
      <c r="H292294" s="12"/>
    </row>
    <row r="292295" spans="8:8">
      <c r="H292295" s="12"/>
    </row>
    <row r="292296" spans="8:8">
      <c r="H292296" s="12"/>
    </row>
    <row r="292297" spans="8:8">
      <c r="H292297" s="12"/>
    </row>
    <row r="292298" spans="8:8">
      <c r="H292298" s="12"/>
    </row>
    <row r="292299" spans="8:8">
      <c r="H292299" s="12"/>
    </row>
    <row r="292300" spans="8:8">
      <c r="H292300" s="12"/>
    </row>
    <row r="292301" spans="8:8">
      <c r="H292301" s="12"/>
    </row>
    <row r="292302" spans="8:8">
      <c r="H292302" s="12"/>
    </row>
    <row r="292303" spans="8:8">
      <c r="H292303" s="12"/>
    </row>
    <row r="292304" spans="8:8">
      <c r="H292304" s="12"/>
    </row>
    <row r="292305" spans="8:8">
      <c r="H292305" s="12"/>
    </row>
    <row r="292306" spans="8:8">
      <c r="H292306" s="12"/>
    </row>
    <row r="292307" spans="8:8">
      <c r="H292307" s="12"/>
    </row>
    <row r="292308" spans="8:8">
      <c r="H292308" s="12"/>
    </row>
    <row r="292309" spans="8:8">
      <c r="H292309" s="12"/>
    </row>
    <row r="292310" spans="8:8">
      <c r="H292310" s="12"/>
    </row>
    <row r="292311" spans="8:8">
      <c r="H292311" s="12"/>
    </row>
    <row r="292312" spans="8:8">
      <c r="H292312" s="12"/>
    </row>
    <row r="292313" spans="8:8">
      <c r="H292313" s="12"/>
    </row>
    <row r="292314" spans="8:8">
      <c r="H292314" s="12"/>
    </row>
    <row r="292315" spans="8:8">
      <c r="H292315" s="12"/>
    </row>
    <row r="292316" spans="8:8">
      <c r="H292316" s="12"/>
    </row>
    <row r="292317" spans="8:8">
      <c r="H292317" s="12"/>
    </row>
    <row r="292318" spans="8:8">
      <c r="H292318" s="12"/>
    </row>
    <row r="292319" spans="8:8">
      <c r="H292319" s="12"/>
    </row>
    <row r="292320" spans="8:8">
      <c r="H292320" s="12"/>
    </row>
    <row r="292321" spans="8:8">
      <c r="H292321" s="12"/>
    </row>
    <row r="292322" spans="8:8">
      <c r="H292322" s="12"/>
    </row>
    <row r="292323" spans="8:8">
      <c r="H292323" s="12"/>
    </row>
    <row r="292324" spans="8:8">
      <c r="H292324" s="12"/>
    </row>
    <row r="292325" spans="8:8">
      <c r="H292325" s="12"/>
    </row>
    <row r="292326" spans="8:8">
      <c r="H292326" s="12"/>
    </row>
    <row r="292327" spans="8:8">
      <c r="H292327" s="12"/>
    </row>
    <row r="292328" spans="8:8">
      <c r="H292328" s="12"/>
    </row>
    <row r="292329" spans="8:8">
      <c r="H292329" s="12"/>
    </row>
    <row r="292330" spans="8:8">
      <c r="H292330" s="12"/>
    </row>
    <row r="292331" spans="8:8">
      <c r="H292331" s="12"/>
    </row>
    <row r="292332" spans="8:8">
      <c r="H292332" s="12"/>
    </row>
    <row r="292333" spans="8:8">
      <c r="H292333" s="12"/>
    </row>
    <row r="292334" spans="8:8">
      <c r="H292334" s="12"/>
    </row>
    <row r="292335" spans="8:8">
      <c r="H292335" s="12"/>
    </row>
    <row r="292336" spans="8:8">
      <c r="H292336" s="12"/>
    </row>
    <row r="292337" spans="8:8">
      <c r="H292337" s="12"/>
    </row>
    <row r="292338" spans="8:8">
      <c r="H292338" s="12"/>
    </row>
    <row r="292339" spans="8:8">
      <c r="H292339" s="12"/>
    </row>
    <row r="292340" spans="8:8">
      <c r="H292340" s="12"/>
    </row>
    <row r="292341" spans="8:8">
      <c r="H292341" s="12"/>
    </row>
    <row r="292342" spans="8:8">
      <c r="H292342" s="12"/>
    </row>
    <row r="292343" spans="8:8">
      <c r="H292343" s="12"/>
    </row>
    <row r="292344" spans="8:8">
      <c r="H292344" s="12"/>
    </row>
    <row r="292345" spans="8:8">
      <c r="H292345" s="12"/>
    </row>
    <row r="292346" spans="8:8">
      <c r="H292346" s="12"/>
    </row>
    <row r="292347" spans="8:8">
      <c r="H292347" s="12"/>
    </row>
    <row r="292348" spans="8:8">
      <c r="H292348" s="12"/>
    </row>
    <row r="292349" spans="8:8">
      <c r="H292349" s="12"/>
    </row>
    <row r="292350" spans="8:8">
      <c r="H292350" s="12"/>
    </row>
    <row r="292351" spans="8:8">
      <c r="H292351" s="12"/>
    </row>
    <row r="292352" spans="8:8">
      <c r="H292352" s="12"/>
    </row>
    <row r="292353" spans="8:8">
      <c r="H292353" s="12"/>
    </row>
    <row r="292354" spans="8:8">
      <c r="H292354" s="12"/>
    </row>
    <row r="292355" spans="8:8">
      <c r="H292355" s="12"/>
    </row>
    <row r="292356" spans="8:8">
      <c r="H292356" s="12"/>
    </row>
    <row r="292357" spans="8:8">
      <c r="H292357" s="12"/>
    </row>
    <row r="292358" spans="8:8">
      <c r="H292358" s="12"/>
    </row>
    <row r="292359" spans="8:8">
      <c r="H292359" s="12"/>
    </row>
    <row r="292360" spans="8:8">
      <c r="H292360" s="12"/>
    </row>
    <row r="292361" spans="8:8">
      <c r="H292361" s="12"/>
    </row>
    <row r="292362" spans="8:8">
      <c r="H292362" s="12"/>
    </row>
    <row r="292363" spans="8:8">
      <c r="H292363" s="12"/>
    </row>
    <row r="292364" spans="8:8">
      <c r="H292364" s="12"/>
    </row>
    <row r="292365" spans="8:8">
      <c r="H292365" s="12"/>
    </row>
    <row r="292366" spans="8:8">
      <c r="H292366" s="12"/>
    </row>
    <row r="292367" spans="8:8">
      <c r="H292367" s="12"/>
    </row>
    <row r="292368" spans="8:8">
      <c r="H292368" s="12"/>
    </row>
    <row r="292369" spans="8:8">
      <c r="H292369" s="12"/>
    </row>
    <row r="292370" spans="8:8">
      <c r="H292370" s="12"/>
    </row>
    <row r="292371" spans="8:8">
      <c r="H292371" s="12"/>
    </row>
    <row r="292372" spans="8:8">
      <c r="H292372" s="12"/>
    </row>
    <row r="292373" spans="8:8">
      <c r="H292373" s="12"/>
    </row>
    <row r="292374" spans="8:8">
      <c r="H292374" s="12"/>
    </row>
    <row r="292375" spans="8:8">
      <c r="H292375" s="12"/>
    </row>
    <row r="292376" spans="8:8">
      <c r="H292376" s="12"/>
    </row>
    <row r="292377" spans="8:8">
      <c r="H292377" s="12"/>
    </row>
    <row r="292378" spans="8:8">
      <c r="H292378" s="12"/>
    </row>
    <row r="292379" spans="8:8">
      <c r="H292379" s="12"/>
    </row>
    <row r="292380" spans="8:8">
      <c r="H292380" s="12"/>
    </row>
    <row r="292381" spans="8:8">
      <c r="H292381" s="12"/>
    </row>
    <row r="292382" spans="8:8">
      <c r="H292382" s="12"/>
    </row>
    <row r="292383" spans="8:8">
      <c r="H292383" s="12"/>
    </row>
    <row r="292384" spans="8:8">
      <c r="H292384" s="12"/>
    </row>
    <row r="292385" spans="8:8">
      <c r="H292385" s="12"/>
    </row>
    <row r="292386" spans="8:8">
      <c r="H292386" s="12"/>
    </row>
    <row r="292387" spans="8:8">
      <c r="H292387" s="12"/>
    </row>
    <row r="292388" spans="8:8">
      <c r="H292388" s="12"/>
    </row>
    <row r="292389" spans="8:8">
      <c r="H292389" s="12"/>
    </row>
    <row r="292390" spans="8:8">
      <c r="H292390" s="12"/>
    </row>
    <row r="292391" spans="8:8">
      <c r="H292391" s="12"/>
    </row>
    <row r="292392" spans="8:8">
      <c r="H292392" s="12"/>
    </row>
    <row r="292393" spans="8:8">
      <c r="H292393" s="12"/>
    </row>
    <row r="292394" spans="8:8">
      <c r="H292394" s="12"/>
    </row>
    <row r="292395" spans="8:8">
      <c r="H292395" s="12"/>
    </row>
    <row r="292396" spans="8:8">
      <c r="H292396" s="12"/>
    </row>
    <row r="292397" spans="8:8">
      <c r="H292397" s="12"/>
    </row>
    <row r="292398" spans="8:8">
      <c r="H292398" s="12"/>
    </row>
    <row r="292399" spans="8:8">
      <c r="H292399" s="12"/>
    </row>
    <row r="292400" spans="8:8">
      <c r="H292400" s="12"/>
    </row>
    <row r="292401" spans="8:8">
      <c r="H292401" s="12"/>
    </row>
    <row r="292402" spans="8:8">
      <c r="H292402" s="12"/>
    </row>
    <row r="292403" spans="8:8">
      <c r="H292403" s="12"/>
    </row>
    <row r="292404" spans="8:8">
      <c r="H292404" s="12"/>
    </row>
    <row r="292405" spans="8:8">
      <c r="H292405" s="12"/>
    </row>
    <row r="292406" spans="8:8">
      <c r="H292406" s="12"/>
    </row>
    <row r="292407" spans="8:8">
      <c r="H292407" s="12"/>
    </row>
    <row r="292408" spans="8:8">
      <c r="H292408" s="12"/>
    </row>
    <row r="292409" spans="8:8">
      <c r="H292409" s="12"/>
    </row>
    <row r="292410" spans="8:8">
      <c r="H292410" s="12"/>
    </row>
    <row r="292411" spans="8:8">
      <c r="H292411" s="12"/>
    </row>
    <row r="292412" spans="8:8">
      <c r="H292412" s="12"/>
    </row>
    <row r="292413" spans="8:8">
      <c r="H292413" s="12"/>
    </row>
    <row r="292414" spans="8:8">
      <c r="H292414" s="12"/>
    </row>
    <row r="292415" spans="8:8">
      <c r="H292415" s="12"/>
    </row>
    <row r="292416" spans="8:8">
      <c r="H292416" s="12"/>
    </row>
    <row r="292417" spans="8:8">
      <c r="H292417" s="12"/>
    </row>
    <row r="292418" spans="8:8">
      <c r="H292418" s="12"/>
    </row>
    <row r="292419" spans="8:8">
      <c r="H292419" s="12"/>
    </row>
    <row r="292420" spans="8:8">
      <c r="H292420" s="12"/>
    </row>
    <row r="292421" spans="8:8">
      <c r="H292421" s="12"/>
    </row>
    <row r="292422" spans="8:8">
      <c r="H292422" s="12"/>
    </row>
    <row r="292423" spans="8:8">
      <c r="H292423" s="12"/>
    </row>
    <row r="292424" spans="8:8">
      <c r="H292424" s="12"/>
    </row>
    <row r="292425" spans="8:8">
      <c r="H292425" s="12"/>
    </row>
    <row r="292426" spans="8:8">
      <c r="H292426" s="12"/>
    </row>
    <row r="292427" spans="8:8">
      <c r="H292427" s="12"/>
    </row>
    <row r="292428" spans="8:8">
      <c r="H292428" s="12"/>
    </row>
    <row r="292429" spans="8:8">
      <c r="H292429" s="12"/>
    </row>
    <row r="292430" spans="8:8">
      <c r="H292430" s="12"/>
    </row>
    <row r="292431" spans="8:8">
      <c r="H292431" s="12"/>
    </row>
    <row r="292432" spans="8:8">
      <c r="H292432" s="12"/>
    </row>
    <row r="292433" spans="8:8">
      <c r="H292433" s="12"/>
    </row>
    <row r="292434" spans="8:8">
      <c r="H292434" s="12"/>
    </row>
    <row r="292435" spans="8:8">
      <c r="H292435" s="12"/>
    </row>
    <row r="292436" spans="8:8">
      <c r="H292436" s="12"/>
    </row>
    <row r="292437" spans="8:8">
      <c r="H292437" s="12"/>
    </row>
    <row r="292438" spans="8:8">
      <c r="H292438" s="12"/>
    </row>
    <row r="292439" spans="8:8">
      <c r="H292439" s="12"/>
    </row>
    <row r="292440" spans="8:8">
      <c r="H292440" s="12"/>
    </row>
    <row r="292441" spans="8:8">
      <c r="H292441" s="12"/>
    </row>
    <row r="292442" spans="8:8">
      <c r="H292442" s="12"/>
    </row>
    <row r="292443" spans="8:8">
      <c r="H292443" s="12"/>
    </row>
    <row r="292444" spans="8:8">
      <c r="H292444" s="12"/>
    </row>
    <row r="292445" spans="8:8">
      <c r="H292445" s="12"/>
    </row>
    <row r="292446" spans="8:8">
      <c r="H292446" s="12"/>
    </row>
    <row r="292447" spans="8:8">
      <c r="H292447" s="12"/>
    </row>
    <row r="292448" spans="8:8">
      <c r="H292448" s="12"/>
    </row>
    <row r="292449" spans="8:8">
      <c r="H292449" s="12"/>
    </row>
    <row r="292450" spans="8:8">
      <c r="H292450" s="12"/>
    </row>
    <row r="292451" spans="8:8">
      <c r="H292451" s="12"/>
    </row>
    <row r="292452" spans="8:8">
      <c r="H292452" s="12"/>
    </row>
    <row r="292453" spans="8:8">
      <c r="H292453" s="12"/>
    </row>
    <row r="292454" spans="8:8">
      <c r="H292454" s="12"/>
    </row>
    <row r="292455" spans="8:8">
      <c r="H292455" s="12"/>
    </row>
    <row r="292456" spans="8:8">
      <c r="H292456" s="12"/>
    </row>
    <row r="292457" spans="8:8">
      <c r="H292457" s="12"/>
    </row>
    <row r="292458" spans="8:8">
      <c r="H292458" s="12"/>
    </row>
    <row r="292459" spans="8:8">
      <c r="H292459" s="12"/>
    </row>
    <row r="292460" spans="8:8">
      <c r="H292460" s="12"/>
    </row>
    <row r="292461" spans="8:8">
      <c r="H292461" s="12"/>
    </row>
    <row r="292462" spans="8:8">
      <c r="H292462" s="12"/>
    </row>
    <row r="292463" spans="8:8">
      <c r="H292463" s="12"/>
    </row>
    <row r="292464" spans="8:8">
      <c r="H292464" s="12"/>
    </row>
    <row r="292465" spans="8:8">
      <c r="H292465" s="12"/>
    </row>
    <row r="292466" spans="8:8">
      <c r="H292466" s="12"/>
    </row>
    <row r="292467" spans="8:8">
      <c r="H292467" s="12"/>
    </row>
    <row r="292468" spans="8:8">
      <c r="H292468" s="12"/>
    </row>
    <row r="292469" spans="8:8">
      <c r="H292469" s="12"/>
    </row>
    <row r="292470" spans="8:8">
      <c r="H292470" s="12"/>
    </row>
    <row r="292471" spans="8:8">
      <c r="H292471" s="12"/>
    </row>
    <row r="292472" spans="8:8">
      <c r="H292472" s="12"/>
    </row>
    <row r="292473" spans="8:8">
      <c r="H292473" s="12"/>
    </row>
    <row r="292474" spans="8:8">
      <c r="H292474" s="12"/>
    </row>
    <row r="292475" spans="8:8">
      <c r="H292475" s="12"/>
    </row>
    <row r="292476" spans="8:8">
      <c r="H292476" s="12"/>
    </row>
    <row r="292477" spans="8:8">
      <c r="H292477" s="12"/>
    </row>
    <row r="292478" spans="8:8">
      <c r="H292478" s="12"/>
    </row>
    <row r="292479" spans="8:8">
      <c r="H292479" s="12"/>
    </row>
    <row r="292480" spans="8:8">
      <c r="H292480" s="12"/>
    </row>
    <row r="292481" spans="8:8">
      <c r="H292481" s="12"/>
    </row>
    <row r="292482" spans="8:8">
      <c r="H292482" s="12"/>
    </row>
    <row r="292483" spans="8:8">
      <c r="H292483" s="12"/>
    </row>
    <row r="292484" spans="8:8">
      <c r="H292484" s="12"/>
    </row>
    <row r="292485" spans="8:8">
      <c r="H292485" s="12"/>
    </row>
    <row r="292486" spans="8:8">
      <c r="H292486" s="12"/>
    </row>
    <row r="292487" spans="8:8">
      <c r="H292487" s="12"/>
    </row>
    <row r="292488" spans="8:8">
      <c r="H292488" s="12"/>
    </row>
    <row r="292489" spans="8:8">
      <c r="H292489" s="12"/>
    </row>
    <row r="292490" spans="8:8">
      <c r="H292490" s="12"/>
    </row>
    <row r="292491" spans="8:8">
      <c r="H292491" s="12"/>
    </row>
    <row r="292492" spans="8:8">
      <c r="H292492" s="12"/>
    </row>
    <row r="292493" spans="8:8">
      <c r="H292493" s="12"/>
    </row>
    <row r="292494" spans="8:8">
      <c r="H292494" s="12"/>
    </row>
    <row r="292495" spans="8:8">
      <c r="H292495" s="12"/>
    </row>
    <row r="292496" spans="8:8">
      <c r="H292496" s="12"/>
    </row>
    <row r="292497" spans="8:8">
      <c r="H292497" s="12"/>
    </row>
    <row r="292498" spans="8:8">
      <c r="H292498" s="12"/>
    </row>
    <row r="292499" spans="8:8">
      <c r="H292499" s="12"/>
    </row>
    <row r="292500" spans="8:8">
      <c r="H292500" s="12"/>
    </row>
    <row r="292501" spans="8:8">
      <c r="H292501" s="12"/>
    </row>
    <row r="292502" spans="8:8">
      <c r="H292502" s="12"/>
    </row>
    <row r="292503" spans="8:8">
      <c r="H292503" s="12"/>
    </row>
    <row r="292504" spans="8:8">
      <c r="H292504" s="12"/>
    </row>
    <row r="292505" spans="8:8">
      <c r="H292505" s="12"/>
    </row>
    <row r="292506" spans="8:8">
      <c r="H292506" s="12"/>
    </row>
    <row r="292507" spans="8:8">
      <c r="H292507" s="12"/>
    </row>
    <row r="292508" spans="8:8">
      <c r="H292508" s="12"/>
    </row>
    <row r="292509" spans="8:8">
      <c r="H292509" s="12"/>
    </row>
    <row r="292510" spans="8:8">
      <c r="H292510" s="12"/>
    </row>
    <row r="292511" spans="8:8">
      <c r="H292511" s="12"/>
    </row>
    <row r="292512" spans="8:8">
      <c r="H292512" s="12"/>
    </row>
    <row r="292513" spans="8:8">
      <c r="H292513" s="12"/>
    </row>
    <row r="292514" spans="8:8">
      <c r="H292514" s="12"/>
    </row>
    <row r="292515" spans="8:8">
      <c r="H292515" s="12"/>
    </row>
    <row r="292516" spans="8:8">
      <c r="H292516" s="12"/>
    </row>
    <row r="292517" spans="8:8">
      <c r="H292517" s="12"/>
    </row>
    <row r="292518" spans="8:8">
      <c r="H292518" s="12"/>
    </row>
    <row r="292519" spans="8:8">
      <c r="H292519" s="12"/>
    </row>
    <row r="292520" spans="8:8">
      <c r="H292520" s="12"/>
    </row>
    <row r="292521" spans="8:8">
      <c r="H292521" s="12"/>
    </row>
    <row r="292522" spans="8:8">
      <c r="H292522" s="12"/>
    </row>
    <row r="292523" spans="8:8">
      <c r="H292523" s="12"/>
    </row>
    <row r="292524" spans="8:8">
      <c r="H292524" s="12"/>
    </row>
    <row r="292525" spans="8:8">
      <c r="H292525" s="12"/>
    </row>
    <row r="292526" spans="8:8">
      <c r="H292526" s="12"/>
    </row>
    <row r="292527" spans="8:8">
      <c r="H292527" s="12"/>
    </row>
    <row r="292528" spans="8:8">
      <c r="H292528" s="12"/>
    </row>
    <row r="292529" spans="8:8">
      <c r="H292529" s="12"/>
    </row>
    <row r="292530" spans="8:8">
      <c r="H292530" s="12"/>
    </row>
    <row r="292531" spans="8:8">
      <c r="H292531" s="12"/>
    </row>
    <row r="292532" spans="8:8">
      <c r="H292532" s="12"/>
    </row>
    <row r="292533" spans="8:8">
      <c r="H292533" s="12"/>
    </row>
    <row r="292534" spans="8:8">
      <c r="H292534" s="12"/>
    </row>
    <row r="292535" spans="8:8">
      <c r="H292535" s="12"/>
    </row>
    <row r="292536" spans="8:8">
      <c r="H292536" s="12"/>
    </row>
    <row r="292537" spans="8:8">
      <c r="H292537" s="12"/>
    </row>
    <row r="292538" spans="8:8">
      <c r="H292538" s="12"/>
    </row>
    <row r="292539" spans="8:8">
      <c r="H292539" s="12"/>
    </row>
    <row r="292540" spans="8:8">
      <c r="H292540" s="12"/>
    </row>
    <row r="292541" spans="8:8">
      <c r="H292541" s="12"/>
    </row>
    <row r="292542" spans="8:8">
      <c r="H292542" s="12"/>
    </row>
    <row r="292543" spans="8:8">
      <c r="H292543" s="12"/>
    </row>
    <row r="292544" spans="8:8">
      <c r="H292544" s="12"/>
    </row>
    <row r="292545" spans="8:8">
      <c r="H292545" s="12"/>
    </row>
    <row r="292546" spans="8:8">
      <c r="H292546" s="12"/>
    </row>
    <row r="292547" spans="8:8">
      <c r="H292547" s="12"/>
    </row>
    <row r="292548" spans="8:8">
      <c r="H292548" s="12"/>
    </row>
    <row r="292549" spans="8:8">
      <c r="H292549" s="12"/>
    </row>
    <row r="292550" spans="8:8">
      <c r="H292550" s="12"/>
    </row>
    <row r="292551" spans="8:8">
      <c r="H292551" s="12"/>
    </row>
    <row r="292552" spans="8:8">
      <c r="H292552" s="12"/>
    </row>
    <row r="292553" spans="8:8">
      <c r="H292553" s="12"/>
    </row>
    <row r="292554" spans="8:8">
      <c r="H292554" s="12"/>
    </row>
    <row r="292555" spans="8:8">
      <c r="H292555" s="12"/>
    </row>
    <row r="292556" spans="8:8">
      <c r="H292556" s="12"/>
    </row>
    <row r="292557" spans="8:8">
      <c r="H292557" s="12"/>
    </row>
    <row r="292558" spans="8:8">
      <c r="H292558" s="12"/>
    </row>
    <row r="292559" spans="8:8">
      <c r="H292559" s="12"/>
    </row>
    <row r="292560" spans="8:8">
      <c r="H292560" s="12"/>
    </row>
    <row r="292561" spans="8:8">
      <c r="H292561" s="12"/>
    </row>
    <row r="292562" spans="8:8">
      <c r="H292562" s="12"/>
    </row>
    <row r="292563" spans="8:8">
      <c r="H292563" s="12"/>
    </row>
    <row r="292564" spans="8:8">
      <c r="H292564" s="12"/>
    </row>
    <row r="292565" spans="8:8">
      <c r="H292565" s="12"/>
    </row>
    <row r="292566" spans="8:8">
      <c r="H292566" s="12"/>
    </row>
    <row r="292567" spans="8:8">
      <c r="H292567" s="12"/>
    </row>
    <row r="292568" spans="8:8">
      <c r="H292568" s="12"/>
    </row>
    <row r="292569" spans="8:8">
      <c r="H292569" s="12"/>
    </row>
    <row r="292570" spans="8:8">
      <c r="H292570" s="12"/>
    </row>
    <row r="292571" spans="8:8">
      <c r="H292571" s="12"/>
    </row>
    <row r="292572" spans="8:8">
      <c r="H292572" s="12"/>
    </row>
    <row r="292573" spans="8:8">
      <c r="H292573" s="12"/>
    </row>
    <row r="292574" spans="8:8">
      <c r="H292574" s="12"/>
    </row>
    <row r="292575" spans="8:8">
      <c r="H292575" s="12"/>
    </row>
    <row r="292576" spans="8:8">
      <c r="H292576" s="12"/>
    </row>
    <row r="292577" spans="8:8">
      <c r="H292577" s="12"/>
    </row>
    <row r="292578" spans="8:8">
      <c r="H292578" s="12"/>
    </row>
    <row r="292579" spans="8:8">
      <c r="H292579" s="12"/>
    </row>
    <row r="292580" spans="8:8">
      <c r="H292580" s="12"/>
    </row>
    <row r="292581" spans="8:8">
      <c r="H292581" s="12"/>
    </row>
    <row r="292582" spans="8:8">
      <c r="H292582" s="12"/>
    </row>
    <row r="292583" spans="8:8">
      <c r="H292583" s="12"/>
    </row>
    <row r="292584" spans="8:8">
      <c r="H292584" s="12"/>
    </row>
    <row r="292585" spans="8:8">
      <c r="H292585" s="12"/>
    </row>
    <row r="292586" spans="8:8">
      <c r="H292586" s="12"/>
    </row>
    <row r="292587" spans="8:8">
      <c r="H292587" s="12"/>
    </row>
    <row r="292588" spans="8:8">
      <c r="H292588" s="12"/>
    </row>
    <row r="292589" spans="8:8">
      <c r="H292589" s="12"/>
    </row>
    <row r="292590" spans="8:8">
      <c r="H292590" s="12"/>
    </row>
    <row r="292591" spans="8:8">
      <c r="H292591" s="12"/>
    </row>
    <row r="292592" spans="8:8">
      <c r="H292592" s="12"/>
    </row>
    <row r="292593" spans="8:8">
      <c r="H292593" s="12"/>
    </row>
    <row r="292594" spans="8:8">
      <c r="H292594" s="12"/>
    </row>
    <row r="292595" spans="8:8">
      <c r="H292595" s="12"/>
    </row>
    <row r="292596" spans="8:8">
      <c r="H292596" s="12"/>
    </row>
    <row r="292597" spans="8:8">
      <c r="H292597" s="12"/>
    </row>
    <row r="292598" spans="8:8">
      <c r="H292598" s="12"/>
    </row>
    <row r="292599" spans="8:8">
      <c r="H292599" s="12"/>
    </row>
    <row r="292600" spans="8:8">
      <c r="H292600" s="12"/>
    </row>
    <row r="292601" spans="8:8">
      <c r="H292601" s="12"/>
    </row>
    <row r="292602" spans="8:8">
      <c r="H292602" s="12"/>
    </row>
    <row r="292603" spans="8:8">
      <c r="H292603" s="12"/>
    </row>
    <row r="292604" spans="8:8">
      <c r="H292604" s="12"/>
    </row>
    <row r="292605" spans="8:8">
      <c r="H292605" s="12"/>
    </row>
    <row r="292606" spans="8:8">
      <c r="H292606" s="12"/>
    </row>
    <row r="292607" spans="8:8">
      <c r="H292607" s="12"/>
    </row>
    <row r="292608" spans="8:8">
      <c r="H292608" s="12"/>
    </row>
    <row r="292609" spans="8:8">
      <c r="H292609" s="12"/>
    </row>
    <row r="292610" spans="8:8">
      <c r="H292610" s="12"/>
    </row>
    <row r="292611" spans="8:8">
      <c r="H292611" s="12"/>
    </row>
    <row r="292612" spans="8:8">
      <c r="H292612" s="12"/>
    </row>
    <row r="292613" spans="8:8">
      <c r="H292613" s="12"/>
    </row>
    <row r="292614" spans="8:8">
      <c r="H292614" s="12"/>
    </row>
    <row r="292615" spans="8:8">
      <c r="H292615" s="12"/>
    </row>
    <row r="292616" spans="8:8">
      <c r="H292616" s="12"/>
    </row>
    <row r="292617" spans="8:8">
      <c r="H292617" s="12"/>
    </row>
    <row r="292618" spans="8:8">
      <c r="H292618" s="12"/>
    </row>
    <row r="292619" spans="8:8">
      <c r="H292619" s="12"/>
    </row>
    <row r="292620" spans="8:8">
      <c r="H292620" s="12"/>
    </row>
    <row r="292621" spans="8:8">
      <c r="H292621" s="12"/>
    </row>
    <row r="292622" spans="8:8">
      <c r="H292622" s="12"/>
    </row>
    <row r="292623" spans="8:8">
      <c r="H292623" s="12"/>
    </row>
    <row r="292624" spans="8:8">
      <c r="H292624" s="12"/>
    </row>
    <row r="292625" spans="8:8">
      <c r="H292625" s="12"/>
    </row>
    <row r="292626" spans="8:8">
      <c r="H292626" s="12"/>
    </row>
    <row r="292627" spans="8:8">
      <c r="H292627" s="12"/>
    </row>
    <row r="292628" spans="8:8">
      <c r="H292628" s="12"/>
    </row>
    <row r="292629" spans="8:8">
      <c r="H292629" s="12"/>
    </row>
    <row r="292630" spans="8:8">
      <c r="H292630" s="12"/>
    </row>
    <row r="292631" spans="8:8">
      <c r="H292631" s="12"/>
    </row>
    <row r="292632" spans="8:8">
      <c r="H292632" s="12"/>
    </row>
    <row r="292633" spans="8:8">
      <c r="H292633" s="12"/>
    </row>
    <row r="292634" spans="8:8">
      <c r="H292634" s="12"/>
    </row>
    <row r="292635" spans="8:8">
      <c r="H292635" s="12"/>
    </row>
    <row r="292636" spans="8:8">
      <c r="H292636" s="12"/>
    </row>
    <row r="292637" spans="8:8">
      <c r="H292637" s="12"/>
    </row>
    <row r="292638" spans="8:8">
      <c r="H292638" s="12"/>
    </row>
    <row r="292639" spans="8:8">
      <c r="H292639" s="12"/>
    </row>
    <row r="292640" spans="8:8">
      <c r="H292640" s="12"/>
    </row>
    <row r="292641" spans="8:8">
      <c r="H292641" s="12"/>
    </row>
    <row r="292642" spans="8:8">
      <c r="H292642" s="12"/>
    </row>
    <row r="292643" spans="8:8">
      <c r="H292643" s="12"/>
    </row>
    <row r="292644" spans="8:8">
      <c r="H292644" s="12"/>
    </row>
    <row r="292645" spans="8:8">
      <c r="H292645" s="12"/>
    </row>
    <row r="292646" spans="8:8">
      <c r="H292646" s="12"/>
    </row>
    <row r="292647" spans="8:8">
      <c r="H292647" s="12"/>
    </row>
    <row r="292648" spans="8:8">
      <c r="H292648" s="12"/>
    </row>
    <row r="292649" spans="8:8">
      <c r="H292649" s="12"/>
    </row>
    <row r="292650" spans="8:8">
      <c r="H292650" s="12"/>
    </row>
    <row r="292651" spans="8:8">
      <c r="H292651" s="12"/>
    </row>
    <row r="292652" spans="8:8">
      <c r="H292652" s="12"/>
    </row>
    <row r="292653" spans="8:8">
      <c r="H292653" s="12"/>
    </row>
    <row r="292654" spans="8:8">
      <c r="H292654" s="12"/>
    </row>
    <row r="292655" spans="8:8">
      <c r="H292655" s="12"/>
    </row>
    <row r="292656" spans="8:8">
      <c r="H292656" s="12"/>
    </row>
    <row r="292657" spans="8:8">
      <c r="H292657" s="12"/>
    </row>
    <row r="292658" spans="8:8">
      <c r="H292658" s="12"/>
    </row>
    <row r="292659" spans="8:8">
      <c r="H292659" s="12"/>
    </row>
    <row r="292660" spans="8:8">
      <c r="H292660" s="12"/>
    </row>
    <row r="292661" spans="8:8">
      <c r="H292661" s="12"/>
    </row>
    <row r="292662" spans="8:8">
      <c r="H292662" s="12"/>
    </row>
    <row r="292663" spans="8:8">
      <c r="H292663" s="12"/>
    </row>
    <row r="292664" spans="8:8">
      <c r="H292664" s="12"/>
    </row>
    <row r="292665" spans="8:8">
      <c r="H292665" s="12"/>
    </row>
    <row r="292666" spans="8:8">
      <c r="H292666" s="12"/>
    </row>
    <row r="292667" spans="8:8">
      <c r="H292667" s="12"/>
    </row>
    <row r="292668" spans="8:8">
      <c r="H292668" s="12"/>
    </row>
    <row r="292669" spans="8:8">
      <c r="H292669" s="12"/>
    </row>
    <row r="292670" spans="8:8">
      <c r="H292670" s="12"/>
    </row>
    <row r="292671" spans="8:8">
      <c r="H292671" s="12"/>
    </row>
    <row r="292672" spans="8:8">
      <c r="H292672" s="12"/>
    </row>
    <row r="292673" spans="8:8">
      <c r="H292673" s="12"/>
    </row>
    <row r="292674" spans="8:8">
      <c r="H292674" s="12"/>
    </row>
    <row r="292675" spans="8:8">
      <c r="H292675" s="12"/>
    </row>
    <row r="292676" spans="8:8">
      <c r="H292676" s="12"/>
    </row>
    <row r="292677" spans="8:8">
      <c r="H292677" s="12"/>
    </row>
    <row r="292678" spans="8:8">
      <c r="H292678" s="12"/>
    </row>
    <row r="292679" spans="8:8">
      <c r="H292679" s="12"/>
    </row>
    <row r="292680" spans="8:8">
      <c r="H292680" s="12"/>
    </row>
    <row r="292681" spans="8:8">
      <c r="H292681" s="12"/>
    </row>
    <row r="292682" spans="8:8">
      <c r="H292682" s="12"/>
    </row>
    <row r="292683" spans="8:8">
      <c r="H292683" s="12"/>
    </row>
    <row r="292684" spans="8:8">
      <c r="H292684" s="12"/>
    </row>
    <row r="292685" spans="8:8">
      <c r="H292685" s="12"/>
    </row>
    <row r="292686" spans="8:8">
      <c r="H292686" s="12"/>
    </row>
    <row r="292687" spans="8:8">
      <c r="H292687" s="12"/>
    </row>
    <row r="292688" spans="8:8">
      <c r="H292688" s="12"/>
    </row>
    <row r="292689" spans="8:8">
      <c r="H292689" s="12"/>
    </row>
    <row r="292690" spans="8:8">
      <c r="H292690" s="12"/>
    </row>
    <row r="292691" spans="8:8">
      <c r="H292691" s="12"/>
    </row>
    <row r="292692" spans="8:8">
      <c r="H292692" s="12"/>
    </row>
    <row r="292693" spans="8:8">
      <c r="H292693" s="12"/>
    </row>
    <row r="292694" spans="8:8">
      <c r="H292694" s="12"/>
    </row>
    <row r="292695" spans="8:8">
      <c r="H292695" s="12"/>
    </row>
    <row r="292696" spans="8:8">
      <c r="H292696" s="12"/>
    </row>
    <row r="292697" spans="8:8">
      <c r="H292697" s="12"/>
    </row>
    <row r="292698" spans="8:8">
      <c r="H292698" s="12"/>
    </row>
    <row r="292699" spans="8:8">
      <c r="H292699" s="12"/>
    </row>
    <row r="292700" spans="8:8">
      <c r="H292700" s="12"/>
    </row>
    <row r="292701" spans="8:8">
      <c r="H292701" s="12"/>
    </row>
    <row r="292702" spans="8:8">
      <c r="H292702" s="12"/>
    </row>
    <row r="292703" spans="8:8">
      <c r="H292703" s="12"/>
    </row>
    <row r="292704" spans="8:8">
      <c r="H292704" s="12"/>
    </row>
    <row r="292705" spans="8:8">
      <c r="H292705" s="12"/>
    </row>
    <row r="292706" spans="8:8">
      <c r="H292706" s="12"/>
    </row>
    <row r="292707" spans="8:8">
      <c r="H292707" s="12"/>
    </row>
    <row r="292708" spans="8:8">
      <c r="H292708" s="12"/>
    </row>
    <row r="292709" spans="8:8">
      <c r="H292709" s="12"/>
    </row>
    <row r="292710" spans="8:8">
      <c r="H292710" s="12"/>
    </row>
    <row r="292711" spans="8:8">
      <c r="H292711" s="12"/>
    </row>
    <row r="292712" spans="8:8">
      <c r="H292712" s="12"/>
    </row>
    <row r="292713" spans="8:8">
      <c r="H292713" s="12"/>
    </row>
    <row r="292714" spans="8:8">
      <c r="H292714" s="12"/>
    </row>
    <row r="292715" spans="8:8">
      <c r="H292715" s="12"/>
    </row>
    <row r="292716" spans="8:8">
      <c r="H292716" s="12"/>
    </row>
    <row r="292717" spans="8:8">
      <c r="H292717" s="12"/>
    </row>
    <row r="292718" spans="8:8">
      <c r="H292718" s="12"/>
    </row>
    <row r="292719" spans="8:8">
      <c r="H292719" s="12"/>
    </row>
    <row r="292720" spans="8:8">
      <c r="H292720" s="12"/>
    </row>
    <row r="292721" spans="8:8">
      <c r="H292721" s="12"/>
    </row>
    <row r="292722" spans="8:8">
      <c r="H292722" s="12"/>
    </row>
    <row r="292723" spans="8:8">
      <c r="H292723" s="12"/>
    </row>
    <row r="292724" spans="8:8">
      <c r="H292724" s="12"/>
    </row>
    <row r="292725" spans="8:8">
      <c r="H292725" s="12"/>
    </row>
    <row r="292726" spans="8:8">
      <c r="H292726" s="12"/>
    </row>
    <row r="292727" spans="8:8">
      <c r="H292727" s="12"/>
    </row>
    <row r="292728" spans="8:8">
      <c r="H292728" s="12"/>
    </row>
    <row r="292729" spans="8:8">
      <c r="H292729" s="12"/>
    </row>
    <row r="292730" spans="8:8">
      <c r="H292730" s="12"/>
    </row>
    <row r="292731" spans="8:8">
      <c r="H292731" s="12"/>
    </row>
    <row r="292732" spans="8:8">
      <c r="H292732" s="12"/>
    </row>
    <row r="292733" spans="8:8">
      <c r="H292733" s="12"/>
    </row>
    <row r="292734" spans="8:8">
      <c r="H292734" s="12"/>
    </row>
    <row r="292735" spans="8:8">
      <c r="H292735" s="12"/>
    </row>
    <row r="292736" spans="8:8">
      <c r="H292736" s="12"/>
    </row>
    <row r="292737" spans="8:8">
      <c r="H292737" s="12"/>
    </row>
    <row r="292738" spans="8:8">
      <c r="H292738" s="12"/>
    </row>
    <row r="292739" spans="8:8">
      <c r="H292739" s="12"/>
    </row>
    <row r="292740" spans="8:8">
      <c r="H292740" s="12"/>
    </row>
    <row r="292741" spans="8:8">
      <c r="H292741" s="12"/>
    </row>
    <row r="292742" spans="8:8">
      <c r="H292742" s="12"/>
    </row>
    <row r="292743" spans="8:8">
      <c r="H292743" s="12"/>
    </row>
    <row r="292744" spans="8:8">
      <c r="H292744" s="12"/>
    </row>
    <row r="292745" spans="8:8">
      <c r="H292745" s="12"/>
    </row>
    <row r="292746" spans="8:8">
      <c r="H292746" s="12"/>
    </row>
    <row r="292747" spans="8:8">
      <c r="H292747" s="12"/>
    </row>
    <row r="292748" spans="8:8">
      <c r="H292748" s="12"/>
    </row>
    <row r="292749" spans="8:8">
      <c r="H292749" s="12"/>
    </row>
    <row r="292750" spans="8:8">
      <c r="H292750" s="12"/>
    </row>
    <row r="292751" spans="8:8">
      <c r="H292751" s="12"/>
    </row>
    <row r="292752" spans="8:8">
      <c r="H292752" s="12"/>
    </row>
    <row r="292753" spans="8:8">
      <c r="H292753" s="12"/>
    </row>
    <row r="292754" spans="8:8">
      <c r="H292754" s="12"/>
    </row>
    <row r="292755" spans="8:8">
      <c r="H292755" s="12"/>
    </row>
    <row r="292756" spans="8:8">
      <c r="H292756" s="12"/>
    </row>
    <row r="292757" spans="8:8">
      <c r="H292757" s="12"/>
    </row>
    <row r="292758" spans="8:8">
      <c r="H292758" s="12"/>
    </row>
    <row r="292759" spans="8:8">
      <c r="H292759" s="12"/>
    </row>
    <row r="292760" spans="8:8">
      <c r="H292760" s="12"/>
    </row>
    <row r="292761" spans="8:8">
      <c r="H292761" s="12"/>
    </row>
    <row r="292762" spans="8:8">
      <c r="H292762" s="12"/>
    </row>
    <row r="292763" spans="8:8">
      <c r="H292763" s="12"/>
    </row>
    <row r="292764" spans="8:8">
      <c r="H292764" s="12"/>
    </row>
    <row r="292765" spans="8:8">
      <c r="H292765" s="12"/>
    </row>
    <row r="292766" spans="8:8">
      <c r="H292766" s="12"/>
    </row>
    <row r="292767" spans="8:8">
      <c r="H292767" s="12"/>
    </row>
    <row r="292768" spans="8:8">
      <c r="H292768" s="12"/>
    </row>
    <row r="292769" spans="8:8">
      <c r="H292769" s="12"/>
    </row>
    <row r="292770" spans="8:8">
      <c r="H292770" s="12"/>
    </row>
    <row r="292771" spans="8:8">
      <c r="H292771" s="12"/>
    </row>
    <row r="292772" spans="8:8">
      <c r="H292772" s="12"/>
    </row>
    <row r="292773" spans="8:8">
      <c r="H292773" s="12"/>
    </row>
    <row r="292774" spans="8:8">
      <c r="H292774" s="12"/>
    </row>
    <row r="292775" spans="8:8">
      <c r="H292775" s="12"/>
    </row>
    <row r="292776" spans="8:8">
      <c r="H292776" s="12"/>
    </row>
    <row r="292777" spans="8:8">
      <c r="H292777" s="12"/>
    </row>
    <row r="292778" spans="8:8">
      <c r="H292778" s="12"/>
    </row>
    <row r="292779" spans="8:8">
      <c r="H292779" s="12"/>
    </row>
    <row r="292780" spans="8:8">
      <c r="H292780" s="12"/>
    </row>
    <row r="292781" spans="8:8">
      <c r="H292781" s="12"/>
    </row>
    <row r="292782" spans="8:8">
      <c r="H292782" s="12"/>
    </row>
    <row r="292783" spans="8:8">
      <c r="H292783" s="12"/>
    </row>
    <row r="292784" spans="8:8">
      <c r="H292784" s="12"/>
    </row>
    <row r="292785" spans="8:8">
      <c r="H292785" s="12"/>
    </row>
    <row r="292786" spans="8:8">
      <c r="H292786" s="12"/>
    </row>
    <row r="292787" spans="8:8">
      <c r="H292787" s="12"/>
    </row>
    <row r="292788" spans="8:8">
      <c r="H292788" s="12"/>
    </row>
    <row r="292789" spans="8:8">
      <c r="H292789" s="12"/>
    </row>
    <row r="292790" spans="8:8">
      <c r="H292790" s="12"/>
    </row>
    <row r="292791" spans="8:8">
      <c r="H292791" s="12"/>
    </row>
    <row r="292792" spans="8:8">
      <c r="H292792" s="12"/>
    </row>
    <row r="292793" spans="8:8">
      <c r="H292793" s="12"/>
    </row>
    <row r="292794" spans="8:8">
      <c r="H292794" s="12"/>
    </row>
    <row r="292795" spans="8:8">
      <c r="H292795" s="12"/>
    </row>
    <row r="292796" spans="8:8">
      <c r="H292796" s="12"/>
    </row>
    <row r="292797" spans="8:8">
      <c r="H292797" s="12"/>
    </row>
    <row r="292798" spans="8:8">
      <c r="H292798" s="12"/>
    </row>
    <row r="292799" spans="8:8">
      <c r="H292799" s="12"/>
    </row>
    <row r="292800" spans="8:8">
      <c r="H292800" s="12"/>
    </row>
    <row r="292801" spans="8:8">
      <c r="H292801" s="12"/>
    </row>
    <row r="292802" spans="8:8">
      <c r="H292802" s="12"/>
    </row>
    <row r="292803" spans="8:8">
      <c r="H292803" s="12"/>
    </row>
    <row r="292804" spans="8:8">
      <c r="H292804" s="12"/>
    </row>
    <row r="292805" spans="8:8">
      <c r="H292805" s="12"/>
    </row>
    <row r="292806" spans="8:8">
      <c r="H292806" s="12"/>
    </row>
    <row r="292807" spans="8:8">
      <c r="H292807" s="12"/>
    </row>
    <row r="292808" spans="8:8">
      <c r="H292808" s="12"/>
    </row>
    <row r="292809" spans="8:8">
      <c r="H292809" s="12"/>
    </row>
    <row r="292810" spans="8:8">
      <c r="H292810" s="12"/>
    </row>
    <row r="292811" spans="8:8">
      <c r="H292811" s="12"/>
    </row>
    <row r="292812" spans="8:8">
      <c r="H292812" s="12"/>
    </row>
    <row r="292813" spans="8:8">
      <c r="H292813" s="12"/>
    </row>
    <row r="292814" spans="8:8">
      <c r="H292814" s="12"/>
    </row>
    <row r="292815" spans="8:8">
      <c r="H292815" s="12"/>
    </row>
    <row r="292816" spans="8:8">
      <c r="H292816" s="12"/>
    </row>
    <row r="292817" spans="8:8">
      <c r="H292817" s="12"/>
    </row>
    <row r="292818" spans="8:8">
      <c r="H292818" s="12"/>
    </row>
    <row r="292819" spans="8:8">
      <c r="H292819" s="12"/>
    </row>
    <row r="292820" spans="8:8">
      <c r="H292820" s="12"/>
    </row>
    <row r="292821" spans="8:8">
      <c r="H292821" s="12"/>
    </row>
    <row r="292822" spans="8:8">
      <c r="H292822" s="12"/>
    </row>
    <row r="292823" spans="8:8">
      <c r="H292823" s="12"/>
    </row>
    <row r="292824" spans="8:8">
      <c r="H292824" s="12"/>
    </row>
    <row r="292825" spans="8:8">
      <c r="H292825" s="12"/>
    </row>
    <row r="292826" spans="8:8">
      <c r="H292826" s="12"/>
    </row>
    <row r="292827" spans="8:8">
      <c r="H292827" s="12"/>
    </row>
    <row r="292828" spans="8:8">
      <c r="H292828" s="12"/>
    </row>
    <row r="292829" spans="8:8">
      <c r="H292829" s="12"/>
    </row>
    <row r="292830" spans="8:8">
      <c r="H292830" s="12"/>
    </row>
    <row r="292831" spans="8:8">
      <c r="H292831" s="12"/>
    </row>
    <row r="292832" spans="8:8">
      <c r="H292832" s="12"/>
    </row>
    <row r="292833" spans="8:8">
      <c r="H292833" s="12"/>
    </row>
    <row r="292834" spans="8:8">
      <c r="H292834" s="12"/>
    </row>
    <row r="292835" spans="8:8">
      <c r="H292835" s="12"/>
    </row>
    <row r="292836" spans="8:8">
      <c r="H292836" s="12"/>
    </row>
    <row r="292837" spans="8:8">
      <c r="H292837" s="12"/>
    </row>
    <row r="292838" spans="8:8">
      <c r="H292838" s="12"/>
    </row>
    <row r="292839" spans="8:8">
      <c r="H292839" s="12"/>
    </row>
    <row r="292840" spans="8:8">
      <c r="H292840" s="12"/>
    </row>
    <row r="292841" spans="8:8">
      <c r="H292841" s="12"/>
    </row>
    <row r="292842" spans="8:8">
      <c r="H292842" s="12"/>
    </row>
    <row r="292843" spans="8:8">
      <c r="H292843" s="12"/>
    </row>
    <row r="292844" spans="8:8">
      <c r="H292844" s="12"/>
    </row>
    <row r="292845" spans="8:8">
      <c r="H292845" s="12"/>
    </row>
    <row r="292846" spans="8:8">
      <c r="H292846" s="12"/>
    </row>
    <row r="292847" spans="8:8">
      <c r="H292847" s="12"/>
    </row>
    <row r="292848" spans="8:8">
      <c r="H292848" s="12"/>
    </row>
    <row r="292849" spans="8:8">
      <c r="H292849" s="12"/>
    </row>
    <row r="292850" spans="8:8">
      <c r="H292850" s="12"/>
    </row>
    <row r="292851" spans="8:8">
      <c r="H292851" s="12"/>
    </row>
    <row r="292852" spans="8:8">
      <c r="H292852" s="12"/>
    </row>
    <row r="292853" spans="8:8">
      <c r="H292853" s="12"/>
    </row>
    <row r="292854" spans="8:8">
      <c r="H292854" s="12"/>
    </row>
    <row r="292855" spans="8:8">
      <c r="H292855" s="12"/>
    </row>
    <row r="292856" spans="8:8">
      <c r="H292856" s="12"/>
    </row>
    <row r="292857" spans="8:8">
      <c r="H292857" s="12"/>
    </row>
    <row r="292858" spans="8:8">
      <c r="H292858" s="12"/>
    </row>
    <row r="292859" spans="8:8">
      <c r="H292859" s="12"/>
    </row>
    <row r="292860" spans="8:8">
      <c r="H292860" s="12"/>
    </row>
    <row r="292861" spans="8:8">
      <c r="H292861" s="12"/>
    </row>
    <row r="292862" spans="8:8">
      <c r="H292862" s="12"/>
    </row>
    <row r="292863" spans="8:8">
      <c r="H292863" s="12"/>
    </row>
    <row r="292864" spans="8:8">
      <c r="H292864" s="12"/>
    </row>
    <row r="292865" spans="8:8">
      <c r="H292865" s="12"/>
    </row>
    <row r="292866" spans="8:8">
      <c r="H292866" s="12"/>
    </row>
    <row r="292867" spans="8:8">
      <c r="H292867" s="12"/>
    </row>
    <row r="292868" spans="8:8">
      <c r="H292868" s="12"/>
    </row>
    <row r="292869" spans="8:8">
      <c r="H292869" s="12"/>
    </row>
    <row r="292870" spans="8:8">
      <c r="H292870" s="12"/>
    </row>
    <row r="292871" spans="8:8">
      <c r="H292871" s="12"/>
    </row>
    <row r="292872" spans="8:8">
      <c r="H292872" s="12"/>
    </row>
    <row r="292873" spans="8:8">
      <c r="H292873" s="12"/>
    </row>
    <row r="292874" spans="8:8">
      <c r="H292874" s="12"/>
    </row>
    <row r="292875" spans="8:8">
      <c r="H292875" s="12"/>
    </row>
    <row r="292876" spans="8:8">
      <c r="H292876" s="12"/>
    </row>
    <row r="292877" spans="8:8">
      <c r="H292877" s="12"/>
    </row>
    <row r="292878" spans="8:8">
      <c r="H292878" s="12"/>
    </row>
    <row r="292879" spans="8:8">
      <c r="H292879" s="12"/>
    </row>
    <row r="292880" spans="8:8">
      <c r="H292880" s="12"/>
    </row>
    <row r="292881" spans="8:8">
      <c r="H292881" s="12"/>
    </row>
    <row r="292882" spans="8:8">
      <c r="H292882" s="12"/>
    </row>
    <row r="292883" spans="8:8">
      <c r="H292883" s="12"/>
    </row>
    <row r="292884" spans="8:8">
      <c r="H292884" s="12"/>
    </row>
    <row r="292885" spans="8:8">
      <c r="H292885" s="12"/>
    </row>
    <row r="292886" spans="8:8">
      <c r="H292886" s="12"/>
    </row>
    <row r="292887" spans="8:8">
      <c r="H292887" s="12"/>
    </row>
    <row r="292888" spans="8:8">
      <c r="H292888" s="12"/>
    </row>
    <row r="292889" spans="8:8">
      <c r="H292889" s="12"/>
    </row>
    <row r="292890" spans="8:8">
      <c r="H292890" s="12"/>
    </row>
    <row r="292891" spans="8:8">
      <c r="H292891" s="12"/>
    </row>
    <row r="292892" spans="8:8">
      <c r="H292892" s="12"/>
    </row>
    <row r="292893" spans="8:8">
      <c r="H292893" s="12"/>
    </row>
    <row r="292894" spans="8:8">
      <c r="H292894" s="12"/>
    </row>
    <row r="292895" spans="8:8">
      <c r="H292895" s="12"/>
    </row>
    <row r="292896" spans="8:8">
      <c r="H292896" s="12"/>
    </row>
    <row r="292897" spans="8:8">
      <c r="H292897" s="12"/>
    </row>
    <row r="292898" spans="8:8">
      <c r="H292898" s="12"/>
    </row>
    <row r="292899" spans="8:8">
      <c r="H292899" s="12"/>
    </row>
    <row r="292900" spans="8:8">
      <c r="H292900" s="12"/>
    </row>
    <row r="292901" spans="8:8">
      <c r="H292901" s="12"/>
    </row>
    <row r="292902" spans="8:8">
      <c r="H292902" s="12"/>
    </row>
    <row r="292903" spans="8:8">
      <c r="H292903" s="12"/>
    </row>
    <row r="292904" spans="8:8">
      <c r="H292904" s="12"/>
    </row>
    <row r="292905" spans="8:8">
      <c r="H292905" s="12"/>
    </row>
    <row r="292906" spans="8:8">
      <c r="H292906" s="12"/>
    </row>
    <row r="292907" spans="8:8">
      <c r="H292907" s="12"/>
    </row>
    <row r="292908" spans="8:8">
      <c r="H292908" s="12"/>
    </row>
    <row r="292909" spans="8:8">
      <c r="H292909" s="12"/>
    </row>
    <row r="292910" spans="8:8">
      <c r="H292910" s="12"/>
    </row>
    <row r="292911" spans="8:8">
      <c r="H292911" s="12"/>
    </row>
    <row r="292912" spans="8:8">
      <c r="H292912" s="12"/>
    </row>
    <row r="292913" spans="8:8">
      <c r="H292913" s="12"/>
    </row>
    <row r="292914" spans="8:8">
      <c r="H292914" s="12"/>
    </row>
    <row r="292915" spans="8:8">
      <c r="H292915" s="12"/>
    </row>
    <row r="292916" spans="8:8">
      <c r="H292916" s="12"/>
    </row>
    <row r="292917" spans="8:8">
      <c r="H292917" s="12"/>
    </row>
    <row r="292918" spans="8:8">
      <c r="H292918" s="12"/>
    </row>
    <row r="292919" spans="8:8">
      <c r="H292919" s="12"/>
    </row>
    <row r="292920" spans="8:8">
      <c r="H292920" s="12"/>
    </row>
    <row r="292921" spans="8:8">
      <c r="H292921" s="12"/>
    </row>
    <row r="292922" spans="8:8">
      <c r="H292922" s="12"/>
    </row>
    <row r="292923" spans="8:8">
      <c r="H292923" s="12"/>
    </row>
    <row r="292924" spans="8:8">
      <c r="H292924" s="12"/>
    </row>
    <row r="292925" spans="8:8">
      <c r="H292925" s="12"/>
    </row>
    <row r="292926" spans="8:8">
      <c r="H292926" s="12"/>
    </row>
    <row r="292927" spans="8:8">
      <c r="H292927" s="12"/>
    </row>
    <row r="292928" spans="8:8">
      <c r="H292928" s="12"/>
    </row>
    <row r="292929" spans="8:8">
      <c r="H292929" s="12"/>
    </row>
    <row r="292930" spans="8:8">
      <c r="H292930" s="12"/>
    </row>
    <row r="292931" spans="8:8">
      <c r="H292931" s="12"/>
    </row>
    <row r="292932" spans="8:8">
      <c r="H292932" s="12"/>
    </row>
    <row r="292933" spans="8:8">
      <c r="H292933" s="12"/>
    </row>
    <row r="292934" spans="8:8">
      <c r="H292934" s="12"/>
    </row>
    <row r="292935" spans="8:8">
      <c r="H292935" s="12"/>
    </row>
    <row r="292936" spans="8:8">
      <c r="H292936" s="12"/>
    </row>
    <row r="292937" spans="8:8">
      <c r="H292937" s="12"/>
    </row>
    <row r="292938" spans="8:8">
      <c r="H292938" s="12"/>
    </row>
    <row r="292939" spans="8:8">
      <c r="H292939" s="12"/>
    </row>
    <row r="292940" spans="8:8">
      <c r="H292940" s="12"/>
    </row>
    <row r="292941" spans="8:8">
      <c r="H292941" s="12"/>
    </row>
    <row r="292942" spans="8:8">
      <c r="H292942" s="12"/>
    </row>
    <row r="292943" spans="8:8">
      <c r="H292943" s="12"/>
    </row>
    <row r="292944" spans="8:8">
      <c r="H292944" s="12"/>
    </row>
    <row r="292945" spans="8:8">
      <c r="H292945" s="12"/>
    </row>
    <row r="292946" spans="8:8">
      <c r="H292946" s="12"/>
    </row>
    <row r="292947" spans="8:8">
      <c r="H292947" s="12"/>
    </row>
    <row r="292948" spans="8:8">
      <c r="H292948" s="12"/>
    </row>
    <row r="292949" spans="8:8">
      <c r="H292949" s="12"/>
    </row>
    <row r="292950" spans="8:8">
      <c r="H292950" s="12"/>
    </row>
    <row r="292951" spans="8:8">
      <c r="H292951" s="12"/>
    </row>
    <row r="292952" spans="8:8">
      <c r="H292952" s="12"/>
    </row>
    <row r="292953" spans="8:8">
      <c r="H292953" s="12"/>
    </row>
    <row r="292954" spans="8:8">
      <c r="H292954" s="12"/>
    </row>
    <row r="292955" spans="8:8">
      <c r="H292955" s="12"/>
    </row>
    <row r="292956" spans="8:8">
      <c r="H292956" s="12"/>
    </row>
    <row r="292957" spans="8:8">
      <c r="H292957" s="12"/>
    </row>
    <row r="292958" spans="8:8">
      <c r="H292958" s="12"/>
    </row>
    <row r="292959" spans="8:8">
      <c r="H292959" s="12"/>
    </row>
    <row r="292960" spans="8:8">
      <c r="H292960" s="12"/>
    </row>
    <row r="292961" spans="8:8">
      <c r="H292961" s="12"/>
    </row>
    <row r="292962" spans="8:8">
      <c r="H292962" s="12"/>
    </row>
    <row r="292963" spans="8:8">
      <c r="H292963" s="12"/>
    </row>
    <row r="292964" spans="8:8">
      <c r="H292964" s="12"/>
    </row>
    <row r="292965" spans="8:8">
      <c r="H292965" s="12"/>
    </row>
    <row r="292966" spans="8:8">
      <c r="H292966" s="12"/>
    </row>
    <row r="292967" spans="8:8">
      <c r="H292967" s="12"/>
    </row>
    <row r="292968" spans="8:8">
      <c r="H292968" s="12"/>
    </row>
    <row r="292969" spans="8:8">
      <c r="H292969" s="12"/>
    </row>
    <row r="292970" spans="8:8">
      <c r="H292970" s="12"/>
    </row>
    <row r="292971" spans="8:8">
      <c r="H292971" s="12"/>
    </row>
    <row r="292972" spans="8:8">
      <c r="H292972" s="12"/>
    </row>
    <row r="292973" spans="8:8">
      <c r="H292973" s="12"/>
    </row>
    <row r="292974" spans="8:8">
      <c r="H292974" s="12"/>
    </row>
    <row r="292975" spans="8:8">
      <c r="H292975" s="12"/>
    </row>
    <row r="292976" spans="8:8">
      <c r="H292976" s="12"/>
    </row>
    <row r="292977" spans="8:8">
      <c r="H292977" s="12"/>
    </row>
    <row r="292978" spans="8:8">
      <c r="H292978" s="12"/>
    </row>
    <row r="292979" spans="8:8">
      <c r="H292979" s="12"/>
    </row>
    <row r="292980" spans="8:8">
      <c r="H292980" s="12"/>
    </row>
    <row r="292981" spans="8:8">
      <c r="H292981" s="12"/>
    </row>
    <row r="292982" spans="8:8">
      <c r="H292982" s="12"/>
    </row>
    <row r="292983" spans="8:8">
      <c r="H292983" s="12"/>
    </row>
    <row r="292984" spans="8:8">
      <c r="H292984" s="12"/>
    </row>
    <row r="292985" spans="8:8">
      <c r="H292985" s="12"/>
    </row>
    <row r="292986" spans="8:8">
      <c r="H292986" s="12"/>
    </row>
    <row r="292987" spans="8:8">
      <c r="H292987" s="12"/>
    </row>
    <row r="292988" spans="8:8">
      <c r="H292988" s="12"/>
    </row>
    <row r="292989" spans="8:8">
      <c r="H292989" s="12"/>
    </row>
    <row r="292990" spans="8:8">
      <c r="H292990" s="12"/>
    </row>
    <row r="292991" spans="8:8">
      <c r="H292991" s="12"/>
    </row>
    <row r="292992" spans="8:8">
      <c r="H292992" s="12"/>
    </row>
    <row r="292993" spans="8:8">
      <c r="H292993" s="12"/>
    </row>
    <row r="292994" spans="8:8">
      <c r="H292994" s="12"/>
    </row>
    <row r="292995" spans="8:8">
      <c r="H292995" s="12"/>
    </row>
    <row r="292996" spans="8:8">
      <c r="H292996" s="12"/>
    </row>
    <row r="292997" spans="8:8">
      <c r="H292997" s="12"/>
    </row>
    <row r="292998" spans="8:8">
      <c r="H292998" s="12"/>
    </row>
    <row r="292999" spans="8:8">
      <c r="H292999" s="12"/>
    </row>
    <row r="293000" spans="8:8">
      <c r="H293000" s="12"/>
    </row>
    <row r="293001" spans="8:8">
      <c r="H293001" s="12"/>
    </row>
    <row r="293002" spans="8:8">
      <c r="H293002" s="12"/>
    </row>
    <row r="293003" spans="8:8">
      <c r="H293003" s="12"/>
    </row>
    <row r="293004" spans="8:8">
      <c r="H293004" s="12"/>
    </row>
    <row r="293005" spans="8:8">
      <c r="H293005" s="12"/>
    </row>
    <row r="293006" spans="8:8">
      <c r="H293006" s="12"/>
    </row>
    <row r="293007" spans="8:8">
      <c r="H293007" s="12"/>
    </row>
    <row r="293008" spans="8:8">
      <c r="H293008" s="12"/>
    </row>
    <row r="293009" spans="8:8">
      <c r="H293009" s="12"/>
    </row>
    <row r="293010" spans="8:8">
      <c r="H293010" s="12"/>
    </row>
    <row r="293011" spans="8:8">
      <c r="H293011" s="12"/>
    </row>
    <row r="293012" spans="8:8">
      <c r="H293012" s="12"/>
    </row>
    <row r="293013" spans="8:8">
      <c r="H293013" s="12"/>
    </row>
    <row r="293014" spans="8:8">
      <c r="H293014" s="12"/>
    </row>
    <row r="293015" spans="8:8">
      <c r="H293015" s="12"/>
    </row>
    <row r="293016" spans="8:8">
      <c r="H293016" s="12"/>
    </row>
    <row r="293017" spans="8:8">
      <c r="H293017" s="12"/>
    </row>
    <row r="293018" spans="8:8">
      <c r="H293018" s="12"/>
    </row>
    <row r="293019" spans="8:8">
      <c r="H293019" s="12"/>
    </row>
    <row r="293020" spans="8:8">
      <c r="H293020" s="12"/>
    </row>
    <row r="293021" spans="8:8">
      <c r="H293021" s="12"/>
    </row>
    <row r="293022" spans="8:8">
      <c r="H293022" s="12"/>
    </row>
    <row r="293023" spans="8:8">
      <c r="H293023" s="12"/>
    </row>
    <row r="293024" spans="8:8">
      <c r="H293024" s="12"/>
    </row>
    <row r="293025" spans="8:8">
      <c r="H293025" s="12"/>
    </row>
    <row r="293026" spans="8:8">
      <c r="H293026" s="12"/>
    </row>
    <row r="293027" spans="8:8">
      <c r="H293027" s="12"/>
    </row>
    <row r="293028" spans="8:8">
      <c r="H293028" s="12"/>
    </row>
    <row r="293029" spans="8:8">
      <c r="H293029" s="12"/>
    </row>
    <row r="293030" spans="8:8">
      <c r="H293030" s="12"/>
    </row>
    <row r="293031" spans="8:8">
      <c r="H293031" s="12"/>
    </row>
    <row r="293032" spans="8:8">
      <c r="H293032" s="12"/>
    </row>
    <row r="293033" spans="8:8">
      <c r="H293033" s="12"/>
    </row>
    <row r="293034" spans="8:8">
      <c r="H293034" s="12"/>
    </row>
    <row r="293035" spans="8:8">
      <c r="H293035" s="12"/>
    </row>
    <row r="293036" spans="8:8">
      <c r="H293036" s="12"/>
    </row>
    <row r="293037" spans="8:8">
      <c r="H293037" s="12"/>
    </row>
    <row r="293038" spans="8:8">
      <c r="H293038" s="12"/>
    </row>
    <row r="293039" spans="8:8">
      <c r="H293039" s="12"/>
    </row>
    <row r="293040" spans="8:8">
      <c r="H293040" s="12"/>
    </row>
    <row r="293041" spans="8:8">
      <c r="H293041" s="12"/>
    </row>
    <row r="293042" spans="8:8">
      <c r="H293042" s="12"/>
    </row>
    <row r="293043" spans="8:8">
      <c r="H293043" s="12"/>
    </row>
    <row r="293044" spans="8:8">
      <c r="H293044" s="12"/>
    </row>
    <row r="293045" spans="8:8">
      <c r="H293045" s="12"/>
    </row>
    <row r="293046" spans="8:8">
      <c r="H293046" s="12"/>
    </row>
    <row r="293047" spans="8:8">
      <c r="H293047" s="12"/>
    </row>
    <row r="293048" spans="8:8">
      <c r="H293048" s="12"/>
    </row>
    <row r="293049" spans="8:8">
      <c r="H293049" s="12"/>
    </row>
    <row r="293050" spans="8:8">
      <c r="H293050" s="12"/>
    </row>
    <row r="293051" spans="8:8">
      <c r="H293051" s="12"/>
    </row>
    <row r="293052" spans="8:8">
      <c r="H293052" s="12"/>
    </row>
    <row r="293053" spans="8:8">
      <c r="H293053" s="12"/>
    </row>
    <row r="293054" spans="8:8">
      <c r="H293054" s="12"/>
    </row>
    <row r="293055" spans="8:8">
      <c r="H293055" s="12"/>
    </row>
    <row r="293056" spans="8:8">
      <c r="H293056" s="12"/>
    </row>
    <row r="293057" spans="8:8">
      <c r="H293057" s="12"/>
    </row>
    <row r="293058" spans="8:8">
      <c r="H293058" s="12"/>
    </row>
    <row r="293059" spans="8:8">
      <c r="H293059" s="12"/>
    </row>
    <row r="293060" spans="8:8">
      <c r="H293060" s="12"/>
    </row>
    <row r="293061" spans="8:8">
      <c r="H293061" s="12"/>
    </row>
    <row r="293062" spans="8:8">
      <c r="H293062" s="12"/>
    </row>
    <row r="293063" spans="8:8">
      <c r="H293063" s="12"/>
    </row>
    <row r="293064" spans="8:8">
      <c r="H293064" s="12"/>
    </row>
    <row r="293065" spans="8:8">
      <c r="H293065" s="12"/>
    </row>
    <row r="293066" spans="8:8">
      <c r="H293066" s="12"/>
    </row>
    <row r="293067" spans="8:8">
      <c r="H293067" s="12"/>
    </row>
    <row r="293068" spans="8:8">
      <c r="H293068" s="12"/>
    </row>
    <row r="293069" spans="8:8">
      <c r="H293069" s="12"/>
    </row>
    <row r="293070" spans="8:8">
      <c r="H293070" s="12"/>
    </row>
    <row r="293071" spans="8:8">
      <c r="H293071" s="12"/>
    </row>
    <row r="293072" spans="8:8">
      <c r="H293072" s="12"/>
    </row>
    <row r="293073" spans="8:8">
      <c r="H293073" s="12"/>
    </row>
    <row r="293074" spans="8:8">
      <c r="H293074" s="12"/>
    </row>
    <row r="293075" spans="8:8">
      <c r="H293075" s="12"/>
    </row>
    <row r="293076" spans="8:8">
      <c r="H293076" s="12"/>
    </row>
    <row r="293077" spans="8:8">
      <c r="H293077" s="12"/>
    </row>
    <row r="293078" spans="8:8">
      <c r="H293078" s="12"/>
    </row>
    <row r="293079" spans="8:8">
      <c r="H293079" s="12"/>
    </row>
    <row r="293080" spans="8:8">
      <c r="H293080" s="12"/>
    </row>
    <row r="293081" spans="8:8">
      <c r="H293081" s="12"/>
    </row>
    <row r="293082" spans="8:8">
      <c r="H293082" s="12"/>
    </row>
    <row r="293083" spans="8:8">
      <c r="H293083" s="12"/>
    </row>
    <row r="293084" spans="8:8">
      <c r="H293084" s="12"/>
    </row>
    <row r="293085" spans="8:8">
      <c r="H293085" s="12"/>
    </row>
    <row r="293086" spans="8:8">
      <c r="H293086" s="12"/>
    </row>
    <row r="293087" spans="8:8">
      <c r="H293087" s="12"/>
    </row>
    <row r="293088" spans="8:8">
      <c r="H293088" s="12"/>
    </row>
    <row r="293089" spans="8:8">
      <c r="H293089" s="12"/>
    </row>
    <row r="293090" spans="8:8">
      <c r="H293090" s="12"/>
    </row>
    <row r="293091" spans="8:8">
      <c r="H293091" s="12"/>
    </row>
    <row r="293092" spans="8:8">
      <c r="H293092" s="12"/>
    </row>
    <row r="293093" spans="8:8">
      <c r="H293093" s="12"/>
    </row>
    <row r="293094" spans="8:8">
      <c r="H293094" s="12"/>
    </row>
    <row r="293095" spans="8:8">
      <c r="H293095" s="12"/>
    </row>
    <row r="293096" spans="8:8">
      <c r="H293096" s="12"/>
    </row>
    <row r="293097" spans="8:8">
      <c r="H293097" s="12"/>
    </row>
    <row r="293098" spans="8:8">
      <c r="H293098" s="12"/>
    </row>
    <row r="293099" spans="8:8">
      <c r="H293099" s="12"/>
    </row>
    <row r="293100" spans="8:8">
      <c r="H293100" s="12"/>
    </row>
    <row r="293101" spans="8:8">
      <c r="H293101" s="12"/>
    </row>
    <row r="293102" spans="8:8">
      <c r="H293102" s="12"/>
    </row>
    <row r="293103" spans="8:8">
      <c r="H293103" s="12"/>
    </row>
    <row r="293104" spans="8:8">
      <c r="H293104" s="12"/>
    </row>
    <row r="293105" spans="8:8">
      <c r="H293105" s="12"/>
    </row>
    <row r="293106" spans="8:8">
      <c r="H293106" s="12"/>
    </row>
    <row r="293107" spans="8:8">
      <c r="H293107" s="12"/>
    </row>
    <row r="293108" spans="8:8">
      <c r="H293108" s="12"/>
    </row>
    <row r="293109" spans="8:8">
      <c r="H293109" s="12"/>
    </row>
    <row r="293110" spans="8:8">
      <c r="H293110" s="12"/>
    </row>
    <row r="293111" spans="8:8">
      <c r="H293111" s="12"/>
    </row>
    <row r="293112" spans="8:8">
      <c r="H293112" s="12"/>
    </row>
    <row r="293113" spans="8:8">
      <c r="H293113" s="12"/>
    </row>
    <row r="293114" spans="8:8">
      <c r="H293114" s="12"/>
    </row>
    <row r="293115" spans="8:8">
      <c r="H293115" s="12"/>
    </row>
    <row r="293116" spans="8:8">
      <c r="H293116" s="12"/>
    </row>
    <row r="293117" spans="8:8">
      <c r="H293117" s="12"/>
    </row>
    <row r="293118" spans="8:8">
      <c r="H293118" s="12"/>
    </row>
    <row r="293119" spans="8:8">
      <c r="H293119" s="12"/>
    </row>
    <row r="293120" spans="8:8">
      <c r="H293120" s="12"/>
    </row>
    <row r="293121" spans="8:8">
      <c r="H293121" s="12"/>
    </row>
    <row r="293122" spans="8:8">
      <c r="H293122" s="12"/>
    </row>
    <row r="293123" spans="8:8">
      <c r="H293123" s="12"/>
    </row>
    <row r="293124" spans="8:8">
      <c r="H293124" s="12"/>
    </row>
    <row r="293125" spans="8:8">
      <c r="H293125" s="12"/>
    </row>
    <row r="293126" spans="8:8">
      <c r="H293126" s="12"/>
    </row>
    <row r="293127" spans="8:8">
      <c r="H293127" s="12"/>
    </row>
    <row r="293128" spans="8:8">
      <c r="H293128" s="12"/>
    </row>
    <row r="293129" spans="8:8">
      <c r="H293129" s="12"/>
    </row>
    <row r="293130" spans="8:8">
      <c r="H293130" s="12"/>
    </row>
    <row r="293131" spans="8:8">
      <c r="H293131" s="12"/>
    </row>
    <row r="293132" spans="8:8">
      <c r="H293132" s="12"/>
    </row>
    <row r="293133" spans="8:8">
      <c r="H293133" s="12"/>
    </row>
    <row r="293134" spans="8:8">
      <c r="H293134" s="12"/>
    </row>
    <row r="293135" spans="8:8">
      <c r="H293135" s="12"/>
    </row>
    <row r="293136" spans="8:8">
      <c r="H293136" s="12"/>
    </row>
    <row r="293137" spans="8:8">
      <c r="H293137" s="12"/>
    </row>
    <row r="293138" spans="8:8">
      <c r="H293138" s="12"/>
    </row>
    <row r="293139" spans="8:8">
      <c r="H293139" s="12"/>
    </row>
    <row r="293140" spans="8:8">
      <c r="H293140" s="12"/>
    </row>
    <row r="293141" spans="8:8">
      <c r="H293141" s="12"/>
    </row>
    <row r="293142" spans="8:8">
      <c r="H293142" s="12"/>
    </row>
    <row r="293143" spans="8:8">
      <c r="H293143" s="12"/>
    </row>
    <row r="293144" spans="8:8">
      <c r="H293144" s="12"/>
    </row>
    <row r="293145" spans="8:8">
      <c r="H293145" s="12"/>
    </row>
    <row r="293146" spans="8:8">
      <c r="H293146" s="12"/>
    </row>
    <row r="293147" spans="8:8">
      <c r="H293147" s="12"/>
    </row>
    <row r="293148" spans="8:8">
      <c r="H293148" s="12"/>
    </row>
    <row r="293149" spans="8:8">
      <c r="H293149" s="12"/>
    </row>
    <row r="293150" spans="8:8">
      <c r="H293150" s="12"/>
    </row>
    <row r="293151" spans="8:8">
      <c r="H293151" s="12"/>
    </row>
    <row r="293152" spans="8:8">
      <c r="H293152" s="12"/>
    </row>
    <row r="293153" spans="8:8">
      <c r="H293153" s="12"/>
    </row>
    <row r="293154" spans="8:8">
      <c r="H293154" s="12"/>
    </row>
    <row r="293155" spans="8:8">
      <c r="H293155" s="12"/>
    </row>
    <row r="293156" spans="8:8">
      <c r="H293156" s="12"/>
    </row>
    <row r="293157" spans="8:8">
      <c r="H293157" s="12"/>
    </row>
    <row r="293158" spans="8:8">
      <c r="H293158" s="12"/>
    </row>
    <row r="293159" spans="8:8">
      <c r="H293159" s="12"/>
    </row>
    <row r="293160" spans="8:8">
      <c r="H293160" s="12"/>
    </row>
    <row r="293161" spans="8:8">
      <c r="H293161" s="12"/>
    </row>
    <row r="293162" spans="8:8">
      <c r="H293162" s="12"/>
    </row>
    <row r="293163" spans="8:8">
      <c r="H293163" s="12"/>
    </row>
    <row r="293164" spans="8:8">
      <c r="H293164" s="12"/>
    </row>
    <row r="293165" spans="8:8">
      <c r="H293165" s="12"/>
    </row>
    <row r="293166" spans="8:8">
      <c r="H293166" s="12"/>
    </row>
    <row r="293167" spans="8:8">
      <c r="H293167" s="12"/>
    </row>
    <row r="293168" spans="8:8">
      <c r="H293168" s="12"/>
    </row>
    <row r="293169" spans="8:8">
      <c r="H293169" s="12"/>
    </row>
    <row r="293170" spans="8:8">
      <c r="H293170" s="12"/>
    </row>
    <row r="293171" spans="8:8">
      <c r="H293171" s="12"/>
    </row>
    <row r="293172" spans="8:8">
      <c r="H293172" s="12"/>
    </row>
    <row r="293173" spans="8:8">
      <c r="H293173" s="12"/>
    </row>
    <row r="293174" spans="8:8">
      <c r="H293174" s="12"/>
    </row>
    <row r="293175" spans="8:8">
      <c r="H293175" s="12"/>
    </row>
    <row r="293176" spans="8:8">
      <c r="H293176" s="12"/>
    </row>
    <row r="293177" spans="8:8">
      <c r="H293177" s="12"/>
    </row>
    <row r="293178" spans="8:8">
      <c r="H293178" s="12"/>
    </row>
    <row r="293179" spans="8:8">
      <c r="H293179" s="12"/>
    </row>
    <row r="293180" spans="8:8">
      <c r="H293180" s="12"/>
    </row>
    <row r="293181" spans="8:8">
      <c r="H293181" s="12"/>
    </row>
    <row r="293182" spans="8:8">
      <c r="H293182" s="12"/>
    </row>
    <row r="293183" spans="8:8">
      <c r="H293183" s="12"/>
    </row>
    <row r="293184" spans="8:8">
      <c r="H293184" s="12"/>
    </row>
    <row r="293185" spans="8:8">
      <c r="H293185" s="12"/>
    </row>
    <row r="293186" spans="8:8">
      <c r="H293186" s="12"/>
    </row>
    <row r="293187" spans="8:8">
      <c r="H293187" s="12"/>
    </row>
    <row r="293188" spans="8:8">
      <c r="H293188" s="12"/>
    </row>
    <row r="293189" spans="8:8">
      <c r="H293189" s="12"/>
    </row>
    <row r="293190" spans="8:8">
      <c r="H293190" s="12"/>
    </row>
    <row r="293191" spans="8:8">
      <c r="H293191" s="12"/>
    </row>
    <row r="293192" spans="8:8">
      <c r="H293192" s="12"/>
    </row>
    <row r="293193" spans="8:8">
      <c r="H293193" s="12"/>
    </row>
    <row r="293194" spans="8:8">
      <c r="H293194" s="12"/>
    </row>
    <row r="293195" spans="8:8">
      <c r="H293195" s="12"/>
    </row>
    <row r="293196" spans="8:8">
      <c r="H293196" s="12"/>
    </row>
    <row r="293197" spans="8:8">
      <c r="H293197" s="12"/>
    </row>
    <row r="293198" spans="8:8">
      <c r="H293198" s="12"/>
    </row>
    <row r="293199" spans="8:8">
      <c r="H293199" s="12"/>
    </row>
    <row r="293200" spans="8:8">
      <c r="H293200" s="12"/>
    </row>
    <row r="293201" spans="8:8">
      <c r="H293201" s="12"/>
    </row>
    <row r="293202" spans="8:8">
      <c r="H293202" s="12"/>
    </row>
    <row r="293203" spans="8:8">
      <c r="H293203" s="12"/>
    </row>
    <row r="293204" spans="8:8">
      <c r="H293204" s="12"/>
    </row>
    <row r="293205" spans="8:8">
      <c r="H293205" s="12"/>
    </row>
    <row r="293206" spans="8:8">
      <c r="H293206" s="12"/>
    </row>
    <row r="293207" spans="8:8">
      <c r="H293207" s="12"/>
    </row>
    <row r="293208" spans="8:8">
      <c r="H293208" s="12"/>
    </row>
    <row r="293209" spans="8:8">
      <c r="H293209" s="12"/>
    </row>
    <row r="293210" spans="8:8">
      <c r="H293210" s="12"/>
    </row>
    <row r="293211" spans="8:8">
      <c r="H293211" s="12"/>
    </row>
    <row r="293212" spans="8:8">
      <c r="H293212" s="12"/>
    </row>
    <row r="293213" spans="8:8">
      <c r="H293213" s="12"/>
    </row>
    <row r="293214" spans="8:8">
      <c r="H293214" s="12"/>
    </row>
    <row r="293215" spans="8:8">
      <c r="H293215" s="12"/>
    </row>
    <row r="293216" spans="8:8">
      <c r="H293216" s="12"/>
    </row>
    <row r="293217" spans="8:8">
      <c r="H293217" s="12"/>
    </row>
    <row r="293218" spans="8:8">
      <c r="H293218" s="12"/>
    </row>
    <row r="293219" spans="8:8">
      <c r="H293219" s="12"/>
    </row>
    <row r="293220" spans="8:8">
      <c r="H293220" s="12"/>
    </row>
    <row r="293221" spans="8:8">
      <c r="H293221" s="12"/>
    </row>
    <row r="293222" spans="8:8">
      <c r="H293222" s="12"/>
    </row>
    <row r="293223" spans="8:8">
      <c r="H293223" s="12"/>
    </row>
    <row r="293224" spans="8:8">
      <c r="H293224" s="12"/>
    </row>
    <row r="293225" spans="8:8">
      <c r="H293225" s="12"/>
    </row>
    <row r="293226" spans="8:8">
      <c r="H293226" s="12"/>
    </row>
    <row r="293227" spans="8:8">
      <c r="H293227" s="12"/>
    </row>
    <row r="293228" spans="8:8">
      <c r="H293228" s="12"/>
    </row>
    <row r="293229" spans="8:8">
      <c r="H293229" s="12"/>
    </row>
    <row r="293230" spans="8:8">
      <c r="H293230" s="12"/>
    </row>
    <row r="293231" spans="8:8">
      <c r="H293231" s="12"/>
    </row>
    <row r="293232" spans="8:8">
      <c r="H293232" s="12"/>
    </row>
    <row r="293233" spans="8:8">
      <c r="H293233" s="12"/>
    </row>
    <row r="293234" spans="8:8">
      <c r="H293234" s="12"/>
    </row>
    <row r="293235" spans="8:8">
      <c r="H293235" s="12"/>
    </row>
    <row r="293236" spans="8:8">
      <c r="H293236" s="12"/>
    </row>
    <row r="293237" spans="8:8">
      <c r="H293237" s="12"/>
    </row>
    <row r="293238" spans="8:8">
      <c r="H293238" s="12"/>
    </row>
    <row r="293239" spans="8:8">
      <c r="H293239" s="12"/>
    </row>
    <row r="293240" spans="8:8">
      <c r="H293240" s="12"/>
    </row>
    <row r="293241" spans="8:8">
      <c r="H293241" s="12"/>
    </row>
    <row r="293242" spans="8:8">
      <c r="H293242" s="12"/>
    </row>
    <row r="293243" spans="8:8">
      <c r="H293243" s="12"/>
    </row>
    <row r="293244" spans="8:8">
      <c r="H293244" s="12"/>
    </row>
    <row r="293245" spans="8:8">
      <c r="H293245" s="12"/>
    </row>
    <row r="293246" spans="8:8">
      <c r="H293246" s="12"/>
    </row>
    <row r="293247" spans="8:8">
      <c r="H293247" s="12"/>
    </row>
    <row r="293248" spans="8:8">
      <c r="H293248" s="12"/>
    </row>
    <row r="293249" spans="8:8">
      <c r="H293249" s="12"/>
    </row>
    <row r="293250" spans="8:8">
      <c r="H293250" s="12"/>
    </row>
    <row r="293251" spans="8:8">
      <c r="H293251" s="12"/>
    </row>
    <row r="293252" spans="8:8">
      <c r="H293252" s="12"/>
    </row>
    <row r="293253" spans="8:8">
      <c r="H293253" s="12"/>
    </row>
    <row r="293254" spans="8:8">
      <c r="H293254" s="12"/>
    </row>
    <row r="293255" spans="8:8">
      <c r="H293255" s="12"/>
    </row>
    <row r="293256" spans="8:8">
      <c r="H293256" s="12"/>
    </row>
    <row r="293257" spans="8:8">
      <c r="H293257" s="12"/>
    </row>
    <row r="293258" spans="8:8">
      <c r="H293258" s="12"/>
    </row>
    <row r="293259" spans="8:8">
      <c r="H293259" s="12"/>
    </row>
    <row r="293260" spans="8:8">
      <c r="H293260" s="12"/>
    </row>
    <row r="293261" spans="8:8">
      <c r="H293261" s="12"/>
    </row>
    <row r="293262" spans="8:8">
      <c r="H293262" s="12"/>
    </row>
    <row r="293263" spans="8:8">
      <c r="H293263" s="12"/>
    </row>
    <row r="293264" spans="8:8">
      <c r="H293264" s="12"/>
    </row>
    <row r="293265" spans="8:8">
      <c r="H293265" s="12"/>
    </row>
    <row r="293266" spans="8:8">
      <c r="H293266" s="12"/>
    </row>
    <row r="293267" spans="8:8">
      <c r="H293267" s="12"/>
    </row>
    <row r="293268" spans="8:8">
      <c r="H293268" s="12"/>
    </row>
    <row r="293269" spans="8:8">
      <c r="H293269" s="12"/>
    </row>
    <row r="293270" spans="8:8">
      <c r="H293270" s="12"/>
    </row>
    <row r="293271" spans="8:8">
      <c r="H293271" s="12"/>
    </row>
    <row r="293272" spans="8:8">
      <c r="H293272" s="12"/>
    </row>
    <row r="293273" spans="8:8">
      <c r="H293273" s="12"/>
    </row>
    <row r="293274" spans="8:8">
      <c r="H293274" s="12"/>
    </row>
    <row r="293275" spans="8:8">
      <c r="H293275" s="12"/>
    </row>
    <row r="293276" spans="8:8">
      <c r="H293276" s="12"/>
    </row>
    <row r="293277" spans="8:8">
      <c r="H293277" s="12"/>
    </row>
    <row r="293278" spans="8:8">
      <c r="H293278" s="12"/>
    </row>
    <row r="293279" spans="8:8">
      <c r="H293279" s="12"/>
    </row>
    <row r="293280" spans="8:8">
      <c r="H293280" s="12"/>
    </row>
    <row r="293281" spans="8:8">
      <c r="H293281" s="12"/>
    </row>
    <row r="293282" spans="8:8">
      <c r="H293282" s="12"/>
    </row>
    <row r="293283" spans="8:8">
      <c r="H293283" s="12"/>
    </row>
    <row r="293284" spans="8:8">
      <c r="H293284" s="12"/>
    </row>
    <row r="293285" spans="8:8">
      <c r="H293285" s="12"/>
    </row>
    <row r="293286" spans="8:8">
      <c r="H293286" s="12"/>
    </row>
    <row r="293287" spans="8:8">
      <c r="H293287" s="12"/>
    </row>
    <row r="293288" spans="8:8">
      <c r="H293288" s="12"/>
    </row>
    <row r="293289" spans="8:8">
      <c r="H293289" s="12"/>
    </row>
    <row r="293290" spans="8:8">
      <c r="H293290" s="12"/>
    </row>
    <row r="293291" spans="8:8">
      <c r="H293291" s="12"/>
    </row>
    <row r="293292" spans="8:8">
      <c r="H293292" s="12"/>
    </row>
    <row r="293293" spans="8:8">
      <c r="H293293" s="12"/>
    </row>
    <row r="293294" spans="8:8">
      <c r="H293294" s="12"/>
    </row>
    <row r="293295" spans="8:8">
      <c r="H293295" s="12"/>
    </row>
    <row r="293296" spans="8:8">
      <c r="H293296" s="12"/>
    </row>
    <row r="293297" spans="8:8">
      <c r="H293297" s="12"/>
    </row>
    <row r="293298" spans="8:8">
      <c r="H293298" s="12"/>
    </row>
    <row r="293299" spans="8:8">
      <c r="H293299" s="12"/>
    </row>
    <row r="293300" spans="8:8">
      <c r="H293300" s="12"/>
    </row>
    <row r="293301" spans="8:8">
      <c r="H293301" s="12"/>
    </row>
    <row r="293302" spans="8:8">
      <c r="H293302" s="12"/>
    </row>
    <row r="293303" spans="8:8">
      <c r="H293303" s="12"/>
    </row>
    <row r="293304" spans="8:8">
      <c r="H293304" s="12"/>
    </row>
    <row r="293305" spans="8:8">
      <c r="H293305" s="12"/>
    </row>
    <row r="293306" spans="8:8">
      <c r="H293306" s="12"/>
    </row>
    <row r="293307" spans="8:8">
      <c r="H293307" s="12"/>
    </row>
    <row r="293308" spans="8:8">
      <c r="H293308" s="12"/>
    </row>
    <row r="293309" spans="8:8">
      <c r="H293309" s="12"/>
    </row>
    <row r="293310" spans="8:8">
      <c r="H293310" s="12"/>
    </row>
    <row r="293311" spans="8:8">
      <c r="H293311" s="12"/>
    </row>
    <row r="293312" spans="8:8">
      <c r="H293312" s="12"/>
    </row>
    <row r="293313" spans="8:8">
      <c r="H293313" s="12"/>
    </row>
    <row r="293314" spans="8:8">
      <c r="H293314" s="12"/>
    </row>
    <row r="293315" spans="8:8">
      <c r="H293315" s="12"/>
    </row>
    <row r="293316" spans="8:8">
      <c r="H293316" s="12"/>
    </row>
    <row r="293317" spans="8:8">
      <c r="H293317" s="12"/>
    </row>
    <row r="293318" spans="8:8">
      <c r="H293318" s="12"/>
    </row>
    <row r="293319" spans="8:8">
      <c r="H293319" s="12"/>
    </row>
    <row r="293320" spans="8:8">
      <c r="H293320" s="12"/>
    </row>
    <row r="293321" spans="8:8">
      <c r="H293321" s="12"/>
    </row>
    <row r="293322" spans="8:8">
      <c r="H293322" s="12"/>
    </row>
    <row r="293323" spans="8:8">
      <c r="H293323" s="12"/>
    </row>
    <row r="293324" spans="8:8">
      <c r="H293324" s="12"/>
    </row>
    <row r="293325" spans="8:8">
      <c r="H293325" s="12"/>
    </row>
    <row r="293326" spans="8:8">
      <c r="H293326" s="12"/>
    </row>
    <row r="293327" spans="8:8">
      <c r="H293327" s="12"/>
    </row>
    <row r="293328" spans="8:8">
      <c r="H293328" s="12"/>
    </row>
    <row r="293329" spans="8:8">
      <c r="H293329" s="12"/>
    </row>
    <row r="293330" spans="8:8">
      <c r="H293330" s="12"/>
    </row>
    <row r="293331" spans="8:8">
      <c r="H293331" s="12"/>
    </row>
    <row r="293332" spans="8:8">
      <c r="H293332" s="12"/>
    </row>
    <row r="293333" spans="8:8">
      <c r="H293333" s="12"/>
    </row>
    <row r="293334" spans="8:8">
      <c r="H293334" s="12"/>
    </row>
    <row r="293335" spans="8:8">
      <c r="H293335" s="12"/>
    </row>
    <row r="293336" spans="8:8">
      <c r="H293336" s="12"/>
    </row>
    <row r="293337" spans="8:8">
      <c r="H293337" s="12"/>
    </row>
    <row r="293338" spans="8:8">
      <c r="H293338" s="12"/>
    </row>
    <row r="293339" spans="8:8">
      <c r="H293339" s="12"/>
    </row>
    <row r="293340" spans="8:8">
      <c r="H293340" s="12"/>
    </row>
    <row r="293341" spans="8:8">
      <c r="H293341" s="12"/>
    </row>
    <row r="293342" spans="8:8">
      <c r="H293342" s="12"/>
    </row>
    <row r="293343" spans="8:8">
      <c r="H293343" s="12"/>
    </row>
    <row r="293344" spans="8:8">
      <c r="H293344" s="12"/>
    </row>
    <row r="293345" spans="8:8">
      <c r="H293345" s="12"/>
    </row>
    <row r="293346" spans="8:8">
      <c r="H293346" s="12"/>
    </row>
    <row r="293347" spans="8:8">
      <c r="H293347" s="12"/>
    </row>
    <row r="293348" spans="8:8">
      <c r="H293348" s="12"/>
    </row>
    <row r="293349" spans="8:8">
      <c r="H293349" s="12"/>
    </row>
    <row r="293350" spans="8:8">
      <c r="H293350" s="12"/>
    </row>
    <row r="293351" spans="8:8">
      <c r="H293351" s="12"/>
    </row>
    <row r="293352" spans="8:8">
      <c r="H293352" s="12"/>
    </row>
    <row r="293353" spans="8:8">
      <c r="H293353" s="12"/>
    </row>
    <row r="293354" spans="8:8">
      <c r="H293354" s="12"/>
    </row>
    <row r="293355" spans="8:8">
      <c r="H293355" s="12"/>
    </row>
    <row r="293356" spans="8:8">
      <c r="H293356" s="12"/>
    </row>
    <row r="293357" spans="8:8">
      <c r="H293357" s="12"/>
    </row>
    <row r="293358" spans="8:8">
      <c r="H293358" s="12"/>
    </row>
    <row r="293359" spans="8:8">
      <c r="H293359" s="12"/>
    </row>
    <row r="293360" spans="8:8">
      <c r="H293360" s="12"/>
    </row>
    <row r="293361" spans="8:8">
      <c r="H293361" s="12"/>
    </row>
    <row r="293362" spans="8:8">
      <c r="H293362" s="12"/>
    </row>
    <row r="293363" spans="8:8">
      <c r="H293363" s="12"/>
    </row>
    <row r="293364" spans="8:8">
      <c r="H293364" s="12"/>
    </row>
    <row r="293365" spans="8:8">
      <c r="H293365" s="12"/>
    </row>
    <row r="293366" spans="8:8">
      <c r="H293366" s="12"/>
    </row>
    <row r="293367" spans="8:8">
      <c r="H293367" s="12"/>
    </row>
    <row r="293368" spans="8:8">
      <c r="H293368" s="12"/>
    </row>
    <row r="293369" spans="8:8">
      <c r="H293369" s="12"/>
    </row>
    <row r="293370" spans="8:8">
      <c r="H293370" s="12"/>
    </row>
    <row r="293371" spans="8:8">
      <c r="H293371" s="12"/>
    </row>
    <row r="293372" spans="8:8">
      <c r="H293372" s="12"/>
    </row>
    <row r="293373" spans="8:8">
      <c r="H293373" s="12"/>
    </row>
    <row r="293374" spans="8:8">
      <c r="H293374" s="12"/>
    </row>
    <row r="293375" spans="8:8">
      <c r="H293375" s="12"/>
    </row>
    <row r="293376" spans="8:8">
      <c r="H293376" s="12"/>
    </row>
    <row r="293377" spans="8:8">
      <c r="H293377" s="12"/>
    </row>
    <row r="293378" spans="8:8">
      <c r="H293378" s="12"/>
    </row>
    <row r="293379" spans="8:8">
      <c r="H293379" s="12"/>
    </row>
    <row r="293380" spans="8:8">
      <c r="H293380" s="12"/>
    </row>
    <row r="293381" spans="8:8">
      <c r="H293381" s="12"/>
    </row>
    <row r="293382" spans="8:8">
      <c r="H293382" s="12"/>
    </row>
    <row r="293383" spans="8:8">
      <c r="H293383" s="12"/>
    </row>
    <row r="293384" spans="8:8">
      <c r="H293384" s="12"/>
    </row>
    <row r="293385" spans="8:8">
      <c r="H293385" s="12"/>
    </row>
    <row r="293386" spans="8:8">
      <c r="H293386" s="12"/>
    </row>
    <row r="293387" spans="8:8">
      <c r="H293387" s="12"/>
    </row>
    <row r="293388" spans="8:8">
      <c r="H293388" s="12"/>
    </row>
    <row r="293389" spans="8:8">
      <c r="H293389" s="12"/>
    </row>
    <row r="293390" spans="8:8">
      <c r="H293390" s="12"/>
    </row>
    <row r="293391" spans="8:8">
      <c r="H293391" s="12"/>
    </row>
    <row r="293392" spans="8:8">
      <c r="H293392" s="12"/>
    </row>
    <row r="293393" spans="8:8">
      <c r="H293393" s="12"/>
    </row>
    <row r="293394" spans="8:8">
      <c r="H293394" s="12"/>
    </row>
    <row r="293395" spans="8:8">
      <c r="H293395" s="12"/>
    </row>
    <row r="293396" spans="8:8">
      <c r="H293396" s="12"/>
    </row>
    <row r="293397" spans="8:8">
      <c r="H293397" s="12"/>
    </row>
    <row r="293398" spans="8:8">
      <c r="H293398" s="12"/>
    </row>
    <row r="293399" spans="8:8">
      <c r="H293399" s="12"/>
    </row>
    <row r="293400" spans="8:8">
      <c r="H293400" s="12"/>
    </row>
    <row r="293401" spans="8:8">
      <c r="H293401" s="12"/>
    </row>
    <row r="293402" spans="8:8">
      <c r="H293402" s="12"/>
    </row>
    <row r="293403" spans="8:8">
      <c r="H293403" s="12"/>
    </row>
    <row r="293404" spans="8:8">
      <c r="H293404" s="12"/>
    </row>
    <row r="293405" spans="8:8">
      <c r="H293405" s="12"/>
    </row>
    <row r="293406" spans="8:8">
      <c r="H293406" s="12"/>
    </row>
    <row r="293407" spans="8:8">
      <c r="H293407" s="12"/>
    </row>
    <row r="293408" spans="8:8">
      <c r="H293408" s="12"/>
    </row>
    <row r="293409" spans="8:8">
      <c r="H293409" s="12"/>
    </row>
    <row r="293410" spans="8:8">
      <c r="H293410" s="12"/>
    </row>
    <row r="293411" spans="8:8">
      <c r="H293411" s="12"/>
    </row>
    <row r="293412" spans="8:8">
      <c r="H293412" s="12"/>
    </row>
    <row r="293413" spans="8:8">
      <c r="H293413" s="12"/>
    </row>
    <row r="293414" spans="8:8">
      <c r="H293414" s="12"/>
    </row>
    <row r="293415" spans="8:8">
      <c r="H293415" s="12"/>
    </row>
    <row r="293416" spans="8:8">
      <c r="H293416" s="12"/>
    </row>
    <row r="293417" spans="8:8">
      <c r="H293417" s="12"/>
    </row>
    <row r="293418" spans="8:8">
      <c r="H293418" s="12"/>
    </row>
    <row r="293419" spans="8:8">
      <c r="H293419" s="12"/>
    </row>
    <row r="293420" spans="8:8">
      <c r="H293420" s="12"/>
    </row>
    <row r="293421" spans="8:8">
      <c r="H293421" s="12"/>
    </row>
    <row r="293422" spans="8:8">
      <c r="H293422" s="12"/>
    </row>
    <row r="293423" spans="8:8">
      <c r="H293423" s="12"/>
    </row>
    <row r="293424" spans="8:8">
      <c r="H293424" s="12"/>
    </row>
    <row r="293425" spans="8:8">
      <c r="H293425" s="12"/>
    </row>
    <row r="293426" spans="8:8">
      <c r="H293426" s="12"/>
    </row>
    <row r="293427" spans="8:8">
      <c r="H293427" s="12"/>
    </row>
    <row r="293428" spans="8:8">
      <c r="H293428" s="12"/>
    </row>
    <row r="293429" spans="8:8">
      <c r="H293429" s="12"/>
    </row>
    <row r="293430" spans="8:8">
      <c r="H293430" s="12"/>
    </row>
    <row r="293431" spans="8:8">
      <c r="H293431" s="12"/>
    </row>
    <row r="293432" spans="8:8">
      <c r="H293432" s="12"/>
    </row>
    <row r="293433" spans="8:8">
      <c r="H293433" s="12"/>
    </row>
    <row r="293434" spans="8:8">
      <c r="H293434" s="12"/>
    </row>
    <row r="293435" spans="8:8">
      <c r="H293435" s="12"/>
    </row>
    <row r="293436" spans="8:8">
      <c r="H293436" s="12"/>
    </row>
    <row r="293437" spans="8:8">
      <c r="H293437" s="12"/>
    </row>
    <row r="293438" spans="8:8">
      <c r="H293438" s="12"/>
    </row>
    <row r="293439" spans="8:8">
      <c r="H293439" s="12"/>
    </row>
    <row r="293440" spans="8:8">
      <c r="H293440" s="12"/>
    </row>
    <row r="293441" spans="8:8">
      <c r="H293441" s="12"/>
    </row>
    <row r="293442" spans="8:8">
      <c r="H293442" s="12"/>
    </row>
    <row r="293443" spans="8:8">
      <c r="H293443" s="12"/>
    </row>
    <row r="293444" spans="8:8">
      <c r="H293444" s="12"/>
    </row>
    <row r="293445" spans="8:8">
      <c r="H293445" s="12"/>
    </row>
    <row r="293446" spans="8:8">
      <c r="H293446" s="12"/>
    </row>
    <row r="293447" spans="8:8">
      <c r="H293447" s="12"/>
    </row>
    <row r="293448" spans="8:8">
      <c r="H293448" s="12"/>
    </row>
    <row r="293449" spans="8:8">
      <c r="H293449" s="12"/>
    </row>
    <row r="293450" spans="8:8">
      <c r="H293450" s="12"/>
    </row>
    <row r="293451" spans="8:8">
      <c r="H293451" s="12"/>
    </row>
    <row r="293452" spans="8:8">
      <c r="H293452" s="12"/>
    </row>
    <row r="293453" spans="8:8">
      <c r="H293453" s="12"/>
    </row>
    <row r="293454" spans="8:8">
      <c r="H293454" s="12"/>
    </row>
    <row r="293455" spans="8:8">
      <c r="H293455" s="12"/>
    </row>
    <row r="293456" spans="8:8">
      <c r="H293456" s="12"/>
    </row>
    <row r="293457" spans="8:8">
      <c r="H293457" s="12"/>
    </row>
    <row r="293458" spans="8:8">
      <c r="H293458" s="12"/>
    </row>
    <row r="293459" spans="8:8">
      <c r="H293459" s="12"/>
    </row>
    <row r="293460" spans="8:8">
      <c r="H293460" s="12"/>
    </row>
    <row r="293461" spans="8:8">
      <c r="H293461" s="12"/>
    </row>
    <row r="293462" spans="8:8">
      <c r="H293462" s="12"/>
    </row>
    <row r="293463" spans="8:8">
      <c r="H293463" s="12"/>
    </row>
    <row r="293464" spans="8:8">
      <c r="H293464" s="12"/>
    </row>
    <row r="293465" spans="8:8">
      <c r="H293465" s="12"/>
    </row>
    <row r="293466" spans="8:8">
      <c r="H293466" s="12"/>
    </row>
    <row r="293467" spans="8:8">
      <c r="H293467" s="12"/>
    </row>
    <row r="293468" spans="8:8">
      <c r="H293468" s="12"/>
    </row>
    <row r="293469" spans="8:8">
      <c r="H293469" s="12"/>
    </row>
    <row r="293470" spans="8:8">
      <c r="H293470" s="12"/>
    </row>
    <row r="293471" spans="8:8">
      <c r="H293471" s="12"/>
    </row>
    <row r="293472" spans="8:8">
      <c r="H293472" s="12"/>
    </row>
    <row r="293473" spans="8:8">
      <c r="H293473" s="12"/>
    </row>
    <row r="293474" spans="8:8">
      <c r="H293474" s="12"/>
    </row>
    <row r="293475" spans="8:8">
      <c r="H293475" s="12"/>
    </row>
    <row r="293476" spans="8:8">
      <c r="H293476" s="12"/>
    </row>
    <row r="293477" spans="8:8">
      <c r="H293477" s="12"/>
    </row>
    <row r="293478" spans="8:8">
      <c r="H293478" s="12"/>
    </row>
    <row r="293479" spans="8:8">
      <c r="H293479" s="12"/>
    </row>
    <row r="293480" spans="8:8">
      <c r="H293480" s="12"/>
    </row>
    <row r="293481" spans="8:8">
      <c r="H293481" s="12"/>
    </row>
    <row r="293482" spans="8:8">
      <c r="H293482" s="12"/>
    </row>
    <row r="293483" spans="8:8">
      <c r="H293483" s="12"/>
    </row>
    <row r="293484" spans="8:8">
      <c r="H293484" s="12"/>
    </row>
    <row r="293485" spans="8:8">
      <c r="H293485" s="12"/>
    </row>
    <row r="293486" spans="8:8">
      <c r="H293486" s="12"/>
    </row>
    <row r="293487" spans="8:8">
      <c r="H293487" s="12"/>
    </row>
    <row r="293488" spans="8:8">
      <c r="H293488" s="12"/>
    </row>
    <row r="293489" spans="8:8">
      <c r="H293489" s="12"/>
    </row>
    <row r="293490" spans="8:8">
      <c r="H293490" s="12"/>
    </row>
    <row r="293491" spans="8:8">
      <c r="H293491" s="12"/>
    </row>
    <row r="293492" spans="8:8">
      <c r="H293492" s="12"/>
    </row>
    <row r="293493" spans="8:8">
      <c r="H293493" s="12"/>
    </row>
    <row r="293494" spans="8:8">
      <c r="H293494" s="12"/>
    </row>
    <row r="293495" spans="8:8">
      <c r="H293495" s="12"/>
    </row>
    <row r="293496" spans="8:8">
      <c r="H293496" s="12"/>
    </row>
    <row r="293497" spans="8:8">
      <c r="H293497" s="12"/>
    </row>
    <row r="293498" spans="8:8">
      <c r="H293498" s="12"/>
    </row>
    <row r="293499" spans="8:8">
      <c r="H293499" s="12"/>
    </row>
    <row r="293500" spans="8:8">
      <c r="H293500" s="12"/>
    </row>
    <row r="293501" spans="8:8">
      <c r="H293501" s="12"/>
    </row>
    <row r="293502" spans="8:8">
      <c r="H293502" s="12"/>
    </row>
    <row r="293503" spans="8:8">
      <c r="H293503" s="12"/>
    </row>
    <row r="293504" spans="8:8">
      <c r="H293504" s="12"/>
    </row>
    <row r="293505" spans="8:8">
      <c r="H293505" s="12"/>
    </row>
    <row r="293506" spans="8:8">
      <c r="H293506" s="12"/>
    </row>
    <row r="293507" spans="8:8">
      <c r="H293507" s="12"/>
    </row>
    <row r="293508" spans="8:8">
      <c r="H293508" s="12"/>
    </row>
    <row r="293509" spans="8:8">
      <c r="H293509" s="12"/>
    </row>
    <row r="293510" spans="8:8">
      <c r="H293510" s="12"/>
    </row>
    <row r="293511" spans="8:8">
      <c r="H293511" s="12"/>
    </row>
    <row r="293512" spans="8:8">
      <c r="H293512" s="12"/>
    </row>
    <row r="293513" spans="8:8">
      <c r="H293513" s="12"/>
    </row>
    <row r="293514" spans="8:8">
      <c r="H293514" s="12"/>
    </row>
    <row r="293515" spans="8:8">
      <c r="H293515" s="12"/>
    </row>
    <row r="293516" spans="8:8">
      <c r="H293516" s="12"/>
    </row>
    <row r="293517" spans="8:8">
      <c r="H293517" s="12"/>
    </row>
    <row r="293518" spans="8:8">
      <c r="H293518" s="12"/>
    </row>
    <row r="293519" spans="8:8">
      <c r="H293519" s="12"/>
    </row>
    <row r="293520" spans="8:8">
      <c r="H293520" s="12"/>
    </row>
    <row r="293521" spans="8:8">
      <c r="H293521" s="12"/>
    </row>
    <row r="293522" spans="8:8">
      <c r="H293522" s="12"/>
    </row>
    <row r="293523" spans="8:8">
      <c r="H293523" s="12"/>
    </row>
    <row r="293524" spans="8:8">
      <c r="H293524" s="12"/>
    </row>
    <row r="293525" spans="8:8">
      <c r="H293525" s="12"/>
    </row>
    <row r="293526" spans="8:8">
      <c r="H293526" s="12"/>
    </row>
    <row r="293527" spans="8:8">
      <c r="H293527" s="12"/>
    </row>
    <row r="293528" spans="8:8">
      <c r="H293528" s="12"/>
    </row>
    <row r="293529" spans="8:8">
      <c r="H293529" s="12"/>
    </row>
    <row r="293530" spans="8:8">
      <c r="H293530" s="12"/>
    </row>
    <row r="293531" spans="8:8">
      <c r="H293531" s="12"/>
    </row>
    <row r="293532" spans="8:8">
      <c r="H293532" s="12"/>
    </row>
    <row r="293533" spans="8:8">
      <c r="H293533" s="12"/>
    </row>
    <row r="293534" spans="8:8">
      <c r="H293534" s="12"/>
    </row>
    <row r="293535" spans="8:8">
      <c r="H293535" s="12"/>
    </row>
    <row r="293536" spans="8:8">
      <c r="H293536" s="12"/>
    </row>
    <row r="293537" spans="8:8">
      <c r="H293537" s="12"/>
    </row>
    <row r="293538" spans="8:8">
      <c r="H293538" s="12"/>
    </row>
    <row r="293539" spans="8:8">
      <c r="H293539" s="12"/>
    </row>
    <row r="293540" spans="8:8">
      <c r="H293540" s="12"/>
    </row>
    <row r="293541" spans="8:8">
      <c r="H293541" s="12"/>
    </row>
    <row r="293542" spans="8:8">
      <c r="H293542" s="12"/>
    </row>
    <row r="293543" spans="8:8">
      <c r="H293543" s="12"/>
    </row>
    <row r="293544" spans="8:8">
      <c r="H293544" s="12"/>
    </row>
    <row r="293545" spans="8:8">
      <c r="H293545" s="12"/>
    </row>
    <row r="293546" spans="8:8">
      <c r="H293546" s="12"/>
    </row>
    <row r="293547" spans="8:8">
      <c r="H293547" s="12"/>
    </row>
    <row r="293548" spans="8:8">
      <c r="H293548" s="12"/>
    </row>
    <row r="293549" spans="8:8">
      <c r="H293549" s="12"/>
    </row>
    <row r="293550" spans="8:8">
      <c r="H293550" s="12"/>
    </row>
    <row r="293551" spans="8:8">
      <c r="H293551" s="12"/>
    </row>
    <row r="293552" spans="8:8">
      <c r="H293552" s="12"/>
    </row>
    <row r="293553" spans="8:8">
      <c r="H293553" s="12"/>
    </row>
    <row r="293554" spans="8:8">
      <c r="H293554" s="12"/>
    </row>
    <row r="293555" spans="8:8">
      <c r="H293555" s="12"/>
    </row>
    <row r="293556" spans="8:8">
      <c r="H293556" s="12"/>
    </row>
    <row r="293557" spans="8:8">
      <c r="H293557" s="12"/>
    </row>
    <row r="293558" spans="8:8">
      <c r="H293558" s="12"/>
    </row>
    <row r="293559" spans="8:8">
      <c r="H293559" s="12"/>
    </row>
    <row r="293560" spans="8:8">
      <c r="H293560" s="12"/>
    </row>
    <row r="293561" spans="8:8">
      <c r="H293561" s="12"/>
    </row>
    <row r="293562" spans="8:8">
      <c r="H293562" s="12"/>
    </row>
    <row r="293563" spans="8:8">
      <c r="H293563" s="12"/>
    </row>
    <row r="293564" spans="8:8">
      <c r="H293564" s="12"/>
    </row>
    <row r="293565" spans="8:8">
      <c r="H293565" s="12"/>
    </row>
    <row r="293566" spans="8:8">
      <c r="H293566" s="12"/>
    </row>
    <row r="293567" spans="8:8">
      <c r="H293567" s="12"/>
    </row>
    <row r="293568" spans="8:8">
      <c r="H293568" s="12"/>
    </row>
    <row r="293569" spans="8:8">
      <c r="H293569" s="12"/>
    </row>
    <row r="293570" spans="8:8">
      <c r="H293570" s="12"/>
    </row>
    <row r="293571" spans="8:8">
      <c r="H293571" s="12"/>
    </row>
    <row r="293572" spans="8:8">
      <c r="H293572" s="12"/>
    </row>
    <row r="293573" spans="8:8">
      <c r="H293573" s="12"/>
    </row>
    <row r="293574" spans="8:8">
      <c r="H293574" s="12"/>
    </row>
    <row r="293575" spans="8:8">
      <c r="H293575" s="12"/>
    </row>
    <row r="293576" spans="8:8">
      <c r="H293576" s="12"/>
    </row>
    <row r="293577" spans="8:8">
      <c r="H293577" s="12"/>
    </row>
    <row r="293578" spans="8:8">
      <c r="H293578" s="12"/>
    </row>
    <row r="293579" spans="8:8">
      <c r="H293579" s="12"/>
    </row>
    <row r="293580" spans="8:8">
      <c r="H293580" s="12"/>
    </row>
    <row r="293581" spans="8:8">
      <c r="H293581" s="12"/>
    </row>
    <row r="293582" spans="8:8">
      <c r="H293582" s="12"/>
    </row>
    <row r="293583" spans="8:8">
      <c r="H293583" s="12"/>
    </row>
    <row r="293584" spans="8:8">
      <c r="H293584" s="12"/>
    </row>
    <row r="293585" spans="8:8">
      <c r="H293585" s="12"/>
    </row>
    <row r="293586" spans="8:8">
      <c r="H293586" s="12"/>
    </row>
    <row r="293587" spans="8:8">
      <c r="H293587" s="12"/>
    </row>
    <row r="293588" spans="8:8">
      <c r="H293588" s="12"/>
    </row>
    <row r="293589" spans="8:8">
      <c r="H293589" s="12"/>
    </row>
    <row r="293590" spans="8:8">
      <c r="H293590" s="12"/>
    </row>
    <row r="293591" spans="8:8">
      <c r="H293591" s="12"/>
    </row>
    <row r="293592" spans="8:8">
      <c r="H293592" s="12"/>
    </row>
    <row r="293593" spans="8:8">
      <c r="H293593" s="12"/>
    </row>
    <row r="293594" spans="8:8">
      <c r="H293594" s="12"/>
    </row>
    <row r="293595" spans="8:8">
      <c r="H293595" s="12"/>
    </row>
    <row r="293596" spans="8:8">
      <c r="H293596" s="12"/>
    </row>
    <row r="293597" spans="8:8">
      <c r="H293597" s="12"/>
    </row>
    <row r="293598" spans="8:8">
      <c r="H293598" s="12"/>
    </row>
    <row r="293599" spans="8:8">
      <c r="H293599" s="12"/>
    </row>
    <row r="293600" spans="8:8">
      <c r="H293600" s="12"/>
    </row>
    <row r="293601" spans="8:8">
      <c r="H293601" s="12"/>
    </row>
    <row r="293602" spans="8:8">
      <c r="H293602" s="12"/>
    </row>
    <row r="293603" spans="8:8">
      <c r="H293603" s="12"/>
    </row>
    <row r="293604" spans="8:8">
      <c r="H293604" s="12"/>
    </row>
    <row r="293605" spans="8:8">
      <c r="H293605" s="12"/>
    </row>
    <row r="293606" spans="8:8">
      <c r="H293606" s="12"/>
    </row>
    <row r="293607" spans="8:8">
      <c r="H293607" s="12"/>
    </row>
    <row r="293608" spans="8:8">
      <c r="H293608" s="12"/>
    </row>
    <row r="293609" spans="8:8">
      <c r="H293609" s="12"/>
    </row>
    <row r="293610" spans="8:8">
      <c r="H293610" s="12"/>
    </row>
    <row r="293611" spans="8:8">
      <c r="H293611" s="12"/>
    </row>
    <row r="293612" spans="8:8">
      <c r="H293612" s="12"/>
    </row>
    <row r="293613" spans="8:8">
      <c r="H293613" s="12"/>
    </row>
    <row r="293614" spans="8:8">
      <c r="H293614" s="12"/>
    </row>
    <row r="293615" spans="8:8">
      <c r="H293615" s="12"/>
    </row>
    <row r="293616" spans="8:8">
      <c r="H293616" s="12"/>
    </row>
    <row r="293617" spans="8:8">
      <c r="H293617" s="12"/>
    </row>
    <row r="293618" spans="8:8">
      <c r="H293618" s="12"/>
    </row>
    <row r="293619" spans="8:8">
      <c r="H293619" s="12"/>
    </row>
    <row r="293620" spans="8:8">
      <c r="H293620" s="12"/>
    </row>
    <row r="293621" spans="8:8">
      <c r="H293621" s="12"/>
    </row>
    <row r="293622" spans="8:8">
      <c r="H293622" s="12"/>
    </row>
    <row r="293623" spans="8:8">
      <c r="H293623" s="12"/>
    </row>
    <row r="293624" spans="8:8">
      <c r="H293624" s="12"/>
    </row>
    <row r="293625" spans="8:8">
      <c r="H293625" s="12"/>
    </row>
    <row r="293626" spans="8:8">
      <c r="H293626" s="12"/>
    </row>
    <row r="293627" spans="8:8">
      <c r="H293627" s="12"/>
    </row>
    <row r="293628" spans="8:8">
      <c r="H293628" s="12"/>
    </row>
    <row r="293629" spans="8:8">
      <c r="H293629" s="12"/>
    </row>
    <row r="293630" spans="8:8">
      <c r="H293630" s="12"/>
    </row>
    <row r="293631" spans="8:8">
      <c r="H293631" s="12"/>
    </row>
    <row r="293632" spans="8:8">
      <c r="H293632" s="12"/>
    </row>
    <row r="293633" spans="8:8">
      <c r="H293633" s="12"/>
    </row>
    <row r="293634" spans="8:8">
      <c r="H293634" s="12"/>
    </row>
    <row r="293635" spans="8:8">
      <c r="H293635" s="12"/>
    </row>
    <row r="293636" spans="8:8">
      <c r="H293636" s="12"/>
    </row>
    <row r="293637" spans="8:8">
      <c r="H293637" s="12"/>
    </row>
    <row r="293638" spans="8:8">
      <c r="H293638" s="12"/>
    </row>
    <row r="293639" spans="8:8">
      <c r="H293639" s="12"/>
    </row>
    <row r="293640" spans="8:8">
      <c r="H293640" s="12"/>
    </row>
    <row r="293641" spans="8:8">
      <c r="H293641" s="12"/>
    </row>
    <row r="293642" spans="8:8">
      <c r="H293642" s="12"/>
    </row>
    <row r="293643" spans="8:8">
      <c r="H293643" s="12"/>
    </row>
    <row r="293644" spans="8:8">
      <c r="H293644" s="12"/>
    </row>
    <row r="293645" spans="8:8">
      <c r="H293645" s="12"/>
    </row>
    <row r="293646" spans="8:8">
      <c r="H293646" s="12"/>
    </row>
    <row r="293647" spans="8:8">
      <c r="H293647" s="12"/>
    </row>
    <row r="293648" spans="8:8">
      <c r="H293648" s="12"/>
    </row>
    <row r="293649" spans="8:8">
      <c r="H293649" s="12"/>
    </row>
    <row r="293650" spans="8:8">
      <c r="H293650" s="12"/>
    </row>
    <row r="293651" spans="8:8">
      <c r="H293651" s="12"/>
    </row>
    <row r="293652" spans="8:8">
      <c r="H293652" s="12"/>
    </row>
    <row r="293653" spans="8:8">
      <c r="H293653" s="12"/>
    </row>
    <row r="293654" spans="8:8">
      <c r="H293654" s="12"/>
    </row>
    <row r="293655" spans="8:8">
      <c r="H293655" s="12"/>
    </row>
    <row r="293656" spans="8:8">
      <c r="H293656" s="12"/>
    </row>
    <row r="293657" spans="8:8">
      <c r="H293657" s="12"/>
    </row>
    <row r="293658" spans="8:8">
      <c r="H293658" s="12"/>
    </row>
    <row r="293659" spans="8:8">
      <c r="H293659" s="12"/>
    </row>
    <row r="293660" spans="8:8">
      <c r="H293660" s="12"/>
    </row>
    <row r="293661" spans="8:8">
      <c r="H293661" s="12"/>
    </row>
    <row r="293662" spans="8:8">
      <c r="H293662" s="12"/>
    </row>
    <row r="293663" spans="8:8">
      <c r="H293663" s="12"/>
    </row>
    <row r="293664" spans="8:8">
      <c r="H293664" s="12"/>
    </row>
    <row r="293665" spans="8:8">
      <c r="H293665" s="12"/>
    </row>
    <row r="293666" spans="8:8">
      <c r="H293666" s="12"/>
    </row>
    <row r="293667" spans="8:8">
      <c r="H293667" s="12"/>
    </row>
    <row r="293668" spans="8:8">
      <c r="H293668" s="12"/>
    </row>
    <row r="293669" spans="8:8">
      <c r="H293669" s="12"/>
    </row>
    <row r="293670" spans="8:8">
      <c r="H293670" s="12"/>
    </row>
    <row r="293671" spans="8:8">
      <c r="H293671" s="12"/>
    </row>
    <row r="293672" spans="8:8">
      <c r="H293672" s="12"/>
    </row>
    <row r="293673" spans="8:8">
      <c r="H293673" s="12"/>
    </row>
    <row r="293674" spans="8:8">
      <c r="H293674" s="12"/>
    </row>
    <row r="293675" spans="8:8">
      <c r="H293675" s="12"/>
    </row>
    <row r="293676" spans="8:8">
      <c r="H293676" s="12"/>
    </row>
    <row r="293677" spans="8:8">
      <c r="H293677" s="12"/>
    </row>
    <row r="293678" spans="8:8">
      <c r="H293678" s="12"/>
    </row>
    <row r="293679" spans="8:8">
      <c r="H293679" s="12"/>
    </row>
    <row r="293680" spans="8:8">
      <c r="H293680" s="12"/>
    </row>
    <row r="293681" spans="8:8">
      <c r="H293681" s="12"/>
    </row>
    <row r="293682" spans="8:8">
      <c r="H293682" s="12"/>
    </row>
    <row r="293683" spans="8:8">
      <c r="H293683" s="12"/>
    </row>
    <row r="293684" spans="8:8">
      <c r="H293684" s="12"/>
    </row>
    <row r="293685" spans="8:8">
      <c r="H293685" s="12"/>
    </row>
    <row r="293686" spans="8:8">
      <c r="H293686" s="12"/>
    </row>
    <row r="293687" spans="8:8">
      <c r="H293687" s="12"/>
    </row>
    <row r="293688" spans="8:8">
      <c r="H293688" s="12"/>
    </row>
    <row r="293689" spans="8:8">
      <c r="H293689" s="12"/>
    </row>
    <row r="293690" spans="8:8">
      <c r="H293690" s="12"/>
    </row>
    <row r="293691" spans="8:8">
      <c r="H293691" s="12"/>
    </row>
    <row r="293692" spans="8:8">
      <c r="H293692" s="12"/>
    </row>
    <row r="293693" spans="8:8">
      <c r="H293693" s="12"/>
    </row>
    <row r="293694" spans="8:8">
      <c r="H293694" s="12"/>
    </row>
    <row r="293695" spans="8:8">
      <c r="H293695" s="12"/>
    </row>
    <row r="293696" spans="8:8">
      <c r="H293696" s="12"/>
    </row>
    <row r="293697" spans="8:8">
      <c r="H293697" s="12"/>
    </row>
    <row r="293698" spans="8:8">
      <c r="H293698" s="12"/>
    </row>
    <row r="293699" spans="8:8">
      <c r="H293699" s="12"/>
    </row>
    <row r="293700" spans="8:8">
      <c r="H293700" s="12"/>
    </row>
    <row r="293701" spans="8:8">
      <c r="H293701" s="12"/>
    </row>
    <row r="293702" spans="8:8">
      <c r="H293702" s="12"/>
    </row>
    <row r="293703" spans="8:8">
      <c r="H293703" s="12"/>
    </row>
    <row r="293704" spans="8:8">
      <c r="H293704" s="12"/>
    </row>
    <row r="293705" spans="8:8">
      <c r="H293705" s="12"/>
    </row>
    <row r="293706" spans="8:8">
      <c r="H293706" s="12"/>
    </row>
    <row r="293707" spans="8:8">
      <c r="H293707" s="12"/>
    </row>
    <row r="293708" spans="8:8">
      <c r="H293708" s="12"/>
    </row>
    <row r="293709" spans="8:8">
      <c r="H293709" s="12"/>
    </row>
    <row r="293710" spans="8:8">
      <c r="H293710" s="12"/>
    </row>
    <row r="293711" spans="8:8">
      <c r="H293711" s="12"/>
    </row>
    <row r="293712" spans="8:8">
      <c r="H293712" s="12"/>
    </row>
    <row r="293713" spans="8:8">
      <c r="H293713" s="12"/>
    </row>
    <row r="293714" spans="8:8">
      <c r="H293714" s="12"/>
    </row>
    <row r="293715" spans="8:8">
      <c r="H293715" s="12"/>
    </row>
    <row r="293716" spans="8:8">
      <c r="H293716" s="12"/>
    </row>
    <row r="293717" spans="8:8">
      <c r="H293717" s="12"/>
    </row>
    <row r="293718" spans="8:8">
      <c r="H293718" s="12"/>
    </row>
    <row r="293719" spans="8:8">
      <c r="H293719" s="12"/>
    </row>
    <row r="293720" spans="8:8">
      <c r="H293720" s="12"/>
    </row>
    <row r="293721" spans="8:8">
      <c r="H293721" s="12"/>
    </row>
    <row r="293722" spans="8:8">
      <c r="H293722" s="12"/>
    </row>
    <row r="293723" spans="8:8">
      <c r="H293723" s="12"/>
    </row>
    <row r="293724" spans="8:8">
      <c r="H293724" s="12"/>
    </row>
    <row r="293725" spans="8:8">
      <c r="H293725" s="12"/>
    </row>
    <row r="293726" spans="8:8">
      <c r="H293726" s="12"/>
    </row>
    <row r="293727" spans="8:8">
      <c r="H293727" s="12"/>
    </row>
    <row r="293728" spans="8:8">
      <c r="H293728" s="12"/>
    </row>
    <row r="293729" spans="8:8">
      <c r="H293729" s="12"/>
    </row>
    <row r="293730" spans="8:8">
      <c r="H293730" s="12"/>
    </row>
    <row r="293731" spans="8:8">
      <c r="H293731" s="12"/>
    </row>
    <row r="293732" spans="8:8">
      <c r="H293732" s="12"/>
    </row>
    <row r="293733" spans="8:8">
      <c r="H293733" s="12"/>
    </row>
    <row r="293734" spans="8:8">
      <c r="H293734" s="12"/>
    </row>
    <row r="293735" spans="8:8">
      <c r="H293735" s="12"/>
    </row>
    <row r="293736" spans="8:8">
      <c r="H293736" s="12"/>
    </row>
    <row r="293737" spans="8:8">
      <c r="H293737" s="12"/>
    </row>
    <row r="293738" spans="8:8">
      <c r="H293738" s="12"/>
    </row>
    <row r="293739" spans="8:8">
      <c r="H293739" s="12"/>
    </row>
    <row r="293740" spans="8:8">
      <c r="H293740" s="12"/>
    </row>
    <row r="293741" spans="8:8">
      <c r="H293741" s="12"/>
    </row>
    <row r="293742" spans="8:8">
      <c r="H293742" s="12"/>
    </row>
    <row r="293743" spans="8:8">
      <c r="H293743" s="12"/>
    </row>
    <row r="293744" spans="8:8">
      <c r="H293744" s="12"/>
    </row>
    <row r="293745" spans="8:8">
      <c r="H293745" s="12"/>
    </row>
    <row r="293746" spans="8:8">
      <c r="H293746" s="12"/>
    </row>
    <row r="293747" spans="8:8">
      <c r="H293747" s="12"/>
    </row>
    <row r="293748" spans="8:8">
      <c r="H293748" s="12"/>
    </row>
    <row r="293749" spans="8:8">
      <c r="H293749" s="12"/>
    </row>
    <row r="293750" spans="8:8">
      <c r="H293750" s="12"/>
    </row>
    <row r="293751" spans="8:8">
      <c r="H293751" s="12"/>
    </row>
    <row r="293752" spans="8:8">
      <c r="H293752" s="12"/>
    </row>
    <row r="293753" spans="8:8">
      <c r="H293753" s="12"/>
    </row>
    <row r="293754" spans="8:8">
      <c r="H293754" s="12"/>
    </row>
    <row r="293755" spans="8:8">
      <c r="H293755" s="12"/>
    </row>
    <row r="293756" spans="8:8">
      <c r="H293756" s="12"/>
    </row>
    <row r="293757" spans="8:8">
      <c r="H293757" s="12"/>
    </row>
    <row r="293758" spans="8:8">
      <c r="H293758" s="12"/>
    </row>
    <row r="293759" spans="8:8">
      <c r="H293759" s="12"/>
    </row>
    <row r="293760" spans="8:8">
      <c r="H293760" s="12"/>
    </row>
    <row r="293761" spans="8:8">
      <c r="H293761" s="12"/>
    </row>
    <row r="293762" spans="8:8">
      <c r="H293762" s="12"/>
    </row>
    <row r="293763" spans="8:8">
      <c r="H293763" s="12"/>
    </row>
    <row r="293764" spans="8:8">
      <c r="H293764" s="12"/>
    </row>
    <row r="293765" spans="8:8">
      <c r="H293765" s="12"/>
    </row>
    <row r="293766" spans="8:8">
      <c r="H293766" s="12"/>
    </row>
    <row r="293767" spans="8:8">
      <c r="H293767" s="12"/>
    </row>
    <row r="293768" spans="8:8">
      <c r="H293768" s="12"/>
    </row>
    <row r="293769" spans="8:8">
      <c r="H293769" s="12"/>
    </row>
    <row r="293770" spans="8:8">
      <c r="H293770" s="12"/>
    </row>
    <row r="293771" spans="8:8">
      <c r="H293771" s="12"/>
    </row>
    <row r="293772" spans="8:8">
      <c r="H293772" s="12"/>
    </row>
    <row r="293773" spans="8:8">
      <c r="H293773" s="12"/>
    </row>
    <row r="293774" spans="8:8">
      <c r="H293774" s="12"/>
    </row>
    <row r="293775" spans="8:8">
      <c r="H293775" s="12"/>
    </row>
    <row r="293776" spans="8:8">
      <c r="H293776" s="12"/>
    </row>
    <row r="293777" spans="8:8">
      <c r="H293777" s="12"/>
    </row>
    <row r="293778" spans="8:8">
      <c r="H293778" s="12"/>
    </row>
    <row r="293779" spans="8:8">
      <c r="H293779" s="12"/>
    </row>
    <row r="293780" spans="8:8">
      <c r="H293780" s="12"/>
    </row>
    <row r="293781" spans="8:8">
      <c r="H293781" s="12"/>
    </row>
    <row r="293782" spans="8:8">
      <c r="H293782" s="12"/>
    </row>
    <row r="293783" spans="8:8">
      <c r="H293783" s="12"/>
    </row>
    <row r="293784" spans="8:8">
      <c r="H293784" s="12"/>
    </row>
    <row r="293785" spans="8:8">
      <c r="H293785" s="12"/>
    </row>
    <row r="293786" spans="8:8">
      <c r="H293786" s="12"/>
    </row>
    <row r="293787" spans="8:8">
      <c r="H293787" s="12"/>
    </row>
    <row r="293788" spans="8:8">
      <c r="H293788" s="12"/>
    </row>
    <row r="293789" spans="8:8">
      <c r="H293789" s="12"/>
    </row>
    <row r="293790" spans="8:8">
      <c r="H293790" s="12"/>
    </row>
    <row r="293791" spans="8:8">
      <c r="H293791" s="12"/>
    </row>
    <row r="293792" spans="8:8">
      <c r="H293792" s="12"/>
    </row>
    <row r="293793" spans="8:8">
      <c r="H293793" s="12"/>
    </row>
    <row r="293794" spans="8:8">
      <c r="H293794" s="12"/>
    </row>
    <row r="293795" spans="8:8">
      <c r="H293795" s="12"/>
    </row>
    <row r="293796" spans="8:8">
      <c r="H293796" s="12"/>
    </row>
    <row r="293797" spans="8:8">
      <c r="H293797" s="12"/>
    </row>
    <row r="293798" spans="8:8">
      <c r="H293798" s="12"/>
    </row>
    <row r="293799" spans="8:8">
      <c r="H293799" s="12"/>
    </row>
    <row r="293800" spans="8:8">
      <c r="H293800" s="12"/>
    </row>
    <row r="293801" spans="8:8">
      <c r="H293801" s="12"/>
    </row>
    <row r="293802" spans="8:8">
      <c r="H293802" s="12"/>
    </row>
    <row r="293803" spans="8:8">
      <c r="H293803" s="12"/>
    </row>
    <row r="293804" spans="8:8">
      <c r="H293804" s="12"/>
    </row>
    <row r="293805" spans="8:8">
      <c r="H293805" s="12"/>
    </row>
    <row r="293806" spans="8:8">
      <c r="H293806" s="12"/>
    </row>
    <row r="293807" spans="8:8">
      <c r="H293807" s="12"/>
    </row>
    <row r="293808" spans="8:8">
      <c r="H293808" s="12"/>
    </row>
    <row r="293809" spans="8:8">
      <c r="H293809" s="12"/>
    </row>
    <row r="293810" spans="8:8">
      <c r="H293810" s="12"/>
    </row>
    <row r="293811" spans="8:8">
      <c r="H293811" s="12"/>
    </row>
    <row r="293812" spans="8:8">
      <c r="H293812" s="12"/>
    </row>
    <row r="293813" spans="8:8">
      <c r="H293813" s="12"/>
    </row>
    <row r="293814" spans="8:8">
      <c r="H293814" s="12"/>
    </row>
    <row r="293815" spans="8:8">
      <c r="H293815" s="12"/>
    </row>
    <row r="293816" spans="8:8">
      <c r="H293816" s="12"/>
    </row>
    <row r="293817" spans="8:8">
      <c r="H293817" s="12"/>
    </row>
    <row r="293818" spans="8:8">
      <c r="H293818" s="12"/>
    </row>
    <row r="293819" spans="8:8">
      <c r="H293819" s="12"/>
    </row>
    <row r="293820" spans="8:8">
      <c r="H293820" s="12"/>
    </row>
    <row r="293821" spans="8:8">
      <c r="H293821" s="12"/>
    </row>
    <row r="293822" spans="8:8">
      <c r="H293822" s="12"/>
    </row>
    <row r="293823" spans="8:8">
      <c r="H293823" s="12"/>
    </row>
    <row r="293824" spans="8:8">
      <c r="H293824" s="12"/>
    </row>
    <row r="293825" spans="8:8">
      <c r="H293825" s="12"/>
    </row>
    <row r="293826" spans="8:8">
      <c r="H293826" s="12"/>
    </row>
    <row r="293827" spans="8:8">
      <c r="H293827" s="12"/>
    </row>
    <row r="293828" spans="8:8">
      <c r="H293828" s="12"/>
    </row>
    <row r="293829" spans="8:8">
      <c r="H293829" s="12"/>
    </row>
    <row r="293830" spans="8:8">
      <c r="H293830" s="12"/>
    </row>
    <row r="293831" spans="8:8">
      <c r="H293831" s="12"/>
    </row>
    <row r="293832" spans="8:8">
      <c r="H293832" s="12"/>
    </row>
    <row r="293833" spans="8:8">
      <c r="H293833" s="12"/>
    </row>
    <row r="293834" spans="8:8">
      <c r="H293834" s="12"/>
    </row>
    <row r="293835" spans="8:8">
      <c r="H293835" s="12"/>
    </row>
    <row r="293836" spans="8:8">
      <c r="H293836" s="12"/>
    </row>
    <row r="293837" spans="8:8">
      <c r="H293837" s="12"/>
    </row>
    <row r="293838" spans="8:8">
      <c r="H293838" s="12"/>
    </row>
    <row r="293839" spans="8:8">
      <c r="H293839" s="12"/>
    </row>
    <row r="293840" spans="8:8">
      <c r="H293840" s="12"/>
    </row>
    <row r="293841" spans="8:8">
      <c r="H293841" s="12"/>
    </row>
    <row r="293842" spans="8:8">
      <c r="H293842" s="12"/>
    </row>
    <row r="293843" spans="8:8">
      <c r="H293843" s="12"/>
    </row>
    <row r="293844" spans="8:8">
      <c r="H293844" s="12"/>
    </row>
    <row r="293845" spans="8:8">
      <c r="H293845" s="12"/>
    </row>
    <row r="293846" spans="8:8">
      <c r="H293846" s="12"/>
    </row>
    <row r="293847" spans="8:8">
      <c r="H293847" s="12"/>
    </row>
    <row r="293848" spans="8:8">
      <c r="H293848" s="12"/>
    </row>
    <row r="293849" spans="8:8">
      <c r="H293849" s="12"/>
    </row>
    <row r="293850" spans="8:8">
      <c r="H293850" s="12"/>
    </row>
    <row r="293851" spans="8:8">
      <c r="H293851" s="12"/>
    </row>
    <row r="293852" spans="8:8">
      <c r="H293852" s="12"/>
    </row>
    <row r="293853" spans="8:8">
      <c r="H293853" s="12"/>
    </row>
    <row r="293854" spans="8:8">
      <c r="H293854" s="12"/>
    </row>
    <row r="293855" spans="8:8">
      <c r="H293855" s="12"/>
    </row>
    <row r="293856" spans="8:8">
      <c r="H293856" s="12"/>
    </row>
    <row r="293857" spans="8:8">
      <c r="H293857" s="12"/>
    </row>
    <row r="293858" spans="8:8">
      <c r="H293858" s="12"/>
    </row>
    <row r="293859" spans="8:8">
      <c r="H293859" s="12"/>
    </row>
    <row r="293860" spans="8:8">
      <c r="H293860" s="12"/>
    </row>
    <row r="293861" spans="8:8">
      <c r="H293861" s="12"/>
    </row>
    <row r="293862" spans="8:8">
      <c r="H293862" s="12"/>
    </row>
    <row r="293863" spans="8:8">
      <c r="H293863" s="12"/>
    </row>
    <row r="293864" spans="8:8">
      <c r="H293864" s="12"/>
    </row>
    <row r="293865" spans="8:8">
      <c r="H293865" s="12"/>
    </row>
    <row r="293866" spans="8:8">
      <c r="H293866" s="12"/>
    </row>
    <row r="293867" spans="8:8">
      <c r="H293867" s="12"/>
    </row>
    <row r="293868" spans="8:8">
      <c r="H293868" s="12"/>
    </row>
    <row r="293869" spans="8:8">
      <c r="H293869" s="12"/>
    </row>
    <row r="293870" spans="8:8">
      <c r="H293870" s="12"/>
    </row>
    <row r="293871" spans="8:8">
      <c r="H293871" s="12"/>
    </row>
    <row r="293872" spans="8:8">
      <c r="H293872" s="12"/>
    </row>
    <row r="293873" spans="8:8">
      <c r="H293873" s="12"/>
    </row>
    <row r="293874" spans="8:8">
      <c r="H293874" s="12"/>
    </row>
    <row r="293875" spans="8:8">
      <c r="H293875" s="12"/>
    </row>
    <row r="293876" spans="8:8">
      <c r="H293876" s="12"/>
    </row>
    <row r="293877" spans="8:8">
      <c r="H293877" s="12"/>
    </row>
    <row r="293878" spans="8:8">
      <c r="H293878" s="12"/>
    </row>
    <row r="293879" spans="8:8">
      <c r="H293879" s="12"/>
    </row>
    <row r="293880" spans="8:8">
      <c r="H293880" s="12"/>
    </row>
    <row r="293881" spans="8:8">
      <c r="H293881" s="12"/>
    </row>
    <row r="293882" spans="8:8">
      <c r="H293882" s="12"/>
    </row>
    <row r="293883" spans="8:8">
      <c r="H293883" s="12"/>
    </row>
    <row r="293884" spans="8:8">
      <c r="H293884" s="12"/>
    </row>
    <row r="293885" spans="8:8">
      <c r="H293885" s="12"/>
    </row>
    <row r="293886" spans="8:8">
      <c r="H293886" s="12"/>
    </row>
    <row r="293887" spans="8:8">
      <c r="H293887" s="12"/>
    </row>
    <row r="293888" spans="8:8">
      <c r="H293888" s="12"/>
    </row>
    <row r="293889" spans="8:8">
      <c r="H293889" s="12"/>
    </row>
    <row r="293890" spans="8:8">
      <c r="H293890" s="12"/>
    </row>
    <row r="293891" spans="8:8">
      <c r="H293891" s="12"/>
    </row>
    <row r="293892" spans="8:8">
      <c r="H293892" s="12"/>
    </row>
    <row r="293893" spans="8:8">
      <c r="H293893" s="12"/>
    </row>
    <row r="293894" spans="8:8">
      <c r="H293894" s="12"/>
    </row>
    <row r="293895" spans="8:8">
      <c r="H293895" s="12"/>
    </row>
    <row r="293896" spans="8:8">
      <c r="H293896" s="12"/>
    </row>
    <row r="293897" spans="8:8">
      <c r="H293897" s="12"/>
    </row>
    <row r="293898" spans="8:8">
      <c r="H293898" s="12"/>
    </row>
    <row r="293899" spans="8:8">
      <c r="H293899" s="12"/>
    </row>
    <row r="293900" spans="8:8">
      <c r="H293900" s="12"/>
    </row>
    <row r="293901" spans="8:8">
      <c r="H293901" s="12"/>
    </row>
    <row r="293902" spans="8:8">
      <c r="H293902" s="12"/>
    </row>
    <row r="293903" spans="8:8">
      <c r="H293903" s="12"/>
    </row>
    <row r="293904" spans="8:8">
      <c r="H293904" s="12"/>
    </row>
    <row r="293905" spans="8:8">
      <c r="H293905" s="12"/>
    </row>
    <row r="293906" spans="8:8">
      <c r="H293906" s="12"/>
    </row>
    <row r="293907" spans="8:8">
      <c r="H293907" s="12"/>
    </row>
    <row r="293908" spans="8:8">
      <c r="H293908" s="12"/>
    </row>
    <row r="293909" spans="8:8">
      <c r="H293909" s="12"/>
    </row>
    <row r="293910" spans="8:8">
      <c r="H293910" s="12"/>
    </row>
    <row r="293911" spans="8:8">
      <c r="H293911" s="12"/>
    </row>
    <row r="293912" spans="8:8">
      <c r="H293912" s="12"/>
    </row>
    <row r="293913" spans="8:8">
      <c r="H293913" s="12"/>
    </row>
    <row r="293914" spans="8:8">
      <c r="H293914" s="12"/>
    </row>
    <row r="293915" spans="8:8">
      <c r="H293915" s="12"/>
    </row>
    <row r="293916" spans="8:8">
      <c r="H293916" s="12"/>
    </row>
    <row r="293917" spans="8:8">
      <c r="H293917" s="12"/>
    </row>
    <row r="293918" spans="8:8">
      <c r="H293918" s="12"/>
    </row>
    <row r="293919" spans="8:8">
      <c r="H293919" s="12"/>
    </row>
    <row r="293920" spans="8:8">
      <c r="H293920" s="12"/>
    </row>
    <row r="293921" spans="8:8">
      <c r="H293921" s="12"/>
    </row>
    <row r="293922" spans="8:8">
      <c r="H293922" s="12"/>
    </row>
    <row r="293923" spans="8:8">
      <c r="H293923" s="12"/>
    </row>
    <row r="293924" spans="8:8">
      <c r="H293924" s="12"/>
    </row>
    <row r="293925" spans="8:8">
      <c r="H293925" s="12"/>
    </row>
    <row r="293926" spans="8:8">
      <c r="H293926" s="12"/>
    </row>
    <row r="293927" spans="8:8">
      <c r="H293927" s="12"/>
    </row>
    <row r="293928" spans="8:8">
      <c r="H293928" s="12"/>
    </row>
    <row r="293929" spans="8:8">
      <c r="H293929" s="12"/>
    </row>
    <row r="293930" spans="8:8">
      <c r="H293930" s="12"/>
    </row>
    <row r="293931" spans="8:8">
      <c r="H293931" s="12"/>
    </row>
    <row r="293932" spans="8:8">
      <c r="H293932" s="12"/>
    </row>
    <row r="293933" spans="8:8">
      <c r="H293933" s="12"/>
    </row>
    <row r="293934" spans="8:8">
      <c r="H293934" s="12"/>
    </row>
    <row r="293935" spans="8:8">
      <c r="H293935" s="12"/>
    </row>
    <row r="293936" spans="8:8">
      <c r="H293936" s="12"/>
    </row>
    <row r="293937" spans="8:8">
      <c r="H293937" s="12"/>
    </row>
    <row r="293938" spans="8:8">
      <c r="H293938" s="12"/>
    </row>
    <row r="293939" spans="8:8">
      <c r="H293939" s="12"/>
    </row>
    <row r="293940" spans="8:8">
      <c r="H293940" s="12"/>
    </row>
    <row r="293941" spans="8:8">
      <c r="H293941" s="12"/>
    </row>
    <row r="293942" spans="8:8">
      <c r="H293942" s="12"/>
    </row>
    <row r="293943" spans="8:8">
      <c r="H293943" s="12"/>
    </row>
    <row r="293944" spans="8:8">
      <c r="H293944" s="12"/>
    </row>
    <row r="293945" spans="8:8">
      <c r="H293945" s="12"/>
    </row>
    <row r="293946" spans="8:8">
      <c r="H293946" s="12"/>
    </row>
    <row r="293947" spans="8:8">
      <c r="H293947" s="12"/>
    </row>
    <row r="293948" spans="8:8">
      <c r="H293948" s="12"/>
    </row>
    <row r="293949" spans="8:8">
      <c r="H293949" s="12"/>
    </row>
    <row r="293950" spans="8:8">
      <c r="H293950" s="12"/>
    </row>
    <row r="293951" spans="8:8">
      <c r="H293951" s="12"/>
    </row>
    <row r="293952" spans="8:8">
      <c r="H293952" s="12"/>
    </row>
    <row r="293953" spans="8:8">
      <c r="H293953" s="12"/>
    </row>
    <row r="293954" spans="8:8">
      <c r="H293954" s="12"/>
    </row>
    <row r="293955" spans="8:8">
      <c r="H293955" s="12"/>
    </row>
    <row r="293956" spans="8:8">
      <c r="H293956" s="12"/>
    </row>
    <row r="293957" spans="8:8">
      <c r="H293957" s="12"/>
    </row>
    <row r="293958" spans="8:8">
      <c r="H293958" s="12"/>
    </row>
    <row r="293959" spans="8:8">
      <c r="H293959" s="12"/>
    </row>
    <row r="293960" spans="8:8">
      <c r="H293960" s="12"/>
    </row>
    <row r="293961" spans="8:8">
      <c r="H293961" s="12"/>
    </row>
    <row r="293962" spans="8:8">
      <c r="H293962" s="12"/>
    </row>
    <row r="293963" spans="8:8">
      <c r="H293963" s="12"/>
    </row>
    <row r="293964" spans="8:8">
      <c r="H293964" s="12"/>
    </row>
    <row r="293965" spans="8:8">
      <c r="H293965" s="12"/>
    </row>
    <row r="293966" spans="8:8">
      <c r="H293966" s="12"/>
    </row>
    <row r="293967" spans="8:8">
      <c r="H293967" s="12"/>
    </row>
    <row r="293968" spans="8:8">
      <c r="H293968" s="12"/>
    </row>
    <row r="293969" spans="8:8">
      <c r="H293969" s="12"/>
    </row>
    <row r="293970" spans="8:8">
      <c r="H293970" s="12"/>
    </row>
    <row r="293971" spans="8:8">
      <c r="H293971" s="12"/>
    </row>
    <row r="293972" spans="8:8">
      <c r="H293972" s="12"/>
    </row>
    <row r="293973" spans="8:8">
      <c r="H293973" s="12"/>
    </row>
    <row r="293974" spans="8:8">
      <c r="H293974" s="12"/>
    </row>
    <row r="293975" spans="8:8">
      <c r="H293975" s="12"/>
    </row>
    <row r="293976" spans="8:8">
      <c r="H293976" s="12"/>
    </row>
    <row r="293977" spans="8:8">
      <c r="H293977" s="12"/>
    </row>
    <row r="293978" spans="8:8">
      <c r="H293978" s="12"/>
    </row>
    <row r="293979" spans="8:8">
      <c r="H293979" s="12"/>
    </row>
    <row r="293980" spans="8:8">
      <c r="H293980" s="12"/>
    </row>
    <row r="293981" spans="8:8">
      <c r="H293981" s="12"/>
    </row>
    <row r="293982" spans="8:8">
      <c r="H293982" s="12"/>
    </row>
    <row r="293983" spans="8:8">
      <c r="H293983" s="12"/>
    </row>
    <row r="293984" spans="8:8">
      <c r="H293984" s="12"/>
    </row>
    <row r="293985" spans="8:8">
      <c r="H293985" s="12"/>
    </row>
    <row r="293986" spans="8:8">
      <c r="H293986" s="12"/>
    </row>
    <row r="293987" spans="8:8">
      <c r="H293987" s="12"/>
    </row>
    <row r="293988" spans="8:8">
      <c r="H293988" s="12"/>
    </row>
    <row r="293989" spans="8:8">
      <c r="H293989" s="12"/>
    </row>
    <row r="293990" spans="8:8">
      <c r="H293990" s="12"/>
    </row>
    <row r="293991" spans="8:8">
      <c r="H293991" s="12"/>
    </row>
    <row r="293992" spans="8:8">
      <c r="H293992" s="12"/>
    </row>
    <row r="293993" spans="8:8">
      <c r="H293993" s="12"/>
    </row>
    <row r="293994" spans="8:8">
      <c r="H293994" s="12"/>
    </row>
    <row r="293995" spans="8:8">
      <c r="H293995" s="12"/>
    </row>
    <row r="293996" spans="8:8">
      <c r="H293996" s="12"/>
    </row>
    <row r="293997" spans="8:8">
      <c r="H293997" s="12"/>
    </row>
    <row r="293998" spans="8:8">
      <c r="H293998" s="12"/>
    </row>
    <row r="293999" spans="8:8">
      <c r="H293999" s="12"/>
    </row>
    <row r="294000" spans="8:8">
      <c r="H294000" s="12"/>
    </row>
    <row r="294001" spans="8:8">
      <c r="H294001" s="12"/>
    </row>
    <row r="294002" spans="8:8">
      <c r="H294002" s="12"/>
    </row>
    <row r="294003" spans="8:8">
      <c r="H294003" s="12"/>
    </row>
    <row r="294004" spans="8:8">
      <c r="H294004" s="12"/>
    </row>
    <row r="294005" spans="8:8">
      <c r="H294005" s="12"/>
    </row>
    <row r="294006" spans="8:8">
      <c r="H294006" s="12"/>
    </row>
    <row r="294007" spans="8:8">
      <c r="H294007" s="12"/>
    </row>
    <row r="294008" spans="8:8">
      <c r="H294008" s="12"/>
    </row>
    <row r="294009" spans="8:8">
      <c r="H294009" s="12"/>
    </row>
    <row r="294010" spans="8:8">
      <c r="H294010" s="12"/>
    </row>
    <row r="294011" spans="8:8">
      <c r="H294011" s="12"/>
    </row>
    <row r="294012" spans="8:8">
      <c r="H294012" s="12"/>
    </row>
    <row r="294013" spans="8:8">
      <c r="H294013" s="12"/>
    </row>
    <row r="294014" spans="8:8">
      <c r="H294014" s="12"/>
    </row>
    <row r="294015" spans="8:8">
      <c r="H294015" s="12"/>
    </row>
    <row r="294016" spans="8:8">
      <c r="H294016" s="12"/>
    </row>
    <row r="294017" spans="8:8">
      <c r="H294017" s="12"/>
    </row>
    <row r="294018" spans="8:8">
      <c r="H294018" s="12"/>
    </row>
    <row r="294019" spans="8:8">
      <c r="H294019" s="12"/>
    </row>
    <row r="294020" spans="8:8">
      <c r="H294020" s="12"/>
    </row>
    <row r="294021" spans="8:8">
      <c r="H294021" s="12"/>
    </row>
    <row r="294022" spans="8:8">
      <c r="H294022" s="12"/>
    </row>
    <row r="294023" spans="8:8">
      <c r="H294023" s="12"/>
    </row>
    <row r="294024" spans="8:8">
      <c r="H294024" s="12"/>
    </row>
    <row r="294025" spans="8:8">
      <c r="H294025" s="12"/>
    </row>
    <row r="294026" spans="8:8">
      <c r="H294026" s="12"/>
    </row>
    <row r="294027" spans="8:8">
      <c r="H294027" s="12"/>
    </row>
    <row r="294028" spans="8:8">
      <c r="H294028" s="12"/>
    </row>
    <row r="294029" spans="8:8">
      <c r="H294029" s="12"/>
    </row>
    <row r="294030" spans="8:8">
      <c r="H294030" s="12"/>
    </row>
    <row r="294031" spans="8:8">
      <c r="H294031" s="12"/>
    </row>
    <row r="294032" spans="8:8">
      <c r="H294032" s="12"/>
    </row>
    <row r="294033" spans="8:8">
      <c r="H294033" s="12"/>
    </row>
    <row r="294034" spans="8:8">
      <c r="H294034" s="12"/>
    </row>
    <row r="294035" spans="8:8">
      <c r="H294035" s="12"/>
    </row>
    <row r="294036" spans="8:8">
      <c r="H294036" s="12"/>
    </row>
    <row r="294037" spans="8:8">
      <c r="H294037" s="12"/>
    </row>
    <row r="294038" spans="8:8">
      <c r="H294038" s="12"/>
    </row>
    <row r="294039" spans="8:8">
      <c r="H294039" s="12"/>
    </row>
    <row r="294040" spans="8:8">
      <c r="H294040" s="12"/>
    </row>
    <row r="294041" spans="8:8">
      <c r="H294041" s="12"/>
    </row>
    <row r="294042" spans="8:8">
      <c r="H294042" s="12"/>
    </row>
    <row r="294043" spans="8:8">
      <c r="H294043" s="12"/>
    </row>
    <row r="294044" spans="8:8">
      <c r="H294044" s="12"/>
    </row>
    <row r="294045" spans="8:8">
      <c r="H294045" s="12"/>
    </row>
    <row r="294046" spans="8:8">
      <c r="H294046" s="12"/>
    </row>
    <row r="294047" spans="8:8">
      <c r="H294047" s="12"/>
    </row>
    <row r="294048" spans="8:8">
      <c r="H294048" s="12"/>
    </row>
    <row r="294049" spans="8:8">
      <c r="H294049" s="12"/>
    </row>
    <row r="294050" spans="8:8">
      <c r="H294050" s="12"/>
    </row>
    <row r="294051" spans="8:8">
      <c r="H294051" s="12"/>
    </row>
    <row r="294052" spans="8:8">
      <c r="H294052" s="12"/>
    </row>
    <row r="294053" spans="8:8">
      <c r="H294053" s="12"/>
    </row>
    <row r="294054" spans="8:8">
      <c r="H294054" s="12"/>
    </row>
    <row r="294055" spans="8:8">
      <c r="H294055" s="12"/>
    </row>
    <row r="294056" spans="8:8">
      <c r="H294056" s="12"/>
    </row>
    <row r="294057" spans="8:8">
      <c r="H294057" s="12"/>
    </row>
    <row r="294058" spans="8:8">
      <c r="H294058" s="12"/>
    </row>
    <row r="294059" spans="8:8">
      <c r="H294059" s="12"/>
    </row>
    <row r="294060" spans="8:8">
      <c r="H294060" s="12"/>
    </row>
    <row r="294061" spans="8:8">
      <c r="H294061" s="12"/>
    </row>
    <row r="294062" spans="8:8">
      <c r="H294062" s="12"/>
    </row>
    <row r="294063" spans="8:8">
      <c r="H294063" s="12"/>
    </row>
    <row r="294064" spans="8:8">
      <c r="H294064" s="12"/>
    </row>
    <row r="294065" spans="8:8">
      <c r="H294065" s="12"/>
    </row>
    <row r="294066" spans="8:8">
      <c r="H294066" s="12"/>
    </row>
    <row r="294067" spans="8:8">
      <c r="H294067" s="12"/>
    </row>
    <row r="294068" spans="8:8">
      <c r="H294068" s="12"/>
    </row>
    <row r="294069" spans="8:8">
      <c r="H294069" s="12"/>
    </row>
    <row r="294070" spans="8:8">
      <c r="H294070" s="12"/>
    </row>
    <row r="294071" spans="8:8">
      <c r="H294071" s="12"/>
    </row>
    <row r="294072" spans="8:8">
      <c r="H294072" s="12"/>
    </row>
    <row r="294073" spans="8:8">
      <c r="H294073" s="12"/>
    </row>
    <row r="294074" spans="8:8">
      <c r="H294074" s="12"/>
    </row>
    <row r="294075" spans="8:8">
      <c r="H294075" s="12"/>
    </row>
    <row r="294076" spans="8:8">
      <c r="H294076" s="12"/>
    </row>
    <row r="294077" spans="8:8">
      <c r="H294077" s="12"/>
    </row>
    <row r="294078" spans="8:8">
      <c r="H294078" s="12"/>
    </row>
    <row r="294079" spans="8:8">
      <c r="H294079" s="12"/>
    </row>
    <row r="294080" spans="8:8">
      <c r="H294080" s="12"/>
    </row>
    <row r="294081" spans="8:8">
      <c r="H294081" s="12"/>
    </row>
    <row r="294082" spans="8:8">
      <c r="H294082" s="12"/>
    </row>
    <row r="294083" spans="8:8">
      <c r="H294083" s="12"/>
    </row>
    <row r="294084" spans="8:8">
      <c r="H294084" s="12"/>
    </row>
    <row r="294085" spans="8:8">
      <c r="H294085" s="12"/>
    </row>
    <row r="294086" spans="8:8">
      <c r="H294086" s="12"/>
    </row>
    <row r="294087" spans="8:8">
      <c r="H294087" s="12"/>
    </row>
    <row r="294088" spans="8:8">
      <c r="H294088" s="12"/>
    </row>
    <row r="294089" spans="8:8">
      <c r="H294089" s="12"/>
    </row>
    <row r="294090" spans="8:8">
      <c r="H294090" s="12"/>
    </row>
    <row r="294091" spans="8:8">
      <c r="H294091" s="12"/>
    </row>
    <row r="294092" spans="8:8">
      <c r="H294092" s="12"/>
    </row>
    <row r="294093" spans="8:8">
      <c r="H294093" s="12"/>
    </row>
    <row r="294094" spans="8:8">
      <c r="H294094" s="12"/>
    </row>
    <row r="294095" spans="8:8">
      <c r="H294095" s="12"/>
    </row>
    <row r="294096" spans="8:8">
      <c r="H294096" s="12"/>
    </row>
    <row r="294097" spans="8:8">
      <c r="H294097" s="12"/>
    </row>
    <row r="294098" spans="8:8">
      <c r="H294098" s="12"/>
    </row>
    <row r="294099" spans="8:8">
      <c r="H294099" s="12"/>
    </row>
    <row r="294100" spans="8:8">
      <c r="H294100" s="12"/>
    </row>
    <row r="294101" spans="8:8">
      <c r="H294101" s="12"/>
    </row>
    <row r="294102" spans="8:8">
      <c r="H294102" s="12"/>
    </row>
    <row r="294103" spans="8:8">
      <c r="H294103" s="12"/>
    </row>
    <row r="294104" spans="8:8">
      <c r="H294104" s="12"/>
    </row>
    <row r="294105" spans="8:8">
      <c r="H294105" s="12"/>
    </row>
    <row r="294106" spans="8:8">
      <c r="H294106" s="12"/>
    </row>
    <row r="294107" spans="8:8">
      <c r="H294107" s="12"/>
    </row>
    <row r="294108" spans="8:8">
      <c r="H294108" s="12"/>
    </row>
    <row r="294109" spans="8:8">
      <c r="H294109" s="12"/>
    </row>
    <row r="294110" spans="8:8">
      <c r="H294110" s="12"/>
    </row>
    <row r="294111" spans="8:8">
      <c r="H294111" s="12"/>
    </row>
    <row r="294112" spans="8:8">
      <c r="H294112" s="12"/>
    </row>
    <row r="294113" spans="8:8">
      <c r="H294113" s="12"/>
    </row>
    <row r="294114" spans="8:8">
      <c r="H294114" s="12"/>
    </row>
    <row r="294115" spans="8:8">
      <c r="H294115" s="12"/>
    </row>
    <row r="294116" spans="8:8">
      <c r="H294116" s="12"/>
    </row>
    <row r="294117" spans="8:8">
      <c r="H294117" s="12"/>
    </row>
    <row r="294118" spans="8:8">
      <c r="H294118" s="12"/>
    </row>
    <row r="294119" spans="8:8">
      <c r="H294119" s="12"/>
    </row>
    <row r="294120" spans="8:8">
      <c r="H294120" s="12"/>
    </row>
    <row r="294121" spans="8:8">
      <c r="H294121" s="12"/>
    </row>
    <row r="294122" spans="8:8">
      <c r="H294122" s="12"/>
    </row>
    <row r="294123" spans="8:8">
      <c r="H294123" s="12"/>
    </row>
    <row r="294124" spans="8:8">
      <c r="H294124" s="12"/>
    </row>
    <row r="294125" spans="8:8">
      <c r="H294125" s="12"/>
    </row>
    <row r="294126" spans="8:8">
      <c r="H294126" s="12"/>
    </row>
    <row r="294127" spans="8:8">
      <c r="H294127" s="12"/>
    </row>
    <row r="294128" spans="8:8">
      <c r="H294128" s="12"/>
    </row>
    <row r="294129" spans="8:8">
      <c r="H294129" s="12"/>
    </row>
    <row r="294130" spans="8:8">
      <c r="H294130" s="12"/>
    </row>
    <row r="294131" spans="8:8">
      <c r="H294131" s="12"/>
    </row>
    <row r="294132" spans="8:8">
      <c r="H294132" s="12"/>
    </row>
    <row r="294133" spans="8:8">
      <c r="H294133" s="12"/>
    </row>
    <row r="294134" spans="8:8">
      <c r="H294134" s="12"/>
    </row>
    <row r="294135" spans="8:8">
      <c r="H294135" s="12"/>
    </row>
    <row r="294136" spans="8:8">
      <c r="H294136" s="12"/>
    </row>
    <row r="294137" spans="8:8">
      <c r="H294137" s="12"/>
    </row>
    <row r="294138" spans="8:8">
      <c r="H294138" s="12"/>
    </row>
    <row r="294139" spans="8:8">
      <c r="H294139" s="12"/>
    </row>
    <row r="294140" spans="8:8">
      <c r="H294140" s="12"/>
    </row>
    <row r="294141" spans="8:8">
      <c r="H294141" s="12"/>
    </row>
    <row r="294142" spans="8:8">
      <c r="H294142" s="12"/>
    </row>
    <row r="294143" spans="8:8">
      <c r="H294143" s="12"/>
    </row>
    <row r="294144" spans="8:8">
      <c r="H294144" s="12"/>
    </row>
    <row r="294145" spans="8:8">
      <c r="H294145" s="12"/>
    </row>
    <row r="294146" spans="8:8">
      <c r="H294146" s="12"/>
    </row>
    <row r="294147" spans="8:8">
      <c r="H294147" s="12"/>
    </row>
    <row r="294148" spans="8:8">
      <c r="H294148" s="12"/>
    </row>
    <row r="294149" spans="8:8">
      <c r="H294149" s="12"/>
    </row>
    <row r="294150" spans="8:8">
      <c r="H294150" s="12"/>
    </row>
    <row r="294151" spans="8:8">
      <c r="H294151" s="12"/>
    </row>
    <row r="294152" spans="8:8">
      <c r="H294152" s="12"/>
    </row>
    <row r="294153" spans="8:8">
      <c r="H294153" s="12"/>
    </row>
    <row r="294154" spans="8:8">
      <c r="H294154" s="12"/>
    </row>
    <row r="294155" spans="8:8">
      <c r="H294155" s="12"/>
    </row>
    <row r="294156" spans="8:8">
      <c r="H294156" s="12"/>
    </row>
    <row r="294157" spans="8:8">
      <c r="H294157" s="12"/>
    </row>
    <row r="294158" spans="8:8">
      <c r="H294158" s="12"/>
    </row>
    <row r="294159" spans="8:8">
      <c r="H294159" s="12"/>
    </row>
    <row r="294160" spans="8:8">
      <c r="H294160" s="12"/>
    </row>
    <row r="294161" spans="8:8">
      <c r="H294161" s="12"/>
    </row>
    <row r="294162" spans="8:8">
      <c r="H294162" s="12"/>
    </row>
    <row r="294163" spans="8:8">
      <c r="H294163" s="12"/>
    </row>
    <row r="294164" spans="8:8">
      <c r="H294164" s="12"/>
    </row>
    <row r="294165" spans="8:8">
      <c r="H294165" s="12"/>
    </row>
    <row r="294166" spans="8:8">
      <c r="H294166" s="12"/>
    </row>
    <row r="294167" spans="8:8">
      <c r="H294167" s="12"/>
    </row>
    <row r="294168" spans="8:8">
      <c r="H294168" s="12"/>
    </row>
    <row r="294169" spans="8:8">
      <c r="H294169" s="12"/>
    </row>
    <row r="294170" spans="8:8">
      <c r="H294170" s="12"/>
    </row>
    <row r="294171" spans="8:8">
      <c r="H294171" s="12"/>
    </row>
    <row r="294172" spans="8:8">
      <c r="H294172" s="12"/>
    </row>
    <row r="294173" spans="8:8">
      <c r="H294173" s="12"/>
    </row>
    <row r="294174" spans="8:8">
      <c r="H294174" s="12"/>
    </row>
    <row r="294175" spans="8:8">
      <c r="H294175" s="12"/>
    </row>
    <row r="294176" spans="8:8">
      <c r="H294176" s="12"/>
    </row>
    <row r="294177" spans="8:8">
      <c r="H294177" s="12"/>
    </row>
    <row r="294178" spans="8:8">
      <c r="H294178" s="12"/>
    </row>
    <row r="294179" spans="8:8">
      <c r="H294179" s="12"/>
    </row>
    <row r="294180" spans="8:8">
      <c r="H294180" s="12"/>
    </row>
    <row r="294181" spans="8:8">
      <c r="H294181" s="12"/>
    </row>
    <row r="294182" spans="8:8">
      <c r="H294182" s="12"/>
    </row>
    <row r="294183" spans="8:8">
      <c r="H294183" s="12"/>
    </row>
    <row r="294184" spans="8:8">
      <c r="H294184" s="12"/>
    </row>
    <row r="294185" spans="8:8">
      <c r="H294185" s="12"/>
    </row>
    <row r="294186" spans="8:8">
      <c r="H294186" s="12"/>
    </row>
    <row r="294187" spans="8:8">
      <c r="H294187" s="12"/>
    </row>
    <row r="294188" spans="8:8">
      <c r="H294188" s="12"/>
    </row>
    <row r="294189" spans="8:8">
      <c r="H294189" s="12"/>
    </row>
    <row r="294190" spans="8:8">
      <c r="H294190" s="12"/>
    </row>
    <row r="294191" spans="8:8">
      <c r="H294191" s="12"/>
    </row>
    <row r="294192" spans="8:8">
      <c r="H294192" s="12"/>
    </row>
    <row r="294193" spans="8:8">
      <c r="H294193" s="12"/>
    </row>
    <row r="294194" spans="8:8">
      <c r="H294194" s="12"/>
    </row>
    <row r="294195" spans="8:8">
      <c r="H294195" s="12"/>
    </row>
    <row r="294196" spans="8:8">
      <c r="H294196" s="12"/>
    </row>
    <row r="294197" spans="8:8">
      <c r="H294197" s="12"/>
    </row>
    <row r="294198" spans="8:8">
      <c r="H294198" s="12"/>
    </row>
    <row r="294199" spans="8:8">
      <c r="H294199" s="12"/>
    </row>
    <row r="294200" spans="8:8">
      <c r="H294200" s="12"/>
    </row>
    <row r="294201" spans="8:8">
      <c r="H294201" s="12"/>
    </row>
    <row r="294202" spans="8:8">
      <c r="H294202" s="12"/>
    </row>
    <row r="294203" spans="8:8">
      <c r="H294203" s="12"/>
    </row>
    <row r="294204" spans="8:8">
      <c r="H294204" s="12"/>
    </row>
    <row r="294205" spans="8:8">
      <c r="H294205" s="12"/>
    </row>
    <row r="294206" spans="8:8">
      <c r="H294206" s="12"/>
    </row>
    <row r="294207" spans="8:8">
      <c r="H294207" s="12"/>
    </row>
    <row r="294208" spans="8:8">
      <c r="H294208" s="12"/>
    </row>
    <row r="294209" spans="8:8">
      <c r="H294209" s="12"/>
    </row>
    <row r="294210" spans="8:8">
      <c r="H294210" s="12"/>
    </row>
    <row r="294211" spans="8:8">
      <c r="H294211" s="12"/>
    </row>
    <row r="294212" spans="8:8">
      <c r="H294212" s="12"/>
    </row>
    <row r="294213" spans="8:8">
      <c r="H294213" s="12"/>
    </row>
    <row r="294214" spans="8:8">
      <c r="H294214" s="12"/>
    </row>
    <row r="294215" spans="8:8">
      <c r="H294215" s="12"/>
    </row>
    <row r="294216" spans="8:8">
      <c r="H294216" s="12"/>
    </row>
    <row r="294217" spans="8:8">
      <c r="H294217" s="12"/>
    </row>
    <row r="294218" spans="8:8">
      <c r="H294218" s="12"/>
    </row>
    <row r="294219" spans="8:8">
      <c r="H294219" s="12"/>
    </row>
    <row r="294220" spans="8:8">
      <c r="H294220" s="12"/>
    </row>
    <row r="294221" spans="8:8">
      <c r="H294221" s="12"/>
    </row>
    <row r="294222" spans="8:8">
      <c r="H294222" s="12"/>
    </row>
    <row r="294223" spans="8:8">
      <c r="H294223" s="12"/>
    </row>
    <row r="294224" spans="8:8">
      <c r="H294224" s="12"/>
    </row>
    <row r="294225" spans="8:8">
      <c r="H294225" s="12"/>
    </row>
    <row r="294226" spans="8:8">
      <c r="H294226" s="12"/>
    </row>
    <row r="294227" spans="8:8">
      <c r="H294227" s="12"/>
    </row>
    <row r="294228" spans="8:8">
      <c r="H294228" s="12"/>
    </row>
    <row r="294229" spans="8:8">
      <c r="H294229" s="12"/>
    </row>
    <row r="294230" spans="8:8">
      <c r="H294230" s="12"/>
    </row>
    <row r="294231" spans="8:8">
      <c r="H294231" s="12"/>
    </row>
    <row r="294232" spans="8:8">
      <c r="H294232" s="12"/>
    </row>
    <row r="294233" spans="8:8">
      <c r="H294233" s="12"/>
    </row>
    <row r="294234" spans="8:8">
      <c r="H294234" s="12"/>
    </row>
    <row r="294235" spans="8:8">
      <c r="H294235" s="12"/>
    </row>
    <row r="294236" spans="8:8">
      <c r="H294236" s="12"/>
    </row>
    <row r="294237" spans="8:8">
      <c r="H294237" s="12"/>
    </row>
    <row r="294238" spans="8:8">
      <c r="H294238" s="12"/>
    </row>
    <row r="294239" spans="8:8">
      <c r="H294239" s="12"/>
    </row>
    <row r="294240" spans="8:8">
      <c r="H294240" s="12"/>
    </row>
    <row r="294241" spans="8:8">
      <c r="H294241" s="12"/>
    </row>
    <row r="294242" spans="8:8">
      <c r="H294242" s="12"/>
    </row>
    <row r="294243" spans="8:8">
      <c r="H294243" s="12"/>
    </row>
    <row r="294244" spans="8:8">
      <c r="H294244" s="12"/>
    </row>
    <row r="294245" spans="8:8">
      <c r="H294245" s="12"/>
    </row>
    <row r="294246" spans="8:8">
      <c r="H294246" s="12"/>
    </row>
    <row r="294247" spans="8:8">
      <c r="H294247" s="12"/>
    </row>
    <row r="294248" spans="8:8">
      <c r="H294248" s="12"/>
    </row>
    <row r="294249" spans="8:8">
      <c r="H294249" s="12"/>
    </row>
    <row r="294250" spans="8:8">
      <c r="H294250" s="12"/>
    </row>
    <row r="294251" spans="8:8">
      <c r="H294251" s="12"/>
    </row>
    <row r="294252" spans="8:8">
      <c r="H294252" s="12"/>
    </row>
    <row r="294253" spans="8:8">
      <c r="H294253" s="12"/>
    </row>
    <row r="294254" spans="8:8">
      <c r="H294254" s="12"/>
    </row>
    <row r="294255" spans="8:8">
      <c r="H294255" s="12"/>
    </row>
    <row r="294256" spans="8:8">
      <c r="H294256" s="12"/>
    </row>
    <row r="294257" spans="8:8">
      <c r="H294257" s="12"/>
    </row>
    <row r="294258" spans="8:8">
      <c r="H294258" s="12"/>
    </row>
    <row r="294259" spans="8:8">
      <c r="H294259" s="12"/>
    </row>
    <row r="294260" spans="8:8">
      <c r="H294260" s="12"/>
    </row>
    <row r="294261" spans="8:8">
      <c r="H294261" s="12"/>
    </row>
    <row r="294262" spans="8:8">
      <c r="H294262" s="12"/>
    </row>
    <row r="294263" spans="8:8">
      <c r="H294263" s="12"/>
    </row>
    <row r="294264" spans="8:8">
      <c r="H294264" s="12"/>
    </row>
    <row r="294265" spans="8:8">
      <c r="H294265" s="12"/>
    </row>
    <row r="294266" spans="8:8">
      <c r="H294266" s="12"/>
    </row>
    <row r="294267" spans="8:8">
      <c r="H294267" s="12"/>
    </row>
    <row r="294268" spans="8:8">
      <c r="H294268" s="12"/>
    </row>
    <row r="294269" spans="8:8">
      <c r="H294269" s="12"/>
    </row>
    <row r="294270" spans="8:8">
      <c r="H294270" s="12"/>
    </row>
    <row r="294271" spans="8:8">
      <c r="H294271" s="12"/>
    </row>
    <row r="294272" spans="8:8">
      <c r="H294272" s="12"/>
    </row>
    <row r="294273" spans="8:8">
      <c r="H294273" s="12"/>
    </row>
    <row r="294274" spans="8:8">
      <c r="H294274" s="12"/>
    </row>
    <row r="294275" spans="8:8">
      <c r="H294275" s="12"/>
    </row>
    <row r="294276" spans="8:8">
      <c r="H294276" s="12"/>
    </row>
    <row r="294277" spans="8:8">
      <c r="H294277" s="12"/>
    </row>
    <row r="294278" spans="8:8">
      <c r="H294278" s="12"/>
    </row>
    <row r="294279" spans="8:8">
      <c r="H294279" s="12"/>
    </row>
    <row r="294280" spans="8:8">
      <c r="H294280" s="12"/>
    </row>
    <row r="294281" spans="8:8">
      <c r="H294281" s="12"/>
    </row>
    <row r="294282" spans="8:8">
      <c r="H294282" s="12"/>
    </row>
    <row r="294283" spans="8:8">
      <c r="H294283" s="12"/>
    </row>
    <row r="294284" spans="8:8">
      <c r="H294284" s="12"/>
    </row>
    <row r="294285" spans="8:8">
      <c r="H294285" s="12"/>
    </row>
    <row r="294286" spans="8:8">
      <c r="H294286" s="12"/>
    </row>
    <row r="294287" spans="8:8">
      <c r="H294287" s="12"/>
    </row>
    <row r="294288" spans="8:8">
      <c r="H294288" s="12"/>
    </row>
    <row r="294289" spans="8:8">
      <c r="H294289" s="12"/>
    </row>
    <row r="294290" spans="8:8">
      <c r="H294290" s="12"/>
    </row>
    <row r="294291" spans="8:8">
      <c r="H294291" s="12"/>
    </row>
    <row r="294292" spans="8:8">
      <c r="H294292" s="12"/>
    </row>
    <row r="294293" spans="8:8">
      <c r="H294293" s="12"/>
    </row>
    <row r="294294" spans="8:8">
      <c r="H294294" s="12"/>
    </row>
    <row r="294295" spans="8:8">
      <c r="H294295" s="12"/>
    </row>
    <row r="294296" spans="8:8">
      <c r="H294296" s="12"/>
    </row>
    <row r="294297" spans="8:8">
      <c r="H294297" s="12"/>
    </row>
    <row r="294298" spans="8:8">
      <c r="H294298" s="12"/>
    </row>
    <row r="294299" spans="8:8">
      <c r="H294299" s="12"/>
    </row>
    <row r="294300" spans="8:8">
      <c r="H294300" s="12"/>
    </row>
    <row r="294301" spans="8:8">
      <c r="H294301" s="12"/>
    </row>
    <row r="294302" spans="8:8">
      <c r="H294302" s="12"/>
    </row>
    <row r="294303" spans="8:8">
      <c r="H294303" s="12"/>
    </row>
    <row r="294304" spans="8:8">
      <c r="H294304" s="12"/>
    </row>
    <row r="294305" spans="8:8">
      <c r="H294305" s="12"/>
    </row>
    <row r="294306" spans="8:8">
      <c r="H294306" s="12"/>
    </row>
    <row r="294307" spans="8:8">
      <c r="H294307" s="12"/>
    </row>
    <row r="294308" spans="8:8">
      <c r="H294308" s="12"/>
    </row>
    <row r="294309" spans="8:8">
      <c r="H294309" s="12"/>
    </row>
    <row r="294310" spans="8:8">
      <c r="H294310" s="12"/>
    </row>
    <row r="294311" spans="8:8">
      <c r="H294311" s="12"/>
    </row>
    <row r="294312" spans="8:8">
      <c r="H294312" s="12"/>
    </row>
    <row r="294313" spans="8:8">
      <c r="H294313" s="12"/>
    </row>
    <row r="294314" spans="8:8">
      <c r="H294314" s="12"/>
    </row>
    <row r="294315" spans="8:8">
      <c r="H294315" s="12"/>
    </row>
    <row r="294316" spans="8:8">
      <c r="H294316" s="12"/>
    </row>
    <row r="294317" spans="8:8">
      <c r="H294317" s="12"/>
    </row>
    <row r="294318" spans="8:8">
      <c r="H294318" s="12"/>
    </row>
    <row r="294319" spans="8:8">
      <c r="H294319" s="12"/>
    </row>
    <row r="294320" spans="8:8">
      <c r="H294320" s="12"/>
    </row>
    <row r="294321" spans="8:8">
      <c r="H294321" s="12"/>
    </row>
    <row r="294322" spans="8:8">
      <c r="H294322" s="12"/>
    </row>
    <row r="294323" spans="8:8">
      <c r="H294323" s="12"/>
    </row>
    <row r="294324" spans="8:8">
      <c r="H294324" s="12"/>
    </row>
    <row r="294325" spans="8:8">
      <c r="H294325" s="12"/>
    </row>
    <row r="294326" spans="8:8">
      <c r="H294326" s="12"/>
    </row>
    <row r="294327" spans="8:8">
      <c r="H294327" s="12"/>
    </row>
    <row r="294328" spans="8:8">
      <c r="H294328" s="12"/>
    </row>
    <row r="294329" spans="8:8">
      <c r="H294329" s="12"/>
    </row>
    <row r="294330" spans="8:8">
      <c r="H294330" s="12"/>
    </row>
    <row r="294331" spans="8:8">
      <c r="H294331" s="12"/>
    </row>
    <row r="294332" spans="8:8">
      <c r="H294332" s="12"/>
    </row>
    <row r="294333" spans="8:8">
      <c r="H294333" s="12"/>
    </row>
    <row r="294334" spans="8:8">
      <c r="H294334" s="12"/>
    </row>
    <row r="294335" spans="8:8">
      <c r="H294335" s="12"/>
    </row>
    <row r="294336" spans="8:8">
      <c r="H294336" s="12"/>
    </row>
    <row r="294337" spans="8:8">
      <c r="H294337" s="12"/>
    </row>
    <row r="294338" spans="8:8">
      <c r="H294338" s="12"/>
    </row>
    <row r="294339" spans="8:8">
      <c r="H294339" s="12"/>
    </row>
    <row r="294340" spans="8:8">
      <c r="H294340" s="12"/>
    </row>
    <row r="294341" spans="8:8">
      <c r="H294341" s="12"/>
    </row>
    <row r="294342" spans="8:8">
      <c r="H294342" s="12"/>
    </row>
    <row r="294343" spans="8:8">
      <c r="H294343" s="12"/>
    </row>
    <row r="294344" spans="8:8">
      <c r="H294344" s="12"/>
    </row>
    <row r="294345" spans="8:8">
      <c r="H294345" s="12"/>
    </row>
    <row r="294346" spans="8:8">
      <c r="H294346" s="12"/>
    </row>
    <row r="294347" spans="8:8">
      <c r="H294347" s="12"/>
    </row>
    <row r="294348" spans="8:8">
      <c r="H294348" s="12"/>
    </row>
    <row r="294349" spans="8:8">
      <c r="H294349" s="12"/>
    </row>
    <row r="294350" spans="8:8">
      <c r="H294350" s="12"/>
    </row>
    <row r="294351" spans="8:8">
      <c r="H294351" s="12"/>
    </row>
    <row r="294352" spans="8:8">
      <c r="H294352" s="12"/>
    </row>
    <row r="294353" spans="8:8">
      <c r="H294353" s="12"/>
    </row>
    <row r="294354" spans="8:8">
      <c r="H294354" s="12"/>
    </row>
    <row r="294355" spans="8:8">
      <c r="H294355" s="12"/>
    </row>
    <row r="294356" spans="8:8">
      <c r="H294356" s="12"/>
    </row>
    <row r="294357" spans="8:8">
      <c r="H294357" s="12"/>
    </row>
    <row r="294358" spans="8:8">
      <c r="H294358" s="12"/>
    </row>
    <row r="294359" spans="8:8">
      <c r="H294359" s="12"/>
    </row>
    <row r="294360" spans="8:8">
      <c r="H294360" s="12"/>
    </row>
    <row r="294361" spans="8:8">
      <c r="H294361" s="12"/>
    </row>
    <row r="294362" spans="8:8">
      <c r="H294362" s="12"/>
    </row>
    <row r="294363" spans="8:8">
      <c r="H294363" s="12"/>
    </row>
    <row r="294364" spans="8:8">
      <c r="H294364" s="12"/>
    </row>
    <row r="294365" spans="8:8">
      <c r="H294365" s="12"/>
    </row>
    <row r="294366" spans="8:8">
      <c r="H294366" s="12"/>
    </row>
    <row r="294367" spans="8:8">
      <c r="H294367" s="12"/>
    </row>
    <row r="294368" spans="8:8">
      <c r="H294368" s="12"/>
    </row>
    <row r="294369" spans="8:8">
      <c r="H294369" s="12"/>
    </row>
    <row r="294370" spans="8:8">
      <c r="H294370" s="12"/>
    </row>
    <row r="294371" spans="8:8">
      <c r="H294371" s="12"/>
    </row>
    <row r="294372" spans="8:8">
      <c r="H294372" s="12"/>
    </row>
    <row r="294373" spans="8:8">
      <c r="H294373" s="12"/>
    </row>
    <row r="294374" spans="8:8">
      <c r="H294374" s="12"/>
    </row>
    <row r="294375" spans="8:8">
      <c r="H294375" s="12"/>
    </row>
    <row r="294376" spans="8:8">
      <c r="H294376" s="12"/>
    </row>
    <row r="294377" spans="8:8">
      <c r="H294377" s="12"/>
    </row>
    <row r="294378" spans="8:8">
      <c r="H294378" s="12"/>
    </row>
    <row r="294379" spans="8:8">
      <c r="H294379" s="12"/>
    </row>
    <row r="294380" spans="8:8">
      <c r="H294380" s="12"/>
    </row>
    <row r="294381" spans="8:8">
      <c r="H294381" s="12"/>
    </row>
    <row r="294382" spans="8:8">
      <c r="H294382" s="12"/>
    </row>
    <row r="294383" spans="8:8">
      <c r="H294383" s="12"/>
    </row>
    <row r="294384" spans="8:8">
      <c r="H294384" s="12"/>
    </row>
    <row r="294385" spans="8:8">
      <c r="H294385" s="12"/>
    </row>
    <row r="294386" spans="8:8">
      <c r="H294386" s="12"/>
    </row>
    <row r="294387" spans="8:8">
      <c r="H294387" s="12"/>
    </row>
    <row r="294388" spans="8:8">
      <c r="H294388" s="12"/>
    </row>
    <row r="294389" spans="8:8">
      <c r="H294389" s="12"/>
    </row>
    <row r="294390" spans="8:8">
      <c r="H294390" s="12"/>
    </row>
    <row r="294391" spans="8:8">
      <c r="H294391" s="12"/>
    </row>
    <row r="294392" spans="8:8">
      <c r="H294392" s="12"/>
    </row>
    <row r="294393" spans="8:8">
      <c r="H294393" s="12"/>
    </row>
    <row r="294394" spans="8:8">
      <c r="H294394" s="12"/>
    </row>
    <row r="294395" spans="8:8">
      <c r="H294395" s="12"/>
    </row>
    <row r="294396" spans="8:8">
      <c r="H294396" s="12"/>
    </row>
    <row r="294397" spans="8:8">
      <c r="H294397" s="12"/>
    </row>
    <row r="294398" spans="8:8">
      <c r="H294398" s="12"/>
    </row>
    <row r="294399" spans="8:8">
      <c r="H294399" s="12"/>
    </row>
    <row r="294400" spans="8:8">
      <c r="H294400" s="12"/>
    </row>
    <row r="294401" spans="8:8">
      <c r="H294401" s="12"/>
    </row>
    <row r="294402" spans="8:8">
      <c r="H294402" s="12"/>
    </row>
    <row r="294403" spans="8:8">
      <c r="H294403" s="12"/>
    </row>
    <row r="294404" spans="8:8">
      <c r="H294404" s="12"/>
    </row>
    <row r="294405" spans="8:8">
      <c r="H294405" s="12"/>
    </row>
    <row r="294406" spans="8:8">
      <c r="H294406" s="12"/>
    </row>
    <row r="294407" spans="8:8">
      <c r="H294407" s="12"/>
    </row>
    <row r="294408" spans="8:8">
      <c r="H294408" s="12"/>
    </row>
    <row r="294409" spans="8:8">
      <c r="H294409" s="12"/>
    </row>
    <row r="294410" spans="8:8">
      <c r="H294410" s="12"/>
    </row>
    <row r="294411" spans="8:8">
      <c r="H294411" s="12"/>
    </row>
    <row r="294412" spans="8:8">
      <c r="H294412" s="12"/>
    </row>
    <row r="294413" spans="8:8">
      <c r="H294413" s="12"/>
    </row>
    <row r="294414" spans="8:8">
      <c r="H294414" s="12"/>
    </row>
    <row r="294415" spans="8:8">
      <c r="H294415" s="12"/>
    </row>
    <row r="294416" spans="8:8">
      <c r="H294416" s="12"/>
    </row>
    <row r="294417" spans="8:8">
      <c r="H294417" s="12"/>
    </row>
    <row r="294418" spans="8:8">
      <c r="H294418" s="12"/>
    </row>
    <row r="294419" spans="8:8">
      <c r="H294419" s="12"/>
    </row>
    <row r="294420" spans="8:8">
      <c r="H294420" s="12"/>
    </row>
    <row r="294421" spans="8:8">
      <c r="H294421" s="12"/>
    </row>
    <row r="294422" spans="8:8">
      <c r="H294422" s="12"/>
    </row>
    <row r="294423" spans="8:8">
      <c r="H294423" s="12"/>
    </row>
    <row r="294424" spans="8:8">
      <c r="H294424" s="12"/>
    </row>
    <row r="294425" spans="8:8">
      <c r="H294425" s="12"/>
    </row>
    <row r="294426" spans="8:8">
      <c r="H294426" s="12"/>
    </row>
    <row r="294427" spans="8:8">
      <c r="H294427" s="12"/>
    </row>
    <row r="294428" spans="8:8">
      <c r="H294428" s="12"/>
    </row>
    <row r="294429" spans="8:8">
      <c r="H294429" s="12"/>
    </row>
    <row r="294430" spans="8:8">
      <c r="H294430" s="12"/>
    </row>
    <row r="294431" spans="8:8">
      <c r="H294431" s="12"/>
    </row>
    <row r="294432" spans="8:8">
      <c r="H294432" s="12"/>
    </row>
    <row r="294433" spans="8:8">
      <c r="H294433" s="12"/>
    </row>
    <row r="294434" spans="8:8">
      <c r="H294434" s="12"/>
    </row>
    <row r="294435" spans="8:8">
      <c r="H294435" s="12"/>
    </row>
    <row r="294436" spans="8:8">
      <c r="H294436" s="12"/>
    </row>
    <row r="294437" spans="8:8">
      <c r="H294437" s="12"/>
    </row>
    <row r="294438" spans="8:8">
      <c r="H294438" s="12"/>
    </row>
    <row r="294439" spans="8:8">
      <c r="H294439" s="12"/>
    </row>
    <row r="294440" spans="8:8">
      <c r="H294440" s="12"/>
    </row>
    <row r="294441" spans="8:8">
      <c r="H294441" s="12"/>
    </row>
    <row r="294442" spans="8:8">
      <c r="H294442" s="12"/>
    </row>
    <row r="294443" spans="8:8">
      <c r="H294443" s="12"/>
    </row>
    <row r="294444" spans="8:8">
      <c r="H294444" s="12"/>
    </row>
    <row r="294445" spans="8:8">
      <c r="H294445" s="12"/>
    </row>
    <row r="294446" spans="8:8">
      <c r="H294446" s="12"/>
    </row>
    <row r="294447" spans="8:8">
      <c r="H294447" s="12"/>
    </row>
    <row r="294448" spans="8:8">
      <c r="H294448" s="12"/>
    </row>
    <row r="294449" spans="8:8">
      <c r="H294449" s="12"/>
    </row>
    <row r="294450" spans="8:8">
      <c r="H294450" s="12"/>
    </row>
    <row r="294451" spans="8:8">
      <c r="H294451" s="12"/>
    </row>
    <row r="294452" spans="8:8">
      <c r="H294452" s="12"/>
    </row>
    <row r="294453" spans="8:8">
      <c r="H294453" s="12"/>
    </row>
    <row r="294454" spans="8:8">
      <c r="H294454" s="12"/>
    </row>
    <row r="294455" spans="8:8">
      <c r="H294455" s="12"/>
    </row>
    <row r="294456" spans="8:8">
      <c r="H294456" s="12"/>
    </row>
    <row r="294457" spans="8:8">
      <c r="H294457" s="12"/>
    </row>
    <row r="294458" spans="8:8">
      <c r="H294458" s="12"/>
    </row>
    <row r="294459" spans="8:8">
      <c r="H294459" s="12"/>
    </row>
    <row r="294460" spans="8:8">
      <c r="H294460" s="12"/>
    </row>
    <row r="294461" spans="8:8">
      <c r="H294461" s="12"/>
    </row>
    <row r="294462" spans="8:8">
      <c r="H294462" s="12"/>
    </row>
    <row r="294463" spans="8:8">
      <c r="H294463" s="12"/>
    </row>
    <row r="294464" spans="8:8">
      <c r="H294464" s="12"/>
    </row>
    <row r="294465" spans="8:8">
      <c r="H294465" s="12"/>
    </row>
    <row r="294466" spans="8:8">
      <c r="H294466" s="12"/>
    </row>
    <row r="294467" spans="8:8">
      <c r="H294467" s="12"/>
    </row>
    <row r="294468" spans="8:8">
      <c r="H294468" s="12"/>
    </row>
    <row r="294469" spans="8:8">
      <c r="H294469" s="12"/>
    </row>
    <row r="294470" spans="8:8">
      <c r="H294470" s="12"/>
    </row>
    <row r="294471" spans="8:8">
      <c r="H294471" s="12"/>
    </row>
    <row r="294472" spans="8:8">
      <c r="H294472" s="12"/>
    </row>
    <row r="294473" spans="8:8">
      <c r="H294473" s="12"/>
    </row>
    <row r="294474" spans="8:8">
      <c r="H294474" s="12"/>
    </row>
    <row r="294475" spans="8:8">
      <c r="H294475" s="12"/>
    </row>
    <row r="294476" spans="8:8">
      <c r="H294476" s="12"/>
    </row>
    <row r="294477" spans="8:8">
      <c r="H294477" s="12"/>
    </row>
    <row r="294478" spans="8:8">
      <c r="H294478" s="12"/>
    </row>
    <row r="294479" spans="8:8">
      <c r="H294479" s="12"/>
    </row>
    <row r="294480" spans="8:8">
      <c r="H294480" s="12"/>
    </row>
    <row r="294481" spans="8:8">
      <c r="H294481" s="12"/>
    </row>
    <row r="294482" spans="8:8">
      <c r="H294482" s="12"/>
    </row>
    <row r="294483" spans="8:8">
      <c r="H294483" s="12"/>
    </row>
    <row r="294484" spans="8:8">
      <c r="H294484" s="12"/>
    </row>
    <row r="294485" spans="8:8">
      <c r="H294485" s="12"/>
    </row>
    <row r="294486" spans="8:8">
      <c r="H294486" s="12"/>
    </row>
    <row r="294487" spans="8:8">
      <c r="H294487" s="12"/>
    </row>
    <row r="294488" spans="8:8">
      <c r="H294488" s="12"/>
    </row>
    <row r="294489" spans="8:8">
      <c r="H294489" s="12"/>
    </row>
    <row r="294490" spans="8:8">
      <c r="H294490" s="12"/>
    </row>
    <row r="294491" spans="8:8">
      <c r="H294491" s="12"/>
    </row>
    <row r="294492" spans="8:8">
      <c r="H294492" s="12"/>
    </row>
    <row r="294493" spans="8:8">
      <c r="H294493" s="12"/>
    </row>
    <row r="294494" spans="8:8">
      <c r="H294494" s="12"/>
    </row>
    <row r="294495" spans="8:8">
      <c r="H294495" s="12"/>
    </row>
    <row r="294496" spans="8:8">
      <c r="H294496" s="12"/>
    </row>
    <row r="294497" spans="8:8">
      <c r="H294497" s="12"/>
    </row>
    <row r="294498" spans="8:8">
      <c r="H294498" s="12"/>
    </row>
    <row r="294499" spans="8:8">
      <c r="H294499" s="12"/>
    </row>
    <row r="294500" spans="8:8">
      <c r="H294500" s="12"/>
    </row>
    <row r="294501" spans="8:8">
      <c r="H294501" s="12"/>
    </row>
    <row r="294502" spans="8:8">
      <c r="H294502" s="12"/>
    </row>
    <row r="294503" spans="8:8">
      <c r="H294503" s="12"/>
    </row>
    <row r="294504" spans="8:8">
      <c r="H294504" s="12"/>
    </row>
    <row r="294505" spans="8:8">
      <c r="H294505" s="12"/>
    </row>
    <row r="294506" spans="8:8">
      <c r="H294506" s="12"/>
    </row>
    <row r="294507" spans="8:8">
      <c r="H294507" s="12"/>
    </row>
    <row r="294508" spans="8:8">
      <c r="H294508" s="12"/>
    </row>
    <row r="294509" spans="8:8">
      <c r="H294509" s="12"/>
    </row>
    <row r="294510" spans="8:8">
      <c r="H294510" s="12"/>
    </row>
    <row r="294511" spans="8:8">
      <c r="H294511" s="12"/>
    </row>
    <row r="294512" spans="8:8">
      <c r="H294512" s="12"/>
    </row>
    <row r="294513" spans="8:8">
      <c r="H294513" s="12"/>
    </row>
    <row r="294514" spans="8:8">
      <c r="H294514" s="12"/>
    </row>
    <row r="294515" spans="8:8">
      <c r="H294515" s="12"/>
    </row>
    <row r="294516" spans="8:8">
      <c r="H294516" s="12"/>
    </row>
    <row r="294517" spans="8:8">
      <c r="H294517" s="12"/>
    </row>
    <row r="294518" spans="8:8">
      <c r="H294518" s="12"/>
    </row>
    <row r="294519" spans="8:8">
      <c r="H294519" s="12"/>
    </row>
    <row r="294520" spans="8:8">
      <c r="H294520" s="12"/>
    </row>
    <row r="294521" spans="8:8">
      <c r="H294521" s="12"/>
    </row>
    <row r="294522" spans="8:8">
      <c r="H294522" s="12"/>
    </row>
    <row r="294523" spans="8:8">
      <c r="H294523" s="12"/>
    </row>
    <row r="294524" spans="8:8">
      <c r="H294524" s="12"/>
    </row>
    <row r="294525" spans="8:8">
      <c r="H294525" s="12"/>
    </row>
    <row r="294526" spans="8:8">
      <c r="H294526" s="12"/>
    </row>
    <row r="294527" spans="8:8">
      <c r="H294527" s="12"/>
    </row>
    <row r="294528" spans="8:8">
      <c r="H294528" s="12"/>
    </row>
    <row r="294529" spans="8:8">
      <c r="H294529" s="12"/>
    </row>
    <row r="294530" spans="8:8">
      <c r="H294530" s="12"/>
    </row>
    <row r="294531" spans="8:8">
      <c r="H294531" s="12"/>
    </row>
    <row r="294532" spans="8:8">
      <c r="H294532" s="12"/>
    </row>
    <row r="294533" spans="8:8">
      <c r="H294533" s="12"/>
    </row>
    <row r="294534" spans="8:8">
      <c r="H294534" s="12"/>
    </row>
    <row r="294535" spans="8:8">
      <c r="H294535" s="12"/>
    </row>
    <row r="294536" spans="8:8">
      <c r="H294536" s="12"/>
    </row>
    <row r="294537" spans="8:8">
      <c r="H294537" s="12"/>
    </row>
    <row r="294538" spans="8:8">
      <c r="H294538" s="12"/>
    </row>
    <row r="294539" spans="8:8">
      <c r="H294539" s="12"/>
    </row>
    <row r="294540" spans="8:8">
      <c r="H294540" s="12"/>
    </row>
    <row r="294541" spans="8:8">
      <c r="H294541" s="12"/>
    </row>
    <row r="294542" spans="8:8">
      <c r="H294542" s="12"/>
    </row>
    <row r="294543" spans="8:8">
      <c r="H294543" s="12"/>
    </row>
    <row r="294544" spans="8:8">
      <c r="H294544" s="12"/>
    </row>
    <row r="294545" spans="8:8">
      <c r="H294545" s="12"/>
    </row>
    <row r="294546" spans="8:8">
      <c r="H294546" s="12"/>
    </row>
    <row r="294547" spans="8:8">
      <c r="H294547" s="12"/>
    </row>
    <row r="294548" spans="8:8">
      <c r="H294548" s="12"/>
    </row>
    <row r="294549" spans="8:8">
      <c r="H294549" s="12"/>
    </row>
    <row r="294550" spans="8:8">
      <c r="H294550" s="12"/>
    </row>
    <row r="294551" spans="8:8">
      <c r="H294551" s="12"/>
    </row>
    <row r="294552" spans="8:8">
      <c r="H294552" s="12"/>
    </row>
    <row r="294553" spans="8:8">
      <c r="H294553" s="12"/>
    </row>
    <row r="294554" spans="8:8">
      <c r="H294554" s="12"/>
    </row>
    <row r="294555" spans="8:8">
      <c r="H294555" s="12"/>
    </row>
    <row r="294556" spans="8:8">
      <c r="H294556" s="12"/>
    </row>
    <row r="294557" spans="8:8">
      <c r="H294557" s="12"/>
    </row>
    <row r="294558" spans="8:8">
      <c r="H294558" s="12"/>
    </row>
    <row r="294559" spans="8:8">
      <c r="H294559" s="12"/>
    </row>
    <row r="294560" spans="8:8">
      <c r="H294560" s="12"/>
    </row>
    <row r="294561" spans="8:8">
      <c r="H294561" s="12"/>
    </row>
    <row r="294562" spans="8:8">
      <c r="H294562" s="12"/>
    </row>
    <row r="294563" spans="8:8">
      <c r="H294563" s="12"/>
    </row>
    <row r="294564" spans="8:8">
      <c r="H294564" s="12"/>
    </row>
    <row r="294565" spans="8:8">
      <c r="H294565" s="12"/>
    </row>
    <row r="294566" spans="8:8">
      <c r="H294566" s="12"/>
    </row>
    <row r="294567" spans="8:8">
      <c r="H294567" s="12"/>
    </row>
    <row r="294568" spans="8:8">
      <c r="H294568" s="12"/>
    </row>
    <row r="294569" spans="8:8">
      <c r="H294569" s="12"/>
    </row>
    <row r="294570" spans="8:8">
      <c r="H294570" s="12"/>
    </row>
    <row r="294571" spans="8:8">
      <c r="H294571" s="12"/>
    </row>
    <row r="294572" spans="8:8">
      <c r="H294572" s="12"/>
    </row>
    <row r="294573" spans="8:8">
      <c r="H294573" s="12"/>
    </row>
    <row r="294574" spans="8:8">
      <c r="H294574" s="12"/>
    </row>
    <row r="294575" spans="8:8">
      <c r="H294575" s="12"/>
    </row>
    <row r="294576" spans="8:8">
      <c r="H294576" s="12"/>
    </row>
    <row r="294577" spans="8:8">
      <c r="H294577" s="12"/>
    </row>
    <row r="294578" spans="8:8">
      <c r="H294578" s="12"/>
    </row>
    <row r="294579" spans="8:8">
      <c r="H294579" s="12"/>
    </row>
    <row r="294580" spans="8:8">
      <c r="H294580" s="12"/>
    </row>
    <row r="294581" spans="8:8">
      <c r="H294581" s="12"/>
    </row>
    <row r="294582" spans="8:8">
      <c r="H294582" s="12"/>
    </row>
    <row r="294583" spans="8:8">
      <c r="H294583" s="12"/>
    </row>
    <row r="294584" spans="8:8">
      <c r="H294584" s="12"/>
    </row>
    <row r="294585" spans="8:8">
      <c r="H294585" s="12"/>
    </row>
    <row r="294586" spans="8:8">
      <c r="H294586" s="12"/>
    </row>
    <row r="294587" spans="8:8">
      <c r="H294587" s="12"/>
    </row>
    <row r="294588" spans="8:8">
      <c r="H294588" s="12"/>
    </row>
    <row r="294589" spans="8:8">
      <c r="H294589" s="12"/>
    </row>
    <row r="294590" spans="8:8">
      <c r="H294590" s="12"/>
    </row>
    <row r="294591" spans="8:8">
      <c r="H294591" s="12"/>
    </row>
    <row r="294592" spans="8:8">
      <c r="H294592" s="12"/>
    </row>
    <row r="294593" spans="8:8">
      <c r="H294593" s="12"/>
    </row>
    <row r="294594" spans="8:8">
      <c r="H294594" s="12"/>
    </row>
    <row r="294595" spans="8:8">
      <c r="H294595" s="12"/>
    </row>
    <row r="294596" spans="8:8">
      <c r="H294596" s="12"/>
    </row>
    <row r="294597" spans="8:8">
      <c r="H294597" s="12"/>
    </row>
    <row r="294598" spans="8:8">
      <c r="H294598" s="12"/>
    </row>
    <row r="294599" spans="8:8">
      <c r="H294599" s="12"/>
    </row>
    <row r="294600" spans="8:8">
      <c r="H294600" s="12"/>
    </row>
    <row r="294601" spans="8:8">
      <c r="H294601" s="12"/>
    </row>
    <row r="294602" spans="8:8">
      <c r="H294602" s="12"/>
    </row>
    <row r="294603" spans="8:8">
      <c r="H294603" s="12"/>
    </row>
    <row r="294604" spans="8:8">
      <c r="H294604" s="12"/>
    </row>
    <row r="294605" spans="8:8">
      <c r="H294605" s="12"/>
    </row>
    <row r="294606" spans="8:8">
      <c r="H294606" s="12"/>
    </row>
    <row r="294607" spans="8:8">
      <c r="H294607" s="12"/>
    </row>
    <row r="294608" spans="8:8">
      <c r="H294608" s="12"/>
    </row>
    <row r="294609" spans="8:8">
      <c r="H294609" s="12"/>
    </row>
    <row r="294610" spans="8:8">
      <c r="H294610" s="12"/>
    </row>
    <row r="294611" spans="8:8">
      <c r="H294611" s="12"/>
    </row>
    <row r="294612" spans="8:8">
      <c r="H294612" s="12"/>
    </row>
    <row r="294613" spans="8:8">
      <c r="H294613" s="12"/>
    </row>
    <row r="294614" spans="8:8">
      <c r="H294614" s="12"/>
    </row>
    <row r="294615" spans="8:8">
      <c r="H294615" s="12"/>
    </row>
    <row r="294616" spans="8:8">
      <c r="H294616" s="12"/>
    </row>
    <row r="294617" spans="8:8">
      <c r="H294617" s="12"/>
    </row>
    <row r="294618" spans="8:8">
      <c r="H294618" s="12"/>
    </row>
    <row r="294619" spans="8:8">
      <c r="H294619" s="12"/>
    </row>
    <row r="294620" spans="8:8">
      <c r="H294620" s="12"/>
    </row>
    <row r="294621" spans="8:8">
      <c r="H294621" s="12"/>
    </row>
    <row r="294622" spans="8:8">
      <c r="H294622" s="12"/>
    </row>
    <row r="294623" spans="8:8">
      <c r="H294623" s="12"/>
    </row>
    <row r="294624" spans="8:8">
      <c r="H294624" s="12"/>
    </row>
    <row r="294625" spans="8:8">
      <c r="H294625" s="12"/>
    </row>
    <row r="294626" spans="8:8">
      <c r="H294626" s="12"/>
    </row>
    <row r="294627" spans="8:8">
      <c r="H294627" s="12"/>
    </row>
    <row r="294628" spans="8:8">
      <c r="H294628" s="12"/>
    </row>
    <row r="294629" spans="8:8">
      <c r="H294629" s="12"/>
    </row>
    <row r="294630" spans="8:8">
      <c r="H294630" s="12"/>
    </row>
    <row r="294631" spans="8:8">
      <c r="H294631" s="12"/>
    </row>
    <row r="294632" spans="8:8">
      <c r="H294632" s="12"/>
    </row>
    <row r="294633" spans="8:8">
      <c r="H294633" s="12"/>
    </row>
    <row r="294634" spans="8:8">
      <c r="H294634" s="12"/>
    </row>
    <row r="294635" spans="8:8">
      <c r="H294635" s="12"/>
    </row>
    <row r="294636" spans="8:8">
      <c r="H294636" s="12"/>
    </row>
    <row r="294637" spans="8:8">
      <c r="H294637" s="12"/>
    </row>
    <row r="294638" spans="8:8">
      <c r="H294638" s="12"/>
    </row>
    <row r="294639" spans="8:8">
      <c r="H294639" s="12"/>
    </row>
    <row r="294640" spans="8:8">
      <c r="H294640" s="12"/>
    </row>
    <row r="294641" spans="8:8">
      <c r="H294641" s="12"/>
    </row>
    <row r="294642" spans="8:8">
      <c r="H294642" s="12"/>
    </row>
    <row r="294643" spans="8:8">
      <c r="H294643" s="12"/>
    </row>
    <row r="294644" spans="8:8">
      <c r="H294644" s="12"/>
    </row>
    <row r="294645" spans="8:8">
      <c r="H294645" s="12"/>
    </row>
    <row r="294646" spans="8:8">
      <c r="H294646" s="12"/>
    </row>
    <row r="294647" spans="8:8">
      <c r="H294647" s="12"/>
    </row>
    <row r="294648" spans="8:8">
      <c r="H294648" s="12"/>
    </row>
    <row r="294649" spans="8:8">
      <c r="H294649" s="12"/>
    </row>
    <row r="294650" spans="8:8">
      <c r="H294650" s="12"/>
    </row>
    <row r="294651" spans="8:8">
      <c r="H294651" s="12"/>
    </row>
    <row r="294652" spans="8:8">
      <c r="H294652" s="12"/>
    </row>
    <row r="294653" spans="8:8">
      <c r="H294653" s="12"/>
    </row>
    <row r="294654" spans="8:8">
      <c r="H294654" s="12"/>
    </row>
    <row r="294655" spans="8:8">
      <c r="H294655" s="12"/>
    </row>
    <row r="294656" spans="8:8">
      <c r="H294656" s="12"/>
    </row>
    <row r="294657" spans="8:8">
      <c r="H294657" s="12"/>
    </row>
    <row r="294658" spans="8:8">
      <c r="H294658" s="12"/>
    </row>
    <row r="294659" spans="8:8">
      <c r="H294659" s="12"/>
    </row>
    <row r="294660" spans="8:8">
      <c r="H294660" s="12"/>
    </row>
    <row r="294661" spans="8:8">
      <c r="H294661" s="12"/>
    </row>
    <row r="294662" spans="8:8">
      <c r="H294662" s="12"/>
    </row>
    <row r="294663" spans="8:8">
      <c r="H294663" s="12"/>
    </row>
    <row r="294664" spans="8:8">
      <c r="H294664" s="12"/>
    </row>
    <row r="294665" spans="8:8">
      <c r="H294665" s="12"/>
    </row>
    <row r="294666" spans="8:8">
      <c r="H294666" s="12"/>
    </row>
    <row r="294667" spans="8:8">
      <c r="H294667" s="12"/>
    </row>
    <row r="294668" spans="8:8">
      <c r="H294668" s="12"/>
    </row>
    <row r="294669" spans="8:8">
      <c r="H294669" s="12"/>
    </row>
    <row r="294670" spans="8:8">
      <c r="H294670" s="12"/>
    </row>
    <row r="294671" spans="8:8">
      <c r="H294671" s="12"/>
    </row>
    <row r="294672" spans="8:8">
      <c r="H294672" s="12"/>
    </row>
    <row r="294673" spans="8:8">
      <c r="H294673" s="12"/>
    </row>
    <row r="294674" spans="8:8">
      <c r="H294674" s="12"/>
    </row>
    <row r="294675" spans="8:8">
      <c r="H294675" s="12"/>
    </row>
    <row r="294676" spans="8:8">
      <c r="H294676" s="12"/>
    </row>
    <row r="294677" spans="8:8">
      <c r="H294677" s="12"/>
    </row>
    <row r="294678" spans="8:8">
      <c r="H294678" s="12"/>
    </row>
    <row r="294679" spans="8:8">
      <c r="H294679" s="12"/>
    </row>
    <row r="294680" spans="8:8">
      <c r="H294680" s="12"/>
    </row>
    <row r="294681" spans="8:8">
      <c r="H294681" s="12"/>
    </row>
    <row r="294682" spans="8:8">
      <c r="H294682" s="12"/>
    </row>
    <row r="294683" spans="8:8">
      <c r="H294683" s="12"/>
    </row>
    <row r="294684" spans="8:8">
      <c r="H294684" s="12"/>
    </row>
    <row r="294685" spans="8:8">
      <c r="H294685" s="12"/>
    </row>
    <row r="294686" spans="8:8">
      <c r="H294686" s="12"/>
    </row>
    <row r="294687" spans="8:8">
      <c r="H294687" s="12"/>
    </row>
    <row r="294688" spans="8:8">
      <c r="H294688" s="12"/>
    </row>
    <row r="294689" spans="8:8">
      <c r="H294689" s="12"/>
    </row>
    <row r="294690" spans="8:8">
      <c r="H294690" s="12"/>
    </row>
    <row r="294691" spans="8:8">
      <c r="H294691" s="12"/>
    </row>
    <row r="294692" spans="8:8">
      <c r="H294692" s="12"/>
    </row>
    <row r="294693" spans="8:8">
      <c r="H294693" s="12"/>
    </row>
    <row r="294694" spans="8:8">
      <c r="H294694" s="12"/>
    </row>
    <row r="294695" spans="8:8">
      <c r="H294695" s="12"/>
    </row>
    <row r="294696" spans="8:8">
      <c r="H294696" s="12"/>
    </row>
    <row r="294697" spans="8:8">
      <c r="H294697" s="12"/>
    </row>
    <row r="294698" spans="8:8">
      <c r="H294698" s="12"/>
    </row>
    <row r="294699" spans="8:8">
      <c r="H294699" s="12"/>
    </row>
    <row r="294700" spans="8:8">
      <c r="H294700" s="12"/>
    </row>
    <row r="294701" spans="8:8">
      <c r="H294701" s="12"/>
    </row>
    <row r="294702" spans="8:8">
      <c r="H294702" s="12"/>
    </row>
    <row r="294703" spans="8:8">
      <c r="H294703" s="12"/>
    </row>
    <row r="294704" spans="8:8">
      <c r="H294704" s="12"/>
    </row>
    <row r="294705" spans="8:8">
      <c r="H294705" s="12"/>
    </row>
    <row r="294706" spans="8:8">
      <c r="H294706" s="12"/>
    </row>
    <row r="294707" spans="8:8">
      <c r="H294707" s="12"/>
    </row>
    <row r="294708" spans="8:8">
      <c r="H294708" s="12"/>
    </row>
    <row r="294709" spans="8:8">
      <c r="H294709" s="12"/>
    </row>
    <row r="294710" spans="8:8">
      <c r="H294710" s="12"/>
    </row>
    <row r="294711" spans="8:8">
      <c r="H294711" s="12"/>
    </row>
    <row r="294712" spans="8:8">
      <c r="H294712" s="12"/>
    </row>
    <row r="294713" spans="8:8">
      <c r="H294713" s="12"/>
    </row>
    <row r="294714" spans="8:8">
      <c r="H294714" s="12"/>
    </row>
    <row r="294715" spans="8:8">
      <c r="H294715" s="12"/>
    </row>
    <row r="294716" spans="8:8">
      <c r="H294716" s="12"/>
    </row>
    <row r="294717" spans="8:8">
      <c r="H294717" s="12"/>
    </row>
    <row r="294718" spans="8:8">
      <c r="H294718" s="12"/>
    </row>
    <row r="294719" spans="8:8">
      <c r="H294719" s="12"/>
    </row>
    <row r="294720" spans="8:8">
      <c r="H294720" s="12"/>
    </row>
    <row r="294721" spans="8:8">
      <c r="H294721" s="12"/>
    </row>
    <row r="294722" spans="8:8">
      <c r="H294722" s="12"/>
    </row>
    <row r="294723" spans="8:8">
      <c r="H294723" s="12"/>
    </row>
    <row r="294724" spans="8:8">
      <c r="H294724" s="12"/>
    </row>
    <row r="294725" spans="8:8">
      <c r="H294725" s="12"/>
    </row>
    <row r="294726" spans="8:8">
      <c r="H294726" s="12"/>
    </row>
    <row r="294727" spans="8:8">
      <c r="H294727" s="12"/>
    </row>
    <row r="294728" spans="8:8">
      <c r="H294728" s="12"/>
    </row>
    <row r="294729" spans="8:8">
      <c r="H294729" s="12"/>
    </row>
    <row r="294730" spans="8:8">
      <c r="H294730" s="12"/>
    </row>
    <row r="294731" spans="8:8">
      <c r="H294731" s="12"/>
    </row>
    <row r="294732" spans="8:8">
      <c r="H294732" s="12"/>
    </row>
    <row r="294733" spans="8:8">
      <c r="H294733" s="12"/>
    </row>
    <row r="294734" spans="8:8">
      <c r="H294734" s="12"/>
    </row>
    <row r="294735" spans="8:8">
      <c r="H294735" s="12"/>
    </row>
    <row r="294736" spans="8:8">
      <c r="H294736" s="12"/>
    </row>
    <row r="294737" spans="8:8">
      <c r="H294737" s="12"/>
    </row>
    <row r="294738" spans="8:8">
      <c r="H294738" s="12"/>
    </row>
    <row r="294739" spans="8:8">
      <c r="H294739" s="12"/>
    </row>
    <row r="294740" spans="8:8">
      <c r="H294740" s="12"/>
    </row>
    <row r="294741" spans="8:8">
      <c r="H294741" s="12"/>
    </row>
    <row r="294742" spans="8:8">
      <c r="H294742" s="12"/>
    </row>
    <row r="294743" spans="8:8">
      <c r="H294743" s="12"/>
    </row>
    <row r="294744" spans="8:8">
      <c r="H294744" s="12"/>
    </row>
    <row r="294745" spans="8:8">
      <c r="H294745" s="12"/>
    </row>
    <row r="294746" spans="8:8">
      <c r="H294746" s="12"/>
    </row>
    <row r="294747" spans="8:8">
      <c r="H294747" s="12"/>
    </row>
    <row r="294748" spans="8:8">
      <c r="H294748" s="12"/>
    </row>
    <row r="294749" spans="8:8">
      <c r="H294749" s="12"/>
    </row>
    <row r="294750" spans="8:8">
      <c r="H294750" s="12"/>
    </row>
    <row r="294751" spans="8:8">
      <c r="H294751" s="12"/>
    </row>
    <row r="294752" spans="8:8">
      <c r="H294752" s="12"/>
    </row>
    <row r="294753" spans="8:8">
      <c r="H294753" s="12"/>
    </row>
    <row r="294754" spans="8:8">
      <c r="H294754" s="12"/>
    </row>
    <row r="294755" spans="8:8">
      <c r="H294755" s="12"/>
    </row>
    <row r="294756" spans="8:8">
      <c r="H294756" s="12"/>
    </row>
    <row r="294757" spans="8:8">
      <c r="H294757" s="12"/>
    </row>
    <row r="294758" spans="8:8">
      <c r="H294758" s="12"/>
    </row>
    <row r="294759" spans="8:8">
      <c r="H294759" s="12"/>
    </row>
    <row r="294760" spans="8:8">
      <c r="H294760" s="12"/>
    </row>
    <row r="294761" spans="8:8">
      <c r="H294761" s="12"/>
    </row>
    <row r="294762" spans="8:8">
      <c r="H294762" s="12"/>
    </row>
    <row r="294763" spans="8:8">
      <c r="H294763" s="12"/>
    </row>
    <row r="294764" spans="8:8">
      <c r="H294764" s="12"/>
    </row>
    <row r="294765" spans="8:8">
      <c r="H294765" s="12"/>
    </row>
    <row r="294766" spans="8:8">
      <c r="H294766" s="12"/>
    </row>
    <row r="294767" spans="8:8">
      <c r="H294767" s="12"/>
    </row>
    <row r="294768" spans="8:8">
      <c r="H294768" s="12"/>
    </row>
    <row r="294769" spans="8:8">
      <c r="H294769" s="12"/>
    </row>
    <row r="294770" spans="8:8">
      <c r="H294770" s="12"/>
    </row>
    <row r="294771" spans="8:8">
      <c r="H294771" s="12"/>
    </row>
    <row r="294772" spans="8:8">
      <c r="H294772" s="12"/>
    </row>
    <row r="294773" spans="8:8">
      <c r="H294773" s="12"/>
    </row>
    <row r="294774" spans="8:8">
      <c r="H294774" s="12"/>
    </row>
    <row r="294775" spans="8:8">
      <c r="H294775" s="12"/>
    </row>
    <row r="294776" spans="8:8">
      <c r="H294776" s="12"/>
    </row>
    <row r="294777" spans="8:8">
      <c r="H294777" s="12"/>
    </row>
    <row r="294778" spans="8:8">
      <c r="H294778" s="12"/>
    </row>
    <row r="294779" spans="8:8">
      <c r="H294779" s="12"/>
    </row>
    <row r="294780" spans="8:8">
      <c r="H294780" s="12"/>
    </row>
    <row r="294781" spans="8:8">
      <c r="H294781" s="12"/>
    </row>
    <row r="294782" spans="8:8">
      <c r="H294782" s="12"/>
    </row>
    <row r="294783" spans="8:8">
      <c r="H294783" s="12"/>
    </row>
    <row r="294784" spans="8:8">
      <c r="H294784" s="12"/>
    </row>
    <row r="294785" spans="8:8">
      <c r="H294785" s="12"/>
    </row>
    <row r="294786" spans="8:8">
      <c r="H294786" s="12"/>
    </row>
    <row r="294787" spans="8:8">
      <c r="H294787" s="12"/>
    </row>
    <row r="294788" spans="8:8">
      <c r="H294788" s="12"/>
    </row>
    <row r="294789" spans="8:8">
      <c r="H294789" s="12"/>
    </row>
    <row r="294790" spans="8:8">
      <c r="H294790" s="12"/>
    </row>
    <row r="294791" spans="8:8">
      <c r="H294791" s="12"/>
    </row>
    <row r="294792" spans="8:8">
      <c r="H294792" s="12"/>
    </row>
    <row r="294793" spans="8:8">
      <c r="H294793" s="12"/>
    </row>
    <row r="294794" spans="8:8">
      <c r="H294794" s="12"/>
    </row>
    <row r="294795" spans="8:8">
      <c r="H294795" s="12"/>
    </row>
    <row r="294796" spans="8:8">
      <c r="H294796" s="12"/>
    </row>
    <row r="294797" spans="8:8">
      <c r="H294797" s="12"/>
    </row>
    <row r="294798" spans="8:8">
      <c r="H294798" s="12"/>
    </row>
    <row r="294799" spans="8:8">
      <c r="H294799" s="12"/>
    </row>
    <row r="294800" spans="8:8">
      <c r="H294800" s="12"/>
    </row>
    <row r="294801" spans="8:8">
      <c r="H294801" s="12"/>
    </row>
    <row r="294802" spans="8:8">
      <c r="H294802" s="12"/>
    </row>
    <row r="294803" spans="8:8">
      <c r="H294803" s="12"/>
    </row>
    <row r="294804" spans="8:8">
      <c r="H294804" s="12"/>
    </row>
    <row r="294805" spans="8:8">
      <c r="H294805" s="12"/>
    </row>
    <row r="294806" spans="8:8">
      <c r="H294806" s="12"/>
    </row>
    <row r="294807" spans="8:8">
      <c r="H294807" s="12"/>
    </row>
    <row r="294808" spans="8:8">
      <c r="H294808" s="12"/>
    </row>
    <row r="294809" spans="8:8">
      <c r="H294809" s="12"/>
    </row>
    <row r="294810" spans="8:8">
      <c r="H294810" s="12"/>
    </row>
    <row r="294811" spans="8:8">
      <c r="H294811" s="12"/>
    </row>
    <row r="294812" spans="8:8">
      <c r="H294812" s="12"/>
    </row>
    <row r="294813" spans="8:8">
      <c r="H294813" s="12"/>
    </row>
    <row r="294814" spans="8:8">
      <c r="H294814" s="12"/>
    </row>
    <row r="294815" spans="8:8">
      <c r="H294815" s="12"/>
    </row>
    <row r="294816" spans="8:8">
      <c r="H294816" s="12"/>
    </row>
    <row r="294817" spans="8:8">
      <c r="H294817" s="12"/>
    </row>
    <row r="294818" spans="8:8">
      <c r="H294818" s="12"/>
    </row>
    <row r="294819" spans="8:8">
      <c r="H294819" s="12"/>
    </row>
    <row r="294820" spans="8:8">
      <c r="H294820" s="12"/>
    </row>
    <row r="294821" spans="8:8">
      <c r="H294821" s="12"/>
    </row>
    <row r="294822" spans="8:8">
      <c r="H294822" s="12"/>
    </row>
    <row r="294823" spans="8:8">
      <c r="H294823" s="12"/>
    </row>
    <row r="294824" spans="8:8">
      <c r="H294824" s="12"/>
    </row>
    <row r="294825" spans="8:8">
      <c r="H294825" s="12"/>
    </row>
    <row r="294826" spans="8:8">
      <c r="H294826" s="12"/>
    </row>
    <row r="294827" spans="8:8">
      <c r="H294827" s="12"/>
    </row>
    <row r="294828" spans="8:8">
      <c r="H294828" s="12"/>
    </row>
    <row r="294829" spans="8:8">
      <c r="H294829" s="12"/>
    </row>
    <row r="294830" spans="8:8">
      <c r="H294830" s="12"/>
    </row>
    <row r="294831" spans="8:8">
      <c r="H294831" s="12"/>
    </row>
    <row r="294832" spans="8:8">
      <c r="H294832" s="12"/>
    </row>
    <row r="294833" spans="8:8">
      <c r="H294833" s="12"/>
    </row>
    <row r="294834" spans="8:8">
      <c r="H294834" s="12"/>
    </row>
    <row r="294835" spans="8:8">
      <c r="H294835" s="12"/>
    </row>
    <row r="294836" spans="8:8">
      <c r="H294836" s="12"/>
    </row>
    <row r="294837" spans="8:8">
      <c r="H294837" s="12"/>
    </row>
    <row r="294838" spans="8:8">
      <c r="H294838" s="12"/>
    </row>
    <row r="294839" spans="8:8">
      <c r="H294839" s="12"/>
    </row>
    <row r="294840" spans="8:8">
      <c r="H294840" s="12"/>
    </row>
    <row r="294841" spans="8:8">
      <c r="H294841" s="12"/>
    </row>
    <row r="294842" spans="8:8">
      <c r="H294842" s="12"/>
    </row>
    <row r="294843" spans="8:8">
      <c r="H294843" s="12"/>
    </row>
    <row r="294844" spans="8:8">
      <c r="H294844" s="12"/>
    </row>
    <row r="294845" spans="8:8">
      <c r="H294845" s="12"/>
    </row>
    <row r="294846" spans="8:8">
      <c r="H294846" s="12"/>
    </row>
    <row r="294847" spans="8:8">
      <c r="H294847" s="12"/>
    </row>
    <row r="294848" spans="8:8">
      <c r="H294848" s="12"/>
    </row>
    <row r="294849" spans="8:8">
      <c r="H294849" s="12"/>
    </row>
    <row r="294850" spans="8:8">
      <c r="H294850" s="12"/>
    </row>
    <row r="294851" spans="8:8">
      <c r="H294851" s="12"/>
    </row>
    <row r="294852" spans="8:8">
      <c r="H294852" s="12"/>
    </row>
    <row r="294853" spans="8:8">
      <c r="H294853" s="12"/>
    </row>
    <row r="294854" spans="8:8">
      <c r="H294854" s="12"/>
    </row>
    <row r="294855" spans="8:8">
      <c r="H294855" s="12"/>
    </row>
    <row r="294856" spans="8:8">
      <c r="H294856" s="12"/>
    </row>
    <row r="294857" spans="8:8">
      <c r="H294857" s="12"/>
    </row>
    <row r="294858" spans="8:8">
      <c r="H294858" s="12"/>
    </row>
    <row r="294859" spans="8:8">
      <c r="H294859" s="12"/>
    </row>
    <row r="294860" spans="8:8">
      <c r="H294860" s="12"/>
    </row>
    <row r="294861" spans="8:8">
      <c r="H294861" s="12"/>
    </row>
    <row r="294862" spans="8:8">
      <c r="H294862" s="12"/>
    </row>
    <row r="294863" spans="8:8">
      <c r="H294863" s="12"/>
    </row>
    <row r="294864" spans="8:8">
      <c r="H294864" s="12"/>
    </row>
    <row r="294865" spans="8:8">
      <c r="H294865" s="12"/>
    </row>
    <row r="294866" spans="8:8">
      <c r="H294866" s="12"/>
    </row>
    <row r="294867" spans="8:8">
      <c r="H294867" s="12"/>
    </row>
    <row r="294868" spans="8:8">
      <c r="H294868" s="12"/>
    </row>
    <row r="294869" spans="8:8">
      <c r="H294869" s="12"/>
    </row>
    <row r="294870" spans="8:8">
      <c r="H294870" s="12"/>
    </row>
    <row r="294871" spans="8:8">
      <c r="H294871" s="12"/>
    </row>
    <row r="294872" spans="8:8">
      <c r="H294872" s="12"/>
    </row>
    <row r="294873" spans="8:8">
      <c r="H294873" s="12"/>
    </row>
    <row r="294874" spans="8:8">
      <c r="H294874" s="12"/>
    </row>
    <row r="294875" spans="8:8">
      <c r="H294875" s="12"/>
    </row>
    <row r="294876" spans="8:8">
      <c r="H294876" s="12"/>
    </row>
    <row r="294877" spans="8:8">
      <c r="H294877" s="12"/>
    </row>
    <row r="294878" spans="8:8">
      <c r="H294878" s="12"/>
    </row>
    <row r="294879" spans="8:8">
      <c r="H294879" s="12"/>
    </row>
    <row r="294880" spans="8:8">
      <c r="H294880" s="12"/>
    </row>
    <row r="294881" spans="8:8">
      <c r="H294881" s="12"/>
    </row>
    <row r="294882" spans="8:8">
      <c r="H294882" s="12"/>
    </row>
    <row r="294883" spans="8:8">
      <c r="H294883" s="12"/>
    </row>
    <row r="294884" spans="8:8">
      <c r="H294884" s="12"/>
    </row>
    <row r="294885" spans="8:8">
      <c r="H294885" s="12"/>
    </row>
    <row r="294886" spans="8:8">
      <c r="H294886" s="12"/>
    </row>
    <row r="294887" spans="8:8">
      <c r="H294887" s="12"/>
    </row>
    <row r="294888" spans="8:8">
      <c r="H294888" s="12"/>
    </row>
    <row r="294889" spans="8:8">
      <c r="H294889" s="12"/>
    </row>
    <row r="294890" spans="8:8">
      <c r="H294890" s="12"/>
    </row>
    <row r="294891" spans="8:8">
      <c r="H294891" s="12"/>
    </row>
    <row r="294892" spans="8:8">
      <c r="H294892" s="12"/>
    </row>
    <row r="294893" spans="8:8">
      <c r="H294893" s="12"/>
    </row>
    <row r="294894" spans="8:8">
      <c r="H294894" s="12"/>
    </row>
    <row r="294895" spans="8:8">
      <c r="H294895" s="12"/>
    </row>
    <row r="294896" spans="8:8">
      <c r="H294896" s="12"/>
    </row>
    <row r="294897" spans="8:8">
      <c r="H294897" s="12"/>
    </row>
    <row r="294898" spans="8:8">
      <c r="H294898" s="12"/>
    </row>
    <row r="294899" spans="8:8">
      <c r="H294899" s="12"/>
    </row>
    <row r="294900" spans="8:8">
      <c r="H294900" s="12"/>
    </row>
    <row r="294901" spans="8:8">
      <c r="H294901" s="12"/>
    </row>
    <row r="294902" spans="8:8">
      <c r="H294902" s="12"/>
    </row>
    <row r="294903" spans="8:8">
      <c r="H294903" s="12"/>
    </row>
    <row r="294904" spans="8:8">
      <c r="H294904" s="12"/>
    </row>
    <row r="294905" spans="8:8">
      <c r="H294905" s="12"/>
    </row>
    <row r="294906" spans="8:8">
      <c r="H294906" s="12"/>
    </row>
    <row r="294907" spans="8:8">
      <c r="H294907" s="12"/>
    </row>
    <row r="294908" spans="8:8">
      <c r="H294908" s="12"/>
    </row>
    <row r="294909" spans="8:8">
      <c r="H294909" s="12"/>
    </row>
    <row r="294910" spans="8:8">
      <c r="H294910" s="12"/>
    </row>
    <row r="294911" spans="8:8">
      <c r="H294911" s="12"/>
    </row>
    <row r="294912" spans="8:8">
      <c r="H294912" s="12"/>
    </row>
    <row r="294913" spans="8:8">
      <c r="H294913" s="12"/>
    </row>
    <row r="294914" spans="8:8">
      <c r="H294914" s="12"/>
    </row>
    <row r="294915" spans="8:8">
      <c r="H294915" s="12"/>
    </row>
    <row r="294916" spans="8:8">
      <c r="H294916" s="12"/>
    </row>
    <row r="294917" spans="8:8">
      <c r="H294917" s="12"/>
    </row>
    <row r="294918" spans="8:8">
      <c r="H294918" s="12"/>
    </row>
    <row r="294919" spans="8:8">
      <c r="H294919" s="12"/>
    </row>
    <row r="294920" spans="8:8">
      <c r="H294920" s="12"/>
    </row>
    <row r="294921" spans="8:8">
      <c r="H294921" s="12"/>
    </row>
    <row r="294922" spans="8:8">
      <c r="H294922" s="12"/>
    </row>
    <row r="294923" spans="8:8">
      <c r="H294923" s="12"/>
    </row>
    <row r="294924" spans="8:8">
      <c r="H294924" s="12"/>
    </row>
    <row r="294925" spans="8:8">
      <c r="H294925" s="12"/>
    </row>
    <row r="294926" spans="8:8">
      <c r="H294926" s="12"/>
    </row>
    <row r="294927" spans="8:8">
      <c r="H294927" s="12"/>
    </row>
    <row r="294928" spans="8:8">
      <c r="H294928" s="12"/>
    </row>
    <row r="294929" spans="8:8">
      <c r="H294929" s="12"/>
    </row>
    <row r="294930" spans="8:8">
      <c r="H294930" s="12"/>
    </row>
    <row r="294931" spans="8:8">
      <c r="H294931" s="12"/>
    </row>
    <row r="294932" spans="8:8">
      <c r="H294932" s="12"/>
    </row>
    <row r="294933" spans="8:8">
      <c r="H294933" s="12"/>
    </row>
    <row r="294934" spans="8:8">
      <c r="H294934" s="12"/>
    </row>
    <row r="294935" spans="8:8">
      <c r="H294935" s="12"/>
    </row>
    <row r="294936" spans="8:8">
      <c r="H294936" s="12"/>
    </row>
    <row r="294937" spans="8:8">
      <c r="H294937" s="12"/>
    </row>
    <row r="294938" spans="8:8">
      <c r="H294938" s="12"/>
    </row>
    <row r="294939" spans="8:8">
      <c r="H294939" s="12"/>
    </row>
    <row r="294940" spans="8:8">
      <c r="H294940" s="12"/>
    </row>
    <row r="294941" spans="8:8">
      <c r="H294941" s="12"/>
    </row>
    <row r="294942" spans="8:8">
      <c r="H294942" s="12"/>
    </row>
    <row r="294943" spans="8:8">
      <c r="H294943" s="12"/>
    </row>
    <row r="294944" spans="8:8">
      <c r="H294944" s="12"/>
    </row>
    <row r="294945" spans="8:8">
      <c r="H294945" s="12"/>
    </row>
    <row r="294946" spans="8:8">
      <c r="H294946" s="12"/>
    </row>
    <row r="294947" spans="8:8">
      <c r="H294947" s="12"/>
    </row>
    <row r="294948" spans="8:8">
      <c r="H294948" s="12"/>
    </row>
    <row r="294949" spans="8:8">
      <c r="H294949" s="12"/>
    </row>
    <row r="294950" spans="8:8">
      <c r="H294950" s="12"/>
    </row>
    <row r="294951" spans="8:8">
      <c r="H294951" s="12"/>
    </row>
    <row r="294952" spans="8:8">
      <c r="H294952" s="12"/>
    </row>
    <row r="294953" spans="8:8">
      <c r="H294953" s="12"/>
    </row>
    <row r="294954" spans="8:8">
      <c r="H294954" s="12"/>
    </row>
    <row r="294955" spans="8:8">
      <c r="H294955" s="12"/>
    </row>
    <row r="294956" spans="8:8">
      <c r="H294956" s="12"/>
    </row>
    <row r="294957" spans="8:8">
      <c r="H294957" s="12"/>
    </row>
    <row r="294958" spans="8:8">
      <c r="H294958" s="12"/>
    </row>
    <row r="294959" spans="8:8">
      <c r="H294959" s="12"/>
    </row>
    <row r="294960" spans="8:8">
      <c r="H294960" s="12"/>
    </row>
    <row r="294961" spans="8:8">
      <c r="H294961" s="12"/>
    </row>
    <row r="294962" spans="8:8">
      <c r="H294962" s="12"/>
    </row>
    <row r="294963" spans="8:8">
      <c r="H294963" s="12"/>
    </row>
    <row r="294964" spans="8:8">
      <c r="H294964" s="12"/>
    </row>
    <row r="294965" spans="8:8">
      <c r="H294965" s="12"/>
    </row>
    <row r="294966" spans="8:8">
      <c r="H294966" s="12"/>
    </row>
    <row r="294967" spans="8:8">
      <c r="H294967" s="12"/>
    </row>
    <row r="294968" spans="8:8">
      <c r="H294968" s="12"/>
    </row>
    <row r="294969" spans="8:8">
      <c r="H294969" s="12"/>
    </row>
    <row r="294970" spans="8:8">
      <c r="H294970" s="12"/>
    </row>
    <row r="294971" spans="8:8">
      <c r="H294971" s="12"/>
    </row>
    <row r="294972" spans="8:8">
      <c r="H294972" s="12"/>
    </row>
    <row r="294973" spans="8:8">
      <c r="H294973" s="12"/>
    </row>
    <row r="294974" spans="8:8">
      <c r="H294974" s="12"/>
    </row>
    <row r="294975" spans="8:8">
      <c r="H294975" s="12"/>
    </row>
    <row r="294976" spans="8:8">
      <c r="H294976" s="12"/>
    </row>
    <row r="294977" spans="8:8">
      <c r="H294977" s="12"/>
    </row>
    <row r="294978" spans="8:8">
      <c r="H294978" s="12"/>
    </row>
    <row r="294979" spans="8:8">
      <c r="H294979" s="12"/>
    </row>
    <row r="294980" spans="8:8">
      <c r="H294980" s="12"/>
    </row>
    <row r="294981" spans="8:8">
      <c r="H294981" s="12"/>
    </row>
    <row r="294982" spans="8:8">
      <c r="H294982" s="12"/>
    </row>
    <row r="294983" spans="8:8">
      <c r="H294983" s="12"/>
    </row>
    <row r="294984" spans="8:8">
      <c r="H294984" s="12"/>
    </row>
    <row r="294985" spans="8:8">
      <c r="H294985" s="12"/>
    </row>
    <row r="294986" spans="8:8">
      <c r="H294986" s="12"/>
    </row>
    <row r="294987" spans="8:8">
      <c r="H294987" s="12"/>
    </row>
    <row r="294988" spans="8:8">
      <c r="H294988" s="12"/>
    </row>
    <row r="294989" spans="8:8">
      <c r="H294989" s="12"/>
    </row>
    <row r="294990" spans="8:8">
      <c r="H294990" s="12"/>
    </row>
    <row r="294991" spans="8:8">
      <c r="H294991" s="12"/>
    </row>
    <row r="294992" spans="8:8">
      <c r="H294992" s="12"/>
    </row>
    <row r="294993" spans="8:8">
      <c r="H294993" s="12"/>
    </row>
    <row r="294994" spans="8:8">
      <c r="H294994" s="12"/>
    </row>
    <row r="294995" spans="8:8">
      <c r="H294995" s="12"/>
    </row>
    <row r="294996" spans="8:8">
      <c r="H294996" s="12"/>
    </row>
    <row r="294997" spans="8:8">
      <c r="H294997" s="12"/>
    </row>
    <row r="294998" spans="8:8">
      <c r="H294998" s="12"/>
    </row>
    <row r="294999" spans="8:8">
      <c r="H294999" s="12"/>
    </row>
    <row r="295000" spans="8:8">
      <c r="H295000" s="12"/>
    </row>
    <row r="295001" spans="8:8">
      <c r="H295001" s="12"/>
    </row>
    <row r="295002" spans="8:8">
      <c r="H295002" s="12"/>
    </row>
    <row r="295003" spans="8:8">
      <c r="H295003" s="12"/>
    </row>
    <row r="295004" spans="8:8">
      <c r="H295004" s="12"/>
    </row>
    <row r="295005" spans="8:8">
      <c r="H295005" s="12"/>
    </row>
    <row r="295006" spans="8:8">
      <c r="H295006" s="12"/>
    </row>
    <row r="295007" spans="8:8">
      <c r="H295007" s="12"/>
    </row>
    <row r="295008" spans="8:8">
      <c r="H295008" s="12"/>
    </row>
    <row r="295009" spans="8:8">
      <c r="H295009" s="12"/>
    </row>
    <row r="295010" spans="8:8">
      <c r="H295010" s="12"/>
    </row>
    <row r="295011" spans="8:8">
      <c r="H295011" s="12"/>
    </row>
    <row r="295012" spans="8:8">
      <c r="H295012" s="12"/>
    </row>
    <row r="295013" spans="8:8">
      <c r="H295013" s="12"/>
    </row>
    <row r="295014" spans="8:8">
      <c r="H295014" s="12"/>
    </row>
    <row r="295015" spans="8:8">
      <c r="H295015" s="12"/>
    </row>
    <row r="295016" spans="8:8">
      <c r="H295016" s="12"/>
    </row>
    <row r="295017" spans="8:8">
      <c r="H295017" s="12"/>
    </row>
    <row r="295018" spans="8:8">
      <c r="H295018" s="12"/>
    </row>
    <row r="295019" spans="8:8">
      <c r="H295019" s="12"/>
    </row>
    <row r="295020" spans="8:8">
      <c r="H295020" s="12"/>
    </row>
    <row r="295021" spans="8:8">
      <c r="H295021" s="12"/>
    </row>
    <row r="295022" spans="8:8">
      <c r="H295022" s="12"/>
    </row>
    <row r="295023" spans="8:8">
      <c r="H295023" s="12"/>
    </row>
    <row r="295024" spans="8:8">
      <c r="H295024" s="12"/>
    </row>
    <row r="295025" spans="8:8">
      <c r="H295025" s="12"/>
    </row>
    <row r="295026" spans="8:8">
      <c r="H295026" s="12"/>
    </row>
    <row r="295027" spans="8:8">
      <c r="H295027" s="12"/>
    </row>
    <row r="295028" spans="8:8">
      <c r="H295028" s="12"/>
    </row>
    <row r="295029" spans="8:8">
      <c r="H295029" s="12"/>
    </row>
    <row r="295030" spans="8:8">
      <c r="H295030" s="12"/>
    </row>
    <row r="295031" spans="8:8">
      <c r="H295031" s="12"/>
    </row>
    <row r="295032" spans="8:8">
      <c r="H295032" s="12"/>
    </row>
    <row r="295033" spans="8:8">
      <c r="H295033" s="12"/>
    </row>
    <row r="295034" spans="8:8">
      <c r="H295034" s="12"/>
    </row>
    <row r="295035" spans="8:8">
      <c r="H295035" s="12"/>
    </row>
    <row r="295036" spans="8:8">
      <c r="H295036" s="12"/>
    </row>
    <row r="295037" spans="8:8">
      <c r="H295037" s="12"/>
    </row>
    <row r="295038" spans="8:8">
      <c r="H295038" s="12"/>
    </row>
    <row r="295039" spans="8:8">
      <c r="H295039" s="12"/>
    </row>
    <row r="295040" spans="8:8">
      <c r="H295040" s="12"/>
    </row>
    <row r="295041" spans="8:8">
      <c r="H295041" s="12"/>
    </row>
    <row r="295042" spans="8:8">
      <c r="H295042" s="12"/>
    </row>
    <row r="295043" spans="8:8">
      <c r="H295043" s="12"/>
    </row>
    <row r="295044" spans="8:8">
      <c r="H295044" s="12"/>
    </row>
    <row r="295045" spans="8:8">
      <c r="H295045" s="12"/>
    </row>
    <row r="295046" spans="8:8">
      <c r="H295046" s="12"/>
    </row>
    <row r="295047" spans="8:8">
      <c r="H295047" s="12"/>
    </row>
    <row r="295048" spans="8:8">
      <c r="H295048" s="12"/>
    </row>
    <row r="295049" spans="8:8">
      <c r="H295049" s="12"/>
    </row>
    <row r="295050" spans="8:8">
      <c r="H295050" s="12"/>
    </row>
    <row r="295051" spans="8:8">
      <c r="H295051" s="12"/>
    </row>
    <row r="295052" spans="8:8">
      <c r="H295052" s="12"/>
    </row>
    <row r="295053" spans="8:8">
      <c r="H295053" s="12"/>
    </row>
    <row r="295054" spans="8:8">
      <c r="H295054" s="12"/>
    </row>
    <row r="295055" spans="8:8">
      <c r="H295055" s="12"/>
    </row>
    <row r="295056" spans="8:8">
      <c r="H295056" s="12"/>
    </row>
    <row r="295057" spans="8:8">
      <c r="H295057" s="12"/>
    </row>
    <row r="295058" spans="8:8">
      <c r="H295058" s="12"/>
    </row>
    <row r="295059" spans="8:8">
      <c r="H295059" s="12"/>
    </row>
    <row r="295060" spans="8:8">
      <c r="H295060" s="12"/>
    </row>
    <row r="295061" spans="8:8">
      <c r="H295061" s="12"/>
    </row>
    <row r="295062" spans="8:8">
      <c r="H295062" s="12"/>
    </row>
    <row r="295063" spans="8:8">
      <c r="H295063" s="12"/>
    </row>
    <row r="295064" spans="8:8">
      <c r="H295064" s="12"/>
    </row>
    <row r="295065" spans="8:8">
      <c r="H295065" s="12"/>
    </row>
    <row r="295066" spans="8:8">
      <c r="H295066" s="12"/>
    </row>
    <row r="295067" spans="8:8">
      <c r="H295067" s="12"/>
    </row>
    <row r="295068" spans="8:8">
      <c r="H295068" s="12"/>
    </row>
    <row r="295069" spans="8:8">
      <c r="H295069" s="12"/>
    </row>
    <row r="295070" spans="8:8">
      <c r="H295070" s="12"/>
    </row>
    <row r="295071" spans="8:8">
      <c r="H295071" s="12"/>
    </row>
    <row r="295072" spans="8:8">
      <c r="H295072" s="12"/>
    </row>
    <row r="295073" spans="8:8">
      <c r="H295073" s="12"/>
    </row>
    <row r="295074" spans="8:8">
      <c r="H295074" s="12"/>
    </row>
    <row r="295075" spans="8:8">
      <c r="H295075" s="12"/>
    </row>
    <row r="295076" spans="8:8">
      <c r="H295076" s="12"/>
    </row>
    <row r="295077" spans="8:8">
      <c r="H295077" s="12"/>
    </row>
    <row r="295078" spans="8:8">
      <c r="H295078" s="12"/>
    </row>
    <row r="295079" spans="8:8">
      <c r="H295079" s="12"/>
    </row>
    <row r="295080" spans="8:8">
      <c r="H295080" s="12"/>
    </row>
    <row r="295081" spans="8:8">
      <c r="H295081" s="12"/>
    </row>
    <row r="295082" spans="8:8">
      <c r="H295082" s="12"/>
    </row>
    <row r="295083" spans="8:8">
      <c r="H295083" s="12"/>
    </row>
    <row r="295084" spans="8:8">
      <c r="H295084" s="12"/>
    </row>
    <row r="295085" spans="8:8">
      <c r="H295085" s="12"/>
    </row>
    <row r="295086" spans="8:8">
      <c r="H295086" s="12"/>
    </row>
    <row r="295087" spans="8:8">
      <c r="H295087" s="12"/>
    </row>
    <row r="295088" spans="8:8">
      <c r="H295088" s="12"/>
    </row>
    <row r="295089" spans="8:8">
      <c r="H295089" s="12"/>
    </row>
    <row r="295090" spans="8:8">
      <c r="H295090" s="12"/>
    </row>
    <row r="295091" spans="8:8">
      <c r="H295091" s="12"/>
    </row>
    <row r="295092" spans="8:8">
      <c r="H295092" s="12"/>
    </row>
    <row r="295093" spans="8:8">
      <c r="H295093" s="12"/>
    </row>
    <row r="295094" spans="8:8">
      <c r="H295094" s="12"/>
    </row>
    <row r="295095" spans="8:8">
      <c r="H295095" s="12"/>
    </row>
    <row r="295096" spans="8:8">
      <c r="H295096" s="12"/>
    </row>
    <row r="295097" spans="8:8">
      <c r="H295097" s="12"/>
    </row>
    <row r="295098" spans="8:8">
      <c r="H295098" s="12"/>
    </row>
    <row r="295099" spans="8:8">
      <c r="H295099" s="12"/>
    </row>
    <row r="295100" spans="8:8">
      <c r="H295100" s="12"/>
    </row>
    <row r="295101" spans="8:8">
      <c r="H295101" s="12"/>
    </row>
    <row r="295102" spans="8:8">
      <c r="H295102" s="12"/>
    </row>
    <row r="295103" spans="8:8">
      <c r="H295103" s="12"/>
    </row>
    <row r="295104" spans="8:8">
      <c r="H295104" s="12"/>
    </row>
    <row r="295105" spans="8:8">
      <c r="H295105" s="12"/>
    </row>
    <row r="295106" spans="8:8">
      <c r="H295106" s="12"/>
    </row>
    <row r="295107" spans="8:8">
      <c r="H295107" s="12"/>
    </row>
    <row r="295108" spans="8:8">
      <c r="H295108" s="12"/>
    </row>
    <row r="295109" spans="8:8">
      <c r="H295109" s="12"/>
    </row>
    <row r="295110" spans="8:8">
      <c r="H295110" s="12"/>
    </row>
    <row r="295111" spans="8:8">
      <c r="H295111" s="12"/>
    </row>
    <row r="295112" spans="8:8">
      <c r="H295112" s="12"/>
    </row>
    <row r="295113" spans="8:8">
      <c r="H295113" s="12"/>
    </row>
    <row r="295114" spans="8:8">
      <c r="H295114" s="12"/>
    </row>
    <row r="295115" spans="8:8">
      <c r="H295115" s="12"/>
    </row>
    <row r="295116" spans="8:8">
      <c r="H295116" s="12"/>
    </row>
    <row r="295117" spans="8:8">
      <c r="H295117" s="12"/>
    </row>
    <row r="295118" spans="8:8">
      <c r="H295118" s="12"/>
    </row>
    <row r="295119" spans="8:8">
      <c r="H295119" s="12"/>
    </row>
    <row r="295120" spans="8:8">
      <c r="H295120" s="12"/>
    </row>
    <row r="295121" spans="8:8">
      <c r="H295121" s="12"/>
    </row>
    <row r="295122" spans="8:8">
      <c r="H295122" s="12"/>
    </row>
    <row r="295123" spans="8:8">
      <c r="H295123" s="12"/>
    </row>
    <row r="295124" spans="8:8">
      <c r="H295124" s="12"/>
    </row>
    <row r="295125" spans="8:8">
      <c r="H295125" s="12"/>
    </row>
    <row r="295126" spans="8:8">
      <c r="H295126" s="12"/>
    </row>
    <row r="295127" spans="8:8">
      <c r="H295127" s="12"/>
    </row>
    <row r="295128" spans="8:8">
      <c r="H295128" s="12"/>
    </row>
    <row r="295129" spans="8:8">
      <c r="H295129" s="12"/>
    </row>
    <row r="295130" spans="8:8">
      <c r="H295130" s="12"/>
    </row>
    <row r="295131" spans="8:8">
      <c r="H295131" s="12"/>
    </row>
    <row r="295132" spans="8:8">
      <c r="H295132" s="12"/>
    </row>
    <row r="295133" spans="8:8">
      <c r="H295133" s="12"/>
    </row>
    <row r="295134" spans="8:8">
      <c r="H295134" s="12"/>
    </row>
    <row r="295135" spans="8:8">
      <c r="H295135" s="12"/>
    </row>
    <row r="295136" spans="8:8">
      <c r="H295136" s="12"/>
    </row>
    <row r="295137" spans="8:8">
      <c r="H295137" s="12"/>
    </row>
    <row r="295138" spans="8:8">
      <c r="H295138" s="12"/>
    </row>
    <row r="295139" spans="8:8">
      <c r="H295139" s="12"/>
    </row>
    <row r="295140" spans="8:8">
      <c r="H295140" s="12"/>
    </row>
    <row r="295141" spans="8:8">
      <c r="H295141" s="12"/>
    </row>
    <row r="295142" spans="8:8">
      <c r="H295142" s="12"/>
    </row>
    <row r="295143" spans="8:8">
      <c r="H295143" s="12"/>
    </row>
    <row r="295144" spans="8:8">
      <c r="H295144" s="12"/>
    </row>
    <row r="295145" spans="8:8">
      <c r="H295145" s="12"/>
    </row>
    <row r="295146" spans="8:8">
      <c r="H295146" s="12"/>
    </row>
    <row r="295147" spans="8:8">
      <c r="H295147" s="12"/>
    </row>
    <row r="295148" spans="8:8">
      <c r="H295148" s="12"/>
    </row>
    <row r="295149" spans="8:8">
      <c r="H295149" s="12"/>
    </row>
    <row r="295150" spans="8:8">
      <c r="H295150" s="12"/>
    </row>
    <row r="295151" spans="8:8">
      <c r="H295151" s="12"/>
    </row>
    <row r="295152" spans="8:8">
      <c r="H295152" s="12"/>
    </row>
    <row r="295153" spans="8:8">
      <c r="H295153" s="12"/>
    </row>
    <row r="295154" spans="8:8">
      <c r="H295154" s="12"/>
    </row>
    <row r="295155" spans="8:8">
      <c r="H295155" s="12"/>
    </row>
    <row r="295156" spans="8:8">
      <c r="H295156" s="12"/>
    </row>
    <row r="295157" spans="8:8">
      <c r="H295157" s="12"/>
    </row>
    <row r="295158" spans="8:8">
      <c r="H295158" s="12"/>
    </row>
    <row r="295159" spans="8:8">
      <c r="H295159" s="12"/>
    </row>
    <row r="295160" spans="8:8">
      <c r="H295160" s="12"/>
    </row>
    <row r="295161" spans="8:8">
      <c r="H295161" s="12"/>
    </row>
    <row r="295162" spans="8:8">
      <c r="H295162" s="12"/>
    </row>
    <row r="295163" spans="8:8">
      <c r="H295163" s="12"/>
    </row>
    <row r="295164" spans="8:8">
      <c r="H295164" s="12"/>
    </row>
    <row r="295165" spans="8:8">
      <c r="H295165" s="12"/>
    </row>
    <row r="295166" spans="8:8">
      <c r="H295166" s="12"/>
    </row>
    <row r="295167" spans="8:8">
      <c r="H295167" s="12"/>
    </row>
    <row r="295168" spans="8:8">
      <c r="H295168" s="12"/>
    </row>
    <row r="295169" spans="8:8">
      <c r="H295169" s="12"/>
    </row>
    <row r="295170" spans="8:8">
      <c r="H295170" s="12"/>
    </row>
    <row r="295171" spans="8:8">
      <c r="H295171" s="12"/>
    </row>
    <row r="295172" spans="8:8">
      <c r="H295172" s="12"/>
    </row>
    <row r="295173" spans="8:8">
      <c r="H295173" s="12"/>
    </row>
    <row r="295174" spans="8:8">
      <c r="H295174" s="12"/>
    </row>
    <row r="295175" spans="8:8">
      <c r="H295175" s="12"/>
    </row>
    <row r="295176" spans="8:8">
      <c r="H295176" s="12"/>
    </row>
    <row r="295177" spans="8:8">
      <c r="H295177" s="12"/>
    </row>
    <row r="295178" spans="8:8">
      <c r="H295178" s="12"/>
    </row>
    <row r="295179" spans="8:8">
      <c r="H295179" s="12"/>
    </row>
    <row r="295180" spans="8:8">
      <c r="H295180" s="12"/>
    </row>
    <row r="295181" spans="8:8">
      <c r="H295181" s="12"/>
    </row>
    <row r="295182" spans="8:8">
      <c r="H295182" s="12"/>
    </row>
    <row r="295183" spans="8:8">
      <c r="H295183" s="12"/>
    </row>
    <row r="295184" spans="8:8">
      <c r="H295184" s="12"/>
    </row>
    <row r="295185" spans="8:8">
      <c r="H295185" s="12"/>
    </row>
    <row r="295186" spans="8:8">
      <c r="H295186" s="12"/>
    </row>
    <row r="295187" spans="8:8">
      <c r="H295187" s="12"/>
    </row>
    <row r="295188" spans="8:8">
      <c r="H295188" s="12"/>
    </row>
    <row r="295189" spans="8:8">
      <c r="H295189" s="12"/>
    </row>
    <row r="295190" spans="8:8">
      <c r="H295190" s="12"/>
    </row>
    <row r="295191" spans="8:8">
      <c r="H295191" s="12"/>
    </row>
    <row r="295192" spans="8:8">
      <c r="H295192" s="12"/>
    </row>
    <row r="295193" spans="8:8">
      <c r="H295193" s="12"/>
    </row>
    <row r="295194" spans="8:8">
      <c r="H295194" s="12"/>
    </row>
    <row r="295195" spans="8:8">
      <c r="H295195" s="12"/>
    </row>
    <row r="295196" spans="8:8">
      <c r="H295196" s="12"/>
    </row>
    <row r="295197" spans="8:8">
      <c r="H295197" s="12"/>
    </row>
    <row r="295198" spans="8:8">
      <c r="H295198" s="12"/>
    </row>
    <row r="295199" spans="8:8">
      <c r="H295199" s="12"/>
    </row>
    <row r="295200" spans="8:8">
      <c r="H295200" s="12"/>
    </row>
    <row r="295201" spans="8:8">
      <c r="H295201" s="12"/>
    </row>
    <row r="295202" spans="8:8">
      <c r="H295202" s="12"/>
    </row>
    <row r="295203" spans="8:8">
      <c r="H295203" s="12"/>
    </row>
    <row r="295204" spans="8:8">
      <c r="H295204" s="12"/>
    </row>
    <row r="295205" spans="8:8">
      <c r="H295205" s="12"/>
    </row>
    <row r="295206" spans="8:8">
      <c r="H295206" s="12"/>
    </row>
    <row r="295207" spans="8:8">
      <c r="H295207" s="12"/>
    </row>
    <row r="295208" spans="8:8">
      <c r="H295208" s="12"/>
    </row>
    <row r="295209" spans="8:8">
      <c r="H295209" s="12"/>
    </row>
    <row r="295210" spans="8:8">
      <c r="H295210" s="12"/>
    </row>
    <row r="295211" spans="8:8">
      <c r="H295211" s="12"/>
    </row>
    <row r="295212" spans="8:8">
      <c r="H295212" s="12"/>
    </row>
    <row r="295213" spans="8:8">
      <c r="H295213" s="12"/>
    </row>
    <row r="295214" spans="8:8">
      <c r="H295214" s="12"/>
    </row>
    <row r="295215" spans="8:8">
      <c r="H295215" s="12"/>
    </row>
    <row r="295216" spans="8:8">
      <c r="H295216" s="12"/>
    </row>
    <row r="295217" spans="8:8">
      <c r="H295217" s="12"/>
    </row>
    <row r="295218" spans="8:8">
      <c r="H295218" s="12"/>
    </row>
    <row r="295219" spans="8:8">
      <c r="H295219" s="12"/>
    </row>
    <row r="295220" spans="8:8">
      <c r="H295220" s="12"/>
    </row>
    <row r="295221" spans="8:8">
      <c r="H295221" s="12"/>
    </row>
    <row r="295222" spans="8:8">
      <c r="H295222" s="12"/>
    </row>
    <row r="295223" spans="8:8">
      <c r="H295223" s="12"/>
    </row>
    <row r="295224" spans="8:8">
      <c r="H295224" s="12"/>
    </row>
    <row r="295225" spans="8:8">
      <c r="H295225" s="12"/>
    </row>
    <row r="295226" spans="8:8">
      <c r="H295226" s="12"/>
    </row>
    <row r="295227" spans="8:8">
      <c r="H295227" s="12"/>
    </row>
    <row r="295228" spans="8:8">
      <c r="H295228" s="12"/>
    </row>
    <row r="295229" spans="8:8">
      <c r="H295229" s="12"/>
    </row>
    <row r="295230" spans="8:8">
      <c r="H295230" s="12"/>
    </row>
    <row r="295231" spans="8:8">
      <c r="H295231" s="12"/>
    </row>
    <row r="295232" spans="8:8">
      <c r="H295232" s="12"/>
    </row>
    <row r="295233" spans="8:8">
      <c r="H295233" s="12"/>
    </row>
    <row r="295234" spans="8:8">
      <c r="H295234" s="12"/>
    </row>
    <row r="295235" spans="8:8">
      <c r="H295235" s="12"/>
    </row>
    <row r="295236" spans="8:8">
      <c r="H295236" s="12"/>
    </row>
    <row r="295237" spans="8:8">
      <c r="H295237" s="12"/>
    </row>
    <row r="295238" spans="8:8">
      <c r="H295238" s="12"/>
    </row>
    <row r="295239" spans="8:8">
      <c r="H295239" s="12"/>
    </row>
    <row r="295240" spans="8:8">
      <c r="H295240" s="12"/>
    </row>
    <row r="295241" spans="8:8">
      <c r="H295241" s="12"/>
    </row>
    <row r="295242" spans="8:8">
      <c r="H295242" s="12"/>
    </row>
    <row r="295243" spans="8:8">
      <c r="H295243" s="12"/>
    </row>
    <row r="295244" spans="8:8">
      <c r="H295244" s="12"/>
    </row>
    <row r="295245" spans="8:8">
      <c r="H295245" s="12"/>
    </row>
    <row r="295246" spans="8:8">
      <c r="H295246" s="12"/>
    </row>
    <row r="295247" spans="8:8">
      <c r="H295247" s="12"/>
    </row>
    <row r="295248" spans="8:8">
      <c r="H295248" s="12"/>
    </row>
    <row r="295249" spans="8:8">
      <c r="H295249" s="12"/>
    </row>
    <row r="295250" spans="8:8">
      <c r="H295250" s="12"/>
    </row>
    <row r="295251" spans="8:8">
      <c r="H295251" s="12"/>
    </row>
    <row r="295252" spans="8:8">
      <c r="H295252" s="12"/>
    </row>
    <row r="295253" spans="8:8">
      <c r="H295253" s="12"/>
    </row>
    <row r="295254" spans="8:8">
      <c r="H295254" s="12"/>
    </row>
    <row r="295255" spans="8:8">
      <c r="H295255" s="12"/>
    </row>
    <row r="295256" spans="8:8">
      <c r="H295256" s="12"/>
    </row>
    <row r="295257" spans="8:8">
      <c r="H295257" s="12"/>
    </row>
    <row r="295258" spans="8:8">
      <c r="H295258" s="12"/>
    </row>
    <row r="295259" spans="8:8">
      <c r="H295259" s="12"/>
    </row>
    <row r="295260" spans="8:8">
      <c r="H295260" s="12"/>
    </row>
    <row r="295261" spans="8:8">
      <c r="H295261" s="12"/>
    </row>
    <row r="295262" spans="8:8">
      <c r="H295262" s="12"/>
    </row>
    <row r="295263" spans="8:8">
      <c r="H295263" s="12"/>
    </row>
    <row r="295264" spans="8:8">
      <c r="H295264" s="12"/>
    </row>
    <row r="295265" spans="8:8">
      <c r="H295265" s="12"/>
    </row>
    <row r="295266" spans="8:8">
      <c r="H295266" s="12"/>
    </row>
    <row r="295267" spans="8:8">
      <c r="H295267" s="12"/>
    </row>
    <row r="295268" spans="8:8">
      <c r="H295268" s="12"/>
    </row>
    <row r="295269" spans="8:8">
      <c r="H295269" s="12"/>
    </row>
    <row r="295270" spans="8:8">
      <c r="H295270" s="12"/>
    </row>
    <row r="295271" spans="8:8">
      <c r="H295271" s="12"/>
    </row>
    <row r="295272" spans="8:8">
      <c r="H295272" s="12"/>
    </row>
    <row r="295273" spans="8:8">
      <c r="H295273" s="12"/>
    </row>
    <row r="295274" spans="8:8">
      <c r="H295274" s="12"/>
    </row>
    <row r="295275" spans="8:8">
      <c r="H295275" s="12"/>
    </row>
    <row r="295276" spans="8:8">
      <c r="H295276" s="12"/>
    </row>
    <row r="295277" spans="8:8">
      <c r="H295277" s="12"/>
    </row>
    <row r="295278" spans="8:8">
      <c r="H295278" s="12"/>
    </row>
    <row r="295279" spans="8:8">
      <c r="H295279" s="12"/>
    </row>
    <row r="295280" spans="8:8">
      <c r="H295280" s="12"/>
    </row>
    <row r="295281" spans="8:8">
      <c r="H295281" s="12"/>
    </row>
    <row r="295282" spans="8:8">
      <c r="H295282" s="12"/>
    </row>
    <row r="295283" spans="8:8">
      <c r="H295283" s="12"/>
    </row>
    <row r="295284" spans="8:8">
      <c r="H295284" s="12"/>
    </row>
    <row r="295285" spans="8:8">
      <c r="H295285" s="12"/>
    </row>
    <row r="295286" spans="8:8">
      <c r="H295286" s="12"/>
    </row>
    <row r="295287" spans="8:8">
      <c r="H295287" s="12"/>
    </row>
    <row r="295288" spans="8:8">
      <c r="H295288" s="12"/>
    </row>
    <row r="295289" spans="8:8">
      <c r="H295289" s="12"/>
    </row>
    <row r="295290" spans="8:8">
      <c r="H295290" s="12"/>
    </row>
    <row r="295291" spans="8:8">
      <c r="H295291" s="12"/>
    </row>
    <row r="295292" spans="8:8">
      <c r="H295292" s="12"/>
    </row>
    <row r="295293" spans="8:8">
      <c r="H295293" s="12"/>
    </row>
    <row r="295294" spans="8:8">
      <c r="H295294" s="12"/>
    </row>
    <row r="295295" spans="8:8">
      <c r="H295295" s="12"/>
    </row>
    <row r="295296" spans="8:8">
      <c r="H295296" s="12"/>
    </row>
    <row r="295297" spans="8:8">
      <c r="H295297" s="12"/>
    </row>
    <row r="295298" spans="8:8">
      <c r="H295298" s="12"/>
    </row>
    <row r="295299" spans="8:8">
      <c r="H295299" s="12"/>
    </row>
    <row r="295300" spans="8:8">
      <c r="H295300" s="12"/>
    </row>
    <row r="295301" spans="8:8">
      <c r="H295301" s="12"/>
    </row>
    <row r="295302" spans="8:8">
      <c r="H295302" s="12"/>
    </row>
    <row r="295303" spans="8:8">
      <c r="H295303" s="12"/>
    </row>
    <row r="295304" spans="8:8">
      <c r="H295304" s="12"/>
    </row>
    <row r="295305" spans="8:8">
      <c r="H295305" s="12"/>
    </row>
    <row r="295306" spans="8:8">
      <c r="H295306" s="12"/>
    </row>
    <row r="295307" spans="8:8">
      <c r="H295307" s="12"/>
    </row>
    <row r="295308" spans="8:8">
      <c r="H295308" s="12"/>
    </row>
    <row r="295309" spans="8:8">
      <c r="H295309" s="12"/>
    </row>
    <row r="295310" spans="8:8">
      <c r="H295310" s="12"/>
    </row>
    <row r="295311" spans="8:8">
      <c r="H295311" s="12"/>
    </row>
    <row r="295312" spans="8:8">
      <c r="H295312" s="12"/>
    </row>
    <row r="295313" spans="8:8">
      <c r="H295313" s="12"/>
    </row>
    <row r="295314" spans="8:8">
      <c r="H295314" s="12"/>
    </row>
    <row r="295315" spans="8:8">
      <c r="H295315" s="12"/>
    </row>
    <row r="295316" spans="8:8">
      <c r="H295316" s="12"/>
    </row>
    <row r="295317" spans="8:8">
      <c r="H295317" s="12"/>
    </row>
    <row r="295318" spans="8:8">
      <c r="H295318" s="12"/>
    </row>
    <row r="295319" spans="8:8">
      <c r="H295319" s="12"/>
    </row>
    <row r="295320" spans="8:8">
      <c r="H295320" s="12"/>
    </row>
    <row r="295321" spans="8:8">
      <c r="H295321" s="12"/>
    </row>
    <row r="295322" spans="8:8">
      <c r="H295322" s="12"/>
    </row>
    <row r="295323" spans="8:8">
      <c r="H295323" s="12"/>
    </row>
    <row r="295324" spans="8:8">
      <c r="H295324" s="12"/>
    </row>
    <row r="295325" spans="8:8">
      <c r="H295325" s="12"/>
    </row>
    <row r="295326" spans="8:8">
      <c r="H295326" s="12"/>
    </row>
    <row r="295327" spans="8:8">
      <c r="H295327" s="12"/>
    </row>
    <row r="295328" spans="8:8">
      <c r="H295328" s="12"/>
    </row>
    <row r="295329" spans="8:8">
      <c r="H295329" s="12"/>
    </row>
    <row r="295330" spans="8:8">
      <c r="H295330" s="12"/>
    </row>
    <row r="295331" spans="8:8">
      <c r="H295331" s="12"/>
    </row>
    <row r="295332" spans="8:8">
      <c r="H295332" s="12"/>
    </row>
    <row r="295333" spans="8:8">
      <c r="H295333" s="12"/>
    </row>
    <row r="295334" spans="8:8">
      <c r="H295334" s="12"/>
    </row>
    <row r="295335" spans="8:8">
      <c r="H295335" s="12"/>
    </row>
    <row r="295336" spans="8:8">
      <c r="H295336" s="12"/>
    </row>
    <row r="295337" spans="8:8">
      <c r="H295337" s="12"/>
    </row>
    <row r="295338" spans="8:8">
      <c r="H295338" s="12"/>
    </row>
    <row r="295339" spans="8:8">
      <c r="H295339" s="12"/>
    </row>
    <row r="295340" spans="8:8">
      <c r="H295340" s="12"/>
    </row>
    <row r="295341" spans="8:8">
      <c r="H295341" s="12"/>
    </row>
    <row r="295342" spans="8:8">
      <c r="H295342" s="12"/>
    </row>
    <row r="295343" spans="8:8">
      <c r="H295343" s="12"/>
    </row>
    <row r="295344" spans="8:8">
      <c r="H295344" s="12"/>
    </row>
    <row r="295345" spans="8:8">
      <c r="H295345" s="12"/>
    </row>
    <row r="295346" spans="8:8">
      <c r="H295346" s="12"/>
    </row>
    <row r="295347" spans="8:8">
      <c r="H295347" s="12"/>
    </row>
    <row r="295348" spans="8:8">
      <c r="H295348" s="12"/>
    </row>
    <row r="295349" spans="8:8">
      <c r="H295349" s="12"/>
    </row>
    <row r="295350" spans="8:8">
      <c r="H295350" s="12"/>
    </row>
    <row r="295351" spans="8:8">
      <c r="H295351" s="12"/>
    </row>
    <row r="295352" spans="8:8">
      <c r="H295352" s="12"/>
    </row>
    <row r="295353" spans="8:8">
      <c r="H295353" s="12"/>
    </row>
    <row r="295354" spans="8:8">
      <c r="H295354" s="12"/>
    </row>
    <row r="295355" spans="8:8">
      <c r="H295355" s="12"/>
    </row>
    <row r="295356" spans="8:8">
      <c r="H295356" s="12"/>
    </row>
    <row r="295357" spans="8:8">
      <c r="H295357" s="12"/>
    </row>
    <row r="295358" spans="8:8">
      <c r="H295358" s="12"/>
    </row>
    <row r="295359" spans="8:8">
      <c r="H295359" s="12"/>
    </row>
    <row r="295360" spans="8:8">
      <c r="H295360" s="12"/>
    </row>
    <row r="295361" spans="8:8">
      <c r="H295361" s="12"/>
    </row>
    <row r="295362" spans="8:8">
      <c r="H295362" s="12"/>
    </row>
    <row r="295363" spans="8:8">
      <c r="H295363" s="12"/>
    </row>
    <row r="295364" spans="8:8">
      <c r="H295364" s="12"/>
    </row>
    <row r="295365" spans="8:8">
      <c r="H295365" s="12"/>
    </row>
    <row r="295366" spans="8:8">
      <c r="H295366" s="12"/>
    </row>
    <row r="295367" spans="8:8">
      <c r="H295367" s="12"/>
    </row>
    <row r="295368" spans="8:8">
      <c r="H295368" s="12"/>
    </row>
    <row r="295369" spans="8:8">
      <c r="H295369" s="12"/>
    </row>
    <row r="295370" spans="8:8">
      <c r="H295370" s="12"/>
    </row>
    <row r="295371" spans="8:8">
      <c r="H295371" s="12"/>
    </row>
    <row r="295372" spans="8:8">
      <c r="H295372" s="12"/>
    </row>
    <row r="295373" spans="8:8">
      <c r="H295373" s="12"/>
    </row>
    <row r="295374" spans="8:8">
      <c r="H295374" s="12"/>
    </row>
    <row r="295375" spans="8:8">
      <c r="H295375" s="12"/>
    </row>
    <row r="295376" spans="8:8">
      <c r="H295376" s="12"/>
    </row>
    <row r="295377" spans="8:8">
      <c r="H295377" s="12"/>
    </row>
    <row r="295378" spans="8:8">
      <c r="H295378" s="12"/>
    </row>
    <row r="295379" spans="8:8">
      <c r="H295379" s="12"/>
    </row>
    <row r="295380" spans="8:8">
      <c r="H295380" s="12"/>
    </row>
    <row r="295381" spans="8:8">
      <c r="H295381" s="12"/>
    </row>
    <row r="295382" spans="8:8">
      <c r="H295382" s="12"/>
    </row>
    <row r="295383" spans="8:8">
      <c r="H295383" s="12"/>
    </row>
    <row r="295384" spans="8:8">
      <c r="H295384" s="12"/>
    </row>
    <row r="295385" spans="8:8">
      <c r="H295385" s="12"/>
    </row>
    <row r="295386" spans="8:8">
      <c r="H295386" s="12"/>
    </row>
    <row r="295387" spans="8:8">
      <c r="H295387" s="12"/>
    </row>
    <row r="295388" spans="8:8">
      <c r="H295388" s="12"/>
    </row>
    <row r="295389" spans="8:8">
      <c r="H295389" s="12"/>
    </row>
    <row r="295390" spans="8:8">
      <c r="H295390" s="12"/>
    </row>
    <row r="295391" spans="8:8">
      <c r="H295391" s="12"/>
    </row>
    <row r="295392" spans="8:8">
      <c r="H295392" s="12"/>
    </row>
    <row r="295393" spans="8:8">
      <c r="H295393" s="12"/>
    </row>
    <row r="295394" spans="8:8">
      <c r="H295394" s="12"/>
    </row>
    <row r="295395" spans="8:8">
      <c r="H295395" s="12"/>
    </row>
    <row r="295396" spans="8:8">
      <c r="H295396" s="12"/>
    </row>
    <row r="295397" spans="8:8">
      <c r="H295397" s="12"/>
    </row>
    <row r="295398" spans="8:8">
      <c r="H295398" s="12"/>
    </row>
    <row r="295399" spans="8:8">
      <c r="H295399" s="12"/>
    </row>
    <row r="295400" spans="8:8">
      <c r="H295400" s="12"/>
    </row>
    <row r="295401" spans="8:8">
      <c r="H295401" s="12"/>
    </row>
    <row r="295402" spans="8:8">
      <c r="H295402" s="12"/>
    </row>
    <row r="295403" spans="8:8">
      <c r="H295403" s="12"/>
    </row>
    <row r="295404" spans="8:8">
      <c r="H295404" s="12"/>
    </row>
    <row r="295405" spans="8:8">
      <c r="H295405" s="12"/>
    </row>
    <row r="295406" spans="8:8">
      <c r="H295406" s="12"/>
    </row>
    <row r="295407" spans="8:8">
      <c r="H295407" s="12"/>
    </row>
    <row r="295408" spans="8:8">
      <c r="H295408" s="12"/>
    </row>
    <row r="295409" spans="8:8">
      <c r="H295409" s="12"/>
    </row>
    <row r="295410" spans="8:8">
      <c r="H295410" s="12"/>
    </row>
    <row r="295411" spans="8:8">
      <c r="H295411" s="12"/>
    </row>
    <row r="295412" spans="8:8">
      <c r="H295412" s="12"/>
    </row>
    <row r="295413" spans="8:8">
      <c r="H295413" s="12"/>
    </row>
    <row r="295414" spans="8:8">
      <c r="H295414" s="12"/>
    </row>
    <row r="295415" spans="8:8">
      <c r="H295415" s="12"/>
    </row>
    <row r="295416" spans="8:8">
      <c r="H295416" s="12"/>
    </row>
    <row r="295417" spans="8:8">
      <c r="H295417" s="12"/>
    </row>
    <row r="295418" spans="8:8">
      <c r="H295418" s="12"/>
    </row>
    <row r="295419" spans="8:8">
      <c r="H295419" s="12"/>
    </row>
    <row r="295420" spans="8:8">
      <c r="H295420" s="12"/>
    </row>
    <row r="295421" spans="8:8">
      <c r="H295421" s="12"/>
    </row>
    <row r="295422" spans="8:8">
      <c r="H295422" s="12"/>
    </row>
    <row r="295423" spans="8:8">
      <c r="H295423" s="12"/>
    </row>
    <row r="295424" spans="8:8">
      <c r="H295424" s="12"/>
    </row>
    <row r="295425" spans="8:8">
      <c r="H295425" s="12"/>
    </row>
    <row r="295426" spans="8:8">
      <c r="H295426" s="12"/>
    </row>
    <row r="295427" spans="8:8">
      <c r="H295427" s="12"/>
    </row>
    <row r="295428" spans="8:8">
      <c r="H295428" s="12"/>
    </row>
    <row r="295429" spans="8:8">
      <c r="H295429" s="12"/>
    </row>
    <row r="295430" spans="8:8">
      <c r="H295430" s="12"/>
    </row>
    <row r="295431" spans="8:8">
      <c r="H295431" s="12"/>
    </row>
    <row r="295432" spans="8:8">
      <c r="H295432" s="12"/>
    </row>
    <row r="295433" spans="8:8">
      <c r="H295433" s="12"/>
    </row>
    <row r="295434" spans="8:8">
      <c r="H295434" s="12"/>
    </row>
    <row r="295435" spans="8:8">
      <c r="H295435" s="12"/>
    </row>
    <row r="295436" spans="8:8">
      <c r="H295436" s="12"/>
    </row>
    <row r="295437" spans="8:8">
      <c r="H295437" s="12"/>
    </row>
    <row r="295438" spans="8:8">
      <c r="H295438" s="12"/>
    </row>
    <row r="295439" spans="8:8">
      <c r="H295439" s="12"/>
    </row>
    <row r="295440" spans="8:8">
      <c r="H295440" s="12"/>
    </row>
    <row r="295441" spans="8:8">
      <c r="H295441" s="12"/>
    </row>
    <row r="295442" spans="8:8">
      <c r="H295442" s="12"/>
    </row>
    <row r="295443" spans="8:8">
      <c r="H295443" s="12"/>
    </row>
    <row r="295444" spans="8:8">
      <c r="H295444" s="12"/>
    </row>
    <row r="295445" spans="8:8">
      <c r="H295445" s="12"/>
    </row>
    <row r="295446" spans="8:8">
      <c r="H295446" s="12"/>
    </row>
    <row r="295447" spans="8:8">
      <c r="H295447" s="12"/>
    </row>
    <row r="295448" spans="8:8">
      <c r="H295448" s="12"/>
    </row>
    <row r="295449" spans="8:8">
      <c r="H295449" s="12"/>
    </row>
    <row r="295450" spans="8:8">
      <c r="H295450" s="12"/>
    </row>
    <row r="295451" spans="8:8">
      <c r="H295451" s="12"/>
    </row>
    <row r="295452" spans="8:8">
      <c r="H295452" s="12"/>
    </row>
    <row r="295453" spans="8:8">
      <c r="H295453" s="12"/>
    </row>
    <row r="295454" spans="8:8">
      <c r="H295454" s="12"/>
    </row>
    <row r="295455" spans="8:8">
      <c r="H295455" s="12"/>
    </row>
    <row r="295456" spans="8:8">
      <c r="H295456" s="12"/>
    </row>
    <row r="295457" spans="8:8">
      <c r="H295457" s="12"/>
    </row>
    <row r="295458" spans="8:8">
      <c r="H295458" s="12"/>
    </row>
    <row r="295459" spans="8:8">
      <c r="H295459" s="12"/>
    </row>
    <row r="295460" spans="8:8">
      <c r="H295460" s="12"/>
    </row>
    <row r="295461" spans="8:8">
      <c r="H295461" s="12"/>
    </row>
    <row r="295462" spans="8:8">
      <c r="H295462" s="12"/>
    </row>
    <row r="295463" spans="8:8">
      <c r="H295463" s="12"/>
    </row>
    <row r="295464" spans="8:8">
      <c r="H295464" s="12"/>
    </row>
    <row r="295465" spans="8:8">
      <c r="H295465" s="12"/>
    </row>
    <row r="295466" spans="8:8">
      <c r="H295466" s="12"/>
    </row>
    <row r="295467" spans="8:8">
      <c r="H295467" s="12"/>
    </row>
    <row r="295468" spans="8:8">
      <c r="H295468" s="12"/>
    </row>
    <row r="295469" spans="8:8">
      <c r="H295469" s="12"/>
    </row>
    <row r="295470" spans="8:8">
      <c r="H295470" s="12"/>
    </row>
    <row r="295471" spans="8:8">
      <c r="H295471" s="12"/>
    </row>
    <row r="295472" spans="8:8">
      <c r="H295472" s="12"/>
    </row>
    <row r="295473" spans="8:8">
      <c r="H295473" s="12"/>
    </row>
    <row r="295474" spans="8:8">
      <c r="H295474" s="12"/>
    </row>
    <row r="295475" spans="8:8">
      <c r="H295475" s="12"/>
    </row>
    <row r="295476" spans="8:8">
      <c r="H295476" s="12"/>
    </row>
    <row r="295477" spans="8:8">
      <c r="H295477" s="12"/>
    </row>
    <row r="295478" spans="8:8">
      <c r="H295478" s="12"/>
    </row>
    <row r="295479" spans="8:8">
      <c r="H295479" s="12"/>
    </row>
    <row r="295480" spans="8:8">
      <c r="H295480" s="12"/>
    </row>
    <row r="295481" spans="8:8">
      <c r="H295481" s="12"/>
    </row>
    <row r="295482" spans="8:8">
      <c r="H295482" s="12"/>
    </row>
    <row r="295483" spans="8:8">
      <c r="H295483" s="12"/>
    </row>
    <row r="295484" spans="8:8">
      <c r="H295484" s="12"/>
    </row>
    <row r="295485" spans="8:8">
      <c r="H295485" s="12"/>
    </row>
    <row r="295486" spans="8:8">
      <c r="H295486" s="12"/>
    </row>
    <row r="295487" spans="8:8">
      <c r="H295487" s="12"/>
    </row>
    <row r="295488" spans="8:8">
      <c r="H295488" s="12"/>
    </row>
    <row r="295489" spans="8:8">
      <c r="H295489" s="12"/>
    </row>
    <row r="295490" spans="8:8">
      <c r="H295490" s="12"/>
    </row>
    <row r="295491" spans="8:8">
      <c r="H295491" s="12"/>
    </row>
    <row r="295492" spans="8:8">
      <c r="H295492" s="12"/>
    </row>
    <row r="295493" spans="8:8">
      <c r="H295493" s="12"/>
    </row>
    <row r="295494" spans="8:8">
      <c r="H295494" s="12"/>
    </row>
    <row r="295495" spans="8:8">
      <c r="H295495" s="12"/>
    </row>
    <row r="295496" spans="8:8">
      <c r="H295496" s="12"/>
    </row>
    <row r="295497" spans="8:8">
      <c r="H295497" s="12"/>
    </row>
    <row r="295498" spans="8:8">
      <c r="H295498" s="12"/>
    </row>
    <row r="295499" spans="8:8">
      <c r="H295499" s="12"/>
    </row>
    <row r="295500" spans="8:8">
      <c r="H295500" s="12"/>
    </row>
    <row r="295501" spans="8:8">
      <c r="H295501" s="12"/>
    </row>
    <row r="295502" spans="8:8">
      <c r="H295502" s="12"/>
    </row>
    <row r="295503" spans="8:8">
      <c r="H295503" s="12"/>
    </row>
    <row r="295504" spans="8:8">
      <c r="H295504" s="12"/>
    </row>
    <row r="295505" spans="8:8">
      <c r="H295505" s="12"/>
    </row>
    <row r="295506" spans="8:8">
      <c r="H295506" s="12"/>
    </row>
    <row r="295507" spans="8:8">
      <c r="H295507" s="12"/>
    </row>
    <row r="295508" spans="8:8">
      <c r="H295508" s="12"/>
    </row>
    <row r="295509" spans="8:8">
      <c r="H295509" s="12"/>
    </row>
    <row r="295510" spans="8:8">
      <c r="H295510" s="12"/>
    </row>
    <row r="295511" spans="8:8">
      <c r="H295511" s="12"/>
    </row>
    <row r="295512" spans="8:8">
      <c r="H295512" s="12"/>
    </row>
    <row r="295513" spans="8:8">
      <c r="H295513" s="12"/>
    </row>
    <row r="295514" spans="8:8">
      <c r="H295514" s="12"/>
    </row>
    <row r="295515" spans="8:8">
      <c r="H295515" s="12"/>
    </row>
    <row r="295516" spans="8:8">
      <c r="H295516" s="12"/>
    </row>
    <row r="295517" spans="8:8">
      <c r="H295517" s="12"/>
    </row>
    <row r="295518" spans="8:8">
      <c r="H295518" s="12"/>
    </row>
    <row r="295519" spans="8:8">
      <c r="H295519" s="12"/>
    </row>
    <row r="295520" spans="8:8">
      <c r="H295520" s="12"/>
    </row>
    <row r="295521" spans="8:8">
      <c r="H295521" s="12"/>
    </row>
    <row r="295522" spans="8:8">
      <c r="H295522" s="12"/>
    </row>
    <row r="295523" spans="8:8">
      <c r="H295523" s="12"/>
    </row>
    <row r="295524" spans="8:8">
      <c r="H295524" s="12"/>
    </row>
    <row r="295525" spans="8:8">
      <c r="H295525" s="12"/>
    </row>
    <row r="295526" spans="8:8">
      <c r="H295526" s="12"/>
    </row>
    <row r="295527" spans="8:8">
      <c r="H295527" s="12"/>
    </row>
    <row r="295528" spans="8:8">
      <c r="H295528" s="12"/>
    </row>
    <row r="295529" spans="8:8">
      <c r="H295529" s="12"/>
    </row>
    <row r="295530" spans="8:8">
      <c r="H295530" s="12"/>
    </row>
    <row r="295531" spans="8:8">
      <c r="H295531" s="12"/>
    </row>
    <row r="295532" spans="8:8">
      <c r="H295532" s="12"/>
    </row>
    <row r="295533" spans="8:8">
      <c r="H295533" s="12"/>
    </row>
    <row r="295534" spans="8:8">
      <c r="H295534" s="12"/>
    </row>
    <row r="295535" spans="8:8">
      <c r="H295535" s="12"/>
    </row>
    <row r="295536" spans="8:8">
      <c r="H295536" s="12"/>
    </row>
    <row r="295537" spans="8:8">
      <c r="H295537" s="12"/>
    </row>
    <row r="295538" spans="8:8">
      <c r="H295538" s="12"/>
    </row>
    <row r="295539" spans="8:8">
      <c r="H295539" s="12"/>
    </row>
    <row r="295540" spans="8:8">
      <c r="H295540" s="12"/>
    </row>
    <row r="295541" spans="8:8">
      <c r="H295541" s="12"/>
    </row>
    <row r="295542" spans="8:8">
      <c r="H295542" s="12"/>
    </row>
    <row r="295543" spans="8:8">
      <c r="H295543" s="12"/>
    </row>
    <row r="295544" spans="8:8">
      <c r="H295544" s="12"/>
    </row>
    <row r="295545" spans="8:8">
      <c r="H295545" s="12"/>
    </row>
    <row r="295546" spans="8:8">
      <c r="H295546" s="12"/>
    </row>
    <row r="295547" spans="8:8">
      <c r="H295547" s="12"/>
    </row>
    <row r="295548" spans="8:8">
      <c r="H295548" s="12"/>
    </row>
    <row r="295549" spans="8:8">
      <c r="H295549" s="12"/>
    </row>
    <row r="295550" spans="8:8">
      <c r="H295550" s="12"/>
    </row>
    <row r="295551" spans="8:8">
      <c r="H295551" s="12"/>
    </row>
    <row r="295552" spans="8:8">
      <c r="H295552" s="12"/>
    </row>
    <row r="295553" spans="8:8">
      <c r="H295553" s="12"/>
    </row>
    <row r="295554" spans="8:8">
      <c r="H295554" s="12"/>
    </row>
    <row r="295555" spans="8:8">
      <c r="H295555" s="12"/>
    </row>
    <row r="295556" spans="8:8">
      <c r="H295556" s="12"/>
    </row>
    <row r="295557" spans="8:8">
      <c r="H295557" s="12"/>
    </row>
    <row r="295558" spans="8:8">
      <c r="H295558" s="12"/>
    </row>
    <row r="295559" spans="8:8">
      <c r="H295559" s="12"/>
    </row>
    <row r="295560" spans="8:8">
      <c r="H295560" s="12"/>
    </row>
    <row r="295561" spans="8:8">
      <c r="H295561" s="12"/>
    </row>
    <row r="295562" spans="8:8">
      <c r="H295562" s="12"/>
    </row>
    <row r="295563" spans="8:8">
      <c r="H295563" s="12"/>
    </row>
    <row r="295564" spans="8:8">
      <c r="H295564" s="12"/>
    </row>
    <row r="295565" spans="8:8">
      <c r="H295565" s="12"/>
    </row>
    <row r="295566" spans="8:8">
      <c r="H295566" s="12"/>
    </row>
    <row r="295567" spans="8:8">
      <c r="H295567" s="12"/>
    </row>
    <row r="295568" spans="8:8">
      <c r="H295568" s="12"/>
    </row>
    <row r="295569" spans="8:8">
      <c r="H295569" s="12"/>
    </row>
    <row r="295570" spans="8:8">
      <c r="H295570" s="12"/>
    </row>
    <row r="295571" spans="8:8">
      <c r="H295571" s="12"/>
    </row>
    <row r="295572" spans="8:8">
      <c r="H295572" s="12"/>
    </row>
    <row r="295573" spans="8:8">
      <c r="H295573" s="12"/>
    </row>
    <row r="295574" spans="8:8">
      <c r="H295574" s="12"/>
    </row>
    <row r="295575" spans="8:8">
      <c r="H295575" s="12"/>
    </row>
    <row r="295576" spans="8:8">
      <c r="H295576" s="12"/>
    </row>
    <row r="295577" spans="8:8">
      <c r="H295577" s="12"/>
    </row>
    <row r="295578" spans="8:8">
      <c r="H295578" s="12"/>
    </row>
    <row r="295579" spans="8:8">
      <c r="H295579" s="12"/>
    </row>
    <row r="295580" spans="8:8">
      <c r="H295580" s="12"/>
    </row>
    <row r="295581" spans="8:8">
      <c r="H295581" s="12"/>
    </row>
    <row r="295582" spans="8:8">
      <c r="H295582" s="12"/>
    </row>
    <row r="295583" spans="8:8">
      <c r="H295583" s="12"/>
    </row>
    <row r="295584" spans="8:8">
      <c r="H295584" s="12"/>
    </row>
    <row r="295585" spans="8:8">
      <c r="H295585" s="12"/>
    </row>
    <row r="295586" spans="8:8">
      <c r="H295586" s="12"/>
    </row>
    <row r="295587" spans="8:8">
      <c r="H295587" s="12"/>
    </row>
    <row r="295588" spans="8:8">
      <c r="H295588" s="12"/>
    </row>
    <row r="295589" spans="8:8">
      <c r="H295589" s="12"/>
    </row>
    <row r="295590" spans="8:8">
      <c r="H295590" s="12"/>
    </row>
    <row r="295591" spans="8:8">
      <c r="H295591" s="12"/>
    </row>
    <row r="295592" spans="8:8">
      <c r="H295592" s="12"/>
    </row>
    <row r="295593" spans="8:8">
      <c r="H295593" s="12"/>
    </row>
    <row r="295594" spans="8:8">
      <c r="H295594" s="12"/>
    </row>
    <row r="295595" spans="8:8">
      <c r="H295595" s="12"/>
    </row>
    <row r="295596" spans="8:8">
      <c r="H295596" s="12"/>
    </row>
    <row r="295597" spans="8:8">
      <c r="H295597" s="12"/>
    </row>
    <row r="295598" spans="8:8">
      <c r="H295598" s="12"/>
    </row>
    <row r="295599" spans="8:8">
      <c r="H295599" s="12"/>
    </row>
    <row r="295600" spans="8:8">
      <c r="H295600" s="12"/>
    </row>
    <row r="295601" spans="8:8">
      <c r="H295601" s="12"/>
    </row>
    <row r="295602" spans="8:8">
      <c r="H295602" s="12"/>
    </row>
    <row r="295603" spans="8:8">
      <c r="H295603" s="12"/>
    </row>
    <row r="295604" spans="8:8">
      <c r="H295604" s="12"/>
    </row>
    <row r="295605" spans="8:8">
      <c r="H295605" s="12"/>
    </row>
    <row r="295606" spans="8:8">
      <c r="H295606" s="12"/>
    </row>
    <row r="295607" spans="8:8">
      <c r="H295607" s="12"/>
    </row>
    <row r="295608" spans="8:8">
      <c r="H295608" s="12"/>
    </row>
    <row r="295609" spans="8:8">
      <c r="H295609" s="12"/>
    </row>
    <row r="295610" spans="8:8">
      <c r="H295610" s="12"/>
    </row>
    <row r="295611" spans="8:8">
      <c r="H295611" s="12"/>
    </row>
    <row r="295612" spans="8:8">
      <c r="H295612" s="12"/>
    </row>
    <row r="295613" spans="8:8">
      <c r="H295613" s="12"/>
    </row>
    <row r="295614" spans="8:8">
      <c r="H295614" s="12"/>
    </row>
    <row r="295615" spans="8:8">
      <c r="H295615" s="12"/>
    </row>
    <row r="295616" spans="8:8">
      <c r="H295616" s="12"/>
    </row>
    <row r="295617" spans="8:8">
      <c r="H295617" s="12"/>
    </row>
    <row r="295618" spans="8:8">
      <c r="H295618" s="12"/>
    </row>
    <row r="295619" spans="8:8">
      <c r="H295619" s="12"/>
    </row>
    <row r="295620" spans="8:8">
      <c r="H295620" s="12"/>
    </row>
    <row r="295621" spans="8:8">
      <c r="H295621" s="12"/>
    </row>
    <row r="295622" spans="8:8">
      <c r="H295622" s="12"/>
    </row>
    <row r="295623" spans="8:8">
      <c r="H295623" s="12"/>
    </row>
    <row r="295624" spans="8:8">
      <c r="H295624" s="12"/>
    </row>
    <row r="295625" spans="8:8">
      <c r="H295625" s="12"/>
    </row>
    <row r="295626" spans="8:8">
      <c r="H295626" s="12"/>
    </row>
    <row r="295627" spans="8:8">
      <c r="H295627" s="12"/>
    </row>
    <row r="295628" spans="8:8">
      <c r="H295628" s="12"/>
    </row>
    <row r="295629" spans="8:8">
      <c r="H295629" s="12"/>
    </row>
    <row r="295630" spans="8:8">
      <c r="H295630" s="12"/>
    </row>
    <row r="295631" spans="8:8">
      <c r="H295631" s="12"/>
    </row>
    <row r="295632" spans="8:8">
      <c r="H295632" s="12"/>
    </row>
    <row r="295633" spans="8:8">
      <c r="H295633" s="12"/>
    </row>
    <row r="295634" spans="8:8">
      <c r="H295634" s="12"/>
    </row>
    <row r="295635" spans="8:8">
      <c r="H295635" s="12"/>
    </row>
    <row r="295636" spans="8:8">
      <c r="H295636" s="12"/>
    </row>
    <row r="295637" spans="8:8">
      <c r="H295637" s="12"/>
    </row>
    <row r="295638" spans="8:8">
      <c r="H295638" s="12"/>
    </row>
    <row r="295639" spans="8:8">
      <c r="H295639" s="12"/>
    </row>
    <row r="295640" spans="8:8">
      <c r="H295640" s="12"/>
    </row>
    <row r="295641" spans="8:8">
      <c r="H295641" s="12"/>
    </row>
    <row r="295642" spans="8:8">
      <c r="H295642" s="12"/>
    </row>
    <row r="295643" spans="8:8">
      <c r="H295643" s="12"/>
    </row>
    <row r="295644" spans="8:8">
      <c r="H295644" s="12"/>
    </row>
    <row r="295645" spans="8:8">
      <c r="H295645" s="12"/>
    </row>
    <row r="295646" spans="8:8">
      <c r="H295646" s="12"/>
    </row>
    <row r="295647" spans="8:8">
      <c r="H295647" s="12"/>
    </row>
    <row r="295648" spans="8:8">
      <c r="H295648" s="12"/>
    </row>
    <row r="295649" spans="8:8">
      <c r="H295649" s="12"/>
    </row>
    <row r="295650" spans="8:8">
      <c r="H295650" s="12"/>
    </row>
    <row r="295651" spans="8:8">
      <c r="H295651" s="12"/>
    </row>
    <row r="295652" spans="8:8">
      <c r="H295652" s="12"/>
    </row>
    <row r="295653" spans="8:8">
      <c r="H295653" s="12"/>
    </row>
    <row r="295654" spans="8:8">
      <c r="H295654" s="12"/>
    </row>
    <row r="295655" spans="8:8">
      <c r="H295655" s="12"/>
    </row>
    <row r="295656" spans="8:8">
      <c r="H295656" s="12"/>
    </row>
    <row r="295657" spans="8:8">
      <c r="H295657" s="12"/>
    </row>
    <row r="295658" spans="8:8">
      <c r="H295658" s="12"/>
    </row>
    <row r="295659" spans="8:8">
      <c r="H295659" s="12"/>
    </row>
    <row r="295660" spans="8:8">
      <c r="H295660" s="12"/>
    </row>
    <row r="295661" spans="8:8">
      <c r="H295661" s="12"/>
    </row>
    <row r="295662" spans="8:8">
      <c r="H295662" s="12"/>
    </row>
    <row r="295663" spans="8:8">
      <c r="H295663" s="12"/>
    </row>
    <row r="295664" spans="8:8">
      <c r="H295664" s="12"/>
    </row>
    <row r="295665" spans="8:8">
      <c r="H295665" s="12"/>
    </row>
    <row r="295666" spans="8:8">
      <c r="H295666" s="12"/>
    </row>
    <row r="295667" spans="8:8">
      <c r="H295667" s="12"/>
    </row>
    <row r="295668" spans="8:8">
      <c r="H295668" s="12"/>
    </row>
    <row r="295669" spans="8:8">
      <c r="H295669" s="12"/>
    </row>
    <row r="295670" spans="8:8">
      <c r="H295670" s="12"/>
    </row>
    <row r="295671" spans="8:8">
      <c r="H295671" s="12"/>
    </row>
    <row r="295672" spans="8:8">
      <c r="H295672" s="12"/>
    </row>
    <row r="295673" spans="8:8">
      <c r="H295673" s="12"/>
    </row>
    <row r="295674" spans="8:8">
      <c r="H295674" s="12"/>
    </row>
    <row r="295675" spans="8:8">
      <c r="H295675" s="12"/>
    </row>
    <row r="295676" spans="8:8">
      <c r="H295676" s="12"/>
    </row>
    <row r="295677" spans="8:8">
      <c r="H295677" s="12"/>
    </row>
    <row r="295678" spans="8:8">
      <c r="H295678" s="12"/>
    </row>
    <row r="295679" spans="8:8">
      <c r="H295679" s="12"/>
    </row>
    <row r="295680" spans="8:8">
      <c r="H295680" s="12"/>
    </row>
    <row r="295681" spans="8:8">
      <c r="H295681" s="12"/>
    </row>
    <row r="295682" spans="8:8">
      <c r="H295682" s="12"/>
    </row>
    <row r="295683" spans="8:8">
      <c r="H295683" s="12"/>
    </row>
    <row r="295684" spans="8:8">
      <c r="H295684" s="12"/>
    </row>
    <row r="295685" spans="8:8">
      <c r="H295685" s="12"/>
    </row>
    <row r="295686" spans="8:8">
      <c r="H295686" s="12"/>
    </row>
    <row r="295687" spans="8:8">
      <c r="H295687" s="12"/>
    </row>
    <row r="295688" spans="8:8">
      <c r="H295688" s="12"/>
    </row>
    <row r="295689" spans="8:8">
      <c r="H295689" s="12"/>
    </row>
    <row r="295690" spans="8:8">
      <c r="H295690" s="12"/>
    </row>
    <row r="295691" spans="8:8">
      <c r="H295691" s="12"/>
    </row>
    <row r="295692" spans="8:8">
      <c r="H295692" s="12"/>
    </row>
    <row r="295693" spans="8:8">
      <c r="H295693" s="12"/>
    </row>
    <row r="295694" spans="8:8">
      <c r="H295694" s="12"/>
    </row>
    <row r="295695" spans="8:8">
      <c r="H295695" s="12"/>
    </row>
    <row r="295696" spans="8:8">
      <c r="H295696" s="12"/>
    </row>
    <row r="295697" spans="8:8">
      <c r="H295697" s="12"/>
    </row>
    <row r="295698" spans="8:8">
      <c r="H295698" s="12"/>
    </row>
    <row r="295699" spans="8:8">
      <c r="H295699" s="12"/>
    </row>
    <row r="295700" spans="8:8">
      <c r="H295700" s="12"/>
    </row>
    <row r="295701" spans="8:8">
      <c r="H295701" s="12"/>
    </row>
    <row r="295702" spans="8:8">
      <c r="H295702" s="12"/>
    </row>
    <row r="295703" spans="8:8">
      <c r="H295703" s="12"/>
    </row>
    <row r="295704" spans="8:8">
      <c r="H295704" s="12"/>
    </row>
    <row r="295705" spans="8:8">
      <c r="H295705" s="12"/>
    </row>
    <row r="295706" spans="8:8">
      <c r="H295706" s="12"/>
    </row>
    <row r="295707" spans="8:8">
      <c r="H295707" s="12"/>
    </row>
    <row r="295708" spans="8:8">
      <c r="H295708" s="12"/>
    </row>
    <row r="295709" spans="8:8">
      <c r="H295709" s="12"/>
    </row>
    <row r="295710" spans="8:8">
      <c r="H295710" s="12"/>
    </row>
    <row r="295711" spans="8:8">
      <c r="H295711" s="12"/>
    </row>
    <row r="295712" spans="8:8">
      <c r="H295712" s="12"/>
    </row>
    <row r="295713" spans="8:8">
      <c r="H295713" s="12"/>
    </row>
    <row r="295714" spans="8:8">
      <c r="H295714" s="12"/>
    </row>
    <row r="295715" spans="8:8">
      <c r="H295715" s="12"/>
    </row>
    <row r="295716" spans="8:8">
      <c r="H295716" s="12"/>
    </row>
    <row r="295717" spans="8:8">
      <c r="H295717" s="12"/>
    </row>
    <row r="295718" spans="8:8">
      <c r="H295718" s="12"/>
    </row>
    <row r="295719" spans="8:8">
      <c r="H295719" s="12"/>
    </row>
    <row r="295720" spans="8:8">
      <c r="H295720" s="12"/>
    </row>
    <row r="295721" spans="8:8">
      <c r="H295721" s="12"/>
    </row>
    <row r="295722" spans="8:8">
      <c r="H295722" s="12"/>
    </row>
    <row r="295723" spans="8:8">
      <c r="H295723" s="12"/>
    </row>
    <row r="295724" spans="8:8">
      <c r="H295724" s="12"/>
    </row>
    <row r="295725" spans="8:8">
      <c r="H295725" s="12"/>
    </row>
    <row r="295726" spans="8:8">
      <c r="H295726" s="12"/>
    </row>
    <row r="295727" spans="8:8">
      <c r="H295727" s="12"/>
    </row>
    <row r="295728" spans="8:8">
      <c r="H295728" s="12"/>
    </row>
    <row r="295729" spans="8:8">
      <c r="H295729" s="12"/>
    </row>
    <row r="295730" spans="8:8">
      <c r="H295730" s="12"/>
    </row>
    <row r="295731" spans="8:8">
      <c r="H295731" s="12"/>
    </row>
    <row r="295732" spans="8:8">
      <c r="H295732" s="12"/>
    </row>
    <row r="295733" spans="8:8">
      <c r="H295733" s="12"/>
    </row>
    <row r="295734" spans="8:8">
      <c r="H295734" s="12"/>
    </row>
    <row r="295735" spans="8:8">
      <c r="H295735" s="12"/>
    </row>
    <row r="295736" spans="8:8">
      <c r="H295736" s="12"/>
    </row>
    <row r="295737" spans="8:8">
      <c r="H295737" s="12"/>
    </row>
    <row r="295738" spans="8:8">
      <c r="H295738" s="12"/>
    </row>
    <row r="295739" spans="8:8">
      <c r="H295739" s="12"/>
    </row>
    <row r="295740" spans="8:8">
      <c r="H295740" s="12"/>
    </row>
    <row r="295741" spans="8:8">
      <c r="H295741" s="12"/>
    </row>
    <row r="295742" spans="8:8">
      <c r="H295742" s="12"/>
    </row>
    <row r="295743" spans="8:8">
      <c r="H295743" s="12"/>
    </row>
    <row r="295744" spans="8:8">
      <c r="H295744" s="12"/>
    </row>
    <row r="295745" spans="8:8">
      <c r="H295745" s="12"/>
    </row>
    <row r="295746" spans="8:8">
      <c r="H295746" s="12"/>
    </row>
    <row r="295747" spans="8:8">
      <c r="H295747" s="12"/>
    </row>
    <row r="295748" spans="8:8">
      <c r="H295748" s="12"/>
    </row>
    <row r="295749" spans="8:8">
      <c r="H295749" s="12"/>
    </row>
    <row r="295750" spans="8:8">
      <c r="H295750" s="12"/>
    </row>
    <row r="295751" spans="8:8">
      <c r="H295751" s="12"/>
    </row>
    <row r="295752" spans="8:8">
      <c r="H295752" s="12"/>
    </row>
    <row r="295753" spans="8:8">
      <c r="H295753" s="12"/>
    </row>
    <row r="295754" spans="8:8">
      <c r="H295754" s="12"/>
    </row>
    <row r="295755" spans="8:8">
      <c r="H295755" s="12"/>
    </row>
    <row r="295756" spans="8:8">
      <c r="H295756" s="12"/>
    </row>
    <row r="295757" spans="8:8">
      <c r="H295757" s="12"/>
    </row>
    <row r="295758" spans="8:8">
      <c r="H295758" s="12"/>
    </row>
    <row r="295759" spans="8:8">
      <c r="H295759" s="12"/>
    </row>
    <row r="295760" spans="8:8">
      <c r="H295760" s="12"/>
    </row>
    <row r="295761" spans="8:8">
      <c r="H295761" s="12"/>
    </row>
    <row r="295762" spans="8:8">
      <c r="H295762" s="12"/>
    </row>
    <row r="295763" spans="8:8">
      <c r="H295763" s="12"/>
    </row>
    <row r="295764" spans="8:8">
      <c r="H295764" s="12"/>
    </row>
    <row r="295765" spans="8:8">
      <c r="H295765" s="12"/>
    </row>
    <row r="295766" spans="8:8">
      <c r="H295766" s="12"/>
    </row>
    <row r="295767" spans="8:8">
      <c r="H295767" s="12"/>
    </row>
    <row r="295768" spans="8:8">
      <c r="H295768" s="12"/>
    </row>
    <row r="295769" spans="8:8">
      <c r="H295769" s="12"/>
    </row>
    <row r="295770" spans="8:8">
      <c r="H295770" s="12"/>
    </row>
    <row r="295771" spans="8:8">
      <c r="H295771" s="12"/>
    </row>
    <row r="295772" spans="8:8">
      <c r="H295772" s="12"/>
    </row>
    <row r="295773" spans="8:8">
      <c r="H295773" s="12"/>
    </row>
    <row r="295774" spans="8:8">
      <c r="H295774" s="12"/>
    </row>
    <row r="295775" spans="8:8">
      <c r="H295775" s="12"/>
    </row>
    <row r="295776" spans="8:8">
      <c r="H295776" s="12"/>
    </row>
    <row r="295777" spans="8:8">
      <c r="H295777" s="12"/>
    </row>
    <row r="295778" spans="8:8">
      <c r="H295778" s="12"/>
    </row>
    <row r="295779" spans="8:8">
      <c r="H295779" s="12"/>
    </row>
    <row r="295780" spans="8:8">
      <c r="H295780" s="12"/>
    </row>
    <row r="295781" spans="8:8">
      <c r="H295781" s="12"/>
    </row>
    <row r="295782" spans="8:8">
      <c r="H295782" s="12"/>
    </row>
    <row r="295783" spans="8:8">
      <c r="H295783" s="12"/>
    </row>
    <row r="295784" spans="8:8">
      <c r="H295784" s="12"/>
    </row>
    <row r="295785" spans="8:8">
      <c r="H295785" s="12"/>
    </row>
    <row r="295786" spans="8:8">
      <c r="H295786" s="12"/>
    </row>
    <row r="295787" spans="8:8">
      <c r="H295787" s="12"/>
    </row>
    <row r="295788" spans="8:8">
      <c r="H295788" s="12"/>
    </row>
    <row r="295789" spans="8:8">
      <c r="H295789" s="12"/>
    </row>
    <row r="295790" spans="8:8">
      <c r="H295790" s="12"/>
    </row>
    <row r="295791" spans="8:8">
      <c r="H295791" s="12"/>
    </row>
    <row r="295792" spans="8:8">
      <c r="H295792" s="12"/>
    </row>
    <row r="295793" spans="8:8">
      <c r="H295793" s="12"/>
    </row>
    <row r="295794" spans="8:8">
      <c r="H295794" s="12"/>
    </row>
    <row r="295795" spans="8:8">
      <c r="H295795" s="12"/>
    </row>
    <row r="295796" spans="8:8">
      <c r="H295796" s="12"/>
    </row>
    <row r="295797" spans="8:8">
      <c r="H295797" s="12"/>
    </row>
    <row r="295798" spans="8:8">
      <c r="H295798" s="12"/>
    </row>
    <row r="295799" spans="8:8">
      <c r="H295799" s="12"/>
    </row>
    <row r="295800" spans="8:8">
      <c r="H295800" s="12"/>
    </row>
    <row r="295801" spans="8:8">
      <c r="H295801" s="12"/>
    </row>
    <row r="295802" spans="8:8">
      <c r="H295802" s="12"/>
    </row>
    <row r="295803" spans="8:8">
      <c r="H295803" s="12"/>
    </row>
    <row r="295804" spans="8:8">
      <c r="H295804" s="12"/>
    </row>
    <row r="295805" spans="8:8">
      <c r="H295805" s="12"/>
    </row>
    <row r="295806" spans="8:8">
      <c r="H295806" s="12"/>
    </row>
    <row r="295807" spans="8:8">
      <c r="H295807" s="12"/>
    </row>
    <row r="295808" spans="8:8">
      <c r="H295808" s="12"/>
    </row>
    <row r="295809" spans="8:8">
      <c r="H295809" s="12"/>
    </row>
    <row r="295810" spans="8:8">
      <c r="H295810" s="12"/>
    </row>
    <row r="295811" spans="8:8">
      <c r="H295811" s="12"/>
    </row>
    <row r="295812" spans="8:8">
      <c r="H295812" s="12"/>
    </row>
    <row r="295813" spans="8:8">
      <c r="H295813" s="12"/>
    </row>
    <row r="295814" spans="8:8">
      <c r="H295814" s="12"/>
    </row>
    <row r="295815" spans="8:8">
      <c r="H295815" s="12"/>
    </row>
    <row r="295816" spans="8:8">
      <c r="H295816" s="12"/>
    </row>
    <row r="295817" spans="8:8">
      <c r="H295817" s="12"/>
    </row>
    <row r="295818" spans="8:8">
      <c r="H295818" s="12"/>
    </row>
    <row r="295819" spans="8:8">
      <c r="H295819" s="12"/>
    </row>
    <row r="295820" spans="8:8">
      <c r="H295820" s="12"/>
    </row>
    <row r="295821" spans="8:8">
      <c r="H295821" s="12"/>
    </row>
    <row r="295822" spans="8:8">
      <c r="H295822" s="12"/>
    </row>
    <row r="295823" spans="8:8">
      <c r="H295823" s="12"/>
    </row>
    <row r="295824" spans="8:8">
      <c r="H295824" s="12"/>
    </row>
    <row r="295825" spans="8:8">
      <c r="H295825" s="12"/>
    </row>
    <row r="295826" spans="8:8">
      <c r="H295826" s="12"/>
    </row>
    <row r="295827" spans="8:8">
      <c r="H295827" s="12"/>
    </row>
    <row r="295828" spans="8:8">
      <c r="H295828" s="12"/>
    </row>
    <row r="295829" spans="8:8">
      <c r="H295829" s="12"/>
    </row>
    <row r="295830" spans="8:8">
      <c r="H295830" s="12"/>
    </row>
    <row r="295831" spans="8:8">
      <c r="H295831" s="12"/>
    </row>
    <row r="295832" spans="8:8">
      <c r="H295832" s="12"/>
    </row>
    <row r="295833" spans="8:8">
      <c r="H295833" s="12"/>
    </row>
    <row r="295834" spans="8:8">
      <c r="H295834" s="12"/>
    </row>
    <row r="295835" spans="8:8">
      <c r="H295835" s="12"/>
    </row>
    <row r="295836" spans="8:8">
      <c r="H295836" s="12"/>
    </row>
    <row r="295837" spans="8:8">
      <c r="H295837" s="12"/>
    </row>
    <row r="295838" spans="8:8">
      <c r="H295838" s="12"/>
    </row>
    <row r="295839" spans="8:8">
      <c r="H295839" s="12"/>
    </row>
    <row r="295840" spans="8:8">
      <c r="H295840" s="12"/>
    </row>
    <row r="295841" spans="8:8">
      <c r="H295841" s="12"/>
    </row>
    <row r="295842" spans="8:8">
      <c r="H295842" s="12"/>
    </row>
    <row r="295843" spans="8:8">
      <c r="H295843" s="12"/>
    </row>
    <row r="295844" spans="8:8">
      <c r="H295844" s="12"/>
    </row>
    <row r="295845" spans="8:8">
      <c r="H295845" s="12"/>
    </row>
    <row r="295846" spans="8:8">
      <c r="H295846" s="12"/>
    </row>
    <row r="295847" spans="8:8">
      <c r="H295847" s="12"/>
    </row>
    <row r="295848" spans="8:8">
      <c r="H295848" s="12"/>
    </row>
    <row r="295849" spans="8:8">
      <c r="H295849" s="12"/>
    </row>
    <row r="295850" spans="8:8">
      <c r="H295850" s="12"/>
    </row>
    <row r="295851" spans="8:8">
      <c r="H295851" s="12"/>
    </row>
    <row r="295852" spans="8:8">
      <c r="H295852" s="12"/>
    </row>
    <row r="295853" spans="8:8">
      <c r="H295853" s="12"/>
    </row>
    <row r="295854" spans="8:8">
      <c r="H295854" s="12"/>
    </row>
    <row r="295855" spans="8:8">
      <c r="H295855" s="12"/>
    </row>
    <row r="295856" spans="8:8">
      <c r="H295856" s="12"/>
    </row>
    <row r="295857" spans="8:8">
      <c r="H295857" s="12"/>
    </row>
    <row r="295858" spans="8:8">
      <c r="H295858" s="12"/>
    </row>
    <row r="295859" spans="8:8">
      <c r="H295859" s="12"/>
    </row>
    <row r="295860" spans="8:8">
      <c r="H295860" s="12"/>
    </row>
    <row r="295861" spans="8:8">
      <c r="H295861" s="12"/>
    </row>
    <row r="295862" spans="8:8">
      <c r="H295862" s="12"/>
    </row>
    <row r="295863" spans="8:8">
      <c r="H295863" s="12"/>
    </row>
    <row r="295864" spans="8:8">
      <c r="H295864" s="12"/>
    </row>
    <row r="295865" spans="8:8">
      <c r="H295865" s="12"/>
    </row>
    <row r="295866" spans="8:8">
      <c r="H295866" s="12"/>
    </row>
    <row r="295867" spans="8:8">
      <c r="H295867" s="12"/>
    </row>
    <row r="295868" spans="8:8">
      <c r="H295868" s="12"/>
    </row>
    <row r="295869" spans="8:8">
      <c r="H295869" s="12"/>
    </row>
    <row r="295870" spans="8:8">
      <c r="H295870" s="12"/>
    </row>
    <row r="295871" spans="8:8">
      <c r="H295871" s="12"/>
    </row>
    <row r="295872" spans="8:8">
      <c r="H295872" s="12"/>
    </row>
    <row r="295873" spans="8:8">
      <c r="H295873" s="12"/>
    </row>
    <row r="295874" spans="8:8">
      <c r="H295874" s="12"/>
    </row>
    <row r="295875" spans="8:8">
      <c r="H295875" s="12"/>
    </row>
    <row r="295876" spans="8:8">
      <c r="H295876" s="12"/>
    </row>
    <row r="295877" spans="8:8">
      <c r="H295877" s="12"/>
    </row>
    <row r="295878" spans="8:8">
      <c r="H295878" s="12"/>
    </row>
    <row r="295879" spans="8:8">
      <c r="H295879" s="12"/>
    </row>
    <row r="295880" spans="8:8">
      <c r="H295880" s="12"/>
    </row>
    <row r="295881" spans="8:8">
      <c r="H295881" s="12"/>
    </row>
    <row r="295882" spans="8:8">
      <c r="H295882" s="12"/>
    </row>
    <row r="295883" spans="8:8">
      <c r="H295883" s="12"/>
    </row>
    <row r="295884" spans="8:8">
      <c r="H295884" s="12"/>
    </row>
    <row r="295885" spans="8:8">
      <c r="H295885" s="12"/>
    </row>
    <row r="295886" spans="8:8">
      <c r="H295886" s="12"/>
    </row>
    <row r="295887" spans="8:8">
      <c r="H295887" s="12"/>
    </row>
    <row r="295888" spans="8:8">
      <c r="H295888" s="12"/>
    </row>
    <row r="295889" spans="8:8">
      <c r="H295889" s="12"/>
    </row>
    <row r="295890" spans="8:8">
      <c r="H295890" s="12"/>
    </row>
    <row r="295891" spans="8:8">
      <c r="H295891" s="12"/>
    </row>
    <row r="295892" spans="8:8">
      <c r="H295892" s="12"/>
    </row>
    <row r="295893" spans="8:8">
      <c r="H295893" s="12"/>
    </row>
    <row r="295894" spans="8:8">
      <c r="H295894" s="12"/>
    </row>
    <row r="295895" spans="8:8">
      <c r="H295895" s="12"/>
    </row>
    <row r="295896" spans="8:8">
      <c r="H295896" s="12"/>
    </row>
    <row r="295897" spans="8:8">
      <c r="H295897" s="12"/>
    </row>
    <row r="295898" spans="8:8">
      <c r="H295898" s="12"/>
    </row>
    <row r="295899" spans="8:8">
      <c r="H295899" s="12"/>
    </row>
    <row r="295900" spans="8:8">
      <c r="H295900" s="12"/>
    </row>
    <row r="295901" spans="8:8">
      <c r="H295901" s="12"/>
    </row>
    <row r="295902" spans="8:8">
      <c r="H295902" s="12"/>
    </row>
    <row r="295903" spans="8:8">
      <c r="H295903" s="12"/>
    </row>
    <row r="295904" spans="8:8">
      <c r="H295904" s="12"/>
    </row>
    <row r="295905" spans="8:8">
      <c r="H295905" s="12"/>
    </row>
    <row r="295906" spans="8:8">
      <c r="H295906" s="12"/>
    </row>
    <row r="295907" spans="8:8">
      <c r="H295907" s="12"/>
    </row>
    <row r="295908" spans="8:8">
      <c r="H295908" s="12"/>
    </row>
    <row r="295909" spans="8:8">
      <c r="H295909" s="12"/>
    </row>
    <row r="295910" spans="8:8">
      <c r="H295910" s="12"/>
    </row>
    <row r="295911" spans="8:8">
      <c r="H295911" s="12"/>
    </row>
    <row r="295912" spans="8:8">
      <c r="H295912" s="12"/>
    </row>
    <row r="295913" spans="8:8">
      <c r="H295913" s="12"/>
    </row>
    <row r="295914" spans="8:8">
      <c r="H295914" s="12"/>
    </row>
    <row r="295915" spans="8:8">
      <c r="H295915" s="12"/>
    </row>
    <row r="295916" spans="8:8">
      <c r="H295916" s="12"/>
    </row>
    <row r="295917" spans="8:8">
      <c r="H295917" s="12"/>
    </row>
    <row r="295918" spans="8:8">
      <c r="H295918" s="12"/>
    </row>
    <row r="295919" spans="8:8">
      <c r="H295919" s="12"/>
    </row>
    <row r="295920" spans="8:8">
      <c r="H295920" s="12"/>
    </row>
    <row r="295921" spans="8:8">
      <c r="H295921" s="12"/>
    </row>
    <row r="295922" spans="8:8">
      <c r="H295922" s="12"/>
    </row>
    <row r="295923" spans="8:8">
      <c r="H295923" s="12"/>
    </row>
    <row r="295924" spans="8:8">
      <c r="H295924" s="12"/>
    </row>
    <row r="295925" spans="8:8">
      <c r="H295925" s="12"/>
    </row>
    <row r="295926" spans="8:8">
      <c r="H295926" s="12"/>
    </row>
    <row r="295927" spans="8:8">
      <c r="H295927" s="12"/>
    </row>
    <row r="295928" spans="8:8">
      <c r="H295928" s="12"/>
    </row>
    <row r="295929" spans="8:8">
      <c r="H295929" s="12"/>
    </row>
    <row r="295930" spans="8:8">
      <c r="H295930" s="12"/>
    </row>
    <row r="295931" spans="8:8">
      <c r="H295931" s="12"/>
    </row>
    <row r="295932" spans="8:8">
      <c r="H295932" s="12"/>
    </row>
    <row r="295933" spans="8:8">
      <c r="H295933" s="12"/>
    </row>
    <row r="295934" spans="8:8">
      <c r="H295934" s="12"/>
    </row>
    <row r="295935" spans="8:8">
      <c r="H295935" s="12"/>
    </row>
    <row r="295936" spans="8:8">
      <c r="H295936" s="12"/>
    </row>
    <row r="295937" spans="8:8">
      <c r="H295937" s="12"/>
    </row>
    <row r="295938" spans="8:8">
      <c r="H295938" s="12"/>
    </row>
    <row r="295939" spans="8:8">
      <c r="H295939" s="12"/>
    </row>
    <row r="295940" spans="8:8">
      <c r="H295940" s="12"/>
    </row>
    <row r="295941" spans="8:8">
      <c r="H295941" s="12"/>
    </row>
    <row r="295942" spans="8:8">
      <c r="H295942" s="12"/>
    </row>
    <row r="295943" spans="8:8">
      <c r="H295943" s="12"/>
    </row>
    <row r="295944" spans="8:8">
      <c r="H295944" s="12"/>
    </row>
    <row r="295945" spans="8:8">
      <c r="H295945" s="12"/>
    </row>
    <row r="295946" spans="8:8">
      <c r="H295946" s="12"/>
    </row>
    <row r="295947" spans="8:8">
      <c r="H295947" s="12"/>
    </row>
    <row r="295948" spans="8:8">
      <c r="H295948" s="12"/>
    </row>
    <row r="295949" spans="8:8">
      <c r="H295949" s="12"/>
    </row>
    <row r="295950" spans="8:8">
      <c r="H295950" s="12"/>
    </row>
    <row r="295951" spans="8:8">
      <c r="H295951" s="12"/>
    </row>
    <row r="295952" spans="8:8">
      <c r="H295952" s="12"/>
    </row>
    <row r="295953" spans="8:8">
      <c r="H295953" s="12"/>
    </row>
    <row r="295954" spans="8:8">
      <c r="H295954" s="12"/>
    </row>
    <row r="295955" spans="8:8">
      <c r="H295955" s="12"/>
    </row>
    <row r="295956" spans="8:8">
      <c r="H295956" s="12"/>
    </row>
    <row r="295957" spans="8:8">
      <c r="H295957" s="12"/>
    </row>
    <row r="295958" spans="8:8">
      <c r="H295958" s="12"/>
    </row>
    <row r="295959" spans="8:8">
      <c r="H295959" s="12"/>
    </row>
    <row r="295960" spans="8:8">
      <c r="H295960" s="12"/>
    </row>
    <row r="295961" spans="8:8">
      <c r="H295961" s="12"/>
    </row>
    <row r="295962" spans="8:8">
      <c r="H295962" s="12"/>
    </row>
    <row r="295963" spans="8:8">
      <c r="H295963" s="12"/>
    </row>
    <row r="295964" spans="8:8">
      <c r="H295964" s="12"/>
    </row>
    <row r="295965" spans="8:8">
      <c r="H295965" s="12"/>
    </row>
    <row r="295966" spans="8:8">
      <c r="H295966" s="12"/>
    </row>
    <row r="295967" spans="8:8">
      <c r="H295967" s="12"/>
    </row>
    <row r="295968" spans="8:8">
      <c r="H295968" s="12"/>
    </row>
    <row r="295969" spans="8:8">
      <c r="H295969" s="12"/>
    </row>
    <row r="295970" spans="8:8">
      <c r="H295970" s="12"/>
    </row>
    <row r="295971" spans="8:8">
      <c r="H295971" s="12"/>
    </row>
    <row r="295972" spans="8:8">
      <c r="H295972" s="12"/>
    </row>
    <row r="295973" spans="8:8">
      <c r="H295973" s="12"/>
    </row>
    <row r="295974" spans="8:8">
      <c r="H295974" s="12"/>
    </row>
    <row r="295975" spans="8:8">
      <c r="H295975" s="12"/>
    </row>
    <row r="295976" spans="8:8">
      <c r="H295976" s="12"/>
    </row>
    <row r="295977" spans="8:8">
      <c r="H295977" s="12"/>
    </row>
    <row r="295978" spans="8:8">
      <c r="H295978" s="12"/>
    </row>
    <row r="295979" spans="8:8">
      <c r="H295979" s="12"/>
    </row>
    <row r="295980" spans="8:8">
      <c r="H295980" s="12"/>
    </row>
    <row r="295981" spans="8:8">
      <c r="H295981" s="12"/>
    </row>
    <row r="295982" spans="8:8">
      <c r="H295982" s="12"/>
    </row>
    <row r="295983" spans="8:8">
      <c r="H295983" s="12"/>
    </row>
    <row r="295984" spans="8:8">
      <c r="H295984" s="12"/>
    </row>
    <row r="295985" spans="8:8">
      <c r="H295985" s="12"/>
    </row>
    <row r="295986" spans="8:8">
      <c r="H295986" s="12"/>
    </row>
    <row r="295987" spans="8:8">
      <c r="H295987" s="12"/>
    </row>
    <row r="295988" spans="8:8">
      <c r="H295988" s="12"/>
    </row>
    <row r="295989" spans="8:8">
      <c r="H295989" s="12"/>
    </row>
    <row r="295990" spans="8:8">
      <c r="H295990" s="12"/>
    </row>
    <row r="295991" spans="8:8">
      <c r="H295991" s="12"/>
    </row>
    <row r="295992" spans="8:8">
      <c r="H295992" s="12"/>
    </row>
    <row r="295993" spans="8:8">
      <c r="H295993" s="12"/>
    </row>
    <row r="295994" spans="8:8">
      <c r="H295994" s="12"/>
    </row>
    <row r="295995" spans="8:8">
      <c r="H295995" s="12"/>
    </row>
    <row r="295996" spans="8:8">
      <c r="H295996" s="12"/>
    </row>
    <row r="295997" spans="8:8">
      <c r="H295997" s="12"/>
    </row>
    <row r="295998" spans="8:8">
      <c r="H295998" s="12"/>
    </row>
    <row r="295999" spans="8:8">
      <c r="H295999" s="12"/>
    </row>
    <row r="296000" spans="8:8">
      <c r="H296000" s="12"/>
    </row>
    <row r="296001" spans="8:8">
      <c r="H296001" s="12"/>
    </row>
    <row r="296002" spans="8:8">
      <c r="H296002" s="12"/>
    </row>
    <row r="296003" spans="8:8">
      <c r="H296003" s="12"/>
    </row>
    <row r="296004" spans="8:8">
      <c r="H296004" s="12"/>
    </row>
    <row r="296005" spans="8:8">
      <c r="H296005" s="12"/>
    </row>
    <row r="296006" spans="8:8">
      <c r="H296006" s="12"/>
    </row>
    <row r="296007" spans="8:8">
      <c r="H296007" s="12"/>
    </row>
    <row r="296008" spans="8:8">
      <c r="H296008" s="12"/>
    </row>
    <row r="296009" spans="8:8">
      <c r="H296009" s="12"/>
    </row>
    <row r="296010" spans="8:8">
      <c r="H296010" s="12"/>
    </row>
    <row r="296011" spans="8:8">
      <c r="H296011" s="12"/>
    </row>
    <row r="296012" spans="8:8">
      <c r="H296012" s="12"/>
    </row>
    <row r="296013" spans="8:8">
      <c r="H296013" s="12"/>
    </row>
    <row r="296014" spans="8:8">
      <c r="H296014" s="12"/>
    </row>
    <row r="296015" spans="8:8">
      <c r="H296015" s="12"/>
    </row>
    <row r="296016" spans="8:8">
      <c r="H296016" s="12"/>
    </row>
    <row r="296017" spans="8:8">
      <c r="H296017" s="12"/>
    </row>
    <row r="296018" spans="8:8">
      <c r="H296018" s="12"/>
    </row>
    <row r="296019" spans="8:8">
      <c r="H296019" s="12"/>
    </row>
    <row r="296020" spans="8:8">
      <c r="H296020" s="12"/>
    </row>
    <row r="296021" spans="8:8">
      <c r="H296021" s="12"/>
    </row>
    <row r="296022" spans="8:8">
      <c r="H296022" s="12"/>
    </row>
    <row r="296023" spans="8:8">
      <c r="H296023" s="12"/>
    </row>
    <row r="296024" spans="8:8">
      <c r="H296024" s="12"/>
    </row>
    <row r="296025" spans="8:8">
      <c r="H296025" s="12"/>
    </row>
    <row r="296026" spans="8:8">
      <c r="H296026" s="12"/>
    </row>
    <row r="296027" spans="8:8">
      <c r="H296027" s="12"/>
    </row>
    <row r="296028" spans="8:8">
      <c r="H296028" s="12"/>
    </row>
    <row r="296029" spans="8:8">
      <c r="H296029" s="12"/>
    </row>
    <row r="296030" spans="8:8">
      <c r="H296030" s="12"/>
    </row>
    <row r="296031" spans="8:8">
      <c r="H296031" s="12"/>
    </row>
    <row r="296032" spans="8:8">
      <c r="H296032" s="12"/>
    </row>
    <row r="296033" spans="8:8">
      <c r="H296033" s="12"/>
    </row>
    <row r="296034" spans="8:8">
      <c r="H296034" s="12"/>
    </row>
    <row r="296035" spans="8:8">
      <c r="H296035" s="12"/>
    </row>
    <row r="296036" spans="8:8">
      <c r="H296036" s="12"/>
    </row>
    <row r="296037" spans="8:8">
      <c r="H296037" s="12"/>
    </row>
    <row r="296038" spans="8:8">
      <c r="H296038" s="12"/>
    </row>
    <row r="296039" spans="8:8">
      <c r="H296039" s="12"/>
    </row>
    <row r="296040" spans="8:8">
      <c r="H296040" s="12"/>
    </row>
    <row r="296041" spans="8:8">
      <c r="H296041" s="12"/>
    </row>
    <row r="296042" spans="8:8">
      <c r="H296042" s="12"/>
    </row>
    <row r="296043" spans="8:8">
      <c r="H296043" s="12"/>
    </row>
    <row r="296044" spans="8:8">
      <c r="H296044" s="12"/>
    </row>
    <row r="296045" spans="8:8">
      <c r="H296045" s="12"/>
    </row>
    <row r="296046" spans="8:8">
      <c r="H296046" s="12"/>
    </row>
    <row r="296047" spans="8:8">
      <c r="H296047" s="12"/>
    </row>
    <row r="296048" spans="8:8">
      <c r="H296048" s="12"/>
    </row>
    <row r="296049" spans="8:8">
      <c r="H296049" s="12"/>
    </row>
    <row r="296050" spans="8:8">
      <c r="H296050" s="12"/>
    </row>
    <row r="296051" spans="8:8">
      <c r="H296051" s="12"/>
    </row>
    <row r="296052" spans="8:8">
      <c r="H296052" s="12"/>
    </row>
    <row r="296053" spans="8:8">
      <c r="H296053" s="12"/>
    </row>
    <row r="296054" spans="8:8">
      <c r="H296054" s="12"/>
    </row>
    <row r="296055" spans="8:8">
      <c r="H296055" s="12"/>
    </row>
    <row r="296056" spans="8:8">
      <c r="H296056" s="12"/>
    </row>
    <row r="296057" spans="8:8">
      <c r="H296057" s="12"/>
    </row>
    <row r="296058" spans="8:8">
      <c r="H296058" s="12"/>
    </row>
    <row r="296059" spans="8:8">
      <c r="H296059" s="12"/>
    </row>
    <row r="296060" spans="8:8">
      <c r="H296060" s="12"/>
    </row>
    <row r="296061" spans="8:8">
      <c r="H296061" s="12"/>
    </row>
    <row r="296062" spans="8:8">
      <c r="H296062" s="12"/>
    </row>
    <row r="296063" spans="8:8">
      <c r="H296063" s="12"/>
    </row>
    <row r="296064" spans="8:8">
      <c r="H296064" s="12"/>
    </row>
    <row r="296065" spans="8:8">
      <c r="H296065" s="12"/>
    </row>
    <row r="296066" spans="8:8">
      <c r="H296066" s="12"/>
    </row>
    <row r="296067" spans="8:8">
      <c r="H296067" s="12"/>
    </row>
    <row r="296068" spans="8:8">
      <c r="H296068" s="12"/>
    </row>
    <row r="296069" spans="8:8">
      <c r="H296069" s="12"/>
    </row>
    <row r="296070" spans="8:8">
      <c r="H296070" s="12"/>
    </row>
    <row r="296071" spans="8:8">
      <c r="H296071" s="12"/>
    </row>
    <row r="296072" spans="8:8">
      <c r="H296072" s="12"/>
    </row>
    <row r="296073" spans="8:8">
      <c r="H296073" s="12"/>
    </row>
    <row r="296074" spans="8:8">
      <c r="H296074" s="12"/>
    </row>
    <row r="296075" spans="8:8">
      <c r="H296075" s="12"/>
    </row>
    <row r="296076" spans="8:8">
      <c r="H296076" s="12"/>
    </row>
    <row r="296077" spans="8:8">
      <c r="H296077" s="12"/>
    </row>
    <row r="296078" spans="8:8">
      <c r="H296078" s="12"/>
    </row>
    <row r="296079" spans="8:8">
      <c r="H296079" s="12"/>
    </row>
    <row r="296080" spans="8:8">
      <c r="H296080" s="12"/>
    </row>
    <row r="296081" spans="8:8">
      <c r="H296081" s="12"/>
    </row>
    <row r="296082" spans="8:8">
      <c r="H296082" s="12"/>
    </row>
    <row r="296083" spans="8:8">
      <c r="H296083" s="12"/>
    </row>
    <row r="296084" spans="8:8">
      <c r="H296084" s="12"/>
    </row>
    <row r="296085" spans="8:8">
      <c r="H296085" s="12"/>
    </row>
    <row r="296086" spans="8:8">
      <c r="H296086" s="12"/>
    </row>
    <row r="296087" spans="8:8">
      <c r="H296087" s="12"/>
    </row>
    <row r="296088" spans="8:8">
      <c r="H296088" s="12"/>
    </row>
    <row r="296089" spans="8:8">
      <c r="H296089" s="12"/>
    </row>
    <row r="296090" spans="8:8">
      <c r="H296090" s="12"/>
    </row>
    <row r="296091" spans="8:8">
      <c r="H296091" s="12"/>
    </row>
    <row r="296092" spans="8:8">
      <c r="H296092" s="12"/>
    </row>
    <row r="296093" spans="8:8">
      <c r="H296093" s="12"/>
    </row>
    <row r="296094" spans="8:8">
      <c r="H296094" s="12"/>
    </row>
    <row r="296095" spans="8:8">
      <c r="H296095" s="12"/>
    </row>
    <row r="296096" spans="8:8">
      <c r="H296096" s="12"/>
    </row>
    <row r="296097" spans="8:8">
      <c r="H296097" s="12"/>
    </row>
    <row r="296098" spans="8:8">
      <c r="H296098" s="12"/>
    </row>
    <row r="296099" spans="8:8">
      <c r="H296099" s="12"/>
    </row>
    <row r="296100" spans="8:8">
      <c r="H296100" s="12"/>
    </row>
    <row r="296101" spans="8:8">
      <c r="H296101" s="12"/>
    </row>
    <row r="296102" spans="8:8">
      <c r="H296102" s="12"/>
    </row>
    <row r="296103" spans="8:8">
      <c r="H296103" s="12"/>
    </row>
    <row r="296104" spans="8:8">
      <c r="H296104" s="12"/>
    </row>
    <row r="296105" spans="8:8">
      <c r="H296105" s="12"/>
    </row>
    <row r="296106" spans="8:8">
      <c r="H296106" s="12"/>
    </row>
    <row r="296107" spans="8:8">
      <c r="H296107" s="12"/>
    </row>
    <row r="296108" spans="8:8">
      <c r="H296108" s="12"/>
    </row>
    <row r="296109" spans="8:8">
      <c r="H296109" s="12"/>
    </row>
    <row r="296110" spans="8:8">
      <c r="H296110" s="12"/>
    </row>
    <row r="296111" spans="8:8">
      <c r="H296111" s="12"/>
    </row>
    <row r="296112" spans="8:8">
      <c r="H296112" s="12"/>
    </row>
    <row r="296113" spans="8:8">
      <c r="H296113" s="12"/>
    </row>
    <row r="296114" spans="8:8">
      <c r="H296114" s="12"/>
    </row>
    <row r="296115" spans="8:8">
      <c r="H296115" s="12"/>
    </row>
    <row r="296116" spans="8:8">
      <c r="H296116" s="12"/>
    </row>
    <row r="296117" spans="8:8">
      <c r="H296117" s="12"/>
    </row>
    <row r="296118" spans="8:8">
      <c r="H296118" s="12"/>
    </row>
    <row r="296119" spans="8:8">
      <c r="H296119" s="12"/>
    </row>
    <row r="296120" spans="8:8">
      <c r="H296120" s="12"/>
    </row>
    <row r="296121" spans="8:8">
      <c r="H296121" s="12"/>
    </row>
    <row r="296122" spans="8:8">
      <c r="H296122" s="12"/>
    </row>
    <row r="296123" spans="8:8">
      <c r="H296123" s="12"/>
    </row>
    <row r="296124" spans="8:8">
      <c r="H296124" s="12"/>
    </row>
    <row r="296125" spans="8:8">
      <c r="H296125" s="12"/>
    </row>
    <row r="296126" spans="8:8">
      <c r="H296126" s="12"/>
    </row>
    <row r="296127" spans="8:8">
      <c r="H296127" s="12"/>
    </row>
    <row r="296128" spans="8:8">
      <c r="H296128" s="12"/>
    </row>
    <row r="296129" spans="8:8">
      <c r="H296129" s="12"/>
    </row>
    <row r="296130" spans="8:8">
      <c r="H296130" s="12"/>
    </row>
    <row r="296131" spans="8:8">
      <c r="H296131" s="12"/>
    </row>
    <row r="296132" spans="8:8">
      <c r="H296132" s="12"/>
    </row>
    <row r="296133" spans="8:8">
      <c r="H296133" s="12"/>
    </row>
    <row r="296134" spans="8:8">
      <c r="H296134" s="12"/>
    </row>
    <row r="296135" spans="8:8">
      <c r="H296135" s="12"/>
    </row>
    <row r="296136" spans="8:8">
      <c r="H296136" s="12"/>
    </row>
    <row r="296137" spans="8:8">
      <c r="H296137" s="12"/>
    </row>
    <row r="296138" spans="8:8">
      <c r="H296138" s="12"/>
    </row>
    <row r="296139" spans="8:8">
      <c r="H296139" s="12"/>
    </row>
    <row r="296140" spans="8:8">
      <c r="H296140" s="12"/>
    </row>
    <row r="296141" spans="8:8">
      <c r="H296141" s="12"/>
    </row>
    <row r="296142" spans="8:8">
      <c r="H296142" s="12"/>
    </row>
    <row r="296143" spans="8:8">
      <c r="H296143" s="12"/>
    </row>
    <row r="296144" spans="8:8">
      <c r="H296144" s="12"/>
    </row>
    <row r="296145" spans="8:8">
      <c r="H296145" s="12"/>
    </row>
    <row r="296146" spans="8:8">
      <c r="H296146" s="12"/>
    </row>
    <row r="296147" spans="8:8">
      <c r="H296147" s="12"/>
    </row>
    <row r="296148" spans="8:8">
      <c r="H296148" s="12"/>
    </row>
    <row r="296149" spans="8:8">
      <c r="H296149" s="12"/>
    </row>
    <row r="296150" spans="8:8">
      <c r="H296150" s="12"/>
    </row>
    <row r="296151" spans="8:8">
      <c r="H296151" s="12"/>
    </row>
    <row r="296152" spans="8:8">
      <c r="H296152" s="12"/>
    </row>
    <row r="296153" spans="8:8">
      <c r="H296153" s="12"/>
    </row>
    <row r="296154" spans="8:8">
      <c r="H296154" s="12"/>
    </row>
    <row r="296155" spans="8:8">
      <c r="H296155" s="12"/>
    </row>
    <row r="296156" spans="8:8">
      <c r="H296156" s="12"/>
    </row>
    <row r="296157" spans="8:8">
      <c r="H296157" s="12"/>
    </row>
    <row r="296158" spans="8:8">
      <c r="H296158" s="12"/>
    </row>
    <row r="296159" spans="8:8">
      <c r="H296159" s="12"/>
    </row>
    <row r="296160" spans="8:8">
      <c r="H296160" s="12"/>
    </row>
    <row r="296161" spans="8:8">
      <c r="H296161" s="12"/>
    </row>
    <row r="296162" spans="8:8">
      <c r="H296162" s="12"/>
    </row>
    <row r="296163" spans="8:8">
      <c r="H296163" s="12"/>
    </row>
    <row r="296164" spans="8:8">
      <c r="H296164" s="12"/>
    </row>
    <row r="296165" spans="8:8">
      <c r="H296165" s="12"/>
    </row>
    <row r="296166" spans="8:8">
      <c r="H296166" s="12"/>
    </row>
    <row r="296167" spans="8:8">
      <c r="H296167" s="12"/>
    </row>
    <row r="296168" spans="8:8">
      <c r="H296168" s="12"/>
    </row>
    <row r="296169" spans="8:8">
      <c r="H296169" s="12"/>
    </row>
    <row r="296170" spans="8:8">
      <c r="H296170" s="12"/>
    </row>
    <row r="296171" spans="8:8">
      <c r="H296171" s="12"/>
    </row>
    <row r="296172" spans="8:8">
      <c r="H296172" s="12"/>
    </row>
    <row r="296173" spans="8:8">
      <c r="H296173" s="12"/>
    </row>
    <row r="296174" spans="8:8">
      <c r="H296174" s="12"/>
    </row>
    <row r="296175" spans="8:8">
      <c r="H296175" s="12"/>
    </row>
    <row r="296176" spans="8:8">
      <c r="H296176" s="12"/>
    </row>
    <row r="296177" spans="8:8">
      <c r="H296177" s="12"/>
    </row>
    <row r="296178" spans="8:8">
      <c r="H296178" s="12"/>
    </row>
    <row r="296179" spans="8:8">
      <c r="H296179" s="12"/>
    </row>
    <row r="296180" spans="8:8">
      <c r="H296180" s="12"/>
    </row>
    <row r="296181" spans="8:8">
      <c r="H296181" s="12"/>
    </row>
    <row r="296182" spans="8:8">
      <c r="H296182" s="12"/>
    </row>
    <row r="296183" spans="8:8">
      <c r="H296183" s="12"/>
    </row>
    <row r="296184" spans="8:8">
      <c r="H296184" s="12"/>
    </row>
    <row r="296185" spans="8:8">
      <c r="H296185" s="12"/>
    </row>
    <row r="296186" spans="8:8">
      <c r="H296186" s="12"/>
    </row>
    <row r="296187" spans="8:8">
      <c r="H296187" s="12"/>
    </row>
    <row r="296188" spans="8:8">
      <c r="H296188" s="12"/>
    </row>
    <row r="296189" spans="8:8">
      <c r="H296189" s="12"/>
    </row>
    <row r="296190" spans="8:8">
      <c r="H296190" s="12"/>
    </row>
    <row r="296191" spans="8:8">
      <c r="H296191" s="12"/>
    </row>
    <row r="296192" spans="8:8">
      <c r="H296192" s="12"/>
    </row>
    <row r="296193" spans="8:8">
      <c r="H296193" s="12"/>
    </row>
    <row r="296194" spans="8:8">
      <c r="H296194" s="12"/>
    </row>
    <row r="296195" spans="8:8">
      <c r="H296195" s="12"/>
    </row>
    <row r="296196" spans="8:8">
      <c r="H296196" s="12"/>
    </row>
    <row r="296197" spans="8:8">
      <c r="H296197" s="12"/>
    </row>
    <row r="296198" spans="8:8">
      <c r="H296198" s="12"/>
    </row>
    <row r="296199" spans="8:8">
      <c r="H296199" s="12"/>
    </row>
    <row r="296200" spans="8:8">
      <c r="H296200" s="12"/>
    </row>
    <row r="296201" spans="8:8">
      <c r="H296201" s="12"/>
    </row>
    <row r="296202" spans="8:8">
      <c r="H296202" s="12"/>
    </row>
    <row r="296203" spans="8:8">
      <c r="H296203" s="12"/>
    </row>
    <row r="296204" spans="8:8">
      <c r="H296204" s="12"/>
    </row>
    <row r="296205" spans="8:8">
      <c r="H296205" s="12"/>
    </row>
    <row r="296206" spans="8:8">
      <c r="H296206" s="12"/>
    </row>
    <row r="296207" spans="8:8">
      <c r="H296207" s="12"/>
    </row>
    <row r="296208" spans="8:8">
      <c r="H296208" s="12"/>
    </row>
    <row r="296209" spans="8:8">
      <c r="H296209" s="12"/>
    </row>
    <row r="296210" spans="8:8">
      <c r="H296210" s="12"/>
    </row>
    <row r="296211" spans="8:8">
      <c r="H296211" s="12"/>
    </row>
    <row r="296212" spans="8:8">
      <c r="H296212" s="12"/>
    </row>
    <row r="296213" spans="8:8">
      <c r="H296213" s="12"/>
    </row>
    <row r="296214" spans="8:8">
      <c r="H296214" s="12"/>
    </row>
    <row r="296215" spans="8:8">
      <c r="H296215" s="12"/>
    </row>
    <row r="296216" spans="8:8">
      <c r="H296216" s="12"/>
    </row>
    <row r="296217" spans="8:8">
      <c r="H296217" s="12"/>
    </row>
    <row r="296218" spans="8:8">
      <c r="H296218" s="12"/>
    </row>
    <row r="296219" spans="8:8">
      <c r="H296219" s="12"/>
    </row>
    <row r="296220" spans="8:8">
      <c r="H296220" s="12"/>
    </row>
    <row r="296221" spans="8:8">
      <c r="H296221" s="12"/>
    </row>
    <row r="296222" spans="8:8">
      <c r="H296222" s="12"/>
    </row>
    <row r="296223" spans="8:8">
      <c r="H296223" s="12"/>
    </row>
    <row r="296224" spans="8:8">
      <c r="H296224" s="12"/>
    </row>
    <row r="296225" spans="8:8">
      <c r="H296225" s="12"/>
    </row>
    <row r="296226" spans="8:8">
      <c r="H296226" s="12"/>
    </row>
    <row r="296227" spans="8:8">
      <c r="H296227" s="12"/>
    </row>
    <row r="296228" spans="8:8">
      <c r="H296228" s="12"/>
    </row>
    <row r="296229" spans="8:8">
      <c r="H296229" s="12"/>
    </row>
    <row r="296230" spans="8:8">
      <c r="H296230" s="12"/>
    </row>
    <row r="296231" spans="8:8">
      <c r="H296231" s="12"/>
    </row>
    <row r="296232" spans="8:8">
      <c r="H296232" s="12"/>
    </row>
    <row r="296233" spans="8:8">
      <c r="H296233" s="12"/>
    </row>
    <row r="296234" spans="8:8">
      <c r="H296234" s="12"/>
    </row>
    <row r="296235" spans="8:8">
      <c r="H296235" s="12"/>
    </row>
    <row r="296236" spans="8:8">
      <c r="H296236" s="12"/>
    </row>
    <row r="296237" spans="8:8">
      <c r="H296237" s="12"/>
    </row>
    <row r="296238" spans="8:8">
      <c r="H296238" s="12"/>
    </row>
    <row r="296239" spans="8:8">
      <c r="H296239" s="12"/>
    </row>
    <row r="296240" spans="8:8">
      <c r="H296240" s="12"/>
    </row>
    <row r="296241" spans="8:8">
      <c r="H296241" s="12"/>
    </row>
    <row r="296242" spans="8:8">
      <c r="H296242" s="12"/>
    </row>
    <row r="296243" spans="8:8">
      <c r="H296243" s="12"/>
    </row>
    <row r="296244" spans="8:8">
      <c r="H296244" s="12"/>
    </row>
    <row r="296245" spans="8:8">
      <c r="H296245" s="12"/>
    </row>
    <row r="296246" spans="8:8">
      <c r="H296246" s="12"/>
    </row>
    <row r="296247" spans="8:8">
      <c r="H296247" s="12"/>
    </row>
    <row r="296248" spans="8:8">
      <c r="H296248" s="12"/>
    </row>
    <row r="296249" spans="8:8">
      <c r="H296249" s="12"/>
    </row>
    <row r="296250" spans="8:8">
      <c r="H296250" s="12"/>
    </row>
    <row r="296251" spans="8:8">
      <c r="H296251" s="12"/>
    </row>
    <row r="296252" spans="8:8">
      <c r="H296252" s="12"/>
    </row>
    <row r="296253" spans="8:8">
      <c r="H296253" s="12"/>
    </row>
    <row r="296254" spans="8:8">
      <c r="H296254" s="12"/>
    </row>
    <row r="296255" spans="8:8">
      <c r="H296255" s="12"/>
    </row>
    <row r="296256" spans="8:8">
      <c r="H296256" s="12"/>
    </row>
    <row r="296257" spans="8:8">
      <c r="H296257" s="12"/>
    </row>
    <row r="296258" spans="8:8">
      <c r="H296258" s="12"/>
    </row>
    <row r="296259" spans="8:8">
      <c r="H296259" s="12"/>
    </row>
    <row r="296260" spans="8:8">
      <c r="H296260" s="12"/>
    </row>
    <row r="296261" spans="8:8">
      <c r="H296261" s="12"/>
    </row>
    <row r="296262" spans="8:8">
      <c r="H296262" s="12"/>
    </row>
    <row r="296263" spans="8:8">
      <c r="H296263" s="12"/>
    </row>
    <row r="296264" spans="8:8">
      <c r="H296264" s="12"/>
    </row>
    <row r="296265" spans="8:8">
      <c r="H296265" s="12"/>
    </row>
    <row r="296266" spans="8:8">
      <c r="H296266" s="12"/>
    </row>
    <row r="296267" spans="8:8">
      <c r="H296267" s="12"/>
    </row>
    <row r="296268" spans="8:8">
      <c r="H296268" s="12"/>
    </row>
    <row r="296269" spans="8:8">
      <c r="H296269" s="12"/>
    </row>
    <row r="296270" spans="8:8">
      <c r="H296270" s="12"/>
    </row>
    <row r="296271" spans="8:8">
      <c r="H296271" s="12"/>
    </row>
    <row r="296272" spans="8:8">
      <c r="H296272" s="12"/>
    </row>
    <row r="296273" spans="8:8">
      <c r="H296273" s="12"/>
    </row>
    <row r="296274" spans="8:8">
      <c r="H296274" s="12"/>
    </row>
    <row r="296275" spans="8:8">
      <c r="H296275" s="12"/>
    </row>
    <row r="296276" spans="8:8">
      <c r="H296276" s="12"/>
    </row>
    <row r="296277" spans="8:8">
      <c r="H296277" s="12"/>
    </row>
    <row r="296278" spans="8:8">
      <c r="H296278" s="12"/>
    </row>
    <row r="296279" spans="8:8">
      <c r="H296279" s="12"/>
    </row>
    <row r="296280" spans="8:8">
      <c r="H296280" s="12"/>
    </row>
    <row r="296281" spans="8:8">
      <c r="H296281" s="12"/>
    </row>
    <row r="296282" spans="8:8">
      <c r="H296282" s="12"/>
    </row>
    <row r="296283" spans="8:8">
      <c r="H296283" s="12"/>
    </row>
    <row r="296284" spans="8:8">
      <c r="H296284" s="12"/>
    </row>
    <row r="296285" spans="8:8">
      <c r="H296285" s="12"/>
    </row>
    <row r="296286" spans="8:8">
      <c r="H296286" s="12"/>
    </row>
    <row r="296287" spans="8:8">
      <c r="H296287" s="12"/>
    </row>
    <row r="296288" spans="8:8">
      <c r="H296288" s="12"/>
    </row>
    <row r="296289" spans="8:8">
      <c r="H296289" s="12"/>
    </row>
    <row r="296290" spans="8:8">
      <c r="H296290" s="12"/>
    </row>
    <row r="296291" spans="8:8">
      <c r="H296291" s="12"/>
    </row>
    <row r="296292" spans="8:8">
      <c r="H296292" s="12"/>
    </row>
    <row r="296293" spans="8:8">
      <c r="H296293" s="12"/>
    </row>
    <row r="296294" spans="8:8">
      <c r="H296294" s="12"/>
    </row>
    <row r="296295" spans="8:8">
      <c r="H296295" s="12"/>
    </row>
    <row r="296296" spans="8:8">
      <c r="H296296" s="12"/>
    </row>
    <row r="296297" spans="8:8">
      <c r="H296297" s="12"/>
    </row>
    <row r="296298" spans="8:8">
      <c r="H296298" s="12"/>
    </row>
    <row r="296299" spans="8:8">
      <c r="H296299" s="12"/>
    </row>
    <row r="296300" spans="8:8">
      <c r="H296300" s="12"/>
    </row>
    <row r="296301" spans="8:8">
      <c r="H296301" s="12"/>
    </row>
    <row r="296302" spans="8:8">
      <c r="H296302" s="12"/>
    </row>
    <row r="296303" spans="8:8">
      <c r="H296303" s="12"/>
    </row>
    <row r="296304" spans="8:8">
      <c r="H296304" s="12"/>
    </row>
    <row r="296305" spans="8:8">
      <c r="H296305" s="12"/>
    </row>
    <row r="296306" spans="8:8">
      <c r="H296306" s="12"/>
    </row>
    <row r="296307" spans="8:8">
      <c r="H296307" s="12"/>
    </row>
    <row r="296308" spans="8:8">
      <c r="H296308" s="12"/>
    </row>
    <row r="296309" spans="8:8">
      <c r="H296309" s="12"/>
    </row>
    <row r="296310" spans="8:8">
      <c r="H296310" s="12"/>
    </row>
    <row r="296311" spans="8:8">
      <c r="H296311" s="12"/>
    </row>
    <row r="296312" spans="8:8">
      <c r="H296312" s="12"/>
    </row>
    <row r="296313" spans="8:8">
      <c r="H296313" s="12"/>
    </row>
    <row r="296314" spans="8:8">
      <c r="H296314" s="12"/>
    </row>
    <row r="296315" spans="8:8">
      <c r="H296315" s="12"/>
    </row>
    <row r="296316" spans="8:8">
      <c r="H296316" s="12"/>
    </row>
    <row r="296317" spans="8:8">
      <c r="H296317" s="12"/>
    </row>
    <row r="296318" spans="8:8">
      <c r="H296318" s="12"/>
    </row>
    <row r="296319" spans="8:8">
      <c r="H296319" s="12"/>
    </row>
    <row r="296320" spans="8:8">
      <c r="H296320" s="12"/>
    </row>
    <row r="296321" spans="8:8">
      <c r="H296321" s="12"/>
    </row>
    <row r="296322" spans="8:8">
      <c r="H296322" s="12"/>
    </row>
    <row r="296323" spans="8:8">
      <c r="H296323" s="12"/>
    </row>
    <row r="296324" spans="8:8">
      <c r="H296324" s="12"/>
    </row>
    <row r="296325" spans="8:8">
      <c r="H296325" s="12"/>
    </row>
    <row r="296326" spans="8:8">
      <c r="H296326" s="12"/>
    </row>
    <row r="296327" spans="8:8">
      <c r="H296327" s="12"/>
    </row>
    <row r="296328" spans="8:8">
      <c r="H296328" s="12"/>
    </row>
    <row r="296329" spans="8:8">
      <c r="H296329" s="12"/>
    </row>
    <row r="296330" spans="8:8">
      <c r="H296330" s="12"/>
    </row>
    <row r="296331" spans="8:8">
      <c r="H296331" s="12"/>
    </row>
    <row r="296332" spans="8:8">
      <c r="H296332" s="12"/>
    </row>
    <row r="296333" spans="8:8">
      <c r="H296333" s="12"/>
    </row>
    <row r="296334" spans="8:8">
      <c r="H296334" s="12"/>
    </row>
    <row r="296335" spans="8:8">
      <c r="H296335" s="12"/>
    </row>
    <row r="296336" spans="8:8">
      <c r="H296336" s="12"/>
    </row>
    <row r="296337" spans="8:8">
      <c r="H296337" s="12"/>
    </row>
    <row r="296338" spans="8:8">
      <c r="H296338" s="12"/>
    </row>
    <row r="296339" spans="8:8">
      <c r="H296339" s="12"/>
    </row>
    <row r="296340" spans="8:8">
      <c r="H296340" s="12"/>
    </row>
    <row r="296341" spans="8:8">
      <c r="H296341" s="12"/>
    </row>
    <row r="296342" spans="8:8">
      <c r="H296342" s="12"/>
    </row>
    <row r="296343" spans="8:8">
      <c r="H296343" s="12"/>
    </row>
    <row r="296344" spans="8:8">
      <c r="H296344" s="12"/>
    </row>
    <row r="296345" spans="8:8">
      <c r="H296345" s="12"/>
    </row>
    <row r="296346" spans="8:8">
      <c r="H296346" s="12"/>
    </row>
    <row r="296347" spans="8:8">
      <c r="H296347" s="12"/>
    </row>
    <row r="296348" spans="8:8">
      <c r="H296348" s="12"/>
    </row>
    <row r="296349" spans="8:8">
      <c r="H296349" s="12"/>
    </row>
    <row r="296350" spans="8:8">
      <c r="H296350" s="12"/>
    </row>
    <row r="296351" spans="8:8">
      <c r="H296351" s="12"/>
    </row>
    <row r="296352" spans="8:8">
      <c r="H296352" s="12"/>
    </row>
    <row r="296353" spans="8:8">
      <c r="H296353" s="12"/>
    </row>
    <row r="296354" spans="8:8">
      <c r="H296354" s="12"/>
    </row>
    <row r="296355" spans="8:8">
      <c r="H296355" s="12"/>
    </row>
    <row r="296356" spans="8:8">
      <c r="H296356" s="12"/>
    </row>
    <row r="296357" spans="8:8">
      <c r="H296357" s="12"/>
    </row>
    <row r="296358" spans="8:8">
      <c r="H296358" s="12"/>
    </row>
    <row r="296359" spans="8:8">
      <c r="H296359" s="12"/>
    </row>
    <row r="296360" spans="8:8">
      <c r="H296360" s="12"/>
    </row>
    <row r="296361" spans="8:8">
      <c r="H296361" s="12"/>
    </row>
    <row r="296362" spans="8:8">
      <c r="H296362" s="12"/>
    </row>
    <row r="296363" spans="8:8">
      <c r="H296363" s="12"/>
    </row>
    <row r="296364" spans="8:8">
      <c r="H296364" s="12"/>
    </row>
    <row r="296365" spans="8:8">
      <c r="H296365" s="12"/>
    </row>
    <row r="296366" spans="8:8">
      <c r="H296366" s="12"/>
    </row>
    <row r="296367" spans="8:8">
      <c r="H296367" s="12"/>
    </row>
    <row r="296368" spans="8:8">
      <c r="H296368" s="12"/>
    </row>
    <row r="296369" spans="8:8">
      <c r="H296369" s="12"/>
    </row>
    <row r="296370" spans="8:8">
      <c r="H296370" s="12"/>
    </row>
    <row r="296371" spans="8:8">
      <c r="H296371" s="12"/>
    </row>
    <row r="296372" spans="8:8">
      <c r="H296372" s="12"/>
    </row>
    <row r="296373" spans="8:8">
      <c r="H296373" s="12"/>
    </row>
    <row r="296374" spans="8:8">
      <c r="H296374" s="12"/>
    </row>
    <row r="296375" spans="8:8">
      <c r="H296375" s="12"/>
    </row>
    <row r="296376" spans="8:8">
      <c r="H296376" s="12"/>
    </row>
    <row r="296377" spans="8:8">
      <c r="H296377" s="12"/>
    </row>
    <row r="296378" spans="8:8">
      <c r="H296378" s="12"/>
    </row>
    <row r="296379" spans="8:8">
      <c r="H296379" s="12"/>
    </row>
    <row r="296380" spans="8:8">
      <c r="H296380" s="12"/>
    </row>
    <row r="296381" spans="8:8">
      <c r="H296381" s="12"/>
    </row>
    <row r="296382" spans="8:8">
      <c r="H296382" s="12"/>
    </row>
    <row r="296383" spans="8:8">
      <c r="H296383" s="12"/>
    </row>
    <row r="296384" spans="8:8">
      <c r="H296384" s="12"/>
    </row>
    <row r="296385" spans="8:8">
      <c r="H296385" s="12"/>
    </row>
    <row r="296386" spans="8:8">
      <c r="H296386" s="12"/>
    </row>
    <row r="296387" spans="8:8">
      <c r="H296387" s="12"/>
    </row>
    <row r="296388" spans="8:8">
      <c r="H296388" s="12"/>
    </row>
    <row r="296389" spans="8:8">
      <c r="H296389" s="12"/>
    </row>
    <row r="296390" spans="8:8">
      <c r="H296390" s="12"/>
    </row>
    <row r="296391" spans="8:8">
      <c r="H296391" s="12"/>
    </row>
    <row r="296392" spans="8:8">
      <c r="H296392" s="12"/>
    </row>
    <row r="296393" spans="8:8">
      <c r="H296393" s="12"/>
    </row>
    <row r="296394" spans="8:8">
      <c r="H296394" s="12"/>
    </row>
    <row r="296395" spans="8:8">
      <c r="H296395" s="12"/>
    </row>
    <row r="296396" spans="8:8">
      <c r="H296396" s="12"/>
    </row>
    <row r="296397" spans="8:8">
      <c r="H296397" s="12"/>
    </row>
    <row r="296398" spans="8:8">
      <c r="H296398" s="12"/>
    </row>
    <row r="296399" spans="8:8">
      <c r="H296399" s="12"/>
    </row>
    <row r="296400" spans="8:8">
      <c r="H296400" s="12"/>
    </row>
    <row r="296401" spans="8:8">
      <c r="H296401" s="12"/>
    </row>
    <row r="296402" spans="8:8">
      <c r="H296402" s="12"/>
    </row>
    <row r="296403" spans="8:8">
      <c r="H296403" s="12"/>
    </row>
    <row r="296404" spans="8:8">
      <c r="H296404" s="12"/>
    </row>
    <row r="296405" spans="8:8">
      <c r="H296405" s="12"/>
    </row>
    <row r="296406" spans="8:8">
      <c r="H296406" s="12"/>
    </row>
    <row r="296407" spans="8:8">
      <c r="H296407" s="12"/>
    </row>
    <row r="296408" spans="8:8">
      <c r="H296408" s="12"/>
    </row>
    <row r="296409" spans="8:8">
      <c r="H296409" s="12"/>
    </row>
    <row r="296410" spans="8:8">
      <c r="H296410" s="12"/>
    </row>
    <row r="296411" spans="8:8">
      <c r="H296411" s="12"/>
    </row>
    <row r="296412" spans="8:8">
      <c r="H296412" s="12"/>
    </row>
    <row r="296413" spans="8:8">
      <c r="H296413" s="12"/>
    </row>
    <row r="296414" spans="8:8">
      <c r="H296414" s="12"/>
    </row>
    <row r="296415" spans="8:8">
      <c r="H296415" s="12"/>
    </row>
    <row r="296416" spans="8:8">
      <c r="H296416" s="12"/>
    </row>
    <row r="296417" spans="8:8">
      <c r="H296417" s="12"/>
    </row>
    <row r="296418" spans="8:8">
      <c r="H296418" s="12"/>
    </row>
    <row r="296419" spans="8:8">
      <c r="H296419" s="12"/>
    </row>
    <row r="296420" spans="8:8">
      <c r="H296420" s="12"/>
    </row>
    <row r="296421" spans="8:8">
      <c r="H296421" s="12"/>
    </row>
    <row r="296422" spans="8:8">
      <c r="H296422" s="12"/>
    </row>
    <row r="296423" spans="8:8">
      <c r="H296423" s="12"/>
    </row>
    <row r="296424" spans="8:8">
      <c r="H296424" s="12"/>
    </row>
    <row r="296425" spans="8:8">
      <c r="H296425" s="12"/>
    </row>
    <row r="296426" spans="8:8">
      <c r="H296426" s="12"/>
    </row>
    <row r="296427" spans="8:8">
      <c r="H296427" s="12"/>
    </row>
    <row r="296428" spans="8:8">
      <c r="H296428" s="12"/>
    </row>
    <row r="296429" spans="8:8">
      <c r="H296429" s="12"/>
    </row>
    <row r="296430" spans="8:8">
      <c r="H296430" s="12"/>
    </row>
    <row r="296431" spans="8:8">
      <c r="H296431" s="12"/>
    </row>
    <row r="296432" spans="8:8">
      <c r="H296432" s="12"/>
    </row>
    <row r="296433" spans="8:8">
      <c r="H296433" s="12"/>
    </row>
    <row r="296434" spans="8:8">
      <c r="H296434" s="12"/>
    </row>
    <row r="296435" spans="8:8">
      <c r="H296435" s="12"/>
    </row>
    <row r="296436" spans="8:8">
      <c r="H296436" s="12"/>
    </row>
    <row r="296437" spans="8:8">
      <c r="H296437" s="12"/>
    </row>
    <row r="296438" spans="8:8">
      <c r="H296438" s="12"/>
    </row>
    <row r="296439" spans="8:8">
      <c r="H296439" s="12"/>
    </row>
    <row r="296440" spans="8:8">
      <c r="H296440" s="12"/>
    </row>
    <row r="296441" spans="8:8">
      <c r="H296441" s="12"/>
    </row>
    <row r="296442" spans="8:8">
      <c r="H296442" s="12"/>
    </row>
    <row r="296443" spans="8:8">
      <c r="H296443" s="12"/>
    </row>
    <row r="296444" spans="8:8">
      <c r="H296444" s="12"/>
    </row>
    <row r="296445" spans="8:8">
      <c r="H296445" s="12"/>
    </row>
    <row r="296446" spans="8:8">
      <c r="H296446" s="12"/>
    </row>
    <row r="296447" spans="8:8">
      <c r="H296447" s="12"/>
    </row>
    <row r="296448" spans="8:8">
      <c r="H296448" s="12"/>
    </row>
    <row r="296449" spans="8:8">
      <c r="H296449" s="12"/>
    </row>
    <row r="296450" spans="8:8">
      <c r="H296450" s="12"/>
    </row>
    <row r="296451" spans="8:8">
      <c r="H296451" s="12"/>
    </row>
    <row r="296452" spans="8:8">
      <c r="H296452" s="12"/>
    </row>
    <row r="296453" spans="8:8">
      <c r="H296453" s="12"/>
    </row>
    <row r="296454" spans="8:8">
      <c r="H296454" s="12"/>
    </row>
    <row r="296455" spans="8:8">
      <c r="H296455" s="12"/>
    </row>
    <row r="296456" spans="8:8">
      <c r="H296456" s="12"/>
    </row>
    <row r="296457" spans="8:8">
      <c r="H296457" s="12"/>
    </row>
    <row r="296458" spans="8:8">
      <c r="H296458" s="12"/>
    </row>
    <row r="296459" spans="8:8">
      <c r="H296459" s="12"/>
    </row>
    <row r="296460" spans="8:8">
      <c r="H296460" s="12"/>
    </row>
    <row r="296461" spans="8:8">
      <c r="H296461" s="12"/>
    </row>
    <row r="296462" spans="8:8">
      <c r="H296462" s="12"/>
    </row>
    <row r="296463" spans="8:8">
      <c r="H296463" s="12"/>
    </row>
    <row r="296464" spans="8:8">
      <c r="H296464" s="12"/>
    </row>
    <row r="296465" spans="8:8">
      <c r="H296465" s="12"/>
    </row>
    <row r="296466" spans="8:8">
      <c r="H296466" s="12"/>
    </row>
    <row r="296467" spans="8:8">
      <c r="H296467" s="12"/>
    </row>
    <row r="296468" spans="8:8">
      <c r="H296468" s="12"/>
    </row>
    <row r="296469" spans="8:8">
      <c r="H296469" s="12"/>
    </row>
    <row r="296470" spans="8:8">
      <c r="H296470" s="12"/>
    </row>
    <row r="296471" spans="8:8">
      <c r="H296471" s="12"/>
    </row>
    <row r="296472" spans="8:8">
      <c r="H296472" s="12"/>
    </row>
    <row r="296473" spans="8:8">
      <c r="H296473" s="12"/>
    </row>
    <row r="296474" spans="8:8">
      <c r="H296474" s="12"/>
    </row>
    <row r="296475" spans="8:8">
      <c r="H296475" s="12"/>
    </row>
    <row r="296476" spans="8:8">
      <c r="H296476" s="12"/>
    </row>
    <row r="296477" spans="8:8">
      <c r="H296477" s="12"/>
    </row>
    <row r="296478" spans="8:8">
      <c r="H296478" s="12"/>
    </row>
    <row r="296479" spans="8:8">
      <c r="H296479" s="12"/>
    </row>
    <row r="296480" spans="8:8">
      <c r="H296480" s="12"/>
    </row>
    <row r="296481" spans="8:8">
      <c r="H296481" s="12"/>
    </row>
    <row r="296482" spans="8:8">
      <c r="H296482" s="12"/>
    </row>
    <row r="296483" spans="8:8">
      <c r="H296483" s="12"/>
    </row>
    <row r="296484" spans="8:8">
      <c r="H296484" s="12"/>
    </row>
    <row r="296485" spans="8:8">
      <c r="H296485" s="12"/>
    </row>
    <row r="296486" spans="8:8">
      <c r="H296486" s="12"/>
    </row>
    <row r="296487" spans="8:8">
      <c r="H296487" s="12"/>
    </row>
    <row r="296488" spans="8:8">
      <c r="H296488" s="12"/>
    </row>
    <row r="296489" spans="8:8">
      <c r="H296489" s="12"/>
    </row>
    <row r="296490" spans="8:8">
      <c r="H296490" s="12"/>
    </row>
    <row r="296491" spans="8:8">
      <c r="H296491" s="12"/>
    </row>
    <row r="296492" spans="8:8">
      <c r="H296492" s="12"/>
    </row>
    <row r="296493" spans="8:8">
      <c r="H296493" s="12"/>
    </row>
    <row r="296494" spans="8:8">
      <c r="H296494" s="12"/>
    </row>
    <row r="296495" spans="8:8">
      <c r="H296495" s="12"/>
    </row>
    <row r="296496" spans="8:8">
      <c r="H296496" s="12"/>
    </row>
    <row r="296497" spans="8:8">
      <c r="H296497" s="12"/>
    </row>
    <row r="296498" spans="8:8">
      <c r="H296498" s="12"/>
    </row>
    <row r="296499" spans="8:8">
      <c r="H296499" s="12"/>
    </row>
    <row r="296500" spans="8:8">
      <c r="H296500" s="12"/>
    </row>
    <row r="296501" spans="8:8">
      <c r="H296501" s="12"/>
    </row>
    <row r="296502" spans="8:8">
      <c r="H296502" s="12"/>
    </row>
    <row r="296503" spans="8:8">
      <c r="H296503" s="12"/>
    </row>
    <row r="296504" spans="8:8">
      <c r="H296504" s="12"/>
    </row>
    <row r="296505" spans="8:8">
      <c r="H296505" s="12"/>
    </row>
    <row r="296506" spans="8:8">
      <c r="H296506" s="12"/>
    </row>
    <row r="296507" spans="8:8">
      <c r="H296507" s="12"/>
    </row>
    <row r="296508" spans="8:8">
      <c r="H296508" s="12"/>
    </row>
    <row r="296509" spans="8:8">
      <c r="H296509" s="12"/>
    </row>
    <row r="296510" spans="8:8">
      <c r="H296510" s="12"/>
    </row>
    <row r="296511" spans="8:8">
      <c r="H296511" s="12"/>
    </row>
    <row r="296512" spans="8:8">
      <c r="H296512" s="12"/>
    </row>
    <row r="296513" spans="8:8">
      <c r="H296513" s="12"/>
    </row>
    <row r="296514" spans="8:8">
      <c r="H296514" s="12"/>
    </row>
    <row r="296515" spans="8:8">
      <c r="H296515" s="12"/>
    </row>
    <row r="296516" spans="8:8">
      <c r="H296516" s="12"/>
    </row>
    <row r="296517" spans="8:8">
      <c r="H296517" s="12"/>
    </row>
    <row r="296518" spans="8:8">
      <c r="H296518" s="12"/>
    </row>
    <row r="296519" spans="8:8">
      <c r="H296519" s="12"/>
    </row>
    <row r="296520" spans="8:8">
      <c r="H296520" s="12"/>
    </row>
    <row r="296521" spans="8:8">
      <c r="H296521" s="12"/>
    </row>
    <row r="296522" spans="8:8">
      <c r="H296522" s="12"/>
    </row>
    <row r="296523" spans="8:8">
      <c r="H296523" s="12"/>
    </row>
    <row r="296524" spans="8:8">
      <c r="H296524" s="12"/>
    </row>
    <row r="296525" spans="8:8">
      <c r="H296525" s="12"/>
    </row>
    <row r="296526" spans="8:8">
      <c r="H296526" s="12"/>
    </row>
    <row r="296527" spans="8:8">
      <c r="H296527" s="12"/>
    </row>
    <row r="296528" spans="8:8">
      <c r="H296528" s="12"/>
    </row>
    <row r="296529" spans="8:8">
      <c r="H296529" s="12"/>
    </row>
    <row r="296530" spans="8:8">
      <c r="H296530" s="12"/>
    </row>
    <row r="296531" spans="8:8">
      <c r="H296531" s="12"/>
    </row>
    <row r="296532" spans="8:8">
      <c r="H296532" s="12"/>
    </row>
    <row r="296533" spans="8:8">
      <c r="H296533" s="12"/>
    </row>
    <row r="296534" spans="8:8">
      <c r="H296534" s="12"/>
    </row>
    <row r="296535" spans="8:8">
      <c r="H296535" s="12"/>
    </row>
    <row r="296536" spans="8:8">
      <c r="H296536" s="12"/>
    </row>
    <row r="296537" spans="8:8">
      <c r="H296537" s="12"/>
    </row>
    <row r="296538" spans="8:8">
      <c r="H296538" s="12"/>
    </row>
    <row r="296539" spans="8:8">
      <c r="H296539" s="12"/>
    </row>
    <row r="296540" spans="8:8">
      <c r="H296540" s="12"/>
    </row>
    <row r="296541" spans="8:8">
      <c r="H296541" s="12"/>
    </row>
    <row r="296542" spans="8:8">
      <c r="H296542" s="12"/>
    </row>
    <row r="296543" spans="8:8">
      <c r="H296543" s="12"/>
    </row>
    <row r="296544" spans="8:8">
      <c r="H296544" s="12"/>
    </row>
    <row r="296545" spans="8:8">
      <c r="H296545" s="12"/>
    </row>
    <row r="296546" spans="8:8">
      <c r="H296546" s="12"/>
    </row>
    <row r="296547" spans="8:8">
      <c r="H296547" s="12"/>
    </row>
    <row r="296548" spans="8:8">
      <c r="H296548" s="12"/>
    </row>
    <row r="296549" spans="8:8">
      <c r="H296549" s="12"/>
    </row>
    <row r="296550" spans="8:8">
      <c r="H296550" s="12"/>
    </row>
    <row r="296551" spans="8:8">
      <c r="H296551" s="12"/>
    </row>
    <row r="296552" spans="8:8">
      <c r="H296552" s="12"/>
    </row>
    <row r="296553" spans="8:8">
      <c r="H296553" s="12"/>
    </row>
    <row r="296554" spans="8:8">
      <c r="H296554" s="12"/>
    </row>
    <row r="296555" spans="8:8">
      <c r="H296555" s="12"/>
    </row>
    <row r="296556" spans="8:8">
      <c r="H296556" s="12"/>
    </row>
    <row r="296557" spans="8:8">
      <c r="H296557" s="12"/>
    </row>
    <row r="296558" spans="8:8">
      <c r="H296558" s="12"/>
    </row>
    <row r="296559" spans="8:8">
      <c r="H296559" s="12"/>
    </row>
    <row r="296560" spans="8:8">
      <c r="H296560" s="12"/>
    </row>
    <row r="296561" spans="8:8">
      <c r="H296561" s="12"/>
    </row>
    <row r="296562" spans="8:8">
      <c r="H296562" s="12"/>
    </row>
    <row r="296563" spans="8:8">
      <c r="H296563" s="12"/>
    </row>
    <row r="296564" spans="8:8">
      <c r="H296564" s="12"/>
    </row>
    <row r="296565" spans="8:8">
      <c r="H296565" s="12"/>
    </row>
    <row r="296566" spans="8:8">
      <c r="H296566" s="12"/>
    </row>
    <row r="296567" spans="8:8">
      <c r="H296567" s="12"/>
    </row>
    <row r="296568" spans="8:8">
      <c r="H296568" s="12"/>
    </row>
    <row r="296569" spans="8:8">
      <c r="H296569" s="12"/>
    </row>
    <row r="296570" spans="8:8">
      <c r="H296570" s="12"/>
    </row>
    <row r="296571" spans="8:8">
      <c r="H296571" s="12"/>
    </row>
    <row r="296572" spans="8:8">
      <c r="H296572" s="12"/>
    </row>
    <row r="296573" spans="8:8">
      <c r="H296573" s="12"/>
    </row>
    <row r="296574" spans="8:8">
      <c r="H296574" s="12"/>
    </row>
    <row r="296575" spans="8:8">
      <c r="H296575" s="12"/>
    </row>
    <row r="296576" spans="8:8">
      <c r="H296576" s="12"/>
    </row>
    <row r="296577" spans="8:8">
      <c r="H296577" s="12"/>
    </row>
    <row r="296578" spans="8:8">
      <c r="H296578" s="12"/>
    </row>
    <row r="296579" spans="8:8">
      <c r="H296579" s="12"/>
    </row>
    <row r="296580" spans="8:8">
      <c r="H296580" s="12"/>
    </row>
    <row r="296581" spans="8:8">
      <c r="H296581" s="12"/>
    </row>
    <row r="296582" spans="8:8">
      <c r="H296582" s="12"/>
    </row>
    <row r="296583" spans="8:8">
      <c r="H296583" s="12"/>
    </row>
    <row r="296584" spans="8:8">
      <c r="H296584" s="12"/>
    </row>
    <row r="296585" spans="8:8">
      <c r="H296585" s="12"/>
    </row>
    <row r="296586" spans="8:8">
      <c r="H296586" s="12"/>
    </row>
    <row r="296587" spans="8:8">
      <c r="H296587" s="12"/>
    </row>
    <row r="296588" spans="8:8">
      <c r="H296588" s="12"/>
    </row>
    <row r="296589" spans="8:8">
      <c r="H296589" s="12"/>
    </row>
    <row r="296590" spans="8:8">
      <c r="H296590" s="12"/>
    </row>
    <row r="296591" spans="8:8">
      <c r="H296591" s="12"/>
    </row>
    <row r="296592" spans="8:8">
      <c r="H296592" s="12"/>
    </row>
    <row r="296593" spans="8:8">
      <c r="H296593" s="12"/>
    </row>
    <row r="296594" spans="8:8">
      <c r="H296594" s="12"/>
    </row>
    <row r="296595" spans="8:8">
      <c r="H296595" s="12"/>
    </row>
    <row r="296596" spans="8:8">
      <c r="H296596" s="12"/>
    </row>
    <row r="296597" spans="8:8">
      <c r="H296597" s="12"/>
    </row>
    <row r="296598" spans="8:8">
      <c r="H296598" s="12"/>
    </row>
    <row r="296599" spans="8:8">
      <c r="H296599" s="12"/>
    </row>
    <row r="296600" spans="8:8">
      <c r="H296600" s="12"/>
    </row>
    <row r="296601" spans="8:8">
      <c r="H296601" s="12"/>
    </row>
    <row r="296602" spans="8:8">
      <c r="H296602" s="12"/>
    </row>
    <row r="296603" spans="8:8">
      <c r="H296603" s="12"/>
    </row>
    <row r="296604" spans="8:8">
      <c r="H296604" s="12"/>
    </row>
    <row r="296605" spans="8:8">
      <c r="H296605" s="12"/>
    </row>
    <row r="296606" spans="8:8">
      <c r="H296606" s="12"/>
    </row>
    <row r="296607" spans="8:8">
      <c r="H296607" s="12"/>
    </row>
    <row r="296608" spans="8:8">
      <c r="H296608" s="12"/>
    </row>
    <row r="296609" spans="8:8">
      <c r="H296609" s="12"/>
    </row>
    <row r="296610" spans="8:8">
      <c r="H296610" s="12"/>
    </row>
    <row r="296611" spans="8:8">
      <c r="H296611" s="12"/>
    </row>
    <row r="296612" spans="8:8">
      <c r="H296612" s="12"/>
    </row>
    <row r="296613" spans="8:8">
      <c r="H296613" s="12"/>
    </row>
    <row r="296614" spans="8:8">
      <c r="H296614" s="12"/>
    </row>
    <row r="296615" spans="8:8">
      <c r="H296615" s="12"/>
    </row>
    <row r="296616" spans="8:8">
      <c r="H296616" s="12"/>
    </row>
    <row r="296617" spans="8:8">
      <c r="H296617" s="12"/>
    </row>
    <row r="296618" spans="8:8">
      <c r="H296618" s="12"/>
    </row>
    <row r="296619" spans="8:8">
      <c r="H296619" s="12"/>
    </row>
    <row r="296620" spans="8:8">
      <c r="H296620" s="12"/>
    </row>
    <row r="296621" spans="8:8">
      <c r="H296621" s="12"/>
    </row>
    <row r="296622" spans="8:8">
      <c r="H296622" s="12"/>
    </row>
    <row r="296623" spans="8:8">
      <c r="H296623" s="12"/>
    </row>
    <row r="296624" spans="8:8">
      <c r="H296624" s="12"/>
    </row>
    <row r="296625" spans="8:8">
      <c r="H296625" s="12"/>
    </row>
    <row r="296626" spans="8:8">
      <c r="H296626" s="12"/>
    </row>
    <row r="296627" spans="8:8">
      <c r="H296627" s="12"/>
    </row>
    <row r="296628" spans="8:8">
      <c r="H296628" s="12"/>
    </row>
    <row r="296629" spans="8:8">
      <c r="H296629" s="12"/>
    </row>
    <row r="296630" spans="8:8">
      <c r="H296630" s="12"/>
    </row>
    <row r="296631" spans="8:8">
      <c r="H296631" s="12"/>
    </row>
    <row r="296632" spans="8:8">
      <c r="H296632" s="12"/>
    </row>
    <row r="296633" spans="8:8">
      <c r="H296633" s="12"/>
    </row>
    <row r="296634" spans="8:8">
      <c r="H296634" s="12"/>
    </row>
    <row r="296635" spans="8:8">
      <c r="H296635" s="12"/>
    </row>
    <row r="296636" spans="8:8">
      <c r="H296636" s="12"/>
    </row>
    <row r="296637" spans="8:8">
      <c r="H296637" s="12"/>
    </row>
    <row r="296638" spans="8:8">
      <c r="H296638" s="12"/>
    </row>
    <row r="296639" spans="8:8">
      <c r="H296639" s="12"/>
    </row>
    <row r="296640" spans="8:8">
      <c r="H296640" s="12"/>
    </row>
    <row r="296641" spans="8:8">
      <c r="H296641" s="12"/>
    </row>
    <row r="296642" spans="8:8">
      <c r="H296642" s="12"/>
    </row>
    <row r="296643" spans="8:8">
      <c r="H296643" s="12"/>
    </row>
    <row r="296644" spans="8:8">
      <c r="H296644" s="12"/>
    </row>
    <row r="296645" spans="8:8">
      <c r="H296645" s="12"/>
    </row>
    <row r="296646" spans="8:8">
      <c r="H296646" s="12"/>
    </row>
    <row r="296647" spans="8:8">
      <c r="H296647" s="12"/>
    </row>
    <row r="296648" spans="8:8">
      <c r="H296648" s="12"/>
    </row>
    <row r="296649" spans="8:8">
      <c r="H296649" s="12"/>
    </row>
    <row r="296650" spans="8:8">
      <c r="H296650" s="12"/>
    </row>
    <row r="296651" spans="8:8">
      <c r="H296651" s="12"/>
    </row>
    <row r="296652" spans="8:8">
      <c r="H296652" s="12"/>
    </row>
    <row r="296653" spans="8:8">
      <c r="H296653" s="12"/>
    </row>
    <row r="296654" spans="8:8">
      <c r="H296654" s="12"/>
    </row>
    <row r="296655" spans="8:8">
      <c r="H296655" s="12"/>
    </row>
    <row r="296656" spans="8:8">
      <c r="H296656" s="12"/>
    </row>
    <row r="296657" spans="8:8">
      <c r="H296657" s="12"/>
    </row>
    <row r="296658" spans="8:8">
      <c r="H296658" s="12"/>
    </row>
    <row r="296659" spans="8:8">
      <c r="H296659" s="12"/>
    </row>
    <row r="296660" spans="8:8">
      <c r="H296660" s="12"/>
    </row>
    <row r="296661" spans="8:8">
      <c r="H296661" s="12"/>
    </row>
    <row r="296662" spans="8:8">
      <c r="H296662" s="12"/>
    </row>
    <row r="296663" spans="8:8">
      <c r="H296663" s="12"/>
    </row>
    <row r="296664" spans="8:8">
      <c r="H296664" s="12"/>
    </row>
    <row r="296665" spans="8:8">
      <c r="H296665" s="12"/>
    </row>
    <row r="296666" spans="8:8">
      <c r="H296666" s="12"/>
    </row>
    <row r="296667" spans="8:8">
      <c r="H296667" s="12"/>
    </row>
    <row r="296668" spans="8:8">
      <c r="H296668" s="12"/>
    </row>
    <row r="296669" spans="8:8">
      <c r="H296669" s="12"/>
    </row>
    <row r="296670" spans="8:8">
      <c r="H296670" s="12"/>
    </row>
    <row r="296671" spans="8:8">
      <c r="H296671" s="12"/>
    </row>
    <row r="296672" spans="8:8">
      <c r="H296672" s="12"/>
    </row>
    <row r="296673" spans="8:8">
      <c r="H296673" s="12"/>
    </row>
    <row r="296674" spans="8:8">
      <c r="H296674" s="12"/>
    </row>
    <row r="296675" spans="8:8">
      <c r="H296675" s="12"/>
    </row>
    <row r="296676" spans="8:8">
      <c r="H296676" s="12"/>
    </row>
    <row r="296677" spans="8:8">
      <c r="H296677" s="12"/>
    </row>
    <row r="296678" spans="8:8">
      <c r="H296678" s="12"/>
    </row>
    <row r="296679" spans="8:8">
      <c r="H296679" s="12"/>
    </row>
    <row r="296680" spans="8:8">
      <c r="H296680" s="12"/>
    </row>
    <row r="296681" spans="8:8">
      <c r="H296681" s="12"/>
    </row>
    <row r="296682" spans="8:8">
      <c r="H296682" s="12"/>
    </row>
    <row r="296683" spans="8:8">
      <c r="H296683" s="12"/>
    </row>
    <row r="296684" spans="8:8">
      <c r="H296684" s="12"/>
    </row>
    <row r="296685" spans="8:8">
      <c r="H296685" s="12"/>
    </row>
    <row r="296686" spans="8:8">
      <c r="H296686" s="12"/>
    </row>
    <row r="296687" spans="8:8">
      <c r="H296687" s="12"/>
    </row>
    <row r="296688" spans="8:8">
      <c r="H296688" s="12"/>
    </row>
    <row r="296689" spans="8:8">
      <c r="H296689" s="12"/>
    </row>
    <row r="296690" spans="8:8">
      <c r="H296690" s="12"/>
    </row>
    <row r="296691" spans="8:8">
      <c r="H296691" s="12"/>
    </row>
    <row r="296692" spans="8:8">
      <c r="H296692" s="12"/>
    </row>
    <row r="296693" spans="8:8">
      <c r="H296693" s="12"/>
    </row>
    <row r="296694" spans="8:8">
      <c r="H296694" s="12"/>
    </row>
    <row r="296695" spans="8:8">
      <c r="H296695" s="12"/>
    </row>
    <row r="296696" spans="8:8">
      <c r="H296696" s="12"/>
    </row>
    <row r="296697" spans="8:8">
      <c r="H296697" s="12"/>
    </row>
    <row r="296698" spans="8:8">
      <c r="H296698" s="12"/>
    </row>
    <row r="296699" spans="8:8">
      <c r="H296699" s="12"/>
    </row>
    <row r="296700" spans="8:8">
      <c r="H296700" s="12"/>
    </row>
    <row r="296701" spans="8:8">
      <c r="H296701" s="12"/>
    </row>
    <row r="296702" spans="8:8">
      <c r="H296702" s="12"/>
    </row>
    <row r="296703" spans="8:8">
      <c r="H296703" s="12"/>
    </row>
    <row r="296704" spans="8:8">
      <c r="H296704" s="12"/>
    </row>
    <row r="296705" spans="8:8">
      <c r="H296705" s="12"/>
    </row>
    <row r="296706" spans="8:8">
      <c r="H296706" s="12"/>
    </row>
    <row r="296707" spans="8:8">
      <c r="H296707" s="12"/>
    </row>
    <row r="296708" spans="8:8">
      <c r="H296708" s="12"/>
    </row>
    <row r="296709" spans="8:8">
      <c r="H296709" s="12"/>
    </row>
    <row r="296710" spans="8:8">
      <c r="H296710" s="12"/>
    </row>
    <row r="296711" spans="8:8">
      <c r="H296711" s="12"/>
    </row>
    <row r="296712" spans="8:8">
      <c r="H296712" s="12"/>
    </row>
    <row r="296713" spans="8:8">
      <c r="H296713" s="12"/>
    </row>
    <row r="296714" spans="8:8">
      <c r="H296714" s="12"/>
    </row>
    <row r="296715" spans="8:8">
      <c r="H296715" s="12"/>
    </row>
    <row r="296716" spans="8:8">
      <c r="H296716" s="12"/>
    </row>
    <row r="296717" spans="8:8">
      <c r="H296717" s="12"/>
    </row>
    <row r="296718" spans="8:8">
      <c r="H296718" s="12"/>
    </row>
    <row r="296719" spans="8:8">
      <c r="H296719" s="12"/>
    </row>
    <row r="296720" spans="8:8">
      <c r="H296720" s="12"/>
    </row>
    <row r="296721" spans="8:8">
      <c r="H296721" s="12"/>
    </row>
    <row r="296722" spans="8:8">
      <c r="H296722" s="12"/>
    </row>
    <row r="296723" spans="8:8">
      <c r="H296723" s="12"/>
    </row>
    <row r="296724" spans="8:8">
      <c r="H296724" s="12"/>
    </row>
    <row r="296725" spans="8:8">
      <c r="H296725" s="12"/>
    </row>
    <row r="296726" spans="8:8">
      <c r="H296726" s="12"/>
    </row>
    <row r="296727" spans="8:8">
      <c r="H296727" s="12"/>
    </row>
    <row r="296728" spans="8:8">
      <c r="H296728" s="12"/>
    </row>
    <row r="296729" spans="8:8">
      <c r="H296729" s="12"/>
    </row>
    <row r="296730" spans="8:8">
      <c r="H296730" s="12"/>
    </row>
    <row r="296731" spans="8:8">
      <c r="H296731" s="12"/>
    </row>
    <row r="296732" spans="8:8">
      <c r="H296732" s="12"/>
    </row>
    <row r="296733" spans="8:8">
      <c r="H296733" s="12"/>
    </row>
    <row r="296734" spans="8:8">
      <c r="H296734" s="12"/>
    </row>
    <row r="296735" spans="8:8">
      <c r="H296735" s="12"/>
    </row>
    <row r="296736" spans="8:8">
      <c r="H296736" s="12"/>
    </row>
    <row r="296737" spans="8:8">
      <c r="H296737" s="12"/>
    </row>
    <row r="296738" spans="8:8">
      <c r="H296738" s="12"/>
    </row>
    <row r="296739" spans="8:8">
      <c r="H296739" s="12"/>
    </row>
    <row r="296740" spans="8:8">
      <c r="H296740" s="12"/>
    </row>
    <row r="296741" spans="8:8">
      <c r="H296741" s="12"/>
    </row>
    <row r="296742" spans="8:8">
      <c r="H296742" s="12"/>
    </row>
    <row r="296743" spans="8:8">
      <c r="H296743" s="12"/>
    </row>
    <row r="296744" spans="8:8">
      <c r="H296744" s="12"/>
    </row>
    <row r="296745" spans="8:8">
      <c r="H296745" s="12"/>
    </row>
    <row r="296746" spans="8:8">
      <c r="H296746" s="12"/>
    </row>
    <row r="296747" spans="8:8">
      <c r="H296747" s="12"/>
    </row>
    <row r="296748" spans="8:8">
      <c r="H296748" s="12"/>
    </row>
    <row r="296749" spans="8:8">
      <c r="H296749" s="12"/>
    </row>
    <row r="296750" spans="8:8">
      <c r="H296750" s="12"/>
    </row>
    <row r="296751" spans="8:8">
      <c r="H296751" s="12"/>
    </row>
    <row r="296752" spans="8:8">
      <c r="H296752" s="12"/>
    </row>
    <row r="296753" spans="8:8">
      <c r="H296753" s="12"/>
    </row>
    <row r="296754" spans="8:8">
      <c r="H296754" s="12"/>
    </row>
    <row r="296755" spans="8:8">
      <c r="H296755" s="12"/>
    </row>
    <row r="296756" spans="8:8">
      <c r="H296756" s="12"/>
    </row>
    <row r="296757" spans="8:8">
      <c r="H296757" s="12"/>
    </row>
    <row r="296758" spans="8:8">
      <c r="H296758" s="12"/>
    </row>
    <row r="296759" spans="8:8">
      <c r="H296759" s="12"/>
    </row>
    <row r="296760" spans="8:8">
      <c r="H296760" s="12"/>
    </row>
    <row r="296761" spans="8:8">
      <c r="H296761" s="12"/>
    </row>
    <row r="296762" spans="8:8">
      <c r="H296762" s="12"/>
    </row>
    <row r="296763" spans="8:8">
      <c r="H296763" s="12"/>
    </row>
    <row r="296764" spans="8:8">
      <c r="H296764" s="12"/>
    </row>
    <row r="296765" spans="8:8">
      <c r="H296765" s="12"/>
    </row>
    <row r="296766" spans="8:8">
      <c r="H296766" s="12"/>
    </row>
    <row r="296767" spans="8:8">
      <c r="H296767" s="12"/>
    </row>
    <row r="296768" spans="8:8">
      <c r="H296768" s="12"/>
    </row>
    <row r="296769" spans="8:8">
      <c r="H296769" s="12"/>
    </row>
    <row r="296770" spans="8:8">
      <c r="H296770" s="12"/>
    </row>
    <row r="296771" spans="8:8">
      <c r="H296771" s="12"/>
    </row>
    <row r="296772" spans="8:8">
      <c r="H296772" s="12"/>
    </row>
    <row r="296773" spans="8:8">
      <c r="H296773" s="12"/>
    </row>
    <row r="296774" spans="8:8">
      <c r="H296774" s="12"/>
    </row>
    <row r="296775" spans="8:8">
      <c r="H296775" s="12"/>
    </row>
    <row r="296776" spans="8:8">
      <c r="H296776" s="12"/>
    </row>
    <row r="296777" spans="8:8">
      <c r="H296777" s="12"/>
    </row>
    <row r="296778" spans="8:8">
      <c r="H296778" s="12"/>
    </row>
    <row r="296779" spans="8:8">
      <c r="H296779" s="12"/>
    </row>
    <row r="296780" spans="8:8">
      <c r="H296780" s="12"/>
    </row>
    <row r="296781" spans="8:8">
      <c r="H296781" s="12"/>
    </row>
    <row r="296782" spans="8:8">
      <c r="H296782" s="12"/>
    </row>
    <row r="296783" spans="8:8">
      <c r="H296783" s="12"/>
    </row>
    <row r="296784" spans="8:8">
      <c r="H296784" s="12"/>
    </row>
    <row r="296785" spans="8:8">
      <c r="H296785" s="12"/>
    </row>
    <row r="296786" spans="8:8">
      <c r="H296786" s="12"/>
    </row>
    <row r="296787" spans="8:8">
      <c r="H296787" s="12"/>
    </row>
    <row r="296788" spans="8:8">
      <c r="H296788" s="12"/>
    </row>
    <row r="296789" spans="8:8">
      <c r="H296789" s="12"/>
    </row>
    <row r="296790" spans="8:8">
      <c r="H296790" s="12"/>
    </row>
    <row r="296791" spans="8:8">
      <c r="H296791" s="12"/>
    </row>
    <row r="296792" spans="8:8">
      <c r="H296792" s="12"/>
    </row>
    <row r="296793" spans="8:8">
      <c r="H296793" s="12"/>
    </row>
    <row r="296794" spans="8:8">
      <c r="H296794" s="12"/>
    </row>
    <row r="296795" spans="8:8">
      <c r="H296795" s="12"/>
    </row>
    <row r="296796" spans="8:8">
      <c r="H296796" s="12"/>
    </row>
    <row r="296797" spans="8:8">
      <c r="H296797" s="12"/>
    </row>
    <row r="296798" spans="8:8">
      <c r="H296798" s="12"/>
    </row>
    <row r="296799" spans="8:8">
      <c r="H296799" s="12"/>
    </row>
    <row r="296800" spans="8:8">
      <c r="H296800" s="12"/>
    </row>
    <row r="296801" spans="8:8">
      <c r="H296801" s="12"/>
    </row>
    <row r="296802" spans="8:8">
      <c r="H296802" s="12"/>
    </row>
    <row r="296803" spans="8:8">
      <c r="H296803" s="12"/>
    </row>
    <row r="296804" spans="8:8">
      <c r="H296804" s="12"/>
    </row>
    <row r="296805" spans="8:8">
      <c r="H296805" s="12"/>
    </row>
    <row r="296806" spans="8:8">
      <c r="H296806" s="12"/>
    </row>
    <row r="296807" spans="8:8">
      <c r="H296807" s="12"/>
    </row>
    <row r="296808" spans="8:8">
      <c r="H296808" s="12"/>
    </row>
    <row r="296809" spans="8:8">
      <c r="H296809" s="12"/>
    </row>
    <row r="296810" spans="8:8">
      <c r="H296810" s="12"/>
    </row>
    <row r="296811" spans="8:8">
      <c r="H296811" s="12"/>
    </row>
    <row r="296812" spans="8:8">
      <c r="H296812" s="12"/>
    </row>
    <row r="296813" spans="8:8">
      <c r="H296813" s="12"/>
    </row>
    <row r="296814" spans="8:8">
      <c r="H296814" s="12"/>
    </row>
    <row r="296815" spans="8:8">
      <c r="H296815" s="12"/>
    </row>
    <row r="296816" spans="8:8">
      <c r="H296816" s="12"/>
    </row>
    <row r="296817" spans="8:8">
      <c r="H296817" s="12"/>
    </row>
    <row r="296818" spans="8:8">
      <c r="H296818" s="12"/>
    </row>
    <row r="296819" spans="8:8">
      <c r="H296819" s="12"/>
    </row>
    <row r="296820" spans="8:8">
      <c r="H296820" s="12"/>
    </row>
    <row r="296821" spans="8:8">
      <c r="H296821" s="12"/>
    </row>
    <row r="296822" spans="8:8">
      <c r="H296822" s="12"/>
    </row>
    <row r="296823" spans="8:8">
      <c r="H296823" s="12"/>
    </row>
    <row r="296824" spans="8:8">
      <c r="H296824" s="12"/>
    </row>
    <row r="296825" spans="8:8">
      <c r="H296825" s="12"/>
    </row>
    <row r="296826" spans="8:8">
      <c r="H296826" s="12"/>
    </row>
    <row r="296827" spans="8:8">
      <c r="H296827" s="12"/>
    </row>
    <row r="296828" spans="8:8">
      <c r="H296828" s="12"/>
    </row>
    <row r="296829" spans="8:8">
      <c r="H296829" s="12"/>
    </row>
    <row r="296830" spans="8:8">
      <c r="H296830" s="12"/>
    </row>
    <row r="296831" spans="8:8">
      <c r="H296831" s="12"/>
    </row>
    <row r="296832" spans="8:8">
      <c r="H296832" s="12"/>
    </row>
    <row r="296833" spans="8:8">
      <c r="H296833" s="12"/>
    </row>
    <row r="296834" spans="8:8">
      <c r="H296834" s="12"/>
    </row>
    <row r="296835" spans="8:8">
      <c r="H296835" s="12"/>
    </row>
    <row r="296836" spans="8:8">
      <c r="H296836" s="12"/>
    </row>
    <row r="296837" spans="8:8">
      <c r="H296837" s="12"/>
    </row>
    <row r="296838" spans="8:8">
      <c r="H296838" s="12"/>
    </row>
    <row r="296839" spans="8:8">
      <c r="H296839" s="12"/>
    </row>
    <row r="296840" spans="8:8">
      <c r="H296840" s="12"/>
    </row>
    <row r="296841" spans="8:8">
      <c r="H296841" s="12"/>
    </row>
    <row r="296842" spans="8:8">
      <c r="H296842" s="12"/>
    </row>
    <row r="296843" spans="8:8">
      <c r="H296843" s="12"/>
    </row>
    <row r="296844" spans="8:8">
      <c r="H296844" s="12"/>
    </row>
    <row r="296845" spans="8:8">
      <c r="H296845" s="12"/>
    </row>
    <row r="296846" spans="8:8">
      <c r="H296846" s="12"/>
    </row>
    <row r="296847" spans="8:8">
      <c r="H296847" s="12"/>
    </row>
    <row r="296848" spans="8:8">
      <c r="H296848" s="12"/>
    </row>
    <row r="296849" spans="8:8">
      <c r="H296849" s="12"/>
    </row>
    <row r="296850" spans="8:8">
      <c r="H296850" s="12"/>
    </row>
    <row r="296851" spans="8:8">
      <c r="H296851" s="12"/>
    </row>
    <row r="296852" spans="8:8">
      <c r="H296852" s="12"/>
    </row>
    <row r="296853" spans="8:8">
      <c r="H296853" s="12"/>
    </row>
    <row r="296854" spans="8:8">
      <c r="H296854" s="12"/>
    </row>
    <row r="296855" spans="8:8">
      <c r="H296855" s="12"/>
    </row>
    <row r="296856" spans="8:8">
      <c r="H296856" s="12"/>
    </row>
    <row r="296857" spans="8:8">
      <c r="H296857" s="12"/>
    </row>
    <row r="296858" spans="8:8">
      <c r="H296858" s="12"/>
    </row>
    <row r="296859" spans="8:8">
      <c r="H296859" s="12"/>
    </row>
    <row r="296860" spans="8:8">
      <c r="H296860" s="12"/>
    </row>
    <row r="296861" spans="8:8">
      <c r="H296861" s="12"/>
    </row>
    <row r="296862" spans="8:8">
      <c r="H296862" s="12"/>
    </row>
    <row r="296863" spans="8:8">
      <c r="H296863" s="12"/>
    </row>
    <row r="296864" spans="8:8">
      <c r="H296864" s="12"/>
    </row>
    <row r="296865" spans="8:8">
      <c r="H296865" s="12"/>
    </row>
    <row r="296866" spans="8:8">
      <c r="H296866" s="12"/>
    </row>
    <row r="296867" spans="8:8">
      <c r="H296867" s="12"/>
    </row>
    <row r="296868" spans="8:8">
      <c r="H296868" s="12"/>
    </row>
    <row r="296869" spans="8:8">
      <c r="H296869" s="12"/>
    </row>
    <row r="296870" spans="8:8">
      <c r="H296870" s="12"/>
    </row>
    <row r="296871" spans="8:8">
      <c r="H296871" s="12"/>
    </row>
    <row r="296872" spans="8:8">
      <c r="H296872" s="12"/>
    </row>
    <row r="296873" spans="8:8">
      <c r="H296873" s="12"/>
    </row>
    <row r="296874" spans="8:8">
      <c r="H296874" s="12"/>
    </row>
    <row r="296875" spans="8:8">
      <c r="H296875" s="12"/>
    </row>
    <row r="296876" spans="8:8">
      <c r="H296876" s="12"/>
    </row>
    <row r="296877" spans="8:8">
      <c r="H296877" s="12"/>
    </row>
    <row r="296878" spans="8:8">
      <c r="H296878" s="12"/>
    </row>
    <row r="296879" spans="8:8">
      <c r="H296879" s="12"/>
    </row>
    <row r="296880" spans="8:8">
      <c r="H296880" s="12"/>
    </row>
    <row r="296881" spans="8:8">
      <c r="H296881" s="12"/>
    </row>
    <row r="296882" spans="8:8">
      <c r="H296882" s="12"/>
    </row>
    <row r="296883" spans="8:8">
      <c r="H296883" s="12"/>
    </row>
    <row r="296884" spans="8:8">
      <c r="H296884" s="12"/>
    </row>
    <row r="296885" spans="8:8">
      <c r="H296885" s="12"/>
    </row>
    <row r="296886" spans="8:8">
      <c r="H296886" s="12"/>
    </row>
    <row r="296887" spans="8:8">
      <c r="H296887" s="12"/>
    </row>
    <row r="296888" spans="8:8">
      <c r="H296888" s="12"/>
    </row>
    <row r="296889" spans="8:8">
      <c r="H296889" s="12"/>
    </row>
    <row r="296890" spans="8:8">
      <c r="H296890" s="12"/>
    </row>
    <row r="296891" spans="8:8">
      <c r="H296891" s="12"/>
    </row>
    <row r="296892" spans="8:8">
      <c r="H296892" s="12"/>
    </row>
    <row r="296893" spans="8:8">
      <c r="H296893" s="12"/>
    </row>
    <row r="296894" spans="8:8">
      <c r="H296894" s="12"/>
    </row>
    <row r="296895" spans="8:8">
      <c r="H296895" s="12"/>
    </row>
    <row r="296896" spans="8:8">
      <c r="H296896" s="12"/>
    </row>
    <row r="296897" spans="8:8">
      <c r="H296897" s="12"/>
    </row>
    <row r="296898" spans="8:8">
      <c r="H296898" s="12"/>
    </row>
    <row r="296899" spans="8:8">
      <c r="H296899" s="12"/>
    </row>
    <row r="296900" spans="8:8">
      <c r="H296900" s="12"/>
    </row>
    <row r="296901" spans="8:8">
      <c r="H296901" s="12"/>
    </row>
    <row r="296902" spans="8:8">
      <c r="H296902" s="12"/>
    </row>
    <row r="296903" spans="8:8">
      <c r="H296903" s="12"/>
    </row>
    <row r="296904" spans="8:8">
      <c r="H296904" s="12"/>
    </row>
    <row r="296905" spans="8:8">
      <c r="H296905" s="12"/>
    </row>
    <row r="296906" spans="8:8">
      <c r="H296906" s="12"/>
    </row>
    <row r="296907" spans="8:8">
      <c r="H296907" s="12"/>
    </row>
    <row r="296908" spans="8:8">
      <c r="H296908" s="12"/>
    </row>
    <row r="296909" spans="8:8">
      <c r="H296909" s="12"/>
    </row>
    <row r="296910" spans="8:8">
      <c r="H296910" s="12"/>
    </row>
    <row r="296911" spans="8:8">
      <c r="H296911" s="12"/>
    </row>
    <row r="296912" spans="8:8">
      <c r="H296912" s="12"/>
    </row>
    <row r="296913" spans="8:8">
      <c r="H296913" s="12"/>
    </row>
    <row r="296914" spans="8:8">
      <c r="H296914" s="12"/>
    </row>
    <row r="296915" spans="8:8">
      <c r="H296915" s="12"/>
    </row>
    <row r="296916" spans="8:8">
      <c r="H296916" s="12"/>
    </row>
    <row r="296917" spans="8:8">
      <c r="H296917" s="12"/>
    </row>
    <row r="296918" spans="8:8">
      <c r="H296918" s="12"/>
    </row>
    <row r="296919" spans="8:8">
      <c r="H296919" s="12"/>
    </row>
    <row r="296920" spans="8:8">
      <c r="H296920" s="12"/>
    </row>
    <row r="296921" spans="8:8">
      <c r="H296921" s="12"/>
    </row>
    <row r="296922" spans="8:8">
      <c r="H296922" s="12"/>
    </row>
    <row r="296923" spans="8:8">
      <c r="H296923" s="12"/>
    </row>
    <row r="296924" spans="8:8">
      <c r="H296924" s="12"/>
    </row>
    <row r="296925" spans="8:8">
      <c r="H296925" s="12"/>
    </row>
    <row r="296926" spans="8:8">
      <c r="H296926" s="12"/>
    </row>
    <row r="296927" spans="8:8">
      <c r="H296927" s="12"/>
    </row>
    <row r="296928" spans="8:8">
      <c r="H296928" s="12"/>
    </row>
    <row r="296929" spans="8:8">
      <c r="H296929" s="12"/>
    </row>
    <row r="296930" spans="8:8">
      <c r="H296930" s="12"/>
    </row>
    <row r="296931" spans="8:8">
      <c r="H296931" s="12"/>
    </row>
    <row r="296932" spans="8:8">
      <c r="H296932" s="12"/>
    </row>
    <row r="296933" spans="8:8">
      <c r="H296933" s="12"/>
    </row>
    <row r="296934" spans="8:8">
      <c r="H296934" s="12"/>
    </row>
    <row r="296935" spans="8:8">
      <c r="H296935" s="12"/>
    </row>
    <row r="296936" spans="8:8">
      <c r="H296936" s="12"/>
    </row>
    <row r="296937" spans="8:8">
      <c r="H296937" s="12"/>
    </row>
    <row r="296938" spans="8:8">
      <c r="H296938" s="12"/>
    </row>
    <row r="296939" spans="8:8">
      <c r="H296939" s="12"/>
    </row>
    <row r="296940" spans="8:8">
      <c r="H296940" s="12"/>
    </row>
    <row r="296941" spans="8:8">
      <c r="H296941" s="12"/>
    </row>
    <row r="296942" spans="8:8">
      <c r="H296942" s="12"/>
    </row>
    <row r="296943" spans="8:8">
      <c r="H296943" s="12"/>
    </row>
    <row r="296944" spans="8:8">
      <c r="H296944" s="12"/>
    </row>
    <row r="296945" spans="8:8">
      <c r="H296945" s="12"/>
    </row>
    <row r="296946" spans="8:8">
      <c r="H296946" s="12"/>
    </row>
    <row r="296947" spans="8:8">
      <c r="H296947" s="12"/>
    </row>
    <row r="296948" spans="8:8">
      <c r="H296948" s="12"/>
    </row>
    <row r="296949" spans="8:8">
      <c r="H296949" s="12"/>
    </row>
    <row r="296950" spans="8:8">
      <c r="H296950" s="12"/>
    </row>
    <row r="296951" spans="8:8">
      <c r="H296951" s="12"/>
    </row>
    <row r="296952" spans="8:8">
      <c r="H296952" s="12"/>
    </row>
    <row r="296953" spans="8:8">
      <c r="H296953" s="12"/>
    </row>
    <row r="296954" spans="8:8">
      <c r="H296954" s="12"/>
    </row>
    <row r="296955" spans="8:8">
      <c r="H296955" s="12"/>
    </row>
    <row r="296956" spans="8:8">
      <c r="H296956" s="12"/>
    </row>
    <row r="296957" spans="8:8">
      <c r="H296957" s="12"/>
    </row>
    <row r="296958" spans="8:8">
      <c r="H296958" s="12"/>
    </row>
    <row r="296959" spans="8:8">
      <c r="H296959" s="12"/>
    </row>
    <row r="296960" spans="8:8">
      <c r="H296960" s="12"/>
    </row>
    <row r="296961" spans="8:8">
      <c r="H296961" s="12"/>
    </row>
    <row r="296962" spans="8:8">
      <c r="H296962" s="12"/>
    </row>
    <row r="296963" spans="8:8">
      <c r="H296963" s="12"/>
    </row>
    <row r="296964" spans="8:8">
      <c r="H296964" s="12"/>
    </row>
    <row r="296965" spans="8:8">
      <c r="H296965" s="12"/>
    </row>
    <row r="296966" spans="8:8">
      <c r="H296966" s="12"/>
    </row>
    <row r="296967" spans="8:8">
      <c r="H296967" s="12"/>
    </row>
    <row r="296968" spans="8:8">
      <c r="H296968" s="12"/>
    </row>
    <row r="296969" spans="8:8">
      <c r="H296969" s="12"/>
    </row>
    <row r="296970" spans="8:8">
      <c r="H296970" s="12"/>
    </row>
    <row r="296971" spans="8:8">
      <c r="H296971" s="12"/>
    </row>
    <row r="296972" spans="8:8">
      <c r="H296972" s="12"/>
    </row>
    <row r="296973" spans="8:8">
      <c r="H296973" s="12"/>
    </row>
    <row r="296974" spans="8:8">
      <c r="H296974" s="12"/>
    </row>
    <row r="296975" spans="8:8">
      <c r="H296975" s="12"/>
    </row>
    <row r="296976" spans="8:8">
      <c r="H296976" s="12"/>
    </row>
    <row r="296977" spans="8:8">
      <c r="H296977" s="12"/>
    </row>
    <row r="296978" spans="8:8">
      <c r="H296978" s="12"/>
    </row>
    <row r="296979" spans="8:8">
      <c r="H296979" s="12"/>
    </row>
    <row r="296980" spans="8:8">
      <c r="H296980" s="12"/>
    </row>
    <row r="296981" spans="8:8">
      <c r="H296981" s="12"/>
    </row>
    <row r="296982" spans="8:8">
      <c r="H296982" s="12"/>
    </row>
    <row r="296983" spans="8:8">
      <c r="H296983" s="12"/>
    </row>
    <row r="296984" spans="8:8">
      <c r="H296984" s="12"/>
    </row>
    <row r="296985" spans="8:8">
      <c r="H296985" s="12"/>
    </row>
    <row r="296986" spans="8:8">
      <c r="H296986" s="12"/>
    </row>
    <row r="296987" spans="8:8">
      <c r="H296987" s="12"/>
    </row>
    <row r="296988" spans="8:8">
      <c r="H296988" s="12"/>
    </row>
    <row r="296989" spans="8:8">
      <c r="H296989" s="12"/>
    </row>
    <row r="296990" spans="8:8">
      <c r="H296990" s="12"/>
    </row>
    <row r="296991" spans="8:8">
      <c r="H296991" s="12"/>
    </row>
    <row r="296992" spans="8:8">
      <c r="H296992" s="12"/>
    </row>
    <row r="296993" spans="8:8">
      <c r="H296993" s="12"/>
    </row>
    <row r="296994" spans="8:8">
      <c r="H296994" s="12"/>
    </row>
    <row r="296995" spans="8:8">
      <c r="H296995" s="12"/>
    </row>
    <row r="296996" spans="8:8">
      <c r="H296996" s="12"/>
    </row>
    <row r="296997" spans="8:8">
      <c r="H296997" s="12"/>
    </row>
    <row r="296998" spans="8:8">
      <c r="H296998" s="12"/>
    </row>
    <row r="296999" spans="8:8">
      <c r="H296999" s="12"/>
    </row>
    <row r="297000" spans="8:8">
      <c r="H297000" s="12"/>
    </row>
    <row r="297001" spans="8:8">
      <c r="H297001" s="12"/>
    </row>
    <row r="297002" spans="8:8">
      <c r="H297002" s="12"/>
    </row>
    <row r="297003" spans="8:8">
      <c r="H297003" s="12"/>
    </row>
    <row r="297004" spans="8:8">
      <c r="H297004" s="12"/>
    </row>
    <row r="297005" spans="8:8">
      <c r="H297005" s="12"/>
    </row>
    <row r="297006" spans="8:8">
      <c r="H297006" s="12"/>
    </row>
    <row r="297007" spans="8:8">
      <c r="H297007" s="12"/>
    </row>
    <row r="297008" spans="8:8">
      <c r="H297008" s="12"/>
    </row>
    <row r="297009" spans="8:8">
      <c r="H297009" s="12"/>
    </row>
    <row r="297010" spans="8:8">
      <c r="H297010" s="12"/>
    </row>
    <row r="297011" spans="8:8">
      <c r="H297011" s="12"/>
    </row>
    <row r="297012" spans="8:8">
      <c r="H297012" s="12"/>
    </row>
    <row r="297013" spans="8:8">
      <c r="H297013" s="12"/>
    </row>
    <row r="297014" spans="8:8">
      <c r="H297014" s="12"/>
    </row>
    <row r="297015" spans="8:8">
      <c r="H297015" s="12"/>
    </row>
    <row r="297016" spans="8:8">
      <c r="H297016" s="12"/>
    </row>
    <row r="297017" spans="8:8">
      <c r="H297017" s="12"/>
    </row>
    <row r="297018" spans="8:8">
      <c r="H297018" s="12"/>
    </row>
    <row r="297019" spans="8:8">
      <c r="H297019" s="12"/>
    </row>
    <row r="297020" spans="8:8">
      <c r="H297020" s="12"/>
    </row>
    <row r="297021" spans="8:8">
      <c r="H297021" s="12"/>
    </row>
    <row r="297022" spans="8:8">
      <c r="H297022" s="12"/>
    </row>
    <row r="297023" spans="8:8">
      <c r="H297023" s="12"/>
    </row>
    <row r="297024" spans="8:8">
      <c r="H297024" s="12"/>
    </row>
    <row r="297025" spans="8:8">
      <c r="H297025" s="12"/>
    </row>
    <row r="297026" spans="8:8">
      <c r="H297026" s="12"/>
    </row>
    <row r="297027" spans="8:8">
      <c r="H297027" s="12"/>
    </row>
    <row r="297028" spans="8:8">
      <c r="H297028" s="12"/>
    </row>
    <row r="297029" spans="8:8">
      <c r="H297029" s="12"/>
    </row>
    <row r="297030" spans="8:8">
      <c r="H297030" s="12"/>
    </row>
    <row r="297031" spans="8:8">
      <c r="H297031" s="12"/>
    </row>
    <row r="297032" spans="8:8">
      <c r="H297032" s="12"/>
    </row>
    <row r="297033" spans="8:8">
      <c r="H297033" s="12"/>
    </row>
    <row r="297034" spans="8:8">
      <c r="H297034" s="12"/>
    </row>
    <row r="297035" spans="8:8">
      <c r="H297035" s="12"/>
    </row>
    <row r="297036" spans="8:8">
      <c r="H297036" s="12"/>
    </row>
    <row r="297037" spans="8:8">
      <c r="H297037" s="12"/>
    </row>
    <row r="297038" spans="8:8">
      <c r="H297038" s="12"/>
    </row>
    <row r="297039" spans="8:8">
      <c r="H297039" s="12"/>
    </row>
    <row r="297040" spans="8:8">
      <c r="H297040" s="12"/>
    </row>
    <row r="297041" spans="8:8">
      <c r="H297041" s="12"/>
    </row>
    <row r="297042" spans="8:8">
      <c r="H297042" s="12"/>
    </row>
    <row r="297043" spans="8:8">
      <c r="H297043" s="12"/>
    </row>
    <row r="297044" spans="8:8">
      <c r="H297044" s="12"/>
    </row>
    <row r="297045" spans="8:8">
      <c r="H297045" s="12"/>
    </row>
    <row r="297046" spans="8:8">
      <c r="H297046" s="12"/>
    </row>
    <row r="297047" spans="8:8">
      <c r="H297047" s="12"/>
    </row>
    <row r="297048" spans="8:8">
      <c r="H297048" s="12"/>
    </row>
    <row r="297049" spans="8:8">
      <c r="H297049" s="12"/>
    </row>
    <row r="297050" spans="8:8">
      <c r="H297050" s="12"/>
    </row>
    <row r="297051" spans="8:8">
      <c r="H297051" s="12"/>
    </row>
    <row r="297052" spans="8:8">
      <c r="H297052" s="12"/>
    </row>
    <row r="297053" spans="8:8">
      <c r="H297053" s="12"/>
    </row>
    <row r="297054" spans="8:8">
      <c r="H297054" s="12"/>
    </row>
    <row r="297055" spans="8:8">
      <c r="H297055" s="12"/>
    </row>
    <row r="297056" spans="8:8">
      <c r="H297056" s="12"/>
    </row>
    <row r="297057" spans="8:8">
      <c r="H297057" s="12"/>
    </row>
    <row r="297058" spans="8:8">
      <c r="H297058" s="12"/>
    </row>
    <row r="297059" spans="8:8">
      <c r="H297059" s="12"/>
    </row>
    <row r="297060" spans="8:8">
      <c r="H297060" s="12"/>
    </row>
    <row r="297061" spans="8:8">
      <c r="H297061" s="12"/>
    </row>
    <row r="297062" spans="8:8">
      <c r="H297062" s="12"/>
    </row>
    <row r="297063" spans="8:8">
      <c r="H297063" s="12"/>
    </row>
    <row r="297064" spans="8:8">
      <c r="H297064" s="12"/>
    </row>
    <row r="297065" spans="8:8">
      <c r="H297065" s="12"/>
    </row>
    <row r="297066" spans="8:8">
      <c r="H297066" s="12"/>
    </row>
    <row r="297067" spans="8:8">
      <c r="H297067" s="12"/>
    </row>
    <row r="297068" spans="8:8">
      <c r="H297068" s="12"/>
    </row>
    <row r="297069" spans="8:8">
      <c r="H297069" s="12"/>
    </row>
    <row r="297070" spans="8:8">
      <c r="H297070" s="12"/>
    </row>
    <row r="297071" spans="8:8">
      <c r="H297071" s="12"/>
    </row>
    <row r="297072" spans="8:8">
      <c r="H297072" s="12"/>
    </row>
    <row r="297073" spans="8:8">
      <c r="H297073" s="12"/>
    </row>
    <row r="297074" spans="8:8">
      <c r="H297074" s="12"/>
    </row>
    <row r="297075" spans="8:8">
      <c r="H297075" s="12"/>
    </row>
    <row r="297076" spans="8:8">
      <c r="H297076" s="12"/>
    </row>
    <row r="297077" spans="8:8">
      <c r="H297077" s="12"/>
    </row>
    <row r="297078" spans="8:8">
      <c r="H297078" s="12"/>
    </row>
    <row r="297079" spans="8:8">
      <c r="H297079" s="12"/>
    </row>
    <row r="297080" spans="8:8">
      <c r="H297080" s="12"/>
    </row>
    <row r="297081" spans="8:8">
      <c r="H297081" s="12"/>
    </row>
    <row r="297082" spans="8:8">
      <c r="H297082" s="12"/>
    </row>
    <row r="297083" spans="8:8">
      <c r="H297083" s="12"/>
    </row>
    <row r="297084" spans="8:8">
      <c r="H297084" s="12"/>
    </row>
    <row r="297085" spans="8:8">
      <c r="H297085" s="12"/>
    </row>
    <row r="297086" spans="8:8">
      <c r="H297086" s="12"/>
    </row>
    <row r="297087" spans="8:8">
      <c r="H297087" s="12"/>
    </row>
    <row r="297088" spans="8:8">
      <c r="H297088" s="12"/>
    </row>
    <row r="297089" spans="8:8">
      <c r="H297089" s="12"/>
    </row>
    <row r="297090" spans="8:8">
      <c r="H297090" s="12"/>
    </row>
    <row r="297091" spans="8:8">
      <c r="H297091" s="12"/>
    </row>
    <row r="297092" spans="8:8">
      <c r="H297092" s="12"/>
    </row>
    <row r="297093" spans="8:8">
      <c r="H297093" s="12"/>
    </row>
    <row r="297094" spans="8:8">
      <c r="H297094" s="12"/>
    </row>
    <row r="297095" spans="8:8">
      <c r="H297095" s="12"/>
    </row>
    <row r="297096" spans="8:8">
      <c r="H297096" s="12"/>
    </row>
    <row r="297097" spans="8:8">
      <c r="H297097" s="12"/>
    </row>
    <row r="297098" spans="8:8">
      <c r="H297098" s="12"/>
    </row>
    <row r="297099" spans="8:8">
      <c r="H297099" s="12"/>
    </row>
    <row r="297100" spans="8:8">
      <c r="H297100" s="12"/>
    </row>
    <row r="297101" spans="8:8">
      <c r="H297101" s="12"/>
    </row>
    <row r="297102" spans="8:8">
      <c r="H297102" s="12"/>
    </row>
    <row r="297103" spans="8:8">
      <c r="H297103" s="12"/>
    </row>
    <row r="297104" spans="8:8">
      <c r="H297104" s="12"/>
    </row>
    <row r="297105" spans="8:8">
      <c r="H297105" s="12"/>
    </row>
    <row r="297106" spans="8:8">
      <c r="H297106" s="12"/>
    </row>
    <row r="297107" spans="8:8">
      <c r="H297107" s="12"/>
    </row>
    <row r="297108" spans="8:8">
      <c r="H297108" s="12"/>
    </row>
    <row r="297109" spans="8:8">
      <c r="H297109" s="12"/>
    </row>
    <row r="297110" spans="8:8">
      <c r="H297110" s="12"/>
    </row>
    <row r="297111" spans="8:8">
      <c r="H297111" s="12"/>
    </row>
    <row r="297112" spans="8:8">
      <c r="H297112" s="12"/>
    </row>
    <row r="297113" spans="8:8">
      <c r="H297113" s="12"/>
    </row>
    <row r="297114" spans="8:8">
      <c r="H297114" s="12"/>
    </row>
    <row r="297115" spans="8:8">
      <c r="H297115" s="12"/>
    </row>
    <row r="297116" spans="8:8">
      <c r="H297116" s="12"/>
    </row>
    <row r="297117" spans="8:8">
      <c r="H297117" s="12"/>
    </row>
    <row r="297118" spans="8:8">
      <c r="H297118" s="12"/>
    </row>
    <row r="297119" spans="8:8">
      <c r="H297119" s="12"/>
    </row>
    <row r="297120" spans="8:8">
      <c r="H297120" s="12"/>
    </row>
    <row r="297121" spans="8:8">
      <c r="H297121" s="12"/>
    </row>
    <row r="297122" spans="8:8">
      <c r="H297122" s="12"/>
    </row>
    <row r="297123" spans="8:8">
      <c r="H297123" s="12"/>
    </row>
    <row r="297124" spans="8:8">
      <c r="H297124" s="12"/>
    </row>
    <row r="297125" spans="8:8">
      <c r="H297125" s="12"/>
    </row>
    <row r="297126" spans="8:8">
      <c r="H297126" s="12"/>
    </row>
    <row r="297127" spans="8:8">
      <c r="H297127" s="12"/>
    </row>
    <row r="297128" spans="8:8">
      <c r="H297128" s="12"/>
    </row>
    <row r="297129" spans="8:8">
      <c r="H297129" s="12"/>
    </row>
    <row r="297130" spans="8:8">
      <c r="H297130" s="12"/>
    </row>
    <row r="297131" spans="8:8">
      <c r="H297131" s="12"/>
    </row>
    <row r="297132" spans="8:8">
      <c r="H297132" s="12"/>
    </row>
    <row r="297133" spans="8:8">
      <c r="H297133" s="12"/>
    </row>
    <row r="297134" spans="8:8">
      <c r="H297134" s="12"/>
    </row>
    <row r="297135" spans="8:8">
      <c r="H297135" s="12"/>
    </row>
    <row r="297136" spans="8:8">
      <c r="H297136" s="12"/>
    </row>
    <row r="297137" spans="8:8">
      <c r="H297137" s="12"/>
    </row>
    <row r="297138" spans="8:8">
      <c r="H297138" s="12"/>
    </row>
    <row r="297139" spans="8:8">
      <c r="H297139" s="12"/>
    </row>
    <row r="297140" spans="8:8">
      <c r="H297140" s="12"/>
    </row>
    <row r="297141" spans="8:8">
      <c r="H297141" s="12"/>
    </row>
    <row r="297142" spans="8:8">
      <c r="H297142" s="12"/>
    </row>
    <row r="297143" spans="8:8">
      <c r="H297143" s="12"/>
    </row>
    <row r="297144" spans="8:8">
      <c r="H297144" s="12"/>
    </row>
    <row r="297145" spans="8:8">
      <c r="H297145" s="12"/>
    </row>
    <row r="297146" spans="8:8">
      <c r="H297146" s="12"/>
    </row>
    <row r="297147" spans="8:8">
      <c r="H297147" s="12"/>
    </row>
    <row r="297148" spans="8:8">
      <c r="H297148" s="12"/>
    </row>
    <row r="297149" spans="8:8">
      <c r="H297149" s="12"/>
    </row>
    <row r="297150" spans="8:8">
      <c r="H297150" s="12"/>
    </row>
    <row r="297151" spans="8:8">
      <c r="H297151" s="12"/>
    </row>
    <row r="297152" spans="8:8">
      <c r="H297152" s="12"/>
    </row>
    <row r="297153" spans="8:8">
      <c r="H297153" s="12"/>
    </row>
    <row r="297154" spans="8:8">
      <c r="H297154" s="12"/>
    </row>
    <row r="297155" spans="8:8">
      <c r="H297155" s="12"/>
    </row>
    <row r="297156" spans="8:8">
      <c r="H297156" s="12"/>
    </row>
    <row r="297157" spans="8:8">
      <c r="H297157" s="12"/>
    </row>
    <row r="297158" spans="8:8">
      <c r="H297158" s="12"/>
    </row>
    <row r="297159" spans="8:8">
      <c r="H297159" s="12"/>
    </row>
    <row r="297160" spans="8:8">
      <c r="H297160" s="12"/>
    </row>
    <row r="297161" spans="8:8">
      <c r="H297161" s="12"/>
    </row>
    <row r="297162" spans="8:8">
      <c r="H297162" s="12"/>
    </row>
    <row r="297163" spans="8:8">
      <c r="H297163" s="12"/>
    </row>
    <row r="297164" spans="8:8">
      <c r="H297164" s="12"/>
    </row>
    <row r="297165" spans="8:8">
      <c r="H297165" s="12"/>
    </row>
    <row r="297166" spans="8:8">
      <c r="H297166" s="12"/>
    </row>
    <row r="297167" spans="8:8">
      <c r="H297167" s="12"/>
    </row>
    <row r="297168" spans="8:8">
      <c r="H297168" s="12"/>
    </row>
    <row r="297169" spans="8:8">
      <c r="H297169" s="12"/>
    </row>
    <row r="297170" spans="8:8">
      <c r="H297170" s="12"/>
    </row>
    <row r="297171" spans="8:8">
      <c r="H297171" s="12"/>
    </row>
    <row r="297172" spans="8:8">
      <c r="H297172" s="12"/>
    </row>
    <row r="297173" spans="8:8">
      <c r="H297173" s="12"/>
    </row>
    <row r="297174" spans="8:8">
      <c r="H297174" s="12"/>
    </row>
    <row r="297175" spans="8:8">
      <c r="H297175" s="12"/>
    </row>
    <row r="297176" spans="8:8">
      <c r="H297176" s="12"/>
    </row>
    <row r="297177" spans="8:8">
      <c r="H297177" s="12"/>
    </row>
    <row r="297178" spans="8:8">
      <c r="H297178" s="12"/>
    </row>
    <row r="297179" spans="8:8">
      <c r="H297179" s="12"/>
    </row>
    <row r="297180" spans="8:8">
      <c r="H297180" s="12"/>
    </row>
    <row r="297181" spans="8:8">
      <c r="H297181" s="12"/>
    </row>
    <row r="297182" spans="8:8">
      <c r="H297182" s="12"/>
    </row>
    <row r="297183" spans="8:8">
      <c r="H297183" s="12"/>
    </row>
    <row r="297184" spans="8:8">
      <c r="H297184" s="12"/>
    </row>
    <row r="297185" spans="8:8">
      <c r="H297185" s="12"/>
    </row>
    <row r="297186" spans="8:8">
      <c r="H297186" s="12"/>
    </row>
    <row r="297187" spans="8:8">
      <c r="H297187" s="12"/>
    </row>
    <row r="297188" spans="8:8">
      <c r="H297188" s="12"/>
    </row>
    <row r="297189" spans="8:8">
      <c r="H297189" s="12"/>
    </row>
    <row r="297190" spans="8:8">
      <c r="H297190" s="12"/>
    </row>
    <row r="297191" spans="8:8">
      <c r="H297191" s="12"/>
    </row>
    <row r="297192" spans="8:8">
      <c r="H297192" s="12"/>
    </row>
    <row r="297193" spans="8:8">
      <c r="H297193" s="12"/>
    </row>
    <row r="297194" spans="8:8">
      <c r="H297194" s="12"/>
    </row>
    <row r="297195" spans="8:8">
      <c r="H297195" s="12"/>
    </row>
    <row r="297196" spans="8:8">
      <c r="H297196" s="12"/>
    </row>
    <row r="297197" spans="8:8">
      <c r="H297197" s="12"/>
    </row>
    <row r="297198" spans="8:8">
      <c r="H297198" s="12"/>
    </row>
    <row r="297199" spans="8:8">
      <c r="H297199" s="12"/>
    </row>
    <row r="297200" spans="8:8">
      <c r="H297200" s="12"/>
    </row>
    <row r="297201" spans="8:8">
      <c r="H297201" s="12"/>
    </row>
    <row r="297202" spans="8:8">
      <c r="H297202" s="12"/>
    </row>
    <row r="297203" spans="8:8">
      <c r="H297203" s="12"/>
    </row>
    <row r="297204" spans="8:8">
      <c r="H297204" s="12"/>
    </row>
    <row r="297205" spans="8:8">
      <c r="H297205" s="12"/>
    </row>
    <row r="297206" spans="8:8">
      <c r="H297206" s="12"/>
    </row>
    <row r="297207" spans="8:8">
      <c r="H297207" s="12"/>
    </row>
    <row r="297208" spans="8:8">
      <c r="H297208" s="12"/>
    </row>
    <row r="297209" spans="8:8">
      <c r="H297209" s="12"/>
    </row>
    <row r="297210" spans="8:8">
      <c r="H297210" s="12"/>
    </row>
    <row r="297211" spans="8:8">
      <c r="H297211" s="12"/>
    </row>
    <row r="297212" spans="8:8">
      <c r="H297212" s="12"/>
    </row>
    <row r="297213" spans="8:8">
      <c r="H297213" s="12"/>
    </row>
    <row r="297214" spans="8:8">
      <c r="H297214" s="12"/>
    </row>
    <row r="297215" spans="8:8">
      <c r="H297215" s="12"/>
    </row>
    <row r="297216" spans="8:8">
      <c r="H297216" s="12"/>
    </row>
    <row r="297217" spans="8:8">
      <c r="H297217" s="12"/>
    </row>
    <row r="297218" spans="8:8">
      <c r="H297218" s="12"/>
    </row>
    <row r="297219" spans="8:8">
      <c r="H297219" s="12"/>
    </row>
    <row r="297220" spans="8:8">
      <c r="H297220" s="12"/>
    </row>
    <row r="297221" spans="8:8">
      <c r="H297221" s="12"/>
    </row>
    <row r="297222" spans="8:8">
      <c r="H297222" s="12"/>
    </row>
    <row r="297223" spans="8:8">
      <c r="H297223" s="12"/>
    </row>
    <row r="297224" spans="8:8">
      <c r="H297224" s="12"/>
    </row>
    <row r="297225" spans="8:8">
      <c r="H297225" s="12"/>
    </row>
    <row r="297226" spans="8:8">
      <c r="H297226" s="12"/>
    </row>
    <row r="297227" spans="8:8">
      <c r="H297227" s="12"/>
    </row>
    <row r="297228" spans="8:8">
      <c r="H297228" s="12"/>
    </row>
    <row r="297229" spans="8:8">
      <c r="H297229" s="12"/>
    </row>
    <row r="297230" spans="8:8">
      <c r="H297230" s="12"/>
    </row>
    <row r="297231" spans="8:8">
      <c r="H297231" s="12"/>
    </row>
    <row r="297232" spans="8:8">
      <c r="H297232" s="12"/>
    </row>
    <row r="297233" spans="8:8">
      <c r="H297233" s="12"/>
    </row>
    <row r="297234" spans="8:8">
      <c r="H297234" s="12"/>
    </row>
    <row r="297235" spans="8:8">
      <c r="H297235" s="12"/>
    </row>
    <row r="297236" spans="8:8">
      <c r="H297236" s="12"/>
    </row>
    <row r="297237" spans="8:8">
      <c r="H297237" s="12"/>
    </row>
    <row r="297238" spans="8:8">
      <c r="H297238" s="12"/>
    </row>
    <row r="297239" spans="8:8">
      <c r="H297239" s="12"/>
    </row>
    <row r="297240" spans="8:8">
      <c r="H297240" s="12"/>
    </row>
    <row r="297241" spans="8:8">
      <c r="H297241" s="12"/>
    </row>
    <row r="297242" spans="8:8">
      <c r="H297242" s="12"/>
    </row>
    <row r="297243" spans="8:8">
      <c r="H297243" s="12"/>
    </row>
    <row r="297244" spans="8:8">
      <c r="H297244" s="12"/>
    </row>
    <row r="297245" spans="8:8">
      <c r="H297245" s="12"/>
    </row>
    <row r="297246" spans="8:8">
      <c r="H297246" s="12"/>
    </row>
    <row r="297247" spans="8:8">
      <c r="H297247" s="12"/>
    </row>
    <row r="297248" spans="8:8">
      <c r="H297248" s="12"/>
    </row>
    <row r="297249" spans="8:8">
      <c r="H297249" s="12"/>
    </row>
    <row r="297250" spans="8:8">
      <c r="H297250" s="12"/>
    </row>
    <row r="297251" spans="8:8">
      <c r="H297251" s="12"/>
    </row>
    <row r="297252" spans="8:8">
      <c r="H297252" s="12"/>
    </row>
    <row r="297253" spans="8:8">
      <c r="H297253" s="12"/>
    </row>
    <row r="297254" spans="8:8">
      <c r="H297254" s="12"/>
    </row>
    <row r="297255" spans="8:8">
      <c r="H297255" s="12"/>
    </row>
    <row r="297256" spans="8:8">
      <c r="H297256" s="12"/>
    </row>
    <row r="297257" spans="8:8">
      <c r="H297257" s="12"/>
    </row>
    <row r="297258" spans="8:8">
      <c r="H297258" s="12"/>
    </row>
    <row r="297259" spans="8:8">
      <c r="H297259" s="12"/>
    </row>
    <row r="297260" spans="8:8">
      <c r="H297260" s="12"/>
    </row>
    <row r="297261" spans="8:8">
      <c r="H297261" s="12"/>
    </row>
    <row r="297262" spans="8:8">
      <c r="H297262" s="12"/>
    </row>
    <row r="297263" spans="8:8">
      <c r="H297263" s="12"/>
    </row>
    <row r="297264" spans="8:8">
      <c r="H297264" s="12"/>
    </row>
    <row r="297265" spans="8:8">
      <c r="H297265" s="12"/>
    </row>
    <row r="297266" spans="8:8">
      <c r="H297266" s="12"/>
    </row>
    <row r="297267" spans="8:8">
      <c r="H297267" s="12"/>
    </row>
    <row r="297268" spans="8:8">
      <c r="H297268" s="12"/>
    </row>
    <row r="297269" spans="8:8">
      <c r="H297269" s="12"/>
    </row>
    <row r="297270" spans="8:8">
      <c r="H297270" s="12"/>
    </row>
    <row r="297271" spans="8:8">
      <c r="H297271" s="12"/>
    </row>
    <row r="297272" spans="8:8">
      <c r="H297272" s="12"/>
    </row>
    <row r="297273" spans="8:8">
      <c r="H297273" s="12"/>
    </row>
    <row r="297274" spans="8:8">
      <c r="H297274" s="12"/>
    </row>
    <row r="297275" spans="8:8">
      <c r="H297275" s="12"/>
    </row>
    <row r="297276" spans="8:8">
      <c r="H297276" s="12"/>
    </row>
    <row r="297277" spans="8:8">
      <c r="H297277" s="12"/>
    </row>
    <row r="297278" spans="8:8">
      <c r="H297278" s="12"/>
    </row>
    <row r="297279" spans="8:8">
      <c r="H297279" s="12"/>
    </row>
    <row r="297280" spans="8:8">
      <c r="H297280" s="12"/>
    </row>
    <row r="297281" spans="8:8">
      <c r="H297281" s="12"/>
    </row>
    <row r="297282" spans="8:8">
      <c r="H297282" s="12"/>
    </row>
    <row r="297283" spans="8:8">
      <c r="H297283" s="12"/>
    </row>
    <row r="297284" spans="8:8">
      <c r="H297284" s="12"/>
    </row>
    <row r="297285" spans="8:8">
      <c r="H297285" s="12"/>
    </row>
    <row r="297286" spans="8:8">
      <c r="H297286" s="12"/>
    </row>
    <row r="297287" spans="8:8">
      <c r="H297287" s="12"/>
    </row>
    <row r="297288" spans="8:8">
      <c r="H297288" s="12"/>
    </row>
    <row r="297289" spans="8:8">
      <c r="H297289" s="12"/>
    </row>
    <row r="297290" spans="8:8">
      <c r="H297290" s="12"/>
    </row>
    <row r="297291" spans="8:8">
      <c r="H297291" s="12"/>
    </row>
    <row r="297292" spans="8:8">
      <c r="H297292" s="12"/>
    </row>
    <row r="297293" spans="8:8">
      <c r="H297293" s="12"/>
    </row>
    <row r="297294" spans="8:8">
      <c r="H297294" s="12"/>
    </row>
    <row r="297295" spans="8:8">
      <c r="H297295" s="12"/>
    </row>
    <row r="297296" spans="8:8">
      <c r="H297296" s="12"/>
    </row>
    <row r="297297" spans="8:8">
      <c r="H297297" s="12"/>
    </row>
    <row r="297298" spans="8:8">
      <c r="H297298" s="12"/>
    </row>
    <row r="297299" spans="8:8">
      <c r="H297299" s="12"/>
    </row>
    <row r="297300" spans="8:8">
      <c r="H297300" s="12"/>
    </row>
    <row r="297301" spans="8:8">
      <c r="H297301" s="12"/>
    </row>
    <row r="297302" spans="8:8">
      <c r="H297302" s="12"/>
    </row>
    <row r="297303" spans="8:8">
      <c r="H297303" s="12"/>
    </row>
    <row r="297304" spans="8:8">
      <c r="H297304" s="12"/>
    </row>
    <row r="297305" spans="8:8">
      <c r="H297305" s="12"/>
    </row>
    <row r="297306" spans="8:8">
      <c r="H297306" s="12"/>
    </row>
    <row r="297307" spans="8:8">
      <c r="H297307" s="12"/>
    </row>
    <row r="297308" spans="8:8">
      <c r="H297308" s="12"/>
    </row>
    <row r="297309" spans="8:8">
      <c r="H297309" s="12"/>
    </row>
    <row r="297310" spans="8:8">
      <c r="H297310" s="12"/>
    </row>
    <row r="297311" spans="8:8">
      <c r="H297311" s="12"/>
    </row>
    <row r="297312" spans="8:8">
      <c r="H297312" s="12"/>
    </row>
    <row r="297313" spans="8:8">
      <c r="H297313" s="12"/>
    </row>
    <row r="297314" spans="8:8">
      <c r="H297314" s="12"/>
    </row>
    <row r="297315" spans="8:8">
      <c r="H297315" s="12"/>
    </row>
    <row r="297316" spans="8:8">
      <c r="H297316" s="12"/>
    </row>
    <row r="297317" spans="8:8">
      <c r="H297317" s="12"/>
    </row>
    <row r="297318" spans="8:8">
      <c r="H297318" s="12"/>
    </row>
    <row r="297319" spans="8:8">
      <c r="H297319" s="12"/>
    </row>
    <row r="297320" spans="8:8">
      <c r="H297320" s="12"/>
    </row>
    <row r="297321" spans="8:8">
      <c r="H297321" s="12"/>
    </row>
    <row r="297322" spans="8:8">
      <c r="H297322" s="12"/>
    </row>
    <row r="297323" spans="8:8">
      <c r="H297323" s="12"/>
    </row>
    <row r="297324" spans="8:8">
      <c r="H297324" s="12"/>
    </row>
    <row r="297325" spans="8:8">
      <c r="H297325" s="12"/>
    </row>
    <row r="297326" spans="8:8">
      <c r="H297326" s="12"/>
    </row>
    <row r="297327" spans="8:8">
      <c r="H297327" s="12"/>
    </row>
    <row r="297328" spans="8:8">
      <c r="H297328" s="12"/>
    </row>
    <row r="297329" spans="8:8">
      <c r="H297329" s="12"/>
    </row>
    <row r="297330" spans="8:8">
      <c r="H297330" s="12"/>
    </row>
    <row r="297331" spans="8:8">
      <c r="H297331" s="12"/>
    </row>
    <row r="297332" spans="8:8">
      <c r="H297332" s="12"/>
    </row>
    <row r="297333" spans="8:8">
      <c r="H297333" s="12"/>
    </row>
    <row r="297334" spans="8:8">
      <c r="H297334" s="12"/>
    </row>
    <row r="297335" spans="8:8">
      <c r="H297335" s="12"/>
    </row>
    <row r="297336" spans="8:8">
      <c r="H297336" s="12"/>
    </row>
    <row r="297337" spans="8:8">
      <c r="H297337" s="12"/>
    </row>
    <row r="297338" spans="8:8">
      <c r="H297338" s="12"/>
    </row>
    <row r="297339" spans="8:8">
      <c r="H297339" s="12"/>
    </row>
    <row r="297340" spans="8:8">
      <c r="H297340" s="12"/>
    </row>
    <row r="297341" spans="8:8">
      <c r="H297341" s="12"/>
    </row>
    <row r="297342" spans="8:8">
      <c r="H297342" s="12"/>
    </row>
    <row r="297343" spans="8:8">
      <c r="H297343" s="12"/>
    </row>
    <row r="297344" spans="8:8">
      <c r="H297344" s="12"/>
    </row>
    <row r="297345" spans="8:8">
      <c r="H297345" s="12"/>
    </row>
    <row r="297346" spans="8:8">
      <c r="H297346" s="12"/>
    </row>
    <row r="297347" spans="8:8">
      <c r="H297347" s="12"/>
    </row>
    <row r="297348" spans="8:8">
      <c r="H297348" s="12"/>
    </row>
    <row r="297349" spans="8:8">
      <c r="H297349" s="12"/>
    </row>
    <row r="297350" spans="8:8">
      <c r="H297350" s="12"/>
    </row>
    <row r="297351" spans="8:8">
      <c r="H297351" s="12"/>
    </row>
    <row r="297352" spans="8:8">
      <c r="H297352" s="12"/>
    </row>
    <row r="297353" spans="8:8">
      <c r="H297353" s="12"/>
    </row>
    <row r="297354" spans="8:8">
      <c r="H297354" s="12"/>
    </row>
    <row r="297355" spans="8:8">
      <c r="H297355" s="12"/>
    </row>
    <row r="297356" spans="8:8">
      <c r="H297356" s="12"/>
    </row>
    <row r="297357" spans="8:8">
      <c r="H297357" s="12"/>
    </row>
    <row r="297358" spans="8:8">
      <c r="H297358" s="12"/>
    </row>
    <row r="297359" spans="8:8">
      <c r="H297359" s="12"/>
    </row>
    <row r="297360" spans="8:8">
      <c r="H297360" s="12"/>
    </row>
    <row r="297361" spans="8:8">
      <c r="H297361" s="12"/>
    </row>
    <row r="297362" spans="8:8">
      <c r="H297362" s="12"/>
    </row>
    <row r="297363" spans="8:8">
      <c r="H297363" s="12"/>
    </row>
    <row r="297364" spans="8:8">
      <c r="H297364" s="12"/>
    </row>
    <row r="297365" spans="8:8">
      <c r="H297365" s="12"/>
    </row>
    <row r="297366" spans="8:8">
      <c r="H297366" s="12"/>
    </row>
    <row r="297367" spans="8:8">
      <c r="H297367" s="12"/>
    </row>
    <row r="297368" spans="8:8">
      <c r="H297368" s="12"/>
    </row>
    <row r="297369" spans="8:8">
      <c r="H297369" s="12"/>
    </row>
    <row r="297370" spans="8:8">
      <c r="H297370" s="12"/>
    </row>
    <row r="297371" spans="8:8">
      <c r="H297371" s="12"/>
    </row>
    <row r="297372" spans="8:8">
      <c r="H297372" s="12"/>
    </row>
    <row r="297373" spans="8:8">
      <c r="H297373" s="12"/>
    </row>
    <row r="297374" spans="8:8">
      <c r="H297374" s="12"/>
    </row>
    <row r="297375" spans="8:8">
      <c r="H297375" s="12"/>
    </row>
    <row r="297376" spans="8:8">
      <c r="H297376" s="12"/>
    </row>
    <row r="297377" spans="8:8">
      <c r="H297377" s="12"/>
    </row>
    <row r="297378" spans="8:8">
      <c r="H297378" s="12"/>
    </row>
    <row r="297379" spans="8:8">
      <c r="H297379" s="12"/>
    </row>
    <row r="297380" spans="8:8">
      <c r="H297380" s="12"/>
    </row>
    <row r="297381" spans="8:8">
      <c r="H297381" s="12"/>
    </row>
    <row r="297382" spans="8:8">
      <c r="H297382" s="12"/>
    </row>
    <row r="297383" spans="8:8">
      <c r="H297383" s="12"/>
    </row>
    <row r="297384" spans="8:8">
      <c r="H297384" s="12"/>
    </row>
    <row r="297385" spans="8:8">
      <c r="H297385" s="12"/>
    </row>
    <row r="297386" spans="8:8">
      <c r="H297386" s="12"/>
    </row>
    <row r="297387" spans="8:8">
      <c r="H297387" s="12"/>
    </row>
    <row r="297388" spans="8:8">
      <c r="H297388" s="12"/>
    </row>
    <row r="297389" spans="8:8">
      <c r="H297389" s="12"/>
    </row>
    <row r="297390" spans="8:8">
      <c r="H297390" s="12"/>
    </row>
    <row r="297391" spans="8:8">
      <c r="H297391" s="12"/>
    </row>
    <row r="297392" spans="8:8">
      <c r="H297392" s="12"/>
    </row>
    <row r="297393" spans="8:8">
      <c r="H297393" s="12"/>
    </row>
    <row r="297394" spans="8:8">
      <c r="H297394" s="12"/>
    </row>
    <row r="297395" spans="8:8">
      <c r="H297395" s="12"/>
    </row>
    <row r="297396" spans="8:8">
      <c r="H297396" s="12"/>
    </row>
    <row r="297397" spans="8:8">
      <c r="H297397" s="12"/>
    </row>
    <row r="297398" spans="8:8">
      <c r="H297398" s="12"/>
    </row>
    <row r="297399" spans="8:8">
      <c r="H297399" s="12"/>
    </row>
    <row r="297400" spans="8:8">
      <c r="H297400" s="12"/>
    </row>
    <row r="297401" spans="8:8">
      <c r="H297401" s="12"/>
    </row>
    <row r="297402" spans="8:8">
      <c r="H297402" s="12"/>
    </row>
    <row r="297403" spans="8:8">
      <c r="H297403" s="12"/>
    </row>
    <row r="297404" spans="8:8">
      <c r="H297404" s="12"/>
    </row>
    <row r="297405" spans="8:8">
      <c r="H297405" s="12"/>
    </row>
    <row r="297406" spans="8:8">
      <c r="H297406" s="12"/>
    </row>
    <row r="297407" spans="8:8">
      <c r="H297407" s="12"/>
    </row>
    <row r="297408" spans="8:8">
      <c r="H297408" s="12"/>
    </row>
    <row r="297409" spans="8:8">
      <c r="H297409" s="12"/>
    </row>
    <row r="297410" spans="8:8">
      <c r="H297410" s="12"/>
    </row>
    <row r="297411" spans="8:8">
      <c r="H297411" s="12"/>
    </row>
    <row r="297412" spans="8:8">
      <c r="H297412" s="12"/>
    </row>
    <row r="297413" spans="8:8">
      <c r="H297413" s="12"/>
    </row>
    <row r="297414" spans="8:8">
      <c r="H297414" s="12"/>
    </row>
    <row r="297415" spans="8:8">
      <c r="H297415" s="12"/>
    </row>
    <row r="297416" spans="8:8">
      <c r="H297416" s="12"/>
    </row>
    <row r="297417" spans="8:8">
      <c r="H297417" s="12"/>
    </row>
    <row r="297418" spans="8:8">
      <c r="H297418" s="12"/>
    </row>
    <row r="297419" spans="8:8">
      <c r="H297419" s="12"/>
    </row>
    <row r="297420" spans="8:8">
      <c r="H297420" s="12"/>
    </row>
    <row r="297421" spans="8:8">
      <c r="H297421" s="12"/>
    </row>
    <row r="297422" spans="8:8">
      <c r="H297422" s="12"/>
    </row>
    <row r="297423" spans="8:8">
      <c r="H297423" s="12"/>
    </row>
    <row r="297424" spans="8:8">
      <c r="H297424" s="12"/>
    </row>
    <row r="297425" spans="8:8">
      <c r="H297425" s="12"/>
    </row>
    <row r="297426" spans="8:8">
      <c r="H297426" s="12"/>
    </row>
    <row r="297427" spans="8:8">
      <c r="H297427" s="12"/>
    </row>
    <row r="297428" spans="8:8">
      <c r="H297428" s="12"/>
    </row>
    <row r="297429" spans="8:8">
      <c r="H297429" s="12"/>
    </row>
    <row r="297430" spans="8:8">
      <c r="H297430" s="12"/>
    </row>
    <row r="297431" spans="8:8">
      <c r="H297431" s="12"/>
    </row>
    <row r="297432" spans="8:8">
      <c r="H297432" s="12"/>
    </row>
    <row r="297433" spans="8:8">
      <c r="H297433" s="12"/>
    </row>
    <row r="297434" spans="8:8">
      <c r="H297434" s="12"/>
    </row>
    <row r="297435" spans="8:8">
      <c r="H297435" s="12"/>
    </row>
    <row r="297436" spans="8:8">
      <c r="H297436" s="12"/>
    </row>
    <row r="297437" spans="8:8">
      <c r="H297437" s="12"/>
    </row>
    <row r="297438" spans="8:8">
      <c r="H297438" s="12"/>
    </row>
    <row r="297439" spans="8:8">
      <c r="H297439" s="12"/>
    </row>
    <row r="297440" spans="8:8">
      <c r="H297440" s="12"/>
    </row>
    <row r="297441" spans="8:8">
      <c r="H297441" s="12"/>
    </row>
    <row r="297442" spans="8:8">
      <c r="H297442" s="12"/>
    </row>
    <row r="297443" spans="8:8">
      <c r="H297443" s="12"/>
    </row>
    <row r="297444" spans="8:8">
      <c r="H297444" s="12"/>
    </row>
    <row r="297445" spans="8:8">
      <c r="H297445" s="12"/>
    </row>
    <row r="297446" spans="8:8">
      <c r="H297446" s="12"/>
    </row>
    <row r="297447" spans="8:8">
      <c r="H297447" s="12"/>
    </row>
    <row r="297448" spans="8:8">
      <c r="H297448" s="12"/>
    </row>
    <row r="297449" spans="8:8">
      <c r="H297449" s="12"/>
    </row>
    <row r="297450" spans="8:8">
      <c r="H297450" s="12"/>
    </row>
    <row r="297451" spans="8:8">
      <c r="H297451" s="12"/>
    </row>
    <row r="297452" spans="8:8">
      <c r="H297452" s="12"/>
    </row>
    <row r="297453" spans="8:8">
      <c r="H297453" s="12"/>
    </row>
    <row r="297454" spans="8:8">
      <c r="H297454" s="12"/>
    </row>
    <row r="297455" spans="8:8">
      <c r="H297455" s="12"/>
    </row>
    <row r="297456" spans="8:8">
      <c r="H297456" s="12"/>
    </row>
    <row r="297457" spans="8:8">
      <c r="H297457" s="12"/>
    </row>
    <row r="297458" spans="8:8">
      <c r="H297458" s="12"/>
    </row>
    <row r="297459" spans="8:8">
      <c r="H297459" s="12"/>
    </row>
    <row r="297460" spans="8:8">
      <c r="H297460" s="12"/>
    </row>
    <row r="297461" spans="8:8">
      <c r="H297461" s="12"/>
    </row>
    <row r="297462" spans="8:8">
      <c r="H297462" s="12"/>
    </row>
    <row r="297463" spans="8:8">
      <c r="H297463" s="12"/>
    </row>
    <row r="297464" spans="8:8">
      <c r="H297464" s="12"/>
    </row>
    <row r="297465" spans="8:8">
      <c r="H297465" s="12"/>
    </row>
    <row r="297466" spans="8:8">
      <c r="H297466" s="12"/>
    </row>
    <row r="297467" spans="8:8">
      <c r="H297467" s="12"/>
    </row>
    <row r="297468" spans="8:8">
      <c r="H297468" s="12"/>
    </row>
    <row r="297469" spans="8:8">
      <c r="H297469" s="12"/>
    </row>
    <row r="297470" spans="8:8">
      <c r="H297470" s="12"/>
    </row>
    <row r="297471" spans="8:8">
      <c r="H297471" s="12"/>
    </row>
    <row r="297472" spans="8:8">
      <c r="H297472" s="12"/>
    </row>
    <row r="297473" spans="8:8">
      <c r="H297473" s="12"/>
    </row>
    <row r="297474" spans="8:8">
      <c r="H297474" s="12"/>
    </row>
    <row r="297475" spans="8:8">
      <c r="H297475" s="12"/>
    </row>
    <row r="297476" spans="8:8">
      <c r="H297476" s="12"/>
    </row>
    <row r="297477" spans="8:8">
      <c r="H297477" s="12"/>
    </row>
    <row r="297478" spans="8:8">
      <c r="H297478" s="12"/>
    </row>
    <row r="297479" spans="8:8">
      <c r="H297479" s="12"/>
    </row>
    <row r="297480" spans="8:8">
      <c r="H297480" s="12"/>
    </row>
    <row r="297481" spans="8:8">
      <c r="H297481" s="12"/>
    </row>
    <row r="297482" spans="8:8">
      <c r="H297482" s="12"/>
    </row>
    <row r="297483" spans="8:8">
      <c r="H297483" s="12"/>
    </row>
    <row r="297484" spans="8:8">
      <c r="H297484" s="12"/>
    </row>
    <row r="297485" spans="8:8">
      <c r="H297485" s="12"/>
    </row>
    <row r="297486" spans="8:8">
      <c r="H297486" s="12"/>
    </row>
    <row r="297487" spans="8:8">
      <c r="H297487" s="12"/>
    </row>
    <row r="297488" spans="8:8">
      <c r="H297488" s="12"/>
    </row>
    <row r="297489" spans="8:8">
      <c r="H297489" s="12"/>
    </row>
    <row r="297490" spans="8:8">
      <c r="H297490" s="12"/>
    </row>
    <row r="297491" spans="8:8">
      <c r="H297491" s="12"/>
    </row>
    <row r="297492" spans="8:8">
      <c r="H297492" s="12"/>
    </row>
    <row r="297493" spans="8:8">
      <c r="H297493" s="12"/>
    </row>
    <row r="297494" spans="8:8">
      <c r="H297494" s="12"/>
    </row>
    <row r="297495" spans="8:8">
      <c r="H297495" s="12"/>
    </row>
    <row r="297496" spans="8:8">
      <c r="H297496" s="12"/>
    </row>
    <row r="297497" spans="8:8">
      <c r="H297497" s="12"/>
    </row>
    <row r="297498" spans="8:8">
      <c r="H297498" s="12"/>
    </row>
    <row r="297499" spans="8:8">
      <c r="H297499" s="12"/>
    </row>
    <row r="297500" spans="8:8">
      <c r="H297500" s="12"/>
    </row>
    <row r="297501" spans="8:8">
      <c r="H297501" s="12"/>
    </row>
    <row r="297502" spans="8:8">
      <c r="H297502" s="12"/>
    </row>
    <row r="297503" spans="8:8">
      <c r="H297503" s="12"/>
    </row>
    <row r="297504" spans="8:8">
      <c r="H297504" s="12"/>
    </row>
    <row r="297505" spans="8:8">
      <c r="H297505" s="12"/>
    </row>
    <row r="297506" spans="8:8">
      <c r="H297506" s="12"/>
    </row>
    <row r="297507" spans="8:8">
      <c r="H297507" s="12"/>
    </row>
    <row r="297508" spans="8:8">
      <c r="H297508" s="12"/>
    </row>
    <row r="297509" spans="8:8">
      <c r="H297509" s="12"/>
    </row>
    <row r="297510" spans="8:8">
      <c r="H297510" s="12"/>
    </row>
    <row r="297511" spans="8:8">
      <c r="H297511" s="12"/>
    </row>
    <row r="297512" spans="8:8">
      <c r="H297512" s="12"/>
    </row>
    <row r="297513" spans="8:8">
      <c r="H297513" s="12"/>
    </row>
    <row r="297514" spans="8:8">
      <c r="H297514" s="12"/>
    </row>
    <row r="297515" spans="8:8">
      <c r="H297515" s="12"/>
    </row>
    <row r="297516" spans="8:8">
      <c r="H297516" s="12"/>
    </row>
    <row r="297517" spans="8:8">
      <c r="H297517" s="12"/>
    </row>
    <row r="297518" spans="8:8">
      <c r="H297518" s="12"/>
    </row>
    <row r="297519" spans="8:8">
      <c r="H297519" s="12"/>
    </row>
    <row r="297520" spans="8:8">
      <c r="H297520" s="12"/>
    </row>
    <row r="297521" spans="8:8">
      <c r="H297521" s="12"/>
    </row>
    <row r="297522" spans="8:8">
      <c r="H297522" s="12"/>
    </row>
    <row r="297523" spans="8:8">
      <c r="H297523" s="12"/>
    </row>
    <row r="297524" spans="8:8">
      <c r="H297524" s="12"/>
    </row>
    <row r="297525" spans="8:8">
      <c r="H297525" s="12"/>
    </row>
    <row r="297526" spans="8:8">
      <c r="H297526" s="12"/>
    </row>
    <row r="297527" spans="8:8">
      <c r="H297527" s="12"/>
    </row>
    <row r="297528" spans="8:8">
      <c r="H297528" s="12"/>
    </row>
    <row r="297529" spans="8:8">
      <c r="H297529" s="12"/>
    </row>
    <row r="297530" spans="8:8">
      <c r="H297530" s="12"/>
    </row>
    <row r="297531" spans="8:8">
      <c r="H297531" s="12"/>
    </row>
    <row r="297532" spans="8:8">
      <c r="H297532" s="12"/>
    </row>
    <row r="297533" spans="8:8">
      <c r="H297533" s="12"/>
    </row>
    <row r="297534" spans="8:8">
      <c r="H297534" s="12"/>
    </row>
    <row r="297535" spans="8:8">
      <c r="H297535" s="12"/>
    </row>
    <row r="297536" spans="8:8">
      <c r="H297536" s="12"/>
    </row>
    <row r="297537" spans="8:8">
      <c r="H297537" s="12"/>
    </row>
    <row r="297538" spans="8:8">
      <c r="H297538" s="12"/>
    </row>
    <row r="297539" spans="8:8">
      <c r="H297539" s="12"/>
    </row>
    <row r="297540" spans="8:8">
      <c r="H297540" s="12"/>
    </row>
    <row r="297541" spans="8:8">
      <c r="H297541" s="12"/>
    </row>
    <row r="297542" spans="8:8">
      <c r="H297542" s="12"/>
    </row>
    <row r="297543" spans="8:8">
      <c r="H297543" s="12"/>
    </row>
    <row r="297544" spans="8:8">
      <c r="H297544" s="12"/>
    </row>
    <row r="297545" spans="8:8">
      <c r="H297545" s="12"/>
    </row>
    <row r="297546" spans="8:8">
      <c r="H297546" s="12"/>
    </row>
    <row r="297547" spans="8:8">
      <c r="H297547" s="12"/>
    </row>
    <row r="297548" spans="8:8">
      <c r="H297548" s="12"/>
    </row>
    <row r="297549" spans="8:8">
      <c r="H297549" s="12"/>
    </row>
    <row r="297550" spans="8:8">
      <c r="H297550" s="12"/>
    </row>
    <row r="297551" spans="8:8">
      <c r="H297551" s="12"/>
    </row>
    <row r="297552" spans="8:8">
      <c r="H297552" s="12"/>
    </row>
    <row r="297553" spans="8:8">
      <c r="H297553" s="12"/>
    </row>
    <row r="297554" spans="8:8">
      <c r="H297554" s="12"/>
    </row>
    <row r="297555" spans="8:8">
      <c r="H297555" s="12"/>
    </row>
    <row r="297556" spans="8:8">
      <c r="H297556" s="12"/>
    </row>
    <row r="297557" spans="8:8">
      <c r="H297557" s="12"/>
    </row>
    <row r="297558" spans="8:8">
      <c r="H297558" s="12"/>
    </row>
    <row r="297559" spans="8:8">
      <c r="H297559" s="12"/>
    </row>
    <row r="297560" spans="8:8">
      <c r="H297560" s="12"/>
    </row>
    <row r="297561" spans="8:8">
      <c r="H297561" s="12"/>
    </row>
    <row r="297562" spans="8:8">
      <c r="H297562" s="12"/>
    </row>
    <row r="297563" spans="8:8">
      <c r="H297563" s="12"/>
    </row>
    <row r="297564" spans="8:8">
      <c r="H297564" s="12"/>
    </row>
    <row r="297565" spans="8:8">
      <c r="H297565" s="12"/>
    </row>
    <row r="297566" spans="8:8">
      <c r="H297566" s="12"/>
    </row>
    <row r="297567" spans="8:8">
      <c r="H297567" s="12"/>
    </row>
    <row r="297568" spans="8:8">
      <c r="H297568" s="12"/>
    </row>
    <row r="297569" spans="8:8">
      <c r="H297569" s="12"/>
    </row>
    <row r="297570" spans="8:8">
      <c r="H297570" s="12"/>
    </row>
    <row r="297571" spans="8:8">
      <c r="H297571" s="12"/>
    </row>
    <row r="297572" spans="8:8">
      <c r="H297572" s="12"/>
    </row>
    <row r="297573" spans="8:8">
      <c r="H297573" s="12"/>
    </row>
    <row r="297574" spans="8:8">
      <c r="H297574" s="12"/>
    </row>
    <row r="297575" spans="8:8">
      <c r="H297575" s="12"/>
    </row>
    <row r="297576" spans="8:8">
      <c r="H297576" s="12"/>
    </row>
    <row r="297577" spans="8:8">
      <c r="H297577" s="12"/>
    </row>
    <row r="297578" spans="8:8">
      <c r="H297578" s="12"/>
    </row>
    <row r="297579" spans="8:8">
      <c r="H297579" s="12"/>
    </row>
    <row r="297580" spans="8:8">
      <c r="H297580" s="12"/>
    </row>
    <row r="297581" spans="8:8">
      <c r="H297581" s="12"/>
    </row>
    <row r="297582" spans="8:8">
      <c r="H297582" s="12"/>
    </row>
    <row r="297583" spans="8:8">
      <c r="H297583" s="12"/>
    </row>
    <row r="297584" spans="8:8">
      <c r="H297584" s="12"/>
    </row>
    <row r="297585" spans="8:8">
      <c r="H297585" s="12"/>
    </row>
    <row r="297586" spans="8:8">
      <c r="H297586" s="12"/>
    </row>
    <row r="297587" spans="8:8">
      <c r="H297587" s="12"/>
    </row>
    <row r="297588" spans="8:8">
      <c r="H297588" s="12"/>
    </row>
    <row r="297589" spans="8:8">
      <c r="H297589" s="12"/>
    </row>
    <row r="297590" spans="8:8">
      <c r="H297590" s="12"/>
    </row>
    <row r="297591" spans="8:8">
      <c r="H297591" s="12"/>
    </row>
    <row r="297592" spans="8:8">
      <c r="H297592" s="12"/>
    </row>
    <row r="297593" spans="8:8">
      <c r="H297593" s="12"/>
    </row>
    <row r="297594" spans="8:8">
      <c r="H297594" s="12"/>
    </row>
    <row r="297595" spans="8:8">
      <c r="H297595" s="12"/>
    </row>
    <row r="297596" spans="8:8">
      <c r="H297596" s="12"/>
    </row>
    <row r="297597" spans="8:8">
      <c r="H297597" s="12"/>
    </row>
    <row r="297598" spans="8:8">
      <c r="H297598" s="12"/>
    </row>
    <row r="297599" spans="8:8">
      <c r="H297599" s="12"/>
    </row>
    <row r="297600" spans="8:8">
      <c r="H297600" s="12"/>
    </row>
    <row r="297601" spans="8:8">
      <c r="H297601" s="12"/>
    </row>
    <row r="297602" spans="8:8">
      <c r="H297602" s="12"/>
    </row>
    <row r="297603" spans="8:8">
      <c r="H297603" s="12"/>
    </row>
    <row r="297604" spans="8:8">
      <c r="H297604" s="12"/>
    </row>
    <row r="297605" spans="8:8">
      <c r="H297605" s="12"/>
    </row>
    <row r="297606" spans="8:8">
      <c r="H297606" s="12"/>
    </row>
    <row r="297607" spans="8:8">
      <c r="H297607" s="12"/>
    </row>
    <row r="297608" spans="8:8">
      <c r="H297608" s="12"/>
    </row>
    <row r="297609" spans="8:8">
      <c r="H297609" s="12"/>
    </row>
    <row r="297610" spans="8:8">
      <c r="H297610" s="12"/>
    </row>
    <row r="297611" spans="8:8">
      <c r="H297611" s="12"/>
    </row>
    <row r="297612" spans="8:8">
      <c r="H297612" s="12"/>
    </row>
    <row r="297613" spans="8:8">
      <c r="H297613" s="12"/>
    </row>
    <row r="297614" spans="8:8">
      <c r="H297614" s="12"/>
    </row>
    <row r="297615" spans="8:8">
      <c r="H297615" s="12"/>
    </row>
    <row r="297616" spans="8:8">
      <c r="H297616" s="12"/>
    </row>
    <row r="297617" spans="8:8">
      <c r="H297617" s="12"/>
    </row>
    <row r="297618" spans="8:8">
      <c r="H297618" s="12"/>
    </row>
    <row r="297619" spans="8:8">
      <c r="H297619" s="12"/>
    </row>
    <row r="297620" spans="8:8">
      <c r="H297620" s="12"/>
    </row>
    <row r="297621" spans="8:8">
      <c r="H297621" s="12"/>
    </row>
    <row r="297622" spans="8:8">
      <c r="H297622" s="12"/>
    </row>
    <row r="297623" spans="8:8">
      <c r="H297623" s="12"/>
    </row>
    <row r="297624" spans="8:8">
      <c r="H297624" s="12"/>
    </row>
    <row r="297625" spans="8:8">
      <c r="H297625" s="12"/>
    </row>
    <row r="297626" spans="8:8">
      <c r="H297626" s="12"/>
    </row>
    <row r="297627" spans="8:8">
      <c r="H297627" s="12"/>
    </row>
    <row r="297628" spans="8:8">
      <c r="H297628" s="12"/>
    </row>
    <row r="297629" spans="8:8">
      <c r="H297629" s="12"/>
    </row>
    <row r="297630" spans="8:8">
      <c r="H297630" s="12"/>
    </row>
    <row r="297631" spans="8:8">
      <c r="H297631" s="12"/>
    </row>
    <row r="297632" spans="8:8">
      <c r="H297632" s="12"/>
    </row>
    <row r="297633" spans="8:8">
      <c r="H297633" s="12"/>
    </row>
    <row r="297634" spans="8:8">
      <c r="H297634" s="12"/>
    </row>
    <row r="297635" spans="8:8">
      <c r="H297635" s="12"/>
    </row>
    <row r="297636" spans="8:8">
      <c r="H297636" s="12"/>
    </row>
    <row r="297637" spans="8:8">
      <c r="H297637" s="12"/>
    </row>
    <row r="297638" spans="8:8">
      <c r="H297638" s="12"/>
    </row>
    <row r="297639" spans="8:8">
      <c r="H297639" s="12"/>
    </row>
    <row r="297640" spans="8:8">
      <c r="H297640" s="12"/>
    </row>
    <row r="297641" spans="8:8">
      <c r="H297641" s="12"/>
    </row>
    <row r="297642" spans="8:8">
      <c r="H297642" s="12"/>
    </row>
    <row r="297643" spans="8:8">
      <c r="H297643" s="12"/>
    </row>
    <row r="297644" spans="8:8">
      <c r="H297644" s="12"/>
    </row>
    <row r="297645" spans="8:8">
      <c r="H297645" s="12"/>
    </row>
    <row r="297646" spans="8:8">
      <c r="H297646" s="12"/>
    </row>
    <row r="297647" spans="8:8">
      <c r="H297647" s="12"/>
    </row>
    <row r="297648" spans="8:8">
      <c r="H297648" s="12"/>
    </row>
    <row r="297649" spans="8:8">
      <c r="H297649" s="12"/>
    </row>
    <row r="297650" spans="8:8">
      <c r="H297650" s="12"/>
    </row>
    <row r="297651" spans="8:8">
      <c r="H297651" s="12"/>
    </row>
    <row r="297652" spans="8:8">
      <c r="H297652" s="12"/>
    </row>
    <row r="297653" spans="8:8">
      <c r="H297653" s="12"/>
    </row>
    <row r="297654" spans="8:8">
      <c r="H297654" s="12"/>
    </row>
    <row r="297655" spans="8:8">
      <c r="H297655" s="12"/>
    </row>
    <row r="297656" spans="8:8">
      <c r="H297656" s="12"/>
    </row>
    <row r="297657" spans="8:8">
      <c r="H297657" s="12"/>
    </row>
    <row r="297658" spans="8:8">
      <c r="H297658" s="12"/>
    </row>
    <row r="297659" spans="8:8">
      <c r="H297659" s="12"/>
    </row>
    <row r="297660" spans="8:8">
      <c r="H297660" s="12"/>
    </row>
    <row r="297661" spans="8:8">
      <c r="H297661" s="12"/>
    </row>
    <row r="297662" spans="8:8">
      <c r="H297662" s="12"/>
    </row>
    <row r="297663" spans="8:8">
      <c r="H297663" s="12"/>
    </row>
    <row r="297664" spans="8:8">
      <c r="H297664" s="12"/>
    </row>
    <row r="297665" spans="8:8">
      <c r="H297665" s="12"/>
    </row>
    <row r="297666" spans="8:8">
      <c r="H297666" s="12"/>
    </row>
    <row r="297667" spans="8:8">
      <c r="H297667" s="12"/>
    </row>
    <row r="297668" spans="8:8">
      <c r="H297668" s="12"/>
    </row>
    <row r="297669" spans="8:8">
      <c r="H297669" s="12"/>
    </row>
    <row r="297670" spans="8:8">
      <c r="H297670" s="12"/>
    </row>
    <row r="297671" spans="8:8">
      <c r="H297671" s="12"/>
    </row>
    <row r="297672" spans="8:8">
      <c r="H297672" s="12"/>
    </row>
    <row r="297673" spans="8:8">
      <c r="H297673" s="12"/>
    </row>
    <row r="297674" spans="8:8">
      <c r="H297674" s="12"/>
    </row>
    <row r="297675" spans="8:8">
      <c r="H297675" s="12"/>
    </row>
    <row r="297676" spans="8:8">
      <c r="H297676" s="12"/>
    </row>
    <row r="297677" spans="8:8">
      <c r="H297677" s="12"/>
    </row>
    <row r="297678" spans="8:8">
      <c r="H297678" s="12"/>
    </row>
    <row r="297679" spans="8:8">
      <c r="H297679" s="12"/>
    </row>
    <row r="297680" spans="8:8">
      <c r="H297680" s="12"/>
    </row>
    <row r="297681" spans="8:8">
      <c r="H297681" s="12"/>
    </row>
    <row r="297682" spans="8:8">
      <c r="H297682" s="12"/>
    </row>
    <row r="297683" spans="8:8">
      <c r="H297683" s="12"/>
    </row>
    <row r="297684" spans="8:8">
      <c r="H297684" s="12"/>
    </row>
    <row r="297685" spans="8:8">
      <c r="H297685" s="12"/>
    </row>
    <row r="297686" spans="8:8">
      <c r="H297686" s="12"/>
    </row>
    <row r="297687" spans="8:8">
      <c r="H297687" s="12"/>
    </row>
    <row r="297688" spans="8:8">
      <c r="H297688" s="12"/>
    </row>
    <row r="297689" spans="8:8">
      <c r="H297689" s="12"/>
    </row>
    <row r="297690" spans="8:8">
      <c r="H297690" s="12"/>
    </row>
    <row r="297691" spans="8:8">
      <c r="H297691" s="12"/>
    </row>
    <row r="297692" spans="8:8">
      <c r="H297692" s="12"/>
    </row>
    <row r="297693" spans="8:8">
      <c r="H297693" s="12"/>
    </row>
    <row r="297694" spans="8:8">
      <c r="H297694" s="12"/>
    </row>
    <row r="297695" spans="8:8">
      <c r="H297695" s="12"/>
    </row>
    <row r="297696" spans="8:8">
      <c r="H297696" s="12"/>
    </row>
    <row r="297697" spans="8:8">
      <c r="H297697" s="12"/>
    </row>
    <row r="297698" spans="8:8">
      <c r="H297698" s="12"/>
    </row>
    <row r="297699" spans="8:8">
      <c r="H297699" s="12"/>
    </row>
    <row r="297700" spans="8:8">
      <c r="H297700" s="12"/>
    </row>
    <row r="297701" spans="8:8">
      <c r="H297701" s="12"/>
    </row>
    <row r="297702" spans="8:8">
      <c r="H297702" s="12"/>
    </row>
    <row r="297703" spans="8:8">
      <c r="H297703" s="12"/>
    </row>
    <row r="297704" spans="8:8">
      <c r="H297704" s="12"/>
    </row>
    <row r="297705" spans="8:8">
      <c r="H297705" s="12"/>
    </row>
    <row r="297706" spans="8:8">
      <c r="H297706" s="12"/>
    </row>
    <row r="297707" spans="8:8">
      <c r="H297707" s="12"/>
    </row>
    <row r="297708" spans="8:8">
      <c r="H297708" s="12"/>
    </row>
    <row r="297709" spans="8:8">
      <c r="H297709" s="12"/>
    </row>
    <row r="297710" spans="8:8">
      <c r="H297710" s="12"/>
    </row>
    <row r="297711" spans="8:8">
      <c r="H297711" s="12"/>
    </row>
    <row r="297712" spans="8:8">
      <c r="H297712" s="12"/>
    </row>
    <row r="297713" spans="8:8">
      <c r="H297713" s="12"/>
    </row>
    <row r="297714" spans="8:8">
      <c r="H297714" s="12"/>
    </row>
    <row r="297715" spans="8:8">
      <c r="H297715" s="12"/>
    </row>
    <row r="297716" spans="8:8">
      <c r="H297716" s="12"/>
    </row>
    <row r="297717" spans="8:8">
      <c r="H297717" s="12"/>
    </row>
    <row r="297718" spans="8:8">
      <c r="H297718" s="12"/>
    </row>
    <row r="297719" spans="8:8">
      <c r="H297719" s="12"/>
    </row>
    <row r="297720" spans="8:8">
      <c r="H297720" s="12"/>
    </row>
    <row r="297721" spans="8:8">
      <c r="H297721" s="12"/>
    </row>
    <row r="297722" spans="8:8">
      <c r="H297722" s="12"/>
    </row>
    <row r="297723" spans="8:8">
      <c r="H297723" s="12"/>
    </row>
    <row r="297724" spans="8:8">
      <c r="H297724" s="12"/>
    </row>
    <row r="297725" spans="8:8">
      <c r="H297725" s="12"/>
    </row>
    <row r="297726" spans="8:8">
      <c r="H297726" s="12"/>
    </row>
    <row r="297727" spans="8:8">
      <c r="H297727" s="12"/>
    </row>
    <row r="297728" spans="8:8">
      <c r="H297728" s="12"/>
    </row>
    <row r="297729" spans="8:8">
      <c r="H297729" s="12"/>
    </row>
    <row r="297730" spans="8:8">
      <c r="H297730" s="12"/>
    </row>
    <row r="297731" spans="8:8">
      <c r="H297731" s="12"/>
    </row>
    <row r="297732" spans="8:8">
      <c r="H297732" s="12"/>
    </row>
    <row r="297733" spans="8:8">
      <c r="H297733" s="12"/>
    </row>
    <row r="297734" spans="8:8">
      <c r="H297734" s="12"/>
    </row>
    <row r="297735" spans="8:8">
      <c r="H297735" s="12"/>
    </row>
    <row r="297736" spans="8:8">
      <c r="H297736" s="12"/>
    </row>
    <row r="297737" spans="8:8">
      <c r="H297737" s="12"/>
    </row>
    <row r="297738" spans="8:8">
      <c r="H297738" s="12"/>
    </row>
    <row r="297739" spans="8:8">
      <c r="H297739" s="12"/>
    </row>
    <row r="297740" spans="8:8">
      <c r="H297740" s="12"/>
    </row>
    <row r="297741" spans="8:8">
      <c r="H297741" s="12"/>
    </row>
    <row r="297742" spans="8:8">
      <c r="H297742" s="12"/>
    </row>
    <row r="297743" spans="8:8">
      <c r="H297743" s="12"/>
    </row>
    <row r="297744" spans="8:8">
      <c r="H297744" s="12"/>
    </row>
    <row r="297745" spans="8:8">
      <c r="H297745" s="12"/>
    </row>
    <row r="297746" spans="8:8">
      <c r="H297746" s="12"/>
    </row>
    <row r="297747" spans="8:8">
      <c r="H297747" s="12"/>
    </row>
    <row r="297748" spans="8:8">
      <c r="H297748" s="12"/>
    </row>
    <row r="297749" spans="8:8">
      <c r="H297749" s="12"/>
    </row>
    <row r="297750" spans="8:8">
      <c r="H297750" s="12"/>
    </row>
    <row r="297751" spans="8:8">
      <c r="H297751" s="12"/>
    </row>
    <row r="297752" spans="8:8">
      <c r="H297752" s="12"/>
    </row>
    <row r="297753" spans="8:8">
      <c r="H297753" s="12"/>
    </row>
    <row r="297754" spans="8:8">
      <c r="H297754" s="12"/>
    </row>
    <row r="297755" spans="8:8">
      <c r="H297755" s="12"/>
    </row>
    <row r="297756" spans="8:8">
      <c r="H297756" s="12"/>
    </row>
    <row r="297757" spans="8:8">
      <c r="H297757" s="12"/>
    </row>
    <row r="297758" spans="8:8">
      <c r="H297758" s="12"/>
    </row>
    <row r="297759" spans="8:8">
      <c r="H297759" s="12"/>
    </row>
    <row r="297760" spans="8:8">
      <c r="H297760" s="12"/>
    </row>
    <row r="297761" spans="8:8">
      <c r="H297761" s="12"/>
    </row>
    <row r="297762" spans="8:8">
      <c r="H297762" s="12"/>
    </row>
    <row r="297763" spans="8:8">
      <c r="H297763" s="12"/>
    </row>
    <row r="297764" spans="8:8">
      <c r="H297764" s="12"/>
    </row>
    <row r="297765" spans="8:8">
      <c r="H297765" s="12"/>
    </row>
    <row r="297766" spans="8:8">
      <c r="H297766" s="12"/>
    </row>
    <row r="297767" spans="8:8">
      <c r="H297767" s="12"/>
    </row>
    <row r="297768" spans="8:8">
      <c r="H297768" s="12"/>
    </row>
    <row r="297769" spans="8:8">
      <c r="H297769" s="12"/>
    </row>
    <row r="297770" spans="8:8">
      <c r="H297770" s="12"/>
    </row>
    <row r="297771" spans="8:8">
      <c r="H297771" s="12"/>
    </row>
    <row r="297772" spans="8:8">
      <c r="H297772" s="12"/>
    </row>
    <row r="297773" spans="8:8">
      <c r="H297773" s="12"/>
    </row>
    <row r="297774" spans="8:8">
      <c r="H297774" s="12"/>
    </row>
    <row r="297775" spans="8:8">
      <c r="H297775" s="12"/>
    </row>
    <row r="297776" spans="8:8">
      <c r="H297776" s="12"/>
    </row>
    <row r="297777" spans="8:8">
      <c r="H297777" s="12"/>
    </row>
    <row r="297778" spans="8:8">
      <c r="H297778" s="12"/>
    </row>
    <row r="297779" spans="8:8">
      <c r="H297779" s="12"/>
    </row>
    <row r="297780" spans="8:8">
      <c r="H297780" s="12"/>
    </row>
    <row r="297781" spans="8:8">
      <c r="H297781" s="12"/>
    </row>
    <row r="297782" spans="8:8">
      <c r="H297782" s="12"/>
    </row>
    <row r="297783" spans="8:8">
      <c r="H297783" s="12"/>
    </row>
    <row r="297784" spans="8:8">
      <c r="H297784" s="12"/>
    </row>
    <row r="297785" spans="8:8">
      <c r="H297785" s="12"/>
    </row>
    <row r="297786" spans="8:8">
      <c r="H297786" s="12"/>
    </row>
    <row r="297787" spans="8:8">
      <c r="H297787" s="12"/>
    </row>
    <row r="297788" spans="8:8">
      <c r="H297788" s="12"/>
    </row>
    <row r="297789" spans="8:8">
      <c r="H297789" s="12"/>
    </row>
    <row r="297790" spans="8:8">
      <c r="H297790" s="12"/>
    </row>
    <row r="297791" spans="8:8">
      <c r="H297791" s="12"/>
    </row>
    <row r="297792" spans="8:8">
      <c r="H297792" s="12"/>
    </row>
    <row r="297793" spans="8:8">
      <c r="H297793" s="12"/>
    </row>
    <row r="297794" spans="8:8">
      <c r="H297794" s="12"/>
    </row>
    <row r="297795" spans="8:8">
      <c r="H297795" s="12"/>
    </row>
    <row r="297796" spans="8:8">
      <c r="H297796" s="12"/>
    </row>
    <row r="297797" spans="8:8">
      <c r="H297797" s="12"/>
    </row>
    <row r="297798" spans="8:8">
      <c r="H297798" s="12"/>
    </row>
    <row r="297799" spans="8:8">
      <c r="H297799" s="12"/>
    </row>
    <row r="297800" spans="8:8">
      <c r="H297800" s="12"/>
    </row>
    <row r="297801" spans="8:8">
      <c r="H297801" s="12"/>
    </row>
    <row r="297802" spans="8:8">
      <c r="H297802" s="12"/>
    </row>
    <row r="297803" spans="8:8">
      <c r="H297803" s="12"/>
    </row>
    <row r="297804" spans="8:8">
      <c r="H297804" s="12"/>
    </row>
    <row r="297805" spans="8:8">
      <c r="H297805" s="12"/>
    </row>
    <row r="297806" spans="8:8">
      <c r="H297806" s="12"/>
    </row>
    <row r="297807" spans="8:8">
      <c r="H297807" s="12"/>
    </row>
    <row r="297808" spans="8:8">
      <c r="H297808" s="12"/>
    </row>
    <row r="297809" spans="8:8">
      <c r="H297809" s="12"/>
    </row>
    <row r="297810" spans="8:8">
      <c r="H297810" s="12"/>
    </row>
    <row r="297811" spans="8:8">
      <c r="H297811" s="12"/>
    </row>
    <row r="297812" spans="8:8">
      <c r="H297812" s="12"/>
    </row>
    <row r="297813" spans="8:8">
      <c r="H297813" s="12"/>
    </row>
    <row r="297814" spans="8:8">
      <c r="H297814" s="12"/>
    </row>
    <row r="297815" spans="8:8">
      <c r="H297815" s="12"/>
    </row>
    <row r="297816" spans="8:8">
      <c r="H297816" s="12"/>
    </row>
    <row r="297817" spans="8:8">
      <c r="H297817" s="12"/>
    </row>
    <row r="297818" spans="8:8">
      <c r="H297818" s="12"/>
    </row>
    <row r="297819" spans="8:8">
      <c r="H297819" s="12"/>
    </row>
    <row r="297820" spans="8:8">
      <c r="H297820" s="12"/>
    </row>
    <row r="297821" spans="8:8">
      <c r="H297821" s="12"/>
    </row>
    <row r="297822" spans="8:8">
      <c r="H297822" s="12"/>
    </row>
    <row r="297823" spans="8:8">
      <c r="H297823" s="12"/>
    </row>
    <row r="297824" spans="8:8">
      <c r="H297824" s="12"/>
    </row>
    <row r="297825" spans="8:8">
      <c r="H297825" s="12"/>
    </row>
    <row r="297826" spans="8:8">
      <c r="H297826" s="12"/>
    </row>
    <row r="297827" spans="8:8">
      <c r="H297827" s="12"/>
    </row>
    <row r="297828" spans="8:8">
      <c r="H297828" s="12"/>
    </row>
    <row r="297829" spans="8:8">
      <c r="H297829" s="12"/>
    </row>
    <row r="297830" spans="8:8">
      <c r="H297830" s="12"/>
    </row>
    <row r="297831" spans="8:8">
      <c r="H297831" s="12"/>
    </row>
    <row r="297832" spans="8:8">
      <c r="H297832" s="12"/>
    </row>
    <row r="297833" spans="8:8">
      <c r="H297833" s="12"/>
    </row>
    <row r="297834" spans="8:8">
      <c r="H297834" s="12"/>
    </row>
    <row r="297835" spans="8:8">
      <c r="H297835" s="12"/>
    </row>
    <row r="297836" spans="8:8">
      <c r="H297836" s="12"/>
    </row>
    <row r="297837" spans="8:8">
      <c r="H297837" s="12"/>
    </row>
    <row r="297838" spans="8:8">
      <c r="H297838" s="12"/>
    </row>
    <row r="297839" spans="8:8">
      <c r="H297839" s="12"/>
    </row>
    <row r="297840" spans="8:8">
      <c r="H297840" s="12"/>
    </row>
    <row r="297841" spans="8:8">
      <c r="H297841" s="12"/>
    </row>
    <row r="297842" spans="8:8">
      <c r="H297842" s="12"/>
    </row>
    <row r="297843" spans="8:8">
      <c r="H297843" s="12"/>
    </row>
    <row r="297844" spans="8:8">
      <c r="H297844" s="12"/>
    </row>
    <row r="297845" spans="8:8">
      <c r="H297845" s="12"/>
    </row>
    <row r="297846" spans="8:8">
      <c r="H297846" s="12"/>
    </row>
    <row r="297847" spans="8:8">
      <c r="H297847" s="12"/>
    </row>
    <row r="297848" spans="8:8">
      <c r="H297848" s="12"/>
    </row>
    <row r="297849" spans="8:8">
      <c r="H297849" s="12"/>
    </row>
    <row r="297850" spans="8:8">
      <c r="H297850" s="12"/>
    </row>
    <row r="297851" spans="8:8">
      <c r="H297851" s="12"/>
    </row>
    <row r="297852" spans="8:8">
      <c r="H297852" s="12"/>
    </row>
    <row r="297853" spans="8:8">
      <c r="H297853" s="12"/>
    </row>
    <row r="297854" spans="8:8">
      <c r="H297854" s="12"/>
    </row>
    <row r="297855" spans="8:8">
      <c r="H297855" s="12"/>
    </row>
    <row r="297856" spans="8:8">
      <c r="H297856" s="12"/>
    </row>
    <row r="297857" spans="8:8">
      <c r="H297857" s="12"/>
    </row>
    <row r="297858" spans="8:8">
      <c r="H297858" s="12"/>
    </row>
    <row r="297859" spans="8:8">
      <c r="H297859" s="12"/>
    </row>
    <row r="297860" spans="8:8">
      <c r="H297860" s="12"/>
    </row>
    <row r="297861" spans="8:8">
      <c r="H297861" s="12"/>
    </row>
    <row r="297862" spans="8:8">
      <c r="H297862" s="12"/>
    </row>
    <row r="297863" spans="8:8">
      <c r="H297863" s="12"/>
    </row>
    <row r="297864" spans="8:8">
      <c r="H297864" s="12"/>
    </row>
    <row r="297865" spans="8:8">
      <c r="H297865" s="12"/>
    </row>
    <row r="297866" spans="8:8">
      <c r="H297866" s="12"/>
    </row>
    <row r="297867" spans="8:8">
      <c r="H297867" s="12"/>
    </row>
    <row r="297868" spans="8:8">
      <c r="H297868" s="12"/>
    </row>
    <row r="297869" spans="8:8">
      <c r="H297869" s="12"/>
    </row>
    <row r="297870" spans="8:8">
      <c r="H297870" s="12"/>
    </row>
    <row r="297871" spans="8:8">
      <c r="H297871" s="12"/>
    </row>
    <row r="297872" spans="8:8">
      <c r="H297872" s="12"/>
    </row>
    <row r="297873" spans="8:8">
      <c r="H297873" s="12"/>
    </row>
    <row r="297874" spans="8:8">
      <c r="H297874" s="12"/>
    </row>
    <row r="297875" spans="8:8">
      <c r="H297875" s="12"/>
    </row>
    <row r="297876" spans="8:8">
      <c r="H297876" s="12"/>
    </row>
    <row r="297877" spans="8:8">
      <c r="H297877" s="12"/>
    </row>
    <row r="297878" spans="8:8">
      <c r="H297878" s="12"/>
    </row>
    <row r="297879" spans="8:8">
      <c r="H297879" s="12"/>
    </row>
    <row r="297880" spans="8:8">
      <c r="H297880" s="12"/>
    </row>
    <row r="297881" spans="8:8">
      <c r="H297881" s="12"/>
    </row>
    <row r="297882" spans="8:8">
      <c r="H297882" s="12"/>
    </row>
    <row r="297883" spans="8:8">
      <c r="H297883" s="12"/>
    </row>
    <row r="297884" spans="8:8">
      <c r="H297884" s="12"/>
    </row>
    <row r="297885" spans="8:8">
      <c r="H297885" s="12"/>
    </row>
    <row r="297886" spans="8:8">
      <c r="H297886" s="12"/>
    </row>
    <row r="297887" spans="8:8">
      <c r="H297887" s="12"/>
    </row>
    <row r="297888" spans="8:8">
      <c r="H297888" s="12"/>
    </row>
    <row r="297889" spans="8:8">
      <c r="H297889" s="12"/>
    </row>
    <row r="297890" spans="8:8">
      <c r="H297890" s="12"/>
    </row>
    <row r="297891" spans="8:8">
      <c r="H297891" s="12"/>
    </row>
    <row r="297892" spans="8:8">
      <c r="H297892" s="12"/>
    </row>
    <row r="297893" spans="8:8">
      <c r="H297893" s="12"/>
    </row>
    <row r="297894" spans="8:8">
      <c r="H297894" s="12"/>
    </row>
    <row r="297895" spans="8:8">
      <c r="H297895" s="12"/>
    </row>
    <row r="297896" spans="8:8">
      <c r="H297896" s="12"/>
    </row>
    <row r="297897" spans="8:8">
      <c r="H297897" s="12"/>
    </row>
    <row r="297898" spans="8:8">
      <c r="H297898" s="12"/>
    </row>
    <row r="297899" spans="8:8">
      <c r="H297899" s="12"/>
    </row>
    <row r="297900" spans="8:8">
      <c r="H297900" s="12"/>
    </row>
    <row r="297901" spans="8:8">
      <c r="H297901" s="12"/>
    </row>
    <row r="297902" spans="8:8">
      <c r="H297902" s="12"/>
    </row>
    <row r="297903" spans="8:8">
      <c r="H297903" s="12"/>
    </row>
    <row r="297904" spans="8:8">
      <c r="H297904" s="12"/>
    </row>
    <row r="297905" spans="8:8">
      <c r="H297905" s="12"/>
    </row>
    <row r="297906" spans="8:8">
      <c r="H297906" s="12"/>
    </row>
    <row r="297907" spans="8:8">
      <c r="H297907" s="12"/>
    </row>
    <row r="297908" spans="8:8">
      <c r="H297908" s="12"/>
    </row>
    <row r="297909" spans="8:8">
      <c r="H297909" s="12"/>
    </row>
    <row r="297910" spans="8:8">
      <c r="H297910" s="12"/>
    </row>
    <row r="297911" spans="8:8">
      <c r="H297911" s="12"/>
    </row>
    <row r="297912" spans="8:8">
      <c r="H297912" s="12"/>
    </row>
    <row r="297913" spans="8:8">
      <c r="H297913" s="12"/>
    </row>
    <row r="297914" spans="8:8">
      <c r="H297914" s="12"/>
    </row>
    <row r="297915" spans="8:8">
      <c r="H297915" s="12"/>
    </row>
    <row r="297916" spans="8:8">
      <c r="H297916" s="12"/>
    </row>
    <row r="297917" spans="8:8">
      <c r="H297917" s="12"/>
    </row>
    <row r="297918" spans="8:8">
      <c r="H297918" s="12"/>
    </row>
    <row r="297919" spans="8:8">
      <c r="H297919" s="12"/>
    </row>
    <row r="297920" spans="8:8">
      <c r="H297920" s="12"/>
    </row>
    <row r="297921" spans="8:8">
      <c r="H297921" s="12"/>
    </row>
    <row r="297922" spans="8:8">
      <c r="H297922" s="12"/>
    </row>
    <row r="297923" spans="8:8">
      <c r="H297923" s="12"/>
    </row>
    <row r="297924" spans="8:8">
      <c r="H297924" s="12"/>
    </row>
    <row r="297925" spans="8:8">
      <c r="H297925" s="12"/>
    </row>
    <row r="297926" spans="8:8">
      <c r="H297926" s="12"/>
    </row>
    <row r="297927" spans="8:8">
      <c r="H297927" s="12"/>
    </row>
    <row r="297928" spans="8:8">
      <c r="H297928" s="12"/>
    </row>
    <row r="297929" spans="8:8">
      <c r="H297929" s="12"/>
    </row>
    <row r="297930" spans="8:8">
      <c r="H297930" s="12"/>
    </row>
    <row r="297931" spans="8:8">
      <c r="H297931" s="12"/>
    </row>
    <row r="297932" spans="8:8">
      <c r="H297932" s="12"/>
    </row>
    <row r="297933" spans="8:8">
      <c r="H297933" s="12"/>
    </row>
    <row r="297934" spans="8:8">
      <c r="H297934" s="12"/>
    </row>
    <row r="297935" spans="8:8">
      <c r="H297935" s="12"/>
    </row>
    <row r="297936" spans="8:8">
      <c r="H297936" s="12"/>
    </row>
    <row r="297937" spans="8:8">
      <c r="H297937" s="12"/>
    </row>
    <row r="297938" spans="8:8">
      <c r="H297938" s="12"/>
    </row>
    <row r="297939" spans="8:8">
      <c r="H297939" s="12"/>
    </row>
    <row r="297940" spans="8:8">
      <c r="H297940" s="12"/>
    </row>
    <row r="297941" spans="8:8">
      <c r="H297941" s="12"/>
    </row>
    <row r="297942" spans="8:8">
      <c r="H297942" s="12"/>
    </row>
    <row r="297943" spans="8:8">
      <c r="H297943" s="12"/>
    </row>
    <row r="297944" spans="8:8">
      <c r="H297944" s="12"/>
    </row>
    <row r="297945" spans="8:8">
      <c r="H297945" s="12"/>
    </row>
    <row r="297946" spans="8:8">
      <c r="H297946" s="12"/>
    </row>
    <row r="297947" spans="8:8">
      <c r="H297947" s="12"/>
    </row>
    <row r="297948" spans="8:8">
      <c r="H297948" s="12"/>
    </row>
    <row r="297949" spans="8:8">
      <c r="H297949" s="12"/>
    </row>
    <row r="297950" spans="8:8">
      <c r="H297950" s="12"/>
    </row>
    <row r="297951" spans="8:8">
      <c r="H297951" s="12"/>
    </row>
    <row r="297952" spans="8:8">
      <c r="H297952" s="12"/>
    </row>
    <row r="297953" spans="8:8">
      <c r="H297953" s="12"/>
    </row>
    <row r="297954" spans="8:8">
      <c r="H297954" s="12"/>
    </row>
    <row r="297955" spans="8:8">
      <c r="H297955" s="12"/>
    </row>
    <row r="297956" spans="8:8">
      <c r="H297956" s="12"/>
    </row>
    <row r="297957" spans="8:8">
      <c r="H297957" s="12"/>
    </row>
    <row r="297958" spans="8:8">
      <c r="H297958" s="12"/>
    </row>
    <row r="297959" spans="8:8">
      <c r="H297959" s="12"/>
    </row>
    <row r="297960" spans="8:8">
      <c r="H297960" s="12"/>
    </row>
    <row r="297961" spans="8:8">
      <c r="H297961" s="12"/>
    </row>
    <row r="297962" spans="8:8">
      <c r="H297962" s="12"/>
    </row>
    <row r="297963" spans="8:8">
      <c r="H297963" s="12"/>
    </row>
    <row r="297964" spans="8:8">
      <c r="H297964" s="12"/>
    </row>
    <row r="297965" spans="8:8">
      <c r="H297965" s="12"/>
    </row>
    <row r="297966" spans="8:8">
      <c r="H297966" s="12"/>
    </row>
    <row r="297967" spans="8:8">
      <c r="H297967" s="12"/>
    </row>
    <row r="297968" spans="8:8">
      <c r="H297968" s="12"/>
    </row>
    <row r="297969" spans="8:8">
      <c r="H297969" s="12"/>
    </row>
    <row r="297970" spans="8:8">
      <c r="H297970" s="12"/>
    </row>
    <row r="297971" spans="8:8">
      <c r="H297971" s="12"/>
    </row>
    <row r="297972" spans="8:8">
      <c r="H297972" s="12"/>
    </row>
    <row r="297973" spans="8:8">
      <c r="H297973" s="12"/>
    </row>
    <row r="297974" spans="8:8">
      <c r="H297974" s="12"/>
    </row>
    <row r="297975" spans="8:8">
      <c r="H297975" s="12"/>
    </row>
    <row r="297976" spans="8:8">
      <c r="H297976" s="12"/>
    </row>
    <row r="297977" spans="8:8">
      <c r="H297977" s="12"/>
    </row>
    <row r="297978" spans="8:8">
      <c r="H297978" s="12"/>
    </row>
    <row r="297979" spans="8:8">
      <c r="H297979" s="12"/>
    </row>
    <row r="297980" spans="8:8">
      <c r="H297980" s="12"/>
    </row>
    <row r="297981" spans="8:8">
      <c r="H297981" s="12"/>
    </row>
    <row r="297982" spans="8:8">
      <c r="H297982" s="12"/>
    </row>
    <row r="297983" spans="8:8">
      <c r="H297983" s="12"/>
    </row>
    <row r="297984" spans="8:8">
      <c r="H297984" s="12"/>
    </row>
    <row r="297985" spans="8:8">
      <c r="H297985" s="12"/>
    </row>
    <row r="297986" spans="8:8">
      <c r="H297986" s="12"/>
    </row>
    <row r="297987" spans="8:8">
      <c r="H297987" s="12"/>
    </row>
    <row r="297988" spans="8:8">
      <c r="H297988" s="12"/>
    </row>
    <row r="297989" spans="8:8">
      <c r="H297989" s="12"/>
    </row>
    <row r="297990" spans="8:8">
      <c r="H297990" s="12"/>
    </row>
    <row r="297991" spans="8:8">
      <c r="H297991" s="12"/>
    </row>
    <row r="297992" spans="8:8">
      <c r="H297992" s="12"/>
    </row>
    <row r="297993" spans="8:8">
      <c r="H297993" s="12"/>
    </row>
    <row r="297994" spans="8:8">
      <c r="H297994" s="12"/>
    </row>
    <row r="297995" spans="8:8">
      <c r="H297995" s="12"/>
    </row>
    <row r="297996" spans="8:8">
      <c r="H297996" s="12"/>
    </row>
    <row r="297997" spans="8:8">
      <c r="H297997" s="12"/>
    </row>
    <row r="297998" spans="8:8">
      <c r="H297998" s="12"/>
    </row>
    <row r="297999" spans="8:8">
      <c r="H297999" s="12"/>
    </row>
    <row r="298000" spans="8:8">
      <c r="H298000" s="12"/>
    </row>
    <row r="298001" spans="8:8">
      <c r="H298001" s="12"/>
    </row>
    <row r="298002" spans="8:8">
      <c r="H298002" s="12"/>
    </row>
    <row r="298003" spans="8:8">
      <c r="H298003" s="12"/>
    </row>
    <row r="298004" spans="8:8">
      <c r="H298004" s="12"/>
    </row>
    <row r="298005" spans="8:8">
      <c r="H298005" s="12"/>
    </row>
    <row r="298006" spans="8:8">
      <c r="H298006" s="12"/>
    </row>
    <row r="298007" spans="8:8">
      <c r="H298007" s="12"/>
    </row>
    <row r="298008" spans="8:8">
      <c r="H298008" s="12"/>
    </row>
    <row r="298009" spans="8:8">
      <c r="H298009" s="12"/>
    </row>
    <row r="298010" spans="8:8">
      <c r="H298010" s="12"/>
    </row>
    <row r="298011" spans="8:8">
      <c r="H298011" s="12"/>
    </row>
    <row r="298012" spans="8:8">
      <c r="H298012" s="12"/>
    </row>
    <row r="298013" spans="8:8">
      <c r="H298013" s="12"/>
    </row>
    <row r="298014" spans="8:8">
      <c r="H298014" s="12"/>
    </row>
    <row r="298015" spans="8:8">
      <c r="H298015" s="12"/>
    </row>
    <row r="298016" spans="8:8">
      <c r="H298016" s="12"/>
    </row>
    <row r="298017" spans="8:8">
      <c r="H298017" s="12"/>
    </row>
    <row r="298018" spans="8:8">
      <c r="H298018" s="12"/>
    </row>
    <row r="298019" spans="8:8">
      <c r="H298019" s="12"/>
    </row>
    <row r="298020" spans="8:8">
      <c r="H298020" s="12"/>
    </row>
    <row r="298021" spans="8:8">
      <c r="H298021" s="12"/>
    </row>
    <row r="298022" spans="8:8">
      <c r="H298022" s="12"/>
    </row>
    <row r="298023" spans="8:8">
      <c r="H298023" s="12"/>
    </row>
    <row r="298024" spans="8:8">
      <c r="H298024" s="12"/>
    </row>
    <row r="298025" spans="8:8">
      <c r="H298025" s="12"/>
    </row>
    <row r="298026" spans="8:8">
      <c r="H298026" s="12"/>
    </row>
    <row r="298027" spans="8:8">
      <c r="H298027" s="12"/>
    </row>
    <row r="298028" spans="8:8">
      <c r="H298028" s="12"/>
    </row>
    <row r="298029" spans="8:8">
      <c r="H298029" s="12"/>
    </row>
    <row r="298030" spans="8:8">
      <c r="H298030" s="12"/>
    </row>
    <row r="298031" spans="8:8">
      <c r="H298031" s="12"/>
    </row>
    <row r="298032" spans="8:8">
      <c r="H298032" s="12"/>
    </row>
    <row r="298033" spans="8:8">
      <c r="H298033" s="12"/>
    </row>
    <row r="298034" spans="8:8">
      <c r="H298034" s="12"/>
    </row>
    <row r="298035" spans="8:8">
      <c r="H298035" s="12"/>
    </row>
    <row r="298036" spans="8:8">
      <c r="H298036" s="12"/>
    </row>
    <row r="298037" spans="8:8">
      <c r="H298037" s="12"/>
    </row>
    <row r="298038" spans="8:8">
      <c r="H298038" s="12"/>
    </row>
    <row r="298039" spans="8:8">
      <c r="H298039" s="12"/>
    </row>
    <row r="298040" spans="8:8">
      <c r="H298040" s="12"/>
    </row>
    <row r="298041" spans="8:8">
      <c r="H298041" s="12"/>
    </row>
    <row r="298042" spans="8:8">
      <c r="H298042" s="12"/>
    </row>
    <row r="298043" spans="8:8">
      <c r="H298043" s="12"/>
    </row>
    <row r="298044" spans="8:8">
      <c r="H298044" s="12"/>
    </row>
    <row r="298045" spans="8:8">
      <c r="H298045" s="12"/>
    </row>
    <row r="298046" spans="8:8">
      <c r="H298046" s="12"/>
    </row>
    <row r="298047" spans="8:8">
      <c r="H298047" s="12"/>
    </row>
    <row r="298048" spans="8:8">
      <c r="H298048" s="12"/>
    </row>
    <row r="298049" spans="8:8">
      <c r="H298049" s="12"/>
    </row>
    <row r="298050" spans="8:8">
      <c r="H298050" s="12"/>
    </row>
    <row r="298051" spans="8:8">
      <c r="H298051" s="12"/>
    </row>
    <row r="298052" spans="8:8">
      <c r="H298052" s="12"/>
    </row>
    <row r="298053" spans="8:8">
      <c r="H298053" s="12"/>
    </row>
    <row r="298054" spans="8:8">
      <c r="H298054" s="12"/>
    </row>
    <row r="298055" spans="8:8">
      <c r="H298055" s="12"/>
    </row>
    <row r="298056" spans="8:8">
      <c r="H298056" s="12"/>
    </row>
    <row r="298057" spans="8:8">
      <c r="H298057" s="12"/>
    </row>
    <row r="298058" spans="8:8">
      <c r="H298058" s="12"/>
    </row>
    <row r="298059" spans="8:8">
      <c r="H298059" s="12"/>
    </row>
    <row r="298060" spans="8:8">
      <c r="H298060" s="12"/>
    </row>
    <row r="298061" spans="8:8">
      <c r="H298061" s="12"/>
    </row>
    <row r="298062" spans="8:8">
      <c r="H298062" s="12"/>
    </row>
    <row r="298063" spans="8:8">
      <c r="H298063" s="12"/>
    </row>
    <row r="298064" spans="8:8">
      <c r="H298064" s="12"/>
    </row>
    <row r="298065" spans="8:8">
      <c r="H298065" s="12"/>
    </row>
    <row r="298066" spans="8:8">
      <c r="H298066" s="12"/>
    </row>
    <row r="298067" spans="8:8">
      <c r="H298067" s="12"/>
    </row>
    <row r="298068" spans="8:8">
      <c r="H298068" s="12"/>
    </row>
    <row r="298069" spans="8:8">
      <c r="H298069" s="12"/>
    </row>
    <row r="298070" spans="8:8">
      <c r="H298070" s="12"/>
    </row>
    <row r="298071" spans="8:8">
      <c r="H298071" s="12"/>
    </row>
    <row r="298072" spans="8:8">
      <c r="H298072" s="12"/>
    </row>
    <row r="298073" spans="8:8">
      <c r="H298073" s="12"/>
    </row>
    <row r="298074" spans="8:8">
      <c r="H298074" s="12"/>
    </row>
    <row r="298075" spans="8:8">
      <c r="H298075" s="12"/>
    </row>
    <row r="298076" spans="8:8">
      <c r="H298076" s="12"/>
    </row>
    <row r="298077" spans="8:8">
      <c r="H298077" s="12"/>
    </row>
    <row r="298078" spans="8:8">
      <c r="H298078" s="12"/>
    </row>
    <row r="298079" spans="8:8">
      <c r="H298079" s="12"/>
    </row>
    <row r="298080" spans="8:8">
      <c r="H298080" s="12"/>
    </row>
    <row r="298081" spans="8:8">
      <c r="H298081" s="12"/>
    </row>
    <row r="298082" spans="8:8">
      <c r="H298082" s="12"/>
    </row>
    <row r="298083" spans="8:8">
      <c r="H298083" s="12"/>
    </row>
    <row r="298084" spans="8:8">
      <c r="H298084" s="12"/>
    </row>
    <row r="298085" spans="8:8">
      <c r="H298085" s="12"/>
    </row>
    <row r="298086" spans="8:8">
      <c r="H298086" s="12"/>
    </row>
    <row r="298087" spans="8:8">
      <c r="H298087" s="12"/>
    </row>
    <row r="298088" spans="8:8">
      <c r="H298088" s="12"/>
    </row>
    <row r="298089" spans="8:8">
      <c r="H298089" s="12"/>
    </row>
    <row r="298090" spans="8:8">
      <c r="H298090" s="12"/>
    </row>
    <row r="298091" spans="8:8">
      <c r="H298091" s="12"/>
    </row>
    <row r="298092" spans="8:8">
      <c r="H298092" s="12"/>
    </row>
    <row r="298093" spans="8:8">
      <c r="H298093" s="12"/>
    </row>
    <row r="298094" spans="8:8">
      <c r="H298094" s="12"/>
    </row>
    <row r="298095" spans="8:8">
      <c r="H298095" s="12"/>
    </row>
    <row r="298096" spans="8:8">
      <c r="H298096" s="12"/>
    </row>
    <row r="298097" spans="8:8">
      <c r="H298097" s="12"/>
    </row>
    <row r="298098" spans="8:8">
      <c r="H298098" s="12"/>
    </row>
    <row r="298099" spans="8:8">
      <c r="H298099" s="12"/>
    </row>
    <row r="298100" spans="8:8">
      <c r="H298100" s="12"/>
    </row>
    <row r="298101" spans="8:8">
      <c r="H298101" s="12"/>
    </row>
    <row r="298102" spans="8:8">
      <c r="H298102" s="12"/>
    </row>
    <row r="298103" spans="8:8">
      <c r="H298103" s="12"/>
    </row>
    <row r="298104" spans="8:8">
      <c r="H298104" s="12"/>
    </row>
    <row r="298105" spans="8:8">
      <c r="H298105" s="12"/>
    </row>
    <row r="298106" spans="8:8">
      <c r="H298106" s="12"/>
    </row>
    <row r="298107" spans="8:8">
      <c r="H298107" s="12"/>
    </row>
    <row r="298108" spans="8:8">
      <c r="H298108" s="12"/>
    </row>
    <row r="298109" spans="8:8">
      <c r="H298109" s="12"/>
    </row>
    <row r="298110" spans="8:8">
      <c r="H298110" s="12"/>
    </row>
    <row r="298111" spans="8:8">
      <c r="H298111" s="12"/>
    </row>
    <row r="298112" spans="8:8">
      <c r="H298112" s="12"/>
    </row>
    <row r="298113" spans="8:8">
      <c r="H298113" s="12"/>
    </row>
    <row r="298114" spans="8:8">
      <c r="H298114" s="12"/>
    </row>
    <row r="298115" spans="8:8">
      <c r="H298115" s="12"/>
    </row>
    <row r="298116" spans="8:8">
      <c r="H298116" s="12"/>
    </row>
    <row r="298117" spans="8:8">
      <c r="H298117" s="12"/>
    </row>
    <row r="298118" spans="8:8">
      <c r="H298118" s="12"/>
    </row>
    <row r="298119" spans="8:8">
      <c r="H298119" s="12"/>
    </row>
    <row r="298120" spans="8:8">
      <c r="H298120" s="12"/>
    </row>
    <row r="298121" spans="8:8">
      <c r="H298121" s="12"/>
    </row>
    <row r="298122" spans="8:8">
      <c r="H298122" s="12"/>
    </row>
    <row r="298123" spans="8:8">
      <c r="H298123" s="12"/>
    </row>
    <row r="298124" spans="8:8">
      <c r="H298124" s="12"/>
    </row>
    <row r="298125" spans="8:8">
      <c r="H298125" s="12"/>
    </row>
    <row r="298126" spans="8:8">
      <c r="H298126" s="12"/>
    </row>
    <row r="298127" spans="8:8">
      <c r="H298127" s="12"/>
    </row>
    <row r="298128" spans="8:8">
      <c r="H298128" s="12"/>
    </row>
    <row r="298129" spans="8:8">
      <c r="H298129" s="12"/>
    </row>
    <row r="298130" spans="8:8">
      <c r="H298130" s="12"/>
    </row>
    <row r="298131" spans="8:8">
      <c r="H298131" s="12"/>
    </row>
    <row r="298132" spans="8:8">
      <c r="H298132" s="12"/>
    </row>
    <row r="298133" spans="8:8">
      <c r="H298133" s="12"/>
    </row>
    <row r="298134" spans="8:8">
      <c r="H298134" s="12"/>
    </row>
    <row r="298135" spans="8:8">
      <c r="H298135" s="12"/>
    </row>
    <row r="298136" spans="8:8">
      <c r="H298136" s="12"/>
    </row>
    <row r="298137" spans="8:8">
      <c r="H298137" s="12"/>
    </row>
    <row r="298138" spans="8:8">
      <c r="H298138" s="12"/>
    </row>
    <row r="298139" spans="8:8">
      <c r="H298139" s="12"/>
    </row>
    <row r="298140" spans="8:8">
      <c r="H298140" s="12"/>
    </row>
    <row r="298141" spans="8:8">
      <c r="H298141" s="12"/>
    </row>
    <row r="298142" spans="8:8">
      <c r="H298142" s="12"/>
    </row>
    <row r="298143" spans="8:8">
      <c r="H298143" s="12"/>
    </row>
    <row r="298144" spans="8:8">
      <c r="H298144" s="12"/>
    </row>
    <row r="298145" spans="8:8">
      <c r="H298145" s="12"/>
    </row>
    <row r="298146" spans="8:8">
      <c r="H298146" s="12"/>
    </row>
    <row r="298147" spans="8:8">
      <c r="H298147" s="12"/>
    </row>
    <row r="298148" spans="8:8">
      <c r="H298148" s="12"/>
    </row>
    <row r="298149" spans="8:8">
      <c r="H298149" s="12"/>
    </row>
    <row r="298150" spans="8:8">
      <c r="H298150" s="12"/>
    </row>
    <row r="298151" spans="8:8">
      <c r="H298151" s="12"/>
    </row>
    <row r="298152" spans="8:8">
      <c r="H298152" s="12"/>
    </row>
    <row r="298153" spans="8:8">
      <c r="H298153" s="12"/>
    </row>
    <row r="298154" spans="8:8">
      <c r="H298154" s="12"/>
    </row>
    <row r="298155" spans="8:8">
      <c r="H298155" s="12"/>
    </row>
    <row r="298156" spans="8:8">
      <c r="H298156" s="12"/>
    </row>
    <row r="298157" spans="8:8">
      <c r="H298157" s="12"/>
    </row>
    <row r="298158" spans="8:8">
      <c r="H298158" s="12"/>
    </row>
    <row r="298159" spans="8:8">
      <c r="H298159" s="12"/>
    </row>
    <row r="298160" spans="8:8">
      <c r="H298160" s="12"/>
    </row>
    <row r="298161" spans="8:8">
      <c r="H298161" s="12"/>
    </row>
    <row r="298162" spans="8:8">
      <c r="H298162" s="12"/>
    </row>
    <row r="298163" spans="8:8">
      <c r="H298163" s="12"/>
    </row>
    <row r="298164" spans="8:8">
      <c r="H298164" s="12"/>
    </row>
    <row r="298165" spans="8:8">
      <c r="H298165" s="12"/>
    </row>
    <row r="298166" spans="8:8">
      <c r="H298166" s="12"/>
    </row>
    <row r="298167" spans="8:8">
      <c r="H298167" s="12"/>
    </row>
    <row r="298168" spans="8:8">
      <c r="H298168" s="12"/>
    </row>
    <row r="298169" spans="8:8">
      <c r="H298169" s="12"/>
    </row>
    <row r="298170" spans="8:8">
      <c r="H298170" s="12"/>
    </row>
    <row r="298171" spans="8:8">
      <c r="H298171" s="12"/>
    </row>
    <row r="298172" spans="8:8">
      <c r="H298172" s="12"/>
    </row>
    <row r="298173" spans="8:8">
      <c r="H298173" s="12"/>
    </row>
    <row r="298174" spans="8:8">
      <c r="H298174" s="12"/>
    </row>
    <row r="298175" spans="8:8">
      <c r="H298175" s="12"/>
    </row>
    <row r="298176" spans="8:8">
      <c r="H298176" s="12"/>
    </row>
    <row r="298177" spans="8:8">
      <c r="H298177" s="12"/>
    </row>
    <row r="298178" spans="8:8">
      <c r="H298178" s="12"/>
    </row>
    <row r="298179" spans="8:8">
      <c r="H298179" s="12"/>
    </row>
    <row r="298180" spans="8:8">
      <c r="H298180" s="12"/>
    </row>
    <row r="298181" spans="8:8">
      <c r="H298181" s="12"/>
    </row>
    <row r="298182" spans="8:8">
      <c r="H298182" s="12"/>
    </row>
    <row r="298183" spans="8:8">
      <c r="H298183" s="12"/>
    </row>
    <row r="298184" spans="8:8">
      <c r="H298184" s="12"/>
    </row>
    <row r="298185" spans="8:8">
      <c r="H298185" s="12"/>
    </row>
    <row r="298186" spans="8:8">
      <c r="H298186" s="12"/>
    </row>
    <row r="298187" spans="8:8">
      <c r="H298187" s="12"/>
    </row>
    <row r="298188" spans="8:8">
      <c r="H298188" s="12"/>
    </row>
    <row r="298189" spans="8:8">
      <c r="H298189" s="12"/>
    </row>
    <row r="298190" spans="8:8">
      <c r="H298190" s="12"/>
    </row>
    <row r="298191" spans="8:8">
      <c r="H298191" s="12"/>
    </row>
    <row r="298192" spans="8:8">
      <c r="H298192" s="12"/>
    </row>
    <row r="298193" spans="8:8">
      <c r="H298193" s="12"/>
    </row>
    <row r="298194" spans="8:8">
      <c r="H298194" s="12"/>
    </row>
    <row r="298195" spans="8:8">
      <c r="H298195" s="12"/>
    </row>
    <row r="298196" spans="8:8">
      <c r="H298196" s="12"/>
    </row>
    <row r="298197" spans="8:8">
      <c r="H298197" s="12"/>
    </row>
    <row r="298198" spans="8:8">
      <c r="H298198" s="12"/>
    </row>
    <row r="298199" spans="8:8">
      <c r="H298199" s="12"/>
    </row>
    <row r="298200" spans="8:8">
      <c r="H298200" s="12"/>
    </row>
    <row r="298201" spans="8:8">
      <c r="H298201" s="12"/>
    </row>
    <row r="298202" spans="8:8">
      <c r="H298202" s="12"/>
    </row>
    <row r="298203" spans="8:8">
      <c r="H298203" s="12"/>
    </row>
    <row r="298204" spans="8:8">
      <c r="H298204" s="12"/>
    </row>
    <row r="298205" spans="8:8">
      <c r="H298205" s="12"/>
    </row>
    <row r="298206" spans="8:8">
      <c r="H298206" s="12"/>
    </row>
    <row r="298207" spans="8:8">
      <c r="H298207" s="12"/>
    </row>
    <row r="298208" spans="8:8">
      <c r="H298208" s="12"/>
    </row>
    <row r="298209" spans="8:8">
      <c r="H298209" s="12"/>
    </row>
    <row r="298210" spans="8:8">
      <c r="H298210" s="12"/>
    </row>
    <row r="298211" spans="8:8">
      <c r="H298211" s="12"/>
    </row>
    <row r="298212" spans="8:8">
      <c r="H298212" s="12"/>
    </row>
    <row r="298213" spans="8:8">
      <c r="H298213" s="12"/>
    </row>
    <row r="298214" spans="8:8">
      <c r="H298214" s="12"/>
    </row>
    <row r="298215" spans="8:8">
      <c r="H298215" s="12"/>
    </row>
    <row r="298216" spans="8:8">
      <c r="H298216" s="12"/>
    </row>
    <row r="298217" spans="8:8">
      <c r="H298217" s="12"/>
    </row>
    <row r="298218" spans="8:8">
      <c r="H298218" s="12"/>
    </row>
    <row r="298219" spans="8:8">
      <c r="H298219" s="12"/>
    </row>
    <row r="298220" spans="8:8">
      <c r="H298220" s="12"/>
    </row>
    <row r="298221" spans="8:8">
      <c r="H298221" s="12"/>
    </row>
    <row r="298222" spans="8:8">
      <c r="H298222" s="12"/>
    </row>
    <row r="298223" spans="8:8">
      <c r="H298223" s="12"/>
    </row>
    <row r="298224" spans="8:8">
      <c r="H298224" s="12"/>
    </row>
    <row r="298225" spans="8:8">
      <c r="H298225" s="12"/>
    </row>
    <row r="298226" spans="8:8">
      <c r="H298226" s="12"/>
    </row>
    <row r="298227" spans="8:8">
      <c r="H298227" s="12"/>
    </row>
    <row r="298228" spans="8:8">
      <c r="H298228" s="12"/>
    </row>
    <row r="298229" spans="8:8">
      <c r="H298229" s="12"/>
    </row>
    <row r="298230" spans="8:8">
      <c r="H298230" s="12"/>
    </row>
    <row r="298231" spans="8:8">
      <c r="H298231" s="12"/>
    </row>
    <row r="298232" spans="8:8">
      <c r="H298232" s="12"/>
    </row>
    <row r="298233" spans="8:8">
      <c r="H298233" s="12"/>
    </row>
    <row r="298234" spans="8:8">
      <c r="H298234" s="12"/>
    </row>
    <row r="298235" spans="8:8">
      <c r="H298235" s="12"/>
    </row>
    <row r="298236" spans="8:8">
      <c r="H298236" s="12"/>
    </row>
    <row r="298237" spans="8:8">
      <c r="H298237" s="12"/>
    </row>
    <row r="298238" spans="8:8">
      <c r="H298238" s="12"/>
    </row>
    <row r="298239" spans="8:8">
      <c r="H298239" s="12"/>
    </row>
    <row r="298240" spans="8:8">
      <c r="H298240" s="12"/>
    </row>
    <row r="298241" spans="8:8">
      <c r="H298241" s="12"/>
    </row>
    <row r="298242" spans="8:8">
      <c r="H298242" s="12"/>
    </row>
    <row r="298243" spans="8:8">
      <c r="H298243" s="12"/>
    </row>
    <row r="298244" spans="8:8">
      <c r="H298244" s="12"/>
    </row>
    <row r="298245" spans="8:8">
      <c r="H298245" s="12"/>
    </row>
    <row r="298246" spans="8:8">
      <c r="H298246" s="12"/>
    </row>
    <row r="298247" spans="8:8">
      <c r="H298247" s="12"/>
    </row>
    <row r="298248" spans="8:8">
      <c r="H298248" s="12"/>
    </row>
    <row r="298249" spans="8:8">
      <c r="H298249" s="12"/>
    </row>
    <row r="298250" spans="8:8">
      <c r="H298250" s="12"/>
    </row>
    <row r="298251" spans="8:8">
      <c r="H298251" s="12"/>
    </row>
    <row r="298252" spans="8:8">
      <c r="H298252" s="12"/>
    </row>
    <row r="298253" spans="8:8">
      <c r="H298253" s="12"/>
    </row>
    <row r="298254" spans="8:8">
      <c r="H298254" s="12"/>
    </row>
    <row r="298255" spans="8:8">
      <c r="H298255" s="12"/>
    </row>
    <row r="298256" spans="8:8">
      <c r="H298256" s="12"/>
    </row>
    <row r="298257" spans="8:8">
      <c r="H298257" s="12"/>
    </row>
    <row r="298258" spans="8:8">
      <c r="H298258" s="12"/>
    </row>
    <row r="298259" spans="8:8">
      <c r="H298259" s="12"/>
    </row>
    <row r="298260" spans="8:8">
      <c r="H298260" s="12"/>
    </row>
    <row r="298261" spans="8:8">
      <c r="H298261" s="12"/>
    </row>
    <row r="298262" spans="8:8">
      <c r="H298262" s="12"/>
    </row>
    <row r="298263" spans="8:8">
      <c r="H298263" s="12"/>
    </row>
    <row r="298264" spans="8:8">
      <c r="H298264" s="12"/>
    </row>
    <row r="298265" spans="8:8">
      <c r="H298265" s="12"/>
    </row>
    <row r="298266" spans="8:8">
      <c r="H298266" s="12"/>
    </row>
    <row r="298267" spans="8:8">
      <c r="H298267" s="12"/>
    </row>
    <row r="298268" spans="8:8">
      <c r="H298268" s="12"/>
    </row>
    <row r="298269" spans="8:8">
      <c r="H298269" s="12"/>
    </row>
    <row r="298270" spans="8:8">
      <c r="H298270" s="12"/>
    </row>
    <row r="298271" spans="8:8">
      <c r="H298271" s="12"/>
    </row>
    <row r="298272" spans="8:8">
      <c r="H298272" s="12"/>
    </row>
    <row r="298273" spans="8:8">
      <c r="H298273" s="12"/>
    </row>
    <row r="298274" spans="8:8">
      <c r="H298274" s="12"/>
    </row>
    <row r="298275" spans="8:8">
      <c r="H298275" s="12"/>
    </row>
    <row r="298276" spans="8:8">
      <c r="H298276" s="12"/>
    </row>
    <row r="298277" spans="8:8">
      <c r="H298277" s="12"/>
    </row>
    <row r="298278" spans="8:8">
      <c r="H298278" s="12"/>
    </row>
    <row r="298279" spans="8:8">
      <c r="H298279" s="12"/>
    </row>
    <row r="298280" spans="8:8">
      <c r="H298280" s="12"/>
    </row>
    <row r="298281" spans="8:8">
      <c r="H298281" s="12"/>
    </row>
    <row r="298282" spans="8:8">
      <c r="H298282" s="12"/>
    </row>
    <row r="298283" spans="8:8">
      <c r="H298283" s="12"/>
    </row>
    <row r="298284" spans="8:8">
      <c r="H298284" s="12"/>
    </row>
    <row r="298285" spans="8:8">
      <c r="H298285" s="12"/>
    </row>
    <row r="298286" spans="8:8">
      <c r="H298286" s="12"/>
    </row>
    <row r="298287" spans="8:8">
      <c r="H298287" s="12"/>
    </row>
    <row r="298288" spans="8:8">
      <c r="H298288" s="12"/>
    </row>
    <row r="298289" spans="8:8">
      <c r="H298289" s="12"/>
    </row>
    <row r="298290" spans="8:8">
      <c r="H298290" s="12"/>
    </row>
    <row r="298291" spans="8:8">
      <c r="H298291" s="12"/>
    </row>
    <row r="298292" spans="8:8">
      <c r="H298292" s="12"/>
    </row>
    <row r="298293" spans="8:8">
      <c r="H298293" s="12"/>
    </row>
    <row r="298294" spans="8:8">
      <c r="H298294" s="12"/>
    </row>
    <row r="298295" spans="8:8">
      <c r="H298295" s="12"/>
    </row>
    <row r="298296" spans="8:8">
      <c r="H298296" s="12"/>
    </row>
    <row r="298297" spans="8:8">
      <c r="H298297" s="12"/>
    </row>
    <row r="298298" spans="8:8">
      <c r="H298298" s="12"/>
    </row>
    <row r="298299" spans="8:8">
      <c r="H298299" s="12"/>
    </row>
    <row r="298300" spans="8:8">
      <c r="H298300" s="12"/>
    </row>
    <row r="298301" spans="8:8">
      <c r="H298301" s="12"/>
    </row>
    <row r="298302" spans="8:8">
      <c r="H298302" s="12"/>
    </row>
    <row r="298303" spans="8:8">
      <c r="H298303" s="12"/>
    </row>
    <row r="298304" spans="8:8">
      <c r="H298304" s="12"/>
    </row>
    <row r="298305" spans="8:8">
      <c r="H298305" s="12"/>
    </row>
    <row r="298306" spans="8:8">
      <c r="H298306" s="12"/>
    </row>
    <row r="298307" spans="8:8">
      <c r="H298307" s="12"/>
    </row>
    <row r="298308" spans="8:8">
      <c r="H298308" s="12"/>
    </row>
    <row r="298309" spans="8:8">
      <c r="H298309" s="12"/>
    </row>
    <row r="298310" spans="8:8">
      <c r="H298310" s="12"/>
    </row>
    <row r="298311" spans="8:8">
      <c r="H298311" s="12"/>
    </row>
    <row r="298312" spans="8:8">
      <c r="H298312" s="12"/>
    </row>
    <row r="298313" spans="8:8">
      <c r="H298313" s="12"/>
    </row>
    <row r="298314" spans="8:8">
      <c r="H298314" s="12"/>
    </row>
    <row r="298315" spans="8:8">
      <c r="H298315" s="12"/>
    </row>
    <row r="298316" spans="8:8">
      <c r="H298316" s="12"/>
    </row>
    <row r="298317" spans="8:8">
      <c r="H298317" s="12"/>
    </row>
    <row r="298318" spans="8:8">
      <c r="H298318" s="12"/>
    </row>
    <row r="298319" spans="8:8">
      <c r="H298319" s="12"/>
    </row>
    <row r="298320" spans="8:8">
      <c r="H298320" s="12"/>
    </row>
    <row r="298321" spans="8:8">
      <c r="H298321" s="12"/>
    </row>
    <row r="298322" spans="8:8">
      <c r="H298322" s="12"/>
    </row>
    <row r="298323" spans="8:8">
      <c r="H298323" s="12"/>
    </row>
    <row r="298324" spans="8:8">
      <c r="H298324" s="12"/>
    </row>
    <row r="298325" spans="8:8">
      <c r="H298325" s="12"/>
    </row>
    <row r="298326" spans="8:8">
      <c r="H298326" s="12"/>
    </row>
    <row r="298327" spans="8:8">
      <c r="H298327" s="12"/>
    </row>
    <row r="298328" spans="8:8">
      <c r="H298328" s="12"/>
    </row>
    <row r="298329" spans="8:8">
      <c r="H298329" s="12"/>
    </row>
    <row r="298330" spans="8:8">
      <c r="H298330" s="12"/>
    </row>
    <row r="298331" spans="8:8">
      <c r="H298331" s="12"/>
    </row>
    <row r="298332" spans="8:8">
      <c r="H298332" s="12"/>
    </row>
    <row r="298333" spans="8:8">
      <c r="H298333" s="12"/>
    </row>
    <row r="298334" spans="8:8">
      <c r="H298334" s="12"/>
    </row>
    <row r="298335" spans="8:8">
      <c r="H298335" s="12"/>
    </row>
    <row r="298336" spans="8:8">
      <c r="H298336" s="12"/>
    </row>
    <row r="298337" spans="8:8">
      <c r="H298337" s="12"/>
    </row>
    <row r="298338" spans="8:8">
      <c r="H298338" s="12"/>
    </row>
    <row r="298339" spans="8:8">
      <c r="H298339" s="12"/>
    </row>
    <row r="298340" spans="8:8">
      <c r="H298340" s="12"/>
    </row>
    <row r="298341" spans="8:8">
      <c r="H298341" s="12"/>
    </row>
    <row r="298342" spans="8:8">
      <c r="H298342" s="12"/>
    </row>
    <row r="298343" spans="8:8">
      <c r="H298343" s="12"/>
    </row>
    <row r="298344" spans="8:8">
      <c r="H298344" s="12"/>
    </row>
    <row r="298345" spans="8:8">
      <c r="H298345" s="12"/>
    </row>
    <row r="298346" spans="8:8">
      <c r="H298346" s="12"/>
    </row>
    <row r="298347" spans="8:8">
      <c r="H298347" s="12"/>
    </row>
    <row r="298348" spans="8:8">
      <c r="H298348" s="12"/>
    </row>
    <row r="298349" spans="8:8">
      <c r="H298349" s="12"/>
    </row>
    <row r="298350" spans="8:8">
      <c r="H298350" s="12"/>
    </row>
    <row r="298351" spans="8:8">
      <c r="H298351" s="12"/>
    </row>
    <row r="298352" spans="8:8">
      <c r="H298352" s="12"/>
    </row>
    <row r="298353" spans="8:8">
      <c r="H298353" s="12"/>
    </row>
    <row r="298354" spans="8:8">
      <c r="H298354" s="12"/>
    </row>
    <row r="298355" spans="8:8">
      <c r="H298355" s="12"/>
    </row>
    <row r="298356" spans="8:8">
      <c r="H298356" s="12"/>
    </row>
    <row r="298357" spans="8:8">
      <c r="H298357" s="12"/>
    </row>
    <row r="298358" spans="8:8">
      <c r="H298358" s="12"/>
    </row>
    <row r="298359" spans="8:8">
      <c r="H298359" s="12"/>
    </row>
    <row r="298360" spans="8:8">
      <c r="H298360" s="12"/>
    </row>
    <row r="298361" spans="8:8">
      <c r="H298361" s="12"/>
    </row>
    <row r="298362" spans="8:8">
      <c r="H298362" s="12"/>
    </row>
    <row r="298363" spans="8:8">
      <c r="H298363" s="12"/>
    </row>
    <row r="298364" spans="8:8">
      <c r="H298364" s="12"/>
    </row>
    <row r="298365" spans="8:8">
      <c r="H298365" s="12"/>
    </row>
    <row r="298366" spans="8:8">
      <c r="H298366" s="12"/>
    </row>
    <row r="298367" spans="8:8">
      <c r="H298367" s="12"/>
    </row>
    <row r="298368" spans="8:8">
      <c r="H298368" s="12"/>
    </row>
    <row r="298369" spans="8:8">
      <c r="H298369" s="12"/>
    </row>
    <row r="298370" spans="8:8">
      <c r="H298370" s="12"/>
    </row>
    <row r="298371" spans="8:8">
      <c r="H298371" s="12"/>
    </row>
    <row r="298372" spans="8:8">
      <c r="H298372" s="12"/>
    </row>
    <row r="298373" spans="8:8">
      <c r="H298373" s="12"/>
    </row>
    <row r="298374" spans="8:8">
      <c r="H298374" s="12"/>
    </row>
    <row r="298375" spans="8:8">
      <c r="H298375" s="12"/>
    </row>
    <row r="298376" spans="8:8">
      <c r="H298376" s="12"/>
    </row>
    <row r="298377" spans="8:8">
      <c r="H298377" s="12"/>
    </row>
    <row r="298378" spans="8:8">
      <c r="H298378" s="12"/>
    </row>
    <row r="298379" spans="8:8">
      <c r="H298379" s="12"/>
    </row>
    <row r="298380" spans="8:8">
      <c r="H298380" s="12"/>
    </row>
    <row r="298381" spans="8:8">
      <c r="H298381" s="12"/>
    </row>
    <row r="298382" spans="8:8">
      <c r="H298382" s="12"/>
    </row>
    <row r="298383" spans="8:8">
      <c r="H298383" s="12"/>
    </row>
    <row r="298384" spans="8:8">
      <c r="H298384" s="12"/>
    </row>
    <row r="298385" spans="8:8">
      <c r="H298385" s="12"/>
    </row>
    <row r="298386" spans="8:8">
      <c r="H298386" s="12"/>
    </row>
    <row r="298387" spans="8:8">
      <c r="H298387" s="12"/>
    </row>
    <row r="298388" spans="8:8">
      <c r="H298388" s="12"/>
    </row>
    <row r="298389" spans="8:8">
      <c r="H298389" s="12"/>
    </row>
    <row r="298390" spans="8:8">
      <c r="H298390" s="12"/>
    </row>
    <row r="298391" spans="8:8">
      <c r="H298391" s="12"/>
    </row>
    <row r="298392" spans="8:8">
      <c r="H298392" s="12"/>
    </row>
    <row r="298393" spans="8:8">
      <c r="H298393" s="12"/>
    </row>
    <row r="298394" spans="8:8">
      <c r="H298394" s="12"/>
    </row>
    <row r="298395" spans="8:8">
      <c r="H298395" s="12"/>
    </row>
    <row r="298396" spans="8:8">
      <c r="H298396" s="12"/>
    </row>
    <row r="298397" spans="8:8">
      <c r="H298397" s="12"/>
    </row>
    <row r="298398" spans="8:8">
      <c r="H298398" s="12"/>
    </row>
    <row r="298399" spans="8:8">
      <c r="H298399" s="12"/>
    </row>
    <row r="298400" spans="8:8">
      <c r="H298400" s="12"/>
    </row>
    <row r="298401" spans="8:8">
      <c r="H298401" s="12"/>
    </row>
    <row r="298402" spans="8:8">
      <c r="H298402" s="12"/>
    </row>
    <row r="298403" spans="8:8">
      <c r="H298403" s="12"/>
    </row>
    <row r="298404" spans="8:8">
      <c r="H298404" s="12"/>
    </row>
    <row r="298405" spans="8:8">
      <c r="H298405" s="12"/>
    </row>
    <row r="298406" spans="8:8">
      <c r="H298406" s="12"/>
    </row>
    <row r="298407" spans="8:8">
      <c r="H298407" s="12"/>
    </row>
    <row r="298408" spans="8:8">
      <c r="H298408" s="12"/>
    </row>
    <row r="298409" spans="8:8">
      <c r="H298409" s="12"/>
    </row>
    <row r="298410" spans="8:8">
      <c r="H298410" s="12"/>
    </row>
    <row r="298411" spans="8:8">
      <c r="H298411" s="12"/>
    </row>
    <row r="298412" spans="8:8">
      <c r="H298412" s="12"/>
    </row>
    <row r="298413" spans="8:8">
      <c r="H298413" s="12"/>
    </row>
    <row r="298414" spans="8:8">
      <c r="H298414" s="12"/>
    </row>
    <row r="298415" spans="8:8">
      <c r="H298415" s="12"/>
    </row>
    <row r="298416" spans="8:8">
      <c r="H298416" s="12"/>
    </row>
    <row r="298417" spans="8:8">
      <c r="H298417" s="12"/>
    </row>
    <row r="298418" spans="8:8">
      <c r="H298418" s="12"/>
    </row>
    <row r="298419" spans="8:8">
      <c r="H298419" s="12"/>
    </row>
    <row r="298420" spans="8:8">
      <c r="H298420" s="12"/>
    </row>
    <row r="298421" spans="8:8">
      <c r="H298421" s="12"/>
    </row>
    <row r="298422" spans="8:8">
      <c r="H298422" s="12"/>
    </row>
    <row r="298423" spans="8:8">
      <c r="H298423" s="12"/>
    </row>
    <row r="298424" spans="8:8">
      <c r="H298424" s="12"/>
    </row>
    <row r="298425" spans="8:8">
      <c r="H298425" s="12"/>
    </row>
    <row r="298426" spans="8:8">
      <c r="H298426" s="12"/>
    </row>
    <row r="298427" spans="8:8">
      <c r="H298427" s="12"/>
    </row>
    <row r="298428" spans="8:8">
      <c r="H298428" s="12"/>
    </row>
    <row r="298429" spans="8:8">
      <c r="H298429" s="12"/>
    </row>
    <row r="298430" spans="8:8">
      <c r="H298430" s="12"/>
    </row>
    <row r="298431" spans="8:8">
      <c r="H298431" s="12"/>
    </row>
    <row r="298432" spans="8:8">
      <c r="H298432" s="12"/>
    </row>
    <row r="298433" spans="8:8">
      <c r="H298433" s="12"/>
    </row>
    <row r="298434" spans="8:8">
      <c r="H298434" s="12"/>
    </row>
    <row r="298435" spans="8:8">
      <c r="H298435" s="12"/>
    </row>
    <row r="298436" spans="8:8">
      <c r="H298436" s="12"/>
    </row>
    <row r="298437" spans="8:8">
      <c r="H298437" s="12"/>
    </row>
    <row r="298438" spans="8:8">
      <c r="H298438" s="12"/>
    </row>
    <row r="298439" spans="8:8">
      <c r="H298439" s="12"/>
    </row>
    <row r="298440" spans="8:8">
      <c r="H298440" s="12"/>
    </row>
    <row r="298441" spans="8:8">
      <c r="H298441" s="12"/>
    </row>
    <row r="298442" spans="8:8">
      <c r="H298442" s="12"/>
    </row>
    <row r="298443" spans="8:8">
      <c r="H298443" s="12"/>
    </row>
    <row r="298444" spans="8:8">
      <c r="H298444" s="12"/>
    </row>
    <row r="298445" spans="8:8">
      <c r="H298445" s="12"/>
    </row>
    <row r="298446" spans="8:8">
      <c r="H298446" s="12"/>
    </row>
    <row r="298447" spans="8:8">
      <c r="H298447" s="12"/>
    </row>
    <row r="298448" spans="8:8">
      <c r="H298448" s="12"/>
    </row>
    <row r="298449" spans="8:8">
      <c r="H298449" s="12"/>
    </row>
    <row r="298450" spans="8:8">
      <c r="H298450" s="12"/>
    </row>
    <row r="298451" spans="8:8">
      <c r="H298451" s="12"/>
    </row>
    <row r="298452" spans="8:8">
      <c r="H298452" s="12"/>
    </row>
    <row r="298453" spans="8:8">
      <c r="H298453" s="12"/>
    </row>
    <row r="298454" spans="8:8">
      <c r="H298454" s="12"/>
    </row>
    <row r="298455" spans="8:8">
      <c r="H298455" s="12"/>
    </row>
    <row r="298456" spans="8:8">
      <c r="H298456" s="12"/>
    </row>
    <row r="298457" spans="8:8">
      <c r="H298457" s="12"/>
    </row>
    <row r="298458" spans="8:8">
      <c r="H298458" s="12"/>
    </row>
    <row r="298459" spans="8:8">
      <c r="H298459" s="12"/>
    </row>
    <row r="298460" spans="8:8">
      <c r="H298460" s="12"/>
    </row>
    <row r="298461" spans="8:8">
      <c r="H298461" s="12"/>
    </row>
    <row r="298462" spans="8:8">
      <c r="H298462" s="12"/>
    </row>
    <row r="298463" spans="8:8">
      <c r="H298463" s="12"/>
    </row>
    <row r="298464" spans="8:8">
      <c r="H298464" s="12"/>
    </row>
    <row r="298465" spans="8:8">
      <c r="H298465" s="12"/>
    </row>
    <row r="298466" spans="8:8">
      <c r="H298466" s="12"/>
    </row>
    <row r="298467" spans="8:8">
      <c r="H298467" s="12"/>
    </row>
    <row r="298468" spans="8:8">
      <c r="H298468" s="12"/>
    </row>
    <row r="298469" spans="8:8">
      <c r="H298469" s="12"/>
    </row>
    <row r="298470" spans="8:8">
      <c r="H298470" s="12"/>
    </row>
    <row r="298471" spans="8:8">
      <c r="H298471" s="12"/>
    </row>
    <row r="298472" spans="8:8">
      <c r="H298472" s="12"/>
    </row>
    <row r="298473" spans="8:8">
      <c r="H298473" s="12"/>
    </row>
    <row r="298474" spans="8:8">
      <c r="H298474" s="12"/>
    </row>
    <row r="298475" spans="8:8">
      <c r="H298475" s="12"/>
    </row>
    <row r="298476" spans="8:8">
      <c r="H298476" s="12"/>
    </row>
    <row r="298477" spans="8:8">
      <c r="H298477" s="12"/>
    </row>
    <row r="298478" spans="8:8">
      <c r="H298478" s="12"/>
    </row>
    <row r="298479" spans="8:8">
      <c r="H298479" s="12"/>
    </row>
    <row r="298480" spans="8:8">
      <c r="H298480" s="12"/>
    </row>
    <row r="298481" spans="8:8">
      <c r="H298481" s="12"/>
    </row>
    <row r="298482" spans="8:8">
      <c r="H298482" s="12"/>
    </row>
    <row r="298483" spans="8:8">
      <c r="H298483" s="12"/>
    </row>
    <row r="298484" spans="8:8">
      <c r="H298484" s="12"/>
    </row>
    <row r="298485" spans="8:8">
      <c r="H298485" s="12"/>
    </row>
    <row r="298486" spans="8:8">
      <c r="H298486" s="12"/>
    </row>
    <row r="298487" spans="8:8">
      <c r="H298487" s="12"/>
    </row>
    <row r="298488" spans="8:8">
      <c r="H298488" s="12"/>
    </row>
    <row r="298489" spans="8:8">
      <c r="H298489" s="12"/>
    </row>
    <row r="298490" spans="8:8">
      <c r="H298490" s="12"/>
    </row>
    <row r="298491" spans="8:8">
      <c r="H298491" s="12"/>
    </row>
    <row r="298492" spans="8:8">
      <c r="H298492" s="12"/>
    </row>
    <row r="298493" spans="8:8">
      <c r="H298493" s="12"/>
    </row>
    <row r="298494" spans="8:8">
      <c r="H298494" s="12"/>
    </row>
    <row r="298495" spans="8:8">
      <c r="H298495" s="12"/>
    </row>
    <row r="298496" spans="8:8">
      <c r="H298496" s="12"/>
    </row>
    <row r="298497" spans="8:8">
      <c r="H298497" s="12"/>
    </row>
    <row r="298498" spans="8:8">
      <c r="H298498" s="12"/>
    </row>
    <row r="298499" spans="8:8">
      <c r="H298499" s="12"/>
    </row>
    <row r="298500" spans="8:8">
      <c r="H298500" s="12"/>
    </row>
    <row r="298501" spans="8:8">
      <c r="H298501" s="12"/>
    </row>
    <row r="298502" spans="8:8">
      <c r="H298502" s="12"/>
    </row>
    <row r="298503" spans="8:8">
      <c r="H298503" s="12"/>
    </row>
    <row r="298504" spans="8:8">
      <c r="H298504" s="12"/>
    </row>
    <row r="298505" spans="8:8">
      <c r="H298505" s="12"/>
    </row>
    <row r="298506" spans="8:8">
      <c r="H298506" s="12"/>
    </row>
    <row r="298507" spans="8:8">
      <c r="H298507" s="12"/>
    </row>
    <row r="298508" spans="8:8">
      <c r="H298508" s="12"/>
    </row>
    <row r="298509" spans="8:8">
      <c r="H298509" s="12"/>
    </row>
    <row r="298510" spans="8:8">
      <c r="H298510" s="12"/>
    </row>
    <row r="298511" spans="8:8">
      <c r="H298511" s="12"/>
    </row>
    <row r="298512" spans="8:8">
      <c r="H298512" s="12"/>
    </row>
    <row r="298513" spans="8:8">
      <c r="H298513" s="12"/>
    </row>
    <row r="298514" spans="8:8">
      <c r="H298514" s="12"/>
    </row>
    <row r="298515" spans="8:8">
      <c r="H298515" s="12"/>
    </row>
    <row r="298516" spans="8:8">
      <c r="H298516" s="12"/>
    </row>
    <row r="298517" spans="8:8">
      <c r="H298517" s="12"/>
    </row>
    <row r="298518" spans="8:8">
      <c r="H298518" s="12"/>
    </row>
    <row r="298519" spans="8:8">
      <c r="H298519" s="12"/>
    </row>
    <row r="298520" spans="8:8">
      <c r="H298520" s="12"/>
    </row>
    <row r="298521" spans="8:8">
      <c r="H298521" s="12"/>
    </row>
    <row r="298522" spans="8:8">
      <c r="H298522" s="12"/>
    </row>
    <row r="298523" spans="8:8">
      <c r="H298523" s="12"/>
    </row>
    <row r="298524" spans="8:8">
      <c r="H298524" s="12"/>
    </row>
    <row r="298525" spans="8:8">
      <c r="H298525" s="12"/>
    </row>
    <row r="298526" spans="8:8">
      <c r="H298526" s="12"/>
    </row>
    <row r="298527" spans="8:8">
      <c r="H298527" s="12"/>
    </row>
    <row r="298528" spans="8:8">
      <c r="H298528" s="12"/>
    </row>
    <row r="298529" spans="8:8">
      <c r="H298529" s="12"/>
    </row>
    <row r="298530" spans="8:8">
      <c r="H298530" s="12"/>
    </row>
    <row r="298531" spans="8:8">
      <c r="H298531" s="12"/>
    </row>
    <row r="298532" spans="8:8">
      <c r="H298532" s="12"/>
    </row>
    <row r="298533" spans="8:8">
      <c r="H298533" s="12"/>
    </row>
    <row r="298534" spans="8:8">
      <c r="H298534" s="12"/>
    </row>
    <row r="298535" spans="8:8">
      <c r="H298535" s="12"/>
    </row>
    <row r="298536" spans="8:8">
      <c r="H298536" s="12"/>
    </row>
    <row r="298537" spans="8:8">
      <c r="H298537" s="12"/>
    </row>
    <row r="298538" spans="8:8">
      <c r="H298538" s="12"/>
    </row>
    <row r="298539" spans="8:8">
      <c r="H298539" s="12"/>
    </row>
    <row r="298540" spans="8:8">
      <c r="H298540" s="12"/>
    </row>
    <row r="298541" spans="8:8">
      <c r="H298541" s="12"/>
    </row>
    <row r="298542" spans="8:8">
      <c r="H298542" s="12"/>
    </row>
    <row r="298543" spans="8:8">
      <c r="H298543" s="12"/>
    </row>
    <row r="298544" spans="8:8">
      <c r="H298544" s="12"/>
    </row>
    <row r="298545" spans="8:8">
      <c r="H298545" s="12"/>
    </row>
    <row r="298546" spans="8:8">
      <c r="H298546" s="12"/>
    </row>
    <row r="298547" spans="8:8">
      <c r="H298547" s="12"/>
    </row>
    <row r="298548" spans="8:8">
      <c r="H298548" s="12"/>
    </row>
    <row r="298549" spans="8:8">
      <c r="H298549" s="12"/>
    </row>
    <row r="298550" spans="8:8">
      <c r="H298550" s="12"/>
    </row>
    <row r="298551" spans="8:8">
      <c r="H298551" s="12"/>
    </row>
    <row r="298552" spans="8:8">
      <c r="H298552" s="12"/>
    </row>
    <row r="298553" spans="8:8">
      <c r="H298553" s="12"/>
    </row>
    <row r="298554" spans="8:8">
      <c r="H298554" s="12"/>
    </row>
    <row r="298555" spans="8:8">
      <c r="H298555" s="12"/>
    </row>
    <row r="298556" spans="8:8">
      <c r="H298556" s="12"/>
    </row>
    <row r="298557" spans="8:8">
      <c r="H298557" s="12"/>
    </row>
    <row r="298558" spans="8:8">
      <c r="H298558" s="12"/>
    </row>
    <row r="298559" spans="8:8">
      <c r="H298559" s="12"/>
    </row>
    <row r="298560" spans="8:8">
      <c r="H298560" s="12"/>
    </row>
    <row r="298561" spans="8:8">
      <c r="H298561" s="12"/>
    </row>
    <row r="298562" spans="8:8">
      <c r="H298562" s="12"/>
    </row>
    <row r="298563" spans="8:8">
      <c r="H298563" s="12"/>
    </row>
    <row r="298564" spans="8:8">
      <c r="H298564" s="12"/>
    </row>
    <row r="298565" spans="8:8">
      <c r="H298565" s="12"/>
    </row>
    <row r="298566" spans="8:8">
      <c r="H298566" s="12"/>
    </row>
    <row r="298567" spans="8:8">
      <c r="H298567" s="12"/>
    </row>
    <row r="298568" spans="8:8">
      <c r="H298568" s="12"/>
    </row>
    <row r="298569" spans="8:8">
      <c r="H298569" s="12"/>
    </row>
    <row r="298570" spans="8:8">
      <c r="H298570" s="12"/>
    </row>
    <row r="298571" spans="8:8">
      <c r="H298571" s="12"/>
    </row>
    <row r="298572" spans="8:8">
      <c r="H298572" s="12"/>
    </row>
    <row r="298573" spans="8:8">
      <c r="H298573" s="12"/>
    </row>
    <row r="298574" spans="8:8">
      <c r="H298574" s="12"/>
    </row>
    <row r="298575" spans="8:8">
      <c r="H298575" s="12"/>
    </row>
    <row r="298576" spans="8:8">
      <c r="H298576" s="12"/>
    </row>
    <row r="298577" spans="8:8">
      <c r="H298577" s="12"/>
    </row>
    <row r="298578" spans="8:8">
      <c r="H298578" s="12"/>
    </row>
    <row r="298579" spans="8:8">
      <c r="H298579" s="12"/>
    </row>
    <row r="298580" spans="8:8">
      <c r="H298580" s="12"/>
    </row>
    <row r="298581" spans="8:8">
      <c r="H298581" s="12"/>
    </row>
    <row r="298582" spans="8:8">
      <c r="H298582" s="12"/>
    </row>
    <row r="298583" spans="8:8">
      <c r="H298583" s="12"/>
    </row>
    <row r="298584" spans="8:8">
      <c r="H298584" s="12"/>
    </row>
    <row r="298585" spans="8:8">
      <c r="H298585" s="12"/>
    </row>
    <row r="298586" spans="8:8">
      <c r="H298586" s="12"/>
    </row>
    <row r="298587" spans="8:8">
      <c r="H298587" s="12"/>
    </row>
    <row r="298588" spans="8:8">
      <c r="H298588" s="12"/>
    </row>
    <row r="298589" spans="8:8">
      <c r="H298589" s="12"/>
    </row>
    <row r="298590" spans="8:8">
      <c r="H298590" s="12"/>
    </row>
    <row r="298591" spans="8:8">
      <c r="H298591" s="12"/>
    </row>
    <row r="298592" spans="8:8">
      <c r="H298592" s="12"/>
    </row>
    <row r="298593" spans="8:8">
      <c r="H298593" s="12"/>
    </row>
    <row r="298594" spans="8:8">
      <c r="H298594" s="12"/>
    </row>
    <row r="298595" spans="8:8">
      <c r="H298595" s="12"/>
    </row>
    <row r="298596" spans="8:8">
      <c r="H298596" s="12"/>
    </row>
    <row r="298597" spans="8:8">
      <c r="H298597" s="12"/>
    </row>
    <row r="298598" spans="8:8">
      <c r="H298598" s="12"/>
    </row>
    <row r="298599" spans="8:8">
      <c r="H298599" s="12"/>
    </row>
    <row r="298600" spans="8:8">
      <c r="H298600" s="12"/>
    </row>
    <row r="298601" spans="8:8">
      <c r="H298601" s="12"/>
    </row>
    <row r="298602" spans="8:8">
      <c r="H298602" s="12"/>
    </row>
    <row r="298603" spans="8:8">
      <c r="H298603" s="12"/>
    </row>
    <row r="298604" spans="8:8">
      <c r="H298604" s="12"/>
    </row>
    <row r="298605" spans="8:8">
      <c r="H298605" s="12"/>
    </row>
    <row r="298606" spans="8:8">
      <c r="H298606" s="12"/>
    </row>
    <row r="298607" spans="8:8">
      <c r="H298607" s="12"/>
    </row>
    <row r="298608" spans="8:8">
      <c r="H298608" s="12"/>
    </row>
    <row r="298609" spans="8:8">
      <c r="H298609" s="12"/>
    </row>
    <row r="298610" spans="8:8">
      <c r="H298610" s="12"/>
    </row>
    <row r="298611" spans="8:8">
      <c r="H298611" s="12"/>
    </row>
    <row r="298612" spans="8:8">
      <c r="H298612" s="12"/>
    </row>
    <row r="298613" spans="8:8">
      <c r="H298613" s="12"/>
    </row>
    <row r="298614" spans="8:8">
      <c r="H298614" s="12"/>
    </row>
    <row r="298615" spans="8:8">
      <c r="H298615" s="12"/>
    </row>
    <row r="298616" spans="8:8">
      <c r="H298616" s="12"/>
    </row>
    <row r="298617" spans="8:8">
      <c r="H298617" s="12"/>
    </row>
    <row r="298618" spans="8:8">
      <c r="H298618" s="12"/>
    </row>
    <row r="298619" spans="8:8">
      <c r="H298619" s="12"/>
    </row>
    <row r="298620" spans="8:8">
      <c r="H298620" s="12"/>
    </row>
    <row r="298621" spans="8:8">
      <c r="H298621" s="12"/>
    </row>
    <row r="298622" spans="8:8">
      <c r="H298622" s="12"/>
    </row>
    <row r="298623" spans="8:8">
      <c r="H298623" s="12"/>
    </row>
    <row r="298624" spans="8:8">
      <c r="H298624" s="12"/>
    </row>
    <row r="298625" spans="8:8">
      <c r="H298625" s="12"/>
    </row>
    <row r="298626" spans="8:8">
      <c r="H298626" s="12"/>
    </row>
    <row r="298627" spans="8:8">
      <c r="H298627" s="12"/>
    </row>
    <row r="298628" spans="8:8">
      <c r="H298628" s="12"/>
    </row>
    <row r="298629" spans="8:8">
      <c r="H298629" s="12"/>
    </row>
    <row r="298630" spans="8:8">
      <c r="H298630" s="12"/>
    </row>
    <row r="298631" spans="8:8">
      <c r="H298631" s="12"/>
    </row>
    <row r="298632" spans="8:8">
      <c r="H298632" s="12"/>
    </row>
    <row r="298633" spans="8:8">
      <c r="H298633" s="12"/>
    </row>
    <row r="298634" spans="8:8">
      <c r="H298634" s="12"/>
    </row>
    <row r="298635" spans="8:8">
      <c r="H298635" s="12"/>
    </row>
    <row r="298636" spans="8:8">
      <c r="H298636" s="12"/>
    </row>
    <row r="298637" spans="8:8">
      <c r="H298637" s="12"/>
    </row>
    <row r="298638" spans="8:8">
      <c r="H298638" s="12"/>
    </row>
    <row r="298639" spans="8:8">
      <c r="H298639" s="12"/>
    </row>
    <row r="298640" spans="8:8">
      <c r="H298640" s="12"/>
    </row>
    <row r="298641" spans="8:8">
      <c r="H298641" s="12"/>
    </row>
    <row r="298642" spans="8:8">
      <c r="H298642" s="12"/>
    </row>
    <row r="298643" spans="8:8">
      <c r="H298643" s="12"/>
    </row>
    <row r="298644" spans="8:8">
      <c r="H298644" s="12"/>
    </row>
    <row r="298645" spans="8:8">
      <c r="H298645" s="12"/>
    </row>
    <row r="298646" spans="8:8">
      <c r="H298646" s="12"/>
    </row>
    <row r="298647" spans="8:8">
      <c r="H298647" s="12"/>
    </row>
    <row r="298648" spans="8:8">
      <c r="H298648" s="12"/>
    </row>
    <row r="298649" spans="8:8">
      <c r="H298649" s="12"/>
    </row>
    <row r="298650" spans="8:8">
      <c r="H298650" s="12"/>
    </row>
    <row r="298651" spans="8:8">
      <c r="H298651" s="12"/>
    </row>
    <row r="298652" spans="8:8">
      <c r="H298652" s="12"/>
    </row>
    <row r="298653" spans="8:8">
      <c r="H298653" s="12"/>
    </row>
    <row r="298654" spans="8:8">
      <c r="H298654" s="12"/>
    </row>
    <row r="298655" spans="8:8">
      <c r="H298655" s="12"/>
    </row>
    <row r="298656" spans="8:8">
      <c r="H298656" s="12"/>
    </row>
    <row r="298657" spans="8:8">
      <c r="H298657" s="12"/>
    </row>
    <row r="298658" spans="8:8">
      <c r="H298658" s="12"/>
    </row>
    <row r="298659" spans="8:8">
      <c r="H298659" s="12"/>
    </row>
    <row r="298660" spans="8:8">
      <c r="H298660" s="12"/>
    </row>
    <row r="298661" spans="8:8">
      <c r="H298661" s="12"/>
    </row>
    <row r="298662" spans="8:8">
      <c r="H298662" s="12"/>
    </row>
    <row r="298663" spans="8:8">
      <c r="H298663" s="12"/>
    </row>
    <row r="298664" spans="8:8">
      <c r="H298664" s="12"/>
    </row>
    <row r="298665" spans="8:8">
      <c r="H298665" s="12"/>
    </row>
    <row r="298666" spans="8:8">
      <c r="H298666" s="12"/>
    </row>
    <row r="298667" spans="8:8">
      <c r="H298667" s="12"/>
    </row>
    <row r="298668" spans="8:8">
      <c r="H298668" s="12"/>
    </row>
    <row r="298669" spans="8:8">
      <c r="H298669" s="12"/>
    </row>
    <row r="298670" spans="8:8">
      <c r="H298670" s="12"/>
    </row>
    <row r="298671" spans="8:8">
      <c r="H298671" s="12"/>
    </row>
    <row r="298672" spans="8:8">
      <c r="H298672" s="12"/>
    </row>
    <row r="298673" spans="8:8">
      <c r="H298673" s="12"/>
    </row>
    <row r="298674" spans="8:8">
      <c r="H298674" s="12"/>
    </row>
    <row r="298675" spans="8:8">
      <c r="H298675" s="12"/>
    </row>
    <row r="298676" spans="8:8">
      <c r="H298676" s="12"/>
    </row>
    <row r="298677" spans="8:8">
      <c r="H298677" s="12"/>
    </row>
    <row r="298678" spans="8:8">
      <c r="H298678" s="12"/>
    </row>
    <row r="298679" spans="8:8">
      <c r="H298679" s="12"/>
    </row>
    <row r="298680" spans="8:8">
      <c r="H298680" s="12"/>
    </row>
    <row r="298681" spans="8:8">
      <c r="H298681" s="12"/>
    </row>
    <row r="298682" spans="8:8">
      <c r="H298682" s="12"/>
    </row>
    <row r="298683" spans="8:8">
      <c r="H298683" s="12"/>
    </row>
    <row r="298684" spans="8:8">
      <c r="H298684" s="12"/>
    </row>
    <row r="298685" spans="8:8">
      <c r="H298685" s="12"/>
    </row>
    <row r="298686" spans="8:8">
      <c r="H298686" s="12"/>
    </row>
    <row r="298687" spans="8:8">
      <c r="H298687" s="12"/>
    </row>
    <row r="298688" spans="8:8">
      <c r="H298688" s="12"/>
    </row>
    <row r="298689" spans="8:8">
      <c r="H298689" s="12"/>
    </row>
    <row r="298690" spans="8:8">
      <c r="H298690" s="12"/>
    </row>
    <row r="298691" spans="8:8">
      <c r="H298691" s="12"/>
    </row>
    <row r="298692" spans="8:8">
      <c r="H298692" s="12"/>
    </row>
    <row r="298693" spans="8:8">
      <c r="H298693" s="12"/>
    </row>
    <row r="298694" spans="8:8">
      <c r="H298694" s="12"/>
    </row>
    <row r="298695" spans="8:8">
      <c r="H298695" s="12"/>
    </row>
    <row r="298696" spans="8:8">
      <c r="H298696" s="12"/>
    </row>
    <row r="298697" spans="8:8">
      <c r="H298697" s="12"/>
    </row>
    <row r="298698" spans="8:8">
      <c r="H298698" s="12"/>
    </row>
    <row r="298699" spans="8:8">
      <c r="H298699" s="12"/>
    </row>
    <row r="298700" spans="8:8">
      <c r="H298700" s="12"/>
    </row>
    <row r="298701" spans="8:8">
      <c r="H298701" s="12"/>
    </row>
    <row r="298702" spans="8:8">
      <c r="H298702" s="12"/>
    </row>
    <row r="298703" spans="8:8">
      <c r="H298703" s="12"/>
    </row>
    <row r="298704" spans="8:8">
      <c r="H298704" s="12"/>
    </row>
    <row r="298705" spans="8:8">
      <c r="H298705" s="12"/>
    </row>
    <row r="298706" spans="8:8">
      <c r="H298706" s="12"/>
    </row>
    <row r="298707" spans="8:8">
      <c r="H298707" s="12"/>
    </row>
    <row r="298708" spans="8:8">
      <c r="H298708" s="12"/>
    </row>
    <row r="298709" spans="8:8">
      <c r="H298709" s="12"/>
    </row>
    <row r="298710" spans="8:8">
      <c r="H298710" s="12"/>
    </row>
    <row r="298711" spans="8:8">
      <c r="H298711" s="12"/>
    </row>
    <row r="298712" spans="8:8">
      <c r="H298712" s="12"/>
    </row>
    <row r="298713" spans="8:8">
      <c r="H298713" s="12"/>
    </row>
    <row r="298714" spans="8:8">
      <c r="H298714" s="12"/>
    </row>
    <row r="298715" spans="8:8">
      <c r="H298715" s="12"/>
    </row>
    <row r="298716" spans="8:8">
      <c r="H298716" s="12"/>
    </row>
    <row r="298717" spans="8:8">
      <c r="H298717" s="12"/>
    </row>
    <row r="298718" spans="8:8">
      <c r="H298718" s="12"/>
    </row>
    <row r="298719" spans="8:8">
      <c r="H298719" s="12"/>
    </row>
    <row r="298720" spans="8:8">
      <c r="H298720" s="12"/>
    </row>
    <row r="298721" spans="8:8">
      <c r="H298721" s="12"/>
    </row>
    <row r="298722" spans="8:8">
      <c r="H298722" s="12"/>
    </row>
    <row r="298723" spans="8:8">
      <c r="H298723" s="12"/>
    </row>
    <row r="298724" spans="8:8">
      <c r="H298724" s="12"/>
    </row>
    <row r="298725" spans="8:8">
      <c r="H298725" s="12"/>
    </row>
    <row r="298726" spans="8:8">
      <c r="H298726" s="12"/>
    </row>
    <row r="298727" spans="8:8">
      <c r="H298727" s="12"/>
    </row>
    <row r="298728" spans="8:8">
      <c r="H298728" s="12"/>
    </row>
    <row r="298729" spans="8:8">
      <c r="H298729" s="12"/>
    </row>
    <row r="298730" spans="8:8">
      <c r="H298730" s="12"/>
    </row>
    <row r="298731" spans="8:8">
      <c r="H298731" s="12"/>
    </row>
    <row r="298732" spans="8:8">
      <c r="H298732" s="12"/>
    </row>
    <row r="298733" spans="8:8">
      <c r="H298733" s="12"/>
    </row>
    <row r="298734" spans="8:8">
      <c r="H298734" s="12"/>
    </row>
    <row r="298735" spans="8:8">
      <c r="H298735" s="12"/>
    </row>
    <row r="298736" spans="8:8">
      <c r="H298736" s="12"/>
    </row>
    <row r="298737" spans="8:8">
      <c r="H298737" s="12"/>
    </row>
    <row r="298738" spans="8:8">
      <c r="H298738" s="12"/>
    </row>
    <row r="298739" spans="8:8">
      <c r="H298739" s="12"/>
    </row>
    <row r="298740" spans="8:8">
      <c r="H298740" s="12"/>
    </row>
    <row r="298741" spans="8:8">
      <c r="H298741" s="12"/>
    </row>
    <row r="298742" spans="8:8">
      <c r="H298742" s="12"/>
    </row>
    <row r="298743" spans="8:8">
      <c r="H298743" s="12"/>
    </row>
    <row r="298744" spans="8:8">
      <c r="H298744" s="12"/>
    </row>
    <row r="298745" spans="8:8">
      <c r="H298745" s="12"/>
    </row>
    <row r="298746" spans="8:8">
      <c r="H298746" s="12"/>
    </row>
    <row r="298747" spans="8:8">
      <c r="H298747" s="12"/>
    </row>
    <row r="298748" spans="8:8">
      <c r="H298748" s="12"/>
    </row>
    <row r="298749" spans="8:8">
      <c r="H298749" s="12"/>
    </row>
    <row r="298750" spans="8:8">
      <c r="H298750" s="12"/>
    </row>
    <row r="298751" spans="8:8">
      <c r="H298751" s="12"/>
    </row>
    <row r="298752" spans="8:8">
      <c r="H298752" s="12"/>
    </row>
    <row r="298753" spans="8:8">
      <c r="H298753" s="12"/>
    </row>
    <row r="298754" spans="8:8">
      <c r="H298754" s="12"/>
    </row>
    <row r="298755" spans="8:8">
      <c r="H298755" s="12"/>
    </row>
    <row r="298756" spans="8:8">
      <c r="H298756" s="12"/>
    </row>
    <row r="298757" spans="8:8">
      <c r="H298757" s="12"/>
    </row>
    <row r="298758" spans="8:8">
      <c r="H298758" s="12"/>
    </row>
    <row r="298759" spans="8:8">
      <c r="H298759" s="12"/>
    </row>
    <row r="298760" spans="8:8">
      <c r="H298760" s="12"/>
    </row>
    <row r="298761" spans="8:8">
      <c r="H298761" s="12"/>
    </row>
    <row r="298762" spans="8:8">
      <c r="H298762" s="12"/>
    </row>
    <row r="298763" spans="8:8">
      <c r="H298763" s="12"/>
    </row>
    <row r="298764" spans="8:8">
      <c r="H298764" s="12"/>
    </row>
    <row r="298765" spans="8:8">
      <c r="H298765" s="12"/>
    </row>
    <row r="298766" spans="8:8">
      <c r="H298766" s="12"/>
    </row>
    <row r="298767" spans="8:8">
      <c r="H298767" s="12"/>
    </row>
    <row r="298768" spans="8:8">
      <c r="H298768" s="12"/>
    </row>
    <row r="298769" spans="8:8">
      <c r="H298769" s="12"/>
    </row>
    <row r="298770" spans="8:8">
      <c r="H298770" s="12"/>
    </row>
    <row r="298771" spans="8:8">
      <c r="H298771" s="12"/>
    </row>
    <row r="298772" spans="8:8">
      <c r="H298772" s="12"/>
    </row>
    <row r="298773" spans="8:8">
      <c r="H298773" s="12"/>
    </row>
    <row r="298774" spans="8:8">
      <c r="H298774" s="12"/>
    </row>
    <row r="298775" spans="8:8">
      <c r="H298775" s="12"/>
    </row>
    <row r="298776" spans="8:8">
      <c r="H298776" s="12"/>
    </row>
    <row r="298777" spans="8:8">
      <c r="H298777" s="12"/>
    </row>
    <row r="298778" spans="8:8">
      <c r="H298778" s="12"/>
    </row>
    <row r="298779" spans="8:8">
      <c r="H298779" s="12"/>
    </row>
    <row r="298780" spans="8:8">
      <c r="H298780" s="12"/>
    </row>
    <row r="298781" spans="8:8">
      <c r="H298781" s="12"/>
    </row>
    <row r="298782" spans="8:8">
      <c r="H298782" s="12"/>
    </row>
    <row r="298783" spans="8:8">
      <c r="H298783" s="12"/>
    </row>
    <row r="298784" spans="8:8">
      <c r="H298784" s="12"/>
    </row>
    <row r="298785" spans="8:8">
      <c r="H298785" s="12"/>
    </row>
    <row r="298786" spans="8:8">
      <c r="H298786" s="12"/>
    </row>
    <row r="298787" spans="8:8">
      <c r="H298787" s="12"/>
    </row>
    <row r="298788" spans="8:8">
      <c r="H298788" s="12"/>
    </row>
    <row r="298789" spans="8:8">
      <c r="H298789" s="12"/>
    </row>
    <row r="298790" spans="8:8">
      <c r="H298790" s="12"/>
    </row>
    <row r="298791" spans="8:8">
      <c r="H298791" s="12"/>
    </row>
    <row r="298792" spans="8:8">
      <c r="H298792" s="12"/>
    </row>
    <row r="298793" spans="8:8">
      <c r="H298793" s="12"/>
    </row>
    <row r="298794" spans="8:8">
      <c r="H298794" s="12"/>
    </row>
    <row r="298795" spans="8:8">
      <c r="H298795" s="12"/>
    </row>
    <row r="298796" spans="8:8">
      <c r="H298796" s="12"/>
    </row>
    <row r="298797" spans="8:8">
      <c r="H298797" s="12"/>
    </row>
    <row r="298798" spans="8:8">
      <c r="H298798" s="12"/>
    </row>
    <row r="298799" spans="8:8">
      <c r="H298799" s="12"/>
    </row>
    <row r="298800" spans="8:8">
      <c r="H298800" s="12"/>
    </row>
    <row r="298801" spans="8:8">
      <c r="H298801" s="12"/>
    </row>
    <row r="298802" spans="8:8">
      <c r="H298802" s="12"/>
    </row>
    <row r="298803" spans="8:8">
      <c r="H298803" s="12"/>
    </row>
    <row r="298804" spans="8:8">
      <c r="H298804" s="12"/>
    </row>
    <row r="298805" spans="8:8">
      <c r="H298805" s="12"/>
    </row>
    <row r="298806" spans="8:8">
      <c r="H298806" s="12"/>
    </row>
    <row r="298807" spans="8:8">
      <c r="H298807" s="12"/>
    </row>
    <row r="298808" spans="8:8">
      <c r="H298808" s="12"/>
    </row>
    <row r="298809" spans="8:8">
      <c r="H298809" s="12"/>
    </row>
    <row r="298810" spans="8:8">
      <c r="H298810" s="12"/>
    </row>
    <row r="298811" spans="8:8">
      <c r="H298811" s="12"/>
    </row>
    <row r="298812" spans="8:8">
      <c r="H298812" s="12"/>
    </row>
    <row r="298813" spans="8:8">
      <c r="H298813" s="12"/>
    </row>
    <row r="298814" spans="8:8">
      <c r="H298814" s="12"/>
    </row>
    <row r="298815" spans="8:8">
      <c r="H298815" s="12"/>
    </row>
    <row r="298816" spans="8:8">
      <c r="H298816" s="12"/>
    </row>
    <row r="298817" spans="8:8">
      <c r="H298817" s="12"/>
    </row>
    <row r="298818" spans="8:8">
      <c r="H298818" s="12"/>
    </row>
    <row r="298819" spans="8:8">
      <c r="H298819" s="12"/>
    </row>
    <row r="298820" spans="8:8">
      <c r="H298820" s="12"/>
    </row>
    <row r="298821" spans="8:8">
      <c r="H298821" s="12"/>
    </row>
    <row r="298822" spans="8:8">
      <c r="H298822" s="12"/>
    </row>
    <row r="298823" spans="8:8">
      <c r="H298823" s="12"/>
    </row>
    <row r="298824" spans="8:8">
      <c r="H298824" s="12"/>
    </row>
    <row r="298825" spans="8:8">
      <c r="H298825" s="12"/>
    </row>
    <row r="298826" spans="8:8">
      <c r="H298826" s="12"/>
    </row>
    <row r="298827" spans="8:8">
      <c r="H298827" s="12"/>
    </row>
    <row r="298828" spans="8:8">
      <c r="H298828" s="12"/>
    </row>
    <row r="298829" spans="8:8">
      <c r="H298829" s="12"/>
    </row>
    <row r="298830" spans="8:8">
      <c r="H298830" s="12"/>
    </row>
    <row r="298831" spans="8:8">
      <c r="H298831" s="12"/>
    </row>
    <row r="298832" spans="8:8">
      <c r="H298832" s="12"/>
    </row>
    <row r="298833" spans="8:8">
      <c r="H298833" s="12"/>
    </row>
    <row r="298834" spans="8:8">
      <c r="H298834" s="12"/>
    </row>
    <row r="298835" spans="8:8">
      <c r="H298835" s="12"/>
    </row>
    <row r="298836" spans="8:8">
      <c r="H298836" s="12"/>
    </row>
    <row r="298837" spans="8:8">
      <c r="H298837" s="12"/>
    </row>
    <row r="298838" spans="8:8">
      <c r="H298838" s="12"/>
    </row>
    <row r="298839" spans="8:8">
      <c r="H298839" s="12"/>
    </row>
    <row r="298840" spans="8:8">
      <c r="H298840" s="12"/>
    </row>
    <row r="298841" spans="8:8">
      <c r="H298841" s="12"/>
    </row>
    <row r="298842" spans="8:8">
      <c r="H298842" s="12"/>
    </row>
    <row r="298843" spans="8:8">
      <c r="H298843" s="12"/>
    </row>
    <row r="298844" spans="8:8">
      <c r="H298844" s="12"/>
    </row>
    <row r="298845" spans="8:8">
      <c r="H298845" s="12"/>
    </row>
    <row r="298846" spans="8:8">
      <c r="H298846" s="12"/>
    </row>
    <row r="298847" spans="8:8">
      <c r="H298847" s="12"/>
    </row>
    <row r="298848" spans="8:8">
      <c r="H298848" s="12"/>
    </row>
    <row r="298849" spans="8:8">
      <c r="H298849" s="12"/>
    </row>
    <row r="298850" spans="8:8">
      <c r="H298850" s="12"/>
    </row>
    <row r="298851" spans="8:8">
      <c r="H298851" s="12"/>
    </row>
    <row r="298852" spans="8:8">
      <c r="H298852" s="12"/>
    </row>
    <row r="298853" spans="8:8">
      <c r="H298853" s="12"/>
    </row>
    <row r="298854" spans="8:8">
      <c r="H298854" s="12"/>
    </row>
    <row r="298855" spans="8:8">
      <c r="H298855" s="12"/>
    </row>
    <row r="298856" spans="8:8">
      <c r="H298856" s="12"/>
    </row>
    <row r="298857" spans="8:8">
      <c r="H298857" s="12"/>
    </row>
    <row r="298858" spans="8:8">
      <c r="H298858" s="12"/>
    </row>
    <row r="298859" spans="8:8">
      <c r="H298859" s="12"/>
    </row>
    <row r="298860" spans="8:8">
      <c r="H298860" s="12"/>
    </row>
    <row r="298861" spans="8:8">
      <c r="H298861" s="12"/>
    </row>
    <row r="298862" spans="8:8">
      <c r="H298862" s="12"/>
    </row>
    <row r="298863" spans="8:8">
      <c r="H298863" s="12"/>
    </row>
    <row r="298864" spans="8:8">
      <c r="H298864" s="12"/>
    </row>
    <row r="298865" spans="8:8">
      <c r="H298865" s="12"/>
    </row>
    <row r="298866" spans="8:8">
      <c r="H298866" s="12"/>
    </row>
    <row r="298867" spans="8:8">
      <c r="H298867" s="12"/>
    </row>
    <row r="298868" spans="8:8">
      <c r="H298868" s="12"/>
    </row>
    <row r="298869" spans="8:8">
      <c r="H298869" s="12"/>
    </row>
    <row r="298870" spans="8:8">
      <c r="H298870" s="12"/>
    </row>
    <row r="298871" spans="8:8">
      <c r="H298871" s="12"/>
    </row>
    <row r="298872" spans="8:8">
      <c r="H298872" s="12"/>
    </row>
    <row r="298873" spans="8:8">
      <c r="H298873" s="12"/>
    </row>
    <row r="298874" spans="8:8">
      <c r="H298874" s="12"/>
    </row>
    <row r="298875" spans="8:8">
      <c r="H298875" s="12"/>
    </row>
    <row r="298876" spans="8:8">
      <c r="H298876" s="12"/>
    </row>
    <row r="298877" spans="8:8">
      <c r="H298877" s="12"/>
    </row>
    <row r="298878" spans="8:8">
      <c r="H298878" s="12"/>
    </row>
    <row r="298879" spans="8:8">
      <c r="H298879" s="12"/>
    </row>
    <row r="298880" spans="8:8">
      <c r="H298880" s="12"/>
    </row>
    <row r="298881" spans="8:8">
      <c r="H298881" s="12"/>
    </row>
    <row r="298882" spans="8:8">
      <c r="H298882" s="12"/>
    </row>
    <row r="298883" spans="8:8">
      <c r="H298883" s="12"/>
    </row>
    <row r="298884" spans="8:8">
      <c r="H298884" s="12"/>
    </row>
    <row r="298885" spans="8:8">
      <c r="H298885" s="12"/>
    </row>
    <row r="298886" spans="8:8">
      <c r="H298886" s="12"/>
    </row>
    <row r="298887" spans="8:8">
      <c r="H298887" s="12"/>
    </row>
    <row r="298888" spans="8:8">
      <c r="H298888" s="12"/>
    </row>
    <row r="298889" spans="8:8">
      <c r="H298889" s="12"/>
    </row>
    <row r="298890" spans="8:8">
      <c r="H298890" s="12"/>
    </row>
    <row r="298891" spans="8:8">
      <c r="H298891" s="12"/>
    </row>
    <row r="298892" spans="8:8">
      <c r="H298892" s="12"/>
    </row>
    <row r="298893" spans="8:8">
      <c r="H298893" s="12"/>
    </row>
    <row r="298894" spans="8:8">
      <c r="H298894" s="12"/>
    </row>
    <row r="298895" spans="8:8">
      <c r="H298895" s="12"/>
    </row>
    <row r="298896" spans="8:8">
      <c r="H298896" s="12"/>
    </row>
    <row r="298897" spans="8:8">
      <c r="H298897" s="12"/>
    </row>
    <row r="298898" spans="8:8">
      <c r="H298898" s="12"/>
    </row>
    <row r="298899" spans="8:8">
      <c r="H298899" s="12"/>
    </row>
    <row r="298900" spans="8:8">
      <c r="H298900" s="12"/>
    </row>
    <row r="298901" spans="8:8">
      <c r="H298901" s="12"/>
    </row>
    <row r="298902" spans="8:8">
      <c r="H298902" s="12"/>
    </row>
    <row r="298903" spans="8:8">
      <c r="H298903" s="12"/>
    </row>
    <row r="298904" spans="8:8">
      <c r="H298904" s="12"/>
    </row>
    <row r="298905" spans="8:8">
      <c r="H298905" s="12"/>
    </row>
    <row r="298906" spans="8:8">
      <c r="H298906" s="12"/>
    </row>
    <row r="298907" spans="8:8">
      <c r="H298907" s="12"/>
    </row>
    <row r="298908" spans="8:8">
      <c r="H298908" s="12"/>
    </row>
    <row r="298909" spans="8:8">
      <c r="H298909" s="12"/>
    </row>
    <row r="298910" spans="8:8">
      <c r="H298910" s="12"/>
    </row>
    <row r="298911" spans="8:8">
      <c r="H298911" s="12"/>
    </row>
    <row r="298912" spans="8:8">
      <c r="H298912" s="12"/>
    </row>
    <row r="298913" spans="8:8">
      <c r="H298913" s="12"/>
    </row>
    <row r="298914" spans="8:8">
      <c r="H298914" s="12"/>
    </row>
    <row r="298915" spans="8:8">
      <c r="H298915" s="12"/>
    </row>
    <row r="298916" spans="8:8">
      <c r="H298916" s="12"/>
    </row>
    <row r="298917" spans="8:8">
      <c r="H298917" s="12"/>
    </row>
    <row r="298918" spans="8:8">
      <c r="H298918" s="12"/>
    </row>
    <row r="298919" spans="8:8">
      <c r="H298919" s="12"/>
    </row>
    <row r="298920" spans="8:8">
      <c r="H298920" s="12"/>
    </row>
    <row r="298921" spans="8:8">
      <c r="H298921" s="12"/>
    </row>
    <row r="298922" spans="8:8">
      <c r="H298922" s="12"/>
    </row>
    <row r="298923" spans="8:8">
      <c r="H298923" s="12"/>
    </row>
    <row r="298924" spans="8:8">
      <c r="H298924" s="12"/>
    </row>
    <row r="298925" spans="8:8">
      <c r="H298925" s="12"/>
    </row>
    <row r="298926" spans="8:8">
      <c r="H298926" s="12"/>
    </row>
    <row r="298927" spans="8:8">
      <c r="H298927" s="12"/>
    </row>
    <row r="298928" spans="8:8">
      <c r="H298928" s="12"/>
    </row>
    <row r="298929" spans="8:8">
      <c r="H298929" s="12"/>
    </row>
    <row r="298930" spans="8:8">
      <c r="H298930" s="12"/>
    </row>
    <row r="298931" spans="8:8">
      <c r="H298931" s="12"/>
    </row>
    <row r="298932" spans="8:8">
      <c r="H298932" s="12"/>
    </row>
    <row r="298933" spans="8:8">
      <c r="H298933" s="12"/>
    </row>
    <row r="298934" spans="8:8">
      <c r="H298934" s="12"/>
    </row>
    <row r="298935" spans="8:8">
      <c r="H298935" s="12"/>
    </row>
    <row r="298936" spans="8:8">
      <c r="H298936" s="12"/>
    </row>
    <row r="298937" spans="8:8">
      <c r="H298937" s="12"/>
    </row>
    <row r="298938" spans="8:8">
      <c r="H298938" s="12"/>
    </row>
    <row r="298939" spans="8:8">
      <c r="H298939" s="12"/>
    </row>
    <row r="298940" spans="8:8">
      <c r="H298940" s="12"/>
    </row>
    <row r="298941" spans="8:8">
      <c r="H298941" s="12"/>
    </row>
    <row r="298942" spans="8:8">
      <c r="H298942" s="12"/>
    </row>
    <row r="298943" spans="8:8">
      <c r="H298943" s="12"/>
    </row>
    <row r="298944" spans="8:8">
      <c r="H298944" s="12"/>
    </row>
    <row r="298945" spans="8:8">
      <c r="H298945" s="12"/>
    </row>
    <row r="298946" spans="8:8">
      <c r="H298946" s="12"/>
    </row>
    <row r="298947" spans="8:8">
      <c r="H298947" s="12"/>
    </row>
    <row r="298948" spans="8:8">
      <c r="H298948" s="12"/>
    </row>
    <row r="298949" spans="8:8">
      <c r="H298949" s="12"/>
    </row>
    <row r="298950" spans="8:8">
      <c r="H298950" s="12"/>
    </row>
    <row r="298951" spans="8:8">
      <c r="H298951" s="12"/>
    </row>
    <row r="298952" spans="8:8">
      <c r="H298952" s="12"/>
    </row>
    <row r="298953" spans="8:8">
      <c r="H298953" s="12"/>
    </row>
    <row r="298954" spans="8:8">
      <c r="H298954" s="12"/>
    </row>
    <row r="298955" spans="8:8">
      <c r="H298955" s="12"/>
    </row>
    <row r="298956" spans="8:8">
      <c r="H298956" s="12"/>
    </row>
    <row r="298957" spans="8:8">
      <c r="H298957" s="12"/>
    </row>
    <row r="298958" spans="8:8">
      <c r="H298958" s="12"/>
    </row>
    <row r="298959" spans="8:8">
      <c r="H298959" s="12"/>
    </row>
    <row r="298960" spans="8:8">
      <c r="H298960" s="12"/>
    </row>
    <row r="298961" spans="8:8">
      <c r="H298961" s="12"/>
    </row>
    <row r="298962" spans="8:8">
      <c r="H298962" s="12"/>
    </row>
    <row r="298963" spans="8:8">
      <c r="H298963" s="12"/>
    </row>
    <row r="298964" spans="8:8">
      <c r="H298964" s="12"/>
    </row>
    <row r="298965" spans="8:8">
      <c r="H298965" s="12"/>
    </row>
    <row r="298966" spans="8:8">
      <c r="H298966" s="12"/>
    </row>
    <row r="298967" spans="8:8">
      <c r="H298967" s="12"/>
    </row>
    <row r="298968" spans="8:8">
      <c r="H298968" s="12"/>
    </row>
    <row r="298969" spans="8:8">
      <c r="H298969" s="12"/>
    </row>
    <row r="298970" spans="8:8">
      <c r="H298970" s="12"/>
    </row>
    <row r="298971" spans="8:8">
      <c r="H298971" s="12"/>
    </row>
    <row r="298972" spans="8:8">
      <c r="H298972" s="12"/>
    </row>
    <row r="298973" spans="8:8">
      <c r="H298973" s="12"/>
    </row>
    <row r="298974" spans="8:8">
      <c r="H298974" s="12"/>
    </row>
    <row r="298975" spans="8:8">
      <c r="H298975" s="12"/>
    </row>
    <row r="298976" spans="8:8">
      <c r="H298976" s="12"/>
    </row>
    <row r="298977" spans="8:8">
      <c r="H298977" s="12"/>
    </row>
    <row r="298978" spans="8:8">
      <c r="H298978" s="12"/>
    </row>
    <row r="298979" spans="8:8">
      <c r="H298979" s="12"/>
    </row>
    <row r="298980" spans="8:8">
      <c r="H298980" s="12"/>
    </row>
    <row r="298981" spans="8:8">
      <c r="H298981" s="12"/>
    </row>
    <row r="298982" spans="8:8">
      <c r="H298982" s="12"/>
    </row>
    <row r="298983" spans="8:8">
      <c r="H298983" s="12"/>
    </row>
    <row r="298984" spans="8:8">
      <c r="H298984" s="12"/>
    </row>
    <row r="298985" spans="8:8">
      <c r="H298985" s="12"/>
    </row>
    <row r="298986" spans="8:8">
      <c r="H298986" s="12"/>
    </row>
    <row r="298987" spans="8:8">
      <c r="H298987" s="12"/>
    </row>
    <row r="298988" spans="8:8">
      <c r="H298988" s="12"/>
    </row>
    <row r="298989" spans="8:8">
      <c r="H298989" s="12"/>
    </row>
    <row r="298990" spans="8:8">
      <c r="H298990" s="12"/>
    </row>
    <row r="298991" spans="8:8">
      <c r="H298991" s="12"/>
    </row>
    <row r="298992" spans="8:8">
      <c r="H298992" s="12"/>
    </row>
    <row r="298993" spans="8:8">
      <c r="H298993" s="12"/>
    </row>
    <row r="298994" spans="8:8">
      <c r="H298994" s="12"/>
    </row>
    <row r="298995" spans="8:8">
      <c r="H298995" s="12"/>
    </row>
    <row r="298996" spans="8:8">
      <c r="H298996" s="12"/>
    </row>
    <row r="298997" spans="8:8">
      <c r="H298997" s="12"/>
    </row>
    <row r="298998" spans="8:8">
      <c r="H298998" s="12"/>
    </row>
    <row r="298999" spans="8:8">
      <c r="H298999" s="12"/>
    </row>
    <row r="299000" spans="8:8">
      <c r="H299000" s="12"/>
    </row>
    <row r="299001" spans="8:8">
      <c r="H299001" s="12"/>
    </row>
    <row r="299002" spans="8:8">
      <c r="H299002" s="12"/>
    </row>
    <row r="299003" spans="8:8">
      <c r="H299003" s="12"/>
    </row>
    <row r="299004" spans="8:8">
      <c r="H299004" s="12"/>
    </row>
    <row r="299005" spans="8:8">
      <c r="H299005" s="12"/>
    </row>
    <row r="299006" spans="8:8">
      <c r="H299006" s="12"/>
    </row>
    <row r="299007" spans="8:8">
      <c r="H299007" s="12"/>
    </row>
    <row r="299008" spans="8:8">
      <c r="H299008" s="12"/>
    </row>
    <row r="299009" spans="8:8">
      <c r="H299009" s="12"/>
    </row>
    <row r="299010" spans="8:8">
      <c r="H299010" s="12"/>
    </row>
    <row r="299011" spans="8:8">
      <c r="H299011" s="12"/>
    </row>
    <row r="299012" spans="8:8">
      <c r="H299012" s="12"/>
    </row>
    <row r="299013" spans="8:8">
      <c r="H299013" s="12"/>
    </row>
    <row r="299014" spans="8:8">
      <c r="H299014" s="12"/>
    </row>
    <row r="299015" spans="8:8">
      <c r="H299015" s="12"/>
    </row>
    <row r="299016" spans="8:8">
      <c r="H299016" s="12"/>
    </row>
    <row r="299017" spans="8:8">
      <c r="H299017" s="12"/>
    </row>
    <row r="299018" spans="8:8">
      <c r="H299018" s="12"/>
    </row>
    <row r="299019" spans="8:8">
      <c r="H299019" s="12"/>
    </row>
    <row r="299020" spans="8:8">
      <c r="H299020" s="12"/>
    </row>
    <row r="299021" spans="8:8">
      <c r="H299021" s="12"/>
    </row>
    <row r="299022" spans="8:8">
      <c r="H299022" s="12"/>
    </row>
    <row r="299023" spans="8:8">
      <c r="H299023" s="12"/>
    </row>
    <row r="299024" spans="8:8">
      <c r="H299024" s="12"/>
    </row>
    <row r="299025" spans="8:8">
      <c r="H299025" s="12"/>
    </row>
    <row r="299026" spans="8:8">
      <c r="H299026" s="12"/>
    </row>
    <row r="299027" spans="8:8">
      <c r="H299027" s="12"/>
    </row>
    <row r="299028" spans="8:8">
      <c r="H299028" s="12"/>
    </row>
    <row r="299029" spans="8:8">
      <c r="H299029" s="12"/>
    </row>
    <row r="299030" spans="8:8">
      <c r="H299030" s="12"/>
    </row>
    <row r="299031" spans="8:8">
      <c r="H299031" s="12"/>
    </row>
    <row r="299032" spans="8:8">
      <c r="H299032" s="12"/>
    </row>
    <row r="299033" spans="8:8">
      <c r="H299033" s="12"/>
    </row>
    <row r="299034" spans="8:8">
      <c r="H299034" s="12"/>
    </row>
    <row r="299035" spans="8:8">
      <c r="H299035" s="12"/>
    </row>
    <row r="299036" spans="8:8">
      <c r="H299036" s="12"/>
    </row>
    <row r="299037" spans="8:8">
      <c r="H299037" s="12"/>
    </row>
    <row r="299038" spans="8:8">
      <c r="H299038" s="12"/>
    </row>
    <row r="299039" spans="8:8">
      <c r="H299039" s="12"/>
    </row>
    <row r="299040" spans="8:8">
      <c r="H299040" s="12"/>
    </row>
    <row r="299041" spans="8:8">
      <c r="H299041" s="12"/>
    </row>
    <row r="299042" spans="8:8">
      <c r="H299042" s="12"/>
    </row>
    <row r="299043" spans="8:8">
      <c r="H299043" s="12"/>
    </row>
    <row r="299044" spans="8:8">
      <c r="H299044" s="12"/>
    </row>
    <row r="299045" spans="8:8">
      <c r="H299045" s="12"/>
    </row>
    <row r="299046" spans="8:8">
      <c r="H299046" s="12"/>
    </row>
    <row r="299047" spans="8:8">
      <c r="H299047" s="12"/>
    </row>
    <row r="299048" spans="8:8">
      <c r="H299048" s="12"/>
    </row>
    <row r="299049" spans="8:8">
      <c r="H299049" s="12"/>
    </row>
    <row r="299050" spans="8:8">
      <c r="H299050" s="12"/>
    </row>
    <row r="299051" spans="8:8">
      <c r="H299051" s="12"/>
    </row>
    <row r="299052" spans="8:8">
      <c r="H299052" s="12"/>
    </row>
    <row r="299053" spans="8:8">
      <c r="H299053" s="12"/>
    </row>
    <row r="299054" spans="8:8">
      <c r="H299054" s="12"/>
    </row>
    <row r="299055" spans="8:8">
      <c r="H299055" s="12"/>
    </row>
    <row r="299056" spans="8:8">
      <c r="H299056" s="12"/>
    </row>
    <row r="299057" spans="8:8">
      <c r="H299057" s="12"/>
    </row>
    <row r="299058" spans="8:8">
      <c r="H299058" s="12"/>
    </row>
    <row r="299059" spans="8:8">
      <c r="H299059" s="12"/>
    </row>
    <row r="299060" spans="8:8">
      <c r="H299060" s="12"/>
    </row>
    <row r="299061" spans="8:8">
      <c r="H299061" s="12"/>
    </row>
    <row r="299062" spans="8:8">
      <c r="H299062" s="12"/>
    </row>
    <row r="299063" spans="8:8">
      <c r="H299063" s="12"/>
    </row>
    <row r="299064" spans="8:8">
      <c r="H299064" s="12"/>
    </row>
    <row r="299065" spans="8:8">
      <c r="H299065" s="12"/>
    </row>
    <row r="299066" spans="8:8">
      <c r="H299066" s="12"/>
    </row>
    <row r="299067" spans="8:8">
      <c r="H299067" s="12"/>
    </row>
    <row r="299068" spans="8:8">
      <c r="H299068" s="12"/>
    </row>
    <row r="299069" spans="8:8">
      <c r="H299069" s="12"/>
    </row>
    <row r="299070" spans="8:8">
      <c r="H299070" s="12"/>
    </row>
    <row r="299071" spans="8:8">
      <c r="H299071" s="12"/>
    </row>
    <row r="299072" spans="8:8">
      <c r="H299072" s="12"/>
    </row>
    <row r="299073" spans="8:8">
      <c r="H299073" s="12"/>
    </row>
    <row r="299074" spans="8:8">
      <c r="H299074" s="12"/>
    </row>
    <row r="299075" spans="8:8">
      <c r="H299075" s="12"/>
    </row>
    <row r="299076" spans="8:8">
      <c r="H299076" s="12"/>
    </row>
    <row r="299077" spans="8:8">
      <c r="H299077" s="12"/>
    </row>
    <row r="299078" spans="8:8">
      <c r="H299078" s="12"/>
    </row>
    <row r="299079" spans="8:8">
      <c r="H299079" s="12"/>
    </row>
    <row r="299080" spans="8:8">
      <c r="H299080" s="12"/>
    </row>
    <row r="299081" spans="8:8">
      <c r="H299081" s="12"/>
    </row>
    <row r="299082" spans="8:8">
      <c r="H299082" s="12"/>
    </row>
    <row r="299083" spans="8:8">
      <c r="H299083" s="12"/>
    </row>
    <row r="299084" spans="8:8">
      <c r="H299084" s="12"/>
    </row>
    <row r="299085" spans="8:8">
      <c r="H299085" s="12"/>
    </row>
    <row r="299086" spans="8:8">
      <c r="H299086" s="12"/>
    </row>
    <row r="299087" spans="8:8">
      <c r="H299087" s="12"/>
    </row>
    <row r="299088" spans="8:8">
      <c r="H299088" s="12"/>
    </row>
    <row r="299089" spans="8:8">
      <c r="H299089" s="12"/>
    </row>
    <row r="299090" spans="8:8">
      <c r="H299090" s="12"/>
    </row>
    <row r="299091" spans="8:8">
      <c r="H299091" s="12"/>
    </row>
    <row r="299092" spans="8:8">
      <c r="H299092" s="12"/>
    </row>
    <row r="299093" spans="8:8">
      <c r="H299093" s="12"/>
    </row>
    <row r="299094" spans="8:8">
      <c r="H299094" s="12"/>
    </row>
    <row r="299095" spans="8:8">
      <c r="H299095" s="12"/>
    </row>
    <row r="299096" spans="8:8">
      <c r="H299096" s="12"/>
    </row>
    <row r="299097" spans="8:8">
      <c r="H299097" s="12"/>
    </row>
    <row r="299098" spans="8:8">
      <c r="H299098" s="12"/>
    </row>
    <row r="299099" spans="8:8">
      <c r="H299099" s="12"/>
    </row>
    <row r="299100" spans="8:8">
      <c r="H299100" s="12"/>
    </row>
    <row r="299101" spans="8:8">
      <c r="H299101" s="12"/>
    </row>
    <row r="299102" spans="8:8">
      <c r="H299102" s="12"/>
    </row>
    <row r="299103" spans="8:8">
      <c r="H299103" s="12"/>
    </row>
    <row r="299104" spans="8:8">
      <c r="H299104" s="12"/>
    </row>
    <row r="299105" spans="8:8">
      <c r="H299105" s="12"/>
    </row>
    <row r="299106" spans="8:8">
      <c r="H299106" s="12"/>
    </row>
    <row r="299107" spans="8:8">
      <c r="H299107" s="12"/>
    </row>
    <row r="299108" spans="8:8">
      <c r="H299108" s="12"/>
    </row>
    <row r="299109" spans="8:8">
      <c r="H299109" s="12"/>
    </row>
    <row r="299110" spans="8:8">
      <c r="H299110" s="12"/>
    </row>
    <row r="299111" spans="8:8">
      <c r="H299111" s="12"/>
    </row>
    <row r="299112" spans="8:8">
      <c r="H299112" s="12"/>
    </row>
    <row r="299113" spans="8:8">
      <c r="H299113" s="12"/>
    </row>
    <row r="299114" spans="8:8">
      <c r="H299114" s="12"/>
    </row>
    <row r="299115" spans="8:8">
      <c r="H299115" s="12"/>
    </row>
    <row r="299116" spans="8:8">
      <c r="H299116" s="12"/>
    </row>
    <row r="299117" spans="8:8">
      <c r="H299117" s="12"/>
    </row>
    <row r="299118" spans="8:8">
      <c r="H299118" s="12"/>
    </row>
    <row r="299119" spans="8:8">
      <c r="H299119" s="12"/>
    </row>
    <row r="299120" spans="8:8">
      <c r="H299120" s="12"/>
    </row>
    <row r="299121" spans="8:8">
      <c r="H299121" s="12"/>
    </row>
    <row r="299122" spans="8:8">
      <c r="H299122" s="12"/>
    </row>
    <row r="299123" spans="8:8">
      <c r="H299123" s="12"/>
    </row>
    <row r="299124" spans="8:8">
      <c r="H299124" s="12"/>
    </row>
    <row r="299125" spans="8:8">
      <c r="H299125" s="12"/>
    </row>
    <row r="299126" spans="8:8">
      <c r="H299126" s="12"/>
    </row>
    <row r="299127" spans="8:8">
      <c r="H299127" s="12"/>
    </row>
    <row r="299128" spans="8:8">
      <c r="H299128" s="12"/>
    </row>
    <row r="299129" spans="8:8">
      <c r="H299129" s="12"/>
    </row>
    <row r="299130" spans="8:8">
      <c r="H299130" s="12"/>
    </row>
    <row r="299131" spans="8:8">
      <c r="H299131" s="12"/>
    </row>
    <row r="299132" spans="8:8">
      <c r="H299132" s="12"/>
    </row>
    <row r="299133" spans="8:8">
      <c r="H299133" s="12"/>
    </row>
    <row r="299134" spans="8:8">
      <c r="H299134" s="12"/>
    </row>
    <row r="299135" spans="8:8">
      <c r="H299135" s="12"/>
    </row>
    <row r="299136" spans="8:8">
      <c r="H299136" s="12"/>
    </row>
    <row r="299137" spans="8:8">
      <c r="H299137" s="12"/>
    </row>
    <row r="299138" spans="8:8">
      <c r="H299138" s="12"/>
    </row>
    <row r="299139" spans="8:8">
      <c r="H299139" s="12"/>
    </row>
    <row r="299140" spans="8:8">
      <c r="H299140" s="12"/>
    </row>
    <row r="299141" spans="8:8">
      <c r="H299141" s="12"/>
    </row>
    <row r="299142" spans="8:8">
      <c r="H299142" s="12"/>
    </row>
    <row r="299143" spans="8:8">
      <c r="H299143" s="12"/>
    </row>
    <row r="299144" spans="8:8">
      <c r="H299144" s="12"/>
    </row>
    <row r="299145" spans="8:8">
      <c r="H299145" s="12"/>
    </row>
    <row r="299146" spans="8:8">
      <c r="H299146" s="12"/>
    </row>
    <row r="299147" spans="8:8">
      <c r="H299147" s="12"/>
    </row>
    <row r="299148" spans="8:8">
      <c r="H299148" s="12"/>
    </row>
    <row r="299149" spans="8:8">
      <c r="H299149" s="12"/>
    </row>
    <row r="299150" spans="8:8">
      <c r="H299150" s="12"/>
    </row>
    <row r="299151" spans="8:8">
      <c r="H299151" s="12"/>
    </row>
    <row r="299152" spans="8:8">
      <c r="H299152" s="12"/>
    </row>
    <row r="299153" spans="8:8">
      <c r="H299153" s="12"/>
    </row>
    <row r="299154" spans="8:8">
      <c r="H299154" s="12"/>
    </row>
    <row r="299155" spans="8:8">
      <c r="H299155" s="12"/>
    </row>
    <row r="299156" spans="8:8">
      <c r="H299156" s="12"/>
    </row>
    <row r="299157" spans="8:8">
      <c r="H299157" s="12"/>
    </row>
    <row r="299158" spans="8:8">
      <c r="H299158" s="12"/>
    </row>
    <row r="299159" spans="8:8">
      <c r="H299159" s="12"/>
    </row>
    <row r="299160" spans="8:8">
      <c r="H299160" s="12"/>
    </row>
    <row r="299161" spans="8:8">
      <c r="H299161" s="12"/>
    </row>
    <row r="299162" spans="8:8">
      <c r="H299162" s="12"/>
    </row>
    <row r="299163" spans="8:8">
      <c r="H299163" s="12"/>
    </row>
    <row r="299164" spans="8:8">
      <c r="H299164" s="12"/>
    </row>
    <row r="299165" spans="8:8">
      <c r="H299165" s="12"/>
    </row>
    <row r="299166" spans="8:8">
      <c r="H299166" s="12"/>
    </row>
    <row r="299167" spans="8:8">
      <c r="H299167" s="12"/>
    </row>
    <row r="299168" spans="8:8">
      <c r="H299168" s="12"/>
    </row>
    <row r="299169" spans="8:8">
      <c r="H299169" s="12"/>
    </row>
    <row r="299170" spans="8:8">
      <c r="H299170" s="12"/>
    </row>
    <row r="299171" spans="8:8">
      <c r="H299171" s="12"/>
    </row>
    <row r="299172" spans="8:8">
      <c r="H299172" s="12"/>
    </row>
    <row r="299173" spans="8:8">
      <c r="H299173" s="12"/>
    </row>
    <row r="299174" spans="8:8">
      <c r="H299174" s="12"/>
    </row>
    <row r="299175" spans="8:8">
      <c r="H299175" s="12"/>
    </row>
    <row r="299176" spans="8:8">
      <c r="H299176" s="12"/>
    </row>
    <row r="299177" spans="8:8">
      <c r="H299177" s="12"/>
    </row>
    <row r="299178" spans="8:8">
      <c r="H299178" s="12"/>
    </row>
    <row r="299179" spans="8:8">
      <c r="H299179" s="12"/>
    </row>
    <row r="299180" spans="8:8">
      <c r="H299180" s="12"/>
    </row>
    <row r="299181" spans="8:8">
      <c r="H299181" s="12"/>
    </row>
    <row r="299182" spans="8:8">
      <c r="H299182" s="12"/>
    </row>
    <row r="299183" spans="8:8">
      <c r="H299183" s="12"/>
    </row>
    <row r="299184" spans="8:8">
      <c r="H299184" s="12"/>
    </row>
    <row r="299185" spans="8:8">
      <c r="H299185" s="12"/>
    </row>
    <row r="299186" spans="8:8">
      <c r="H299186" s="12"/>
    </row>
    <row r="299187" spans="8:8">
      <c r="H299187" s="12"/>
    </row>
    <row r="299188" spans="8:8">
      <c r="H299188" s="12"/>
    </row>
    <row r="299189" spans="8:8">
      <c r="H299189" s="12"/>
    </row>
    <row r="299190" spans="8:8">
      <c r="H299190" s="12"/>
    </row>
    <row r="299191" spans="8:8">
      <c r="H299191" s="12"/>
    </row>
    <row r="299192" spans="8:8">
      <c r="H299192" s="12"/>
    </row>
    <row r="299193" spans="8:8">
      <c r="H299193" s="12"/>
    </row>
    <row r="299194" spans="8:8">
      <c r="H299194" s="12"/>
    </row>
    <row r="299195" spans="8:8">
      <c r="H299195" s="12"/>
    </row>
    <row r="299196" spans="8:8">
      <c r="H299196" s="12"/>
    </row>
    <row r="299197" spans="8:8">
      <c r="H299197" s="12"/>
    </row>
    <row r="299198" spans="8:8">
      <c r="H299198" s="12"/>
    </row>
    <row r="299199" spans="8:8">
      <c r="H299199" s="12"/>
    </row>
    <row r="299200" spans="8:8">
      <c r="H299200" s="12"/>
    </row>
    <row r="299201" spans="8:8">
      <c r="H299201" s="12"/>
    </row>
    <row r="299202" spans="8:8">
      <c r="H299202" s="12"/>
    </row>
    <row r="299203" spans="8:8">
      <c r="H299203" s="12"/>
    </row>
    <row r="299204" spans="8:8">
      <c r="H299204" s="12"/>
    </row>
    <row r="299205" spans="8:8">
      <c r="H299205" s="12"/>
    </row>
    <row r="299206" spans="8:8">
      <c r="H299206" s="12"/>
    </row>
    <row r="299207" spans="8:8">
      <c r="H299207" s="12"/>
    </row>
    <row r="299208" spans="8:8">
      <c r="H299208" s="12"/>
    </row>
    <row r="299209" spans="8:8">
      <c r="H299209" s="12"/>
    </row>
    <row r="299210" spans="8:8">
      <c r="H299210" s="12"/>
    </row>
    <row r="299211" spans="8:8">
      <c r="H299211" s="12"/>
    </row>
    <row r="299212" spans="8:8">
      <c r="H299212" s="12"/>
    </row>
    <row r="299213" spans="8:8">
      <c r="H299213" s="12"/>
    </row>
    <row r="299214" spans="8:8">
      <c r="H299214" s="12"/>
    </row>
    <row r="299215" spans="8:8">
      <c r="H299215" s="12"/>
    </row>
    <row r="299216" spans="8:8">
      <c r="H299216" s="12"/>
    </row>
    <row r="299217" spans="8:8">
      <c r="H299217" s="12"/>
    </row>
    <row r="299218" spans="8:8">
      <c r="H299218" s="12"/>
    </row>
    <row r="299219" spans="8:8">
      <c r="H299219" s="12"/>
    </row>
    <row r="299220" spans="8:8">
      <c r="H299220" s="12"/>
    </row>
    <row r="299221" spans="8:8">
      <c r="H299221" s="12"/>
    </row>
    <row r="299222" spans="8:8">
      <c r="H299222" s="12"/>
    </row>
    <row r="299223" spans="8:8">
      <c r="H299223" s="12"/>
    </row>
    <row r="299224" spans="8:8">
      <c r="H299224" s="12"/>
    </row>
    <row r="299225" spans="8:8">
      <c r="H299225" s="12"/>
    </row>
    <row r="299226" spans="8:8">
      <c r="H299226" s="12"/>
    </row>
    <row r="299227" spans="8:8">
      <c r="H299227" s="12"/>
    </row>
    <row r="299228" spans="8:8">
      <c r="H299228" s="12"/>
    </row>
    <row r="299229" spans="8:8">
      <c r="H299229" s="12"/>
    </row>
    <row r="299230" spans="8:8">
      <c r="H299230" s="12"/>
    </row>
    <row r="299231" spans="8:8">
      <c r="H299231" s="12"/>
    </row>
    <row r="299232" spans="8:8">
      <c r="H299232" s="12"/>
    </row>
    <row r="299233" spans="8:8">
      <c r="H299233" s="12"/>
    </row>
    <row r="299234" spans="8:8">
      <c r="H299234" s="12"/>
    </row>
    <row r="299235" spans="8:8">
      <c r="H299235" s="12"/>
    </row>
    <row r="299236" spans="8:8">
      <c r="H299236" s="12"/>
    </row>
    <row r="299237" spans="8:8">
      <c r="H299237" s="12"/>
    </row>
    <row r="299238" spans="8:8">
      <c r="H299238" s="12"/>
    </row>
    <row r="299239" spans="8:8">
      <c r="H299239" s="12"/>
    </row>
    <row r="299240" spans="8:8">
      <c r="H299240" s="12"/>
    </row>
    <row r="299241" spans="8:8">
      <c r="H299241" s="12"/>
    </row>
    <row r="299242" spans="8:8">
      <c r="H299242" s="12"/>
    </row>
    <row r="299243" spans="8:8">
      <c r="H299243" s="12"/>
    </row>
    <row r="299244" spans="8:8">
      <c r="H299244" s="12"/>
    </row>
    <row r="299245" spans="8:8">
      <c r="H299245" s="12"/>
    </row>
    <row r="299246" spans="8:8">
      <c r="H299246" s="12"/>
    </row>
    <row r="299247" spans="8:8">
      <c r="H299247" s="12"/>
    </row>
    <row r="299248" spans="8:8">
      <c r="H299248" s="12"/>
    </row>
    <row r="299249" spans="8:8">
      <c r="H299249" s="12"/>
    </row>
    <row r="299250" spans="8:8">
      <c r="H299250" s="12"/>
    </row>
    <row r="299251" spans="8:8">
      <c r="H299251" s="12"/>
    </row>
    <row r="299252" spans="8:8">
      <c r="H299252" s="12"/>
    </row>
    <row r="299253" spans="8:8">
      <c r="H299253" s="12"/>
    </row>
    <row r="299254" spans="8:8">
      <c r="H299254" s="12"/>
    </row>
    <row r="299255" spans="8:8">
      <c r="H299255" s="12"/>
    </row>
    <row r="299256" spans="8:8">
      <c r="H299256" s="12"/>
    </row>
    <row r="299257" spans="8:8">
      <c r="H299257" s="12"/>
    </row>
    <row r="299258" spans="8:8">
      <c r="H299258" s="12"/>
    </row>
    <row r="299259" spans="8:8">
      <c r="H299259" s="12"/>
    </row>
    <row r="299260" spans="8:8">
      <c r="H299260" s="12"/>
    </row>
    <row r="299261" spans="8:8">
      <c r="H299261" s="12"/>
    </row>
    <row r="299262" spans="8:8">
      <c r="H299262" s="12"/>
    </row>
    <row r="299263" spans="8:8">
      <c r="H299263" s="12"/>
    </row>
    <row r="299264" spans="8:8">
      <c r="H299264" s="12"/>
    </row>
    <row r="299265" spans="8:8">
      <c r="H299265" s="12"/>
    </row>
    <row r="299266" spans="8:8">
      <c r="H299266" s="12"/>
    </row>
    <row r="299267" spans="8:8">
      <c r="H299267" s="12"/>
    </row>
    <row r="299268" spans="8:8">
      <c r="H299268" s="12"/>
    </row>
    <row r="299269" spans="8:8">
      <c r="H299269" s="12"/>
    </row>
    <row r="299270" spans="8:8">
      <c r="H299270" s="12"/>
    </row>
    <row r="299271" spans="8:8">
      <c r="H299271" s="12"/>
    </row>
    <row r="299272" spans="8:8">
      <c r="H299272" s="12"/>
    </row>
    <row r="299273" spans="8:8">
      <c r="H299273" s="12"/>
    </row>
    <row r="299274" spans="8:8">
      <c r="H299274" s="12"/>
    </row>
    <row r="299275" spans="8:8">
      <c r="H299275" s="12"/>
    </row>
    <row r="299276" spans="8:8">
      <c r="H299276" s="12"/>
    </row>
    <row r="299277" spans="8:8">
      <c r="H299277" s="12"/>
    </row>
    <row r="299278" spans="8:8">
      <c r="H299278" s="12"/>
    </row>
    <row r="299279" spans="8:8">
      <c r="H299279" s="12"/>
    </row>
    <row r="299280" spans="8:8">
      <c r="H299280" s="12"/>
    </row>
    <row r="299281" spans="8:8">
      <c r="H299281" s="12"/>
    </row>
    <row r="299282" spans="8:8">
      <c r="H299282" s="12"/>
    </row>
    <row r="299283" spans="8:8">
      <c r="H299283" s="12"/>
    </row>
    <row r="299284" spans="8:8">
      <c r="H299284" s="12"/>
    </row>
    <row r="299285" spans="8:8">
      <c r="H299285" s="12"/>
    </row>
    <row r="299286" spans="8:8">
      <c r="H299286" s="12"/>
    </row>
    <row r="299287" spans="8:8">
      <c r="H299287" s="12"/>
    </row>
    <row r="299288" spans="8:8">
      <c r="H299288" s="12"/>
    </row>
    <row r="299289" spans="8:8">
      <c r="H299289" s="12"/>
    </row>
    <row r="299290" spans="8:8">
      <c r="H299290" s="12"/>
    </row>
    <row r="299291" spans="8:8">
      <c r="H299291" s="12"/>
    </row>
    <row r="299292" spans="8:8">
      <c r="H299292" s="12"/>
    </row>
    <row r="299293" spans="8:8">
      <c r="H299293" s="12"/>
    </row>
    <row r="299294" spans="8:8">
      <c r="H299294" s="12"/>
    </row>
    <row r="299295" spans="8:8">
      <c r="H299295" s="12"/>
    </row>
    <row r="299296" spans="8:8">
      <c r="H299296" s="12"/>
    </row>
    <row r="299297" spans="8:8">
      <c r="H299297" s="12"/>
    </row>
    <row r="299298" spans="8:8">
      <c r="H299298" s="12"/>
    </row>
    <row r="299299" spans="8:8">
      <c r="H299299" s="12"/>
    </row>
    <row r="299300" spans="8:8">
      <c r="H299300" s="12"/>
    </row>
    <row r="299301" spans="8:8">
      <c r="H299301" s="12"/>
    </row>
    <row r="299302" spans="8:8">
      <c r="H299302" s="12"/>
    </row>
    <row r="299303" spans="8:8">
      <c r="H299303" s="12"/>
    </row>
    <row r="299304" spans="8:8">
      <c r="H299304" s="12"/>
    </row>
    <row r="299305" spans="8:8">
      <c r="H299305" s="12"/>
    </row>
    <row r="299306" spans="8:8">
      <c r="H299306" s="12"/>
    </row>
    <row r="299307" spans="8:8">
      <c r="H299307" s="12"/>
    </row>
    <row r="299308" spans="8:8">
      <c r="H299308" s="12"/>
    </row>
    <row r="299309" spans="8:8">
      <c r="H299309" s="12"/>
    </row>
    <row r="299310" spans="8:8">
      <c r="H299310" s="12"/>
    </row>
    <row r="299311" spans="8:8">
      <c r="H299311" s="12"/>
    </row>
    <row r="299312" spans="8:8">
      <c r="H299312" s="12"/>
    </row>
    <row r="299313" spans="8:8">
      <c r="H299313" s="12"/>
    </row>
    <row r="299314" spans="8:8">
      <c r="H299314" s="12"/>
    </row>
    <row r="299315" spans="8:8">
      <c r="H299315" s="12"/>
    </row>
    <row r="299316" spans="8:8">
      <c r="H299316" s="12"/>
    </row>
    <row r="299317" spans="8:8">
      <c r="H299317" s="12"/>
    </row>
    <row r="299318" spans="8:8">
      <c r="H299318" s="12"/>
    </row>
    <row r="299319" spans="8:8">
      <c r="H299319" s="12"/>
    </row>
    <row r="299320" spans="8:8">
      <c r="H299320" s="12"/>
    </row>
    <row r="299321" spans="8:8">
      <c r="H299321" s="12"/>
    </row>
    <row r="299322" spans="8:8">
      <c r="H299322" s="12"/>
    </row>
    <row r="299323" spans="8:8">
      <c r="H299323" s="12"/>
    </row>
    <row r="299324" spans="8:8">
      <c r="H299324" s="12"/>
    </row>
    <row r="299325" spans="8:8">
      <c r="H299325" s="12"/>
    </row>
    <row r="299326" spans="8:8">
      <c r="H299326" s="12"/>
    </row>
    <row r="299327" spans="8:8">
      <c r="H299327" s="12"/>
    </row>
    <row r="299328" spans="8:8">
      <c r="H299328" s="12"/>
    </row>
    <row r="299329" spans="8:8">
      <c r="H299329" s="12"/>
    </row>
    <row r="299330" spans="8:8">
      <c r="H299330" s="12"/>
    </row>
    <row r="299331" spans="8:8">
      <c r="H299331" s="12"/>
    </row>
    <row r="299332" spans="8:8">
      <c r="H299332" s="12"/>
    </row>
    <row r="299333" spans="8:8">
      <c r="H299333" s="12"/>
    </row>
    <row r="299334" spans="8:8">
      <c r="H299334" s="12"/>
    </row>
    <row r="299335" spans="8:8">
      <c r="H299335" s="12"/>
    </row>
    <row r="299336" spans="8:8">
      <c r="H299336" s="12"/>
    </row>
    <row r="299337" spans="8:8">
      <c r="H299337" s="12"/>
    </row>
    <row r="299338" spans="8:8">
      <c r="H299338" s="12"/>
    </row>
    <row r="299339" spans="8:8">
      <c r="H299339" s="12"/>
    </row>
    <row r="299340" spans="8:8">
      <c r="H299340" s="12"/>
    </row>
    <row r="299341" spans="8:8">
      <c r="H299341" s="12"/>
    </row>
    <row r="299342" spans="8:8">
      <c r="H299342" s="12"/>
    </row>
    <row r="299343" spans="8:8">
      <c r="H299343" s="12"/>
    </row>
    <row r="299344" spans="8:8">
      <c r="H299344" s="12"/>
    </row>
    <row r="299345" spans="8:8">
      <c r="H299345" s="12"/>
    </row>
    <row r="299346" spans="8:8">
      <c r="H299346" s="12"/>
    </row>
    <row r="299347" spans="8:8">
      <c r="H299347" s="12"/>
    </row>
    <row r="299348" spans="8:8">
      <c r="H299348" s="12"/>
    </row>
    <row r="299349" spans="8:8">
      <c r="H299349" s="12"/>
    </row>
    <row r="299350" spans="8:8">
      <c r="H299350" s="12"/>
    </row>
    <row r="299351" spans="8:8">
      <c r="H299351" s="12"/>
    </row>
    <row r="299352" spans="8:8">
      <c r="H299352" s="12"/>
    </row>
    <row r="299353" spans="8:8">
      <c r="H299353" s="12"/>
    </row>
    <row r="299354" spans="8:8">
      <c r="H299354" s="12"/>
    </row>
    <row r="299355" spans="8:8">
      <c r="H299355" s="12"/>
    </row>
    <row r="299356" spans="8:8">
      <c r="H299356" s="12"/>
    </row>
    <row r="299357" spans="8:8">
      <c r="H299357" s="12"/>
    </row>
    <row r="299358" spans="8:8">
      <c r="H299358" s="12"/>
    </row>
    <row r="299359" spans="8:8">
      <c r="H299359" s="12"/>
    </row>
    <row r="299360" spans="8:8">
      <c r="H299360" s="12"/>
    </row>
    <row r="299361" spans="8:8">
      <c r="H299361" s="12"/>
    </row>
    <row r="299362" spans="8:8">
      <c r="H299362" s="12"/>
    </row>
    <row r="299363" spans="8:8">
      <c r="H299363" s="12"/>
    </row>
    <row r="299364" spans="8:8">
      <c r="H299364" s="12"/>
    </row>
    <row r="299365" spans="8:8">
      <c r="H299365" s="12"/>
    </row>
    <row r="299366" spans="8:8">
      <c r="H299366" s="12"/>
    </row>
    <row r="299367" spans="8:8">
      <c r="H299367" s="12"/>
    </row>
    <row r="299368" spans="8:8">
      <c r="H299368" s="12"/>
    </row>
    <row r="299369" spans="8:8">
      <c r="H299369" s="12"/>
    </row>
    <row r="299370" spans="8:8">
      <c r="H299370" s="12"/>
    </row>
    <row r="299371" spans="8:8">
      <c r="H299371" s="12"/>
    </row>
    <row r="299372" spans="8:8">
      <c r="H299372" s="12"/>
    </row>
    <row r="299373" spans="8:8">
      <c r="H299373" s="12"/>
    </row>
    <row r="299374" spans="8:8">
      <c r="H299374" s="12"/>
    </row>
    <row r="299375" spans="8:8">
      <c r="H299375" s="12"/>
    </row>
    <row r="299376" spans="8:8">
      <c r="H299376" s="12"/>
    </row>
    <row r="299377" spans="8:8">
      <c r="H299377" s="12"/>
    </row>
    <row r="299378" spans="8:8">
      <c r="H299378" s="12"/>
    </row>
    <row r="299379" spans="8:8">
      <c r="H299379" s="12"/>
    </row>
    <row r="299380" spans="8:8">
      <c r="H299380" s="12"/>
    </row>
    <row r="299381" spans="8:8">
      <c r="H299381" s="12"/>
    </row>
    <row r="299382" spans="8:8">
      <c r="H299382" s="12"/>
    </row>
    <row r="299383" spans="8:8">
      <c r="H299383" s="12"/>
    </row>
    <row r="299384" spans="8:8">
      <c r="H299384" s="12"/>
    </row>
    <row r="299385" spans="8:8">
      <c r="H299385" s="12"/>
    </row>
    <row r="299386" spans="8:8">
      <c r="H299386" s="12"/>
    </row>
    <row r="299387" spans="8:8">
      <c r="H299387" s="12"/>
    </row>
    <row r="299388" spans="8:8">
      <c r="H299388" s="12"/>
    </row>
    <row r="299389" spans="8:8">
      <c r="H299389" s="12"/>
    </row>
    <row r="299390" spans="8:8">
      <c r="H299390" s="12"/>
    </row>
    <row r="299391" spans="8:8">
      <c r="H299391" s="12"/>
    </row>
    <row r="299392" spans="8:8">
      <c r="H299392" s="12"/>
    </row>
    <row r="299393" spans="8:8">
      <c r="H299393" s="12"/>
    </row>
    <row r="299394" spans="8:8">
      <c r="H299394" s="12"/>
    </row>
    <row r="299395" spans="8:8">
      <c r="H299395" s="12"/>
    </row>
    <row r="299396" spans="8:8">
      <c r="H299396" s="12"/>
    </row>
    <row r="299397" spans="8:8">
      <c r="H299397" s="12"/>
    </row>
    <row r="299398" spans="8:8">
      <c r="H299398" s="12"/>
    </row>
    <row r="299399" spans="8:8">
      <c r="H299399" s="12"/>
    </row>
    <row r="299400" spans="8:8">
      <c r="H299400" s="12"/>
    </row>
    <row r="299401" spans="8:8">
      <c r="H299401" s="12"/>
    </row>
    <row r="299402" spans="8:8">
      <c r="H299402" s="12"/>
    </row>
    <row r="299403" spans="8:8">
      <c r="H299403" s="12"/>
    </row>
    <row r="299404" spans="8:8">
      <c r="H299404" s="12"/>
    </row>
    <row r="299405" spans="8:8">
      <c r="H299405" s="12"/>
    </row>
    <row r="299406" spans="8:8">
      <c r="H299406" s="12"/>
    </row>
    <row r="299407" spans="8:8">
      <c r="H299407" s="12"/>
    </row>
    <row r="299408" spans="8:8">
      <c r="H299408" s="12"/>
    </row>
    <row r="299409" spans="8:8">
      <c r="H299409" s="12"/>
    </row>
    <row r="299410" spans="8:8">
      <c r="H299410" s="12"/>
    </row>
    <row r="299411" spans="8:8">
      <c r="H299411" s="12"/>
    </row>
    <row r="299412" spans="8:8">
      <c r="H299412" s="12"/>
    </row>
    <row r="299413" spans="8:8">
      <c r="H299413" s="12"/>
    </row>
    <row r="299414" spans="8:8">
      <c r="H299414" s="12"/>
    </row>
    <row r="299415" spans="8:8">
      <c r="H299415" s="12"/>
    </row>
    <row r="299416" spans="8:8">
      <c r="H299416" s="12"/>
    </row>
    <row r="299417" spans="8:8">
      <c r="H299417" s="12"/>
    </row>
    <row r="299418" spans="8:8">
      <c r="H299418" s="12"/>
    </row>
    <row r="299419" spans="8:8">
      <c r="H299419" s="12"/>
    </row>
    <row r="299420" spans="8:8">
      <c r="H299420" s="12"/>
    </row>
    <row r="299421" spans="8:8">
      <c r="H299421" s="12"/>
    </row>
    <row r="299422" spans="8:8">
      <c r="H299422" s="12"/>
    </row>
    <row r="299423" spans="8:8">
      <c r="H299423" s="12"/>
    </row>
    <row r="299424" spans="8:8">
      <c r="H299424" s="12"/>
    </row>
    <row r="299425" spans="8:8">
      <c r="H299425" s="12"/>
    </row>
    <row r="299426" spans="8:8">
      <c r="H299426" s="12"/>
    </row>
    <row r="299427" spans="8:8">
      <c r="H299427" s="12"/>
    </row>
    <row r="299428" spans="8:8">
      <c r="H299428" s="12"/>
    </row>
    <row r="299429" spans="8:8">
      <c r="H299429" s="12"/>
    </row>
    <row r="299430" spans="8:8">
      <c r="H299430" s="12"/>
    </row>
    <row r="299431" spans="8:8">
      <c r="H299431" s="12"/>
    </row>
    <row r="299432" spans="8:8">
      <c r="H299432" s="12"/>
    </row>
    <row r="299433" spans="8:8">
      <c r="H299433" s="12"/>
    </row>
    <row r="299434" spans="8:8">
      <c r="H299434" s="12"/>
    </row>
    <row r="299435" spans="8:8">
      <c r="H299435" s="12"/>
    </row>
    <row r="299436" spans="8:8">
      <c r="H299436" s="12"/>
    </row>
    <row r="299437" spans="8:8">
      <c r="H299437" s="12"/>
    </row>
    <row r="299438" spans="8:8">
      <c r="H299438" s="12"/>
    </row>
    <row r="299439" spans="8:8">
      <c r="H299439" s="12"/>
    </row>
    <row r="299440" spans="8:8">
      <c r="H299440" s="12"/>
    </row>
    <row r="299441" spans="8:8">
      <c r="H299441" s="12"/>
    </row>
    <row r="299442" spans="8:8">
      <c r="H299442" s="12"/>
    </row>
    <row r="299443" spans="8:8">
      <c r="H299443" s="12"/>
    </row>
    <row r="299444" spans="8:8">
      <c r="H299444" s="12"/>
    </row>
    <row r="299445" spans="8:8">
      <c r="H299445" s="12"/>
    </row>
    <row r="299446" spans="8:8">
      <c r="H299446" s="12"/>
    </row>
    <row r="299447" spans="8:8">
      <c r="H299447" s="12"/>
    </row>
    <row r="299448" spans="8:8">
      <c r="H299448" s="12"/>
    </row>
    <row r="299449" spans="8:8">
      <c r="H299449" s="12"/>
    </row>
    <row r="299450" spans="8:8">
      <c r="H299450" s="12"/>
    </row>
    <row r="299451" spans="8:8">
      <c r="H299451" s="12"/>
    </row>
    <row r="299452" spans="8:8">
      <c r="H299452" s="12"/>
    </row>
    <row r="299453" spans="8:8">
      <c r="H299453" s="12"/>
    </row>
    <row r="299454" spans="8:8">
      <c r="H299454" s="12"/>
    </row>
    <row r="299455" spans="8:8">
      <c r="H299455" s="12"/>
    </row>
    <row r="299456" spans="8:8">
      <c r="H299456" s="12"/>
    </row>
    <row r="299457" spans="8:8">
      <c r="H299457" s="12"/>
    </row>
    <row r="299458" spans="8:8">
      <c r="H299458" s="12"/>
    </row>
    <row r="299459" spans="8:8">
      <c r="H299459" s="12"/>
    </row>
    <row r="299460" spans="8:8">
      <c r="H299460" s="12"/>
    </row>
    <row r="299461" spans="8:8">
      <c r="H299461" s="12"/>
    </row>
    <row r="299462" spans="8:8">
      <c r="H299462" s="12"/>
    </row>
    <row r="299463" spans="8:8">
      <c r="H299463" s="12"/>
    </row>
    <row r="299464" spans="8:8">
      <c r="H299464" s="12"/>
    </row>
    <row r="299465" spans="8:8">
      <c r="H299465" s="12"/>
    </row>
    <row r="299466" spans="8:8">
      <c r="H299466" s="12"/>
    </row>
    <row r="299467" spans="8:8">
      <c r="H299467" s="12"/>
    </row>
    <row r="299468" spans="8:8">
      <c r="H299468" s="12"/>
    </row>
    <row r="299469" spans="8:8">
      <c r="H299469" s="12"/>
    </row>
    <row r="299470" spans="8:8">
      <c r="H299470" s="12"/>
    </row>
    <row r="299471" spans="8:8">
      <c r="H299471" s="12"/>
    </row>
    <row r="299472" spans="8:8">
      <c r="H299472" s="12"/>
    </row>
    <row r="299473" spans="8:8">
      <c r="H299473" s="12"/>
    </row>
    <row r="299474" spans="8:8">
      <c r="H299474" s="12"/>
    </row>
    <row r="299475" spans="8:8">
      <c r="H299475" s="12"/>
    </row>
    <row r="299476" spans="8:8">
      <c r="H299476" s="12"/>
    </row>
    <row r="299477" spans="8:8">
      <c r="H299477" s="12"/>
    </row>
    <row r="299478" spans="8:8">
      <c r="H299478" s="12"/>
    </row>
    <row r="299479" spans="8:8">
      <c r="H299479" s="12"/>
    </row>
    <row r="299480" spans="8:8">
      <c r="H299480" s="12"/>
    </row>
    <row r="299481" spans="8:8">
      <c r="H299481" s="12"/>
    </row>
    <row r="299482" spans="8:8">
      <c r="H299482" s="12"/>
    </row>
    <row r="299483" spans="8:8">
      <c r="H299483" s="12"/>
    </row>
    <row r="299484" spans="8:8">
      <c r="H299484" s="12"/>
    </row>
    <row r="299485" spans="8:8">
      <c r="H299485" s="12"/>
    </row>
    <row r="299486" spans="8:8">
      <c r="H299486" s="12"/>
    </row>
    <row r="299487" spans="8:8">
      <c r="H299487" s="12"/>
    </row>
    <row r="299488" spans="8:8">
      <c r="H299488" s="12"/>
    </row>
    <row r="299489" spans="8:8">
      <c r="H299489" s="12"/>
    </row>
    <row r="299490" spans="8:8">
      <c r="H299490" s="12"/>
    </row>
    <row r="299491" spans="8:8">
      <c r="H299491" s="12"/>
    </row>
    <row r="299492" spans="8:8">
      <c r="H299492" s="12"/>
    </row>
    <row r="299493" spans="8:8">
      <c r="H299493" s="12"/>
    </row>
    <row r="299494" spans="8:8">
      <c r="H299494" s="12"/>
    </row>
    <row r="299495" spans="8:8">
      <c r="H299495" s="12"/>
    </row>
    <row r="299496" spans="8:8">
      <c r="H299496" s="12"/>
    </row>
    <row r="299497" spans="8:8">
      <c r="H299497" s="12"/>
    </row>
    <row r="299498" spans="8:8">
      <c r="H299498" s="12"/>
    </row>
    <row r="299499" spans="8:8">
      <c r="H299499" s="12"/>
    </row>
    <row r="299500" spans="8:8">
      <c r="H299500" s="12"/>
    </row>
    <row r="299501" spans="8:8">
      <c r="H299501" s="12"/>
    </row>
    <row r="299502" spans="8:8">
      <c r="H299502" s="12"/>
    </row>
    <row r="299503" spans="8:8">
      <c r="H299503" s="12"/>
    </row>
    <row r="299504" spans="8:8">
      <c r="H299504" s="12"/>
    </row>
    <row r="299505" spans="8:8">
      <c r="H299505" s="12"/>
    </row>
    <row r="299506" spans="8:8">
      <c r="H299506" s="12"/>
    </row>
    <row r="299507" spans="8:8">
      <c r="H299507" s="12"/>
    </row>
    <row r="299508" spans="8:8">
      <c r="H299508" s="12"/>
    </row>
    <row r="299509" spans="8:8">
      <c r="H299509" s="12"/>
    </row>
    <row r="299510" spans="8:8">
      <c r="H299510" s="12"/>
    </row>
    <row r="299511" spans="8:8">
      <c r="H299511" s="12"/>
    </row>
    <row r="299512" spans="8:8">
      <c r="H299512" s="12"/>
    </row>
    <row r="299513" spans="8:8">
      <c r="H299513" s="12"/>
    </row>
    <row r="299514" spans="8:8">
      <c r="H299514" s="12"/>
    </row>
    <row r="299515" spans="8:8">
      <c r="H299515" s="12"/>
    </row>
    <row r="299516" spans="8:8">
      <c r="H299516" s="12"/>
    </row>
    <row r="299517" spans="8:8">
      <c r="H299517" s="12"/>
    </row>
    <row r="299518" spans="8:8">
      <c r="H299518" s="12"/>
    </row>
    <row r="299519" spans="8:8">
      <c r="H299519" s="12"/>
    </row>
    <row r="299520" spans="8:8">
      <c r="H299520" s="12"/>
    </row>
    <row r="299521" spans="8:8">
      <c r="H299521" s="12"/>
    </row>
    <row r="299522" spans="8:8">
      <c r="H299522" s="12"/>
    </row>
    <row r="299523" spans="8:8">
      <c r="H299523" s="12"/>
    </row>
    <row r="299524" spans="8:8">
      <c r="H299524" s="12"/>
    </row>
    <row r="299525" spans="8:8">
      <c r="H299525" s="12"/>
    </row>
    <row r="299526" spans="8:8">
      <c r="H299526" s="12"/>
    </row>
    <row r="299527" spans="8:8">
      <c r="H299527" s="12"/>
    </row>
    <row r="299528" spans="8:8">
      <c r="H299528" s="12"/>
    </row>
    <row r="299529" spans="8:8">
      <c r="H299529" s="12"/>
    </row>
    <row r="299530" spans="8:8">
      <c r="H299530" s="12"/>
    </row>
    <row r="299531" spans="8:8">
      <c r="H299531" s="12"/>
    </row>
    <row r="299532" spans="8:8">
      <c r="H299532" s="12"/>
    </row>
    <row r="299533" spans="8:8">
      <c r="H299533" s="12"/>
    </row>
    <row r="299534" spans="8:8">
      <c r="H299534" s="12"/>
    </row>
    <row r="299535" spans="8:8">
      <c r="H299535" s="12"/>
    </row>
    <row r="299536" spans="8:8">
      <c r="H299536" s="12"/>
    </row>
    <row r="299537" spans="8:8">
      <c r="H299537" s="12"/>
    </row>
    <row r="299538" spans="8:8">
      <c r="H299538" s="12"/>
    </row>
    <row r="299539" spans="8:8">
      <c r="H299539" s="12"/>
    </row>
    <row r="299540" spans="8:8">
      <c r="H299540" s="12"/>
    </row>
    <row r="299541" spans="8:8">
      <c r="H299541" s="12"/>
    </row>
    <row r="299542" spans="8:8">
      <c r="H299542" s="12"/>
    </row>
    <row r="299543" spans="8:8">
      <c r="H299543" s="12"/>
    </row>
    <row r="299544" spans="8:8">
      <c r="H299544" s="12"/>
    </row>
    <row r="299545" spans="8:8">
      <c r="H299545" s="12"/>
    </row>
    <row r="299546" spans="8:8">
      <c r="H299546" s="12"/>
    </row>
    <row r="299547" spans="8:8">
      <c r="H299547" s="12"/>
    </row>
    <row r="299548" spans="8:8">
      <c r="H299548" s="12"/>
    </row>
    <row r="299549" spans="8:8">
      <c r="H299549" s="12"/>
    </row>
    <row r="299550" spans="8:8">
      <c r="H299550" s="12"/>
    </row>
    <row r="299551" spans="8:8">
      <c r="H299551" s="12"/>
    </row>
    <row r="299552" spans="8:8">
      <c r="H299552" s="12"/>
    </row>
    <row r="299553" spans="8:8">
      <c r="H299553" s="12"/>
    </row>
    <row r="299554" spans="8:8">
      <c r="H299554" s="12"/>
    </row>
    <row r="299555" spans="8:8">
      <c r="H299555" s="12"/>
    </row>
    <row r="299556" spans="8:8">
      <c r="H299556" s="12"/>
    </row>
    <row r="299557" spans="8:8">
      <c r="H299557" s="12"/>
    </row>
    <row r="299558" spans="8:8">
      <c r="H299558" s="12"/>
    </row>
    <row r="299559" spans="8:8">
      <c r="H299559" s="12"/>
    </row>
    <row r="299560" spans="8:8">
      <c r="H299560" s="12"/>
    </row>
    <row r="299561" spans="8:8">
      <c r="H299561" s="12"/>
    </row>
    <row r="299562" spans="8:8">
      <c r="H299562" s="12"/>
    </row>
    <row r="299563" spans="8:8">
      <c r="H299563" s="12"/>
    </row>
    <row r="299564" spans="8:8">
      <c r="H299564" s="12"/>
    </row>
    <row r="299565" spans="8:8">
      <c r="H299565" s="12"/>
    </row>
    <row r="299566" spans="8:8">
      <c r="H299566" s="12"/>
    </row>
    <row r="299567" spans="8:8">
      <c r="H299567" s="12"/>
    </row>
    <row r="299568" spans="8:8">
      <c r="H299568" s="12"/>
    </row>
    <row r="299569" spans="8:8">
      <c r="H299569" s="12"/>
    </row>
    <row r="299570" spans="8:8">
      <c r="H299570" s="12"/>
    </row>
    <row r="299571" spans="8:8">
      <c r="H299571" s="12"/>
    </row>
    <row r="299572" spans="8:8">
      <c r="H299572" s="12"/>
    </row>
    <row r="299573" spans="8:8">
      <c r="H299573" s="12"/>
    </row>
    <row r="299574" spans="8:8">
      <c r="H299574" s="12"/>
    </row>
    <row r="299575" spans="8:8">
      <c r="H299575" s="12"/>
    </row>
    <row r="299576" spans="8:8">
      <c r="H299576" s="12"/>
    </row>
    <row r="299577" spans="8:8">
      <c r="H299577" s="12"/>
    </row>
    <row r="299578" spans="8:8">
      <c r="H299578" s="12"/>
    </row>
    <row r="299579" spans="8:8">
      <c r="H299579" s="12"/>
    </row>
    <row r="299580" spans="8:8">
      <c r="H299580" s="12"/>
    </row>
    <row r="299581" spans="8:8">
      <c r="H299581" s="12"/>
    </row>
    <row r="299582" spans="8:8">
      <c r="H299582" s="12"/>
    </row>
    <row r="299583" spans="8:8">
      <c r="H299583" s="12"/>
    </row>
    <row r="299584" spans="8:8">
      <c r="H299584" s="12"/>
    </row>
    <row r="299585" spans="8:8">
      <c r="H299585" s="12"/>
    </row>
    <row r="299586" spans="8:8">
      <c r="H299586" s="12"/>
    </row>
    <row r="299587" spans="8:8">
      <c r="H299587" s="12"/>
    </row>
    <row r="299588" spans="8:8">
      <c r="H299588" s="12"/>
    </row>
    <row r="299589" spans="8:8">
      <c r="H299589" s="12"/>
    </row>
    <row r="299590" spans="8:8">
      <c r="H299590" s="12"/>
    </row>
    <row r="299591" spans="8:8">
      <c r="H299591" s="12"/>
    </row>
    <row r="299592" spans="8:8">
      <c r="H299592" s="12"/>
    </row>
    <row r="299593" spans="8:8">
      <c r="H299593" s="12"/>
    </row>
    <row r="299594" spans="8:8">
      <c r="H299594" s="12"/>
    </row>
    <row r="299595" spans="8:8">
      <c r="H299595" s="12"/>
    </row>
    <row r="299596" spans="8:8">
      <c r="H299596" s="12"/>
    </row>
    <row r="299597" spans="8:8">
      <c r="H299597" s="12"/>
    </row>
    <row r="299598" spans="8:8">
      <c r="H299598" s="12"/>
    </row>
    <row r="299599" spans="8:8">
      <c r="H299599" s="12"/>
    </row>
    <row r="299600" spans="8:8">
      <c r="H299600" s="12"/>
    </row>
    <row r="299601" spans="8:8">
      <c r="H299601" s="12"/>
    </row>
    <row r="299602" spans="8:8">
      <c r="H299602" s="12"/>
    </row>
    <row r="299603" spans="8:8">
      <c r="H299603" s="12"/>
    </row>
    <row r="299604" spans="8:8">
      <c r="H299604" s="12"/>
    </row>
    <row r="299605" spans="8:8">
      <c r="H299605" s="12"/>
    </row>
    <row r="299606" spans="8:8">
      <c r="H299606" s="12"/>
    </row>
    <row r="299607" spans="8:8">
      <c r="H299607" s="12"/>
    </row>
    <row r="299608" spans="8:8">
      <c r="H299608" s="12"/>
    </row>
    <row r="299609" spans="8:8">
      <c r="H299609" s="12"/>
    </row>
    <row r="299610" spans="8:8">
      <c r="H299610" s="12"/>
    </row>
    <row r="299611" spans="8:8">
      <c r="H299611" s="12"/>
    </row>
    <row r="299612" spans="8:8">
      <c r="H299612" s="12"/>
    </row>
    <row r="299613" spans="8:8">
      <c r="H299613" s="12"/>
    </row>
    <row r="299614" spans="8:8">
      <c r="H299614" s="12"/>
    </row>
    <row r="299615" spans="8:8">
      <c r="H299615" s="12"/>
    </row>
    <row r="299616" spans="8:8">
      <c r="H299616" s="12"/>
    </row>
    <row r="299617" spans="8:8">
      <c r="H299617" s="12"/>
    </row>
    <row r="299618" spans="8:8">
      <c r="H299618" s="12"/>
    </row>
    <row r="299619" spans="8:8">
      <c r="H299619" s="12"/>
    </row>
    <row r="299620" spans="8:8">
      <c r="H299620" s="12"/>
    </row>
    <row r="299621" spans="8:8">
      <c r="H299621" s="12"/>
    </row>
    <row r="299622" spans="8:8">
      <c r="H299622" s="12"/>
    </row>
    <row r="299623" spans="8:8">
      <c r="H299623" s="12"/>
    </row>
    <row r="299624" spans="8:8">
      <c r="H299624" s="12"/>
    </row>
    <row r="299625" spans="8:8">
      <c r="H299625" s="12"/>
    </row>
    <row r="299626" spans="8:8">
      <c r="H299626" s="12"/>
    </row>
    <row r="299627" spans="8:8">
      <c r="H299627" s="12"/>
    </row>
    <row r="299628" spans="8:8">
      <c r="H299628" s="12"/>
    </row>
    <row r="299629" spans="8:8">
      <c r="H299629" s="12"/>
    </row>
    <row r="299630" spans="8:8">
      <c r="H299630" s="12"/>
    </row>
    <row r="299631" spans="8:8">
      <c r="H299631" s="12"/>
    </row>
    <row r="299632" spans="8:8">
      <c r="H299632" s="12"/>
    </row>
    <row r="299633" spans="8:8">
      <c r="H299633" s="12"/>
    </row>
    <row r="299634" spans="8:8">
      <c r="H299634" s="12"/>
    </row>
    <row r="299635" spans="8:8">
      <c r="H299635" s="12"/>
    </row>
    <row r="299636" spans="8:8">
      <c r="H299636" s="12"/>
    </row>
    <row r="299637" spans="8:8">
      <c r="H299637" s="12"/>
    </row>
    <row r="299638" spans="8:8">
      <c r="H299638" s="12"/>
    </row>
    <row r="299639" spans="8:8">
      <c r="H299639" s="12"/>
    </row>
    <row r="299640" spans="8:8">
      <c r="H299640" s="12"/>
    </row>
    <row r="299641" spans="8:8">
      <c r="H299641" s="12"/>
    </row>
    <row r="299642" spans="8:8">
      <c r="H299642" s="12"/>
    </row>
    <row r="299643" spans="8:8">
      <c r="H299643" s="12"/>
    </row>
    <row r="299644" spans="8:8">
      <c r="H299644" s="12"/>
    </row>
    <row r="299645" spans="8:8">
      <c r="H299645" s="12"/>
    </row>
    <row r="299646" spans="8:8">
      <c r="H299646" s="12"/>
    </row>
    <row r="299647" spans="8:8">
      <c r="H299647" s="12"/>
    </row>
    <row r="299648" spans="8:8">
      <c r="H299648" s="12"/>
    </row>
    <row r="299649" spans="8:8">
      <c r="H299649" s="12"/>
    </row>
    <row r="299650" spans="8:8">
      <c r="H299650" s="12"/>
    </row>
    <row r="299651" spans="8:8">
      <c r="H299651" s="12"/>
    </row>
    <row r="299652" spans="8:8">
      <c r="H299652" s="12"/>
    </row>
    <row r="299653" spans="8:8">
      <c r="H299653" s="12"/>
    </row>
    <row r="299654" spans="8:8">
      <c r="H299654" s="12"/>
    </row>
    <row r="299655" spans="8:8">
      <c r="H299655" s="12"/>
    </row>
    <row r="299656" spans="8:8">
      <c r="H299656" s="12"/>
    </row>
    <row r="299657" spans="8:8">
      <c r="H299657" s="12"/>
    </row>
    <row r="299658" spans="8:8">
      <c r="H299658" s="12"/>
    </row>
    <row r="299659" spans="8:8">
      <c r="H299659" s="12"/>
    </row>
    <row r="299660" spans="8:8">
      <c r="H299660" s="12"/>
    </row>
    <row r="299661" spans="8:8">
      <c r="H299661" s="12"/>
    </row>
    <row r="299662" spans="8:8">
      <c r="H299662" s="12"/>
    </row>
    <row r="299663" spans="8:8">
      <c r="H299663" s="12"/>
    </row>
    <row r="299664" spans="8:8">
      <c r="H299664" s="12"/>
    </row>
    <row r="299665" spans="8:8">
      <c r="H299665" s="12"/>
    </row>
    <row r="299666" spans="8:8">
      <c r="H299666" s="12"/>
    </row>
    <row r="299667" spans="8:8">
      <c r="H299667" s="12"/>
    </row>
    <row r="299668" spans="8:8">
      <c r="H299668" s="12"/>
    </row>
    <row r="299669" spans="8:8">
      <c r="H299669" s="12"/>
    </row>
    <row r="299670" spans="8:8">
      <c r="H299670" s="12"/>
    </row>
    <row r="299671" spans="8:8">
      <c r="H299671" s="12"/>
    </row>
    <row r="299672" spans="8:8">
      <c r="H299672" s="12"/>
    </row>
    <row r="299673" spans="8:8">
      <c r="H299673" s="12"/>
    </row>
    <row r="299674" spans="8:8">
      <c r="H299674" s="12"/>
    </row>
    <row r="299675" spans="8:8">
      <c r="H299675" s="12"/>
    </row>
    <row r="299676" spans="8:8">
      <c r="H299676" s="12"/>
    </row>
    <row r="299677" spans="8:8">
      <c r="H299677" s="12"/>
    </row>
    <row r="299678" spans="8:8">
      <c r="H299678" s="12"/>
    </row>
    <row r="299679" spans="8:8">
      <c r="H299679" s="12"/>
    </row>
    <row r="299680" spans="8:8">
      <c r="H299680" s="12"/>
    </row>
    <row r="299681" spans="8:8">
      <c r="H299681" s="12"/>
    </row>
    <row r="299682" spans="8:8">
      <c r="H299682" s="12"/>
    </row>
    <row r="299683" spans="8:8">
      <c r="H299683" s="12"/>
    </row>
    <row r="299684" spans="8:8">
      <c r="H299684" s="12"/>
    </row>
    <row r="299685" spans="8:8">
      <c r="H299685" s="12"/>
    </row>
    <row r="299686" spans="8:8">
      <c r="H299686" s="12"/>
    </row>
    <row r="299687" spans="8:8">
      <c r="H299687" s="12"/>
    </row>
    <row r="299688" spans="8:8">
      <c r="H299688" s="12"/>
    </row>
    <row r="299689" spans="8:8">
      <c r="H299689" s="12"/>
    </row>
    <row r="299690" spans="8:8">
      <c r="H299690" s="12"/>
    </row>
    <row r="299691" spans="8:8">
      <c r="H299691" s="12"/>
    </row>
    <row r="299692" spans="8:8">
      <c r="H299692" s="12"/>
    </row>
    <row r="299693" spans="8:8">
      <c r="H299693" s="12"/>
    </row>
    <row r="299694" spans="8:8">
      <c r="H299694" s="12"/>
    </row>
    <row r="299695" spans="8:8">
      <c r="H299695" s="12"/>
    </row>
    <row r="299696" spans="8:8">
      <c r="H299696" s="12"/>
    </row>
    <row r="299697" spans="8:8">
      <c r="H299697" s="12"/>
    </row>
    <row r="299698" spans="8:8">
      <c r="H299698" s="12"/>
    </row>
    <row r="299699" spans="8:8">
      <c r="H299699" s="12"/>
    </row>
    <row r="299700" spans="8:8">
      <c r="H299700" s="12"/>
    </row>
    <row r="299701" spans="8:8">
      <c r="H299701" s="12"/>
    </row>
    <row r="299702" spans="8:8">
      <c r="H299702" s="12"/>
    </row>
    <row r="299703" spans="8:8">
      <c r="H299703" s="12"/>
    </row>
    <row r="299704" spans="8:8">
      <c r="H299704" s="12"/>
    </row>
    <row r="299705" spans="8:8">
      <c r="H299705" s="12"/>
    </row>
    <row r="299706" spans="8:8">
      <c r="H299706" s="12"/>
    </row>
    <row r="299707" spans="8:8">
      <c r="H299707" s="12"/>
    </row>
    <row r="299708" spans="8:8">
      <c r="H299708" s="12"/>
    </row>
    <row r="299709" spans="8:8">
      <c r="H299709" s="12"/>
    </row>
    <row r="299710" spans="8:8">
      <c r="H299710" s="12"/>
    </row>
    <row r="299711" spans="8:8">
      <c r="H299711" s="12"/>
    </row>
    <row r="299712" spans="8:8">
      <c r="H299712" s="12"/>
    </row>
    <row r="299713" spans="8:8">
      <c r="H299713" s="12"/>
    </row>
    <row r="299714" spans="8:8">
      <c r="H299714" s="12"/>
    </row>
    <row r="299715" spans="8:8">
      <c r="H299715" s="12"/>
    </row>
    <row r="299716" spans="8:8">
      <c r="H299716" s="12"/>
    </row>
    <row r="299717" spans="8:8">
      <c r="H299717" s="12"/>
    </row>
    <row r="299718" spans="8:8">
      <c r="H299718" s="12"/>
    </row>
    <row r="299719" spans="8:8">
      <c r="H299719" s="12"/>
    </row>
    <row r="299720" spans="8:8">
      <c r="H299720" s="12"/>
    </row>
    <row r="299721" spans="8:8">
      <c r="H299721" s="12"/>
    </row>
    <row r="299722" spans="8:8">
      <c r="H299722" s="12"/>
    </row>
    <row r="299723" spans="8:8">
      <c r="H299723" s="12"/>
    </row>
    <row r="299724" spans="8:8">
      <c r="H299724" s="12"/>
    </row>
    <row r="299725" spans="8:8">
      <c r="H299725" s="12"/>
    </row>
    <row r="299726" spans="8:8">
      <c r="H299726" s="12"/>
    </row>
    <row r="299727" spans="8:8">
      <c r="H299727" s="12"/>
    </row>
    <row r="299728" spans="8:8">
      <c r="H299728" s="12"/>
    </row>
    <row r="299729" spans="8:8">
      <c r="H299729" s="12"/>
    </row>
    <row r="299730" spans="8:8">
      <c r="H299730" s="12"/>
    </row>
    <row r="299731" spans="8:8">
      <c r="H299731" s="12"/>
    </row>
    <row r="299732" spans="8:8">
      <c r="H299732" s="12"/>
    </row>
    <row r="299733" spans="8:8">
      <c r="H299733" s="12"/>
    </row>
    <row r="299734" spans="8:8">
      <c r="H299734" s="12"/>
    </row>
    <row r="299735" spans="8:8">
      <c r="H299735" s="12"/>
    </row>
    <row r="299736" spans="8:8">
      <c r="H299736" s="12"/>
    </row>
    <row r="299737" spans="8:8">
      <c r="H299737" s="12"/>
    </row>
    <row r="299738" spans="8:8">
      <c r="H299738" s="12"/>
    </row>
    <row r="299739" spans="8:8">
      <c r="H299739" s="12"/>
    </row>
    <row r="299740" spans="8:8">
      <c r="H299740" s="12"/>
    </row>
    <row r="299741" spans="8:8">
      <c r="H299741" s="12"/>
    </row>
    <row r="299742" spans="8:8">
      <c r="H299742" s="12"/>
    </row>
    <row r="299743" spans="8:8">
      <c r="H299743" s="12"/>
    </row>
    <row r="299744" spans="8:8">
      <c r="H299744" s="12"/>
    </row>
    <row r="299745" spans="8:8">
      <c r="H299745" s="12"/>
    </row>
    <row r="299746" spans="8:8">
      <c r="H299746" s="12"/>
    </row>
    <row r="299747" spans="8:8">
      <c r="H299747" s="12"/>
    </row>
    <row r="299748" spans="8:8">
      <c r="H299748" s="12"/>
    </row>
    <row r="299749" spans="8:8">
      <c r="H299749" s="12"/>
    </row>
    <row r="299750" spans="8:8">
      <c r="H299750" s="12"/>
    </row>
    <row r="299751" spans="8:8">
      <c r="H299751" s="12"/>
    </row>
    <row r="299752" spans="8:8">
      <c r="H299752" s="12"/>
    </row>
    <row r="299753" spans="8:8">
      <c r="H299753" s="12"/>
    </row>
    <row r="299754" spans="8:8">
      <c r="H299754" s="12"/>
    </row>
    <row r="299755" spans="8:8">
      <c r="H299755" s="12"/>
    </row>
    <row r="299756" spans="8:8">
      <c r="H299756" s="12"/>
    </row>
    <row r="299757" spans="8:8">
      <c r="H299757" s="12"/>
    </row>
    <row r="299758" spans="8:8">
      <c r="H299758" s="12"/>
    </row>
    <row r="299759" spans="8:8">
      <c r="H299759" s="12"/>
    </row>
    <row r="299760" spans="8:8">
      <c r="H299760" s="12"/>
    </row>
    <row r="299761" spans="8:8">
      <c r="H299761" s="12"/>
    </row>
    <row r="299762" spans="8:8">
      <c r="H299762" s="12"/>
    </row>
    <row r="299763" spans="8:8">
      <c r="H299763" s="12"/>
    </row>
    <row r="299764" spans="8:8">
      <c r="H299764" s="12"/>
    </row>
    <row r="299765" spans="8:8">
      <c r="H299765" s="12"/>
    </row>
    <row r="299766" spans="8:8">
      <c r="H299766" s="12"/>
    </row>
    <row r="299767" spans="8:8">
      <c r="H299767" s="12"/>
    </row>
    <row r="299768" spans="8:8">
      <c r="H299768" s="12"/>
    </row>
    <row r="299769" spans="8:8">
      <c r="H299769" s="12"/>
    </row>
    <row r="299770" spans="8:8">
      <c r="H299770" s="12"/>
    </row>
    <row r="299771" spans="8:8">
      <c r="H299771" s="12"/>
    </row>
    <row r="299772" spans="8:8">
      <c r="H299772" s="12"/>
    </row>
    <row r="299773" spans="8:8">
      <c r="H299773" s="12"/>
    </row>
    <row r="299774" spans="8:8">
      <c r="H299774" s="12"/>
    </row>
    <row r="299775" spans="8:8">
      <c r="H299775" s="12"/>
    </row>
    <row r="299776" spans="8:8">
      <c r="H299776" s="12"/>
    </row>
    <row r="299777" spans="8:8">
      <c r="H299777" s="12"/>
    </row>
    <row r="299778" spans="8:8">
      <c r="H299778" s="12"/>
    </row>
    <row r="299779" spans="8:8">
      <c r="H299779" s="12"/>
    </row>
    <row r="299780" spans="8:8">
      <c r="H299780" s="12"/>
    </row>
    <row r="299781" spans="8:8">
      <c r="H299781" s="12"/>
    </row>
    <row r="299782" spans="8:8">
      <c r="H299782" s="12"/>
    </row>
    <row r="299783" spans="8:8">
      <c r="H299783" s="12"/>
    </row>
    <row r="299784" spans="8:8">
      <c r="H299784" s="12"/>
    </row>
    <row r="299785" spans="8:8">
      <c r="H299785" s="12"/>
    </row>
    <row r="299786" spans="8:8">
      <c r="H299786" s="12"/>
    </row>
    <row r="299787" spans="8:8">
      <c r="H299787" s="12"/>
    </row>
    <row r="299788" spans="8:8">
      <c r="H299788" s="12"/>
    </row>
    <row r="299789" spans="8:8">
      <c r="H299789" s="12"/>
    </row>
    <row r="299790" spans="8:8">
      <c r="H299790" s="12"/>
    </row>
    <row r="299791" spans="8:8">
      <c r="H299791" s="12"/>
    </row>
    <row r="299792" spans="8:8">
      <c r="H299792" s="12"/>
    </row>
    <row r="299793" spans="8:8">
      <c r="H299793" s="12"/>
    </row>
    <row r="299794" spans="8:8">
      <c r="H299794" s="12"/>
    </row>
    <row r="299795" spans="8:8">
      <c r="H299795" s="12"/>
    </row>
    <row r="299796" spans="8:8">
      <c r="H299796" s="12"/>
    </row>
    <row r="299797" spans="8:8">
      <c r="H299797" s="12"/>
    </row>
    <row r="299798" spans="8:8">
      <c r="H299798" s="12"/>
    </row>
    <row r="299799" spans="8:8">
      <c r="H299799" s="12"/>
    </row>
    <row r="299800" spans="8:8">
      <c r="H299800" s="12"/>
    </row>
    <row r="299801" spans="8:8">
      <c r="H299801" s="12"/>
    </row>
    <row r="299802" spans="8:8">
      <c r="H299802" s="12"/>
    </row>
    <row r="299803" spans="8:8">
      <c r="H299803" s="12"/>
    </row>
    <row r="299804" spans="8:8">
      <c r="H299804" s="12"/>
    </row>
    <row r="299805" spans="8:8">
      <c r="H299805" s="12"/>
    </row>
    <row r="299806" spans="8:8">
      <c r="H299806" s="12"/>
    </row>
    <row r="299807" spans="8:8">
      <c r="H299807" s="12"/>
    </row>
    <row r="299808" spans="8:8">
      <c r="H299808" s="12"/>
    </row>
    <row r="299809" spans="8:8">
      <c r="H299809" s="12"/>
    </row>
    <row r="299810" spans="8:8">
      <c r="H299810" s="12"/>
    </row>
    <row r="299811" spans="8:8">
      <c r="H299811" s="12"/>
    </row>
    <row r="299812" spans="8:8">
      <c r="H299812" s="12"/>
    </row>
    <row r="299813" spans="8:8">
      <c r="H299813" s="12"/>
    </row>
    <row r="299814" spans="8:8">
      <c r="H299814" s="12"/>
    </row>
    <row r="299815" spans="8:8">
      <c r="H299815" s="12"/>
    </row>
    <row r="299816" spans="8:8">
      <c r="H299816" s="12"/>
    </row>
    <row r="299817" spans="8:8">
      <c r="H299817" s="12"/>
    </row>
    <row r="299818" spans="8:8">
      <c r="H299818" s="12"/>
    </row>
    <row r="299819" spans="8:8">
      <c r="H299819" s="12"/>
    </row>
    <row r="299820" spans="8:8">
      <c r="H299820" s="12"/>
    </row>
    <row r="299821" spans="8:8">
      <c r="H299821" s="12"/>
    </row>
    <row r="299822" spans="8:8">
      <c r="H299822" s="12"/>
    </row>
    <row r="299823" spans="8:8">
      <c r="H299823" s="12"/>
    </row>
    <row r="299824" spans="8:8">
      <c r="H299824" s="12"/>
    </row>
    <row r="299825" spans="8:8">
      <c r="H299825" s="12"/>
    </row>
    <row r="299826" spans="8:8">
      <c r="H299826" s="12"/>
    </row>
    <row r="299827" spans="8:8">
      <c r="H299827" s="12"/>
    </row>
    <row r="299828" spans="8:8">
      <c r="H299828" s="12"/>
    </row>
    <row r="299829" spans="8:8">
      <c r="H299829" s="12"/>
    </row>
    <row r="299830" spans="8:8">
      <c r="H299830" s="12"/>
    </row>
    <row r="299831" spans="8:8">
      <c r="H299831" s="12"/>
    </row>
    <row r="299832" spans="8:8">
      <c r="H299832" s="12"/>
    </row>
    <row r="299833" spans="8:8">
      <c r="H299833" s="12"/>
    </row>
    <row r="299834" spans="8:8">
      <c r="H299834" s="12"/>
    </row>
    <row r="299835" spans="8:8">
      <c r="H299835" s="12"/>
    </row>
    <row r="299836" spans="8:8">
      <c r="H299836" s="12"/>
    </row>
    <row r="299837" spans="8:8">
      <c r="H299837" s="12"/>
    </row>
    <row r="299838" spans="8:8">
      <c r="H299838" s="12"/>
    </row>
    <row r="299839" spans="8:8">
      <c r="H299839" s="12"/>
    </row>
    <row r="299840" spans="8:8">
      <c r="H299840" s="12"/>
    </row>
    <row r="299841" spans="8:8">
      <c r="H299841" s="12"/>
    </row>
    <row r="299842" spans="8:8">
      <c r="H299842" s="12"/>
    </row>
    <row r="299843" spans="8:8">
      <c r="H299843" s="12"/>
    </row>
    <row r="299844" spans="8:8">
      <c r="H299844" s="12"/>
    </row>
    <row r="299845" spans="8:8">
      <c r="H299845" s="12"/>
    </row>
    <row r="299846" spans="8:8">
      <c r="H299846" s="12"/>
    </row>
    <row r="299847" spans="8:8">
      <c r="H299847" s="12"/>
    </row>
    <row r="299848" spans="8:8">
      <c r="H299848" s="12"/>
    </row>
    <row r="299849" spans="8:8">
      <c r="H299849" s="12"/>
    </row>
    <row r="299850" spans="8:8">
      <c r="H299850" s="12"/>
    </row>
    <row r="299851" spans="8:8">
      <c r="H299851" s="12"/>
    </row>
    <row r="299852" spans="8:8">
      <c r="H299852" s="12"/>
    </row>
    <row r="299853" spans="8:8">
      <c r="H299853" s="12"/>
    </row>
    <row r="299854" spans="8:8">
      <c r="H299854" s="12"/>
    </row>
    <row r="299855" spans="8:8">
      <c r="H299855" s="12"/>
    </row>
    <row r="299856" spans="8:8">
      <c r="H299856" s="12"/>
    </row>
    <row r="299857" spans="8:8">
      <c r="H299857" s="12"/>
    </row>
    <row r="299858" spans="8:8">
      <c r="H299858" s="12"/>
    </row>
    <row r="299859" spans="8:8">
      <c r="H299859" s="12"/>
    </row>
    <row r="299860" spans="8:8">
      <c r="H299860" s="12"/>
    </row>
    <row r="299861" spans="8:8">
      <c r="H299861" s="12"/>
    </row>
    <row r="299862" spans="8:8">
      <c r="H299862" s="12"/>
    </row>
    <row r="299863" spans="8:8">
      <c r="H299863" s="12"/>
    </row>
    <row r="299864" spans="8:8">
      <c r="H299864" s="12"/>
    </row>
    <row r="299865" spans="8:8">
      <c r="H299865" s="12"/>
    </row>
    <row r="299866" spans="8:8">
      <c r="H299866" s="12"/>
    </row>
    <row r="299867" spans="8:8">
      <c r="H299867" s="12"/>
    </row>
    <row r="299868" spans="8:8">
      <c r="H299868" s="12"/>
    </row>
    <row r="299869" spans="8:8">
      <c r="H299869" s="12"/>
    </row>
    <row r="299870" spans="8:8">
      <c r="H299870" s="12"/>
    </row>
    <row r="299871" spans="8:8">
      <c r="H299871" s="12"/>
    </row>
    <row r="299872" spans="8:8">
      <c r="H299872" s="12"/>
    </row>
    <row r="299873" spans="8:8">
      <c r="H299873" s="12"/>
    </row>
    <row r="299874" spans="8:8">
      <c r="H299874" s="12"/>
    </row>
    <row r="299875" spans="8:8">
      <c r="H299875" s="12"/>
    </row>
    <row r="299876" spans="8:8">
      <c r="H299876" s="12"/>
    </row>
    <row r="299877" spans="8:8">
      <c r="H299877" s="12"/>
    </row>
    <row r="299878" spans="8:8">
      <c r="H299878" s="12"/>
    </row>
    <row r="299879" spans="8:8">
      <c r="H299879" s="12"/>
    </row>
    <row r="299880" spans="8:8">
      <c r="H299880" s="12"/>
    </row>
    <row r="299881" spans="8:8">
      <c r="H299881" s="12"/>
    </row>
    <row r="299882" spans="8:8">
      <c r="H299882" s="12"/>
    </row>
    <row r="299883" spans="8:8">
      <c r="H299883" s="12"/>
    </row>
    <row r="299884" spans="8:8">
      <c r="H299884" s="12"/>
    </row>
    <row r="299885" spans="8:8">
      <c r="H299885" s="12"/>
    </row>
    <row r="299886" spans="8:8">
      <c r="H299886" s="12"/>
    </row>
    <row r="299887" spans="8:8">
      <c r="H299887" s="12"/>
    </row>
    <row r="299888" spans="8:8">
      <c r="H299888" s="12"/>
    </row>
    <row r="299889" spans="8:8">
      <c r="H299889" s="12"/>
    </row>
    <row r="299890" spans="8:8">
      <c r="H299890" s="12"/>
    </row>
    <row r="299891" spans="8:8">
      <c r="H299891" s="12"/>
    </row>
    <row r="299892" spans="8:8">
      <c r="H299892" s="12"/>
    </row>
    <row r="299893" spans="8:8">
      <c r="H299893" s="12"/>
    </row>
    <row r="299894" spans="8:8">
      <c r="H299894" s="12"/>
    </row>
    <row r="299895" spans="8:8">
      <c r="H299895" s="12"/>
    </row>
    <row r="299896" spans="8:8">
      <c r="H299896" s="12"/>
    </row>
    <row r="299897" spans="8:8">
      <c r="H299897" s="12"/>
    </row>
    <row r="299898" spans="8:8">
      <c r="H299898" s="12"/>
    </row>
    <row r="299899" spans="8:8">
      <c r="H299899" s="12"/>
    </row>
    <row r="299900" spans="8:8">
      <c r="H299900" s="12"/>
    </row>
    <row r="299901" spans="8:8">
      <c r="H299901" s="12"/>
    </row>
    <row r="299902" spans="8:8">
      <c r="H299902" s="12"/>
    </row>
    <row r="299903" spans="8:8">
      <c r="H299903" s="12"/>
    </row>
    <row r="299904" spans="8:8">
      <c r="H299904" s="12"/>
    </row>
    <row r="299905" spans="8:8">
      <c r="H299905" s="12"/>
    </row>
    <row r="299906" spans="8:8">
      <c r="H299906" s="12"/>
    </row>
    <row r="299907" spans="8:8">
      <c r="H299907" s="12"/>
    </row>
    <row r="299908" spans="8:8">
      <c r="H299908" s="12"/>
    </row>
    <row r="299909" spans="8:8">
      <c r="H299909" s="12"/>
    </row>
    <row r="299910" spans="8:8">
      <c r="H299910" s="12"/>
    </row>
    <row r="299911" spans="8:8">
      <c r="H299911" s="12"/>
    </row>
    <row r="299912" spans="8:8">
      <c r="H299912" s="12"/>
    </row>
    <row r="299913" spans="8:8">
      <c r="H299913" s="12"/>
    </row>
    <row r="299914" spans="8:8">
      <c r="H299914" s="12"/>
    </row>
    <row r="299915" spans="8:8">
      <c r="H299915" s="12"/>
    </row>
    <row r="299916" spans="8:8">
      <c r="H299916" s="12"/>
    </row>
    <row r="299917" spans="8:8">
      <c r="H299917" s="12"/>
    </row>
    <row r="299918" spans="8:8">
      <c r="H299918" s="12"/>
    </row>
    <row r="299919" spans="8:8">
      <c r="H299919" s="12"/>
    </row>
    <row r="299920" spans="8:8">
      <c r="H299920" s="12"/>
    </row>
    <row r="299921" spans="8:8">
      <c r="H299921" s="12"/>
    </row>
    <row r="299922" spans="8:8">
      <c r="H299922" s="12"/>
    </row>
    <row r="299923" spans="8:8">
      <c r="H299923" s="12"/>
    </row>
    <row r="299924" spans="8:8">
      <c r="H299924" s="12"/>
    </row>
    <row r="299925" spans="8:8">
      <c r="H299925" s="12"/>
    </row>
    <row r="299926" spans="8:8">
      <c r="H299926" s="12"/>
    </row>
    <row r="299927" spans="8:8">
      <c r="H299927" s="12"/>
    </row>
    <row r="299928" spans="8:8">
      <c r="H299928" s="12"/>
    </row>
    <row r="299929" spans="8:8">
      <c r="H299929" s="12"/>
    </row>
    <row r="299930" spans="8:8">
      <c r="H299930" s="12"/>
    </row>
    <row r="299931" spans="8:8">
      <c r="H299931" s="12"/>
    </row>
    <row r="299932" spans="8:8">
      <c r="H299932" s="12"/>
    </row>
    <row r="299933" spans="8:8">
      <c r="H299933" s="12"/>
    </row>
    <row r="299934" spans="8:8">
      <c r="H299934" s="12"/>
    </row>
    <row r="299935" spans="8:8">
      <c r="H299935" s="12"/>
    </row>
    <row r="299936" spans="8:8">
      <c r="H299936" s="12"/>
    </row>
    <row r="299937" spans="8:8">
      <c r="H299937" s="12"/>
    </row>
    <row r="299938" spans="8:8">
      <c r="H299938" s="12"/>
    </row>
    <row r="299939" spans="8:8">
      <c r="H299939" s="12"/>
    </row>
    <row r="299940" spans="8:8">
      <c r="H299940" s="12"/>
    </row>
    <row r="299941" spans="8:8">
      <c r="H299941" s="12"/>
    </row>
    <row r="299942" spans="8:8">
      <c r="H299942" s="12"/>
    </row>
    <row r="299943" spans="8:8">
      <c r="H299943" s="12"/>
    </row>
    <row r="299944" spans="8:8">
      <c r="H299944" s="12"/>
    </row>
    <row r="299945" spans="8:8">
      <c r="H299945" s="12"/>
    </row>
    <row r="299946" spans="8:8">
      <c r="H299946" s="12"/>
    </row>
    <row r="299947" spans="8:8">
      <c r="H299947" s="12"/>
    </row>
    <row r="299948" spans="8:8">
      <c r="H299948" s="12"/>
    </row>
    <row r="299949" spans="8:8">
      <c r="H299949" s="12"/>
    </row>
    <row r="299950" spans="8:8">
      <c r="H299950" s="12"/>
    </row>
    <row r="299951" spans="8:8">
      <c r="H299951" s="12"/>
    </row>
    <row r="299952" spans="8:8">
      <c r="H299952" s="12"/>
    </row>
    <row r="299953" spans="8:8">
      <c r="H299953" s="12"/>
    </row>
    <row r="299954" spans="8:8">
      <c r="H299954" s="12"/>
    </row>
    <row r="299955" spans="8:8">
      <c r="H299955" s="12"/>
    </row>
    <row r="299956" spans="8:8">
      <c r="H299956" s="12"/>
    </row>
    <row r="299957" spans="8:8">
      <c r="H299957" s="12"/>
    </row>
    <row r="299958" spans="8:8">
      <c r="H299958" s="12"/>
    </row>
    <row r="299959" spans="8:8">
      <c r="H299959" s="12"/>
    </row>
    <row r="299960" spans="8:8">
      <c r="H299960" s="12"/>
    </row>
    <row r="299961" spans="8:8">
      <c r="H299961" s="12"/>
    </row>
    <row r="299962" spans="8:8">
      <c r="H299962" s="12"/>
    </row>
    <row r="299963" spans="8:8">
      <c r="H299963" s="12"/>
    </row>
    <row r="299964" spans="8:8">
      <c r="H299964" s="12"/>
    </row>
    <row r="299965" spans="8:8">
      <c r="H299965" s="12"/>
    </row>
    <row r="299966" spans="8:8">
      <c r="H299966" s="12"/>
    </row>
    <row r="299967" spans="8:8">
      <c r="H299967" s="12"/>
    </row>
    <row r="299968" spans="8:8">
      <c r="H299968" s="12"/>
    </row>
    <row r="299969" spans="8:8">
      <c r="H299969" s="12"/>
    </row>
    <row r="299970" spans="8:8">
      <c r="H299970" s="12"/>
    </row>
    <row r="299971" spans="8:8">
      <c r="H299971" s="12"/>
    </row>
    <row r="299972" spans="8:8">
      <c r="H299972" s="12"/>
    </row>
    <row r="299973" spans="8:8">
      <c r="H299973" s="12"/>
    </row>
    <row r="299974" spans="8:8">
      <c r="H299974" s="12"/>
    </row>
    <row r="299975" spans="8:8">
      <c r="H299975" s="12"/>
    </row>
    <row r="299976" spans="8:8">
      <c r="H299976" s="12"/>
    </row>
    <row r="299977" spans="8:8">
      <c r="H299977" s="12"/>
    </row>
    <row r="299978" spans="8:8">
      <c r="H299978" s="12"/>
    </row>
    <row r="299979" spans="8:8">
      <c r="H299979" s="12"/>
    </row>
    <row r="299980" spans="8:8">
      <c r="H299980" s="12"/>
    </row>
    <row r="299981" spans="8:8">
      <c r="H299981" s="12"/>
    </row>
    <row r="299982" spans="8:8">
      <c r="H299982" s="12"/>
    </row>
    <row r="299983" spans="8:8">
      <c r="H299983" s="12"/>
    </row>
    <row r="299984" spans="8:8">
      <c r="H299984" s="12"/>
    </row>
    <row r="299985" spans="8:8">
      <c r="H299985" s="12"/>
    </row>
    <row r="299986" spans="8:8">
      <c r="H299986" s="12"/>
    </row>
    <row r="299987" spans="8:8">
      <c r="H299987" s="12"/>
    </row>
    <row r="299988" spans="8:8">
      <c r="H299988" s="12"/>
    </row>
    <row r="299989" spans="8:8">
      <c r="H299989" s="12"/>
    </row>
    <row r="299990" spans="8:8">
      <c r="H299990" s="12"/>
    </row>
    <row r="299991" spans="8:8">
      <c r="H299991" s="12"/>
    </row>
    <row r="299992" spans="8:8">
      <c r="H299992" s="12"/>
    </row>
    <row r="299993" spans="8:8">
      <c r="H299993" s="12"/>
    </row>
    <row r="299994" spans="8:8">
      <c r="H299994" s="12"/>
    </row>
    <row r="299995" spans="8:8">
      <c r="H299995" s="12"/>
    </row>
    <row r="299996" spans="8:8">
      <c r="H299996" s="12"/>
    </row>
    <row r="299997" spans="8:8">
      <c r="H299997" s="12"/>
    </row>
    <row r="299998" spans="8:8">
      <c r="H299998" s="12"/>
    </row>
    <row r="299999" spans="8:8">
      <c r="H299999" s="12"/>
    </row>
    <row r="300000" spans="8:8">
      <c r="H300000" s="12"/>
    </row>
    <row r="300001" spans="8:8">
      <c r="H300001" s="12"/>
    </row>
    <row r="300002" spans="8:8">
      <c r="H300002" s="12"/>
    </row>
    <row r="300003" spans="8:8">
      <c r="H300003" s="12"/>
    </row>
    <row r="300004" spans="8:8">
      <c r="H300004" s="12"/>
    </row>
    <row r="300005" spans="8:8">
      <c r="H300005" s="12"/>
    </row>
    <row r="300006" spans="8:8">
      <c r="H300006" s="12"/>
    </row>
    <row r="300007" spans="8:8">
      <c r="H300007" s="12"/>
    </row>
    <row r="300008" spans="8:8">
      <c r="H300008" s="12"/>
    </row>
    <row r="300009" spans="8:8">
      <c r="H300009" s="12"/>
    </row>
    <row r="300010" spans="8:8">
      <c r="H300010" s="12"/>
    </row>
    <row r="300011" spans="8:8">
      <c r="H300011" s="12"/>
    </row>
    <row r="300012" spans="8:8">
      <c r="H300012" s="12"/>
    </row>
    <row r="300013" spans="8:8">
      <c r="H300013" s="12"/>
    </row>
    <row r="300014" spans="8:8">
      <c r="H300014" s="12"/>
    </row>
    <row r="300015" spans="8:8">
      <c r="H300015" s="12"/>
    </row>
    <row r="300016" spans="8:8">
      <c r="H300016" s="12"/>
    </row>
    <row r="300017" spans="8:8">
      <c r="H300017" s="12"/>
    </row>
    <row r="300018" spans="8:8">
      <c r="H300018" s="12"/>
    </row>
    <row r="300019" spans="8:8">
      <c r="H300019" s="12"/>
    </row>
    <row r="300020" spans="8:8">
      <c r="H300020" s="12"/>
    </row>
    <row r="300021" spans="8:8">
      <c r="H300021" s="12"/>
    </row>
    <row r="300022" spans="8:8">
      <c r="H300022" s="12"/>
    </row>
    <row r="300023" spans="8:8">
      <c r="H300023" s="12"/>
    </row>
    <row r="300024" spans="8:8">
      <c r="H300024" s="12"/>
    </row>
    <row r="300025" spans="8:8">
      <c r="H300025" s="12"/>
    </row>
    <row r="300026" spans="8:8">
      <c r="H300026" s="12"/>
    </row>
    <row r="300027" spans="8:8">
      <c r="H300027" s="12"/>
    </row>
    <row r="300028" spans="8:8">
      <c r="H300028" s="12"/>
    </row>
    <row r="300029" spans="8:8">
      <c r="H300029" s="12"/>
    </row>
    <row r="300030" spans="8:8">
      <c r="H300030" s="12"/>
    </row>
    <row r="300031" spans="8:8">
      <c r="H300031" s="12"/>
    </row>
    <row r="300032" spans="8:8">
      <c r="H300032" s="12"/>
    </row>
    <row r="300033" spans="8:8">
      <c r="H300033" s="12"/>
    </row>
    <row r="300034" spans="8:8">
      <c r="H300034" s="12"/>
    </row>
    <row r="300035" spans="8:8">
      <c r="H300035" s="12"/>
    </row>
    <row r="300036" spans="8:8">
      <c r="H300036" s="12"/>
    </row>
    <row r="300037" spans="8:8">
      <c r="H300037" s="12"/>
    </row>
    <row r="300038" spans="8:8">
      <c r="H300038" s="12"/>
    </row>
    <row r="300039" spans="8:8">
      <c r="H300039" s="12"/>
    </row>
    <row r="300040" spans="8:8">
      <c r="H300040" s="12"/>
    </row>
    <row r="300041" spans="8:8">
      <c r="H300041" s="12"/>
    </row>
    <row r="300042" spans="8:8">
      <c r="H300042" s="12"/>
    </row>
    <row r="300043" spans="8:8">
      <c r="H300043" s="12"/>
    </row>
    <row r="300044" spans="8:8">
      <c r="H300044" s="12"/>
    </row>
    <row r="300045" spans="8:8">
      <c r="H300045" s="12"/>
    </row>
    <row r="300046" spans="8:8">
      <c r="H300046" s="12"/>
    </row>
    <row r="300047" spans="8:8">
      <c r="H300047" s="12"/>
    </row>
    <row r="300048" spans="8:8">
      <c r="H300048" s="12"/>
    </row>
    <row r="300049" spans="8:8">
      <c r="H300049" s="12"/>
    </row>
    <row r="300050" spans="8:8">
      <c r="H300050" s="12"/>
    </row>
    <row r="300051" spans="8:8">
      <c r="H300051" s="12"/>
    </row>
    <row r="300052" spans="8:8">
      <c r="H300052" s="12"/>
    </row>
    <row r="300053" spans="8:8">
      <c r="H300053" s="12"/>
    </row>
    <row r="300054" spans="8:8">
      <c r="H300054" s="12"/>
    </row>
    <row r="300055" spans="8:8">
      <c r="H300055" s="12"/>
    </row>
    <row r="300056" spans="8:8">
      <c r="H300056" s="12"/>
    </row>
    <row r="300057" spans="8:8">
      <c r="H300057" s="12"/>
    </row>
    <row r="300058" spans="8:8">
      <c r="H300058" s="12"/>
    </row>
    <row r="300059" spans="8:8">
      <c r="H300059" s="12"/>
    </row>
    <row r="300060" spans="8:8">
      <c r="H300060" s="12"/>
    </row>
    <row r="300061" spans="8:8">
      <c r="H300061" s="12"/>
    </row>
    <row r="300062" spans="8:8">
      <c r="H300062" s="12"/>
    </row>
    <row r="300063" spans="8:8">
      <c r="H300063" s="12"/>
    </row>
    <row r="300064" spans="8:8">
      <c r="H300064" s="12"/>
    </row>
    <row r="300065" spans="8:8">
      <c r="H300065" s="12"/>
    </row>
    <row r="300066" spans="8:8">
      <c r="H300066" s="12"/>
    </row>
    <row r="300067" spans="8:8">
      <c r="H300067" s="12"/>
    </row>
    <row r="300068" spans="8:8">
      <c r="H300068" s="12"/>
    </row>
    <row r="300069" spans="8:8">
      <c r="H300069" s="12"/>
    </row>
    <row r="300070" spans="8:8">
      <c r="H300070" s="12"/>
    </row>
    <row r="300071" spans="8:8">
      <c r="H300071" s="12"/>
    </row>
    <row r="300072" spans="8:8">
      <c r="H300072" s="12"/>
    </row>
    <row r="300073" spans="8:8">
      <c r="H300073" s="12"/>
    </row>
    <row r="300074" spans="8:8">
      <c r="H300074" s="12"/>
    </row>
    <row r="300075" spans="8:8">
      <c r="H300075" s="12"/>
    </row>
    <row r="300076" spans="8:8">
      <c r="H300076" s="12"/>
    </row>
    <row r="300077" spans="8:8">
      <c r="H300077" s="12"/>
    </row>
    <row r="300078" spans="8:8">
      <c r="H300078" s="12"/>
    </row>
    <row r="300079" spans="8:8">
      <c r="H300079" s="12"/>
    </row>
    <row r="300080" spans="8:8">
      <c r="H300080" s="12"/>
    </row>
    <row r="300081" spans="8:8">
      <c r="H300081" s="12"/>
    </row>
    <row r="300082" spans="8:8">
      <c r="H300082" s="12"/>
    </row>
    <row r="300083" spans="8:8">
      <c r="H300083" s="12"/>
    </row>
    <row r="300084" spans="8:8">
      <c r="H300084" s="12"/>
    </row>
    <row r="300085" spans="8:8">
      <c r="H300085" s="12"/>
    </row>
    <row r="300086" spans="8:8">
      <c r="H300086" s="12"/>
    </row>
    <row r="300087" spans="8:8">
      <c r="H300087" s="12"/>
    </row>
    <row r="300088" spans="8:8">
      <c r="H300088" s="12"/>
    </row>
    <row r="300089" spans="8:8">
      <c r="H300089" s="12"/>
    </row>
    <row r="300090" spans="8:8">
      <c r="H300090" s="12"/>
    </row>
    <row r="300091" spans="8:8">
      <c r="H300091" s="12"/>
    </row>
    <row r="300092" spans="8:8">
      <c r="H300092" s="12"/>
    </row>
    <row r="300093" spans="8:8">
      <c r="H300093" s="12"/>
    </row>
    <row r="300094" spans="8:8">
      <c r="H300094" s="12"/>
    </row>
    <row r="300095" spans="8:8">
      <c r="H300095" s="12"/>
    </row>
    <row r="300096" spans="8:8">
      <c r="H300096" s="12"/>
    </row>
    <row r="300097" spans="8:8">
      <c r="H300097" s="12"/>
    </row>
    <row r="300098" spans="8:8">
      <c r="H300098" s="12"/>
    </row>
    <row r="300099" spans="8:8">
      <c r="H300099" s="12"/>
    </row>
    <row r="300100" spans="8:8">
      <c r="H300100" s="12"/>
    </row>
    <row r="300101" spans="8:8">
      <c r="H300101" s="12"/>
    </row>
    <row r="300102" spans="8:8">
      <c r="H300102" s="12"/>
    </row>
    <row r="300103" spans="8:8">
      <c r="H300103" s="12"/>
    </row>
    <row r="300104" spans="8:8">
      <c r="H300104" s="12"/>
    </row>
    <row r="300105" spans="8:8">
      <c r="H300105" s="12"/>
    </row>
    <row r="300106" spans="8:8">
      <c r="H300106" s="12"/>
    </row>
    <row r="300107" spans="8:8">
      <c r="H300107" s="12"/>
    </row>
    <row r="300108" spans="8:8">
      <c r="H300108" s="12"/>
    </row>
    <row r="300109" spans="8:8">
      <c r="H300109" s="12"/>
    </row>
    <row r="300110" spans="8:8">
      <c r="H300110" s="12"/>
    </row>
    <row r="300111" spans="8:8">
      <c r="H300111" s="12"/>
    </row>
    <row r="300112" spans="8:8">
      <c r="H300112" s="12"/>
    </row>
    <row r="300113" spans="8:8">
      <c r="H300113" s="12"/>
    </row>
    <row r="300114" spans="8:8">
      <c r="H300114" s="12"/>
    </row>
    <row r="300115" spans="8:8">
      <c r="H300115" s="12"/>
    </row>
    <row r="300116" spans="8:8">
      <c r="H300116" s="12"/>
    </row>
    <row r="300117" spans="8:8">
      <c r="H300117" s="12"/>
    </row>
    <row r="300118" spans="8:8">
      <c r="H300118" s="12"/>
    </row>
    <row r="300119" spans="8:8">
      <c r="H300119" s="12"/>
    </row>
    <row r="300120" spans="8:8">
      <c r="H300120" s="12"/>
    </row>
    <row r="300121" spans="8:8">
      <c r="H300121" s="12"/>
    </row>
    <row r="300122" spans="8:8">
      <c r="H300122" s="12"/>
    </row>
    <row r="300123" spans="8:8">
      <c r="H300123" s="12"/>
    </row>
    <row r="300124" spans="8:8">
      <c r="H300124" s="12"/>
    </row>
    <row r="300125" spans="8:8">
      <c r="H300125" s="12"/>
    </row>
    <row r="300126" spans="8:8">
      <c r="H300126" s="12"/>
    </row>
    <row r="300127" spans="8:8">
      <c r="H300127" s="12"/>
    </row>
    <row r="300128" spans="8:8">
      <c r="H300128" s="12"/>
    </row>
    <row r="300129" spans="8:8">
      <c r="H300129" s="12"/>
    </row>
    <row r="300130" spans="8:8">
      <c r="H300130" s="12"/>
    </row>
    <row r="300131" spans="8:8">
      <c r="H300131" s="12"/>
    </row>
    <row r="300132" spans="8:8">
      <c r="H300132" s="12"/>
    </row>
    <row r="300133" spans="8:8">
      <c r="H300133" s="12"/>
    </row>
    <row r="300134" spans="8:8">
      <c r="H300134" s="12"/>
    </row>
    <row r="300135" spans="8:8">
      <c r="H300135" s="12"/>
    </row>
    <row r="300136" spans="8:8">
      <c r="H300136" s="12"/>
    </row>
    <row r="300137" spans="8:8">
      <c r="H300137" s="12"/>
    </row>
    <row r="300138" spans="8:8">
      <c r="H300138" s="12"/>
    </row>
    <row r="300139" spans="8:8">
      <c r="H300139" s="12"/>
    </row>
    <row r="300140" spans="8:8">
      <c r="H300140" s="12"/>
    </row>
    <row r="300141" spans="8:8">
      <c r="H300141" s="12"/>
    </row>
    <row r="300142" spans="8:8">
      <c r="H300142" s="12"/>
    </row>
    <row r="300143" spans="8:8">
      <c r="H300143" s="12"/>
    </row>
    <row r="300144" spans="8:8">
      <c r="H300144" s="12"/>
    </row>
    <row r="300145" spans="8:8">
      <c r="H300145" s="12"/>
    </row>
    <row r="300146" spans="8:8">
      <c r="H300146" s="12"/>
    </row>
    <row r="300147" spans="8:8">
      <c r="H300147" s="12"/>
    </row>
    <row r="300148" spans="8:8">
      <c r="H300148" s="12"/>
    </row>
    <row r="300149" spans="8:8">
      <c r="H300149" s="12"/>
    </row>
    <row r="300150" spans="8:8">
      <c r="H300150" s="12"/>
    </row>
    <row r="300151" spans="8:8">
      <c r="H300151" s="12"/>
    </row>
    <row r="300152" spans="8:8">
      <c r="H300152" s="12"/>
    </row>
    <row r="300153" spans="8:8">
      <c r="H300153" s="12"/>
    </row>
    <row r="300154" spans="8:8">
      <c r="H300154" s="12"/>
    </row>
    <row r="300155" spans="8:8">
      <c r="H300155" s="12"/>
    </row>
    <row r="300156" spans="8:8">
      <c r="H300156" s="12"/>
    </row>
    <row r="300157" spans="8:8">
      <c r="H300157" s="12"/>
    </row>
    <row r="300158" spans="8:8">
      <c r="H300158" s="12"/>
    </row>
    <row r="300159" spans="8:8">
      <c r="H300159" s="12"/>
    </row>
    <row r="300160" spans="8:8">
      <c r="H300160" s="12"/>
    </row>
    <row r="300161" spans="8:8">
      <c r="H300161" s="12"/>
    </row>
    <row r="300162" spans="8:8">
      <c r="H300162" s="12"/>
    </row>
    <row r="300163" spans="8:8">
      <c r="H300163" s="12"/>
    </row>
    <row r="300164" spans="8:8">
      <c r="H300164" s="12"/>
    </row>
    <row r="300165" spans="8:8">
      <c r="H300165" s="12"/>
    </row>
    <row r="300166" spans="8:8">
      <c r="H300166" s="12"/>
    </row>
    <row r="300167" spans="8:8">
      <c r="H300167" s="12"/>
    </row>
    <row r="300168" spans="8:8">
      <c r="H300168" s="12"/>
    </row>
    <row r="300169" spans="8:8">
      <c r="H300169" s="12"/>
    </row>
    <row r="300170" spans="8:8">
      <c r="H300170" s="12"/>
    </row>
    <row r="300171" spans="8:8">
      <c r="H300171" s="12"/>
    </row>
    <row r="300172" spans="8:8">
      <c r="H300172" s="12"/>
    </row>
    <row r="300173" spans="8:8">
      <c r="H300173" s="12"/>
    </row>
    <row r="300174" spans="8:8">
      <c r="H300174" s="12"/>
    </row>
    <row r="300175" spans="8:8">
      <c r="H300175" s="12"/>
    </row>
    <row r="300176" spans="8:8">
      <c r="H300176" s="12"/>
    </row>
    <row r="300177" spans="8:8">
      <c r="H300177" s="12"/>
    </row>
    <row r="300178" spans="8:8">
      <c r="H300178" s="12"/>
    </row>
    <row r="300179" spans="8:8">
      <c r="H300179" s="12"/>
    </row>
    <row r="300180" spans="8:8">
      <c r="H300180" s="12"/>
    </row>
    <row r="300181" spans="8:8">
      <c r="H300181" s="12"/>
    </row>
    <row r="300182" spans="8:8">
      <c r="H300182" s="12"/>
    </row>
    <row r="300183" spans="8:8">
      <c r="H300183" s="12"/>
    </row>
    <row r="300184" spans="8:8">
      <c r="H300184" s="12"/>
    </row>
    <row r="300185" spans="8:8">
      <c r="H300185" s="12"/>
    </row>
    <row r="300186" spans="8:8">
      <c r="H300186" s="12"/>
    </row>
    <row r="300187" spans="8:8">
      <c r="H300187" s="12"/>
    </row>
    <row r="300188" spans="8:8">
      <c r="H300188" s="12"/>
    </row>
    <row r="300189" spans="8:8">
      <c r="H300189" s="12"/>
    </row>
    <row r="300190" spans="8:8">
      <c r="H300190" s="12"/>
    </row>
    <row r="300191" spans="8:8">
      <c r="H300191" s="12"/>
    </row>
    <row r="300192" spans="8:8">
      <c r="H300192" s="12"/>
    </row>
    <row r="300193" spans="8:8">
      <c r="H300193" s="12"/>
    </row>
    <row r="300194" spans="8:8">
      <c r="H300194" s="12"/>
    </row>
    <row r="300195" spans="8:8">
      <c r="H300195" s="12"/>
    </row>
    <row r="300196" spans="8:8">
      <c r="H300196" s="12"/>
    </row>
    <row r="300197" spans="8:8">
      <c r="H300197" s="12"/>
    </row>
    <row r="300198" spans="8:8">
      <c r="H300198" s="12"/>
    </row>
    <row r="300199" spans="8:8">
      <c r="H300199" s="12"/>
    </row>
    <row r="300200" spans="8:8">
      <c r="H300200" s="12"/>
    </row>
    <row r="300201" spans="8:8">
      <c r="H300201" s="12"/>
    </row>
    <row r="300202" spans="8:8">
      <c r="H300202" s="12"/>
    </row>
    <row r="300203" spans="8:8">
      <c r="H300203" s="12"/>
    </row>
    <row r="300204" spans="8:8">
      <c r="H300204" s="12"/>
    </row>
    <row r="300205" spans="8:8">
      <c r="H300205" s="12"/>
    </row>
    <row r="300206" spans="8:8">
      <c r="H300206" s="12"/>
    </row>
    <row r="300207" spans="8:8">
      <c r="H300207" s="12"/>
    </row>
    <row r="300208" spans="8:8">
      <c r="H300208" s="12"/>
    </row>
    <row r="300209" spans="8:8">
      <c r="H300209" s="12"/>
    </row>
    <row r="300210" spans="8:8">
      <c r="H300210" s="12"/>
    </row>
    <row r="300211" spans="8:8">
      <c r="H300211" s="12"/>
    </row>
    <row r="300212" spans="8:8">
      <c r="H300212" s="12"/>
    </row>
    <row r="300213" spans="8:8">
      <c r="H300213" s="12"/>
    </row>
    <row r="300214" spans="8:8">
      <c r="H300214" s="12"/>
    </row>
    <row r="300215" spans="8:8">
      <c r="H300215" s="12"/>
    </row>
    <row r="300216" spans="8:8">
      <c r="H300216" s="12"/>
    </row>
    <row r="300217" spans="8:8">
      <c r="H300217" s="12"/>
    </row>
    <row r="300218" spans="8:8">
      <c r="H300218" s="12"/>
    </row>
    <row r="300219" spans="8:8">
      <c r="H300219" s="12"/>
    </row>
    <row r="300220" spans="8:8">
      <c r="H300220" s="12"/>
    </row>
    <row r="300221" spans="8:8">
      <c r="H300221" s="12"/>
    </row>
    <row r="300222" spans="8:8">
      <c r="H300222" s="12"/>
    </row>
    <row r="300223" spans="8:8">
      <c r="H300223" s="12"/>
    </row>
    <row r="300224" spans="8:8">
      <c r="H300224" s="12"/>
    </row>
    <row r="300225" spans="8:8">
      <c r="H300225" s="12"/>
    </row>
    <row r="300226" spans="8:8">
      <c r="H300226" s="12"/>
    </row>
    <row r="300227" spans="8:8">
      <c r="H300227" s="12"/>
    </row>
    <row r="300228" spans="8:8">
      <c r="H300228" s="12"/>
    </row>
    <row r="300229" spans="8:8">
      <c r="H300229" s="12"/>
    </row>
    <row r="300230" spans="8:8">
      <c r="H300230" s="12"/>
    </row>
    <row r="300231" spans="8:8">
      <c r="H300231" s="12"/>
    </row>
    <row r="300232" spans="8:8">
      <c r="H300232" s="12"/>
    </row>
    <row r="300233" spans="8:8">
      <c r="H300233" s="12"/>
    </row>
    <row r="300234" spans="8:8">
      <c r="H300234" s="12"/>
    </row>
    <row r="300235" spans="8:8">
      <c r="H300235" s="12"/>
    </row>
    <row r="300236" spans="8:8">
      <c r="H300236" s="12"/>
    </row>
    <row r="300237" spans="8:8">
      <c r="H300237" s="12"/>
    </row>
    <row r="300238" spans="8:8">
      <c r="H300238" s="12"/>
    </row>
    <row r="300239" spans="8:8">
      <c r="H300239" s="12"/>
    </row>
    <row r="300240" spans="8:8">
      <c r="H300240" s="12"/>
    </row>
    <row r="300241" spans="8:8">
      <c r="H300241" s="12"/>
    </row>
    <row r="300242" spans="8:8">
      <c r="H300242" s="12"/>
    </row>
    <row r="300243" spans="8:8">
      <c r="H300243" s="12"/>
    </row>
    <row r="300244" spans="8:8">
      <c r="H300244" s="12"/>
    </row>
    <row r="300245" spans="8:8">
      <c r="H300245" s="12"/>
    </row>
    <row r="300246" spans="8:8">
      <c r="H300246" s="12"/>
    </row>
    <row r="300247" spans="8:8">
      <c r="H300247" s="12"/>
    </row>
    <row r="300248" spans="8:8">
      <c r="H300248" s="12"/>
    </row>
    <row r="300249" spans="8:8">
      <c r="H300249" s="12"/>
    </row>
    <row r="300250" spans="8:8">
      <c r="H300250" s="12"/>
    </row>
    <row r="300251" spans="8:8">
      <c r="H300251" s="12"/>
    </row>
    <row r="300252" spans="8:8">
      <c r="H300252" s="12"/>
    </row>
    <row r="300253" spans="8:8">
      <c r="H300253" s="12"/>
    </row>
    <row r="300254" spans="8:8">
      <c r="H300254" s="12"/>
    </row>
    <row r="300255" spans="8:8">
      <c r="H300255" s="12"/>
    </row>
    <row r="300256" spans="8:8">
      <c r="H300256" s="12"/>
    </row>
    <row r="300257" spans="8:8">
      <c r="H300257" s="12"/>
    </row>
    <row r="300258" spans="8:8">
      <c r="H300258" s="12"/>
    </row>
    <row r="300259" spans="8:8">
      <c r="H300259" s="12"/>
    </row>
    <row r="300260" spans="8:8">
      <c r="H300260" s="12"/>
    </row>
    <row r="300261" spans="8:8">
      <c r="H300261" s="12"/>
    </row>
    <row r="300262" spans="8:8">
      <c r="H300262" s="12"/>
    </row>
    <row r="300263" spans="8:8">
      <c r="H300263" s="12"/>
    </row>
    <row r="300264" spans="8:8">
      <c r="H300264" s="12"/>
    </row>
    <row r="300265" spans="8:8">
      <c r="H300265" s="12"/>
    </row>
    <row r="300266" spans="8:8">
      <c r="H300266" s="12"/>
    </row>
    <row r="300267" spans="8:8">
      <c r="H300267" s="12"/>
    </row>
    <row r="300268" spans="8:8">
      <c r="H300268" s="12"/>
    </row>
    <row r="300269" spans="8:8">
      <c r="H300269" s="12"/>
    </row>
    <row r="300270" spans="8:8">
      <c r="H300270" s="12"/>
    </row>
    <row r="300271" spans="8:8">
      <c r="H300271" s="12"/>
    </row>
    <row r="300272" spans="8:8">
      <c r="H300272" s="12"/>
    </row>
    <row r="300273" spans="8:8">
      <c r="H300273" s="12"/>
    </row>
    <row r="300274" spans="8:8">
      <c r="H300274" s="12"/>
    </row>
    <row r="300275" spans="8:8">
      <c r="H300275" s="12"/>
    </row>
    <row r="300276" spans="8:8">
      <c r="H300276" s="12"/>
    </row>
    <row r="300277" spans="8:8">
      <c r="H300277" s="12"/>
    </row>
    <row r="300278" spans="8:8">
      <c r="H300278" s="12"/>
    </row>
    <row r="300279" spans="8:8">
      <c r="H300279" s="12"/>
    </row>
    <row r="300280" spans="8:8">
      <c r="H300280" s="12"/>
    </row>
    <row r="300281" spans="8:8">
      <c r="H300281" s="12"/>
    </row>
    <row r="300282" spans="8:8">
      <c r="H300282" s="12"/>
    </row>
    <row r="300283" spans="8:8">
      <c r="H300283" s="12"/>
    </row>
    <row r="300284" spans="8:8">
      <c r="H300284" s="12"/>
    </row>
    <row r="300285" spans="8:8">
      <c r="H300285" s="12"/>
    </row>
    <row r="300286" spans="8:8">
      <c r="H300286" s="12"/>
    </row>
    <row r="300287" spans="8:8">
      <c r="H300287" s="12"/>
    </row>
    <row r="300288" spans="8:8">
      <c r="H300288" s="12"/>
    </row>
    <row r="300289" spans="8:8">
      <c r="H300289" s="12"/>
    </row>
    <row r="300290" spans="8:8">
      <c r="H300290" s="12"/>
    </row>
    <row r="300291" spans="8:8">
      <c r="H300291" s="12"/>
    </row>
    <row r="300292" spans="8:8">
      <c r="H300292" s="12"/>
    </row>
    <row r="300293" spans="8:8">
      <c r="H300293" s="12"/>
    </row>
    <row r="300294" spans="8:8">
      <c r="H300294" s="12"/>
    </row>
    <row r="300295" spans="8:8">
      <c r="H300295" s="12"/>
    </row>
    <row r="300296" spans="8:8">
      <c r="H300296" s="12"/>
    </row>
    <row r="300297" spans="8:8">
      <c r="H300297" s="12"/>
    </row>
    <row r="300298" spans="8:8">
      <c r="H300298" s="12"/>
    </row>
    <row r="300299" spans="8:8">
      <c r="H300299" s="12"/>
    </row>
    <row r="300300" spans="8:8">
      <c r="H300300" s="12"/>
    </row>
    <row r="300301" spans="8:8">
      <c r="H300301" s="12"/>
    </row>
    <row r="300302" spans="8:8">
      <c r="H300302" s="12"/>
    </row>
    <row r="300303" spans="8:8">
      <c r="H300303" s="12"/>
    </row>
    <row r="300304" spans="8:8">
      <c r="H300304" s="12"/>
    </row>
    <row r="300305" spans="8:8">
      <c r="H300305" s="12"/>
    </row>
    <row r="300306" spans="8:8">
      <c r="H300306" s="12"/>
    </row>
    <row r="300307" spans="8:8">
      <c r="H300307" s="12"/>
    </row>
    <row r="300308" spans="8:8">
      <c r="H300308" s="12"/>
    </row>
    <row r="300309" spans="8:8">
      <c r="H300309" s="12"/>
    </row>
    <row r="300310" spans="8:8">
      <c r="H300310" s="12"/>
    </row>
    <row r="300311" spans="8:8">
      <c r="H300311" s="12"/>
    </row>
    <row r="300312" spans="8:8">
      <c r="H300312" s="12"/>
    </row>
    <row r="300313" spans="8:8">
      <c r="H300313" s="12"/>
    </row>
    <row r="300314" spans="8:8">
      <c r="H300314" s="12"/>
    </row>
    <row r="300315" spans="8:8">
      <c r="H300315" s="12"/>
    </row>
    <row r="300316" spans="8:8">
      <c r="H300316" s="12"/>
    </row>
    <row r="300317" spans="8:8">
      <c r="H300317" s="12"/>
    </row>
    <row r="300318" spans="8:8">
      <c r="H300318" s="12"/>
    </row>
    <row r="300319" spans="8:8">
      <c r="H300319" s="12"/>
    </row>
    <row r="300320" spans="8:8">
      <c r="H300320" s="12"/>
    </row>
    <row r="300321" spans="8:8">
      <c r="H300321" s="12"/>
    </row>
    <row r="300322" spans="8:8">
      <c r="H300322" s="12"/>
    </row>
    <row r="300323" spans="8:8">
      <c r="H300323" s="12"/>
    </row>
    <row r="300324" spans="8:8">
      <c r="H300324" s="12"/>
    </row>
    <row r="300325" spans="8:8">
      <c r="H300325" s="12"/>
    </row>
    <row r="300326" spans="8:8">
      <c r="H300326" s="12"/>
    </row>
    <row r="300327" spans="8:8">
      <c r="H300327" s="12"/>
    </row>
    <row r="300328" spans="8:8">
      <c r="H300328" s="12"/>
    </row>
    <row r="300329" spans="8:8">
      <c r="H300329" s="12"/>
    </row>
    <row r="300330" spans="8:8">
      <c r="H300330" s="12"/>
    </row>
    <row r="300331" spans="8:8">
      <c r="H300331" s="12"/>
    </row>
    <row r="300332" spans="8:8">
      <c r="H300332" s="12"/>
    </row>
    <row r="300333" spans="8:8">
      <c r="H300333" s="12"/>
    </row>
    <row r="300334" spans="8:8">
      <c r="H300334" s="12"/>
    </row>
    <row r="300335" spans="8:8">
      <c r="H300335" s="12"/>
    </row>
    <row r="300336" spans="8:8">
      <c r="H300336" s="12"/>
    </row>
    <row r="300337" spans="8:8">
      <c r="H300337" s="12"/>
    </row>
    <row r="300338" spans="8:8">
      <c r="H300338" s="12"/>
    </row>
    <row r="300339" spans="8:8">
      <c r="H300339" s="12"/>
    </row>
    <row r="300340" spans="8:8">
      <c r="H300340" s="12"/>
    </row>
    <row r="300341" spans="8:8">
      <c r="H300341" s="12"/>
    </row>
    <row r="300342" spans="8:8">
      <c r="H300342" s="12"/>
    </row>
    <row r="300343" spans="8:8">
      <c r="H300343" s="12"/>
    </row>
    <row r="300344" spans="8:8">
      <c r="H300344" s="12"/>
    </row>
    <row r="300345" spans="8:8">
      <c r="H300345" s="12"/>
    </row>
    <row r="300346" spans="8:8">
      <c r="H300346" s="12"/>
    </row>
    <row r="300347" spans="8:8">
      <c r="H300347" s="12"/>
    </row>
    <row r="300348" spans="8:8">
      <c r="H300348" s="12"/>
    </row>
    <row r="300349" spans="8:8">
      <c r="H300349" s="12"/>
    </row>
    <row r="300350" spans="8:8">
      <c r="H300350" s="12"/>
    </row>
    <row r="300351" spans="8:8">
      <c r="H300351" s="12"/>
    </row>
    <row r="300352" spans="8:8">
      <c r="H300352" s="12"/>
    </row>
    <row r="300353" spans="8:8">
      <c r="H300353" s="12"/>
    </row>
    <row r="300354" spans="8:8">
      <c r="H300354" s="12"/>
    </row>
    <row r="300355" spans="8:8">
      <c r="H300355" s="12"/>
    </row>
    <row r="300356" spans="8:8">
      <c r="H300356" s="12"/>
    </row>
    <row r="300357" spans="8:8">
      <c r="H300357" s="12"/>
    </row>
    <row r="300358" spans="8:8">
      <c r="H300358" s="12"/>
    </row>
    <row r="300359" spans="8:8">
      <c r="H300359" s="12"/>
    </row>
    <row r="300360" spans="8:8">
      <c r="H300360" s="12"/>
    </row>
    <row r="300361" spans="8:8">
      <c r="H300361" s="12"/>
    </row>
    <row r="300362" spans="8:8">
      <c r="H300362" s="12"/>
    </row>
    <row r="300363" spans="8:8">
      <c r="H300363" s="12"/>
    </row>
    <row r="300364" spans="8:8">
      <c r="H300364" s="12"/>
    </row>
    <row r="300365" spans="8:8">
      <c r="H300365" s="12"/>
    </row>
    <row r="300366" spans="8:8">
      <c r="H300366" s="12"/>
    </row>
    <row r="300367" spans="8:8">
      <c r="H300367" s="12"/>
    </row>
    <row r="300368" spans="8:8">
      <c r="H300368" s="12"/>
    </row>
    <row r="300369" spans="8:8">
      <c r="H300369" s="12"/>
    </row>
    <row r="300370" spans="8:8">
      <c r="H300370" s="12"/>
    </row>
    <row r="300371" spans="8:8">
      <c r="H300371" s="12"/>
    </row>
    <row r="300372" spans="8:8">
      <c r="H300372" s="12"/>
    </row>
    <row r="300373" spans="8:8">
      <c r="H300373" s="12"/>
    </row>
    <row r="300374" spans="8:8">
      <c r="H300374" s="12"/>
    </row>
    <row r="300375" spans="8:8">
      <c r="H300375" s="12"/>
    </row>
    <row r="300376" spans="8:8">
      <c r="H300376" s="12"/>
    </row>
    <row r="300377" spans="8:8">
      <c r="H300377" s="12"/>
    </row>
    <row r="300378" spans="8:8">
      <c r="H300378" s="12"/>
    </row>
    <row r="300379" spans="8:8">
      <c r="H300379" s="12"/>
    </row>
    <row r="300380" spans="8:8">
      <c r="H300380" s="12"/>
    </row>
    <row r="300381" spans="8:8">
      <c r="H300381" s="12"/>
    </row>
    <row r="300382" spans="8:8">
      <c r="H300382" s="12"/>
    </row>
    <row r="300383" spans="8:8">
      <c r="H300383" s="12"/>
    </row>
    <row r="300384" spans="8:8">
      <c r="H300384" s="12"/>
    </row>
    <row r="300385" spans="8:8">
      <c r="H300385" s="12"/>
    </row>
    <row r="300386" spans="8:8">
      <c r="H300386" s="12"/>
    </row>
    <row r="300387" spans="8:8">
      <c r="H300387" s="12"/>
    </row>
    <row r="300388" spans="8:8">
      <c r="H300388" s="12"/>
    </row>
    <row r="300389" spans="8:8">
      <c r="H300389" s="12"/>
    </row>
    <row r="300390" spans="8:8">
      <c r="H300390" s="12"/>
    </row>
    <row r="300391" spans="8:8">
      <c r="H300391" s="12"/>
    </row>
    <row r="300392" spans="8:8">
      <c r="H300392" s="12"/>
    </row>
    <row r="300393" spans="8:8">
      <c r="H300393" s="12"/>
    </row>
    <row r="300394" spans="8:8">
      <c r="H300394" s="12"/>
    </row>
    <row r="300395" spans="8:8">
      <c r="H300395" s="12"/>
    </row>
    <row r="300396" spans="8:8">
      <c r="H300396" s="12"/>
    </row>
    <row r="300397" spans="8:8">
      <c r="H300397" s="12"/>
    </row>
    <row r="300398" spans="8:8">
      <c r="H300398" s="12"/>
    </row>
    <row r="300399" spans="8:8">
      <c r="H300399" s="12"/>
    </row>
    <row r="300400" spans="8:8">
      <c r="H300400" s="12"/>
    </row>
    <row r="300401" spans="8:8">
      <c r="H300401" s="12"/>
    </row>
    <row r="300402" spans="8:8">
      <c r="H300402" s="12"/>
    </row>
    <row r="300403" spans="8:8">
      <c r="H300403" s="12"/>
    </row>
    <row r="300404" spans="8:8">
      <c r="H300404" s="12"/>
    </row>
    <row r="300405" spans="8:8">
      <c r="H300405" s="12"/>
    </row>
    <row r="300406" spans="8:8">
      <c r="H300406" s="12"/>
    </row>
    <row r="300407" spans="8:8">
      <c r="H300407" s="12"/>
    </row>
    <row r="300408" spans="8:8">
      <c r="H300408" s="12"/>
    </row>
    <row r="300409" spans="8:8">
      <c r="H300409" s="12"/>
    </row>
    <row r="300410" spans="8:8">
      <c r="H300410" s="12"/>
    </row>
    <row r="300411" spans="8:8">
      <c r="H300411" s="12"/>
    </row>
    <row r="300412" spans="8:8">
      <c r="H300412" s="12"/>
    </row>
    <row r="300413" spans="8:8">
      <c r="H300413" s="12"/>
    </row>
    <row r="300414" spans="8:8">
      <c r="H300414" s="12"/>
    </row>
    <row r="300415" spans="8:8">
      <c r="H300415" s="12"/>
    </row>
    <row r="300416" spans="8:8">
      <c r="H300416" s="12"/>
    </row>
    <row r="300417" spans="8:8">
      <c r="H300417" s="12"/>
    </row>
    <row r="300418" spans="8:8">
      <c r="H300418" s="12"/>
    </row>
    <row r="300419" spans="8:8">
      <c r="H300419" s="12"/>
    </row>
    <row r="300420" spans="8:8">
      <c r="H300420" s="12"/>
    </row>
    <row r="300421" spans="8:8">
      <c r="H300421" s="12"/>
    </row>
    <row r="300422" spans="8:8">
      <c r="H300422" s="12"/>
    </row>
    <row r="300423" spans="8:8">
      <c r="H300423" s="12"/>
    </row>
    <row r="300424" spans="8:8">
      <c r="H300424" s="12"/>
    </row>
    <row r="300425" spans="8:8">
      <c r="H300425" s="12"/>
    </row>
    <row r="300426" spans="8:8">
      <c r="H300426" s="12"/>
    </row>
    <row r="300427" spans="8:8">
      <c r="H300427" s="12"/>
    </row>
    <row r="300428" spans="8:8">
      <c r="H300428" s="12"/>
    </row>
    <row r="300429" spans="8:8">
      <c r="H300429" s="12"/>
    </row>
    <row r="300430" spans="8:8">
      <c r="H300430" s="12"/>
    </row>
    <row r="300431" spans="8:8">
      <c r="H300431" s="12"/>
    </row>
    <row r="300432" spans="8:8">
      <c r="H300432" s="12"/>
    </row>
    <row r="300433" spans="8:8">
      <c r="H300433" s="12"/>
    </row>
    <row r="300434" spans="8:8">
      <c r="H300434" s="12"/>
    </row>
    <row r="300435" spans="8:8">
      <c r="H300435" s="12"/>
    </row>
    <row r="300436" spans="8:8">
      <c r="H300436" s="12"/>
    </row>
    <row r="300437" spans="8:8">
      <c r="H300437" s="12"/>
    </row>
    <row r="300438" spans="8:8">
      <c r="H300438" s="12"/>
    </row>
    <row r="300439" spans="8:8">
      <c r="H300439" s="12"/>
    </row>
    <row r="300440" spans="8:8">
      <c r="H300440" s="12"/>
    </row>
    <row r="300441" spans="8:8">
      <c r="H300441" s="12"/>
    </row>
    <row r="300442" spans="8:8">
      <c r="H300442" s="12"/>
    </row>
    <row r="300443" spans="8:8">
      <c r="H300443" s="12"/>
    </row>
    <row r="300444" spans="8:8">
      <c r="H300444" s="12"/>
    </row>
    <row r="300445" spans="8:8">
      <c r="H300445" s="12"/>
    </row>
    <row r="300446" spans="8:8">
      <c r="H300446" s="12"/>
    </row>
    <row r="300447" spans="8:8">
      <c r="H300447" s="12"/>
    </row>
    <row r="300448" spans="8:8">
      <c r="H300448" s="12"/>
    </row>
    <row r="300449" spans="8:8">
      <c r="H300449" s="12"/>
    </row>
    <row r="300450" spans="8:8">
      <c r="H300450" s="12"/>
    </row>
    <row r="300451" spans="8:8">
      <c r="H300451" s="12"/>
    </row>
    <row r="300452" spans="8:8">
      <c r="H300452" s="12"/>
    </row>
    <row r="300453" spans="8:8">
      <c r="H300453" s="12"/>
    </row>
    <row r="300454" spans="8:8">
      <c r="H300454" s="12"/>
    </row>
    <row r="300455" spans="8:8">
      <c r="H300455" s="12"/>
    </row>
    <row r="300456" spans="8:8">
      <c r="H300456" s="12"/>
    </row>
    <row r="300457" spans="8:8">
      <c r="H300457" s="12"/>
    </row>
    <row r="300458" spans="8:8">
      <c r="H300458" s="12"/>
    </row>
    <row r="300459" spans="8:8">
      <c r="H300459" s="12"/>
    </row>
    <row r="300460" spans="8:8">
      <c r="H300460" s="12"/>
    </row>
    <row r="300461" spans="8:8">
      <c r="H300461" s="12"/>
    </row>
    <row r="300462" spans="8:8">
      <c r="H300462" s="12"/>
    </row>
    <row r="300463" spans="8:8">
      <c r="H300463" s="12"/>
    </row>
    <row r="300464" spans="8:8">
      <c r="H300464" s="12"/>
    </row>
    <row r="300465" spans="8:8">
      <c r="H300465" s="12"/>
    </row>
    <row r="300466" spans="8:8">
      <c r="H300466" s="12"/>
    </row>
    <row r="300467" spans="8:8">
      <c r="H300467" s="12"/>
    </row>
    <row r="300468" spans="8:8">
      <c r="H300468" s="12"/>
    </row>
    <row r="300469" spans="8:8">
      <c r="H300469" s="12"/>
    </row>
    <row r="300470" spans="8:8">
      <c r="H300470" s="12"/>
    </row>
    <row r="300471" spans="8:8">
      <c r="H300471" s="12"/>
    </row>
    <row r="300472" spans="8:8">
      <c r="H300472" s="12"/>
    </row>
    <row r="300473" spans="8:8">
      <c r="H300473" s="12"/>
    </row>
    <row r="300474" spans="8:8">
      <c r="H300474" s="12"/>
    </row>
    <row r="300475" spans="8:8">
      <c r="H300475" s="12"/>
    </row>
    <row r="300476" spans="8:8">
      <c r="H300476" s="12"/>
    </row>
    <row r="300477" spans="8:8">
      <c r="H300477" s="12"/>
    </row>
    <row r="300478" spans="8:8">
      <c r="H300478" s="12"/>
    </row>
    <row r="300479" spans="8:8">
      <c r="H300479" s="12"/>
    </row>
    <row r="300480" spans="8:8">
      <c r="H300480" s="12"/>
    </row>
    <row r="300481" spans="8:8">
      <c r="H300481" s="12"/>
    </row>
    <row r="300482" spans="8:8">
      <c r="H300482" s="12"/>
    </row>
    <row r="300483" spans="8:8">
      <c r="H300483" s="12"/>
    </row>
    <row r="300484" spans="8:8">
      <c r="H300484" s="12"/>
    </row>
    <row r="300485" spans="8:8">
      <c r="H300485" s="12"/>
    </row>
    <row r="300486" spans="8:8">
      <c r="H300486" s="12"/>
    </row>
    <row r="300487" spans="8:8">
      <c r="H300487" s="12"/>
    </row>
    <row r="300488" spans="8:8">
      <c r="H300488" s="12"/>
    </row>
    <row r="300489" spans="8:8">
      <c r="H300489" s="12"/>
    </row>
    <row r="300490" spans="8:8">
      <c r="H300490" s="12"/>
    </row>
    <row r="300491" spans="8:8">
      <c r="H300491" s="12"/>
    </row>
    <row r="300492" spans="8:8">
      <c r="H300492" s="12"/>
    </row>
    <row r="300493" spans="8:8">
      <c r="H300493" s="12"/>
    </row>
    <row r="300494" spans="8:8">
      <c r="H300494" s="12"/>
    </row>
    <row r="300495" spans="8:8">
      <c r="H300495" s="12"/>
    </row>
    <row r="300496" spans="8:8">
      <c r="H300496" s="12"/>
    </row>
    <row r="300497" spans="8:8">
      <c r="H300497" s="12"/>
    </row>
    <row r="300498" spans="8:8">
      <c r="H300498" s="12"/>
    </row>
    <row r="300499" spans="8:8">
      <c r="H300499" s="12"/>
    </row>
    <row r="300500" spans="8:8">
      <c r="H300500" s="12"/>
    </row>
    <row r="300501" spans="8:8">
      <c r="H300501" s="12"/>
    </row>
    <row r="300502" spans="8:8">
      <c r="H300502" s="12"/>
    </row>
    <row r="300503" spans="8:8">
      <c r="H300503" s="12"/>
    </row>
    <row r="300504" spans="8:8">
      <c r="H300504" s="12"/>
    </row>
    <row r="300505" spans="8:8">
      <c r="H300505" s="12"/>
    </row>
    <row r="300506" spans="8:8">
      <c r="H300506" s="12"/>
    </row>
    <row r="300507" spans="8:8">
      <c r="H300507" s="12"/>
    </row>
    <row r="300508" spans="8:8">
      <c r="H300508" s="12"/>
    </row>
    <row r="300509" spans="8:8">
      <c r="H300509" s="12"/>
    </row>
    <row r="300510" spans="8:8">
      <c r="H300510" s="12"/>
    </row>
    <row r="300511" spans="8:8">
      <c r="H300511" s="12"/>
    </row>
    <row r="300512" spans="8:8">
      <c r="H300512" s="12"/>
    </row>
    <row r="300513" spans="8:8">
      <c r="H300513" s="12"/>
    </row>
    <row r="300514" spans="8:8">
      <c r="H300514" s="12"/>
    </row>
    <row r="300515" spans="8:8">
      <c r="H300515" s="12"/>
    </row>
    <row r="300516" spans="8:8">
      <c r="H300516" s="12"/>
    </row>
    <row r="300517" spans="8:8">
      <c r="H300517" s="12"/>
    </row>
    <row r="300518" spans="8:8">
      <c r="H300518" s="12"/>
    </row>
    <row r="300519" spans="8:8">
      <c r="H300519" s="12"/>
    </row>
    <row r="300520" spans="8:8">
      <c r="H300520" s="12"/>
    </row>
    <row r="300521" spans="8:8">
      <c r="H300521" s="12"/>
    </row>
    <row r="300522" spans="8:8">
      <c r="H300522" s="12"/>
    </row>
    <row r="300523" spans="8:8">
      <c r="H300523" s="12"/>
    </row>
    <row r="300524" spans="8:8">
      <c r="H300524" s="12"/>
    </row>
    <row r="300525" spans="8:8">
      <c r="H300525" s="12"/>
    </row>
    <row r="300526" spans="8:8">
      <c r="H300526" s="12"/>
    </row>
    <row r="300527" spans="8:8">
      <c r="H300527" s="12"/>
    </row>
    <row r="300528" spans="8:8">
      <c r="H300528" s="12"/>
    </row>
    <row r="300529" spans="8:8">
      <c r="H300529" s="12"/>
    </row>
    <row r="300530" spans="8:8">
      <c r="H300530" s="12"/>
    </row>
    <row r="300531" spans="8:8">
      <c r="H300531" s="12"/>
    </row>
    <row r="300532" spans="8:8">
      <c r="H300532" s="12"/>
    </row>
    <row r="300533" spans="8:8">
      <c r="H300533" s="12"/>
    </row>
    <row r="300534" spans="8:8">
      <c r="H300534" s="12"/>
    </row>
    <row r="300535" spans="8:8">
      <c r="H300535" s="12"/>
    </row>
    <row r="300536" spans="8:8">
      <c r="H300536" s="12"/>
    </row>
    <row r="300537" spans="8:8">
      <c r="H300537" s="12"/>
    </row>
    <row r="300538" spans="8:8">
      <c r="H300538" s="12"/>
    </row>
    <row r="300539" spans="8:8">
      <c r="H300539" s="12"/>
    </row>
    <row r="300540" spans="8:8">
      <c r="H300540" s="12"/>
    </row>
    <row r="300541" spans="8:8">
      <c r="H300541" s="12"/>
    </row>
    <row r="300542" spans="8:8">
      <c r="H300542" s="12"/>
    </row>
    <row r="300543" spans="8:8">
      <c r="H300543" s="12"/>
    </row>
    <row r="300544" spans="8:8">
      <c r="H300544" s="12"/>
    </row>
    <row r="300545" spans="8:8">
      <c r="H300545" s="12"/>
    </row>
    <row r="300546" spans="8:8">
      <c r="H300546" s="12"/>
    </row>
    <row r="300547" spans="8:8">
      <c r="H300547" s="12"/>
    </row>
    <row r="300548" spans="8:8">
      <c r="H300548" s="12"/>
    </row>
    <row r="300549" spans="8:8">
      <c r="H300549" s="12"/>
    </row>
    <row r="300550" spans="8:8">
      <c r="H300550" s="12"/>
    </row>
    <row r="300551" spans="8:8">
      <c r="H300551" s="12"/>
    </row>
    <row r="300552" spans="8:8">
      <c r="H300552" s="12"/>
    </row>
    <row r="300553" spans="8:8">
      <c r="H300553" s="12"/>
    </row>
    <row r="300554" spans="8:8">
      <c r="H300554" s="12"/>
    </row>
    <row r="300555" spans="8:8">
      <c r="H300555" s="12"/>
    </row>
    <row r="300556" spans="8:8">
      <c r="H300556" s="12"/>
    </row>
    <row r="300557" spans="8:8">
      <c r="H300557" s="12"/>
    </row>
    <row r="300558" spans="8:8">
      <c r="H300558" s="12"/>
    </row>
    <row r="300559" spans="8:8">
      <c r="H300559" s="12"/>
    </row>
    <row r="300560" spans="8:8">
      <c r="H300560" s="12"/>
    </row>
    <row r="300561" spans="8:8">
      <c r="H300561" s="12"/>
    </row>
    <row r="300562" spans="8:8">
      <c r="H300562" s="12"/>
    </row>
    <row r="300563" spans="8:8">
      <c r="H300563" s="12"/>
    </row>
    <row r="300564" spans="8:8">
      <c r="H300564" s="12"/>
    </row>
    <row r="300565" spans="8:8">
      <c r="H300565" s="12"/>
    </row>
    <row r="300566" spans="8:8">
      <c r="H300566" s="12"/>
    </row>
    <row r="300567" spans="8:8">
      <c r="H300567" s="12"/>
    </row>
    <row r="300568" spans="8:8">
      <c r="H300568" s="12"/>
    </row>
    <row r="300569" spans="8:8">
      <c r="H300569" s="12"/>
    </row>
    <row r="300570" spans="8:8">
      <c r="H300570" s="12"/>
    </row>
    <row r="300571" spans="8:8">
      <c r="H300571" s="12"/>
    </row>
    <row r="300572" spans="8:8">
      <c r="H300572" s="12"/>
    </row>
    <row r="300573" spans="8:8">
      <c r="H300573" s="12"/>
    </row>
    <row r="300574" spans="8:8">
      <c r="H300574" s="12"/>
    </row>
    <row r="300575" spans="8:8">
      <c r="H300575" s="12"/>
    </row>
    <row r="300576" spans="8:8">
      <c r="H300576" s="12"/>
    </row>
    <row r="300577" spans="8:8">
      <c r="H300577" s="12"/>
    </row>
    <row r="300578" spans="8:8">
      <c r="H300578" s="12"/>
    </row>
    <row r="300579" spans="8:8">
      <c r="H300579" s="12"/>
    </row>
    <row r="300580" spans="8:8">
      <c r="H300580" s="12"/>
    </row>
    <row r="300581" spans="8:8">
      <c r="H300581" s="12"/>
    </row>
    <row r="300582" spans="8:8">
      <c r="H300582" s="12"/>
    </row>
    <row r="300583" spans="8:8">
      <c r="H300583" s="12"/>
    </row>
    <row r="300584" spans="8:8">
      <c r="H300584" s="12"/>
    </row>
    <row r="300585" spans="8:8">
      <c r="H300585" s="12"/>
    </row>
    <row r="300586" spans="8:8">
      <c r="H300586" s="12"/>
    </row>
    <row r="300587" spans="8:8">
      <c r="H300587" s="12"/>
    </row>
    <row r="300588" spans="8:8">
      <c r="H300588" s="12"/>
    </row>
    <row r="300589" spans="8:8">
      <c r="H300589" s="12"/>
    </row>
    <row r="300590" spans="8:8">
      <c r="H300590" s="12"/>
    </row>
    <row r="300591" spans="8:8">
      <c r="H300591" s="12"/>
    </row>
    <row r="300592" spans="8:8">
      <c r="H300592" s="12"/>
    </row>
    <row r="300593" spans="8:8">
      <c r="H300593" s="12"/>
    </row>
    <row r="300594" spans="8:8">
      <c r="H300594" s="12"/>
    </row>
    <row r="300595" spans="8:8">
      <c r="H300595" s="12"/>
    </row>
    <row r="300596" spans="8:8">
      <c r="H300596" s="12"/>
    </row>
    <row r="300597" spans="8:8">
      <c r="H300597" s="12"/>
    </row>
    <row r="300598" spans="8:8">
      <c r="H300598" s="12"/>
    </row>
    <row r="300599" spans="8:8">
      <c r="H300599" s="12"/>
    </row>
    <row r="300600" spans="8:8">
      <c r="H300600" s="12"/>
    </row>
    <row r="300601" spans="8:8">
      <c r="H300601" s="12"/>
    </row>
    <row r="300602" spans="8:8">
      <c r="H300602" s="12"/>
    </row>
    <row r="300603" spans="8:8">
      <c r="H300603" s="12"/>
    </row>
    <row r="300604" spans="8:8">
      <c r="H300604" s="12"/>
    </row>
    <row r="300605" spans="8:8">
      <c r="H300605" s="12"/>
    </row>
    <row r="300606" spans="8:8">
      <c r="H300606" s="12"/>
    </row>
    <row r="300607" spans="8:8">
      <c r="H300607" s="12"/>
    </row>
    <row r="300608" spans="8:8">
      <c r="H300608" s="12"/>
    </row>
    <row r="300609" spans="8:8">
      <c r="H300609" s="12"/>
    </row>
    <row r="300610" spans="8:8">
      <c r="H300610" s="12"/>
    </row>
    <row r="300611" spans="8:8">
      <c r="H300611" s="12"/>
    </row>
    <row r="300612" spans="8:8">
      <c r="H300612" s="12"/>
    </row>
    <row r="300613" spans="8:8">
      <c r="H300613" s="12"/>
    </row>
    <row r="300614" spans="8:8">
      <c r="H300614" s="12"/>
    </row>
    <row r="300615" spans="8:8">
      <c r="H300615" s="12"/>
    </row>
    <row r="300616" spans="8:8">
      <c r="H300616" s="12"/>
    </row>
    <row r="300617" spans="8:8">
      <c r="H300617" s="12"/>
    </row>
    <row r="300618" spans="8:8">
      <c r="H300618" s="12"/>
    </row>
    <row r="300619" spans="8:8">
      <c r="H300619" s="12"/>
    </row>
    <row r="300620" spans="8:8">
      <c r="H300620" s="12"/>
    </row>
    <row r="300621" spans="8:8">
      <c r="H300621" s="12"/>
    </row>
    <row r="300622" spans="8:8">
      <c r="H300622" s="12"/>
    </row>
    <row r="300623" spans="8:8">
      <c r="H300623" s="12"/>
    </row>
    <row r="300624" spans="8:8">
      <c r="H300624" s="12"/>
    </row>
    <row r="300625" spans="8:8">
      <c r="H300625" s="12"/>
    </row>
    <row r="300626" spans="8:8">
      <c r="H300626" s="12"/>
    </row>
    <row r="300627" spans="8:8">
      <c r="H300627" s="12"/>
    </row>
    <row r="300628" spans="8:8">
      <c r="H300628" s="12"/>
    </row>
    <row r="300629" spans="8:8">
      <c r="H300629" s="12"/>
    </row>
    <row r="300630" spans="8:8">
      <c r="H300630" s="12"/>
    </row>
    <row r="300631" spans="8:8">
      <c r="H300631" s="12"/>
    </row>
    <row r="300632" spans="8:8">
      <c r="H300632" s="12"/>
    </row>
    <row r="300633" spans="8:8">
      <c r="H300633" s="12"/>
    </row>
    <row r="300634" spans="8:8">
      <c r="H300634" s="12"/>
    </row>
    <row r="300635" spans="8:8">
      <c r="H300635" s="12"/>
    </row>
    <row r="300636" spans="8:8">
      <c r="H300636" s="12"/>
    </row>
    <row r="300637" spans="8:8">
      <c r="H300637" s="12"/>
    </row>
    <row r="300638" spans="8:8">
      <c r="H300638" s="12"/>
    </row>
    <row r="300639" spans="8:8">
      <c r="H300639" s="12"/>
    </row>
    <row r="300640" spans="8:8">
      <c r="H300640" s="12"/>
    </row>
    <row r="300641" spans="8:8">
      <c r="H300641" s="12"/>
    </row>
    <row r="300642" spans="8:8">
      <c r="H300642" s="12"/>
    </row>
    <row r="300643" spans="8:8">
      <c r="H300643" s="12"/>
    </row>
    <row r="300644" spans="8:8">
      <c r="H300644" s="12"/>
    </row>
    <row r="300645" spans="8:8">
      <c r="H300645" s="12"/>
    </row>
    <row r="300646" spans="8:8">
      <c r="H300646" s="12"/>
    </row>
    <row r="300647" spans="8:8">
      <c r="H300647" s="12"/>
    </row>
    <row r="300648" spans="8:8">
      <c r="H300648" s="12"/>
    </row>
    <row r="300649" spans="8:8">
      <c r="H300649" s="12"/>
    </row>
    <row r="300650" spans="8:8">
      <c r="H300650" s="12"/>
    </row>
    <row r="300651" spans="8:8">
      <c r="H300651" s="12"/>
    </row>
    <row r="300652" spans="8:8">
      <c r="H300652" s="12"/>
    </row>
    <row r="300653" spans="8:8">
      <c r="H300653" s="12"/>
    </row>
    <row r="300654" spans="8:8">
      <c r="H300654" s="12"/>
    </row>
    <row r="300655" spans="8:8">
      <c r="H300655" s="12"/>
    </row>
    <row r="300656" spans="8:8">
      <c r="H300656" s="12"/>
    </row>
    <row r="300657" spans="8:8">
      <c r="H300657" s="12"/>
    </row>
    <row r="300658" spans="8:8">
      <c r="H300658" s="12"/>
    </row>
    <row r="300659" spans="8:8">
      <c r="H300659" s="12"/>
    </row>
    <row r="300660" spans="8:8">
      <c r="H300660" s="12"/>
    </row>
    <row r="300661" spans="8:8">
      <c r="H300661" s="12"/>
    </row>
    <row r="300662" spans="8:8">
      <c r="H300662" s="12"/>
    </row>
    <row r="300663" spans="8:8">
      <c r="H300663" s="12"/>
    </row>
    <row r="300664" spans="8:8">
      <c r="H300664" s="12"/>
    </row>
    <row r="300665" spans="8:8">
      <c r="H300665" s="12"/>
    </row>
    <row r="300666" spans="8:8">
      <c r="H300666" s="12"/>
    </row>
    <row r="300667" spans="8:8">
      <c r="H300667" s="12"/>
    </row>
    <row r="300668" spans="8:8">
      <c r="H300668" s="12"/>
    </row>
    <row r="300669" spans="8:8">
      <c r="H300669" s="12"/>
    </row>
    <row r="300670" spans="8:8">
      <c r="H300670" s="12"/>
    </row>
    <row r="300671" spans="8:8">
      <c r="H300671" s="12"/>
    </row>
    <row r="300672" spans="8:8">
      <c r="H300672" s="12"/>
    </row>
    <row r="300673" spans="8:8">
      <c r="H300673" s="12"/>
    </row>
    <row r="300674" spans="8:8">
      <c r="H300674" s="12"/>
    </row>
    <row r="300675" spans="8:8">
      <c r="H300675" s="12"/>
    </row>
    <row r="300676" spans="8:8">
      <c r="H300676" s="12"/>
    </row>
    <row r="300677" spans="8:8">
      <c r="H300677" s="12"/>
    </row>
    <row r="300678" spans="8:8">
      <c r="H300678" s="12"/>
    </row>
    <row r="300679" spans="8:8">
      <c r="H300679" s="12"/>
    </row>
    <row r="300680" spans="8:8">
      <c r="H300680" s="12"/>
    </row>
    <row r="300681" spans="8:8">
      <c r="H300681" s="12"/>
    </row>
    <row r="300682" spans="8:8">
      <c r="H300682" s="12"/>
    </row>
    <row r="300683" spans="8:8">
      <c r="H300683" s="12"/>
    </row>
    <row r="300684" spans="8:8">
      <c r="H300684" s="12"/>
    </row>
    <row r="300685" spans="8:8">
      <c r="H300685" s="12"/>
    </row>
    <row r="300686" spans="8:8">
      <c r="H300686" s="12"/>
    </row>
    <row r="300687" spans="8:8">
      <c r="H300687" s="12"/>
    </row>
    <row r="300688" spans="8:8">
      <c r="H300688" s="12"/>
    </row>
    <row r="300689" spans="8:8">
      <c r="H300689" s="12"/>
    </row>
    <row r="300690" spans="8:8">
      <c r="H300690" s="12"/>
    </row>
    <row r="300691" spans="8:8">
      <c r="H300691" s="12"/>
    </row>
    <row r="300692" spans="8:8">
      <c r="H300692" s="12"/>
    </row>
    <row r="300693" spans="8:8">
      <c r="H300693" s="12"/>
    </row>
    <row r="300694" spans="8:8">
      <c r="H300694" s="12"/>
    </row>
    <row r="300695" spans="8:8">
      <c r="H300695" s="12"/>
    </row>
    <row r="300696" spans="8:8">
      <c r="H300696" s="12"/>
    </row>
    <row r="300697" spans="8:8">
      <c r="H300697" s="12"/>
    </row>
    <row r="300698" spans="8:8">
      <c r="H300698" s="12"/>
    </row>
    <row r="300699" spans="8:8">
      <c r="H300699" s="12"/>
    </row>
    <row r="300700" spans="8:8">
      <c r="H300700" s="12"/>
    </row>
    <row r="300701" spans="8:8">
      <c r="H300701" s="12"/>
    </row>
    <row r="300702" spans="8:8">
      <c r="H300702" s="12"/>
    </row>
    <row r="300703" spans="8:8">
      <c r="H300703" s="12"/>
    </row>
    <row r="300704" spans="8:8">
      <c r="H300704" s="12"/>
    </row>
    <row r="300705" spans="8:8">
      <c r="H300705" s="12"/>
    </row>
    <row r="300706" spans="8:8">
      <c r="H300706" s="12"/>
    </row>
    <row r="300707" spans="8:8">
      <c r="H300707" s="12"/>
    </row>
    <row r="300708" spans="8:8">
      <c r="H300708" s="12"/>
    </row>
    <row r="300709" spans="8:8">
      <c r="H300709" s="12"/>
    </row>
    <row r="300710" spans="8:8">
      <c r="H300710" s="12"/>
    </row>
    <row r="300711" spans="8:8">
      <c r="H300711" s="12"/>
    </row>
    <row r="300712" spans="8:8">
      <c r="H300712" s="12"/>
    </row>
    <row r="300713" spans="8:8">
      <c r="H300713" s="12"/>
    </row>
    <row r="300714" spans="8:8">
      <c r="H300714" s="12"/>
    </row>
    <row r="300715" spans="8:8">
      <c r="H300715" s="12"/>
    </row>
    <row r="300716" spans="8:8">
      <c r="H300716" s="12"/>
    </row>
    <row r="300717" spans="8:8">
      <c r="H300717" s="12"/>
    </row>
    <row r="300718" spans="8:8">
      <c r="H300718" s="12"/>
    </row>
    <row r="300719" spans="8:8">
      <c r="H300719" s="12"/>
    </row>
    <row r="300720" spans="8:8">
      <c r="H300720" s="12"/>
    </row>
    <row r="300721" spans="8:8">
      <c r="H300721" s="12"/>
    </row>
    <row r="300722" spans="8:8">
      <c r="H300722" s="12"/>
    </row>
    <row r="300723" spans="8:8">
      <c r="H300723" s="12"/>
    </row>
    <row r="300724" spans="8:8">
      <c r="H300724" s="12"/>
    </row>
    <row r="300725" spans="8:8">
      <c r="H300725" s="12"/>
    </row>
    <row r="300726" spans="8:8">
      <c r="H300726" s="12"/>
    </row>
    <row r="300727" spans="8:8">
      <c r="H300727" s="12"/>
    </row>
    <row r="300728" spans="8:8">
      <c r="H300728" s="12"/>
    </row>
    <row r="300729" spans="8:8">
      <c r="H300729" s="12"/>
    </row>
    <row r="300730" spans="8:8">
      <c r="H300730" s="12"/>
    </row>
    <row r="300731" spans="8:8">
      <c r="H300731" s="12"/>
    </row>
    <row r="300732" spans="8:8">
      <c r="H300732" s="12"/>
    </row>
    <row r="300733" spans="8:8">
      <c r="H300733" s="12"/>
    </row>
    <row r="300734" spans="8:8">
      <c r="H300734" s="12"/>
    </row>
    <row r="300735" spans="8:8">
      <c r="H300735" s="12"/>
    </row>
    <row r="300736" spans="8:8">
      <c r="H300736" s="12"/>
    </row>
    <row r="300737" spans="8:8">
      <c r="H300737" s="12"/>
    </row>
    <row r="300738" spans="8:8">
      <c r="H300738" s="12"/>
    </row>
    <row r="300739" spans="8:8">
      <c r="H300739" s="12"/>
    </row>
    <row r="300740" spans="8:8">
      <c r="H300740" s="12"/>
    </row>
    <row r="300741" spans="8:8">
      <c r="H300741" s="12"/>
    </row>
    <row r="300742" spans="8:8">
      <c r="H300742" s="12"/>
    </row>
    <row r="300743" spans="8:8">
      <c r="H300743" s="12"/>
    </row>
    <row r="300744" spans="8:8">
      <c r="H300744" s="12"/>
    </row>
    <row r="300745" spans="8:8">
      <c r="H300745" s="12"/>
    </row>
    <row r="300746" spans="8:8">
      <c r="H300746" s="12"/>
    </row>
    <row r="300747" spans="8:8">
      <c r="H300747" s="12"/>
    </row>
    <row r="300748" spans="8:8">
      <c r="H300748" s="12"/>
    </row>
    <row r="300749" spans="8:8">
      <c r="H300749" s="12"/>
    </row>
    <row r="300750" spans="8:8">
      <c r="H300750" s="12"/>
    </row>
    <row r="300751" spans="8:8">
      <c r="H300751" s="12"/>
    </row>
    <row r="300752" spans="8:8">
      <c r="H300752" s="12"/>
    </row>
    <row r="300753" spans="8:8">
      <c r="H300753" s="12"/>
    </row>
    <row r="300754" spans="8:8">
      <c r="H300754" s="12"/>
    </row>
    <row r="300755" spans="8:8">
      <c r="H300755" s="12"/>
    </row>
    <row r="300756" spans="8:8">
      <c r="H300756" s="12"/>
    </row>
    <row r="300757" spans="8:8">
      <c r="H300757" s="12"/>
    </row>
    <row r="300758" spans="8:8">
      <c r="H300758" s="12"/>
    </row>
    <row r="300759" spans="8:8">
      <c r="H300759" s="12"/>
    </row>
    <row r="300760" spans="8:8">
      <c r="H300760" s="12"/>
    </row>
    <row r="300761" spans="8:8">
      <c r="H300761" s="12"/>
    </row>
    <row r="300762" spans="8:8">
      <c r="H300762" s="12"/>
    </row>
    <row r="300763" spans="8:8">
      <c r="H300763" s="12"/>
    </row>
    <row r="300764" spans="8:8">
      <c r="H300764" s="12"/>
    </row>
    <row r="300765" spans="8:8">
      <c r="H300765" s="12"/>
    </row>
    <row r="300766" spans="8:8">
      <c r="H300766" s="12"/>
    </row>
    <row r="300767" spans="8:8">
      <c r="H300767" s="12"/>
    </row>
    <row r="300768" spans="8:8">
      <c r="H300768" s="12"/>
    </row>
    <row r="300769" spans="8:8">
      <c r="H300769" s="12"/>
    </row>
    <row r="300770" spans="8:8">
      <c r="H300770" s="12"/>
    </row>
    <row r="300771" spans="8:8">
      <c r="H300771" s="12"/>
    </row>
    <row r="300772" spans="8:8">
      <c r="H300772" s="12"/>
    </row>
    <row r="300773" spans="8:8">
      <c r="H300773" s="12"/>
    </row>
    <row r="300774" spans="8:8">
      <c r="H300774" s="12"/>
    </row>
    <row r="300775" spans="8:8">
      <c r="H300775" s="12"/>
    </row>
    <row r="300776" spans="8:8">
      <c r="H300776" s="12"/>
    </row>
    <row r="300777" spans="8:8">
      <c r="H300777" s="12"/>
    </row>
    <row r="300778" spans="8:8">
      <c r="H300778" s="12"/>
    </row>
    <row r="300779" spans="8:8">
      <c r="H300779" s="12"/>
    </row>
    <row r="300780" spans="8:8">
      <c r="H300780" s="12"/>
    </row>
    <row r="300781" spans="8:8">
      <c r="H300781" s="12"/>
    </row>
    <row r="300782" spans="8:8">
      <c r="H300782" s="12"/>
    </row>
    <row r="300783" spans="8:8">
      <c r="H300783" s="12"/>
    </row>
    <row r="300784" spans="8:8">
      <c r="H300784" s="12"/>
    </row>
    <row r="300785" spans="8:8">
      <c r="H300785" s="12"/>
    </row>
    <row r="300786" spans="8:8">
      <c r="H300786" s="12"/>
    </row>
    <row r="300787" spans="8:8">
      <c r="H300787" s="12"/>
    </row>
    <row r="300788" spans="8:8">
      <c r="H300788" s="12"/>
    </row>
    <row r="300789" spans="8:8">
      <c r="H300789" s="12"/>
    </row>
    <row r="300790" spans="8:8">
      <c r="H300790" s="12"/>
    </row>
    <row r="300791" spans="8:8">
      <c r="H300791" s="12"/>
    </row>
    <row r="300792" spans="8:8">
      <c r="H300792" s="12"/>
    </row>
    <row r="300793" spans="8:8">
      <c r="H300793" s="12"/>
    </row>
    <row r="300794" spans="8:8">
      <c r="H300794" s="12"/>
    </row>
    <row r="300795" spans="8:8">
      <c r="H300795" s="12"/>
    </row>
    <row r="300796" spans="8:8">
      <c r="H300796" s="12"/>
    </row>
    <row r="300797" spans="8:8">
      <c r="H300797" s="12"/>
    </row>
    <row r="300798" spans="8:8">
      <c r="H300798" s="12"/>
    </row>
    <row r="300799" spans="8:8">
      <c r="H300799" s="12"/>
    </row>
    <row r="300800" spans="8:8">
      <c r="H300800" s="12"/>
    </row>
    <row r="300801" spans="8:8">
      <c r="H300801" s="12"/>
    </row>
    <row r="300802" spans="8:8">
      <c r="H300802" s="12"/>
    </row>
    <row r="300803" spans="8:8">
      <c r="H300803" s="12"/>
    </row>
    <row r="300804" spans="8:8">
      <c r="H300804" s="12"/>
    </row>
    <row r="300805" spans="8:8">
      <c r="H300805" s="12"/>
    </row>
    <row r="300806" spans="8:8">
      <c r="H300806" s="12"/>
    </row>
    <row r="300807" spans="8:8">
      <c r="H300807" s="12"/>
    </row>
    <row r="300808" spans="8:8">
      <c r="H300808" s="12"/>
    </row>
    <row r="300809" spans="8:8">
      <c r="H300809" s="12"/>
    </row>
    <row r="300810" spans="8:8">
      <c r="H300810" s="12"/>
    </row>
    <row r="300811" spans="8:8">
      <c r="H300811" s="12"/>
    </row>
    <row r="300812" spans="8:8">
      <c r="H300812" s="12"/>
    </row>
    <row r="300813" spans="8:8">
      <c r="H300813" s="12"/>
    </row>
    <row r="300814" spans="8:8">
      <c r="H300814" s="12"/>
    </row>
    <row r="300815" spans="8:8">
      <c r="H300815" s="12"/>
    </row>
    <row r="300816" spans="8:8">
      <c r="H300816" s="12"/>
    </row>
    <row r="300817" spans="8:8">
      <c r="H300817" s="12"/>
    </row>
    <row r="300818" spans="8:8">
      <c r="H300818" s="12"/>
    </row>
    <row r="300819" spans="8:8">
      <c r="H300819" s="12"/>
    </row>
    <row r="300820" spans="8:8">
      <c r="H300820" s="12"/>
    </row>
    <row r="300821" spans="8:8">
      <c r="H300821" s="12"/>
    </row>
    <row r="300822" spans="8:8">
      <c r="H300822" s="12"/>
    </row>
    <row r="300823" spans="8:8">
      <c r="H300823" s="12"/>
    </row>
    <row r="300824" spans="8:8">
      <c r="H300824" s="12"/>
    </row>
    <row r="300825" spans="8:8">
      <c r="H300825" s="12"/>
    </row>
    <row r="300826" spans="8:8">
      <c r="H300826" s="12"/>
    </row>
    <row r="300827" spans="8:8">
      <c r="H300827" s="12"/>
    </row>
    <row r="300828" spans="8:8">
      <c r="H300828" s="12"/>
    </row>
    <row r="300829" spans="8:8">
      <c r="H300829" s="12"/>
    </row>
    <row r="300830" spans="8:8">
      <c r="H300830" s="12"/>
    </row>
    <row r="300831" spans="8:8">
      <c r="H300831" s="12"/>
    </row>
    <row r="300832" spans="8:8">
      <c r="H300832" s="12"/>
    </row>
    <row r="300833" spans="8:8">
      <c r="H300833" s="12"/>
    </row>
    <row r="300834" spans="8:8">
      <c r="H300834" s="12"/>
    </row>
    <row r="300835" spans="8:8">
      <c r="H300835" s="12"/>
    </row>
    <row r="300836" spans="8:8">
      <c r="H300836" s="12"/>
    </row>
    <row r="300837" spans="8:8">
      <c r="H300837" s="12"/>
    </row>
    <row r="300838" spans="8:8">
      <c r="H300838" s="12"/>
    </row>
    <row r="300839" spans="8:8">
      <c r="H300839" s="12"/>
    </row>
    <row r="300840" spans="8:8">
      <c r="H300840" s="12"/>
    </row>
    <row r="300841" spans="8:8">
      <c r="H300841" s="12"/>
    </row>
    <row r="300842" spans="8:8">
      <c r="H300842" s="12"/>
    </row>
    <row r="300843" spans="8:8">
      <c r="H300843" s="12"/>
    </row>
    <row r="300844" spans="8:8">
      <c r="H300844" s="12"/>
    </row>
    <row r="300845" spans="8:8">
      <c r="H300845" s="12"/>
    </row>
    <row r="300846" spans="8:8">
      <c r="H300846" s="12"/>
    </row>
    <row r="300847" spans="8:8">
      <c r="H300847" s="12"/>
    </row>
    <row r="300848" spans="8:8">
      <c r="H300848" s="12"/>
    </row>
    <row r="300849" spans="8:8">
      <c r="H300849" s="12"/>
    </row>
    <row r="300850" spans="8:8">
      <c r="H300850" s="12"/>
    </row>
    <row r="300851" spans="8:8">
      <c r="H300851" s="12"/>
    </row>
    <row r="300852" spans="8:8">
      <c r="H300852" s="12"/>
    </row>
    <row r="300853" spans="8:8">
      <c r="H300853" s="12"/>
    </row>
    <row r="300854" spans="8:8">
      <c r="H300854" s="12"/>
    </row>
    <row r="300855" spans="8:8">
      <c r="H300855" s="12"/>
    </row>
    <row r="300856" spans="8:8">
      <c r="H300856" s="12"/>
    </row>
    <row r="300857" spans="8:8">
      <c r="H300857" s="12"/>
    </row>
    <row r="300858" spans="8:8">
      <c r="H300858" s="12"/>
    </row>
    <row r="300859" spans="8:8">
      <c r="H300859" s="12"/>
    </row>
    <row r="300860" spans="8:8">
      <c r="H300860" s="12"/>
    </row>
    <row r="300861" spans="8:8">
      <c r="H300861" s="12"/>
    </row>
    <row r="300862" spans="8:8">
      <c r="H300862" s="12"/>
    </row>
    <row r="300863" spans="8:8">
      <c r="H300863" s="12"/>
    </row>
    <row r="300864" spans="8:8">
      <c r="H300864" s="12"/>
    </row>
    <row r="300865" spans="8:8">
      <c r="H300865" s="12"/>
    </row>
    <row r="300866" spans="8:8">
      <c r="H300866" s="12"/>
    </row>
    <row r="300867" spans="8:8">
      <c r="H300867" s="12"/>
    </row>
    <row r="300868" spans="8:8">
      <c r="H300868" s="12"/>
    </row>
    <row r="300869" spans="8:8">
      <c r="H300869" s="12"/>
    </row>
    <row r="300870" spans="8:8">
      <c r="H300870" s="12"/>
    </row>
    <row r="300871" spans="8:8">
      <c r="H300871" s="12"/>
    </row>
    <row r="300872" spans="8:8">
      <c r="H300872" s="12"/>
    </row>
    <row r="300873" spans="8:8">
      <c r="H300873" s="12"/>
    </row>
    <row r="300874" spans="8:8">
      <c r="H300874" s="12"/>
    </row>
    <row r="300875" spans="8:8">
      <c r="H300875" s="12"/>
    </row>
    <row r="300876" spans="8:8">
      <c r="H300876" s="12"/>
    </row>
    <row r="300877" spans="8:8">
      <c r="H300877" s="12"/>
    </row>
    <row r="300878" spans="8:8">
      <c r="H300878" s="12"/>
    </row>
    <row r="300879" spans="8:8">
      <c r="H300879" s="12"/>
    </row>
    <row r="300880" spans="8:8">
      <c r="H300880" s="12"/>
    </row>
    <row r="300881" spans="8:8">
      <c r="H300881" s="12"/>
    </row>
    <row r="300882" spans="8:8">
      <c r="H300882" s="12"/>
    </row>
    <row r="300883" spans="8:8">
      <c r="H300883" s="12"/>
    </row>
    <row r="300884" spans="8:8">
      <c r="H300884" s="12"/>
    </row>
    <row r="300885" spans="8:8">
      <c r="H300885" s="12"/>
    </row>
    <row r="300886" spans="8:8">
      <c r="H300886" s="12"/>
    </row>
    <row r="300887" spans="8:8">
      <c r="H300887" s="12"/>
    </row>
    <row r="300888" spans="8:8">
      <c r="H300888" s="12"/>
    </row>
    <row r="300889" spans="8:8">
      <c r="H300889" s="12"/>
    </row>
    <row r="300890" spans="8:8">
      <c r="H300890" s="12"/>
    </row>
    <row r="300891" spans="8:8">
      <c r="H300891" s="12"/>
    </row>
    <row r="300892" spans="8:8">
      <c r="H300892" s="12"/>
    </row>
    <row r="300893" spans="8:8">
      <c r="H300893" s="12"/>
    </row>
    <row r="300894" spans="8:8">
      <c r="H300894" s="12"/>
    </row>
    <row r="300895" spans="8:8">
      <c r="H300895" s="12"/>
    </row>
    <row r="300896" spans="8:8">
      <c r="H300896" s="12"/>
    </row>
    <row r="300897" spans="8:8">
      <c r="H300897" s="12"/>
    </row>
    <row r="300898" spans="8:8">
      <c r="H300898" s="12"/>
    </row>
    <row r="300899" spans="8:8">
      <c r="H300899" s="12"/>
    </row>
    <row r="300900" spans="8:8">
      <c r="H300900" s="12"/>
    </row>
    <row r="300901" spans="8:8">
      <c r="H300901" s="12"/>
    </row>
    <row r="300902" spans="8:8">
      <c r="H300902" s="12"/>
    </row>
    <row r="300903" spans="8:8">
      <c r="H300903" s="12"/>
    </row>
    <row r="300904" spans="8:8">
      <c r="H300904" s="12"/>
    </row>
    <row r="300905" spans="8:8">
      <c r="H300905" s="12"/>
    </row>
    <row r="300906" spans="8:8">
      <c r="H300906" s="12"/>
    </row>
    <row r="300907" spans="8:8">
      <c r="H300907" s="12"/>
    </row>
    <row r="300908" spans="8:8">
      <c r="H300908" s="12"/>
    </row>
    <row r="300909" spans="8:8">
      <c r="H300909" s="12"/>
    </row>
    <row r="300910" spans="8:8">
      <c r="H300910" s="12"/>
    </row>
    <row r="300911" spans="8:8">
      <c r="H300911" s="12"/>
    </row>
    <row r="300912" spans="8:8">
      <c r="H300912" s="12"/>
    </row>
    <row r="300913" spans="8:8">
      <c r="H300913" s="12"/>
    </row>
    <row r="300914" spans="8:8">
      <c r="H300914" s="12"/>
    </row>
    <row r="300915" spans="8:8">
      <c r="H300915" s="12"/>
    </row>
    <row r="300916" spans="8:8">
      <c r="H300916" s="12"/>
    </row>
    <row r="300917" spans="8:8">
      <c r="H300917" s="12"/>
    </row>
    <row r="300918" spans="8:8">
      <c r="H300918" s="12"/>
    </row>
    <row r="300919" spans="8:8">
      <c r="H300919" s="12"/>
    </row>
    <row r="300920" spans="8:8">
      <c r="H300920" s="12"/>
    </row>
    <row r="300921" spans="8:8">
      <c r="H300921" s="12"/>
    </row>
    <row r="300922" spans="8:8">
      <c r="H300922" s="12"/>
    </row>
    <row r="300923" spans="8:8">
      <c r="H300923" s="12"/>
    </row>
    <row r="300924" spans="8:8">
      <c r="H300924" s="12"/>
    </row>
    <row r="300925" spans="8:8">
      <c r="H300925" s="12"/>
    </row>
    <row r="300926" spans="8:8">
      <c r="H300926" s="12"/>
    </row>
    <row r="300927" spans="8:8">
      <c r="H300927" s="12"/>
    </row>
    <row r="300928" spans="8:8">
      <c r="H300928" s="12"/>
    </row>
    <row r="300929" spans="8:8">
      <c r="H300929" s="12"/>
    </row>
    <row r="300930" spans="8:8">
      <c r="H300930" s="12"/>
    </row>
    <row r="300931" spans="8:8">
      <c r="H300931" s="12"/>
    </row>
    <row r="300932" spans="8:8">
      <c r="H300932" s="12"/>
    </row>
    <row r="300933" spans="8:8">
      <c r="H300933" s="12"/>
    </row>
    <row r="300934" spans="8:8">
      <c r="H300934" s="12"/>
    </row>
    <row r="300935" spans="8:8">
      <c r="H300935" s="12"/>
    </row>
    <row r="300936" spans="8:8">
      <c r="H300936" s="12"/>
    </row>
    <row r="300937" spans="8:8">
      <c r="H300937" s="12"/>
    </row>
    <row r="300938" spans="8:8">
      <c r="H300938" s="12"/>
    </row>
    <row r="300939" spans="8:8">
      <c r="H300939" s="12"/>
    </row>
    <row r="300940" spans="8:8">
      <c r="H300940" s="12"/>
    </row>
    <row r="300941" spans="8:8">
      <c r="H300941" s="12"/>
    </row>
    <row r="300942" spans="8:8">
      <c r="H300942" s="12"/>
    </row>
    <row r="300943" spans="8:8">
      <c r="H300943" s="12"/>
    </row>
    <row r="300944" spans="8:8">
      <c r="H300944" s="12"/>
    </row>
    <row r="300945" spans="8:8">
      <c r="H300945" s="12"/>
    </row>
    <row r="300946" spans="8:8">
      <c r="H300946" s="12"/>
    </row>
    <row r="300947" spans="8:8">
      <c r="H300947" s="12"/>
    </row>
    <row r="300948" spans="8:8">
      <c r="H300948" s="12"/>
    </row>
    <row r="300949" spans="8:8">
      <c r="H300949" s="12"/>
    </row>
    <row r="300950" spans="8:8">
      <c r="H300950" s="12"/>
    </row>
    <row r="300951" spans="8:8">
      <c r="H300951" s="12"/>
    </row>
    <row r="300952" spans="8:8">
      <c r="H300952" s="12"/>
    </row>
    <row r="300953" spans="8:8">
      <c r="H300953" s="12"/>
    </row>
    <row r="300954" spans="8:8">
      <c r="H300954" s="12"/>
    </row>
    <row r="300955" spans="8:8">
      <c r="H300955" s="12"/>
    </row>
    <row r="300956" spans="8:8">
      <c r="H300956" s="12"/>
    </row>
    <row r="300957" spans="8:8">
      <c r="H300957" s="12"/>
    </row>
    <row r="300958" spans="8:8">
      <c r="H300958" s="12"/>
    </row>
    <row r="300959" spans="8:8">
      <c r="H300959" s="12"/>
    </row>
    <row r="300960" spans="8:8">
      <c r="H300960" s="12"/>
    </row>
    <row r="300961" spans="8:8">
      <c r="H300961" s="12"/>
    </row>
    <row r="300962" spans="8:8">
      <c r="H300962" s="12"/>
    </row>
    <row r="300963" spans="8:8">
      <c r="H300963" s="12"/>
    </row>
    <row r="300964" spans="8:8">
      <c r="H300964" s="12"/>
    </row>
    <row r="300965" spans="8:8">
      <c r="H300965" s="12"/>
    </row>
    <row r="300966" spans="8:8">
      <c r="H300966" s="12"/>
    </row>
    <row r="300967" spans="8:8">
      <c r="H300967" s="12"/>
    </row>
    <row r="300968" spans="8:8">
      <c r="H300968" s="12"/>
    </row>
    <row r="300969" spans="8:8">
      <c r="H300969" s="12"/>
    </row>
    <row r="300970" spans="8:8">
      <c r="H300970" s="12"/>
    </row>
    <row r="300971" spans="8:8">
      <c r="H300971" s="12"/>
    </row>
    <row r="300972" spans="8:8">
      <c r="H300972" s="12"/>
    </row>
    <row r="300973" spans="8:8">
      <c r="H300973" s="12"/>
    </row>
    <row r="300974" spans="8:8">
      <c r="H300974" s="12"/>
    </row>
    <row r="300975" spans="8:8">
      <c r="H300975" s="12"/>
    </row>
    <row r="300976" spans="8:8">
      <c r="H300976" s="12"/>
    </row>
    <row r="300977" spans="8:8">
      <c r="H300977" s="12"/>
    </row>
    <row r="300978" spans="8:8">
      <c r="H300978" s="12"/>
    </row>
    <row r="300979" spans="8:8">
      <c r="H300979" s="12"/>
    </row>
    <row r="300980" spans="8:8">
      <c r="H300980" s="12"/>
    </row>
    <row r="300981" spans="8:8">
      <c r="H300981" s="12"/>
    </row>
    <row r="300982" spans="8:8">
      <c r="H300982" s="12"/>
    </row>
    <row r="300983" spans="8:8">
      <c r="H300983" s="12"/>
    </row>
    <row r="300984" spans="8:8">
      <c r="H300984" s="12"/>
    </row>
    <row r="300985" spans="8:8">
      <c r="H300985" s="12"/>
    </row>
    <row r="300986" spans="8:8">
      <c r="H300986" s="12"/>
    </row>
    <row r="300987" spans="8:8">
      <c r="H300987" s="12"/>
    </row>
    <row r="300988" spans="8:8">
      <c r="H300988" s="12"/>
    </row>
    <row r="300989" spans="8:8">
      <c r="H300989" s="12"/>
    </row>
    <row r="300990" spans="8:8">
      <c r="H300990" s="12"/>
    </row>
    <row r="300991" spans="8:8">
      <c r="H300991" s="12"/>
    </row>
    <row r="300992" spans="8:8">
      <c r="H300992" s="12"/>
    </row>
    <row r="300993" spans="8:8">
      <c r="H300993" s="12"/>
    </row>
    <row r="300994" spans="8:8">
      <c r="H300994" s="12"/>
    </row>
    <row r="300995" spans="8:8">
      <c r="H300995" s="12"/>
    </row>
    <row r="300996" spans="8:8">
      <c r="H300996" s="12"/>
    </row>
    <row r="300997" spans="8:8">
      <c r="H300997" s="12"/>
    </row>
    <row r="300998" spans="8:8">
      <c r="H300998" s="12"/>
    </row>
    <row r="300999" spans="8:8">
      <c r="H300999" s="12"/>
    </row>
    <row r="301000" spans="8:8">
      <c r="H301000" s="12"/>
    </row>
    <row r="301001" spans="8:8">
      <c r="H301001" s="12"/>
    </row>
    <row r="301002" spans="8:8">
      <c r="H301002" s="12"/>
    </row>
    <row r="301003" spans="8:8">
      <c r="H301003" s="12"/>
    </row>
    <row r="301004" spans="8:8">
      <c r="H301004" s="12"/>
    </row>
    <row r="301005" spans="8:8">
      <c r="H301005" s="12"/>
    </row>
    <row r="301006" spans="8:8">
      <c r="H301006" s="12"/>
    </row>
    <row r="301007" spans="8:8">
      <c r="H301007" s="12"/>
    </row>
    <row r="301008" spans="8:8">
      <c r="H301008" s="12"/>
    </row>
    <row r="301009" spans="8:8">
      <c r="H301009" s="12"/>
    </row>
    <row r="301010" spans="8:8">
      <c r="H301010" s="12"/>
    </row>
    <row r="301011" spans="8:8">
      <c r="H301011" s="12"/>
    </row>
    <row r="301012" spans="8:8">
      <c r="H301012" s="12"/>
    </row>
    <row r="301013" spans="8:8">
      <c r="H301013" s="12"/>
    </row>
    <row r="301014" spans="8:8">
      <c r="H301014" s="12"/>
    </row>
    <row r="301015" spans="8:8">
      <c r="H301015" s="12"/>
    </row>
    <row r="301016" spans="8:8">
      <c r="H301016" s="12"/>
    </row>
    <row r="301017" spans="8:8">
      <c r="H301017" s="12"/>
    </row>
    <row r="301018" spans="8:8">
      <c r="H301018" s="12"/>
    </row>
    <row r="301019" spans="8:8">
      <c r="H301019" s="12"/>
    </row>
    <row r="301020" spans="8:8">
      <c r="H301020" s="12"/>
    </row>
    <row r="301021" spans="8:8">
      <c r="H301021" s="12"/>
    </row>
    <row r="301022" spans="8:8">
      <c r="H301022" s="12"/>
    </row>
    <row r="301023" spans="8:8">
      <c r="H301023" s="12"/>
    </row>
    <row r="301024" spans="8:8">
      <c r="H301024" s="12"/>
    </row>
    <row r="301025" spans="8:8">
      <c r="H301025" s="12"/>
    </row>
    <row r="301026" spans="8:8">
      <c r="H301026" s="12"/>
    </row>
    <row r="301027" spans="8:8">
      <c r="H301027" s="12"/>
    </row>
    <row r="301028" spans="8:8">
      <c r="H301028" s="12"/>
    </row>
    <row r="301029" spans="8:8">
      <c r="H301029" s="12"/>
    </row>
    <row r="301030" spans="8:8">
      <c r="H301030" s="12"/>
    </row>
    <row r="301031" spans="8:8">
      <c r="H301031" s="12"/>
    </row>
    <row r="301032" spans="8:8">
      <c r="H301032" s="12"/>
    </row>
    <row r="301033" spans="8:8">
      <c r="H301033" s="12"/>
    </row>
    <row r="301034" spans="8:8">
      <c r="H301034" s="12"/>
    </row>
    <row r="301035" spans="8:8">
      <c r="H301035" s="12"/>
    </row>
    <row r="301036" spans="8:8">
      <c r="H301036" s="12"/>
    </row>
    <row r="301037" spans="8:8">
      <c r="H301037" s="12"/>
    </row>
    <row r="301038" spans="8:8">
      <c r="H301038" s="12"/>
    </row>
    <row r="301039" spans="8:8">
      <c r="H301039" s="12"/>
    </row>
    <row r="301040" spans="8:8">
      <c r="H301040" s="12"/>
    </row>
    <row r="301041" spans="8:8">
      <c r="H301041" s="12"/>
    </row>
    <row r="301042" spans="8:8">
      <c r="H301042" s="12"/>
    </row>
    <row r="301043" spans="8:8">
      <c r="H301043" s="12"/>
    </row>
    <row r="301044" spans="8:8">
      <c r="H301044" s="12"/>
    </row>
    <row r="301045" spans="8:8">
      <c r="H301045" s="12"/>
    </row>
    <row r="301046" spans="8:8">
      <c r="H301046" s="12"/>
    </row>
    <row r="301047" spans="8:8">
      <c r="H301047" s="12"/>
    </row>
    <row r="301048" spans="8:8">
      <c r="H301048" s="12"/>
    </row>
    <row r="301049" spans="8:8">
      <c r="H301049" s="12"/>
    </row>
    <row r="301050" spans="8:8">
      <c r="H301050" s="12"/>
    </row>
    <row r="301051" spans="8:8">
      <c r="H301051" s="12"/>
    </row>
    <row r="301052" spans="8:8">
      <c r="H301052" s="12"/>
    </row>
    <row r="301053" spans="8:8">
      <c r="H301053" s="12"/>
    </row>
    <row r="301054" spans="8:8">
      <c r="H301054" s="12"/>
    </row>
    <row r="301055" spans="8:8">
      <c r="H301055" s="12"/>
    </row>
    <row r="301056" spans="8:8">
      <c r="H301056" s="12"/>
    </row>
    <row r="301057" spans="8:8">
      <c r="H301057" s="12"/>
    </row>
    <row r="301058" spans="8:8">
      <c r="H301058" s="12"/>
    </row>
    <row r="301059" spans="8:8">
      <c r="H301059" s="12"/>
    </row>
    <row r="301060" spans="8:8">
      <c r="H301060" s="12"/>
    </row>
    <row r="301061" spans="8:8">
      <c r="H301061" s="12"/>
    </row>
    <row r="301062" spans="8:8">
      <c r="H301062" s="12"/>
    </row>
    <row r="301063" spans="8:8">
      <c r="H301063" s="12"/>
    </row>
    <row r="301064" spans="8:8">
      <c r="H301064" s="12"/>
    </row>
    <row r="301065" spans="8:8">
      <c r="H301065" s="12"/>
    </row>
    <row r="301066" spans="8:8">
      <c r="H301066" s="12"/>
    </row>
    <row r="301067" spans="8:8">
      <c r="H301067" s="12"/>
    </row>
    <row r="301068" spans="8:8">
      <c r="H301068" s="12"/>
    </row>
    <row r="301069" spans="8:8">
      <c r="H301069" s="12"/>
    </row>
    <row r="301070" spans="8:8">
      <c r="H301070" s="12"/>
    </row>
    <row r="301071" spans="8:8">
      <c r="H301071" s="12"/>
    </row>
    <row r="301072" spans="8:8">
      <c r="H301072" s="12"/>
    </row>
    <row r="301073" spans="8:8">
      <c r="H301073" s="12"/>
    </row>
    <row r="301074" spans="8:8">
      <c r="H301074" s="12"/>
    </row>
    <row r="301075" spans="8:8">
      <c r="H301075" s="12"/>
    </row>
    <row r="301076" spans="8:8">
      <c r="H301076" s="12"/>
    </row>
    <row r="301077" spans="8:8">
      <c r="H301077" s="12"/>
    </row>
    <row r="301078" spans="8:8">
      <c r="H301078" s="12"/>
    </row>
    <row r="301079" spans="8:8">
      <c r="H301079" s="12"/>
    </row>
    <row r="301080" spans="8:8">
      <c r="H301080" s="12"/>
    </row>
    <row r="301081" spans="8:8">
      <c r="H301081" s="12"/>
    </row>
    <row r="301082" spans="8:8">
      <c r="H301082" s="12"/>
    </row>
    <row r="301083" spans="8:8">
      <c r="H301083" s="12"/>
    </row>
    <row r="301084" spans="8:8">
      <c r="H301084" s="12"/>
    </row>
    <row r="301085" spans="8:8">
      <c r="H301085" s="12"/>
    </row>
    <row r="301086" spans="8:8">
      <c r="H301086" s="12"/>
    </row>
    <row r="301087" spans="8:8">
      <c r="H301087" s="12"/>
    </row>
    <row r="301088" spans="8:8">
      <c r="H301088" s="12"/>
    </row>
    <row r="301089" spans="8:8">
      <c r="H301089" s="12"/>
    </row>
    <row r="301090" spans="8:8">
      <c r="H301090" s="12"/>
    </row>
    <row r="301091" spans="8:8">
      <c r="H301091" s="12"/>
    </row>
    <row r="301092" spans="8:8">
      <c r="H301092" s="12"/>
    </row>
    <row r="301093" spans="8:8">
      <c r="H301093" s="12"/>
    </row>
    <row r="301094" spans="8:8">
      <c r="H301094" s="12"/>
    </row>
    <row r="301095" spans="8:8">
      <c r="H301095" s="12"/>
    </row>
    <row r="301096" spans="8:8">
      <c r="H301096" s="12"/>
    </row>
    <row r="301097" spans="8:8">
      <c r="H301097" s="12"/>
    </row>
    <row r="301098" spans="8:8">
      <c r="H301098" s="12"/>
    </row>
    <row r="301099" spans="8:8">
      <c r="H301099" s="12"/>
    </row>
    <row r="301100" spans="8:8">
      <c r="H301100" s="12"/>
    </row>
    <row r="301101" spans="8:8">
      <c r="H301101" s="12"/>
    </row>
    <row r="301102" spans="8:8">
      <c r="H301102" s="12"/>
    </row>
    <row r="301103" spans="8:8">
      <c r="H301103" s="12"/>
    </row>
    <row r="301104" spans="8:8">
      <c r="H301104" s="12"/>
    </row>
    <row r="301105" spans="8:8">
      <c r="H301105" s="12"/>
    </row>
    <row r="301106" spans="8:8">
      <c r="H301106" s="12"/>
    </row>
    <row r="301107" spans="8:8">
      <c r="H301107" s="12"/>
    </row>
    <row r="301108" spans="8:8">
      <c r="H301108" s="12"/>
    </row>
    <row r="301109" spans="8:8">
      <c r="H301109" s="12"/>
    </row>
    <row r="301110" spans="8:8">
      <c r="H301110" s="12"/>
    </row>
    <row r="301111" spans="8:8">
      <c r="H301111" s="12"/>
    </row>
    <row r="301112" spans="8:8">
      <c r="H301112" s="12"/>
    </row>
    <row r="301113" spans="8:8">
      <c r="H301113" s="12"/>
    </row>
    <row r="301114" spans="8:8">
      <c r="H301114" s="12"/>
    </row>
    <row r="301115" spans="8:8">
      <c r="H301115" s="12"/>
    </row>
    <row r="301116" spans="8:8">
      <c r="H301116" s="12"/>
    </row>
    <row r="301117" spans="8:8">
      <c r="H301117" s="12"/>
    </row>
    <row r="301118" spans="8:8">
      <c r="H301118" s="12"/>
    </row>
    <row r="301119" spans="8:8">
      <c r="H301119" s="12"/>
    </row>
    <row r="301120" spans="8:8">
      <c r="H301120" s="12"/>
    </row>
    <row r="301121" spans="8:8">
      <c r="H301121" s="12"/>
    </row>
    <row r="301122" spans="8:8">
      <c r="H301122" s="12"/>
    </row>
    <row r="301123" spans="8:8">
      <c r="H301123" s="12"/>
    </row>
    <row r="301124" spans="8:8">
      <c r="H301124" s="12"/>
    </row>
    <row r="301125" spans="8:8">
      <c r="H301125" s="12"/>
    </row>
    <row r="301126" spans="8:8">
      <c r="H301126" s="12"/>
    </row>
    <row r="301127" spans="8:8">
      <c r="H301127" s="12"/>
    </row>
    <row r="301128" spans="8:8">
      <c r="H301128" s="12"/>
    </row>
    <row r="301129" spans="8:8">
      <c r="H301129" s="12"/>
    </row>
    <row r="301130" spans="8:8">
      <c r="H301130" s="12"/>
    </row>
    <row r="301131" spans="8:8">
      <c r="H301131" s="12"/>
    </row>
    <row r="301132" spans="8:8">
      <c r="H301132" s="12"/>
    </row>
    <row r="301133" spans="8:8">
      <c r="H301133" s="12"/>
    </row>
    <row r="301134" spans="8:8">
      <c r="H301134" s="12"/>
    </row>
    <row r="301135" spans="8:8">
      <c r="H301135" s="12"/>
    </row>
    <row r="301136" spans="8:8">
      <c r="H301136" s="12"/>
    </row>
    <row r="301137" spans="8:8">
      <c r="H301137" s="12"/>
    </row>
    <row r="301138" spans="8:8">
      <c r="H301138" s="12"/>
    </row>
    <row r="301139" spans="8:8">
      <c r="H301139" s="12"/>
    </row>
    <row r="301140" spans="8:8">
      <c r="H301140" s="12"/>
    </row>
    <row r="301141" spans="8:8">
      <c r="H301141" s="12"/>
    </row>
    <row r="301142" spans="8:8">
      <c r="H301142" s="12"/>
    </row>
    <row r="301143" spans="8:8">
      <c r="H301143" s="12"/>
    </row>
    <row r="301144" spans="8:8">
      <c r="H301144" s="12"/>
    </row>
    <row r="301145" spans="8:8">
      <c r="H301145" s="12"/>
    </row>
    <row r="301146" spans="8:8">
      <c r="H301146" s="12"/>
    </row>
    <row r="301147" spans="8:8">
      <c r="H301147" s="12"/>
    </row>
    <row r="301148" spans="8:8">
      <c r="H301148" s="12"/>
    </row>
    <row r="301149" spans="8:8">
      <c r="H301149" s="12"/>
    </row>
    <row r="301150" spans="8:8">
      <c r="H301150" s="12"/>
    </row>
    <row r="301151" spans="8:8">
      <c r="H301151" s="12"/>
    </row>
    <row r="301152" spans="8:8">
      <c r="H301152" s="12"/>
    </row>
    <row r="301153" spans="8:8">
      <c r="H301153" s="12"/>
    </row>
    <row r="301154" spans="8:8">
      <c r="H301154" s="12"/>
    </row>
    <row r="301155" spans="8:8">
      <c r="H301155" s="12"/>
    </row>
    <row r="301156" spans="8:8">
      <c r="H301156" s="12"/>
    </row>
    <row r="301157" spans="8:8">
      <c r="H301157" s="12"/>
    </row>
    <row r="301158" spans="8:8">
      <c r="H301158" s="12"/>
    </row>
    <row r="301159" spans="8:8">
      <c r="H301159" s="12"/>
    </row>
    <row r="301160" spans="8:8">
      <c r="H301160" s="12"/>
    </row>
    <row r="301161" spans="8:8">
      <c r="H301161" s="12"/>
    </row>
    <row r="301162" spans="8:8">
      <c r="H301162" s="12"/>
    </row>
    <row r="301163" spans="8:8">
      <c r="H301163" s="12"/>
    </row>
    <row r="301164" spans="8:8">
      <c r="H301164" s="12"/>
    </row>
    <row r="301165" spans="8:8">
      <c r="H301165" s="12"/>
    </row>
    <row r="301166" spans="8:8">
      <c r="H301166" s="12"/>
    </row>
    <row r="301167" spans="8:8">
      <c r="H301167" s="12"/>
    </row>
    <row r="301168" spans="8:8">
      <c r="H301168" s="12"/>
    </row>
    <row r="301169" spans="8:8">
      <c r="H301169" s="12"/>
    </row>
    <row r="301170" spans="8:8">
      <c r="H301170" s="12"/>
    </row>
    <row r="301171" spans="8:8">
      <c r="H301171" s="12"/>
    </row>
    <row r="301172" spans="8:8">
      <c r="H301172" s="12"/>
    </row>
    <row r="301173" spans="8:8">
      <c r="H301173" s="12"/>
    </row>
    <row r="301174" spans="8:8">
      <c r="H301174" s="12"/>
    </row>
    <row r="301175" spans="8:8">
      <c r="H301175" s="12"/>
    </row>
    <row r="301176" spans="8:8">
      <c r="H301176" s="12"/>
    </row>
    <row r="301177" spans="8:8">
      <c r="H301177" s="12"/>
    </row>
    <row r="301178" spans="8:8">
      <c r="H301178" s="12"/>
    </row>
    <row r="301179" spans="8:8">
      <c r="H301179" s="12"/>
    </row>
    <row r="301180" spans="8:8">
      <c r="H301180" s="12"/>
    </row>
    <row r="301181" spans="8:8">
      <c r="H301181" s="12"/>
    </row>
    <row r="301182" spans="8:8">
      <c r="H301182" s="12"/>
    </row>
    <row r="301183" spans="8:8">
      <c r="H301183" s="12"/>
    </row>
    <row r="301184" spans="8:8">
      <c r="H301184" s="12"/>
    </row>
    <row r="301185" spans="8:8">
      <c r="H301185" s="12"/>
    </row>
    <row r="301186" spans="8:8">
      <c r="H301186" s="12"/>
    </row>
    <row r="301187" spans="8:8">
      <c r="H301187" s="12"/>
    </row>
    <row r="301188" spans="8:8">
      <c r="H301188" s="12"/>
    </row>
    <row r="301189" spans="8:8">
      <c r="H301189" s="12"/>
    </row>
    <row r="301190" spans="8:8">
      <c r="H301190" s="12"/>
    </row>
    <row r="301191" spans="8:8">
      <c r="H301191" s="12"/>
    </row>
    <row r="301192" spans="8:8">
      <c r="H301192" s="12"/>
    </row>
    <row r="301193" spans="8:8">
      <c r="H301193" s="12"/>
    </row>
    <row r="301194" spans="8:8">
      <c r="H301194" s="12"/>
    </row>
    <row r="301195" spans="8:8">
      <c r="H301195" s="12"/>
    </row>
    <row r="301196" spans="8:8">
      <c r="H301196" s="12"/>
    </row>
    <row r="301197" spans="8:8">
      <c r="H301197" s="12"/>
    </row>
    <row r="301198" spans="8:8">
      <c r="H301198" s="12"/>
    </row>
    <row r="301199" spans="8:8">
      <c r="H301199" s="12"/>
    </row>
    <row r="301200" spans="8:8">
      <c r="H301200" s="12"/>
    </row>
    <row r="301201" spans="8:8">
      <c r="H301201" s="12"/>
    </row>
    <row r="301202" spans="8:8">
      <c r="H301202" s="12"/>
    </row>
    <row r="301203" spans="8:8">
      <c r="H301203" s="12"/>
    </row>
    <row r="301204" spans="8:8">
      <c r="H301204" s="12"/>
    </row>
    <row r="301205" spans="8:8">
      <c r="H301205" s="12"/>
    </row>
    <row r="301206" spans="8:8">
      <c r="H301206" s="12"/>
    </row>
    <row r="301207" spans="8:8">
      <c r="H301207" s="12"/>
    </row>
    <row r="301208" spans="8:8">
      <c r="H301208" s="12"/>
    </row>
    <row r="301209" spans="8:8">
      <c r="H301209" s="12"/>
    </row>
    <row r="301210" spans="8:8">
      <c r="H301210" s="12"/>
    </row>
    <row r="301211" spans="8:8">
      <c r="H301211" s="12"/>
    </row>
    <row r="301212" spans="8:8">
      <c r="H301212" s="12"/>
    </row>
    <row r="301213" spans="8:8">
      <c r="H301213" s="12"/>
    </row>
    <row r="301214" spans="8:8">
      <c r="H301214" s="12"/>
    </row>
    <row r="301215" spans="8:8">
      <c r="H301215" s="12"/>
    </row>
    <row r="301216" spans="8:8">
      <c r="H301216" s="12"/>
    </row>
    <row r="301217" spans="8:8">
      <c r="H301217" s="12"/>
    </row>
    <row r="301218" spans="8:8">
      <c r="H301218" s="12"/>
    </row>
    <row r="301219" spans="8:8">
      <c r="H301219" s="12"/>
    </row>
    <row r="301220" spans="8:8">
      <c r="H301220" s="12"/>
    </row>
    <row r="301221" spans="8:8">
      <c r="H301221" s="12"/>
    </row>
    <row r="301222" spans="8:8">
      <c r="H301222" s="12"/>
    </row>
    <row r="301223" spans="8:8">
      <c r="H301223" s="12"/>
    </row>
    <row r="301224" spans="8:8">
      <c r="H301224" s="12"/>
    </row>
    <row r="301225" spans="8:8">
      <c r="H301225" s="12"/>
    </row>
    <row r="301226" spans="8:8">
      <c r="H301226" s="12"/>
    </row>
    <row r="301227" spans="8:8">
      <c r="H301227" s="12"/>
    </row>
    <row r="301228" spans="8:8">
      <c r="H301228" s="12"/>
    </row>
    <row r="301229" spans="8:8">
      <c r="H301229" s="12"/>
    </row>
    <row r="301230" spans="8:8">
      <c r="H301230" s="12"/>
    </row>
    <row r="301231" spans="8:8">
      <c r="H301231" s="12"/>
    </row>
    <row r="301232" spans="8:8">
      <c r="H301232" s="12"/>
    </row>
    <row r="301233" spans="8:8">
      <c r="H301233" s="12"/>
    </row>
    <row r="301234" spans="8:8">
      <c r="H301234" s="12"/>
    </row>
    <row r="301235" spans="8:8">
      <c r="H301235" s="12"/>
    </row>
    <row r="301236" spans="8:8">
      <c r="H301236" s="12"/>
    </row>
    <row r="301237" spans="8:8">
      <c r="H301237" s="12"/>
    </row>
    <row r="301238" spans="8:8">
      <c r="H301238" s="12"/>
    </row>
    <row r="301239" spans="8:8">
      <c r="H301239" s="12"/>
    </row>
    <row r="301240" spans="8:8">
      <c r="H301240" s="12"/>
    </row>
    <row r="301241" spans="8:8">
      <c r="H301241" s="12"/>
    </row>
    <row r="301242" spans="8:8">
      <c r="H301242" s="12"/>
    </row>
    <row r="301243" spans="8:8">
      <c r="H301243" s="12"/>
    </row>
    <row r="301244" spans="8:8">
      <c r="H301244" s="12"/>
    </row>
    <row r="301245" spans="8:8">
      <c r="H301245" s="12"/>
    </row>
    <row r="301246" spans="8:8">
      <c r="H301246" s="12"/>
    </row>
    <row r="301247" spans="8:8">
      <c r="H301247" s="12"/>
    </row>
    <row r="301248" spans="8:8">
      <c r="H301248" s="12"/>
    </row>
    <row r="301249" spans="8:8">
      <c r="H301249" s="12"/>
    </row>
    <row r="301250" spans="8:8">
      <c r="H301250" s="12"/>
    </row>
    <row r="301251" spans="8:8">
      <c r="H301251" s="12"/>
    </row>
    <row r="301252" spans="8:8">
      <c r="H301252" s="12"/>
    </row>
    <row r="301253" spans="8:8">
      <c r="H301253" s="12"/>
    </row>
    <row r="301254" spans="8:8">
      <c r="H301254" s="12"/>
    </row>
    <row r="301255" spans="8:8">
      <c r="H301255" s="12"/>
    </row>
    <row r="301256" spans="8:8">
      <c r="H301256" s="12"/>
    </row>
    <row r="301257" spans="8:8">
      <c r="H301257" s="12"/>
    </row>
    <row r="301258" spans="8:8">
      <c r="H301258" s="12"/>
    </row>
    <row r="301259" spans="8:8">
      <c r="H301259" s="12"/>
    </row>
    <row r="301260" spans="8:8">
      <c r="H301260" s="12"/>
    </row>
    <row r="301261" spans="8:8">
      <c r="H301261" s="12"/>
    </row>
    <row r="301262" spans="8:8">
      <c r="H301262" s="12"/>
    </row>
    <row r="301263" spans="8:8">
      <c r="H301263" s="12"/>
    </row>
    <row r="301264" spans="8:8">
      <c r="H301264" s="12"/>
    </row>
    <row r="301265" spans="8:8">
      <c r="H301265" s="12"/>
    </row>
    <row r="301266" spans="8:8">
      <c r="H301266" s="12"/>
    </row>
    <row r="301267" spans="8:8">
      <c r="H301267" s="12"/>
    </row>
    <row r="301268" spans="8:8">
      <c r="H301268" s="12"/>
    </row>
    <row r="301269" spans="8:8">
      <c r="H301269" s="12"/>
    </row>
    <row r="301270" spans="8:8">
      <c r="H301270" s="12"/>
    </row>
    <row r="301271" spans="8:8">
      <c r="H301271" s="12"/>
    </row>
    <row r="301272" spans="8:8">
      <c r="H301272" s="12"/>
    </row>
    <row r="301273" spans="8:8">
      <c r="H301273" s="12"/>
    </row>
    <row r="301274" spans="8:8">
      <c r="H301274" s="12"/>
    </row>
    <row r="301275" spans="8:8">
      <c r="H301275" s="12"/>
    </row>
    <row r="301276" spans="8:8">
      <c r="H301276" s="12"/>
    </row>
    <row r="301277" spans="8:8">
      <c r="H301277" s="12"/>
    </row>
    <row r="301278" spans="8:8">
      <c r="H301278" s="12"/>
    </row>
    <row r="301279" spans="8:8">
      <c r="H301279" s="12"/>
    </row>
    <row r="301280" spans="8:8">
      <c r="H301280" s="12"/>
    </row>
    <row r="301281" spans="8:8">
      <c r="H301281" s="12"/>
    </row>
    <row r="301282" spans="8:8">
      <c r="H301282" s="12"/>
    </row>
    <row r="301283" spans="8:8">
      <c r="H301283" s="12"/>
    </row>
    <row r="301284" spans="8:8">
      <c r="H301284" s="12"/>
    </row>
    <row r="301285" spans="8:8">
      <c r="H301285" s="12"/>
    </row>
    <row r="301286" spans="8:8">
      <c r="H301286" s="12"/>
    </row>
    <row r="301287" spans="8:8">
      <c r="H301287" s="12"/>
    </row>
    <row r="301288" spans="8:8">
      <c r="H301288" s="12"/>
    </row>
    <row r="301289" spans="8:8">
      <c r="H301289" s="12"/>
    </row>
    <row r="301290" spans="8:8">
      <c r="H301290" s="12"/>
    </row>
    <row r="301291" spans="8:8">
      <c r="H301291" s="12"/>
    </row>
    <row r="301292" spans="8:8">
      <c r="H301292" s="12"/>
    </row>
    <row r="301293" spans="8:8">
      <c r="H301293" s="12"/>
    </row>
    <row r="301294" spans="8:8">
      <c r="H301294" s="12"/>
    </row>
    <row r="301295" spans="8:8">
      <c r="H301295" s="12"/>
    </row>
    <row r="301296" spans="8:8">
      <c r="H301296" s="12"/>
    </row>
    <row r="301297" spans="8:8">
      <c r="H301297" s="12"/>
    </row>
    <row r="301298" spans="8:8">
      <c r="H301298" s="12"/>
    </row>
    <row r="301299" spans="8:8">
      <c r="H301299" s="12"/>
    </row>
    <row r="301300" spans="8:8">
      <c r="H301300" s="12"/>
    </row>
    <row r="301301" spans="8:8">
      <c r="H301301" s="12"/>
    </row>
    <row r="301302" spans="8:8">
      <c r="H301302" s="12"/>
    </row>
    <row r="301303" spans="8:8">
      <c r="H301303" s="12"/>
    </row>
    <row r="301304" spans="8:8">
      <c r="H301304" s="12"/>
    </row>
    <row r="301305" spans="8:8">
      <c r="H301305" s="12"/>
    </row>
    <row r="301306" spans="8:8">
      <c r="H301306" s="12"/>
    </row>
    <row r="301307" spans="8:8">
      <c r="H301307" s="12"/>
    </row>
    <row r="301308" spans="8:8">
      <c r="H301308" s="12"/>
    </row>
    <row r="301309" spans="8:8">
      <c r="H301309" s="12"/>
    </row>
    <row r="301310" spans="8:8">
      <c r="H301310" s="12"/>
    </row>
    <row r="301311" spans="8:8">
      <c r="H301311" s="12"/>
    </row>
    <row r="301312" spans="8:8">
      <c r="H301312" s="12"/>
    </row>
    <row r="301313" spans="8:8">
      <c r="H301313" s="12"/>
    </row>
    <row r="301314" spans="8:8">
      <c r="H301314" s="12"/>
    </row>
    <row r="301315" spans="8:8">
      <c r="H301315" s="12"/>
    </row>
    <row r="301316" spans="8:8">
      <c r="H301316" s="12"/>
    </row>
    <row r="301317" spans="8:8">
      <c r="H301317" s="12"/>
    </row>
    <row r="301318" spans="8:8">
      <c r="H301318" s="12"/>
    </row>
    <row r="301319" spans="8:8">
      <c r="H301319" s="12"/>
    </row>
    <row r="301320" spans="8:8">
      <c r="H301320" s="12"/>
    </row>
    <row r="301321" spans="8:8">
      <c r="H301321" s="12"/>
    </row>
    <row r="301322" spans="8:8">
      <c r="H301322" s="12"/>
    </row>
    <row r="301323" spans="8:8">
      <c r="H301323" s="12"/>
    </row>
    <row r="301324" spans="8:8">
      <c r="H301324" s="12"/>
    </row>
    <row r="301325" spans="8:8">
      <c r="H301325" s="12"/>
    </row>
    <row r="301326" spans="8:8">
      <c r="H301326" s="12"/>
    </row>
    <row r="301327" spans="8:8">
      <c r="H301327" s="12"/>
    </row>
    <row r="301328" spans="8:8">
      <c r="H301328" s="12"/>
    </row>
    <row r="301329" spans="8:8">
      <c r="H301329" s="12"/>
    </row>
    <row r="301330" spans="8:8">
      <c r="H301330" s="12"/>
    </row>
    <row r="301331" spans="8:8">
      <c r="H301331" s="12"/>
    </row>
    <row r="301332" spans="8:8">
      <c r="H301332" s="12"/>
    </row>
    <row r="301333" spans="8:8">
      <c r="H301333" s="12"/>
    </row>
    <row r="301334" spans="8:8">
      <c r="H301334" s="12"/>
    </row>
    <row r="301335" spans="8:8">
      <c r="H301335" s="12"/>
    </row>
    <row r="301336" spans="8:8">
      <c r="H301336" s="12"/>
    </row>
    <row r="301337" spans="8:8">
      <c r="H301337" s="12"/>
    </row>
    <row r="301338" spans="8:8">
      <c r="H301338" s="12"/>
    </row>
    <row r="301339" spans="8:8">
      <c r="H301339" s="12"/>
    </row>
    <row r="301340" spans="8:8">
      <c r="H301340" s="12"/>
    </row>
    <row r="301341" spans="8:8">
      <c r="H301341" s="12"/>
    </row>
    <row r="301342" spans="8:8">
      <c r="H301342" s="12"/>
    </row>
    <row r="301343" spans="8:8">
      <c r="H301343" s="12"/>
    </row>
    <row r="301344" spans="8:8">
      <c r="H301344" s="12"/>
    </row>
    <row r="301345" spans="8:8">
      <c r="H301345" s="12"/>
    </row>
    <row r="301346" spans="8:8">
      <c r="H301346" s="12"/>
    </row>
    <row r="301347" spans="8:8">
      <c r="H301347" s="12"/>
    </row>
    <row r="301348" spans="8:8">
      <c r="H301348" s="12"/>
    </row>
    <row r="301349" spans="8:8">
      <c r="H301349" s="12"/>
    </row>
    <row r="301350" spans="8:8">
      <c r="H301350" s="12"/>
    </row>
    <row r="301351" spans="8:8">
      <c r="H301351" s="12"/>
    </row>
    <row r="301352" spans="8:8">
      <c r="H301352" s="12"/>
    </row>
    <row r="301353" spans="8:8">
      <c r="H301353" s="12"/>
    </row>
    <row r="301354" spans="8:8">
      <c r="H301354" s="12"/>
    </row>
    <row r="301355" spans="8:8">
      <c r="H301355" s="12"/>
    </row>
    <row r="301356" spans="8:8">
      <c r="H301356" s="12"/>
    </row>
    <row r="301357" spans="8:8">
      <c r="H301357" s="12"/>
    </row>
    <row r="301358" spans="8:8">
      <c r="H301358" s="12"/>
    </row>
    <row r="301359" spans="8:8">
      <c r="H301359" s="12"/>
    </row>
    <row r="301360" spans="8:8">
      <c r="H301360" s="12"/>
    </row>
    <row r="301361" spans="8:8">
      <c r="H301361" s="12"/>
    </row>
    <row r="301362" spans="8:8">
      <c r="H301362" s="12"/>
    </row>
    <row r="301363" spans="8:8">
      <c r="H301363" s="12"/>
    </row>
    <row r="301364" spans="8:8">
      <c r="H301364" s="12"/>
    </row>
    <row r="301365" spans="8:8">
      <c r="H301365" s="12"/>
    </row>
    <row r="301366" spans="8:8">
      <c r="H301366" s="12"/>
    </row>
    <row r="301367" spans="8:8">
      <c r="H301367" s="12"/>
    </row>
    <row r="301368" spans="8:8">
      <c r="H301368" s="12"/>
    </row>
    <row r="301369" spans="8:8">
      <c r="H301369" s="12"/>
    </row>
    <row r="301370" spans="8:8">
      <c r="H301370" s="12"/>
    </row>
    <row r="301371" spans="8:8">
      <c r="H301371" s="12"/>
    </row>
    <row r="301372" spans="8:8">
      <c r="H301372" s="12"/>
    </row>
    <row r="301373" spans="8:8">
      <c r="H301373" s="12"/>
    </row>
    <row r="301374" spans="8:8">
      <c r="H301374" s="12"/>
    </row>
    <row r="301375" spans="8:8">
      <c r="H301375" s="12"/>
    </row>
    <row r="301376" spans="8:8">
      <c r="H301376" s="12"/>
    </row>
    <row r="301377" spans="8:8">
      <c r="H301377" s="12"/>
    </row>
    <row r="301378" spans="8:8">
      <c r="H301378" s="12"/>
    </row>
    <row r="301379" spans="8:8">
      <c r="H301379" s="12"/>
    </row>
    <row r="301380" spans="8:8">
      <c r="H301380" s="12"/>
    </row>
    <row r="301381" spans="8:8">
      <c r="H301381" s="12"/>
    </row>
    <row r="301382" spans="8:8">
      <c r="H301382" s="12"/>
    </row>
    <row r="301383" spans="8:8">
      <c r="H301383" s="12"/>
    </row>
    <row r="301384" spans="8:8">
      <c r="H301384" s="12"/>
    </row>
    <row r="301385" spans="8:8">
      <c r="H301385" s="12"/>
    </row>
    <row r="301386" spans="8:8">
      <c r="H301386" s="12"/>
    </row>
    <row r="301387" spans="8:8">
      <c r="H301387" s="12"/>
    </row>
    <row r="301388" spans="8:8">
      <c r="H301388" s="12"/>
    </row>
    <row r="301389" spans="8:8">
      <c r="H301389" s="12"/>
    </row>
    <row r="301390" spans="8:8">
      <c r="H301390" s="12"/>
    </row>
    <row r="301391" spans="8:8">
      <c r="H301391" s="12"/>
    </row>
    <row r="301392" spans="8:8">
      <c r="H301392" s="12"/>
    </row>
    <row r="301393" spans="8:8">
      <c r="H301393" s="12"/>
    </row>
    <row r="301394" spans="8:8">
      <c r="H301394" s="12"/>
    </row>
    <row r="301395" spans="8:8">
      <c r="H301395" s="12"/>
    </row>
    <row r="301396" spans="8:8">
      <c r="H301396" s="12"/>
    </row>
    <row r="301397" spans="8:8">
      <c r="H301397" s="12"/>
    </row>
    <row r="301398" spans="8:8">
      <c r="H301398" s="12"/>
    </row>
    <row r="301399" spans="8:8">
      <c r="H301399" s="12"/>
    </row>
    <row r="301400" spans="8:8">
      <c r="H301400" s="12"/>
    </row>
    <row r="301401" spans="8:8">
      <c r="H301401" s="12"/>
    </row>
    <row r="301402" spans="8:8">
      <c r="H301402" s="12"/>
    </row>
    <row r="301403" spans="8:8">
      <c r="H301403" s="12"/>
    </row>
    <row r="301404" spans="8:8">
      <c r="H301404" s="12"/>
    </row>
    <row r="301405" spans="8:8">
      <c r="H301405" s="12"/>
    </row>
    <row r="301406" spans="8:8">
      <c r="H301406" s="12"/>
    </row>
    <row r="301407" spans="8:8">
      <c r="H301407" s="12"/>
    </row>
    <row r="301408" spans="8:8">
      <c r="H301408" s="12"/>
    </row>
    <row r="301409" spans="8:8">
      <c r="H301409" s="12"/>
    </row>
    <row r="301410" spans="8:8">
      <c r="H301410" s="12"/>
    </row>
    <row r="301411" spans="8:8">
      <c r="H301411" s="12"/>
    </row>
    <row r="301412" spans="8:8">
      <c r="H301412" s="12"/>
    </row>
    <row r="301413" spans="8:8">
      <c r="H301413" s="12"/>
    </row>
    <row r="301414" spans="8:8">
      <c r="H301414" s="12"/>
    </row>
    <row r="301415" spans="8:8">
      <c r="H301415" s="12"/>
    </row>
    <row r="301416" spans="8:8">
      <c r="H301416" s="12"/>
    </row>
    <row r="301417" spans="8:8">
      <c r="H301417" s="12"/>
    </row>
    <row r="301418" spans="8:8">
      <c r="H301418" s="12"/>
    </row>
    <row r="301419" spans="8:8">
      <c r="H301419" s="12"/>
    </row>
    <row r="301420" spans="8:8">
      <c r="H301420" s="12"/>
    </row>
    <row r="301421" spans="8:8">
      <c r="H301421" s="12"/>
    </row>
    <row r="301422" spans="8:8">
      <c r="H301422" s="12"/>
    </row>
    <row r="301423" spans="8:8">
      <c r="H301423" s="12"/>
    </row>
    <row r="301424" spans="8:8">
      <c r="H301424" s="12"/>
    </row>
    <row r="301425" spans="8:8">
      <c r="H301425" s="12"/>
    </row>
    <row r="301426" spans="8:8">
      <c r="H301426" s="12"/>
    </row>
    <row r="301427" spans="8:8">
      <c r="H301427" s="12"/>
    </row>
    <row r="301428" spans="8:8">
      <c r="H301428" s="12"/>
    </row>
    <row r="301429" spans="8:8">
      <c r="H301429" s="12"/>
    </row>
    <row r="301430" spans="8:8">
      <c r="H301430" s="12"/>
    </row>
    <row r="301431" spans="8:8">
      <c r="H301431" s="12"/>
    </row>
    <row r="301432" spans="8:8">
      <c r="H301432" s="12"/>
    </row>
    <row r="301433" spans="8:8">
      <c r="H301433" s="12"/>
    </row>
    <row r="301434" spans="8:8">
      <c r="H301434" s="12"/>
    </row>
    <row r="301435" spans="8:8">
      <c r="H301435" s="12"/>
    </row>
    <row r="301436" spans="8:8">
      <c r="H301436" s="12"/>
    </row>
    <row r="301437" spans="8:8">
      <c r="H301437" s="12"/>
    </row>
    <row r="301438" spans="8:8">
      <c r="H301438" s="12"/>
    </row>
    <row r="301439" spans="8:8">
      <c r="H301439" s="12"/>
    </row>
    <row r="301440" spans="8:8">
      <c r="H301440" s="12"/>
    </row>
    <row r="301441" spans="8:8">
      <c r="H301441" s="12"/>
    </row>
    <row r="301442" spans="8:8">
      <c r="H301442" s="12"/>
    </row>
    <row r="301443" spans="8:8">
      <c r="H301443" s="12"/>
    </row>
    <row r="301444" spans="8:8">
      <c r="H301444" s="12"/>
    </row>
    <row r="301445" spans="8:8">
      <c r="H301445" s="12"/>
    </row>
    <row r="301446" spans="8:8">
      <c r="H301446" s="12"/>
    </row>
    <row r="301447" spans="8:8">
      <c r="H301447" s="12"/>
    </row>
    <row r="301448" spans="8:8">
      <c r="H301448" s="12"/>
    </row>
    <row r="301449" spans="8:8">
      <c r="H301449" s="12"/>
    </row>
    <row r="301450" spans="8:8">
      <c r="H301450" s="12"/>
    </row>
    <row r="301451" spans="8:8">
      <c r="H301451" s="12"/>
    </row>
    <row r="301452" spans="8:8">
      <c r="H301452" s="12"/>
    </row>
    <row r="301453" spans="8:8">
      <c r="H301453" s="12"/>
    </row>
    <row r="301454" spans="8:8">
      <c r="H301454" s="12"/>
    </row>
    <row r="301455" spans="8:8">
      <c r="H301455" s="12"/>
    </row>
    <row r="301456" spans="8:8">
      <c r="H301456" s="12"/>
    </row>
    <row r="301457" spans="8:8">
      <c r="H301457" s="12"/>
    </row>
    <row r="301458" spans="8:8">
      <c r="H301458" s="12"/>
    </row>
    <row r="301459" spans="8:8">
      <c r="H301459" s="12"/>
    </row>
    <row r="301460" spans="8:8">
      <c r="H301460" s="12"/>
    </row>
    <row r="301461" spans="8:8">
      <c r="H301461" s="12"/>
    </row>
    <row r="301462" spans="8:8">
      <c r="H301462" s="12"/>
    </row>
    <row r="301463" spans="8:8">
      <c r="H301463" s="12"/>
    </row>
    <row r="301464" spans="8:8">
      <c r="H301464" s="12"/>
    </row>
    <row r="301465" spans="8:8">
      <c r="H301465" s="12"/>
    </row>
    <row r="301466" spans="8:8">
      <c r="H301466" s="12"/>
    </row>
    <row r="301467" spans="8:8">
      <c r="H301467" s="12"/>
    </row>
    <row r="301468" spans="8:8">
      <c r="H301468" s="12"/>
    </row>
    <row r="301469" spans="8:8">
      <c r="H301469" s="12"/>
    </row>
    <row r="301470" spans="8:8">
      <c r="H301470" s="12"/>
    </row>
    <row r="301471" spans="8:8">
      <c r="H301471" s="12"/>
    </row>
    <row r="301472" spans="8:8">
      <c r="H301472" s="12"/>
    </row>
    <row r="301473" spans="8:8">
      <c r="H301473" s="12"/>
    </row>
    <row r="301474" spans="8:8">
      <c r="H301474" s="12"/>
    </row>
    <row r="301475" spans="8:8">
      <c r="H301475" s="12"/>
    </row>
    <row r="301476" spans="8:8">
      <c r="H301476" s="12"/>
    </row>
    <row r="301477" spans="8:8">
      <c r="H301477" s="12"/>
    </row>
    <row r="301478" spans="8:8">
      <c r="H301478" s="12"/>
    </row>
    <row r="301479" spans="8:8">
      <c r="H301479" s="12"/>
    </row>
    <row r="301480" spans="8:8">
      <c r="H301480" s="12"/>
    </row>
    <row r="301481" spans="8:8">
      <c r="H301481" s="12"/>
    </row>
    <row r="301482" spans="8:8">
      <c r="H301482" s="12"/>
    </row>
    <row r="301483" spans="8:8">
      <c r="H301483" s="12"/>
    </row>
    <row r="301484" spans="8:8">
      <c r="H301484" s="12"/>
    </row>
    <row r="301485" spans="8:8">
      <c r="H301485" s="12"/>
    </row>
    <row r="301486" spans="8:8">
      <c r="H301486" s="12"/>
    </row>
    <row r="301487" spans="8:8">
      <c r="H301487" s="12"/>
    </row>
    <row r="301488" spans="8:8">
      <c r="H301488" s="12"/>
    </row>
    <row r="301489" spans="8:8">
      <c r="H301489" s="12"/>
    </row>
    <row r="301490" spans="8:8">
      <c r="H301490" s="12"/>
    </row>
    <row r="301491" spans="8:8">
      <c r="H301491" s="12"/>
    </row>
    <row r="301492" spans="8:8">
      <c r="H301492" s="12"/>
    </row>
    <row r="301493" spans="8:8">
      <c r="H301493" s="12"/>
    </row>
    <row r="301494" spans="8:8">
      <c r="H301494" s="12"/>
    </row>
    <row r="301495" spans="8:8">
      <c r="H301495" s="12"/>
    </row>
    <row r="301496" spans="8:8">
      <c r="H301496" s="12"/>
    </row>
    <row r="301497" spans="8:8">
      <c r="H301497" s="12"/>
    </row>
    <row r="301498" spans="8:8">
      <c r="H301498" s="12"/>
    </row>
    <row r="301499" spans="8:8">
      <c r="H301499" s="12"/>
    </row>
    <row r="301500" spans="8:8">
      <c r="H301500" s="12"/>
    </row>
    <row r="301501" spans="8:8">
      <c r="H301501" s="12"/>
    </row>
    <row r="301502" spans="8:8">
      <c r="H301502" s="12"/>
    </row>
    <row r="301503" spans="8:8">
      <c r="H301503" s="12"/>
    </row>
    <row r="301504" spans="8:8">
      <c r="H301504" s="12"/>
    </row>
    <row r="301505" spans="8:8">
      <c r="H301505" s="12"/>
    </row>
    <row r="301506" spans="8:8">
      <c r="H301506" s="12"/>
    </row>
    <row r="301507" spans="8:8">
      <c r="H301507" s="12"/>
    </row>
    <row r="301508" spans="8:8">
      <c r="H301508" s="12"/>
    </row>
    <row r="301509" spans="8:8">
      <c r="H301509" s="12"/>
    </row>
    <row r="301510" spans="8:8">
      <c r="H301510" s="12"/>
    </row>
    <row r="301511" spans="8:8">
      <c r="H301511" s="12"/>
    </row>
    <row r="301512" spans="8:8">
      <c r="H301512" s="12"/>
    </row>
    <row r="301513" spans="8:8">
      <c r="H301513" s="12"/>
    </row>
    <row r="301514" spans="8:8">
      <c r="H301514" s="12"/>
    </row>
    <row r="301515" spans="8:8">
      <c r="H301515" s="12"/>
    </row>
    <row r="301516" spans="8:8">
      <c r="H301516" s="12"/>
    </row>
    <row r="301517" spans="8:8">
      <c r="H301517" s="12"/>
    </row>
    <row r="301518" spans="8:8">
      <c r="H301518" s="12"/>
    </row>
    <row r="301519" spans="8:8">
      <c r="H301519" s="12"/>
    </row>
    <row r="301520" spans="8:8">
      <c r="H301520" s="12"/>
    </row>
    <row r="301521" spans="8:8">
      <c r="H301521" s="12"/>
    </row>
    <row r="301522" spans="8:8">
      <c r="H301522" s="12"/>
    </row>
    <row r="301523" spans="8:8">
      <c r="H301523" s="12"/>
    </row>
    <row r="301524" spans="8:8">
      <c r="H301524" s="12"/>
    </row>
    <row r="301525" spans="8:8">
      <c r="H301525" s="12"/>
    </row>
    <row r="301526" spans="8:8">
      <c r="H301526" s="12"/>
    </row>
    <row r="301527" spans="8:8">
      <c r="H301527" s="12"/>
    </row>
    <row r="301528" spans="8:8">
      <c r="H301528" s="12"/>
    </row>
    <row r="301529" spans="8:8">
      <c r="H301529" s="12"/>
    </row>
    <row r="301530" spans="8:8">
      <c r="H301530" s="12"/>
    </row>
    <row r="301531" spans="8:8">
      <c r="H301531" s="12"/>
    </row>
    <row r="301532" spans="8:8">
      <c r="H301532" s="12"/>
    </row>
    <row r="301533" spans="8:8">
      <c r="H301533" s="12"/>
    </row>
    <row r="301534" spans="8:8">
      <c r="H301534" s="12"/>
    </row>
    <row r="301535" spans="8:8">
      <c r="H301535" s="12"/>
    </row>
    <row r="301536" spans="8:8">
      <c r="H301536" s="12"/>
    </row>
    <row r="301537" spans="8:8">
      <c r="H301537" s="12"/>
    </row>
    <row r="301538" spans="8:8">
      <c r="H301538" s="12"/>
    </row>
    <row r="301539" spans="8:8">
      <c r="H301539" s="12"/>
    </row>
    <row r="301540" spans="8:8">
      <c r="H301540" s="12"/>
    </row>
    <row r="301541" spans="8:8">
      <c r="H301541" s="12"/>
    </row>
    <row r="301542" spans="8:8">
      <c r="H301542" s="12"/>
    </row>
    <row r="301543" spans="8:8">
      <c r="H301543" s="12"/>
    </row>
    <row r="301544" spans="8:8">
      <c r="H301544" s="12"/>
    </row>
    <row r="301545" spans="8:8">
      <c r="H301545" s="12"/>
    </row>
    <row r="301546" spans="8:8">
      <c r="H301546" s="12"/>
    </row>
    <row r="301547" spans="8:8">
      <c r="H301547" s="12"/>
    </row>
    <row r="301548" spans="8:8">
      <c r="H301548" s="12"/>
    </row>
    <row r="301549" spans="8:8">
      <c r="H301549" s="12"/>
    </row>
    <row r="301550" spans="8:8">
      <c r="H301550" s="12"/>
    </row>
    <row r="301551" spans="8:8">
      <c r="H301551" s="12"/>
    </row>
    <row r="301552" spans="8:8">
      <c r="H301552" s="12"/>
    </row>
    <row r="301553" spans="8:8">
      <c r="H301553" s="12"/>
    </row>
    <row r="301554" spans="8:8">
      <c r="H301554" s="12"/>
    </row>
    <row r="301555" spans="8:8">
      <c r="H301555" s="12"/>
    </row>
    <row r="301556" spans="8:8">
      <c r="H301556" s="12"/>
    </row>
    <row r="301557" spans="8:8">
      <c r="H301557" s="12"/>
    </row>
    <row r="301558" spans="8:8">
      <c r="H301558" s="12"/>
    </row>
    <row r="301559" spans="8:8">
      <c r="H301559" s="12"/>
    </row>
    <row r="301560" spans="8:8">
      <c r="H301560" s="12"/>
    </row>
    <row r="301561" spans="8:8">
      <c r="H301561" s="12"/>
    </row>
    <row r="301562" spans="8:8">
      <c r="H301562" s="12"/>
    </row>
    <row r="301563" spans="8:8">
      <c r="H301563" s="12"/>
    </row>
    <row r="301564" spans="8:8">
      <c r="H301564" s="12"/>
    </row>
    <row r="301565" spans="8:8">
      <c r="H301565" s="12"/>
    </row>
    <row r="301566" spans="8:8">
      <c r="H301566" s="12"/>
    </row>
    <row r="301567" spans="8:8">
      <c r="H301567" s="12"/>
    </row>
    <row r="301568" spans="8:8">
      <c r="H301568" s="12"/>
    </row>
    <row r="301569" spans="8:8">
      <c r="H301569" s="12"/>
    </row>
    <row r="301570" spans="8:8">
      <c r="H301570" s="12"/>
    </row>
    <row r="301571" spans="8:8">
      <c r="H301571" s="12"/>
    </row>
    <row r="301572" spans="8:8">
      <c r="H301572" s="12"/>
    </row>
    <row r="301573" spans="8:8">
      <c r="H301573" s="12"/>
    </row>
    <row r="301574" spans="8:8">
      <c r="H301574" s="12"/>
    </row>
    <row r="301575" spans="8:8">
      <c r="H301575" s="12"/>
    </row>
    <row r="301576" spans="8:8">
      <c r="H301576" s="12"/>
    </row>
    <row r="301577" spans="8:8">
      <c r="H301577" s="12"/>
    </row>
    <row r="301578" spans="8:8">
      <c r="H301578" s="12"/>
    </row>
    <row r="301579" spans="8:8">
      <c r="H301579" s="12"/>
    </row>
    <row r="301580" spans="8:8">
      <c r="H301580" s="12"/>
    </row>
    <row r="301581" spans="8:8">
      <c r="H301581" s="12"/>
    </row>
    <row r="301582" spans="8:8">
      <c r="H301582" s="12"/>
    </row>
    <row r="301583" spans="8:8">
      <c r="H301583" s="12"/>
    </row>
    <row r="301584" spans="8:8">
      <c r="H301584" s="12"/>
    </row>
    <row r="301585" spans="8:8">
      <c r="H301585" s="12"/>
    </row>
    <row r="301586" spans="8:8">
      <c r="H301586" s="12"/>
    </row>
    <row r="301587" spans="8:8">
      <c r="H301587" s="12"/>
    </row>
    <row r="301588" spans="8:8">
      <c r="H301588" s="12"/>
    </row>
    <row r="301589" spans="8:8">
      <c r="H301589" s="12"/>
    </row>
    <row r="301590" spans="8:8">
      <c r="H301590" s="12"/>
    </row>
    <row r="301591" spans="8:8">
      <c r="H301591" s="12"/>
    </row>
    <row r="301592" spans="8:8">
      <c r="H301592" s="12"/>
    </row>
    <row r="301593" spans="8:8">
      <c r="H301593" s="12"/>
    </row>
    <row r="301594" spans="8:8">
      <c r="H301594" s="12"/>
    </row>
    <row r="301595" spans="8:8">
      <c r="H301595" s="12"/>
    </row>
    <row r="301596" spans="8:8">
      <c r="H301596" s="12"/>
    </row>
    <row r="301597" spans="8:8">
      <c r="H301597" s="12"/>
    </row>
    <row r="301598" spans="8:8">
      <c r="H301598" s="12"/>
    </row>
    <row r="301599" spans="8:8">
      <c r="H301599" s="12"/>
    </row>
    <row r="301600" spans="8:8">
      <c r="H301600" s="12"/>
    </row>
    <row r="301601" spans="8:8">
      <c r="H301601" s="12"/>
    </row>
    <row r="301602" spans="8:8">
      <c r="H301602" s="12"/>
    </row>
    <row r="301603" spans="8:8">
      <c r="H301603" s="12"/>
    </row>
    <row r="301604" spans="8:8">
      <c r="H301604" s="12"/>
    </row>
    <row r="301605" spans="8:8">
      <c r="H301605" s="12"/>
    </row>
    <row r="301606" spans="8:8">
      <c r="H301606" s="12"/>
    </row>
    <row r="301607" spans="8:8">
      <c r="H301607" s="12"/>
    </row>
    <row r="301608" spans="8:8">
      <c r="H301608" s="12"/>
    </row>
    <row r="301609" spans="8:8">
      <c r="H301609" s="12"/>
    </row>
    <row r="301610" spans="8:8">
      <c r="H301610" s="12"/>
    </row>
    <row r="301611" spans="8:8">
      <c r="H301611" s="12"/>
    </row>
    <row r="301612" spans="8:8">
      <c r="H301612" s="12"/>
    </row>
    <row r="301613" spans="8:8">
      <c r="H301613" s="12"/>
    </row>
    <row r="301614" spans="8:8">
      <c r="H301614" s="12"/>
    </row>
    <row r="301615" spans="8:8">
      <c r="H301615" s="12"/>
    </row>
    <row r="301616" spans="8:8">
      <c r="H301616" s="12"/>
    </row>
    <row r="301617" spans="8:8">
      <c r="H301617" s="12"/>
    </row>
    <row r="301618" spans="8:8">
      <c r="H301618" s="12"/>
    </row>
    <row r="301619" spans="8:8">
      <c r="H301619" s="12"/>
    </row>
    <row r="301620" spans="8:8">
      <c r="H301620" s="12"/>
    </row>
    <row r="301621" spans="8:8">
      <c r="H301621" s="12"/>
    </row>
    <row r="301622" spans="8:8">
      <c r="H301622" s="12"/>
    </row>
    <row r="301623" spans="8:8">
      <c r="H301623" s="12"/>
    </row>
    <row r="301624" spans="8:8">
      <c r="H301624" s="12"/>
    </row>
    <row r="301625" spans="8:8">
      <c r="H301625" s="12"/>
    </row>
    <row r="301626" spans="8:8">
      <c r="H301626" s="12"/>
    </row>
    <row r="301627" spans="8:8">
      <c r="H301627" s="12"/>
    </row>
    <row r="301628" spans="8:8">
      <c r="H301628" s="12"/>
    </row>
    <row r="301629" spans="8:8">
      <c r="H301629" s="12"/>
    </row>
    <row r="301630" spans="8:8">
      <c r="H301630" s="12"/>
    </row>
    <row r="301631" spans="8:8">
      <c r="H301631" s="12"/>
    </row>
    <row r="301632" spans="8:8">
      <c r="H301632" s="12"/>
    </row>
    <row r="301633" spans="8:8">
      <c r="H301633" s="12"/>
    </row>
    <row r="301634" spans="8:8">
      <c r="H301634" s="12"/>
    </row>
    <row r="301635" spans="8:8">
      <c r="H301635" s="12"/>
    </row>
    <row r="301636" spans="8:8">
      <c r="H301636" s="12"/>
    </row>
    <row r="301637" spans="8:8">
      <c r="H301637" s="12"/>
    </row>
    <row r="301638" spans="8:8">
      <c r="H301638" s="12"/>
    </row>
    <row r="301639" spans="8:8">
      <c r="H301639" s="12"/>
    </row>
    <row r="301640" spans="8:8">
      <c r="H301640" s="12"/>
    </row>
    <row r="301641" spans="8:8">
      <c r="H301641" s="12"/>
    </row>
    <row r="301642" spans="8:8">
      <c r="H301642" s="12"/>
    </row>
    <row r="301643" spans="8:8">
      <c r="H301643" s="12"/>
    </row>
    <row r="301644" spans="8:8">
      <c r="H301644" s="12"/>
    </row>
    <row r="301645" spans="8:8">
      <c r="H301645" s="12"/>
    </row>
    <row r="301646" spans="8:8">
      <c r="H301646" s="12"/>
    </row>
    <row r="301647" spans="8:8">
      <c r="H301647" s="12"/>
    </row>
    <row r="301648" spans="8:8">
      <c r="H301648" s="12"/>
    </row>
    <row r="301649" spans="8:8">
      <c r="H301649" s="12"/>
    </row>
    <row r="301650" spans="8:8">
      <c r="H301650" s="12"/>
    </row>
    <row r="301651" spans="8:8">
      <c r="H301651" s="12"/>
    </row>
    <row r="301652" spans="8:8">
      <c r="H301652" s="12"/>
    </row>
    <row r="301653" spans="8:8">
      <c r="H301653" s="12"/>
    </row>
    <row r="301654" spans="8:8">
      <c r="H301654" s="12"/>
    </row>
    <row r="301655" spans="8:8">
      <c r="H301655" s="12"/>
    </row>
    <row r="301656" spans="8:8">
      <c r="H301656" s="12"/>
    </row>
    <row r="301657" spans="8:8">
      <c r="H301657" s="12"/>
    </row>
    <row r="301658" spans="8:8">
      <c r="H301658" s="12"/>
    </row>
    <row r="301659" spans="8:8">
      <c r="H301659" s="12"/>
    </row>
    <row r="301660" spans="8:8">
      <c r="H301660" s="12"/>
    </row>
    <row r="301661" spans="8:8">
      <c r="H301661" s="12"/>
    </row>
    <row r="301662" spans="8:8">
      <c r="H301662" s="12"/>
    </row>
    <row r="301663" spans="8:8">
      <c r="H301663" s="12"/>
    </row>
    <row r="301664" spans="8:8">
      <c r="H301664" s="12"/>
    </row>
    <row r="301665" spans="8:8">
      <c r="H301665" s="12"/>
    </row>
    <row r="301666" spans="8:8">
      <c r="H301666" s="12"/>
    </row>
    <row r="301667" spans="8:8">
      <c r="H301667" s="12"/>
    </row>
    <row r="301668" spans="8:8">
      <c r="H301668" s="12"/>
    </row>
    <row r="301669" spans="8:8">
      <c r="H301669" s="12"/>
    </row>
    <row r="301670" spans="8:8">
      <c r="H301670" s="12"/>
    </row>
    <row r="301671" spans="8:8">
      <c r="H301671" s="12"/>
    </row>
    <row r="301672" spans="8:8">
      <c r="H301672" s="12"/>
    </row>
    <row r="301673" spans="8:8">
      <c r="H301673" s="12"/>
    </row>
    <row r="301674" spans="8:8">
      <c r="H301674" s="12"/>
    </row>
    <row r="301675" spans="8:8">
      <c r="H301675" s="12"/>
    </row>
    <row r="301676" spans="8:8">
      <c r="H301676" s="12"/>
    </row>
    <row r="301677" spans="8:8">
      <c r="H301677" s="12"/>
    </row>
    <row r="301678" spans="8:8">
      <c r="H301678" s="12"/>
    </row>
    <row r="301679" spans="8:8">
      <c r="H301679" s="12"/>
    </row>
    <row r="301680" spans="8:8">
      <c r="H301680" s="12"/>
    </row>
    <row r="301681" spans="8:8">
      <c r="H301681" s="12"/>
    </row>
    <row r="301682" spans="8:8">
      <c r="H301682" s="12"/>
    </row>
    <row r="301683" spans="8:8">
      <c r="H301683" s="12"/>
    </row>
    <row r="301684" spans="8:8">
      <c r="H301684" s="12"/>
    </row>
    <row r="301685" spans="8:8">
      <c r="H301685" s="12"/>
    </row>
    <row r="301686" spans="8:8">
      <c r="H301686" s="12"/>
    </row>
    <row r="301687" spans="8:8">
      <c r="H301687" s="12"/>
    </row>
    <row r="301688" spans="8:8">
      <c r="H301688" s="12"/>
    </row>
    <row r="301689" spans="8:8">
      <c r="H301689" s="12"/>
    </row>
    <row r="301690" spans="8:8">
      <c r="H301690" s="12"/>
    </row>
    <row r="301691" spans="8:8">
      <c r="H301691" s="12"/>
    </row>
    <row r="301692" spans="8:8">
      <c r="H301692" s="12"/>
    </row>
    <row r="301693" spans="8:8">
      <c r="H301693" s="12"/>
    </row>
    <row r="301694" spans="8:8">
      <c r="H301694" s="12"/>
    </row>
    <row r="301695" spans="8:8">
      <c r="H301695" s="12"/>
    </row>
    <row r="301696" spans="8:8">
      <c r="H301696" s="12"/>
    </row>
    <row r="301697" spans="8:8">
      <c r="H301697" s="12"/>
    </row>
    <row r="301698" spans="8:8">
      <c r="H301698" s="12"/>
    </row>
    <row r="301699" spans="8:8">
      <c r="H301699" s="12"/>
    </row>
    <row r="301700" spans="8:8">
      <c r="H301700" s="12"/>
    </row>
    <row r="301701" spans="8:8">
      <c r="H301701" s="12"/>
    </row>
    <row r="301702" spans="8:8">
      <c r="H301702" s="12"/>
    </row>
    <row r="301703" spans="8:8">
      <c r="H301703" s="12"/>
    </row>
    <row r="301704" spans="8:8">
      <c r="H301704" s="12"/>
    </row>
    <row r="301705" spans="8:8">
      <c r="H301705" s="12"/>
    </row>
    <row r="301706" spans="8:8">
      <c r="H301706" s="12"/>
    </row>
    <row r="301707" spans="8:8">
      <c r="H301707" s="12"/>
    </row>
    <row r="301708" spans="8:8">
      <c r="H301708" s="12"/>
    </row>
    <row r="301709" spans="8:8">
      <c r="H301709" s="12"/>
    </row>
    <row r="301710" spans="8:8">
      <c r="H301710" s="12"/>
    </row>
    <row r="301711" spans="8:8">
      <c r="H301711" s="12"/>
    </row>
    <row r="301712" spans="8:8">
      <c r="H301712" s="12"/>
    </row>
    <row r="301713" spans="8:8">
      <c r="H301713" s="12"/>
    </row>
    <row r="301714" spans="8:8">
      <c r="H301714" s="12"/>
    </row>
    <row r="301715" spans="8:8">
      <c r="H301715" s="12"/>
    </row>
    <row r="301716" spans="8:8">
      <c r="H301716" s="12"/>
    </row>
    <row r="301717" spans="8:8">
      <c r="H301717" s="12"/>
    </row>
    <row r="301718" spans="8:8">
      <c r="H301718" s="12"/>
    </row>
    <row r="301719" spans="8:8">
      <c r="H301719" s="12"/>
    </row>
    <row r="301720" spans="8:8">
      <c r="H301720" s="12"/>
    </row>
    <row r="301721" spans="8:8">
      <c r="H301721" s="12"/>
    </row>
    <row r="301722" spans="8:8">
      <c r="H301722" s="12"/>
    </row>
    <row r="301723" spans="8:8">
      <c r="H301723" s="12"/>
    </row>
    <row r="301724" spans="8:8">
      <c r="H301724" s="12"/>
    </row>
    <row r="301725" spans="8:8">
      <c r="H301725" s="12"/>
    </row>
    <row r="301726" spans="8:8">
      <c r="H301726" s="12"/>
    </row>
    <row r="301727" spans="8:8">
      <c r="H301727" s="12"/>
    </row>
    <row r="301728" spans="8:8">
      <c r="H301728" s="12"/>
    </row>
    <row r="301729" spans="8:8">
      <c r="H301729" s="12"/>
    </row>
    <row r="301730" spans="8:8">
      <c r="H301730" s="12"/>
    </row>
    <row r="301731" spans="8:8">
      <c r="H301731" s="12"/>
    </row>
    <row r="301732" spans="8:8">
      <c r="H301732" s="12"/>
    </row>
    <row r="301733" spans="8:8">
      <c r="H301733" s="12"/>
    </row>
    <row r="301734" spans="8:8">
      <c r="H301734" s="12"/>
    </row>
    <row r="301735" spans="8:8">
      <c r="H301735" s="12"/>
    </row>
    <row r="301736" spans="8:8">
      <c r="H301736" s="12"/>
    </row>
    <row r="301737" spans="8:8">
      <c r="H301737" s="12"/>
    </row>
    <row r="301738" spans="8:8">
      <c r="H301738" s="12"/>
    </row>
    <row r="301739" spans="8:8">
      <c r="H301739" s="12"/>
    </row>
    <row r="301740" spans="8:8">
      <c r="H301740" s="12"/>
    </row>
    <row r="301741" spans="8:8">
      <c r="H301741" s="12"/>
    </row>
    <row r="301742" spans="8:8">
      <c r="H301742" s="12"/>
    </row>
    <row r="301743" spans="8:8">
      <c r="H301743" s="12"/>
    </row>
    <row r="301744" spans="8:8">
      <c r="H301744" s="12"/>
    </row>
    <row r="301745" spans="8:8">
      <c r="H301745" s="12"/>
    </row>
    <row r="301746" spans="8:8">
      <c r="H301746" s="12"/>
    </row>
    <row r="301747" spans="8:8">
      <c r="H301747" s="12"/>
    </row>
    <row r="301748" spans="8:8">
      <c r="H301748" s="12"/>
    </row>
    <row r="301749" spans="8:8">
      <c r="H301749" s="12"/>
    </row>
    <row r="301750" spans="8:8">
      <c r="H301750" s="12"/>
    </row>
    <row r="301751" spans="8:8">
      <c r="H301751" s="12"/>
    </row>
    <row r="301752" spans="8:8">
      <c r="H301752" s="12"/>
    </row>
    <row r="301753" spans="8:8">
      <c r="H301753" s="12"/>
    </row>
    <row r="301754" spans="8:8">
      <c r="H301754" s="12"/>
    </row>
    <row r="301755" spans="8:8">
      <c r="H301755" s="12"/>
    </row>
    <row r="301756" spans="8:8">
      <c r="H301756" s="12"/>
    </row>
    <row r="301757" spans="8:8">
      <c r="H301757" s="12"/>
    </row>
    <row r="301758" spans="8:8">
      <c r="H301758" s="12"/>
    </row>
    <row r="301759" spans="8:8">
      <c r="H301759" s="12"/>
    </row>
    <row r="301760" spans="8:8">
      <c r="H301760" s="12"/>
    </row>
    <row r="301761" spans="8:8">
      <c r="H301761" s="12"/>
    </row>
    <row r="301762" spans="8:8">
      <c r="H301762" s="12"/>
    </row>
    <row r="301763" spans="8:8">
      <c r="H301763" s="12"/>
    </row>
    <row r="301764" spans="8:8">
      <c r="H301764" s="12"/>
    </row>
    <row r="301765" spans="8:8">
      <c r="H301765" s="12"/>
    </row>
    <row r="301766" spans="8:8">
      <c r="H301766" s="12"/>
    </row>
    <row r="301767" spans="8:8">
      <c r="H301767" s="12"/>
    </row>
    <row r="301768" spans="8:8">
      <c r="H301768" s="12"/>
    </row>
    <row r="301769" spans="8:8">
      <c r="H301769" s="12"/>
    </row>
    <row r="301770" spans="8:8">
      <c r="H301770" s="12"/>
    </row>
    <row r="301771" spans="8:8">
      <c r="H301771" s="12"/>
    </row>
    <row r="301772" spans="8:8">
      <c r="H301772" s="12"/>
    </row>
    <row r="301773" spans="8:8">
      <c r="H301773" s="12"/>
    </row>
    <row r="301774" spans="8:8">
      <c r="H301774" s="12"/>
    </row>
    <row r="301775" spans="8:8">
      <c r="H301775" s="12"/>
    </row>
    <row r="301776" spans="8:8">
      <c r="H301776" s="12"/>
    </row>
    <row r="301777" spans="8:8">
      <c r="H301777" s="12"/>
    </row>
    <row r="301778" spans="8:8">
      <c r="H301778" s="12"/>
    </row>
    <row r="301779" spans="8:8">
      <c r="H301779" s="12"/>
    </row>
    <row r="301780" spans="8:8">
      <c r="H301780" s="12"/>
    </row>
    <row r="301781" spans="8:8">
      <c r="H301781" s="12"/>
    </row>
    <row r="301782" spans="8:8">
      <c r="H301782" s="12"/>
    </row>
    <row r="301783" spans="8:8">
      <c r="H301783" s="12"/>
    </row>
    <row r="301784" spans="8:8">
      <c r="H301784" s="12"/>
    </row>
    <row r="301785" spans="8:8">
      <c r="H301785" s="12"/>
    </row>
    <row r="301786" spans="8:8">
      <c r="H301786" s="12"/>
    </row>
    <row r="301787" spans="8:8">
      <c r="H301787" s="12"/>
    </row>
    <row r="301788" spans="8:8">
      <c r="H301788" s="12"/>
    </row>
    <row r="301789" spans="8:8">
      <c r="H301789" s="12"/>
    </row>
    <row r="301790" spans="8:8">
      <c r="H301790" s="12"/>
    </row>
    <row r="301791" spans="8:8">
      <c r="H301791" s="12"/>
    </row>
    <row r="301792" spans="8:8">
      <c r="H301792" s="12"/>
    </row>
    <row r="301793" spans="8:8">
      <c r="H301793" s="12"/>
    </row>
    <row r="301794" spans="8:8">
      <c r="H301794" s="12"/>
    </row>
    <row r="301795" spans="8:8">
      <c r="H301795" s="12"/>
    </row>
    <row r="301796" spans="8:8">
      <c r="H301796" s="12"/>
    </row>
    <row r="301797" spans="8:8">
      <c r="H301797" s="12"/>
    </row>
    <row r="301798" spans="8:8">
      <c r="H301798" s="12"/>
    </row>
    <row r="301799" spans="8:8">
      <c r="H301799" s="12"/>
    </row>
    <row r="301800" spans="8:8">
      <c r="H301800" s="12"/>
    </row>
    <row r="301801" spans="8:8">
      <c r="H301801" s="12"/>
    </row>
    <row r="301802" spans="8:8">
      <c r="H301802" s="12"/>
    </row>
    <row r="301803" spans="8:8">
      <c r="H301803" s="12"/>
    </row>
    <row r="301804" spans="8:8">
      <c r="H301804" s="12"/>
    </row>
    <row r="301805" spans="8:8">
      <c r="H301805" s="12"/>
    </row>
    <row r="301806" spans="8:8">
      <c r="H301806" s="12"/>
    </row>
    <row r="301807" spans="8:8">
      <c r="H301807" s="12"/>
    </row>
    <row r="301808" spans="8:8">
      <c r="H301808" s="12"/>
    </row>
    <row r="301809" spans="8:8">
      <c r="H301809" s="12"/>
    </row>
    <row r="301810" spans="8:8">
      <c r="H301810" s="12"/>
    </row>
    <row r="301811" spans="8:8">
      <c r="H301811" s="12"/>
    </row>
    <row r="301812" spans="8:8">
      <c r="H301812" s="12"/>
    </row>
    <row r="301813" spans="8:8">
      <c r="H301813" s="12"/>
    </row>
    <row r="301814" spans="8:8">
      <c r="H301814" s="12"/>
    </row>
    <row r="301815" spans="8:8">
      <c r="H301815" s="12"/>
    </row>
    <row r="301816" spans="8:8">
      <c r="H301816" s="12"/>
    </row>
    <row r="301817" spans="8:8">
      <c r="H301817" s="12"/>
    </row>
    <row r="301818" spans="8:8">
      <c r="H301818" s="12"/>
    </row>
    <row r="301819" spans="8:8">
      <c r="H301819" s="12"/>
    </row>
    <row r="301820" spans="8:8">
      <c r="H301820" s="12"/>
    </row>
    <row r="301821" spans="8:8">
      <c r="H301821" s="12"/>
    </row>
    <row r="301822" spans="8:8">
      <c r="H301822" s="12"/>
    </row>
    <row r="301823" spans="8:8">
      <c r="H301823" s="12"/>
    </row>
    <row r="301824" spans="8:8">
      <c r="H301824" s="12"/>
    </row>
    <row r="301825" spans="8:8">
      <c r="H301825" s="12"/>
    </row>
    <row r="301826" spans="8:8">
      <c r="H301826" s="12"/>
    </row>
    <row r="301827" spans="8:8">
      <c r="H301827" s="12"/>
    </row>
    <row r="301828" spans="8:8">
      <c r="H301828" s="12"/>
    </row>
    <row r="301829" spans="8:8">
      <c r="H301829" s="12"/>
    </row>
    <row r="301830" spans="8:8">
      <c r="H301830" s="12"/>
    </row>
    <row r="301831" spans="8:8">
      <c r="H301831" s="12"/>
    </row>
    <row r="301832" spans="8:8">
      <c r="H301832" s="12"/>
    </row>
    <row r="301833" spans="8:8">
      <c r="H301833" s="12"/>
    </row>
    <row r="301834" spans="8:8">
      <c r="H301834" s="12"/>
    </row>
    <row r="301835" spans="8:8">
      <c r="H301835" s="12"/>
    </row>
    <row r="301836" spans="8:8">
      <c r="H301836" s="12"/>
    </row>
    <row r="301837" spans="8:8">
      <c r="H301837" s="12"/>
    </row>
    <row r="301838" spans="8:8">
      <c r="H301838" s="12"/>
    </row>
    <row r="301839" spans="8:8">
      <c r="H301839" s="12"/>
    </row>
    <row r="301840" spans="8:8">
      <c r="H301840" s="12"/>
    </row>
    <row r="301841" spans="8:8">
      <c r="H301841" s="12"/>
    </row>
    <row r="301842" spans="8:8">
      <c r="H301842" s="12"/>
    </row>
    <row r="301843" spans="8:8">
      <c r="H301843" s="12"/>
    </row>
    <row r="301844" spans="8:8">
      <c r="H301844" s="12"/>
    </row>
    <row r="301845" spans="8:8">
      <c r="H301845" s="12"/>
    </row>
    <row r="301846" spans="8:8">
      <c r="H301846" s="12"/>
    </row>
    <row r="301847" spans="8:8">
      <c r="H301847" s="12"/>
    </row>
    <row r="301848" spans="8:8">
      <c r="H301848" s="12"/>
    </row>
    <row r="301849" spans="8:8">
      <c r="H301849" s="12"/>
    </row>
    <row r="301850" spans="8:8">
      <c r="H301850" s="12"/>
    </row>
    <row r="301851" spans="8:8">
      <c r="H301851" s="12"/>
    </row>
    <row r="301852" spans="8:8">
      <c r="H301852" s="12"/>
    </row>
    <row r="301853" spans="8:8">
      <c r="H301853" s="12"/>
    </row>
    <row r="301854" spans="8:8">
      <c r="H301854" s="12"/>
    </row>
    <row r="301855" spans="8:8">
      <c r="H301855" s="12"/>
    </row>
    <row r="301856" spans="8:8">
      <c r="H301856" s="12"/>
    </row>
    <row r="301857" spans="8:8">
      <c r="H301857" s="12"/>
    </row>
    <row r="301858" spans="8:8">
      <c r="H301858" s="12"/>
    </row>
    <row r="301859" spans="8:8">
      <c r="H301859" s="12"/>
    </row>
    <row r="301860" spans="8:8">
      <c r="H301860" s="12"/>
    </row>
    <row r="301861" spans="8:8">
      <c r="H301861" s="12"/>
    </row>
    <row r="301862" spans="8:8">
      <c r="H301862" s="12"/>
    </row>
    <row r="301863" spans="8:8">
      <c r="H301863" s="12"/>
    </row>
    <row r="301864" spans="8:8">
      <c r="H301864" s="12"/>
    </row>
    <row r="301865" spans="8:8">
      <c r="H301865" s="12"/>
    </row>
    <row r="301866" spans="8:8">
      <c r="H301866" s="12"/>
    </row>
    <row r="301867" spans="8:8">
      <c r="H301867" s="12"/>
    </row>
    <row r="301868" spans="8:8">
      <c r="H301868" s="12"/>
    </row>
    <row r="301869" spans="8:8">
      <c r="H301869" s="12"/>
    </row>
    <row r="301870" spans="8:8">
      <c r="H301870" s="12"/>
    </row>
    <row r="301871" spans="8:8">
      <c r="H301871" s="12"/>
    </row>
    <row r="301872" spans="8:8">
      <c r="H301872" s="12"/>
    </row>
    <row r="301873" spans="8:8">
      <c r="H301873" s="12"/>
    </row>
    <row r="301874" spans="8:8">
      <c r="H301874" s="12"/>
    </row>
    <row r="301875" spans="8:8">
      <c r="H301875" s="12"/>
    </row>
    <row r="301876" spans="8:8">
      <c r="H301876" s="12"/>
    </row>
    <row r="301877" spans="8:8">
      <c r="H301877" s="12"/>
    </row>
    <row r="301878" spans="8:8">
      <c r="H301878" s="12"/>
    </row>
    <row r="301879" spans="8:8">
      <c r="H301879" s="12"/>
    </row>
    <row r="301880" spans="8:8">
      <c r="H301880" s="12"/>
    </row>
    <row r="301881" spans="8:8">
      <c r="H301881" s="12"/>
    </row>
    <row r="301882" spans="8:8">
      <c r="H301882" s="12"/>
    </row>
    <row r="301883" spans="8:8">
      <c r="H301883" s="12"/>
    </row>
    <row r="301884" spans="8:8">
      <c r="H301884" s="12"/>
    </row>
    <row r="301885" spans="8:8">
      <c r="H301885" s="12"/>
    </row>
    <row r="301886" spans="8:8">
      <c r="H301886" s="12"/>
    </row>
    <row r="301887" spans="8:8">
      <c r="H301887" s="12"/>
    </row>
    <row r="301888" spans="8:8">
      <c r="H301888" s="12"/>
    </row>
    <row r="301889" spans="8:8">
      <c r="H301889" s="12"/>
    </row>
    <row r="301890" spans="8:8">
      <c r="H301890" s="12"/>
    </row>
    <row r="301891" spans="8:8">
      <c r="H301891" s="12"/>
    </row>
    <row r="301892" spans="8:8">
      <c r="H301892" s="12"/>
    </row>
    <row r="301893" spans="8:8">
      <c r="H301893" s="12"/>
    </row>
    <row r="301894" spans="8:8">
      <c r="H301894" s="12"/>
    </row>
    <row r="301895" spans="8:8">
      <c r="H301895" s="12"/>
    </row>
    <row r="301896" spans="8:8">
      <c r="H301896" s="12"/>
    </row>
    <row r="301897" spans="8:8">
      <c r="H301897" s="12"/>
    </row>
    <row r="301898" spans="8:8">
      <c r="H301898" s="12"/>
    </row>
    <row r="301899" spans="8:8">
      <c r="H301899" s="12"/>
    </row>
    <row r="301900" spans="8:8">
      <c r="H301900" s="12"/>
    </row>
    <row r="301901" spans="8:8">
      <c r="H301901" s="12"/>
    </row>
    <row r="301902" spans="8:8">
      <c r="H301902" s="12"/>
    </row>
    <row r="301903" spans="8:8">
      <c r="H301903" s="12"/>
    </row>
    <row r="301904" spans="8:8">
      <c r="H301904" s="12"/>
    </row>
    <row r="301905" spans="8:8">
      <c r="H301905" s="12"/>
    </row>
    <row r="301906" spans="8:8">
      <c r="H301906" s="12"/>
    </row>
    <row r="301907" spans="8:8">
      <c r="H301907" s="12"/>
    </row>
    <row r="301908" spans="8:8">
      <c r="H301908" s="12"/>
    </row>
    <row r="301909" spans="8:8">
      <c r="H301909" s="12"/>
    </row>
    <row r="301910" spans="8:8">
      <c r="H301910" s="12"/>
    </row>
    <row r="301911" spans="8:8">
      <c r="H301911" s="12"/>
    </row>
    <row r="301912" spans="8:8">
      <c r="H301912" s="12"/>
    </row>
    <row r="301913" spans="8:8">
      <c r="H301913" s="12"/>
    </row>
    <row r="301914" spans="8:8">
      <c r="H301914" s="12"/>
    </row>
    <row r="301915" spans="8:8">
      <c r="H301915" s="12"/>
    </row>
    <row r="301916" spans="8:8">
      <c r="H301916" s="12"/>
    </row>
    <row r="301917" spans="8:8">
      <c r="H301917" s="12"/>
    </row>
    <row r="301918" spans="8:8">
      <c r="H301918" s="12"/>
    </row>
    <row r="301919" spans="8:8">
      <c r="H301919" s="12"/>
    </row>
    <row r="301920" spans="8:8">
      <c r="H301920" s="12"/>
    </row>
    <row r="301921" spans="8:8">
      <c r="H301921" s="12"/>
    </row>
    <row r="301922" spans="8:8">
      <c r="H301922" s="12"/>
    </row>
    <row r="301923" spans="8:8">
      <c r="H301923" s="12"/>
    </row>
    <row r="301924" spans="8:8">
      <c r="H301924" s="12"/>
    </row>
    <row r="301925" spans="8:8">
      <c r="H301925" s="12"/>
    </row>
    <row r="301926" spans="8:8">
      <c r="H301926" s="12"/>
    </row>
    <row r="301927" spans="8:8">
      <c r="H301927" s="12"/>
    </row>
    <row r="301928" spans="8:8">
      <c r="H301928" s="12"/>
    </row>
    <row r="301929" spans="8:8">
      <c r="H301929" s="12"/>
    </row>
    <row r="301930" spans="8:8">
      <c r="H301930" s="12"/>
    </row>
    <row r="301931" spans="8:8">
      <c r="H301931" s="12"/>
    </row>
    <row r="301932" spans="8:8">
      <c r="H301932" s="12"/>
    </row>
    <row r="301933" spans="8:8">
      <c r="H301933" s="12"/>
    </row>
    <row r="301934" spans="8:8">
      <c r="H301934" s="12"/>
    </row>
    <row r="301935" spans="8:8">
      <c r="H301935" s="12"/>
    </row>
    <row r="301936" spans="8:8">
      <c r="H301936" s="12"/>
    </row>
    <row r="301937" spans="8:8">
      <c r="H301937" s="12"/>
    </row>
    <row r="301938" spans="8:8">
      <c r="H301938" s="12"/>
    </row>
    <row r="301939" spans="8:8">
      <c r="H301939" s="12"/>
    </row>
    <row r="301940" spans="8:8">
      <c r="H301940" s="12"/>
    </row>
    <row r="301941" spans="8:8">
      <c r="H301941" s="12"/>
    </row>
    <row r="301942" spans="8:8">
      <c r="H301942" s="12"/>
    </row>
    <row r="301943" spans="8:8">
      <c r="H301943" s="12"/>
    </row>
    <row r="301944" spans="8:8">
      <c r="H301944" s="12"/>
    </row>
    <row r="301945" spans="8:8">
      <c r="H301945" s="12"/>
    </row>
    <row r="301946" spans="8:8">
      <c r="H301946" s="12"/>
    </row>
    <row r="301947" spans="8:8">
      <c r="H301947" s="12"/>
    </row>
    <row r="301948" spans="8:8">
      <c r="H301948" s="12"/>
    </row>
    <row r="301949" spans="8:8">
      <c r="H301949" s="12"/>
    </row>
    <row r="301950" spans="8:8">
      <c r="H301950" s="12"/>
    </row>
    <row r="301951" spans="8:8">
      <c r="H301951" s="12"/>
    </row>
    <row r="301952" spans="8:8">
      <c r="H301952" s="12"/>
    </row>
    <row r="301953" spans="8:8">
      <c r="H301953" s="12"/>
    </row>
    <row r="301954" spans="8:8">
      <c r="H301954" s="12"/>
    </row>
    <row r="301955" spans="8:8">
      <c r="H301955" s="12"/>
    </row>
    <row r="301956" spans="8:8">
      <c r="H301956" s="12"/>
    </row>
    <row r="301957" spans="8:8">
      <c r="H301957" s="12"/>
    </row>
    <row r="301958" spans="8:8">
      <c r="H301958" s="12"/>
    </row>
    <row r="301959" spans="8:8">
      <c r="H301959" s="12"/>
    </row>
    <row r="301960" spans="8:8">
      <c r="H301960" s="12"/>
    </row>
    <row r="301961" spans="8:8">
      <c r="H301961" s="12"/>
    </row>
    <row r="301962" spans="8:8">
      <c r="H301962" s="12"/>
    </row>
    <row r="301963" spans="8:8">
      <c r="H301963" s="12"/>
    </row>
    <row r="301964" spans="8:8">
      <c r="H301964" s="12"/>
    </row>
    <row r="301965" spans="8:8">
      <c r="H301965" s="12"/>
    </row>
    <row r="301966" spans="8:8">
      <c r="H301966" s="12"/>
    </row>
    <row r="301967" spans="8:8">
      <c r="H301967" s="12"/>
    </row>
    <row r="301968" spans="8:8">
      <c r="H301968" s="12"/>
    </row>
    <row r="301969" spans="8:8">
      <c r="H301969" s="12"/>
    </row>
    <row r="301970" spans="8:8">
      <c r="H301970" s="12"/>
    </row>
    <row r="301971" spans="8:8">
      <c r="H301971" s="12"/>
    </row>
    <row r="301972" spans="8:8">
      <c r="H301972" s="12"/>
    </row>
    <row r="301973" spans="8:8">
      <c r="H301973" s="12"/>
    </row>
    <row r="301974" spans="8:8">
      <c r="H301974" s="12"/>
    </row>
    <row r="301975" spans="8:8">
      <c r="H301975" s="12"/>
    </row>
    <row r="301976" spans="8:8">
      <c r="H301976" s="12"/>
    </row>
    <row r="301977" spans="8:8">
      <c r="H301977" s="12"/>
    </row>
    <row r="301978" spans="8:8">
      <c r="H301978" s="12"/>
    </row>
    <row r="301979" spans="8:8">
      <c r="H301979" s="12"/>
    </row>
    <row r="301980" spans="8:8">
      <c r="H301980" s="12"/>
    </row>
    <row r="301981" spans="8:8">
      <c r="H301981" s="12"/>
    </row>
    <row r="301982" spans="8:8">
      <c r="H301982" s="12"/>
    </row>
    <row r="301983" spans="8:8">
      <c r="H301983" s="12"/>
    </row>
    <row r="301984" spans="8:8">
      <c r="H301984" s="12"/>
    </row>
    <row r="301985" spans="8:8">
      <c r="H301985" s="12"/>
    </row>
    <row r="301986" spans="8:8">
      <c r="H301986" s="12"/>
    </row>
    <row r="301987" spans="8:8">
      <c r="H301987" s="12"/>
    </row>
    <row r="301988" spans="8:8">
      <c r="H301988" s="12"/>
    </row>
    <row r="301989" spans="8:8">
      <c r="H301989" s="12"/>
    </row>
    <row r="301990" spans="8:8">
      <c r="H301990" s="12"/>
    </row>
    <row r="301991" spans="8:8">
      <c r="H301991" s="12"/>
    </row>
    <row r="301992" spans="8:8">
      <c r="H301992" s="12"/>
    </row>
    <row r="301993" spans="8:8">
      <c r="H301993" s="12"/>
    </row>
    <row r="301994" spans="8:8">
      <c r="H301994" s="12"/>
    </row>
    <row r="301995" spans="8:8">
      <c r="H301995" s="12"/>
    </row>
    <row r="301996" spans="8:8">
      <c r="H301996" s="12"/>
    </row>
    <row r="301997" spans="8:8">
      <c r="H301997" s="12"/>
    </row>
    <row r="301998" spans="8:8">
      <c r="H301998" s="12"/>
    </row>
    <row r="301999" spans="8:8">
      <c r="H301999" s="12"/>
    </row>
    <row r="302000" spans="8:8">
      <c r="H302000" s="12"/>
    </row>
    <row r="302001" spans="8:8">
      <c r="H302001" s="12"/>
    </row>
    <row r="302002" spans="8:8">
      <c r="H302002" s="12"/>
    </row>
    <row r="302003" spans="8:8">
      <c r="H302003" s="12"/>
    </row>
    <row r="302004" spans="8:8">
      <c r="H302004" s="12"/>
    </row>
    <row r="302005" spans="8:8">
      <c r="H302005" s="12"/>
    </row>
    <row r="302006" spans="8:8">
      <c r="H302006" s="12"/>
    </row>
    <row r="302007" spans="8:8">
      <c r="H302007" s="12"/>
    </row>
    <row r="302008" spans="8:8">
      <c r="H302008" s="12"/>
    </row>
    <row r="302009" spans="8:8">
      <c r="H302009" s="12"/>
    </row>
    <row r="302010" spans="8:8">
      <c r="H302010" s="12"/>
    </row>
    <row r="302011" spans="8:8">
      <c r="H302011" s="12"/>
    </row>
    <row r="302012" spans="8:8">
      <c r="H302012" s="12"/>
    </row>
    <row r="302013" spans="8:8">
      <c r="H302013" s="12"/>
    </row>
    <row r="302014" spans="8:8">
      <c r="H302014" s="12"/>
    </row>
    <row r="302015" spans="8:8">
      <c r="H302015" s="12"/>
    </row>
    <row r="302016" spans="8:8">
      <c r="H302016" s="12"/>
    </row>
    <row r="302017" spans="8:8">
      <c r="H302017" s="12"/>
    </row>
    <row r="302018" spans="8:8">
      <c r="H302018" s="12"/>
    </row>
    <row r="302019" spans="8:8">
      <c r="H302019" s="12"/>
    </row>
    <row r="302020" spans="8:8">
      <c r="H302020" s="12"/>
    </row>
    <row r="302021" spans="8:8">
      <c r="H302021" s="12"/>
    </row>
    <row r="302022" spans="8:8">
      <c r="H302022" s="12"/>
    </row>
    <row r="302023" spans="8:8">
      <c r="H302023" s="12"/>
    </row>
    <row r="302024" spans="8:8">
      <c r="H302024" s="12"/>
    </row>
    <row r="302025" spans="8:8">
      <c r="H302025" s="12"/>
    </row>
    <row r="302026" spans="8:8">
      <c r="H302026" s="12"/>
    </row>
    <row r="302027" spans="8:8">
      <c r="H302027" s="12"/>
    </row>
    <row r="302028" spans="8:8">
      <c r="H302028" s="12"/>
    </row>
    <row r="302029" spans="8:8">
      <c r="H302029" s="12"/>
    </row>
    <row r="302030" spans="8:8">
      <c r="H302030" s="12"/>
    </row>
    <row r="302031" spans="8:8">
      <c r="H302031" s="12"/>
    </row>
    <row r="302032" spans="8:8">
      <c r="H302032" s="12"/>
    </row>
    <row r="302033" spans="8:8">
      <c r="H302033" s="12"/>
    </row>
    <row r="302034" spans="8:8">
      <c r="H302034" s="12"/>
    </row>
    <row r="302035" spans="8:8">
      <c r="H302035" s="12"/>
    </row>
    <row r="302036" spans="8:8">
      <c r="H302036" s="12"/>
    </row>
    <row r="302037" spans="8:8">
      <c r="H302037" s="12"/>
    </row>
    <row r="302038" spans="8:8">
      <c r="H302038" s="12"/>
    </row>
    <row r="302039" spans="8:8">
      <c r="H302039" s="12"/>
    </row>
    <row r="302040" spans="8:8">
      <c r="H302040" s="12"/>
    </row>
    <row r="302041" spans="8:8">
      <c r="H302041" s="12"/>
    </row>
    <row r="302042" spans="8:8">
      <c r="H302042" s="12"/>
    </row>
    <row r="302043" spans="8:8">
      <c r="H302043" s="12"/>
    </row>
    <row r="302044" spans="8:8">
      <c r="H302044" s="12"/>
    </row>
    <row r="302045" spans="8:8">
      <c r="H302045" s="12"/>
    </row>
    <row r="302046" spans="8:8">
      <c r="H302046" s="12"/>
    </row>
    <row r="302047" spans="8:8">
      <c r="H302047" s="12"/>
    </row>
    <row r="302048" spans="8:8">
      <c r="H302048" s="12"/>
    </row>
    <row r="302049" spans="8:8">
      <c r="H302049" s="12"/>
    </row>
    <row r="302050" spans="8:8">
      <c r="H302050" s="12"/>
    </row>
    <row r="302051" spans="8:8">
      <c r="H302051" s="12"/>
    </row>
    <row r="302052" spans="8:8">
      <c r="H302052" s="12"/>
    </row>
    <row r="302053" spans="8:8">
      <c r="H302053" s="12"/>
    </row>
    <row r="302054" spans="8:8">
      <c r="H302054" s="12"/>
    </row>
    <row r="302055" spans="8:8">
      <c r="H302055" s="12"/>
    </row>
    <row r="302056" spans="8:8">
      <c r="H302056" s="12"/>
    </row>
    <row r="302057" spans="8:8">
      <c r="H302057" s="12"/>
    </row>
    <row r="302058" spans="8:8">
      <c r="H302058" s="12"/>
    </row>
    <row r="302059" spans="8:8">
      <c r="H302059" s="12"/>
    </row>
    <row r="302060" spans="8:8">
      <c r="H302060" s="12"/>
    </row>
    <row r="302061" spans="8:8">
      <c r="H302061" s="12"/>
    </row>
    <row r="302062" spans="8:8">
      <c r="H302062" s="12"/>
    </row>
    <row r="302063" spans="8:8">
      <c r="H302063" s="12"/>
    </row>
    <row r="302064" spans="8:8">
      <c r="H302064" s="12"/>
    </row>
    <row r="302065" spans="8:8">
      <c r="H302065" s="12"/>
    </row>
    <row r="302066" spans="8:8">
      <c r="H302066" s="12"/>
    </row>
    <row r="302067" spans="8:8">
      <c r="H302067" s="12"/>
    </row>
    <row r="302068" spans="8:8">
      <c r="H302068" s="12"/>
    </row>
    <row r="302069" spans="8:8">
      <c r="H302069" s="12"/>
    </row>
    <row r="302070" spans="8:8">
      <c r="H302070" s="12"/>
    </row>
    <row r="302071" spans="8:8">
      <c r="H302071" s="12"/>
    </row>
    <row r="302072" spans="8:8">
      <c r="H302072" s="12"/>
    </row>
    <row r="302073" spans="8:8">
      <c r="H302073" s="12"/>
    </row>
    <row r="302074" spans="8:8">
      <c r="H302074" s="12"/>
    </row>
    <row r="302075" spans="8:8">
      <c r="H302075" s="12"/>
    </row>
    <row r="302076" spans="8:8">
      <c r="H302076" s="12"/>
    </row>
    <row r="302077" spans="8:8">
      <c r="H302077" s="12"/>
    </row>
    <row r="302078" spans="8:8">
      <c r="H302078" s="12"/>
    </row>
    <row r="302079" spans="8:8">
      <c r="H302079" s="12"/>
    </row>
    <row r="302080" spans="8:8">
      <c r="H302080" s="12"/>
    </row>
    <row r="302081" spans="8:8">
      <c r="H302081" s="12"/>
    </row>
    <row r="302082" spans="8:8">
      <c r="H302082" s="12"/>
    </row>
    <row r="302083" spans="8:8">
      <c r="H302083" s="12"/>
    </row>
    <row r="302084" spans="8:8">
      <c r="H302084" s="12"/>
    </row>
    <row r="302085" spans="8:8">
      <c r="H302085" s="12"/>
    </row>
    <row r="302086" spans="8:8">
      <c r="H302086" s="12"/>
    </row>
    <row r="302087" spans="8:8">
      <c r="H302087" s="12"/>
    </row>
    <row r="302088" spans="8:8">
      <c r="H302088" s="12"/>
    </row>
    <row r="302089" spans="8:8">
      <c r="H302089" s="12"/>
    </row>
    <row r="302090" spans="8:8">
      <c r="H302090" s="12"/>
    </row>
    <row r="302091" spans="8:8">
      <c r="H302091" s="12"/>
    </row>
    <row r="302092" spans="8:8">
      <c r="H302092" s="12"/>
    </row>
    <row r="302093" spans="8:8">
      <c r="H302093" s="12"/>
    </row>
    <row r="302094" spans="8:8">
      <c r="H302094" s="12"/>
    </row>
    <row r="302095" spans="8:8">
      <c r="H302095" s="12"/>
    </row>
    <row r="302096" spans="8:8">
      <c r="H302096" s="12"/>
    </row>
    <row r="302097" spans="8:8">
      <c r="H302097" s="12"/>
    </row>
    <row r="302098" spans="8:8">
      <c r="H302098" s="12"/>
    </row>
    <row r="302099" spans="8:8">
      <c r="H302099" s="12"/>
    </row>
    <row r="302100" spans="8:8">
      <c r="H302100" s="12"/>
    </row>
    <row r="302101" spans="8:8">
      <c r="H302101" s="12"/>
    </row>
    <row r="302102" spans="8:8">
      <c r="H302102" s="12"/>
    </row>
    <row r="302103" spans="8:8">
      <c r="H302103" s="12"/>
    </row>
    <row r="302104" spans="8:8">
      <c r="H302104" s="12"/>
    </row>
    <row r="302105" spans="8:8">
      <c r="H302105" s="12"/>
    </row>
    <row r="302106" spans="8:8">
      <c r="H302106" s="12"/>
    </row>
    <row r="302107" spans="8:8">
      <c r="H302107" s="12"/>
    </row>
    <row r="302108" spans="8:8">
      <c r="H302108" s="12"/>
    </row>
    <row r="302109" spans="8:8">
      <c r="H302109" s="12"/>
    </row>
    <row r="302110" spans="8:8">
      <c r="H302110" s="12"/>
    </row>
    <row r="302111" spans="8:8">
      <c r="H302111" s="12"/>
    </row>
    <row r="302112" spans="8:8">
      <c r="H302112" s="12"/>
    </row>
    <row r="302113" spans="8:8">
      <c r="H302113" s="12"/>
    </row>
    <row r="302114" spans="8:8">
      <c r="H302114" s="12"/>
    </row>
    <row r="302115" spans="8:8">
      <c r="H302115" s="12"/>
    </row>
    <row r="302116" spans="8:8">
      <c r="H302116" s="12"/>
    </row>
    <row r="302117" spans="8:8">
      <c r="H302117" s="12"/>
    </row>
    <row r="302118" spans="8:8">
      <c r="H302118" s="12"/>
    </row>
    <row r="302119" spans="8:8">
      <c r="H302119" s="12"/>
    </row>
    <row r="302120" spans="8:8">
      <c r="H302120" s="12"/>
    </row>
    <row r="302121" spans="8:8">
      <c r="H302121" s="12"/>
    </row>
    <row r="302122" spans="8:8">
      <c r="H302122" s="12"/>
    </row>
    <row r="302123" spans="8:8">
      <c r="H302123" s="12"/>
    </row>
    <row r="302124" spans="8:8">
      <c r="H302124" s="12"/>
    </row>
    <row r="302125" spans="8:8">
      <c r="H302125" s="12"/>
    </row>
    <row r="302126" spans="8:8">
      <c r="H302126" s="12"/>
    </row>
    <row r="302127" spans="8:8">
      <c r="H302127" s="12"/>
    </row>
    <row r="302128" spans="8:8">
      <c r="H302128" s="12"/>
    </row>
    <row r="302129" spans="8:8">
      <c r="H302129" s="12"/>
    </row>
    <row r="302130" spans="8:8">
      <c r="H302130" s="12"/>
    </row>
    <row r="302131" spans="8:8">
      <c r="H302131" s="12"/>
    </row>
    <row r="302132" spans="8:8">
      <c r="H302132" s="12"/>
    </row>
    <row r="302133" spans="8:8">
      <c r="H302133" s="12"/>
    </row>
    <row r="302134" spans="8:8">
      <c r="H302134" s="12"/>
    </row>
    <row r="302135" spans="8:8">
      <c r="H302135" s="12"/>
    </row>
    <row r="302136" spans="8:8">
      <c r="H302136" s="12"/>
    </row>
    <row r="302137" spans="8:8">
      <c r="H302137" s="12"/>
    </row>
    <row r="302138" spans="8:8">
      <c r="H302138" s="12"/>
    </row>
    <row r="302139" spans="8:8">
      <c r="H302139" s="12"/>
    </row>
    <row r="302140" spans="8:8">
      <c r="H302140" s="12"/>
    </row>
    <row r="302141" spans="8:8">
      <c r="H302141" s="12"/>
    </row>
    <row r="302142" spans="8:8">
      <c r="H302142" s="12"/>
    </row>
    <row r="302143" spans="8:8">
      <c r="H302143" s="12"/>
    </row>
    <row r="302144" spans="8:8">
      <c r="H302144" s="12"/>
    </row>
    <row r="302145" spans="8:8">
      <c r="H302145" s="12"/>
    </row>
    <row r="302146" spans="8:8">
      <c r="H302146" s="12"/>
    </row>
    <row r="302147" spans="8:8">
      <c r="H302147" s="12"/>
    </row>
    <row r="302148" spans="8:8">
      <c r="H302148" s="12"/>
    </row>
    <row r="302149" spans="8:8">
      <c r="H302149" s="12"/>
    </row>
    <row r="302150" spans="8:8">
      <c r="H302150" s="12"/>
    </row>
    <row r="302151" spans="8:8">
      <c r="H302151" s="12"/>
    </row>
    <row r="302152" spans="8:8">
      <c r="H302152" s="12"/>
    </row>
    <row r="302153" spans="8:8">
      <c r="H302153" s="12"/>
    </row>
    <row r="302154" spans="8:8">
      <c r="H302154" s="12"/>
    </row>
    <row r="302155" spans="8:8">
      <c r="H302155" s="12"/>
    </row>
    <row r="302156" spans="8:8">
      <c r="H302156" s="12"/>
    </row>
    <row r="302157" spans="8:8">
      <c r="H302157" s="12"/>
    </row>
    <row r="302158" spans="8:8">
      <c r="H302158" s="12"/>
    </row>
    <row r="302159" spans="8:8">
      <c r="H302159" s="12"/>
    </row>
    <row r="302160" spans="8:8">
      <c r="H302160" s="12"/>
    </row>
    <row r="302161" spans="8:8">
      <c r="H302161" s="12"/>
    </row>
    <row r="302162" spans="8:8">
      <c r="H302162" s="12"/>
    </row>
    <row r="302163" spans="8:8">
      <c r="H302163" s="12"/>
    </row>
    <row r="302164" spans="8:8">
      <c r="H302164" s="12"/>
    </row>
    <row r="302165" spans="8:8">
      <c r="H302165" s="12"/>
    </row>
    <row r="302166" spans="8:8">
      <c r="H302166" s="12"/>
    </row>
    <row r="302167" spans="8:8">
      <c r="H302167" s="12"/>
    </row>
    <row r="302168" spans="8:8">
      <c r="H302168" s="12"/>
    </row>
    <row r="302169" spans="8:8">
      <c r="H302169" s="12"/>
    </row>
    <row r="302170" spans="8:8">
      <c r="H302170" s="12"/>
    </row>
    <row r="302171" spans="8:8">
      <c r="H302171" s="12"/>
    </row>
    <row r="302172" spans="8:8">
      <c r="H302172" s="12"/>
    </row>
    <row r="302173" spans="8:8">
      <c r="H302173" s="12"/>
    </row>
    <row r="302174" spans="8:8">
      <c r="H302174" s="12"/>
    </row>
    <row r="302175" spans="8:8">
      <c r="H302175" s="12"/>
    </row>
    <row r="302176" spans="8:8">
      <c r="H302176" s="12"/>
    </row>
    <row r="302177" spans="8:8">
      <c r="H302177" s="12"/>
    </row>
    <row r="302178" spans="8:8">
      <c r="H302178" s="12"/>
    </row>
    <row r="302179" spans="8:8">
      <c r="H302179" s="12"/>
    </row>
    <row r="302180" spans="8:8">
      <c r="H302180" s="12"/>
    </row>
    <row r="302181" spans="8:8">
      <c r="H302181" s="12"/>
    </row>
    <row r="302182" spans="8:8">
      <c r="H302182" s="12"/>
    </row>
    <row r="302183" spans="8:8">
      <c r="H302183" s="12"/>
    </row>
    <row r="302184" spans="8:8">
      <c r="H302184" s="12"/>
    </row>
    <row r="302185" spans="8:8">
      <c r="H302185" s="12"/>
    </row>
    <row r="302186" spans="8:8">
      <c r="H302186" s="12"/>
    </row>
    <row r="302187" spans="8:8">
      <c r="H302187" s="12"/>
    </row>
    <row r="302188" spans="8:8">
      <c r="H302188" s="12"/>
    </row>
    <row r="302189" spans="8:8">
      <c r="H302189" s="12"/>
    </row>
    <row r="302190" spans="8:8">
      <c r="H302190" s="12"/>
    </row>
    <row r="302191" spans="8:8">
      <c r="H302191" s="12"/>
    </row>
    <row r="302192" spans="8:8">
      <c r="H302192" s="12"/>
    </row>
    <row r="302193" spans="8:8">
      <c r="H302193" s="12"/>
    </row>
    <row r="302194" spans="8:8">
      <c r="H302194" s="12"/>
    </row>
    <row r="302195" spans="8:8">
      <c r="H302195" s="12"/>
    </row>
    <row r="302196" spans="8:8">
      <c r="H302196" s="12"/>
    </row>
    <row r="302197" spans="8:8">
      <c r="H302197" s="12"/>
    </row>
    <row r="302198" spans="8:8">
      <c r="H302198" s="12"/>
    </row>
    <row r="302199" spans="8:8">
      <c r="H302199" s="12"/>
    </row>
    <row r="302200" spans="8:8">
      <c r="H302200" s="12"/>
    </row>
    <row r="302201" spans="8:8">
      <c r="H302201" s="12"/>
    </row>
    <row r="302202" spans="8:8">
      <c r="H302202" s="12"/>
    </row>
    <row r="302203" spans="8:8">
      <c r="H302203" s="12"/>
    </row>
    <row r="302204" spans="8:8">
      <c r="H302204" s="12"/>
    </row>
    <row r="302205" spans="8:8">
      <c r="H302205" s="12"/>
    </row>
    <row r="302206" spans="8:8">
      <c r="H302206" s="12"/>
    </row>
    <row r="302207" spans="8:8">
      <c r="H302207" s="12"/>
    </row>
    <row r="302208" spans="8:8">
      <c r="H302208" s="12"/>
    </row>
    <row r="302209" spans="8:8">
      <c r="H302209" s="12"/>
    </row>
    <row r="302210" spans="8:8">
      <c r="H302210" s="12"/>
    </row>
    <row r="302211" spans="8:8">
      <c r="H302211" s="12"/>
    </row>
    <row r="302212" spans="8:8">
      <c r="H302212" s="12"/>
    </row>
    <row r="302213" spans="8:8">
      <c r="H302213" s="12"/>
    </row>
    <row r="302214" spans="8:8">
      <c r="H302214" s="12"/>
    </row>
    <row r="302215" spans="8:8">
      <c r="H302215" s="12"/>
    </row>
    <row r="302216" spans="8:8">
      <c r="H302216" s="12"/>
    </row>
    <row r="302217" spans="8:8">
      <c r="H302217" s="12"/>
    </row>
    <row r="302218" spans="8:8">
      <c r="H302218" s="12"/>
    </row>
    <row r="302219" spans="8:8">
      <c r="H302219" s="12"/>
    </row>
    <row r="302220" spans="8:8">
      <c r="H302220" s="12"/>
    </row>
    <row r="302221" spans="8:8">
      <c r="H302221" s="12"/>
    </row>
    <row r="302222" spans="8:8">
      <c r="H302222" s="12"/>
    </row>
    <row r="302223" spans="8:8">
      <c r="H302223" s="12"/>
    </row>
    <row r="302224" spans="8:8">
      <c r="H302224" s="12"/>
    </row>
    <row r="302225" spans="8:8">
      <c r="H302225" s="12"/>
    </row>
    <row r="302226" spans="8:8">
      <c r="H302226" s="12"/>
    </row>
    <row r="302227" spans="8:8">
      <c r="H302227" s="12"/>
    </row>
    <row r="302228" spans="8:8">
      <c r="H302228" s="12"/>
    </row>
    <row r="302229" spans="8:8">
      <c r="H302229" s="12"/>
    </row>
    <row r="302230" spans="8:8">
      <c r="H302230" s="12"/>
    </row>
    <row r="302231" spans="8:8">
      <c r="H302231" s="12"/>
    </row>
    <row r="302232" spans="8:8">
      <c r="H302232" s="12"/>
    </row>
    <row r="302233" spans="8:8">
      <c r="H302233" s="12"/>
    </row>
    <row r="302234" spans="8:8">
      <c r="H302234" s="12"/>
    </row>
    <row r="302235" spans="8:8">
      <c r="H302235" s="12"/>
    </row>
    <row r="302236" spans="8:8">
      <c r="H302236" s="12"/>
    </row>
    <row r="302237" spans="8:8">
      <c r="H302237" s="12"/>
    </row>
    <row r="302238" spans="8:8">
      <c r="H302238" s="12"/>
    </row>
    <row r="302239" spans="8:8">
      <c r="H302239" s="12"/>
    </row>
    <row r="302240" spans="8:8">
      <c r="H302240" s="12"/>
    </row>
    <row r="302241" spans="8:8">
      <c r="H302241" s="12"/>
    </row>
    <row r="302242" spans="8:8">
      <c r="H302242" s="12"/>
    </row>
    <row r="302243" spans="8:8">
      <c r="H302243" s="12"/>
    </row>
    <row r="302244" spans="8:8">
      <c r="H302244" s="12"/>
    </row>
    <row r="302245" spans="8:8">
      <c r="H302245" s="12"/>
    </row>
    <row r="302246" spans="8:8">
      <c r="H302246" s="12"/>
    </row>
    <row r="302247" spans="8:8">
      <c r="H302247" s="12"/>
    </row>
    <row r="302248" spans="8:8">
      <c r="H302248" s="12"/>
    </row>
    <row r="302249" spans="8:8">
      <c r="H302249" s="12"/>
    </row>
    <row r="302250" spans="8:8">
      <c r="H302250" s="12"/>
    </row>
    <row r="302251" spans="8:8">
      <c r="H302251" s="12"/>
    </row>
    <row r="302252" spans="8:8">
      <c r="H302252" s="12"/>
    </row>
    <row r="302253" spans="8:8">
      <c r="H302253" s="12"/>
    </row>
    <row r="302254" spans="8:8">
      <c r="H302254" s="12"/>
    </row>
    <row r="302255" spans="8:8">
      <c r="H302255" s="12"/>
    </row>
    <row r="302256" spans="8:8">
      <c r="H302256" s="12"/>
    </row>
    <row r="302257" spans="8:8">
      <c r="H302257" s="12"/>
    </row>
    <row r="302258" spans="8:8">
      <c r="H302258" s="12"/>
    </row>
    <row r="302259" spans="8:8">
      <c r="H302259" s="12"/>
    </row>
    <row r="302260" spans="8:8">
      <c r="H302260" s="12"/>
    </row>
    <row r="302261" spans="8:8">
      <c r="H302261" s="12"/>
    </row>
    <row r="302262" spans="8:8">
      <c r="H302262" s="12"/>
    </row>
    <row r="302263" spans="8:8">
      <c r="H302263" s="12"/>
    </row>
    <row r="302264" spans="8:8">
      <c r="H302264" s="12"/>
    </row>
    <row r="302265" spans="8:8">
      <c r="H302265" s="12"/>
    </row>
    <row r="302266" spans="8:8">
      <c r="H302266" s="12"/>
    </row>
    <row r="302267" spans="8:8">
      <c r="H302267" s="12"/>
    </row>
    <row r="302268" spans="8:8">
      <c r="H302268" s="12"/>
    </row>
    <row r="302269" spans="8:8">
      <c r="H302269" s="12"/>
    </row>
    <row r="302270" spans="8:8">
      <c r="H302270" s="12"/>
    </row>
    <row r="302271" spans="8:8">
      <c r="H302271" s="12"/>
    </row>
    <row r="302272" spans="8:8">
      <c r="H302272" s="12"/>
    </row>
    <row r="302273" spans="8:8">
      <c r="H302273" s="12"/>
    </row>
    <row r="302274" spans="8:8">
      <c r="H302274" s="12"/>
    </row>
    <row r="302275" spans="8:8">
      <c r="H302275" s="12"/>
    </row>
    <row r="302276" spans="8:8">
      <c r="H302276" s="12"/>
    </row>
    <row r="302277" spans="8:8">
      <c r="H302277" s="12"/>
    </row>
    <row r="302278" spans="8:8">
      <c r="H302278" s="12"/>
    </row>
    <row r="302279" spans="8:8">
      <c r="H302279" s="12"/>
    </row>
    <row r="302280" spans="8:8">
      <c r="H302280" s="12"/>
    </row>
    <row r="302281" spans="8:8">
      <c r="H302281" s="12"/>
    </row>
    <row r="302282" spans="8:8">
      <c r="H302282" s="12"/>
    </row>
    <row r="302283" spans="8:8">
      <c r="H302283" s="12"/>
    </row>
    <row r="302284" spans="8:8">
      <c r="H302284" s="12"/>
    </row>
    <row r="302285" spans="8:8">
      <c r="H302285" s="12"/>
    </row>
    <row r="302286" spans="8:8">
      <c r="H302286" s="12"/>
    </row>
    <row r="302287" spans="8:8">
      <c r="H302287" s="12"/>
    </row>
    <row r="302288" spans="8:8">
      <c r="H302288" s="12"/>
    </row>
    <row r="302289" spans="8:8">
      <c r="H302289" s="12"/>
    </row>
    <row r="302290" spans="8:8">
      <c r="H302290" s="12"/>
    </row>
    <row r="302291" spans="8:8">
      <c r="H302291" s="12"/>
    </row>
    <row r="302292" spans="8:8">
      <c r="H302292" s="12"/>
    </row>
    <row r="302293" spans="8:8">
      <c r="H302293" s="12"/>
    </row>
    <row r="302294" spans="8:8">
      <c r="H302294" s="12"/>
    </row>
    <row r="302295" spans="8:8">
      <c r="H302295" s="12"/>
    </row>
    <row r="302296" spans="8:8">
      <c r="H302296" s="12"/>
    </row>
    <row r="302297" spans="8:8">
      <c r="H302297" s="12"/>
    </row>
    <row r="302298" spans="8:8">
      <c r="H302298" s="12"/>
    </row>
    <row r="302299" spans="8:8">
      <c r="H302299" s="12"/>
    </row>
    <row r="302300" spans="8:8">
      <c r="H302300" s="12"/>
    </row>
    <row r="302301" spans="8:8">
      <c r="H302301" s="12"/>
    </row>
    <row r="302302" spans="8:8">
      <c r="H302302" s="12"/>
    </row>
    <row r="302303" spans="8:8">
      <c r="H302303" s="12"/>
    </row>
    <row r="302304" spans="8:8">
      <c r="H302304" s="12"/>
    </row>
    <row r="302305" spans="8:8">
      <c r="H302305" s="12"/>
    </row>
    <row r="302306" spans="8:8">
      <c r="H302306" s="12"/>
    </row>
    <row r="302307" spans="8:8">
      <c r="H302307" s="12"/>
    </row>
    <row r="302308" spans="8:8">
      <c r="H302308" s="12"/>
    </row>
    <row r="302309" spans="8:8">
      <c r="H302309" s="12"/>
    </row>
    <row r="302310" spans="8:8">
      <c r="H302310" s="12"/>
    </row>
    <row r="302311" spans="8:8">
      <c r="H302311" s="12"/>
    </row>
    <row r="302312" spans="8:8">
      <c r="H302312" s="12"/>
    </row>
    <row r="302313" spans="8:8">
      <c r="H302313" s="12"/>
    </row>
    <row r="302314" spans="8:8">
      <c r="H302314" s="12"/>
    </row>
    <row r="302315" spans="8:8">
      <c r="H302315" s="12"/>
    </row>
    <row r="302316" spans="8:8">
      <c r="H302316" s="12"/>
    </row>
    <row r="302317" spans="8:8">
      <c r="H302317" s="12"/>
    </row>
    <row r="302318" spans="8:8">
      <c r="H302318" s="12"/>
    </row>
    <row r="302319" spans="8:8">
      <c r="H302319" s="12"/>
    </row>
    <row r="302320" spans="8:8">
      <c r="H302320" s="12"/>
    </row>
    <row r="302321" spans="8:8">
      <c r="H302321" s="12"/>
    </row>
    <row r="302322" spans="8:8">
      <c r="H302322" s="12"/>
    </row>
    <row r="302323" spans="8:8">
      <c r="H302323" s="12"/>
    </row>
    <row r="302324" spans="8:8">
      <c r="H302324" s="12"/>
    </row>
    <row r="302325" spans="8:8">
      <c r="H302325" s="12"/>
    </row>
    <row r="302326" spans="8:8">
      <c r="H302326" s="12"/>
    </row>
    <row r="302327" spans="8:8">
      <c r="H302327" s="12"/>
    </row>
    <row r="302328" spans="8:8">
      <c r="H302328" s="12"/>
    </row>
    <row r="302329" spans="8:8">
      <c r="H302329" s="12"/>
    </row>
    <row r="302330" spans="8:8">
      <c r="H302330" s="12"/>
    </row>
    <row r="302331" spans="8:8">
      <c r="H302331" s="12"/>
    </row>
    <row r="302332" spans="8:8">
      <c r="H302332" s="12"/>
    </row>
    <row r="302333" spans="8:8">
      <c r="H302333" s="12"/>
    </row>
    <row r="302334" spans="8:8">
      <c r="H302334" s="12"/>
    </row>
    <row r="302335" spans="8:8">
      <c r="H302335" s="12"/>
    </row>
    <row r="302336" spans="8:8">
      <c r="H302336" s="12"/>
    </row>
    <row r="302337" spans="8:8">
      <c r="H302337" s="12"/>
    </row>
    <row r="302338" spans="8:8">
      <c r="H302338" s="12"/>
    </row>
    <row r="302339" spans="8:8">
      <c r="H302339" s="12"/>
    </row>
    <row r="302340" spans="8:8">
      <c r="H302340" s="12"/>
    </row>
    <row r="302341" spans="8:8">
      <c r="H302341" s="12"/>
    </row>
    <row r="302342" spans="8:8">
      <c r="H302342" s="12"/>
    </row>
    <row r="302343" spans="8:8">
      <c r="H302343" s="12"/>
    </row>
    <row r="302344" spans="8:8">
      <c r="H302344" s="12"/>
    </row>
    <row r="302345" spans="8:8">
      <c r="H302345" s="12"/>
    </row>
    <row r="302346" spans="8:8">
      <c r="H302346" s="12"/>
    </row>
    <row r="302347" spans="8:8">
      <c r="H302347" s="12"/>
    </row>
    <row r="302348" spans="8:8">
      <c r="H302348" s="12"/>
    </row>
    <row r="302349" spans="8:8">
      <c r="H302349" s="12"/>
    </row>
    <row r="302350" spans="8:8">
      <c r="H302350" s="12"/>
    </row>
    <row r="302351" spans="8:8">
      <c r="H302351" s="12"/>
    </row>
    <row r="302352" spans="8:8">
      <c r="H302352" s="12"/>
    </row>
    <row r="302353" spans="8:8">
      <c r="H302353" s="12"/>
    </row>
    <row r="302354" spans="8:8">
      <c r="H302354" s="12"/>
    </row>
    <row r="302355" spans="8:8">
      <c r="H302355" s="12"/>
    </row>
    <row r="302356" spans="8:8">
      <c r="H302356" s="12"/>
    </row>
    <row r="302357" spans="8:8">
      <c r="H302357" s="12"/>
    </row>
    <row r="302358" spans="8:8">
      <c r="H302358" s="12"/>
    </row>
    <row r="302359" spans="8:8">
      <c r="H302359" s="12"/>
    </row>
    <row r="302360" spans="8:8">
      <c r="H302360" s="12"/>
    </row>
    <row r="302361" spans="8:8">
      <c r="H302361" s="12"/>
    </row>
    <row r="302362" spans="8:8">
      <c r="H302362" s="12"/>
    </row>
    <row r="302363" spans="8:8">
      <c r="H302363" s="12"/>
    </row>
    <row r="302364" spans="8:8">
      <c r="H302364" s="12"/>
    </row>
    <row r="302365" spans="8:8">
      <c r="H302365" s="12"/>
    </row>
    <row r="302366" spans="8:8">
      <c r="H302366" s="12"/>
    </row>
    <row r="302367" spans="8:8">
      <c r="H302367" s="12"/>
    </row>
    <row r="302368" spans="8:8">
      <c r="H302368" s="12"/>
    </row>
    <row r="302369" spans="8:8">
      <c r="H302369" s="12"/>
    </row>
    <row r="302370" spans="8:8">
      <c r="H302370" s="12"/>
    </row>
    <row r="302371" spans="8:8">
      <c r="H302371" s="12"/>
    </row>
    <row r="302372" spans="8:8">
      <c r="H302372" s="12"/>
    </row>
    <row r="302373" spans="8:8">
      <c r="H302373" s="12"/>
    </row>
    <row r="302374" spans="8:8">
      <c r="H302374" s="12"/>
    </row>
    <row r="302375" spans="8:8">
      <c r="H302375" s="12"/>
    </row>
    <row r="302376" spans="8:8">
      <c r="H302376" s="12"/>
    </row>
    <row r="302377" spans="8:8">
      <c r="H302377" s="12"/>
    </row>
    <row r="302378" spans="8:8">
      <c r="H302378" s="12"/>
    </row>
    <row r="302379" spans="8:8">
      <c r="H302379" s="12"/>
    </row>
    <row r="302380" spans="8:8">
      <c r="H302380" s="12"/>
    </row>
    <row r="302381" spans="8:8">
      <c r="H302381" s="12"/>
    </row>
    <row r="302382" spans="8:8">
      <c r="H302382" s="12"/>
    </row>
    <row r="302383" spans="8:8">
      <c r="H302383" s="12"/>
    </row>
    <row r="302384" spans="8:8">
      <c r="H302384" s="12"/>
    </row>
    <row r="302385" spans="8:8">
      <c r="H302385" s="12"/>
    </row>
    <row r="302386" spans="8:8">
      <c r="H302386" s="12"/>
    </row>
    <row r="302387" spans="8:8">
      <c r="H302387" s="12"/>
    </row>
    <row r="302388" spans="8:8">
      <c r="H302388" s="12"/>
    </row>
    <row r="302389" spans="8:8">
      <c r="H302389" s="12"/>
    </row>
    <row r="302390" spans="8:8">
      <c r="H302390" s="12"/>
    </row>
    <row r="302391" spans="8:8">
      <c r="H302391" s="12"/>
    </row>
    <row r="302392" spans="8:8">
      <c r="H302392" s="12"/>
    </row>
    <row r="302393" spans="8:8">
      <c r="H302393" s="12"/>
    </row>
    <row r="302394" spans="8:8">
      <c r="H302394" s="12"/>
    </row>
    <row r="302395" spans="8:8">
      <c r="H302395" s="12"/>
    </row>
    <row r="302396" spans="8:8">
      <c r="H302396" s="12"/>
    </row>
    <row r="302397" spans="8:8">
      <c r="H302397" s="12"/>
    </row>
    <row r="302398" spans="8:8">
      <c r="H302398" s="12"/>
    </row>
    <row r="302399" spans="8:8">
      <c r="H302399" s="12"/>
    </row>
    <row r="302400" spans="8:8">
      <c r="H302400" s="12"/>
    </row>
    <row r="302401" spans="8:8">
      <c r="H302401" s="12"/>
    </row>
    <row r="302402" spans="8:8">
      <c r="H302402" s="12"/>
    </row>
    <row r="302403" spans="8:8">
      <c r="H302403" s="12"/>
    </row>
    <row r="302404" spans="8:8">
      <c r="H302404" s="12"/>
    </row>
    <row r="302405" spans="8:8">
      <c r="H302405" s="12"/>
    </row>
    <row r="302406" spans="8:8">
      <c r="H302406" s="12"/>
    </row>
    <row r="302407" spans="8:8">
      <c r="H302407" s="12"/>
    </row>
    <row r="302408" spans="8:8">
      <c r="H302408" s="12"/>
    </row>
    <row r="302409" spans="8:8">
      <c r="H302409" s="12"/>
    </row>
    <row r="302410" spans="8:8">
      <c r="H302410" s="12"/>
    </row>
    <row r="302411" spans="8:8">
      <c r="H302411" s="12"/>
    </row>
    <row r="302412" spans="8:8">
      <c r="H302412" s="12"/>
    </row>
    <row r="302413" spans="8:8">
      <c r="H302413" s="12"/>
    </row>
    <row r="302414" spans="8:8">
      <c r="H302414" s="12"/>
    </row>
    <row r="302415" spans="8:8">
      <c r="H302415" s="12"/>
    </row>
    <row r="302416" spans="8:8">
      <c r="H302416" s="12"/>
    </row>
    <row r="302417" spans="8:8">
      <c r="H302417" s="12"/>
    </row>
    <row r="302418" spans="8:8">
      <c r="H302418" s="12"/>
    </row>
    <row r="302419" spans="8:8">
      <c r="H302419" s="12"/>
    </row>
    <row r="302420" spans="8:8">
      <c r="H302420" s="12"/>
    </row>
    <row r="302421" spans="8:8">
      <c r="H302421" s="12"/>
    </row>
    <row r="302422" spans="8:8">
      <c r="H302422" s="12"/>
    </row>
    <row r="302423" spans="8:8">
      <c r="H302423" s="12"/>
    </row>
    <row r="302424" spans="8:8">
      <c r="H302424" s="12"/>
    </row>
    <row r="302425" spans="8:8">
      <c r="H302425" s="12"/>
    </row>
    <row r="302426" spans="8:8">
      <c r="H302426" s="12"/>
    </row>
    <row r="302427" spans="8:8">
      <c r="H302427" s="12"/>
    </row>
    <row r="302428" spans="8:8">
      <c r="H302428" s="12"/>
    </row>
    <row r="302429" spans="8:8">
      <c r="H302429" s="12"/>
    </row>
    <row r="302430" spans="8:8">
      <c r="H302430" s="12"/>
    </row>
    <row r="302431" spans="8:8">
      <c r="H302431" s="12"/>
    </row>
    <row r="302432" spans="8:8">
      <c r="H302432" s="12"/>
    </row>
    <row r="302433" spans="8:8">
      <c r="H302433" s="12"/>
    </row>
    <row r="302434" spans="8:8">
      <c r="H302434" s="12"/>
    </row>
    <row r="302435" spans="8:8">
      <c r="H302435" s="12"/>
    </row>
    <row r="302436" spans="8:8">
      <c r="H302436" s="12"/>
    </row>
    <row r="302437" spans="8:8">
      <c r="H302437" s="12"/>
    </row>
    <row r="302438" spans="8:8">
      <c r="H302438" s="12"/>
    </row>
    <row r="302439" spans="8:8">
      <c r="H302439" s="12"/>
    </row>
    <row r="302440" spans="8:8">
      <c r="H302440" s="12"/>
    </row>
    <row r="302441" spans="8:8">
      <c r="H302441" s="12"/>
    </row>
    <row r="302442" spans="8:8">
      <c r="H302442" s="12"/>
    </row>
    <row r="302443" spans="8:8">
      <c r="H302443" s="12"/>
    </row>
    <row r="302444" spans="8:8">
      <c r="H302444" s="12"/>
    </row>
    <row r="302445" spans="8:8">
      <c r="H302445" s="12"/>
    </row>
    <row r="302446" spans="8:8">
      <c r="H302446" s="12"/>
    </row>
    <row r="302447" spans="8:8">
      <c r="H302447" s="12"/>
    </row>
    <row r="302448" spans="8:8">
      <c r="H302448" s="12"/>
    </row>
    <row r="302449" spans="8:8">
      <c r="H302449" s="12"/>
    </row>
    <row r="302450" spans="8:8">
      <c r="H302450" s="12"/>
    </row>
    <row r="302451" spans="8:8">
      <c r="H302451" s="12"/>
    </row>
    <row r="302452" spans="8:8">
      <c r="H302452" s="12"/>
    </row>
    <row r="302453" spans="8:8">
      <c r="H302453" s="12"/>
    </row>
    <row r="302454" spans="8:8">
      <c r="H302454" s="12"/>
    </row>
    <row r="302455" spans="8:8">
      <c r="H302455" s="12"/>
    </row>
    <row r="302456" spans="8:8">
      <c r="H302456" s="12"/>
    </row>
    <row r="302457" spans="8:8">
      <c r="H302457" s="12"/>
    </row>
    <row r="302458" spans="8:8">
      <c r="H302458" s="12"/>
    </row>
    <row r="302459" spans="8:8">
      <c r="H302459" s="12"/>
    </row>
    <row r="302460" spans="8:8">
      <c r="H302460" s="12"/>
    </row>
    <row r="302461" spans="8:8">
      <c r="H302461" s="12"/>
    </row>
    <row r="302462" spans="8:8">
      <c r="H302462" s="12"/>
    </row>
    <row r="302463" spans="8:8">
      <c r="H302463" s="12"/>
    </row>
    <row r="302464" spans="8:8">
      <c r="H302464" s="12"/>
    </row>
    <row r="302465" spans="8:8">
      <c r="H302465" s="12"/>
    </row>
    <row r="302466" spans="8:8">
      <c r="H302466" s="12"/>
    </row>
    <row r="302467" spans="8:8">
      <c r="H302467" s="12"/>
    </row>
    <row r="302468" spans="8:8">
      <c r="H302468" s="12"/>
    </row>
    <row r="302469" spans="8:8">
      <c r="H302469" s="12"/>
    </row>
    <row r="302470" spans="8:8">
      <c r="H302470" s="12"/>
    </row>
    <row r="302471" spans="8:8">
      <c r="H302471" s="12"/>
    </row>
    <row r="302472" spans="8:8">
      <c r="H302472" s="12"/>
    </row>
    <row r="302473" spans="8:8">
      <c r="H302473" s="12"/>
    </row>
    <row r="302474" spans="8:8">
      <c r="H302474" s="12"/>
    </row>
    <row r="302475" spans="8:8">
      <c r="H302475" s="12"/>
    </row>
    <row r="302476" spans="8:8">
      <c r="H302476" s="12"/>
    </row>
    <row r="302477" spans="8:8">
      <c r="H302477" s="12"/>
    </row>
    <row r="302478" spans="8:8">
      <c r="H302478" s="12"/>
    </row>
    <row r="302479" spans="8:8">
      <c r="H302479" s="12"/>
    </row>
    <row r="302480" spans="8:8">
      <c r="H302480" s="12"/>
    </row>
    <row r="302481" spans="8:8">
      <c r="H302481" s="12"/>
    </row>
    <row r="302482" spans="8:8">
      <c r="H302482" s="12"/>
    </row>
    <row r="302483" spans="8:8">
      <c r="H302483" s="12"/>
    </row>
    <row r="302484" spans="8:8">
      <c r="H302484" s="12"/>
    </row>
    <row r="302485" spans="8:8">
      <c r="H302485" s="12"/>
    </row>
    <row r="302486" spans="8:8">
      <c r="H302486" s="12"/>
    </row>
    <row r="302487" spans="8:8">
      <c r="H302487" s="12"/>
    </row>
    <row r="302488" spans="8:8">
      <c r="H302488" s="12"/>
    </row>
    <row r="302489" spans="8:8">
      <c r="H302489" s="12"/>
    </row>
    <row r="302490" spans="8:8">
      <c r="H302490" s="12"/>
    </row>
    <row r="302491" spans="8:8">
      <c r="H302491" s="12"/>
    </row>
    <row r="302492" spans="8:8">
      <c r="H302492" s="12"/>
    </row>
    <row r="302493" spans="8:8">
      <c r="H302493" s="12"/>
    </row>
    <row r="302494" spans="8:8">
      <c r="H302494" s="12"/>
    </row>
    <row r="302495" spans="8:8">
      <c r="H302495" s="12"/>
    </row>
    <row r="302496" spans="8:8">
      <c r="H302496" s="12"/>
    </row>
    <row r="302497" spans="8:8">
      <c r="H302497" s="12"/>
    </row>
    <row r="302498" spans="8:8">
      <c r="H302498" s="12"/>
    </row>
    <row r="302499" spans="8:8">
      <c r="H302499" s="12"/>
    </row>
    <row r="302500" spans="8:8">
      <c r="H302500" s="12"/>
    </row>
    <row r="302501" spans="8:8">
      <c r="H302501" s="12"/>
    </row>
    <row r="302502" spans="8:8">
      <c r="H302502" s="12"/>
    </row>
    <row r="302503" spans="8:8">
      <c r="H302503" s="12"/>
    </row>
    <row r="302504" spans="8:8">
      <c r="H302504" s="12"/>
    </row>
    <row r="302505" spans="8:8">
      <c r="H302505" s="12"/>
    </row>
    <row r="302506" spans="8:8">
      <c r="H302506" s="12"/>
    </row>
    <row r="302507" spans="8:8">
      <c r="H302507" s="12"/>
    </row>
    <row r="302508" spans="8:8">
      <c r="H302508" s="12"/>
    </row>
    <row r="302509" spans="8:8">
      <c r="H302509" s="12"/>
    </row>
    <row r="302510" spans="8:8">
      <c r="H302510" s="12"/>
    </row>
    <row r="302511" spans="8:8">
      <c r="H302511" s="12"/>
    </row>
    <row r="302512" spans="8:8">
      <c r="H302512" s="12"/>
    </row>
    <row r="302513" spans="8:8">
      <c r="H302513" s="12"/>
    </row>
    <row r="302514" spans="8:8">
      <c r="H302514" s="12"/>
    </row>
    <row r="302515" spans="8:8">
      <c r="H302515" s="12"/>
    </row>
    <row r="302516" spans="8:8">
      <c r="H302516" s="12"/>
    </row>
    <row r="302517" spans="8:8">
      <c r="H302517" s="12"/>
    </row>
    <row r="302518" spans="8:8">
      <c r="H302518" s="12"/>
    </row>
    <row r="302519" spans="8:8">
      <c r="H302519" s="12"/>
    </row>
    <row r="302520" spans="8:8">
      <c r="H302520" s="12"/>
    </row>
    <row r="302521" spans="8:8">
      <c r="H302521" s="12"/>
    </row>
    <row r="302522" spans="8:8">
      <c r="H302522" s="12"/>
    </row>
    <row r="302523" spans="8:8">
      <c r="H302523" s="12"/>
    </row>
    <row r="302524" spans="8:8">
      <c r="H302524" s="12"/>
    </row>
    <row r="302525" spans="8:8">
      <c r="H302525" s="12"/>
    </row>
    <row r="302526" spans="8:8">
      <c r="H302526" s="12"/>
    </row>
    <row r="302527" spans="8:8">
      <c r="H302527" s="12"/>
    </row>
    <row r="302528" spans="8:8">
      <c r="H302528" s="12"/>
    </row>
    <row r="302529" spans="8:8">
      <c r="H302529" s="12"/>
    </row>
    <row r="302530" spans="8:8">
      <c r="H302530" s="12"/>
    </row>
    <row r="302531" spans="8:8">
      <c r="H302531" s="12"/>
    </row>
    <row r="302532" spans="8:8">
      <c r="H302532" s="12"/>
    </row>
    <row r="302533" spans="8:8">
      <c r="H302533" s="12"/>
    </row>
    <row r="302534" spans="8:8">
      <c r="H302534" s="12"/>
    </row>
    <row r="302535" spans="8:8">
      <c r="H302535" s="12"/>
    </row>
    <row r="302536" spans="8:8">
      <c r="H302536" s="12"/>
    </row>
    <row r="302537" spans="8:8">
      <c r="H302537" s="12"/>
    </row>
    <row r="302538" spans="8:8">
      <c r="H302538" s="12"/>
    </row>
    <row r="302539" spans="8:8">
      <c r="H302539" s="12"/>
    </row>
    <row r="302540" spans="8:8">
      <c r="H302540" s="12"/>
    </row>
    <row r="302541" spans="8:8">
      <c r="H302541" s="12"/>
    </row>
    <row r="302542" spans="8:8">
      <c r="H302542" s="12"/>
    </row>
    <row r="302543" spans="8:8">
      <c r="H302543" s="12"/>
    </row>
    <row r="302544" spans="8:8">
      <c r="H302544" s="12"/>
    </row>
    <row r="302545" spans="8:8">
      <c r="H302545" s="12"/>
    </row>
    <row r="302546" spans="8:8">
      <c r="H302546" s="12"/>
    </row>
    <row r="302547" spans="8:8">
      <c r="H302547" s="12"/>
    </row>
    <row r="302548" spans="8:8">
      <c r="H302548" s="12"/>
    </row>
    <row r="302549" spans="8:8">
      <c r="H302549" s="12"/>
    </row>
    <row r="302550" spans="8:8">
      <c r="H302550" s="12"/>
    </row>
    <row r="302551" spans="8:8">
      <c r="H302551" s="12"/>
    </row>
    <row r="302552" spans="8:8">
      <c r="H302552" s="12"/>
    </row>
    <row r="302553" spans="8:8">
      <c r="H302553" s="12"/>
    </row>
    <row r="302554" spans="8:8">
      <c r="H302554" s="12"/>
    </row>
    <row r="302555" spans="8:8">
      <c r="H302555" s="12"/>
    </row>
    <row r="302556" spans="8:8">
      <c r="H302556" s="12"/>
    </row>
    <row r="302557" spans="8:8">
      <c r="H302557" s="12"/>
    </row>
    <row r="302558" spans="8:8">
      <c r="H302558" s="12"/>
    </row>
    <row r="302559" spans="8:8">
      <c r="H302559" s="12"/>
    </row>
    <row r="302560" spans="8:8">
      <c r="H302560" s="12"/>
    </row>
    <row r="302561" spans="8:8">
      <c r="H302561" s="12"/>
    </row>
    <row r="302562" spans="8:8">
      <c r="H302562" s="12"/>
    </row>
    <row r="302563" spans="8:8">
      <c r="H302563" s="12"/>
    </row>
    <row r="302564" spans="8:8">
      <c r="H302564" s="12"/>
    </row>
    <row r="302565" spans="8:8">
      <c r="H302565" s="12"/>
    </row>
    <row r="302566" spans="8:8">
      <c r="H302566" s="12"/>
    </row>
    <row r="302567" spans="8:8">
      <c r="H302567" s="12"/>
    </row>
    <row r="302568" spans="8:8">
      <c r="H302568" s="12"/>
    </row>
    <row r="302569" spans="8:8">
      <c r="H302569" s="12"/>
    </row>
    <row r="302570" spans="8:8">
      <c r="H302570" s="12"/>
    </row>
    <row r="302571" spans="8:8">
      <c r="H302571" s="12"/>
    </row>
    <row r="302572" spans="8:8">
      <c r="H302572" s="12"/>
    </row>
    <row r="302573" spans="8:8">
      <c r="H302573" s="12"/>
    </row>
    <row r="302574" spans="8:8">
      <c r="H302574" s="12"/>
    </row>
    <row r="302575" spans="8:8">
      <c r="H302575" s="12"/>
    </row>
    <row r="302576" spans="8:8">
      <c r="H302576" s="12"/>
    </row>
    <row r="302577" spans="8:8">
      <c r="H302577" s="12"/>
    </row>
    <row r="302578" spans="8:8">
      <c r="H302578" s="12"/>
    </row>
    <row r="302579" spans="8:8">
      <c r="H302579" s="12"/>
    </row>
    <row r="302580" spans="8:8">
      <c r="H302580" s="12"/>
    </row>
    <row r="302581" spans="8:8">
      <c r="H302581" s="12"/>
    </row>
    <row r="302582" spans="8:8">
      <c r="H302582" s="12"/>
    </row>
    <row r="302583" spans="8:8">
      <c r="H302583" s="12"/>
    </row>
    <row r="302584" spans="8:8">
      <c r="H302584" s="12"/>
    </row>
    <row r="302585" spans="8:8">
      <c r="H302585" s="12"/>
    </row>
    <row r="302586" spans="8:8">
      <c r="H302586" s="12"/>
    </row>
    <row r="302587" spans="8:8">
      <c r="H302587" s="12"/>
    </row>
    <row r="302588" spans="8:8">
      <c r="H302588" s="12"/>
    </row>
    <row r="302589" spans="8:8">
      <c r="H302589" s="12"/>
    </row>
    <row r="302590" spans="8:8">
      <c r="H302590" s="12"/>
    </row>
    <row r="302591" spans="8:8">
      <c r="H302591" s="12"/>
    </row>
    <row r="302592" spans="8:8">
      <c r="H302592" s="12"/>
    </row>
    <row r="302593" spans="8:8">
      <c r="H302593" s="12"/>
    </row>
    <row r="302594" spans="8:8">
      <c r="H302594" s="12"/>
    </row>
    <row r="302595" spans="8:8">
      <c r="H302595" s="12"/>
    </row>
    <row r="302596" spans="8:8">
      <c r="H302596" s="12"/>
    </row>
    <row r="302597" spans="8:8">
      <c r="H302597" s="12"/>
    </row>
    <row r="302598" spans="8:8">
      <c r="H302598" s="12"/>
    </row>
    <row r="302599" spans="8:8">
      <c r="H302599" s="12"/>
    </row>
    <row r="302600" spans="8:8">
      <c r="H302600" s="12"/>
    </row>
    <row r="302601" spans="8:8">
      <c r="H302601" s="12"/>
    </row>
    <row r="302602" spans="8:8">
      <c r="H302602" s="12"/>
    </row>
    <row r="302603" spans="8:8">
      <c r="H302603" s="12"/>
    </row>
    <row r="302604" spans="8:8">
      <c r="H302604" s="12"/>
    </row>
    <row r="302605" spans="8:8">
      <c r="H302605" s="12"/>
    </row>
    <row r="302606" spans="8:8">
      <c r="H302606" s="12"/>
    </row>
    <row r="302607" spans="8:8">
      <c r="H302607" s="12"/>
    </row>
    <row r="302608" spans="8:8">
      <c r="H302608" s="12"/>
    </row>
    <row r="302609" spans="8:8">
      <c r="H302609" s="12"/>
    </row>
    <row r="302610" spans="8:8">
      <c r="H302610" s="12"/>
    </row>
    <row r="302611" spans="8:8">
      <c r="H302611" s="12"/>
    </row>
    <row r="302612" spans="8:8">
      <c r="H302612" s="12"/>
    </row>
    <row r="302613" spans="8:8">
      <c r="H302613" s="12"/>
    </row>
    <row r="302614" spans="8:8">
      <c r="H302614" s="12"/>
    </row>
    <row r="302615" spans="8:8">
      <c r="H302615" s="12"/>
    </row>
    <row r="302616" spans="8:8">
      <c r="H302616" s="12"/>
    </row>
    <row r="302617" spans="8:8">
      <c r="H302617" s="12"/>
    </row>
    <row r="302618" spans="8:8">
      <c r="H302618" s="12"/>
    </row>
    <row r="302619" spans="8:8">
      <c r="H302619" s="12"/>
    </row>
    <row r="302620" spans="8:8">
      <c r="H302620" s="12"/>
    </row>
    <row r="302621" spans="8:8">
      <c r="H302621" s="12"/>
    </row>
    <row r="302622" spans="8:8">
      <c r="H302622" s="12"/>
    </row>
    <row r="302623" spans="8:8">
      <c r="H302623" s="12"/>
    </row>
    <row r="302624" spans="8:8">
      <c r="H302624" s="12"/>
    </row>
    <row r="302625" spans="8:8">
      <c r="H302625" s="12"/>
    </row>
    <row r="302626" spans="8:8">
      <c r="H302626" s="12"/>
    </row>
    <row r="302627" spans="8:8">
      <c r="H302627" s="12"/>
    </row>
    <row r="302628" spans="8:8">
      <c r="H302628" s="12"/>
    </row>
    <row r="302629" spans="8:8">
      <c r="H302629" s="12"/>
    </row>
    <row r="302630" spans="8:8">
      <c r="H302630" s="12"/>
    </row>
    <row r="302631" spans="8:8">
      <c r="H302631" s="12"/>
    </row>
    <row r="302632" spans="8:8">
      <c r="H302632" s="12"/>
    </row>
    <row r="302633" spans="8:8">
      <c r="H302633" s="12"/>
    </row>
    <row r="302634" spans="8:8">
      <c r="H302634" s="12"/>
    </row>
    <row r="302635" spans="8:8">
      <c r="H302635" s="12"/>
    </row>
    <row r="302636" spans="8:8">
      <c r="H302636" s="12"/>
    </row>
    <row r="302637" spans="8:8">
      <c r="H302637" s="12"/>
    </row>
    <row r="302638" spans="8:8">
      <c r="H302638" s="12"/>
    </row>
    <row r="302639" spans="8:8">
      <c r="H302639" s="12"/>
    </row>
    <row r="302640" spans="8:8">
      <c r="H302640" s="12"/>
    </row>
    <row r="302641" spans="8:8">
      <c r="H302641" s="12"/>
    </row>
    <row r="302642" spans="8:8">
      <c r="H302642" s="12"/>
    </row>
    <row r="302643" spans="8:8">
      <c r="H302643" s="12"/>
    </row>
    <row r="302644" spans="8:8">
      <c r="H302644" s="12"/>
    </row>
    <row r="302645" spans="8:8">
      <c r="H302645" s="12"/>
    </row>
    <row r="302646" spans="8:8">
      <c r="H302646" s="12"/>
    </row>
    <row r="302647" spans="8:8">
      <c r="H302647" s="12"/>
    </row>
    <row r="302648" spans="8:8">
      <c r="H302648" s="12"/>
    </row>
    <row r="302649" spans="8:8">
      <c r="H302649" s="12"/>
    </row>
    <row r="302650" spans="8:8">
      <c r="H302650" s="12"/>
    </row>
    <row r="302651" spans="8:8">
      <c r="H302651" s="12"/>
    </row>
    <row r="302652" spans="8:8">
      <c r="H302652" s="12"/>
    </row>
    <row r="302653" spans="8:8">
      <c r="H302653" s="12"/>
    </row>
    <row r="302654" spans="8:8">
      <c r="H302654" s="12"/>
    </row>
    <row r="302655" spans="8:8">
      <c r="H302655" s="12"/>
    </row>
    <row r="302656" spans="8:8">
      <c r="H302656" s="12"/>
    </row>
    <row r="302657" spans="8:8">
      <c r="H302657" s="12"/>
    </row>
    <row r="302658" spans="8:8">
      <c r="H302658" s="12"/>
    </row>
    <row r="302659" spans="8:8">
      <c r="H302659" s="12"/>
    </row>
    <row r="302660" spans="8:8">
      <c r="H302660" s="12"/>
    </row>
    <row r="302661" spans="8:8">
      <c r="H302661" s="12"/>
    </row>
    <row r="302662" spans="8:8">
      <c r="H302662" s="12"/>
    </row>
    <row r="302663" spans="8:8">
      <c r="H302663" s="12"/>
    </row>
    <row r="302664" spans="8:8">
      <c r="H302664" s="12"/>
    </row>
    <row r="302665" spans="8:8">
      <c r="H302665" s="12"/>
    </row>
    <row r="302666" spans="8:8">
      <c r="H302666" s="12"/>
    </row>
    <row r="302667" spans="8:8">
      <c r="H302667" s="12"/>
    </row>
    <row r="302668" spans="8:8">
      <c r="H302668" s="12"/>
    </row>
    <row r="302669" spans="8:8">
      <c r="H302669" s="12"/>
    </row>
    <row r="302670" spans="8:8">
      <c r="H302670" s="12"/>
    </row>
    <row r="302671" spans="8:8">
      <c r="H302671" s="12"/>
    </row>
    <row r="302672" spans="8:8">
      <c r="H302672" s="12"/>
    </row>
    <row r="302673" spans="8:8">
      <c r="H302673" s="12"/>
    </row>
    <row r="302674" spans="8:8">
      <c r="H302674" s="12"/>
    </row>
    <row r="302675" spans="8:8">
      <c r="H302675" s="12"/>
    </row>
    <row r="302676" spans="8:8">
      <c r="H302676" s="12"/>
    </row>
    <row r="302677" spans="8:8">
      <c r="H302677" s="12"/>
    </row>
    <row r="302678" spans="8:8">
      <c r="H302678" s="12"/>
    </row>
    <row r="302679" spans="8:8">
      <c r="H302679" s="12"/>
    </row>
    <row r="302680" spans="8:8">
      <c r="H302680" s="12"/>
    </row>
    <row r="302681" spans="8:8">
      <c r="H302681" s="12"/>
    </row>
    <row r="302682" spans="8:8">
      <c r="H302682" s="12"/>
    </row>
    <row r="302683" spans="8:8">
      <c r="H302683" s="12"/>
    </row>
    <row r="302684" spans="8:8">
      <c r="H302684" s="12"/>
    </row>
    <row r="302685" spans="8:8">
      <c r="H302685" s="12"/>
    </row>
    <row r="302686" spans="8:8">
      <c r="H302686" s="12"/>
    </row>
    <row r="302687" spans="8:8">
      <c r="H302687" s="12"/>
    </row>
    <row r="302688" spans="8:8">
      <c r="H302688" s="12"/>
    </row>
    <row r="302689" spans="8:8">
      <c r="H302689" s="12"/>
    </row>
    <row r="302690" spans="8:8">
      <c r="H302690" s="12"/>
    </row>
    <row r="302691" spans="8:8">
      <c r="H302691" s="12"/>
    </row>
    <row r="302692" spans="8:8">
      <c r="H302692" s="12"/>
    </row>
    <row r="302693" spans="8:8">
      <c r="H302693" s="12"/>
    </row>
    <row r="302694" spans="8:8">
      <c r="H302694" s="12"/>
    </row>
    <row r="302695" spans="8:8">
      <c r="H302695" s="12"/>
    </row>
    <row r="302696" spans="8:8">
      <c r="H302696" s="12"/>
    </row>
    <row r="302697" spans="8:8">
      <c r="H302697" s="12"/>
    </row>
    <row r="302698" spans="8:8">
      <c r="H302698" s="12"/>
    </row>
    <row r="302699" spans="8:8">
      <c r="H302699" s="12"/>
    </row>
    <row r="302700" spans="8:8">
      <c r="H302700" s="12"/>
    </row>
    <row r="302701" spans="8:8">
      <c r="H302701" s="12"/>
    </row>
    <row r="302702" spans="8:8">
      <c r="H302702" s="12"/>
    </row>
    <row r="302703" spans="8:8">
      <c r="H302703" s="12"/>
    </row>
    <row r="302704" spans="8:8">
      <c r="H302704" s="12"/>
    </row>
    <row r="302705" spans="8:8">
      <c r="H302705" s="12"/>
    </row>
    <row r="302706" spans="8:8">
      <c r="H302706" s="12"/>
    </row>
    <row r="302707" spans="8:8">
      <c r="H302707" s="12"/>
    </row>
    <row r="302708" spans="8:8">
      <c r="H302708" s="12"/>
    </row>
    <row r="302709" spans="8:8">
      <c r="H302709" s="12"/>
    </row>
    <row r="302710" spans="8:8">
      <c r="H302710" s="12"/>
    </row>
    <row r="302711" spans="8:8">
      <c r="H302711" s="12"/>
    </row>
    <row r="302712" spans="8:8">
      <c r="H302712" s="12"/>
    </row>
    <row r="302713" spans="8:8">
      <c r="H302713" s="12"/>
    </row>
    <row r="302714" spans="8:8">
      <c r="H302714" s="12"/>
    </row>
    <row r="302715" spans="8:8">
      <c r="H302715" s="12"/>
    </row>
    <row r="302716" spans="8:8">
      <c r="H302716" s="12"/>
    </row>
    <row r="302717" spans="8:8">
      <c r="H302717" s="12"/>
    </row>
    <row r="302718" spans="8:8">
      <c r="H302718" s="12"/>
    </row>
    <row r="302719" spans="8:8">
      <c r="H302719" s="12"/>
    </row>
    <row r="302720" spans="8:8">
      <c r="H302720" s="12"/>
    </row>
    <row r="302721" spans="8:8">
      <c r="H302721" s="12"/>
    </row>
    <row r="302722" spans="8:8">
      <c r="H302722" s="12"/>
    </row>
    <row r="302723" spans="8:8">
      <c r="H302723" s="12"/>
    </row>
    <row r="302724" spans="8:8">
      <c r="H302724" s="12"/>
    </row>
    <row r="302725" spans="8:8">
      <c r="H302725" s="12"/>
    </row>
    <row r="302726" spans="8:8">
      <c r="H302726" s="12"/>
    </row>
    <row r="302727" spans="8:8">
      <c r="H302727" s="12"/>
    </row>
    <row r="302728" spans="8:8">
      <c r="H302728" s="12"/>
    </row>
    <row r="302729" spans="8:8">
      <c r="H302729" s="12"/>
    </row>
    <row r="302730" spans="8:8">
      <c r="H302730" s="12"/>
    </row>
    <row r="302731" spans="8:8">
      <c r="H302731" s="12"/>
    </row>
    <row r="302732" spans="8:8">
      <c r="H302732" s="12"/>
    </row>
    <row r="302733" spans="8:8">
      <c r="H302733" s="12"/>
    </row>
    <row r="302734" spans="8:8">
      <c r="H302734" s="12"/>
    </row>
    <row r="302735" spans="8:8">
      <c r="H302735" s="12"/>
    </row>
    <row r="302736" spans="8:8">
      <c r="H302736" s="12"/>
    </row>
    <row r="302737" spans="8:8">
      <c r="H302737" s="12"/>
    </row>
    <row r="302738" spans="8:8">
      <c r="H302738" s="12"/>
    </row>
    <row r="302739" spans="8:8">
      <c r="H302739" s="12"/>
    </row>
    <row r="302740" spans="8:8">
      <c r="H302740" s="12"/>
    </row>
    <row r="302741" spans="8:8">
      <c r="H302741" s="12"/>
    </row>
    <row r="302742" spans="8:8">
      <c r="H302742" s="12"/>
    </row>
    <row r="302743" spans="8:8">
      <c r="H302743" s="12"/>
    </row>
    <row r="302744" spans="8:8">
      <c r="H302744" s="12"/>
    </row>
    <row r="302745" spans="8:8">
      <c r="H302745" s="12"/>
    </row>
    <row r="302746" spans="8:8">
      <c r="H302746" s="12"/>
    </row>
    <row r="302747" spans="8:8">
      <c r="H302747" s="12"/>
    </row>
    <row r="302748" spans="8:8">
      <c r="H302748" s="12"/>
    </row>
    <row r="302749" spans="8:8">
      <c r="H302749" s="12"/>
    </row>
    <row r="302750" spans="8:8">
      <c r="H302750" s="12"/>
    </row>
    <row r="302751" spans="8:8">
      <c r="H302751" s="12"/>
    </row>
    <row r="302752" spans="8:8">
      <c r="H302752" s="12"/>
    </row>
    <row r="302753" spans="8:8">
      <c r="H302753" s="12"/>
    </row>
    <row r="302754" spans="8:8">
      <c r="H302754" s="12"/>
    </row>
    <row r="302755" spans="8:8">
      <c r="H302755" s="12"/>
    </row>
    <row r="302756" spans="8:8">
      <c r="H302756" s="12"/>
    </row>
    <row r="302757" spans="8:8">
      <c r="H302757" s="12"/>
    </row>
    <row r="302758" spans="8:8">
      <c r="H302758" s="12"/>
    </row>
    <row r="302759" spans="8:8">
      <c r="H302759" s="12"/>
    </row>
    <row r="302760" spans="8:8">
      <c r="H302760" s="12"/>
    </row>
    <row r="302761" spans="8:8">
      <c r="H302761" s="12"/>
    </row>
    <row r="302762" spans="8:8">
      <c r="H302762" s="12"/>
    </row>
    <row r="302763" spans="8:8">
      <c r="H302763" s="12"/>
    </row>
    <row r="302764" spans="8:8">
      <c r="H302764" s="12"/>
    </row>
    <row r="302765" spans="8:8">
      <c r="H302765" s="12"/>
    </row>
    <row r="302766" spans="8:8">
      <c r="H302766" s="12"/>
    </row>
    <row r="302767" spans="8:8">
      <c r="H302767" s="12"/>
    </row>
    <row r="302768" spans="8:8">
      <c r="H302768" s="12"/>
    </row>
    <row r="302769" spans="8:8">
      <c r="H302769" s="12"/>
    </row>
    <row r="302770" spans="8:8">
      <c r="H302770" s="12"/>
    </row>
    <row r="302771" spans="8:8">
      <c r="H302771" s="12"/>
    </row>
    <row r="302772" spans="8:8">
      <c r="H302772" s="12"/>
    </row>
    <row r="302773" spans="8:8">
      <c r="H302773" s="12"/>
    </row>
    <row r="302774" spans="8:8">
      <c r="H302774" s="12"/>
    </row>
    <row r="302775" spans="8:8">
      <c r="H302775" s="12"/>
    </row>
    <row r="302776" spans="8:8">
      <c r="H302776" s="12"/>
    </row>
    <row r="302777" spans="8:8">
      <c r="H302777" s="12"/>
    </row>
    <row r="302778" spans="8:8">
      <c r="H302778" s="12"/>
    </row>
    <row r="302779" spans="8:8">
      <c r="H302779" s="12"/>
    </row>
    <row r="302780" spans="8:8">
      <c r="H302780" s="12"/>
    </row>
    <row r="302781" spans="8:8">
      <c r="H302781" s="12"/>
    </row>
    <row r="302782" spans="8:8">
      <c r="H302782" s="12"/>
    </row>
    <row r="302783" spans="8:8">
      <c r="H302783" s="12"/>
    </row>
    <row r="302784" spans="8:8">
      <c r="H302784" s="12"/>
    </row>
    <row r="302785" spans="8:8">
      <c r="H302785" s="12"/>
    </row>
    <row r="302786" spans="8:8">
      <c r="H302786" s="12"/>
    </row>
    <row r="302787" spans="8:8">
      <c r="H302787" s="12"/>
    </row>
    <row r="302788" spans="8:8">
      <c r="H302788" s="12"/>
    </row>
    <row r="302789" spans="8:8">
      <c r="H302789" s="12"/>
    </row>
    <row r="302790" spans="8:8">
      <c r="H302790" s="12"/>
    </row>
    <row r="302791" spans="8:8">
      <c r="H302791" s="12"/>
    </row>
    <row r="302792" spans="8:8">
      <c r="H302792" s="12"/>
    </row>
    <row r="302793" spans="8:8">
      <c r="H302793" s="12"/>
    </row>
    <row r="302794" spans="8:8">
      <c r="H302794" s="12"/>
    </row>
    <row r="302795" spans="8:8">
      <c r="H302795" s="12"/>
    </row>
    <row r="302796" spans="8:8">
      <c r="H302796" s="12"/>
    </row>
    <row r="302797" spans="8:8">
      <c r="H302797" s="12"/>
    </row>
    <row r="302798" spans="8:8">
      <c r="H302798" s="12"/>
    </row>
    <row r="302799" spans="8:8">
      <c r="H302799" s="12"/>
    </row>
    <row r="302800" spans="8:8">
      <c r="H302800" s="12"/>
    </row>
    <row r="302801" spans="8:8">
      <c r="H302801" s="12"/>
    </row>
    <row r="302802" spans="8:8">
      <c r="H302802" s="12"/>
    </row>
    <row r="302803" spans="8:8">
      <c r="H302803" s="12"/>
    </row>
    <row r="302804" spans="8:8">
      <c r="H302804" s="12"/>
    </row>
    <row r="302805" spans="8:8">
      <c r="H302805" s="12"/>
    </row>
    <row r="302806" spans="8:8">
      <c r="H302806" s="12"/>
    </row>
    <row r="302807" spans="8:8">
      <c r="H302807" s="12"/>
    </row>
    <row r="302808" spans="8:8">
      <c r="H302808" s="12"/>
    </row>
    <row r="302809" spans="8:8">
      <c r="H302809" s="12"/>
    </row>
    <row r="302810" spans="8:8">
      <c r="H302810" s="12"/>
    </row>
    <row r="302811" spans="8:8">
      <c r="H302811" s="12"/>
    </row>
    <row r="302812" spans="8:8">
      <c r="H302812" s="12"/>
    </row>
    <row r="302813" spans="8:8">
      <c r="H302813" s="12"/>
    </row>
    <row r="302814" spans="8:8">
      <c r="H302814" s="12"/>
    </row>
    <row r="302815" spans="8:8">
      <c r="H302815" s="12"/>
    </row>
    <row r="302816" spans="8:8">
      <c r="H302816" s="12"/>
    </row>
    <row r="302817" spans="8:8">
      <c r="H302817" s="12"/>
    </row>
    <row r="302818" spans="8:8">
      <c r="H302818" s="12"/>
    </row>
    <row r="302819" spans="8:8">
      <c r="H302819" s="12"/>
    </row>
    <row r="302820" spans="8:8">
      <c r="H302820" s="12"/>
    </row>
    <row r="302821" spans="8:8">
      <c r="H302821" s="12"/>
    </row>
    <row r="302822" spans="8:8">
      <c r="H302822" s="12"/>
    </row>
    <row r="302823" spans="8:8">
      <c r="H302823" s="12"/>
    </row>
    <row r="302824" spans="8:8">
      <c r="H302824" s="12"/>
    </row>
    <row r="302825" spans="8:8">
      <c r="H302825" s="12"/>
    </row>
    <row r="302826" spans="8:8">
      <c r="H302826" s="12"/>
    </row>
    <row r="302827" spans="8:8">
      <c r="H302827" s="12"/>
    </row>
    <row r="302828" spans="8:8">
      <c r="H302828" s="12"/>
    </row>
    <row r="302829" spans="8:8">
      <c r="H302829" s="12"/>
    </row>
    <row r="302830" spans="8:8">
      <c r="H302830" s="12"/>
    </row>
    <row r="302831" spans="8:8">
      <c r="H302831" s="12"/>
    </row>
    <row r="302832" spans="8:8">
      <c r="H302832" s="12"/>
    </row>
    <row r="302833" spans="8:8">
      <c r="H302833" s="12"/>
    </row>
    <row r="302834" spans="8:8">
      <c r="H302834" s="12"/>
    </row>
    <row r="302835" spans="8:8">
      <c r="H302835" s="12"/>
    </row>
    <row r="302836" spans="8:8">
      <c r="H302836" s="12"/>
    </row>
    <row r="302837" spans="8:8">
      <c r="H302837" s="12"/>
    </row>
    <row r="302838" spans="8:8">
      <c r="H302838" s="12"/>
    </row>
    <row r="302839" spans="8:8">
      <c r="H302839" s="12"/>
    </row>
    <row r="302840" spans="8:8">
      <c r="H302840" s="12"/>
    </row>
    <row r="302841" spans="8:8">
      <c r="H302841" s="12"/>
    </row>
    <row r="302842" spans="8:8">
      <c r="H302842" s="12"/>
    </row>
    <row r="302843" spans="8:8">
      <c r="H302843" s="12"/>
    </row>
    <row r="302844" spans="8:8">
      <c r="H302844" s="12"/>
    </row>
    <row r="302845" spans="8:8">
      <c r="H302845" s="12"/>
    </row>
    <row r="302846" spans="8:8">
      <c r="H302846" s="12"/>
    </row>
    <row r="302847" spans="8:8">
      <c r="H302847" s="12"/>
    </row>
    <row r="302848" spans="8:8">
      <c r="H302848" s="12"/>
    </row>
    <row r="302849" spans="8:8">
      <c r="H302849" s="12"/>
    </row>
    <row r="302850" spans="8:8">
      <c r="H302850" s="12"/>
    </row>
    <row r="302851" spans="8:8">
      <c r="H302851" s="12"/>
    </row>
    <row r="302852" spans="8:8">
      <c r="H302852" s="12"/>
    </row>
    <row r="302853" spans="8:8">
      <c r="H302853" s="12"/>
    </row>
    <row r="302854" spans="8:8">
      <c r="H302854" s="12"/>
    </row>
    <row r="302855" spans="8:8">
      <c r="H302855" s="12"/>
    </row>
    <row r="302856" spans="8:8">
      <c r="H302856" s="12"/>
    </row>
    <row r="302857" spans="8:8">
      <c r="H302857" s="12"/>
    </row>
    <row r="302858" spans="8:8">
      <c r="H302858" s="12"/>
    </row>
    <row r="302859" spans="8:8">
      <c r="H302859" s="12"/>
    </row>
    <row r="302860" spans="8:8">
      <c r="H302860" s="12"/>
    </row>
    <row r="302861" spans="8:8">
      <c r="H302861" s="12"/>
    </row>
    <row r="302862" spans="8:8">
      <c r="H302862" s="12"/>
    </row>
    <row r="302863" spans="8:8">
      <c r="H302863" s="12"/>
    </row>
    <row r="302864" spans="8:8">
      <c r="H302864" s="12"/>
    </row>
    <row r="302865" spans="8:8">
      <c r="H302865" s="12"/>
    </row>
    <row r="302866" spans="8:8">
      <c r="H302866" s="12"/>
    </row>
    <row r="302867" spans="8:8">
      <c r="H302867" s="12"/>
    </row>
    <row r="302868" spans="8:8">
      <c r="H302868" s="12"/>
    </row>
    <row r="302869" spans="8:8">
      <c r="H302869" s="12"/>
    </row>
    <row r="302870" spans="8:8">
      <c r="H302870" s="12"/>
    </row>
    <row r="302871" spans="8:8">
      <c r="H302871" s="12"/>
    </row>
    <row r="302872" spans="8:8">
      <c r="H302872" s="12"/>
    </row>
    <row r="302873" spans="8:8">
      <c r="H302873" s="12"/>
    </row>
    <row r="302874" spans="8:8">
      <c r="H302874" s="12"/>
    </row>
    <row r="302875" spans="8:8">
      <c r="H302875" s="12"/>
    </row>
    <row r="302876" spans="8:8">
      <c r="H302876" s="12"/>
    </row>
    <row r="302877" spans="8:8">
      <c r="H302877" s="12"/>
    </row>
    <row r="302878" spans="8:8">
      <c r="H302878" s="12"/>
    </row>
    <row r="302879" spans="8:8">
      <c r="H302879" s="12"/>
    </row>
    <row r="302880" spans="8:8">
      <c r="H302880" s="12"/>
    </row>
    <row r="302881" spans="8:8">
      <c r="H302881" s="12"/>
    </row>
    <row r="302882" spans="8:8">
      <c r="H302882" s="12"/>
    </row>
    <row r="302883" spans="8:8">
      <c r="H302883" s="12"/>
    </row>
    <row r="302884" spans="8:8">
      <c r="H302884" s="12"/>
    </row>
    <row r="302885" spans="8:8">
      <c r="H302885" s="12"/>
    </row>
    <row r="302886" spans="8:8">
      <c r="H302886" s="12"/>
    </row>
    <row r="302887" spans="8:8">
      <c r="H302887" s="12"/>
    </row>
    <row r="302888" spans="8:8">
      <c r="H302888" s="12"/>
    </row>
    <row r="302889" spans="8:8">
      <c r="H302889" s="12"/>
    </row>
    <row r="302890" spans="8:8">
      <c r="H302890" s="12"/>
    </row>
    <row r="302891" spans="8:8">
      <c r="H302891" s="12"/>
    </row>
    <row r="302892" spans="8:8">
      <c r="H302892" s="12"/>
    </row>
    <row r="302893" spans="8:8">
      <c r="H302893" s="12"/>
    </row>
    <row r="302894" spans="8:8">
      <c r="H302894" s="12"/>
    </row>
    <row r="302895" spans="8:8">
      <c r="H302895" s="12"/>
    </row>
    <row r="302896" spans="8:8">
      <c r="H302896" s="12"/>
    </row>
    <row r="302897" spans="8:8">
      <c r="H302897" s="12"/>
    </row>
    <row r="302898" spans="8:8">
      <c r="H302898" s="12"/>
    </row>
    <row r="302899" spans="8:8">
      <c r="H302899" s="12"/>
    </row>
    <row r="302900" spans="8:8">
      <c r="H302900" s="12"/>
    </row>
    <row r="302901" spans="8:8">
      <c r="H302901" s="12"/>
    </row>
    <row r="302902" spans="8:8">
      <c r="H302902" s="12"/>
    </row>
    <row r="302903" spans="8:8">
      <c r="H302903" s="12"/>
    </row>
    <row r="302904" spans="8:8">
      <c r="H302904" s="12"/>
    </row>
    <row r="302905" spans="8:8">
      <c r="H302905" s="12"/>
    </row>
    <row r="302906" spans="8:8">
      <c r="H302906" s="12"/>
    </row>
    <row r="302907" spans="8:8">
      <c r="H302907" s="12"/>
    </row>
    <row r="302908" spans="8:8">
      <c r="H302908" s="12"/>
    </row>
    <row r="302909" spans="8:8">
      <c r="H302909" s="12"/>
    </row>
    <row r="302910" spans="8:8">
      <c r="H302910" s="12"/>
    </row>
    <row r="302911" spans="8:8">
      <c r="H302911" s="12"/>
    </row>
    <row r="302912" spans="8:8">
      <c r="H302912" s="12"/>
    </row>
    <row r="302913" spans="8:8">
      <c r="H302913" s="12"/>
    </row>
    <row r="302914" spans="8:8">
      <c r="H302914" s="12"/>
    </row>
    <row r="302915" spans="8:8">
      <c r="H302915" s="12"/>
    </row>
    <row r="302916" spans="8:8">
      <c r="H302916" s="12"/>
    </row>
    <row r="302917" spans="8:8">
      <c r="H302917" s="12"/>
    </row>
    <row r="302918" spans="8:8">
      <c r="H302918" s="12"/>
    </row>
    <row r="302919" spans="8:8">
      <c r="H302919" s="12"/>
    </row>
    <row r="302920" spans="8:8">
      <c r="H302920" s="12"/>
    </row>
    <row r="302921" spans="8:8">
      <c r="H302921" s="12"/>
    </row>
    <row r="302922" spans="8:8">
      <c r="H302922" s="12"/>
    </row>
    <row r="302923" spans="8:8">
      <c r="H302923" s="12"/>
    </row>
    <row r="302924" spans="8:8">
      <c r="H302924" s="12"/>
    </row>
    <row r="302925" spans="8:8">
      <c r="H302925" s="12"/>
    </row>
    <row r="302926" spans="8:8">
      <c r="H302926" s="12"/>
    </row>
    <row r="302927" spans="8:8">
      <c r="H302927" s="12"/>
    </row>
    <row r="302928" spans="8:8">
      <c r="H302928" s="12"/>
    </row>
    <row r="302929" spans="8:8">
      <c r="H302929" s="12"/>
    </row>
    <row r="302930" spans="8:8">
      <c r="H302930" s="12"/>
    </row>
    <row r="302931" spans="8:8">
      <c r="H302931" s="12"/>
    </row>
    <row r="302932" spans="8:8">
      <c r="H302932" s="12"/>
    </row>
    <row r="302933" spans="8:8">
      <c r="H302933" s="12"/>
    </row>
    <row r="302934" spans="8:8">
      <c r="H302934" s="12"/>
    </row>
    <row r="302935" spans="8:8">
      <c r="H302935" s="12"/>
    </row>
    <row r="302936" spans="8:8">
      <c r="H302936" s="12"/>
    </row>
    <row r="302937" spans="8:8">
      <c r="H302937" s="12"/>
    </row>
    <row r="302938" spans="8:8">
      <c r="H302938" s="12"/>
    </row>
    <row r="302939" spans="8:8">
      <c r="H302939" s="12"/>
    </row>
    <row r="302940" spans="8:8">
      <c r="H302940" s="12"/>
    </row>
    <row r="302941" spans="8:8">
      <c r="H302941" s="12"/>
    </row>
    <row r="302942" spans="8:8">
      <c r="H302942" s="12"/>
    </row>
    <row r="302943" spans="8:8">
      <c r="H302943" s="12"/>
    </row>
    <row r="302944" spans="8:8">
      <c r="H302944" s="12"/>
    </row>
    <row r="302945" spans="8:8">
      <c r="H302945" s="12"/>
    </row>
    <row r="302946" spans="8:8">
      <c r="H302946" s="12"/>
    </row>
    <row r="302947" spans="8:8">
      <c r="H302947" s="12"/>
    </row>
    <row r="302948" spans="8:8">
      <c r="H302948" s="12"/>
    </row>
    <row r="302949" spans="8:8">
      <c r="H302949" s="12"/>
    </row>
    <row r="302950" spans="8:8">
      <c r="H302950" s="12"/>
    </row>
    <row r="302951" spans="8:8">
      <c r="H302951" s="12"/>
    </row>
    <row r="302952" spans="8:8">
      <c r="H302952" s="12"/>
    </row>
    <row r="302953" spans="8:8">
      <c r="H302953" s="12"/>
    </row>
    <row r="302954" spans="8:8">
      <c r="H302954" s="12"/>
    </row>
    <row r="302955" spans="8:8">
      <c r="H302955" s="12"/>
    </row>
    <row r="302956" spans="8:8">
      <c r="H302956" s="12"/>
    </row>
    <row r="302957" spans="8:8">
      <c r="H302957" s="12"/>
    </row>
    <row r="302958" spans="8:8">
      <c r="H302958" s="12"/>
    </row>
    <row r="302959" spans="8:8">
      <c r="H302959" s="12"/>
    </row>
    <row r="302960" spans="8:8">
      <c r="H302960" s="12"/>
    </row>
    <row r="302961" spans="8:8">
      <c r="H302961" s="12"/>
    </row>
    <row r="302962" spans="8:8">
      <c r="H302962" s="12"/>
    </row>
    <row r="302963" spans="8:8">
      <c r="H302963" s="12"/>
    </row>
    <row r="302964" spans="8:8">
      <c r="H302964" s="12"/>
    </row>
    <row r="302965" spans="8:8">
      <c r="H302965" s="12"/>
    </row>
    <row r="302966" spans="8:8">
      <c r="H302966" s="12"/>
    </row>
    <row r="302967" spans="8:8">
      <c r="H302967" s="12"/>
    </row>
    <row r="302968" spans="8:8">
      <c r="H302968" s="12"/>
    </row>
    <row r="302969" spans="8:8">
      <c r="H302969" s="12"/>
    </row>
    <row r="302970" spans="8:8">
      <c r="H302970" s="12"/>
    </row>
    <row r="302971" spans="8:8">
      <c r="H302971" s="12"/>
    </row>
    <row r="302972" spans="8:8">
      <c r="H302972" s="12"/>
    </row>
    <row r="302973" spans="8:8">
      <c r="H302973" s="12"/>
    </row>
    <row r="302974" spans="8:8">
      <c r="H302974" s="12"/>
    </row>
    <row r="302975" spans="8:8">
      <c r="H302975" s="12"/>
    </row>
    <row r="302976" spans="8:8">
      <c r="H302976" s="12"/>
    </row>
    <row r="302977" spans="8:8">
      <c r="H302977" s="12"/>
    </row>
    <row r="302978" spans="8:8">
      <c r="H302978" s="12"/>
    </row>
    <row r="302979" spans="8:8">
      <c r="H302979" s="12"/>
    </row>
    <row r="302980" spans="8:8">
      <c r="H302980" s="12"/>
    </row>
    <row r="302981" spans="8:8">
      <c r="H302981" s="12"/>
    </row>
    <row r="302982" spans="8:8">
      <c r="H302982" s="12"/>
    </row>
    <row r="302983" spans="8:8">
      <c r="H302983" s="12"/>
    </row>
    <row r="302984" spans="8:8">
      <c r="H302984" s="12"/>
    </row>
    <row r="302985" spans="8:8">
      <c r="H302985" s="12"/>
    </row>
    <row r="302986" spans="8:8">
      <c r="H302986" s="12"/>
    </row>
    <row r="302987" spans="8:8">
      <c r="H302987" s="12"/>
    </row>
    <row r="302988" spans="8:8">
      <c r="H302988" s="12"/>
    </row>
    <row r="302989" spans="8:8">
      <c r="H302989" s="12"/>
    </row>
    <row r="302990" spans="8:8">
      <c r="H302990" s="12"/>
    </row>
    <row r="302991" spans="8:8">
      <c r="H302991" s="12"/>
    </row>
    <row r="302992" spans="8:8">
      <c r="H302992" s="12"/>
    </row>
    <row r="302993" spans="8:8">
      <c r="H302993" s="12"/>
    </row>
    <row r="302994" spans="8:8">
      <c r="H302994" s="12"/>
    </row>
    <row r="302995" spans="8:8">
      <c r="H302995" s="12"/>
    </row>
    <row r="302996" spans="8:8">
      <c r="H302996" s="12"/>
    </row>
    <row r="302997" spans="8:8">
      <c r="H302997" s="12"/>
    </row>
    <row r="302998" spans="8:8">
      <c r="H302998" s="12"/>
    </row>
    <row r="302999" spans="8:8">
      <c r="H302999" s="12"/>
    </row>
    <row r="303000" spans="8:8">
      <c r="H303000" s="12"/>
    </row>
    <row r="303001" spans="8:8">
      <c r="H303001" s="12"/>
    </row>
    <row r="303002" spans="8:8">
      <c r="H303002" s="12"/>
    </row>
    <row r="303003" spans="8:8">
      <c r="H303003" s="12"/>
    </row>
    <row r="303004" spans="8:8">
      <c r="H303004" s="12"/>
    </row>
    <row r="303005" spans="8:8">
      <c r="H303005" s="12"/>
    </row>
    <row r="303006" spans="8:8">
      <c r="H303006" s="12"/>
    </row>
    <row r="303007" spans="8:8">
      <c r="H303007" s="12"/>
    </row>
    <row r="303008" spans="8:8">
      <c r="H303008" s="12"/>
    </row>
    <row r="303009" spans="8:8">
      <c r="H303009" s="12"/>
    </row>
    <row r="303010" spans="8:8">
      <c r="H303010" s="12"/>
    </row>
    <row r="303011" spans="8:8">
      <c r="H303011" s="12"/>
    </row>
    <row r="303012" spans="8:8">
      <c r="H303012" s="12"/>
    </row>
    <row r="303013" spans="8:8">
      <c r="H303013" s="12"/>
    </row>
    <row r="303014" spans="8:8">
      <c r="H303014" s="12"/>
    </row>
    <row r="303015" spans="8:8">
      <c r="H303015" s="12"/>
    </row>
    <row r="303016" spans="8:8">
      <c r="H303016" s="12"/>
    </row>
    <row r="303017" spans="8:8">
      <c r="H303017" s="12"/>
    </row>
    <row r="303018" spans="8:8">
      <c r="H303018" s="12"/>
    </row>
    <row r="303019" spans="8:8">
      <c r="H303019" s="12"/>
    </row>
    <row r="303020" spans="8:8">
      <c r="H303020" s="12"/>
    </row>
    <row r="303021" spans="8:8">
      <c r="H303021" s="12"/>
    </row>
    <row r="303022" spans="8:8">
      <c r="H303022" s="12"/>
    </row>
    <row r="303023" spans="8:8">
      <c r="H303023" s="12"/>
    </row>
    <row r="303024" spans="8:8">
      <c r="H303024" s="12"/>
    </row>
    <row r="303025" spans="8:8">
      <c r="H303025" s="12"/>
    </row>
    <row r="303026" spans="8:8">
      <c r="H303026" s="12"/>
    </row>
    <row r="303027" spans="8:8">
      <c r="H303027" s="12"/>
    </row>
    <row r="303028" spans="8:8">
      <c r="H303028" s="12"/>
    </row>
    <row r="303029" spans="8:8">
      <c r="H303029" s="12"/>
    </row>
    <row r="303030" spans="8:8">
      <c r="H303030" s="12"/>
    </row>
    <row r="303031" spans="8:8">
      <c r="H303031" s="12"/>
    </row>
    <row r="303032" spans="8:8">
      <c r="H303032" s="12"/>
    </row>
    <row r="303033" spans="8:8">
      <c r="H303033" s="12"/>
    </row>
    <row r="303034" spans="8:8">
      <c r="H303034" s="12"/>
    </row>
    <row r="303035" spans="8:8">
      <c r="H303035" s="12"/>
    </row>
    <row r="303036" spans="8:8">
      <c r="H303036" s="12"/>
    </row>
    <row r="303037" spans="8:8">
      <c r="H303037" s="12"/>
    </row>
    <row r="303038" spans="8:8">
      <c r="H303038" s="12"/>
    </row>
    <row r="303039" spans="8:8">
      <c r="H303039" s="12"/>
    </row>
    <row r="303040" spans="8:8">
      <c r="H303040" s="12"/>
    </row>
    <row r="303041" spans="8:8">
      <c r="H303041" s="12"/>
    </row>
    <row r="303042" spans="8:8">
      <c r="H303042" s="12"/>
    </row>
    <row r="303043" spans="8:8">
      <c r="H303043" s="12"/>
    </row>
    <row r="303044" spans="8:8">
      <c r="H303044" s="12"/>
    </row>
    <row r="303045" spans="8:8">
      <c r="H303045" s="12"/>
    </row>
    <row r="303046" spans="8:8">
      <c r="H303046" s="12"/>
    </row>
    <row r="303047" spans="8:8">
      <c r="H303047" s="12"/>
    </row>
    <row r="303048" spans="8:8">
      <c r="H303048" s="12"/>
    </row>
    <row r="303049" spans="8:8">
      <c r="H303049" s="12"/>
    </row>
    <row r="303050" spans="8:8">
      <c r="H303050" s="12"/>
    </row>
    <row r="303051" spans="8:8">
      <c r="H303051" s="12"/>
    </row>
    <row r="303052" spans="8:8">
      <c r="H303052" s="12"/>
    </row>
    <row r="303053" spans="8:8">
      <c r="H303053" s="12"/>
    </row>
    <row r="303054" spans="8:8">
      <c r="H303054" s="12"/>
    </row>
    <row r="303055" spans="8:8">
      <c r="H303055" s="12"/>
    </row>
    <row r="303056" spans="8:8">
      <c r="H303056" s="12"/>
    </row>
    <row r="303057" spans="8:8">
      <c r="H303057" s="12"/>
    </row>
    <row r="303058" spans="8:8">
      <c r="H303058" s="12"/>
    </row>
    <row r="303059" spans="8:8">
      <c r="H303059" s="12"/>
    </row>
    <row r="303060" spans="8:8">
      <c r="H303060" s="12"/>
    </row>
    <row r="303061" spans="8:8">
      <c r="H303061" s="12"/>
    </row>
    <row r="303062" spans="8:8">
      <c r="H303062" s="12"/>
    </row>
    <row r="303063" spans="8:8">
      <c r="H303063" s="12"/>
    </row>
    <row r="303064" spans="8:8">
      <c r="H303064" s="12"/>
    </row>
    <row r="303065" spans="8:8">
      <c r="H303065" s="12"/>
    </row>
    <row r="303066" spans="8:8">
      <c r="H303066" s="12"/>
    </row>
    <row r="303067" spans="8:8">
      <c r="H303067" s="12"/>
    </row>
    <row r="303068" spans="8:8">
      <c r="H303068" s="12"/>
    </row>
    <row r="303069" spans="8:8">
      <c r="H303069" s="12"/>
    </row>
    <row r="303070" spans="8:8">
      <c r="H303070" s="12"/>
    </row>
    <row r="303071" spans="8:8">
      <c r="H303071" s="12"/>
    </row>
    <row r="303072" spans="8:8">
      <c r="H303072" s="12"/>
    </row>
    <row r="303073" spans="8:8">
      <c r="H303073" s="12"/>
    </row>
    <row r="303074" spans="8:8">
      <c r="H303074" s="12"/>
    </row>
    <row r="303075" spans="8:8">
      <c r="H303075" s="12"/>
    </row>
    <row r="303076" spans="8:8">
      <c r="H303076" s="12"/>
    </row>
    <row r="303077" spans="8:8">
      <c r="H303077" s="12"/>
    </row>
    <row r="303078" spans="8:8">
      <c r="H303078" s="12"/>
    </row>
    <row r="303079" spans="8:8">
      <c r="H303079" s="12"/>
    </row>
    <row r="303080" spans="8:8">
      <c r="H303080" s="12"/>
    </row>
    <row r="303081" spans="8:8">
      <c r="H303081" s="12"/>
    </row>
    <row r="303082" spans="8:8">
      <c r="H303082" s="12"/>
    </row>
    <row r="303083" spans="8:8">
      <c r="H303083" s="12"/>
    </row>
    <row r="303084" spans="8:8">
      <c r="H303084" s="12"/>
    </row>
    <row r="303085" spans="8:8">
      <c r="H303085" s="12"/>
    </row>
    <row r="303086" spans="8:8">
      <c r="H303086" s="12"/>
    </row>
    <row r="303087" spans="8:8">
      <c r="H303087" s="12"/>
    </row>
    <row r="303088" spans="8:8">
      <c r="H303088" s="12"/>
    </row>
    <row r="303089" spans="8:8">
      <c r="H303089" s="12"/>
    </row>
    <row r="303090" spans="8:8">
      <c r="H303090" s="12"/>
    </row>
    <row r="303091" spans="8:8">
      <c r="H303091" s="12"/>
    </row>
    <row r="303092" spans="8:8">
      <c r="H303092" s="12"/>
    </row>
    <row r="303093" spans="8:8">
      <c r="H303093" s="12"/>
    </row>
    <row r="303094" spans="8:8">
      <c r="H303094" s="12"/>
    </row>
    <row r="303095" spans="8:8">
      <c r="H303095" s="12"/>
    </row>
    <row r="303096" spans="8:8">
      <c r="H303096" s="12"/>
    </row>
    <row r="303097" spans="8:8">
      <c r="H303097" s="12"/>
    </row>
    <row r="303098" spans="8:8">
      <c r="H303098" s="12"/>
    </row>
    <row r="303099" spans="8:8">
      <c r="H303099" s="12"/>
    </row>
    <row r="303100" spans="8:8">
      <c r="H303100" s="12"/>
    </row>
    <row r="303101" spans="8:8">
      <c r="H303101" s="12"/>
    </row>
    <row r="303102" spans="8:8">
      <c r="H303102" s="12"/>
    </row>
    <row r="303103" spans="8:8">
      <c r="H303103" s="12"/>
    </row>
    <row r="303104" spans="8:8">
      <c r="H303104" s="12"/>
    </row>
    <row r="303105" spans="8:8">
      <c r="H303105" s="12"/>
    </row>
    <row r="303106" spans="8:8">
      <c r="H303106" s="12"/>
    </row>
    <row r="303107" spans="8:8">
      <c r="H303107" s="12"/>
    </row>
    <row r="303108" spans="8:8">
      <c r="H303108" s="12"/>
    </row>
    <row r="303109" spans="8:8">
      <c r="H303109" s="12"/>
    </row>
    <row r="303110" spans="8:8">
      <c r="H303110" s="12"/>
    </row>
    <row r="303111" spans="8:8">
      <c r="H303111" s="12"/>
    </row>
    <row r="303112" spans="8:8">
      <c r="H303112" s="12"/>
    </row>
    <row r="303113" spans="8:8">
      <c r="H303113" s="12"/>
    </row>
    <row r="303114" spans="8:8">
      <c r="H303114" s="12"/>
    </row>
    <row r="303115" spans="8:8">
      <c r="H303115" s="12"/>
    </row>
    <row r="303116" spans="8:8">
      <c r="H303116" s="12"/>
    </row>
    <row r="303117" spans="8:8">
      <c r="H303117" s="12"/>
    </row>
    <row r="303118" spans="8:8">
      <c r="H303118" s="12"/>
    </row>
    <row r="303119" spans="8:8">
      <c r="H303119" s="12"/>
    </row>
    <row r="303120" spans="8:8">
      <c r="H303120" s="12"/>
    </row>
    <row r="303121" spans="8:8">
      <c r="H303121" s="12"/>
    </row>
    <row r="303122" spans="8:8">
      <c r="H303122" s="12"/>
    </row>
    <row r="303123" spans="8:8">
      <c r="H303123" s="12"/>
    </row>
    <row r="303124" spans="8:8">
      <c r="H303124" s="12"/>
    </row>
    <row r="303125" spans="8:8">
      <c r="H303125" s="12"/>
    </row>
    <row r="303126" spans="8:8">
      <c r="H303126" s="12"/>
    </row>
    <row r="303127" spans="8:8">
      <c r="H303127" s="12"/>
    </row>
    <row r="303128" spans="8:8">
      <c r="H303128" s="12"/>
    </row>
    <row r="303129" spans="8:8">
      <c r="H303129" s="12"/>
    </row>
    <row r="303130" spans="8:8">
      <c r="H303130" s="12"/>
    </row>
    <row r="303131" spans="8:8">
      <c r="H303131" s="12"/>
    </row>
    <row r="303132" spans="8:8">
      <c r="H303132" s="12"/>
    </row>
    <row r="303133" spans="8:8">
      <c r="H303133" s="12"/>
    </row>
    <row r="303134" spans="8:8">
      <c r="H303134" s="12"/>
    </row>
    <row r="303135" spans="8:8">
      <c r="H303135" s="12"/>
    </row>
    <row r="303136" spans="8:8">
      <c r="H303136" s="12"/>
    </row>
    <row r="303137" spans="8:8">
      <c r="H303137" s="12"/>
    </row>
    <row r="303138" spans="8:8">
      <c r="H303138" s="12"/>
    </row>
    <row r="303139" spans="8:8">
      <c r="H303139" s="12"/>
    </row>
    <row r="303140" spans="8:8">
      <c r="H303140" s="12"/>
    </row>
    <row r="303141" spans="8:8">
      <c r="H303141" s="12"/>
    </row>
    <row r="303142" spans="8:8">
      <c r="H303142" s="12"/>
    </row>
    <row r="303143" spans="8:8">
      <c r="H303143" s="12"/>
    </row>
    <row r="303144" spans="8:8">
      <c r="H303144" s="12"/>
    </row>
    <row r="303145" spans="8:8">
      <c r="H303145" s="12"/>
    </row>
    <row r="303146" spans="8:8">
      <c r="H303146" s="12"/>
    </row>
    <row r="303147" spans="8:8">
      <c r="H303147" s="12"/>
    </row>
    <row r="303148" spans="8:8">
      <c r="H303148" s="12"/>
    </row>
    <row r="303149" spans="8:8">
      <c r="H303149" s="12"/>
    </row>
    <row r="303150" spans="8:8">
      <c r="H303150" s="12"/>
    </row>
    <row r="303151" spans="8:8">
      <c r="H303151" s="12"/>
    </row>
    <row r="303152" spans="8:8">
      <c r="H303152" s="12"/>
    </row>
    <row r="303153" spans="8:8">
      <c r="H303153" s="12"/>
    </row>
    <row r="303154" spans="8:8">
      <c r="H303154" s="12"/>
    </row>
    <row r="303155" spans="8:8">
      <c r="H303155" s="12"/>
    </row>
    <row r="303156" spans="8:8">
      <c r="H303156" s="12"/>
    </row>
    <row r="303157" spans="8:8">
      <c r="H303157" s="12"/>
    </row>
    <row r="303158" spans="8:8">
      <c r="H303158" s="12"/>
    </row>
    <row r="303159" spans="8:8">
      <c r="H303159" s="12"/>
    </row>
    <row r="303160" spans="8:8">
      <c r="H303160" s="12"/>
    </row>
    <row r="303161" spans="8:8">
      <c r="H303161" s="12"/>
    </row>
    <row r="303162" spans="8:8">
      <c r="H303162" s="12"/>
    </row>
    <row r="303163" spans="8:8">
      <c r="H303163" s="12"/>
    </row>
    <row r="303164" spans="8:8">
      <c r="H303164" s="12"/>
    </row>
    <row r="303165" spans="8:8">
      <c r="H303165" s="12"/>
    </row>
    <row r="303166" spans="8:8">
      <c r="H303166" s="12"/>
    </row>
    <row r="303167" spans="8:8">
      <c r="H303167" s="12"/>
    </row>
    <row r="303168" spans="8:8">
      <c r="H303168" s="12"/>
    </row>
    <row r="303169" spans="8:8">
      <c r="H303169" s="12"/>
    </row>
    <row r="303170" spans="8:8">
      <c r="H303170" s="12"/>
    </row>
    <row r="303171" spans="8:8">
      <c r="H303171" s="12"/>
    </row>
    <row r="303172" spans="8:8">
      <c r="H303172" s="12"/>
    </row>
    <row r="303173" spans="8:8">
      <c r="H303173" s="12"/>
    </row>
    <row r="303174" spans="8:8">
      <c r="H303174" s="12"/>
    </row>
    <row r="303175" spans="8:8">
      <c r="H303175" s="12"/>
    </row>
    <row r="303176" spans="8:8">
      <c r="H303176" s="12"/>
    </row>
    <row r="303177" spans="8:8">
      <c r="H303177" s="12"/>
    </row>
    <row r="303178" spans="8:8">
      <c r="H303178" s="12"/>
    </row>
    <row r="303179" spans="8:8">
      <c r="H303179" s="12"/>
    </row>
    <row r="303180" spans="8:8">
      <c r="H303180" s="12"/>
    </row>
    <row r="303181" spans="8:8">
      <c r="H303181" s="12"/>
    </row>
    <row r="303182" spans="8:8">
      <c r="H303182" s="12"/>
    </row>
    <row r="303183" spans="8:8">
      <c r="H303183" s="12"/>
    </row>
    <row r="303184" spans="8:8">
      <c r="H303184" s="12"/>
    </row>
    <row r="303185" spans="8:8">
      <c r="H303185" s="12"/>
    </row>
    <row r="303186" spans="8:8">
      <c r="H303186" s="12"/>
    </row>
    <row r="303187" spans="8:8">
      <c r="H303187" s="12"/>
    </row>
    <row r="303188" spans="8:8">
      <c r="H303188" s="12"/>
    </row>
    <row r="303189" spans="8:8">
      <c r="H303189" s="12"/>
    </row>
    <row r="303190" spans="8:8">
      <c r="H303190" s="12"/>
    </row>
    <row r="303191" spans="8:8">
      <c r="H303191" s="12"/>
    </row>
    <row r="303192" spans="8:8">
      <c r="H303192" s="12"/>
    </row>
    <row r="303193" spans="8:8">
      <c r="H303193" s="12"/>
    </row>
    <row r="303194" spans="8:8">
      <c r="H303194" s="12"/>
    </row>
    <row r="303195" spans="8:8">
      <c r="H303195" s="12"/>
    </row>
    <row r="303196" spans="8:8">
      <c r="H303196" s="12"/>
    </row>
    <row r="303197" spans="8:8">
      <c r="H303197" s="12"/>
    </row>
    <row r="303198" spans="8:8">
      <c r="H303198" s="12"/>
    </row>
    <row r="303199" spans="8:8">
      <c r="H303199" s="12"/>
    </row>
    <row r="303200" spans="8:8">
      <c r="H303200" s="12"/>
    </row>
    <row r="303201" spans="8:8">
      <c r="H303201" s="12"/>
    </row>
    <row r="303202" spans="8:8">
      <c r="H303202" s="12"/>
    </row>
    <row r="303203" spans="8:8">
      <c r="H303203" s="12"/>
    </row>
    <row r="303204" spans="8:8">
      <c r="H303204" s="12"/>
    </row>
    <row r="303205" spans="8:8">
      <c r="H303205" s="12"/>
    </row>
    <row r="303206" spans="8:8">
      <c r="H303206" s="12"/>
    </row>
    <row r="303207" spans="8:8">
      <c r="H303207" s="12"/>
    </row>
    <row r="303208" spans="8:8">
      <c r="H303208" s="12"/>
    </row>
    <row r="303209" spans="8:8">
      <c r="H303209" s="12"/>
    </row>
    <row r="303210" spans="8:8">
      <c r="H303210" s="12"/>
    </row>
    <row r="303211" spans="8:8">
      <c r="H303211" s="12"/>
    </row>
    <row r="303212" spans="8:8">
      <c r="H303212" s="12"/>
    </row>
    <row r="303213" spans="8:8">
      <c r="H303213" s="12"/>
    </row>
    <row r="303214" spans="8:8">
      <c r="H303214" s="12"/>
    </row>
    <row r="303215" spans="8:8">
      <c r="H303215" s="12"/>
    </row>
    <row r="303216" spans="8:8">
      <c r="H303216" s="12"/>
    </row>
    <row r="303217" spans="8:8">
      <c r="H303217" s="12"/>
    </row>
    <row r="303218" spans="8:8">
      <c r="H303218" s="12"/>
    </row>
    <row r="303219" spans="8:8">
      <c r="H303219" s="12"/>
    </row>
    <row r="303220" spans="8:8">
      <c r="H303220" s="12"/>
    </row>
    <row r="303221" spans="8:8">
      <c r="H303221" s="12"/>
    </row>
    <row r="303222" spans="8:8">
      <c r="H303222" s="12"/>
    </row>
    <row r="303223" spans="8:8">
      <c r="H303223" s="12"/>
    </row>
    <row r="303224" spans="8:8">
      <c r="H303224" s="12"/>
    </row>
    <row r="303225" spans="8:8">
      <c r="H303225" s="12"/>
    </row>
    <row r="303226" spans="8:8">
      <c r="H303226" s="12"/>
    </row>
    <row r="303227" spans="8:8">
      <c r="H303227" s="12"/>
    </row>
    <row r="303228" spans="8:8">
      <c r="H303228" s="12"/>
    </row>
    <row r="303229" spans="8:8">
      <c r="H303229" s="12"/>
    </row>
    <row r="303230" spans="8:8">
      <c r="H303230" s="12"/>
    </row>
    <row r="303231" spans="8:8">
      <c r="H303231" s="12"/>
    </row>
    <row r="303232" spans="8:8">
      <c r="H303232" s="12"/>
    </row>
    <row r="303233" spans="8:8">
      <c r="H303233" s="12"/>
    </row>
    <row r="303234" spans="8:8">
      <c r="H303234" s="12"/>
    </row>
    <row r="303235" spans="8:8">
      <c r="H303235" s="12"/>
    </row>
    <row r="303236" spans="8:8">
      <c r="H303236" s="12"/>
    </row>
    <row r="303237" spans="8:8">
      <c r="H303237" s="12"/>
    </row>
    <row r="303238" spans="8:8">
      <c r="H303238" s="12"/>
    </row>
    <row r="303239" spans="8:8">
      <c r="H303239" s="12"/>
    </row>
    <row r="303240" spans="8:8">
      <c r="H303240" s="12"/>
    </row>
    <row r="303241" spans="8:8">
      <c r="H303241" s="12"/>
    </row>
    <row r="303242" spans="8:8">
      <c r="H303242" s="12"/>
    </row>
    <row r="303243" spans="8:8">
      <c r="H303243" s="12"/>
    </row>
    <row r="303244" spans="8:8">
      <c r="H303244" s="12"/>
    </row>
    <row r="303245" spans="8:8">
      <c r="H303245" s="12"/>
    </row>
    <row r="303246" spans="8:8">
      <c r="H303246" s="12"/>
    </row>
    <row r="303247" spans="8:8">
      <c r="H303247" s="12"/>
    </row>
    <row r="303248" spans="8:8">
      <c r="H303248" s="12"/>
    </row>
    <row r="303249" spans="8:8">
      <c r="H303249" s="12"/>
    </row>
    <row r="303250" spans="8:8">
      <c r="H303250" s="12"/>
    </row>
    <row r="303251" spans="8:8">
      <c r="H303251" s="12"/>
    </row>
    <row r="303252" spans="8:8">
      <c r="H303252" s="12"/>
    </row>
    <row r="303253" spans="8:8">
      <c r="H303253" s="12"/>
    </row>
    <row r="303254" spans="8:8">
      <c r="H303254" s="12"/>
    </row>
    <row r="303255" spans="8:8">
      <c r="H303255" s="12"/>
    </row>
    <row r="303256" spans="8:8">
      <c r="H303256" s="12"/>
    </row>
    <row r="303257" spans="8:8">
      <c r="H303257" s="12"/>
    </row>
    <row r="303258" spans="8:8">
      <c r="H303258" s="12"/>
    </row>
    <row r="303259" spans="8:8">
      <c r="H303259" s="12"/>
    </row>
    <row r="303260" spans="8:8">
      <c r="H303260" s="12"/>
    </row>
    <row r="303261" spans="8:8">
      <c r="H303261" s="12"/>
    </row>
    <row r="303262" spans="8:8">
      <c r="H303262" s="12"/>
    </row>
    <row r="303263" spans="8:8">
      <c r="H303263" s="12"/>
    </row>
    <row r="303264" spans="8:8">
      <c r="H303264" s="12"/>
    </row>
    <row r="303265" spans="8:8">
      <c r="H303265" s="12"/>
    </row>
    <row r="303266" spans="8:8">
      <c r="H303266" s="12"/>
    </row>
    <row r="303267" spans="8:8">
      <c r="H303267" s="12"/>
    </row>
    <row r="303268" spans="8:8">
      <c r="H303268" s="12"/>
    </row>
    <row r="303269" spans="8:8">
      <c r="H303269" s="12"/>
    </row>
    <row r="303270" spans="8:8">
      <c r="H303270" s="12"/>
    </row>
    <row r="303271" spans="8:8">
      <c r="H303271" s="12"/>
    </row>
    <row r="303272" spans="8:8">
      <c r="H303272" s="12"/>
    </row>
    <row r="303273" spans="8:8">
      <c r="H303273" s="12"/>
    </row>
    <row r="303274" spans="8:8">
      <c r="H303274" s="12"/>
    </row>
    <row r="303275" spans="8:8">
      <c r="H303275" s="12"/>
    </row>
    <row r="303276" spans="8:8">
      <c r="H303276" s="12"/>
    </row>
    <row r="303277" spans="8:8">
      <c r="H303277" s="12"/>
    </row>
    <row r="303278" spans="8:8">
      <c r="H303278" s="12"/>
    </row>
    <row r="303279" spans="8:8">
      <c r="H303279" s="12"/>
    </row>
    <row r="303280" spans="8:8">
      <c r="H303280" s="12"/>
    </row>
    <row r="303281" spans="8:8">
      <c r="H303281" s="12"/>
    </row>
    <row r="303282" spans="8:8">
      <c r="H303282" s="12"/>
    </row>
    <row r="303283" spans="8:8">
      <c r="H303283" s="12"/>
    </row>
    <row r="303284" spans="8:8">
      <c r="H303284" s="12"/>
    </row>
    <row r="303285" spans="8:8">
      <c r="H303285" s="12"/>
    </row>
    <row r="303286" spans="8:8">
      <c r="H303286" s="12"/>
    </row>
    <row r="303287" spans="8:8">
      <c r="H303287" s="12"/>
    </row>
    <row r="303288" spans="8:8">
      <c r="H303288" s="12"/>
    </row>
    <row r="303289" spans="8:8">
      <c r="H303289" s="12"/>
    </row>
    <row r="303290" spans="8:8">
      <c r="H303290" s="12"/>
    </row>
    <row r="303291" spans="8:8">
      <c r="H303291" s="12"/>
    </row>
    <row r="303292" spans="8:8">
      <c r="H303292" s="12"/>
    </row>
    <row r="303293" spans="8:8">
      <c r="H303293" s="12"/>
    </row>
    <row r="303294" spans="8:8">
      <c r="H303294" s="12"/>
    </row>
    <row r="303295" spans="8:8">
      <c r="H303295" s="12"/>
    </row>
    <row r="303296" spans="8:8">
      <c r="H303296" s="12"/>
    </row>
    <row r="303297" spans="8:8">
      <c r="H303297" s="12"/>
    </row>
    <row r="303298" spans="8:8">
      <c r="H303298" s="12"/>
    </row>
    <row r="303299" spans="8:8">
      <c r="H303299" s="12"/>
    </row>
    <row r="303300" spans="8:8">
      <c r="H303300" s="12"/>
    </row>
    <row r="303301" spans="8:8">
      <c r="H303301" s="12"/>
    </row>
    <row r="303302" spans="8:8">
      <c r="H303302" s="12"/>
    </row>
    <row r="303303" spans="8:8">
      <c r="H303303" s="12"/>
    </row>
    <row r="303304" spans="8:8">
      <c r="H303304" s="12"/>
    </row>
    <row r="303305" spans="8:8">
      <c r="H303305" s="12"/>
    </row>
    <row r="303306" spans="8:8">
      <c r="H303306" s="12"/>
    </row>
    <row r="303307" spans="8:8">
      <c r="H303307" s="12"/>
    </row>
    <row r="303308" spans="8:8">
      <c r="H303308" s="12"/>
    </row>
    <row r="303309" spans="8:8">
      <c r="H303309" s="12"/>
    </row>
    <row r="303310" spans="8:8">
      <c r="H303310" s="12"/>
    </row>
    <row r="303311" spans="8:8">
      <c r="H303311" s="12"/>
    </row>
    <row r="303312" spans="8:8">
      <c r="H303312" s="12"/>
    </row>
    <row r="303313" spans="8:8">
      <c r="H303313" s="12"/>
    </row>
    <row r="303314" spans="8:8">
      <c r="H303314" s="12"/>
    </row>
    <row r="303315" spans="8:8">
      <c r="H303315" s="12"/>
    </row>
    <row r="303316" spans="8:8">
      <c r="H303316" s="12"/>
    </row>
    <row r="303317" spans="8:8">
      <c r="H303317" s="12"/>
    </row>
    <row r="303318" spans="8:8">
      <c r="H303318" s="12"/>
    </row>
    <row r="303319" spans="8:8">
      <c r="H303319" s="12"/>
    </row>
    <row r="303320" spans="8:8">
      <c r="H303320" s="12"/>
    </row>
    <row r="303321" spans="8:8">
      <c r="H303321" s="12"/>
    </row>
    <row r="303322" spans="8:8">
      <c r="H303322" s="12"/>
    </row>
    <row r="303323" spans="8:8">
      <c r="H303323" s="12"/>
    </row>
    <row r="303324" spans="8:8">
      <c r="H303324" s="12"/>
    </row>
    <row r="303325" spans="8:8">
      <c r="H303325" s="12"/>
    </row>
    <row r="303326" spans="8:8">
      <c r="H303326" s="12"/>
    </row>
    <row r="303327" spans="8:8">
      <c r="H303327" s="12"/>
    </row>
    <row r="303328" spans="8:8">
      <c r="H303328" s="12"/>
    </row>
    <row r="303329" spans="8:8">
      <c r="H303329" s="12"/>
    </row>
    <row r="303330" spans="8:8">
      <c r="H303330" s="12"/>
    </row>
    <row r="303331" spans="8:8">
      <c r="H303331" s="12"/>
    </row>
    <row r="303332" spans="8:8">
      <c r="H303332" s="12"/>
    </row>
    <row r="303333" spans="8:8">
      <c r="H303333" s="12"/>
    </row>
    <row r="303334" spans="8:8">
      <c r="H303334" s="12"/>
    </row>
    <row r="303335" spans="8:8">
      <c r="H303335" s="12"/>
    </row>
    <row r="303336" spans="8:8">
      <c r="H303336" s="12"/>
    </row>
    <row r="303337" spans="8:8">
      <c r="H303337" s="12"/>
    </row>
    <row r="303338" spans="8:8">
      <c r="H303338" s="12"/>
    </row>
    <row r="303339" spans="8:8">
      <c r="H303339" s="12"/>
    </row>
    <row r="303340" spans="8:8">
      <c r="H303340" s="12"/>
    </row>
    <row r="303341" spans="8:8">
      <c r="H303341" s="12"/>
    </row>
    <row r="303342" spans="8:8">
      <c r="H303342" s="12"/>
    </row>
    <row r="303343" spans="8:8">
      <c r="H303343" s="12"/>
    </row>
    <row r="303344" spans="8:8">
      <c r="H303344" s="12"/>
    </row>
    <row r="303345" spans="8:8">
      <c r="H303345" s="12"/>
    </row>
    <row r="303346" spans="8:8">
      <c r="H303346" s="12"/>
    </row>
    <row r="303347" spans="8:8">
      <c r="H303347" s="12"/>
    </row>
    <row r="303348" spans="8:8">
      <c r="H303348" s="12"/>
    </row>
    <row r="303349" spans="8:8">
      <c r="H303349" s="12"/>
    </row>
    <row r="303350" spans="8:8">
      <c r="H303350" s="12"/>
    </row>
    <row r="303351" spans="8:8">
      <c r="H303351" s="12"/>
    </row>
    <row r="303352" spans="8:8">
      <c r="H303352" s="12"/>
    </row>
    <row r="303353" spans="8:8">
      <c r="H303353" s="12"/>
    </row>
    <row r="303354" spans="8:8">
      <c r="H303354" s="12"/>
    </row>
    <row r="303355" spans="8:8">
      <c r="H303355" s="12"/>
    </row>
    <row r="303356" spans="8:8">
      <c r="H303356" s="12"/>
    </row>
    <row r="303357" spans="8:8">
      <c r="H303357" s="12"/>
    </row>
    <row r="303358" spans="8:8">
      <c r="H303358" s="12"/>
    </row>
    <row r="303359" spans="8:8">
      <c r="H303359" s="12"/>
    </row>
    <row r="303360" spans="8:8">
      <c r="H303360" s="12"/>
    </row>
    <row r="303361" spans="8:8">
      <c r="H303361" s="12"/>
    </row>
    <row r="303362" spans="8:8">
      <c r="H303362" s="12"/>
    </row>
    <row r="303363" spans="8:8">
      <c r="H303363" s="12"/>
    </row>
    <row r="303364" spans="8:8">
      <c r="H303364" s="12"/>
    </row>
    <row r="303365" spans="8:8">
      <c r="H303365" s="12"/>
    </row>
    <row r="303366" spans="8:8">
      <c r="H303366" s="12"/>
    </row>
    <row r="303367" spans="8:8">
      <c r="H303367" s="12"/>
    </row>
    <row r="303368" spans="8:8">
      <c r="H303368" s="12"/>
    </row>
    <row r="303369" spans="8:8">
      <c r="H303369" s="12"/>
    </row>
    <row r="303370" spans="8:8">
      <c r="H303370" s="12"/>
    </row>
    <row r="303371" spans="8:8">
      <c r="H303371" s="12"/>
    </row>
    <row r="303372" spans="8:8">
      <c r="H303372" s="12"/>
    </row>
    <row r="303373" spans="8:8">
      <c r="H303373" s="12"/>
    </row>
    <row r="303374" spans="8:8">
      <c r="H303374" s="12"/>
    </row>
    <row r="303375" spans="8:8">
      <c r="H303375" s="12"/>
    </row>
    <row r="303376" spans="8:8">
      <c r="H303376" s="12"/>
    </row>
    <row r="303377" spans="8:8">
      <c r="H303377" s="12"/>
    </row>
    <row r="303378" spans="8:8">
      <c r="H303378" s="12"/>
    </row>
    <row r="303379" spans="8:8">
      <c r="H303379" s="12"/>
    </row>
    <row r="303380" spans="8:8">
      <c r="H303380" s="12"/>
    </row>
    <row r="303381" spans="8:8">
      <c r="H303381" s="12"/>
    </row>
    <row r="303382" spans="8:8">
      <c r="H303382" s="12"/>
    </row>
    <row r="303383" spans="8:8">
      <c r="H303383" s="12"/>
    </row>
    <row r="303384" spans="8:8">
      <c r="H303384" s="12"/>
    </row>
    <row r="303385" spans="8:8">
      <c r="H303385" s="12"/>
    </row>
    <row r="303386" spans="8:8">
      <c r="H303386" s="12"/>
    </row>
    <row r="303387" spans="8:8">
      <c r="H303387" s="12"/>
    </row>
    <row r="303388" spans="8:8">
      <c r="H303388" s="12"/>
    </row>
    <row r="303389" spans="8:8">
      <c r="H303389" s="12"/>
    </row>
    <row r="303390" spans="8:8">
      <c r="H303390" s="12"/>
    </row>
    <row r="303391" spans="8:8">
      <c r="H303391" s="12"/>
    </row>
    <row r="303392" spans="8:8">
      <c r="H303392" s="12"/>
    </row>
    <row r="303393" spans="8:8">
      <c r="H303393" s="12"/>
    </row>
    <row r="303394" spans="8:8">
      <c r="H303394" s="12"/>
    </row>
    <row r="303395" spans="8:8">
      <c r="H303395" s="12"/>
    </row>
    <row r="303396" spans="8:8">
      <c r="H303396" s="12"/>
    </row>
    <row r="303397" spans="8:8">
      <c r="H303397" s="12"/>
    </row>
    <row r="303398" spans="8:8">
      <c r="H303398" s="12"/>
    </row>
    <row r="303399" spans="8:8">
      <c r="H303399" s="12"/>
    </row>
    <row r="303400" spans="8:8">
      <c r="H303400" s="12"/>
    </row>
    <row r="303401" spans="8:8">
      <c r="H303401" s="12"/>
    </row>
    <row r="303402" spans="8:8">
      <c r="H303402" s="12"/>
    </row>
    <row r="303403" spans="8:8">
      <c r="H303403" s="12"/>
    </row>
    <row r="303404" spans="8:8">
      <c r="H303404" s="12"/>
    </row>
    <row r="303405" spans="8:8">
      <c r="H303405" s="12"/>
    </row>
    <row r="303406" spans="8:8">
      <c r="H303406" s="12"/>
    </row>
    <row r="303407" spans="8:8">
      <c r="H303407" s="12"/>
    </row>
    <row r="303408" spans="8:8">
      <c r="H303408" s="12"/>
    </row>
    <row r="303409" spans="8:8">
      <c r="H303409" s="12"/>
    </row>
    <row r="303410" spans="8:8">
      <c r="H303410" s="12"/>
    </row>
    <row r="303411" spans="8:8">
      <c r="H303411" s="12"/>
    </row>
    <row r="303412" spans="8:8">
      <c r="H303412" s="12"/>
    </row>
    <row r="303413" spans="8:8">
      <c r="H303413" s="12"/>
    </row>
    <row r="303414" spans="8:8">
      <c r="H303414" s="12"/>
    </row>
    <row r="303415" spans="8:8">
      <c r="H303415" s="12"/>
    </row>
    <row r="303416" spans="8:8">
      <c r="H303416" s="12"/>
    </row>
    <row r="303417" spans="8:8">
      <c r="H303417" s="12"/>
    </row>
    <row r="303418" spans="8:8">
      <c r="H303418" s="12"/>
    </row>
    <row r="303419" spans="8:8">
      <c r="H303419" s="12"/>
    </row>
    <row r="303420" spans="8:8">
      <c r="H303420" s="12"/>
    </row>
    <row r="303421" spans="8:8">
      <c r="H303421" s="12"/>
    </row>
    <row r="303422" spans="8:8">
      <c r="H303422" s="12"/>
    </row>
    <row r="303423" spans="8:8">
      <c r="H303423" s="12"/>
    </row>
    <row r="303424" spans="8:8">
      <c r="H303424" s="12"/>
    </row>
    <row r="303425" spans="8:8">
      <c r="H303425" s="12"/>
    </row>
    <row r="303426" spans="8:8">
      <c r="H303426" s="12"/>
    </row>
    <row r="303427" spans="8:8">
      <c r="H303427" s="12"/>
    </row>
    <row r="303428" spans="8:8">
      <c r="H303428" s="12"/>
    </row>
    <row r="303429" spans="8:8">
      <c r="H303429" s="12"/>
    </row>
    <row r="303430" spans="8:8">
      <c r="H303430" s="12"/>
    </row>
    <row r="303431" spans="8:8">
      <c r="H303431" s="12"/>
    </row>
    <row r="303432" spans="8:8">
      <c r="H303432" s="12"/>
    </row>
    <row r="303433" spans="8:8">
      <c r="H303433" s="12"/>
    </row>
    <row r="303434" spans="8:8">
      <c r="H303434" s="12"/>
    </row>
    <row r="303435" spans="8:8">
      <c r="H303435" s="12"/>
    </row>
    <row r="303436" spans="8:8">
      <c r="H303436" s="12"/>
    </row>
    <row r="303437" spans="8:8">
      <c r="H303437" s="12"/>
    </row>
    <row r="303438" spans="8:8">
      <c r="H303438" s="12"/>
    </row>
    <row r="303439" spans="8:8">
      <c r="H303439" s="12"/>
    </row>
    <row r="303440" spans="8:8">
      <c r="H303440" s="12"/>
    </row>
    <row r="303441" spans="8:8">
      <c r="H303441" s="12"/>
    </row>
    <row r="303442" spans="8:8">
      <c r="H303442" s="12"/>
    </row>
    <row r="303443" spans="8:8">
      <c r="H303443" s="12"/>
    </row>
    <row r="303444" spans="8:8">
      <c r="H303444" s="12"/>
    </row>
    <row r="303445" spans="8:8">
      <c r="H303445" s="12"/>
    </row>
    <row r="303446" spans="8:8">
      <c r="H303446" s="12"/>
    </row>
    <row r="303447" spans="8:8">
      <c r="H303447" s="12"/>
    </row>
    <row r="303448" spans="8:8">
      <c r="H303448" s="12"/>
    </row>
    <row r="303449" spans="8:8">
      <c r="H303449" s="12"/>
    </row>
    <row r="303450" spans="8:8">
      <c r="H303450" s="12"/>
    </row>
    <row r="303451" spans="8:8">
      <c r="H303451" s="12"/>
    </row>
    <row r="303452" spans="8:8">
      <c r="H303452" s="12"/>
    </row>
    <row r="303453" spans="8:8">
      <c r="H303453" s="12"/>
    </row>
    <row r="303454" spans="8:8">
      <c r="H303454" s="12"/>
    </row>
    <row r="303455" spans="8:8">
      <c r="H303455" s="12"/>
    </row>
    <row r="303456" spans="8:8">
      <c r="H303456" s="12"/>
    </row>
    <row r="303457" spans="8:8">
      <c r="H303457" s="12"/>
    </row>
    <row r="303458" spans="8:8">
      <c r="H303458" s="12"/>
    </row>
    <row r="303459" spans="8:8">
      <c r="H303459" s="12"/>
    </row>
    <row r="303460" spans="8:8">
      <c r="H303460" s="12"/>
    </row>
    <row r="303461" spans="8:8">
      <c r="H303461" s="12"/>
    </row>
    <row r="303462" spans="8:8">
      <c r="H303462" s="12"/>
    </row>
    <row r="303463" spans="8:8">
      <c r="H303463" s="12"/>
    </row>
    <row r="303464" spans="8:8">
      <c r="H303464" s="12"/>
    </row>
    <row r="303465" spans="8:8">
      <c r="H303465" s="12"/>
    </row>
    <row r="303466" spans="8:8">
      <c r="H303466" s="12"/>
    </row>
    <row r="303467" spans="8:8">
      <c r="H303467" s="12"/>
    </row>
    <row r="303468" spans="8:8">
      <c r="H303468" s="12"/>
    </row>
    <row r="303469" spans="8:8">
      <c r="H303469" s="12"/>
    </row>
    <row r="303470" spans="8:8">
      <c r="H303470" s="12"/>
    </row>
    <row r="303471" spans="8:8">
      <c r="H303471" s="12"/>
    </row>
    <row r="303472" spans="8:8">
      <c r="H303472" s="12"/>
    </row>
    <row r="303473" spans="8:8">
      <c r="H303473" s="12"/>
    </row>
    <row r="303474" spans="8:8">
      <c r="H303474" s="12"/>
    </row>
    <row r="303475" spans="8:8">
      <c r="H303475" s="12"/>
    </row>
    <row r="303476" spans="8:8">
      <c r="H303476" s="12"/>
    </row>
    <row r="303477" spans="8:8">
      <c r="H303477" s="12"/>
    </row>
    <row r="303478" spans="8:8">
      <c r="H303478" s="12"/>
    </row>
    <row r="303479" spans="8:8">
      <c r="H303479" s="12"/>
    </row>
    <row r="303480" spans="8:8">
      <c r="H303480" s="12"/>
    </row>
    <row r="303481" spans="8:8">
      <c r="H303481" s="12"/>
    </row>
    <row r="303482" spans="8:8">
      <c r="H303482" s="12"/>
    </row>
    <row r="303483" spans="8:8">
      <c r="H303483" s="12"/>
    </row>
    <row r="303484" spans="8:8">
      <c r="H303484" s="12"/>
    </row>
    <row r="303485" spans="8:8">
      <c r="H303485" s="12"/>
    </row>
    <row r="303486" spans="8:8">
      <c r="H303486" s="12"/>
    </row>
    <row r="303487" spans="8:8">
      <c r="H303487" s="12"/>
    </row>
    <row r="303488" spans="8:8">
      <c r="H303488" s="12"/>
    </row>
    <row r="303489" spans="8:8">
      <c r="H303489" s="12"/>
    </row>
    <row r="303490" spans="8:8">
      <c r="H303490" s="12"/>
    </row>
    <row r="303491" spans="8:8">
      <c r="H303491" s="12"/>
    </row>
    <row r="303492" spans="8:8">
      <c r="H303492" s="12"/>
    </row>
    <row r="303493" spans="8:8">
      <c r="H303493" s="12"/>
    </row>
    <row r="303494" spans="8:8">
      <c r="H303494" s="12"/>
    </row>
    <row r="303495" spans="8:8">
      <c r="H303495" s="12"/>
    </row>
    <row r="303496" spans="8:8">
      <c r="H303496" s="12"/>
    </row>
    <row r="303497" spans="8:8">
      <c r="H303497" s="12"/>
    </row>
    <row r="303498" spans="8:8">
      <c r="H303498" s="12"/>
    </row>
    <row r="303499" spans="8:8">
      <c r="H303499" s="12"/>
    </row>
    <row r="303500" spans="8:8">
      <c r="H303500" s="12"/>
    </row>
    <row r="303501" spans="8:8">
      <c r="H303501" s="12"/>
    </row>
    <row r="303502" spans="8:8">
      <c r="H303502" s="12"/>
    </row>
    <row r="303503" spans="8:8">
      <c r="H303503" s="12"/>
    </row>
    <row r="303504" spans="8:8">
      <c r="H303504" s="12"/>
    </row>
    <row r="303505" spans="8:8">
      <c r="H303505" s="12"/>
    </row>
    <row r="303506" spans="8:8">
      <c r="H303506" s="12"/>
    </row>
    <row r="303507" spans="8:8">
      <c r="H303507" s="12"/>
    </row>
    <row r="303508" spans="8:8">
      <c r="H303508" s="12"/>
    </row>
    <row r="303509" spans="8:8">
      <c r="H303509" s="12"/>
    </row>
    <row r="303510" spans="8:8">
      <c r="H303510" s="12"/>
    </row>
    <row r="303511" spans="8:8">
      <c r="H303511" s="12"/>
    </row>
    <row r="303512" spans="8:8">
      <c r="H303512" s="12"/>
    </row>
    <row r="303513" spans="8:8">
      <c r="H303513" s="12"/>
    </row>
    <row r="303514" spans="8:8">
      <c r="H303514" s="12"/>
    </row>
    <row r="303515" spans="8:8">
      <c r="H303515" s="12"/>
    </row>
    <row r="303516" spans="8:8">
      <c r="H303516" s="12"/>
    </row>
    <row r="303517" spans="8:8">
      <c r="H303517" s="12"/>
    </row>
    <row r="303518" spans="8:8">
      <c r="H303518" s="12"/>
    </row>
    <row r="303519" spans="8:8">
      <c r="H303519" s="12"/>
    </row>
    <row r="303520" spans="8:8">
      <c r="H303520" s="12"/>
    </row>
    <row r="303521" spans="8:8">
      <c r="H303521" s="12"/>
    </row>
    <row r="303522" spans="8:8">
      <c r="H303522" s="12"/>
    </row>
    <row r="303523" spans="8:8">
      <c r="H303523" s="12"/>
    </row>
    <row r="303524" spans="8:8">
      <c r="H303524" s="12"/>
    </row>
    <row r="303525" spans="8:8">
      <c r="H303525" s="12"/>
    </row>
    <row r="303526" spans="8:8">
      <c r="H303526" s="12"/>
    </row>
    <row r="303527" spans="8:8">
      <c r="H303527" s="12"/>
    </row>
    <row r="303528" spans="8:8">
      <c r="H303528" s="12"/>
    </row>
    <row r="303529" spans="8:8">
      <c r="H303529" s="12"/>
    </row>
    <row r="303530" spans="8:8">
      <c r="H303530" s="12"/>
    </row>
    <row r="303531" spans="8:8">
      <c r="H303531" s="12"/>
    </row>
    <row r="303532" spans="8:8">
      <c r="H303532" s="12"/>
    </row>
    <row r="303533" spans="8:8">
      <c r="H303533" s="12"/>
    </row>
    <row r="303534" spans="8:8">
      <c r="H303534" s="12"/>
    </row>
    <row r="303535" spans="8:8">
      <c r="H303535" s="12"/>
    </row>
    <row r="303536" spans="8:8">
      <c r="H303536" s="12"/>
    </row>
    <row r="303537" spans="8:8">
      <c r="H303537" s="12"/>
    </row>
    <row r="303538" spans="8:8">
      <c r="H303538" s="12"/>
    </row>
    <row r="303539" spans="8:8">
      <c r="H303539" s="12"/>
    </row>
    <row r="303540" spans="8:8">
      <c r="H303540" s="12"/>
    </row>
    <row r="303541" spans="8:8">
      <c r="H303541" s="12"/>
    </row>
    <row r="303542" spans="8:8">
      <c r="H303542" s="12"/>
    </row>
    <row r="303543" spans="8:8">
      <c r="H303543" s="12"/>
    </row>
    <row r="303544" spans="8:8">
      <c r="H303544" s="12"/>
    </row>
    <row r="303545" spans="8:8">
      <c r="H303545" s="12"/>
    </row>
    <row r="303546" spans="8:8">
      <c r="H303546" s="12"/>
    </row>
    <row r="303547" spans="8:8">
      <c r="H303547" s="12"/>
    </row>
    <row r="303548" spans="8:8">
      <c r="H303548" s="12"/>
    </row>
    <row r="303549" spans="8:8">
      <c r="H303549" s="12"/>
    </row>
    <row r="303550" spans="8:8">
      <c r="H303550" s="12"/>
    </row>
    <row r="303551" spans="8:8">
      <c r="H303551" s="12"/>
    </row>
    <row r="303552" spans="8:8">
      <c r="H303552" s="12"/>
    </row>
    <row r="303553" spans="8:8">
      <c r="H303553" s="12"/>
    </row>
    <row r="303554" spans="8:8">
      <c r="H303554" s="12"/>
    </row>
    <row r="303555" spans="8:8">
      <c r="H303555" s="12"/>
    </row>
    <row r="303556" spans="8:8">
      <c r="H303556" s="12"/>
    </row>
    <row r="303557" spans="8:8">
      <c r="H303557" s="12"/>
    </row>
    <row r="303558" spans="8:8">
      <c r="H303558" s="12"/>
    </row>
    <row r="303559" spans="8:8">
      <c r="H303559" s="12"/>
    </row>
    <row r="303560" spans="8:8">
      <c r="H303560" s="12"/>
    </row>
    <row r="303561" spans="8:8">
      <c r="H303561" s="12"/>
    </row>
    <row r="303562" spans="8:8">
      <c r="H303562" s="12"/>
    </row>
    <row r="303563" spans="8:8">
      <c r="H303563" s="12"/>
    </row>
    <row r="303564" spans="8:8">
      <c r="H303564" s="12"/>
    </row>
    <row r="303565" spans="8:8">
      <c r="H303565" s="12"/>
    </row>
    <row r="303566" spans="8:8">
      <c r="H303566" s="12"/>
    </row>
    <row r="303567" spans="8:8">
      <c r="H303567" s="12"/>
    </row>
    <row r="303568" spans="8:8">
      <c r="H303568" s="12"/>
    </row>
    <row r="303569" spans="8:8">
      <c r="H303569" s="12"/>
    </row>
    <row r="303570" spans="8:8">
      <c r="H303570" s="12"/>
    </row>
    <row r="303571" spans="8:8">
      <c r="H303571" s="12"/>
    </row>
    <row r="303572" spans="8:8">
      <c r="H303572" s="12"/>
    </row>
    <row r="303573" spans="8:8">
      <c r="H303573" s="12"/>
    </row>
    <row r="303574" spans="8:8">
      <c r="H303574" s="12"/>
    </row>
    <row r="303575" spans="8:8">
      <c r="H303575" s="12"/>
    </row>
    <row r="303576" spans="8:8">
      <c r="H303576" s="12"/>
    </row>
    <row r="303577" spans="8:8">
      <c r="H303577" s="12"/>
    </row>
    <row r="303578" spans="8:8">
      <c r="H303578" s="12"/>
    </row>
    <row r="303579" spans="8:8">
      <c r="H303579" s="12"/>
    </row>
    <row r="303580" spans="8:8">
      <c r="H303580" s="12"/>
    </row>
    <row r="303581" spans="8:8">
      <c r="H303581" s="12"/>
    </row>
    <row r="303582" spans="8:8">
      <c r="H303582" s="12"/>
    </row>
    <row r="303583" spans="8:8">
      <c r="H303583" s="12"/>
    </row>
    <row r="303584" spans="8:8">
      <c r="H303584" s="12"/>
    </row>
    <row r="303585" spans="8:8">
      <c r="H303585" s="12"/>
    </row>
    <row r="303586" spans="8:8">
      <c r="H303586" s="12"/>
    </row>
    <row r="303587" spans="8:8">
      <c r="H303587" s="12"/>
    </row>
    <row r="303588" spans="8:8">
      <c r="H303588" s="12"/>
    </row>
    <row r="303589" spans="8:8">
      <c r="H303589" s="12"/>
    </row>
    <row r="303590" spans="8:8">
      <c r="H303590" s="12"/>
    </row>
    <row r="303591" spans="8:8">
      <c r="H303591" s="12"/>
    </row>
    <row r="303592" spans="8:8">
      <c r="H303592" s="12"/>
    </row>
    <row r="303593" spans="8:8">
      <c r="H303593" s="12"/>
    </row>
    <row r="303594" spans="8:8">
      <c r="H303594" s="12"/>
    </row>
    <row r="303595" spans="8:8">
      <c r="H303595" s="12"/>
    </row>
    <row r="303596" spans="8:8">
      <c r="H303596" s="12"/>
    </row>
    <row r="303597" spans="8:8">
      <c r="H303597" s="12"/>
    </row>
    <row r="303598" spans="8:8">
      <c r="H303598" s="12"/>
    </row>
    <row r="303599" spans="8:8">
      <c r="H303599" s="12"/>
    </row>
    <row r="303600" spans="8:8">
      <c r="H303600" s="12"/>
    </row>
    <row r="303601" spans="8:8">
      <c r="H303601" s="12"/>
    </row>
    <row r="303602" spans="8:8">
      <c r="H303602" s="12"/>
    </row>
    <row r="303603" spans="8:8">
      <c r="H303603" s="12"/>
    </row>
    <row r="303604" spans="8:8">
      <c r="H303604" s="12"/>
    </row>
    <row r="303605" spans="8:8">
      <c r="H303605" s="12"/>
    </row>
    <row r="303606" spans="8:8">
      <c r="H303606" s="12"/>
    </row>
    <row r="303607" spans="8:8">
      <c r="H303607" s="12"/>
    </row>
    <row r="303608" spans="8:8">
      <c r="H303608" s="12"/>
    </row>
    <row r="303609" spans="8:8">
      <c r="H303609" s="12"/>
    </row>
    <row r="303610" spans="8:8">
      <c r="H303610" s="12"/>
    </row>
    <row r="303611" spans="8:8">
      <c r="H303611" s="12"/>
    </row>
    <row r="303612" spans="8:8">
      <c r="H303612" s="12"/>
    </row>
    <row r="303613" spans="8:8">
      <c r="H303613" s="12"/>
    </row>
    <row r="303614" spans="8:8">
      <c r="H303614" s="12"/>
    </row>
    <row r="303615" spans="8:8">
      <c r="H303615" s="12"/>
    </row>
    <row r="303616" spans="8:8">
      <c r="H303616" s="12"/>
    </row>
    <row r="303617" spans="8:8">
      <c r="H303617" s="12"/>
    </row>
    <row r="303618" spans="8:8">
      <c r="H303618" s="12"/>
    </row>
    <row r="303619" spans="8:8">
      <c r="H303619" s="12"/>
    </row>
    <row r="303620" spans="8:8">
      <c r="H303620" s="12"/>
    </row>
    <row r="303621" spans="8:8">
      <c r="H303621" s="12"/>
    </row>
    <row r="303622" spans="8:8">
      <c r="H303622" s="12"/>
    </row>
    <row r="303623" spans="8:8">
      <c r="H303623" s="12"/>
    </row>
    <row r="303624" spans="8:8">
      <c r="H303624" s="12"/>
    </row>
    <row r="303625" spans="8:8">
      <c r="H303625" s="12"/>
    </row>
    <row r="303626" spans="8:8">
      <c r="H303626" s="12"/>
    </row>
    <row r="303627" spans="8:8">
      <c r="H303627" s="12"/>
    </row>
    <row r="303628" spans="8:8">
      <c r="H303628" s="12"/>
    </row>
    <row r="303629" spans="8:8">
      <c r="H303629" s="12"/>
    </row>
    <row r="303630" spans="8:8">
      <c r="H303630" s="12"/>
    </row>
    <row r="303631" spans="8:8">
      <c r="H303631" s="12"/>
    </row>
    <row r="303632" spans="8:8">
      <c r="H303632" s="12"/>
    </row>
    <row r="303633" spans="8:8">
      <c r="H303633" s="12"/>
    </row>
    <row r="303634" spans="8:8">
      <c r="H303634" s="12"/>
    </row>
    <row r="303635" spans="8:8">
      <c r="H303635" s="12"/>
    </row>
    <row r="303636" spans="8:8">
      <c r="H303636" s="12"/>
    </row>
    <row r="303637" spans="8:8">
      <c r="H303637" s="12"/>
    </row>
    <row r="303638" spans="8:8">
      <c r="H303638" s="12"/>
    </row>
    <row r="303639" spans="8:8">
      <c r="H303639" s="12"/>
    </row>
    <row r="303640" spans="8:8">
      <c r="H303640" s="12"/>
    </row>
    <row r="303641" spans="8:8">
      <c r="H303641" s="12"/>
    </row>
    <row r="303642" spans="8:8">
      <c r="H303642" s="12"/>
    </row>
    <row r="303643" spans="8:8">
      <c r="H303643" s="12"/>
    </row>
    <row r="303644" spans="8:8">
      <c r="H303644" s="12"/>
    </row>
    <row r="303645" spans="8:8">
      <c r="H303645" s="12"/>
    </row>
    <row r="303646" spans="8:8">
      <c r="H303646" s="12"/>
    </row>
    <row r="303647" spans="8:8">
      <c r="H303647" s="12"/>
    </row>
    <row r="303648" spans="8:8">
      <c r="H303648" s="12"/>
    </row>
    <row r="303649" spans="8:8">
      <c r="H303649" s="12"/>
    </row>
    <row r="303650" spans="8:8">
      <c r="H303650" s="12"/>
    </row>
    <row r="303651" spans="8:8">
      <c r="H303651" s="12"/>
    </row>
    <row r="303652" spans="8:8">
      <c r="H303652" s="12"/>
    </row>
    <row r="303653" spans="8:8">
      <c r="H303653" s="12"/>
    </row>
    <row r="303654" spans="8:8">
      <c r="H303654" s="12"/>
    </row>
    <row r="303655" spans="8:8">
      <c r="H303655" s="12"/>
    </row>
    <row r="303656" spans="8:8">
      <c r="H303656" s="12"/>
    </row>
    <row r="303657" spans="8:8">
      <c r="H303657" s="12"/>
    </row>
    <row r="303658" spans="8:8">
      <c r="H303658" s="12"/>
    </row>
    <row r="303659" spans="8:8">
      <c r="H303659" s="12"/>
    </row>
    <row r="303660" spans="8:8">
      <c r="H303660" s="12"/>
    </row>
    <row r="303661" spans="8:8">
      <c r="H303661" s="12"/>
    </row>
    <row r="303662" spans="8:8">
      <c r="H303662" s="12"/>
    </row>
    <row r="303663" spans="8:8">
      <c r="H303663" s="12"/>
    </row>
    <row r="303664" spans="8:8">
      <c r="H303664" s="12"/>
    </row>
    <row r="303665" spans="8:8">
      <c r="H303665" s="12"/>
    </row>
    <row r="303666" spans="8:8">
      <c r="H303666" s="12"/>
    </row>
    <row r="303667" spans="8:8">
      <c r="H303667" s="12"/>
    </row>
    <row r="303668" spans="8:8">
      <c r="H303668" s="12"/>
    </row>
    <row r="303669" spans="8:8">
      <c r="H303669" s="12"/>
    </row>
    <row r="303670" spans="8:8">
      <c r="H303670" s="12"/>
    </row>
    <row r="303671" spans="8:8">
      <c r="H303671" s="12"/>
    </row>
    <row r="303672" spans="8:8">
      <c r="H303672" s="12"/>
    </row>
    <row r="303673" spans="8:8">
      <c r="H303673" s="12"/>
    </row>
    <row r="303674" spans="8:8">
      <c r="H303674" s="12"/>
    </row>
    <row r="303675" spans="8:8">
      <c r="H303675" s="12"/>
    </row>
    <row r="303676" spans="8:8">
      <c r="H303676" s="12"/>
    </row>
    <row r="303677" spans="8:8">
      <c r="H303677" s="12"/>
    </row>
    <row r="303678" spans="8:8">
      <c r="H303678" s="12"/>
    </row>
    <row r="303679" spans="8:8">
      <c r="H303679" s="12"/>
    </row>
    <row r="303680" spans="8:8">
      <c r="H303680" s="12"/>
    </row>
    <row r="303681" spans="8:8">
      <c r="H303681" s="12"/>
    </row>
    <row r="303682" spans="8:8">
      <c r="H303682" s="12"/>
    </row>
    <row r="303683" spans="8:8">
      <c r="H303683" s="12"/>
    </row>
    <row r="303684" spans="8:8">
      <c r="H303684" s="12"/>
    </row>
    <row r="303685" spans="8:8">
      <c r="H303685" s="12"/>
    </row>
    <row r="303686" spans="8:8">
      <c r="H303686" s="12"/>
    </row>
    <row r="303687" spans="8:8">
      <c r="H303687" s="12"/>
    </row>
    <row r="303688" spans="8:8">
      <c r="H303688" s="12"/>
    </row>
    <row r="303689" spans="8:8">
      <c r="H303689" s="12"/>
    </row>
    <row r="303690" spans="8:8">
      <c r="H303690" s="12"/>
    </row>
    <row r="303691" spans="8:8">
      <c r="H303691" s="12"/>
    </row>
    <row r="303692" spans="8:8">
      <c r="H303692" s="12"/>
    </row>
    <row r="303693" spans="8:8">
      <c r="H303693" s="12"/>
    </row>
    <row r="303694" spans="8:8">
      <c r="H303694" s="12"/>
    </row>
    <row r="303695" spans="8:8">
      <c r="H303695" s="12"/>
    </row>
    <row r="303696" spans="8:8">
      <c r="H303696" s="12"/>
    </row>
    <row r="303697" spans="8:8">
      <c r="H303697" s="12"/>
    </row>
    <row r="303698" spans="8:8">
      <c r="H303698" s="12"/>
    </row>
    <row r="303699" spans="8:8">
      <c r="H303699" s="12"/>
    </row>
    <row r="303700" spans="8:8">
      <c r="H303700" s="12"/>
    </row>
    <row r="303701" spans="8:8">
      <c r="H303701" s="12"/>
    </row>
    <row r="303702" spans="8:8">
      <c r="H303702" s="12"/>
    </row>
    <row r="303703" spans="8:8">
      <c r="H303703" s="12"/>
    </row>
    <row r="303704" spans="8:8">
      <c r="H303704" s="12"/>
    </row>
    <row r="303705" spans="8:8">
      <c r="H303705" s="12"/>
    </row>
    <row r="303706" spans="8:8">
      <c r="H303706" s="12"/>
    </row>
    <row r="303707" spans="8:8">
      <c r="H303707" s="12"/>
    </row>
    <row r="303708" spans="8:8">
      <c r="H303708" s="12"/>
    </row>
    <row r="303709" spans="8:8">
      <c r="H303709" s="12"/>
    </row>
    <row r="303710" spans="8:8">
      <c r="H303710" s="12"/>
    </row>
    <row r="303711" spans="8:8">
      <c r="H303711" s="12"/>
    </row>
    <row r="303712" spans="8:8">
      <c r="H303712" s="12"/>
    </row>
    <row r="303713" spans="8:8">
      <c r="H303713" s="12"/>
    </row>
    <row r="303714" spans="8:8">
      <c r="H303714" s="12"/>
    </row>
    <row r="303715" spans="8:8">
      <c r="H303715" s="12"/>
    </row>
    <row r="303716" spans="8:8">
      <c r="H303716" s="12"/>
    </row>
    <row r="303717" spans="8:8">
      <c r="H303717" s="12"/>
    </row>
    <row r="303718" spans="8:8">
      <c r="H303718" s="12"/>
    </row>
    <row r="303719" spans="8:8">
      <c r="H303719" s="12"/>
    </row>
    <row r="303720" spans="8:8">
      <c r="H303720" s="12"/>
    </row>
    <row r="303721" spans="8:8">
      <c r="H303721" s="12"/>
    </row>
    <row r="303722" spans="8:8">
      <c r="H303722" s="12"/>
    </row>
    <row r="303723" spans="8:8">
      <c r="H303723" s="12"/>
    </row>
    <row r="303724" spans="8:8">
      <c r="H303724" s="12"/>
    </row>
    <row r="303725" spans="8:8">
      <c r="H303725" s="12"/>
    </row>
    <row r="303726" spans="8:8">
      <c r="H303726" s="12"/>
    </row>
    <row r="303727" spans="8:8">
      <c r="H303727" s="12"/>
    </row>
    <row r="303728" spans="8:8">
      <c r="H303728" s="12"/>
    </row>
    <row r="303729" spans="8:8">
      <c r="H303729" s="12"/>
    </row>
    <row r="303730" spans="8:8">
      <c r="H303730" s="12"/>
    </row>
    <row r="303731" spans="8:8">
      <c r="H303731" s="12"/>
    </row>
    <row r="303732" spans="8:8">
      <c r="H303732" s="12"/>
    </row>
    <row r="303733" spans="8:8">
      <c r="H303733" s="12"/>
    </row>
    <row r="303734" spans="8:8">
      <c r="H303734" s="12"/>
    </row>
    <row r="303735" spans="8:8">
      <c r="H303735" s="12"/>
    </row>
    <row r="303736" spans="8:8">
      <c r="H303736" s="12"/>
    </row>
    <row r="303737" spans="8:8">
      <c r="H303737" s="12"/>
    </row>
    <row r="303738" spans="8:8">
      <c r="H303738" s="12"/>
    </row>
    <row r="303739" spans="8:8">
      <c r="H303739" s="12"/>
    </row>
    <row r="303740" spans="8:8">
      <c r="H303740" s="12"/>
    </row>
    <row r="303741" spans="8:8">
      <c r="H303741" s="12"/>
    </row>
    <row r="303742" spans="8:8">
      <c r="H303742" s="12"/>
    </row>
    <row r="303743" spans="8:8">
      <c r="H303743" s="12"/>
    </row>
    <row r="303744" spans="8:8">
      <c r="H303744" s="12"/>
    </row>
    <row r="303745" spans="8:8">
      <c r="H303745" s="12"/>
    </row>
    <row r="303746" spans="8:8">
      <c r="H303746" s="12"/>
    </row>
    <row r="303747" spans="8:8">
      <c r="H303747" s="12"/>
    </row>
    <row r="303748" spans="8:8">
      <c r="H303748" s="12"/>
    </row>
    <row r="303749" spans="8:8">
      <c r="H303749" s="12"/>
    </row>
    <row r="303750" spans="8:8">
      <c r="H303750" s="12"/>
    </row>
    <row r="303751" spans="8:8">
      <c r="H303751" s="12"/>
    </row>
    <row r="303752" spans="8:8">
      <c r="H303752" s="12"/>
    </row>
    <row r="303753" spans="8:8">
      <c r="H303753" s="12"/>
    </row>
    <row r="303754" spans="8:8">
      <c r="H303754" s="12"/>
    </row>
    <row r="303755" spans="8:8">
      <c r="H303755" s="12"/>
    </row>
    <row r="303756" spans="8:8">
      <c r="H303756" s="12"/>
    </row>
    <row r="303757" spans="8:8">
      <c r="H303757" s="12"/>
    </row>
    <row r="303758" spans="8:8">
      <c r="H303758" s="12"/>
    </row>
    <row r="303759" spans="8:8">
      <c r="H303759" s="12"/>
    </row>
    <row r="303760" spans="8:8">
      <c r="H303760" s="12"/>
    </row>
    <row r="303761" spans="8:8">
      <c r="H303761" s="12"/>
    </row>
    <row r="303762" spans="8:8">
      <c r="H303762" s="12"/>
    </row>
    <row r="303763" spans="8:8">
      <c r="H303763" s="12"/>
    </row>
    <row r="303764" spans="8:8">
      <c r="H303764" s="12"/>
    </row>
    <row r="303765" spans="8:8">
      <c r="H303765" s="12"/>
    </row>
    <row r="303766" spans="8:8">
      <c r="H303766" s="12"/>
    </row>
    <row r="303767" spans="8:8">
      <c r="H303767" s="12"/>
    </row>
    <row r="303768" spans="8:8">
      <c r="H303768" s="12"/>
    </row>
    <row r="303769" spans="8:8">
      <c r="H303769" s="12"/>
    </row>
    <row r="303770" spans="8:8">
      <c r="H303770" s="12"/>
    </row>
    <row r="303771" spans="8:8">
      <c r="H303771" s="12"/>
    </row>
    <row r="303772" spans="8:8">
      <c r="H303772" s="12"/>
    </row>
    <row r="303773" spans="8:8">
      <c r="H303773" s="12"/>
    </row>
    <row r="303774" spans="8:8">
      <c r="H303774" s="12"/>
    </row>
    <row r="303775" spans="8:8">
      <c r="H303775" s="12"/>
    </row>
    <row r="303776" spans="8:8">
      <c r="H303776" s="12"/>
    </row>
    <row r="303777" spans="8:8">
      <c r="H303777" s="12"/>
    </row>
    <row r="303778" spans="8:8">
      <c r="H303778" s="12"/>
    </row>
    <row r="303779" spans="8:8">
      <c r="H303779" s="12"/>
    </row>
    <row r="303780" spans="8:8">
      <c r="H303780" s="12"/>
    </row>
    <row r="303781" spans="8:8">
      <c r="H303781" s="12"/>
    </row>
    <row r="303782" spans="8:8">
      <c r="H303782" s="12"/>
    </row>
    <row r="303783" spans="8:8">
      <c r="H303783" s="12"/>
    </row>
    <row r="303784" spans="8:8">
      <c r="H303784" s="12"/>
    </row>
    <row r="303785" spans="8:8">
      <c r="H303785" s="12"/>
    </row>
    <row r="303786" spans="8:8">
      <c r="H303786" s="12"/>
    </row>
    <row r="303787" spans="8:8">
      <c r="H303787" s="12"/>
    </row>
    <row r="303788" spans="8:8">
      <c r="H303788" s="12"/>
    </row>
    <row r="303789" spans="8:8">
      <c r="H303789" s="12"/>
    </row>
    <row r="303790" spans="8:8">
      <c r="H303790" s="12"/>
    </row>
    <row r="303791" spans="8:8">
      <c r="H303791" s="12"/>
    </row>
    <row r="303792" spans="8:8">
      <c r="H303792" s="12"/>
    </row>
    <row r="303793" spans="8:8">
      <c r="H303793" s="12"/>
    </row>
    <row r="303794" spans="8:8">
      <c r="H303794" s="12"/>
    </row>
    <row r="303795" spans="8:8">
      <c r="H303795" s="12"/>
    </row>
    <row r="303796" spans="8:8">
      <c r="H303796" s="12"/>
    </row>
    <row r="303797" spans="8:8">
      <c r="H303797" s="12"/>
    </row>
    <row r="303798" spans="8:8">
      <c r="H303798" s="12"/>
    </row>
    <row r="303799" spans="8:8">
      <c r="H303799" s="12"/>
    </row>
    <row r="303800" spans="8:8">
      <c r="H303800" s="12"/>
    </row>
    <row r="303801" spans="8:8">
      <c r="H303801" s="12"/>
    </row>
    <row r="303802" spans="8:8">
      <c r="H303802" s="12"/>
    </row>
    <row r="303803" spans="8:8">
      <c r="H303803" s="12"/>
    </row>
    <row r="303804" spans="8:8">
      <c r="H303804" s="12"/>
    </row>
    <row r="303805" spans="8:8">
      <c r="H303805" s="12"/>
    </row>
    <row r="303806" spans="8:8">
      <c r="H303806" s="12"/>
    </row>
    <row r="303807" spans="8:8">
      <c r="H303807" s="12"/>
    </row>
    <row r="303808" spans="8:8">
      <c r="H303808" s="12"/>
    </row>
    <row r="303809" spans="8:8">
      <c r="H303809" s="12"/>
    </row>
    <row r="303810" spans="8:8">
      <c r="H303810" s="12"/>
    </row>
    <row r="303811" spans="8:8">
      <c r="H303811" s="12"/>
    </row>
    <row r="303812" spans="8:8">
      <c r="H303812" s="12"/>
    </row>
    <row r="303813" spans="8:8">
      <c r="H303813" s="12"/>
    </row>
    <row r="303814" spans="8:8">
      <c r="H303814" s="12"/>
    </row>
    <row r="303815" spans="8:8">
      <c r="H303815" s="12"/>
    </row>
    <row r="303816" spans="8:8">
      <c r="H303816" s="12"/>
    </row>
    <row r="303817" spans="8:8">
      <c r="H303817" s="12"/>
    </row>
    <row r="303818" spans="8:8">
      <c r="H303818" s="12"/>
    </row>
    <row r="303819" spans="8:8">
      <c r="H303819" s="12"/>
    </row>
    <row r="303820" spans="8:8">
      <c r="H303820" s="12"/>
    </row>
    <row r="303821" spans="8:8">
      <c r="H303821" s="12"/>
    </row>
    <row r="303822" spans="8:8">
      <c r="H303822" s="12"/>
    </row>
    <row r="303823" spans="8:8">
      <c r="H303823" s="12"/>
    </row>
    <row r="303824" spans="8:8">
      <c r="H303824" s="12"/>
    </row>
    <row r="303825" spans="8:8">
      <c r="H303825" s="12"/>
    </row>
    <row r="303826" spans="8:8">
      <c r="H303826" s="12"/>
    </row>
    <row r="303827" spans="8:8">
      <c r="H303827" s="12"/>
    </row>
    <row r="303828" spans="8:8">
      <c r="H303828" s="12"/>
    </row>
    <row r="303829" spans="8:8">
      <c r="H303829" s="12"/>
    </row>
    <row r="303830" spans="8:8">
      <c r="H303830" s="12"/>
    </row>
    <row r="303831" spans="8:8">
      <c r="H303831" s="12"/>
    </row>
    <row r="303832" spans="8:8">
      <c r="H303832" s="12"/>
    </row>
    <row r="303833" spans="8:8">
      <c r="H303833" s="12"/>
    </row>
    <row r="303834" spans="8:8">
      <c r="H303834" s="12"/>
    </row>
    <row r="303835" spans="8:8">
      <c r="H303835" s="12"/>
    </row>
    <row r="303836" spans="8:8">
      <c r="H303836" s="12"/>
    </row>
    <row r="303837" spans="8:8">
      <c r="H303837" s="12"/>
    </row>
    <row r="303838" spans="8:8">
      <c r="H303838" s="12"/>
    </row>
    <row r="303839" spans="8:8">
      <c r="H303839" s="12"/>
    </row>
    <row r="303840" spans="8:8">
      <c r="H303840" s="12"/>
    </row>
    <row r="303841" spans="8:8">
      <c r="H303841" s="12"/>
    </row>
    <row r="303842" spans="8:8">
      <c r="H303842" s="12"/>
    </row>
    <row r="303843" spans="8:8">
      <c r="H303843" s="12"/>
    </row>
    <row r="303844" spans="8:8">
      <c r="H303844" s="12"/>
    </row>
    <row r="303845" spans="8:8">
      <c r="H303845" s="12"/>
    </row>
    <row r="303846" spans="8:8">
      <c r="H303846" s="12"/>
    </row>
    <row r="303847" spans="8:8">
      <c r="H303847" s="12"/>
    </row>
    <row r="303848" spans="8:8">
      <c r="H303848" s="12"/>
    </row>
    <row r="303849" spans="8:8">
      <c r="H303849" s="12"/>
    </row>
    <row r="303850" spans="8:8">
      <c r="H303850" s="12"/>
    </row>
    <row r="303851" spans="8:8">
      <c r="H303851" s="12"/>
    </row>
    <row r="303852" spans="8:8">
      <c r="H303852" s="12"/>
    </row>
    <row r="303853" spans="8:8">
      <c r="H303853" s="12"/>
    </row>
    <row r="303854" spans="8:8">
      <c r="H303854" s="12"/>
    </row>
    <row r="303855" spans="8:8">
      <c r="H303855" s="12"/>
    </row>
    <row r="303856" spans="8:8">
      <c r="H303856" s="12"/>
    </row>
    <row r="303857" spans="8:8">
      <c r="H303857" s="12"/>
    </row>
    <row r="303858" spans="8:8">
      <c r="H303858" s="12"/>
    </row>
    <row r="303859" spans="8:8">
      <c r="H303859" s="12"/>
    </row>
    <row r="303860" spans="8:8">
      <c r="H303860" s="12"/>
    </row>
    <row r="303861" spans="8:8">
      <c r="H303861" s="12"/>
    </row>
    <row r="303862" spans="8:8">
      <c r="H303862" s="12"/>
    </row>
    <row r="303863" spans="8:8">
      <c r="H303863" s="12"/>
    </row>
    <row r="303864" spans="8:8">
      <c r="H303864" s="12"/>
    </row>
    <row r="303865" spans="8:8">
      <c r="H303865" s="12"/>
    </row>
    <row r="303866" spans="8:8">
      <c r="H303866" s="12"/>
    </row>
    <row r="303867" spans="8:8">
      <c r="H303867" s="12"/>
    </row>
    <row r="303868" spans="8:8">
      <c r="H303868" s="12"/>
    </row>
    <row r="303869" spans="8:8">
      <c r="H303869" s="12"/>
    </row>
    <row r="303870" spans="8:8">
      <c r="H303870" s="12"/>
    </row>
    <row r="303871" spans="8:8">
      <c r="H303871" s="12"/>
    </row>
    <row r="303872" spans="8:8">
      <c r="H303872" s="12"/>
    </row>
    <row r="303873" spans="8:8">
      <c r="H303873" s="12"/>
    </row>
    <row r="303874" spans="8:8">
      <c r="H303874" s="12"/>
    </row>
    <row r="303875" spans="8:8">
      <c r="H303875" s="12"/>
    </row>
    <row r="303876" spans="8:8">
      <c r="H303876" s="12"/>
    </row>
    <row r="303877" spans="8:8">
      <c r="H303877" s="12"/>
    </row>
    <row r="303878" spans="8:8">
      <c r="H303878" s="12"/>
    </row>
    <row r="303879" spans="8:8">
      <c r="H303879" s="12"/>
    </row>
    <row r="303880" spans="8:8">
      <c r="H303880" s="12"/>
    </row>
    <row r="303881" spans="8:8">
      <c r="H303881" s="12"/>
    </row>
    <row r="303882" spans="8:8">
      <c r="H303882" s="12"/>
    </row>
    <row r="303883" spans="8:8">
      <c r="H303883" s="12"/>
    </row>
    <row r="303884" spans="8:8">
      <c r="H303884" s="12"/>
    </row>
    <row r="303885" spans="8:8">
      <c r="H303885" s="12"/>
    </row>
    <row r="303886" spans="8:8">
      <c r="H303886" s="12"/>
    </row>
    <row r="303887" spans="8:8">
      <c r="H303887" s="12"/>
    </row>
    <row r="303888" spans="8:8">
      <c r="H303888" s="12"/>
    </row>
    <row r="303889" spans="8:8">
      <c r="H303889" s="12"/>
    </row>
    <row r="303890" spans="8:8">
      <c r="H303890" s="12"/>
    </row>
    <row r="303891" spans="8:8">
      <c r="H303891" s="12"/>
    </row>
    <row r="303892" spans="8:8">
      <c r="H303892" s="12"/>
    </row>
    <row r="303893" spans="8:8">
      <c r="H303893" s="12"/>
    </row>
    <row r="303894" spans="8:8">
      <c r="H303894" s="12"/>
    </row>
    <row r="303895" spans="8:8">
      <c r="H303895" s="12"/>
    </row>
    <row r="303896" spans="8:8">
      <c r="H303896" s="12"/>
    </row>
    <row r="303897" spans="8:8">
      <c r="H303897" s="12"/>
    </row>
    <row r="303898" spans="8:8">
      <c r="H303898" s="12"/>
    </row>
    <row r="303899" spans="8:8">
      <c r="H303899" s="12"/>
    </row>
    <row r="303900" spans="8:8">
      <c r="H303900" s="12"/>
    </row>
    <row r="303901" spans="8:8">
      <c r="H303901" s="12"/>
    </row>
    <row r="303902" spans="8:8">
      <c r="H303902" s="12"/>
    </row>
    <row r="303903" spans="8:8">
      <c r="H303903" s="12"/>
    </row>
    <row r="303904" spans="8:8">
      <c r="H303904" s="12"/>
    </row>
    <row r="303905" spans="8:8">
      <c r="H303905" s="12"/>
    </row>
    <row r="303906" spans="8:8">
      <c r="H303906" s="12"/>
    </row>
    <row r="303907" spans="8:8">
      <c r="H303907" s="12"/>
    </row>
    <row r="303908" spans="8:8">
      <c r="H303908" s="12"/>
    </row>
    <row r="303909" spans="8:8">
      <c r="H303909" s="12"/>
    </row>
    <row r="303910" spans="8:8">
      <c r="H303910" s="12"/>
    </row>
    <row r="303911" spans="8:8">
      <c r="H303911" s="12"/>
    </row>
    <row r="303912" spans="8:8">
      <c r="H303912" s="12"/>
    </row>
    <row r="303913" spans="8:8">
      <c r="H303913" s="12"/>
    </row>
    <row r="303914" spans="8:8">
      <c r="H303914" s="12"/>
    </row>
    <row r="303915" spans="8:8">
      <c r="H303915" s="12"/>
    </row>
    <row r="303916" spans="8:8">
      <c r="H303916" s="12"/>
    </row>
    <row r="303917" spans="8:8">
      <c r="H303917" s="12"/>
    </row>
    <row r="303918" spans="8:8">
      <c r="H303918" s="12"/>
    </row>
    <row r="303919" spans="8:8">
      <c r="H303919" s="12"/>
    </row>
    <row r="303920" spans="8:8">
      <c r="H303920" s="12"/>
    </row>
    <row r="303921" spans="8:8">
      <c r="H303921" s="12"/>
    </row>
    <row r="303922" spans="8:8">
      <c r="H303922" s="12"/>
    </row>
    <row r="303923" spans="8:8">
      <c r="H303923" s="12"/>
    </row>
    <row r="303924" spans="8:8">
      <c r="H303924" s="12"/>
    </row>
    <row r="303925" spans="8:8">
      <c r="H303925" s="12"/>
    </row>
    <row r="303926" spans="8:8">
      <c r="H303926" s="12"/>
    </row>
    <row r="303927" spans="8:8">
      <c r="H303927" s="12"/>
    </row>
    <row r="303928" spans="8:8">
      <c r="H303928" s="12"/>
    </row>
    <row r="303929" spans="8:8">
      <c r="H303929" s="12"/>
    </row>
    <row r="303930" spans="8:8">
      <c r="H303930" s="12"/>
    </row>
    <row r="303931" spans="8:8">
      <c r="H303931" s="12"/>
    </row>
    <row r="303932" spans="8:8">
      <c r="H303932" s="12"/>
    </row>
    <row r="303933" spans="8:8">
      <c r="H303933" s="12"/>
    </row>
    <row r="303934" spans="8:8">
      <c r="H303934" s="12"/>
    </row>
    <row r="303935" spans="8:8">
      <c r="H303935" s="12"/>
    </row>
    <row r="303936" spans="8:8">
      <c r="H303936" s="12"/>
    </row>
    <row r="303937" spans="8:8">
      <c r="H303937" s="12"/>
    </row>
    <row r="303938" spans="8:8">
      <c r="H303938" s="12"/>
    </row>
    <row r="303939" spans="8:8">
      <c r="H303939" s="12"/>
    </row>
    <row r="303940" spans="8:8">
      <c r="H303940" s="12"/>
    </row>
    <row r="303941" spans="8:8">
      <c r="H303941" s="12"/>
    </row>
    <row r="303942" spans="8:8">
      <c r="H303942" s="12"/>
    </row>
    <row r="303943" spans="8:8">
      <c r="H303943" s="12"/>
    </row>
    <row r="303944" spans="8:8">
      <c r="H303944" s="12"/>
    </row>
    <row r="303945" spans="8:8">
      <c r="H303945" s="12"/>
    </row>
    <row r="303946" spans="8:8">
      <c r="H303946" s="12"/>
    </row>
    <row r="303947" spans="8:8">
      <c r="H303947" s="12"/>
    </row>
    <row r="303948" spans="8:8">
      <c r="H303948" s="12"/>
    </row>
    <row r="303949" spans="8:8">
      <c r="H303949" s="12"/>
    </row>
    <row r="303950" spans="8:8">
      <c r="H303950" s="12"/>
    </row>
    <row r="303951" spans="8:8">
      <c r="H303951" s="12"/>
    </row>
    <row r="303952" spans="8:8">
      <c r="H303952" s="12"/>
    </row>
    <row r="303953" spans="8:8">
      <c r="H303953" s="12"/>
    </row>
    <row r="303954" spans="8:8">
      <c r="H303954" s="12"/>
    </row>
    <row r="303955" spans="8:8">
      <c r="H303955" s="12"/>
    </row>
    <row r="303956" spans="8:8">
      <c r="H303956" s="12"/>
    </row>
    <row r="303957" spans="8:8">
      <c r="H303957" s="12"/>
    </row>
    <row r="303958" spans="8:8">
      <c r="H303958" s="12"/>
    </row>
    <row r="303959" spans="8:8">
      <c r="H303959" s="12"/>
    </row>
    <row r="303960" spans="8:8">
      <c r="H303960" s="12"/>
    </row>
    <row r="303961" spans="8:8">
      <c r="H303961" s="12"/>
    </row>
    <row r="303962" spans="8:8">
      <c r="H303962" s="12"/>
    </row>
    <row r="303963" spans="8:8">
      <c r="H303963" s="12"/>
    </row>
    <row r="303964" spans="8:8">
      <c r="H303964" s="12"/>
    </row>
    <row r="303965" spans="8:8">
      <c r="H303965" s="12"/>
    </row>
    <row r="303966" spans="8:8">
      <c r="H303966" s="12"/>
    </row>
    <row r="303967" spans="8:8">
      <c r="H303967" s="12"/>
    </row>
    <row r="303968" spans="8:8">
      <c r="H303968" s="12"/>
    </row>
    <row r="303969" spans="8:8">
      <c r="H303969" s="12"/>
    </row>
    <row r="303970" spans="8:8">
      <c r="H303970" s="12"/>
    </row>
    <row r="303971" spans="8:8">
      <c r="H303971" s="12"/>
    </row>
    <row r="303972" spans="8:8">
      <c r="H303972" s="12"/>
    </row>
    <row r="303973" spans="8:8">
      <c r="H303973" s="12"/>
    </row>
    <row r="303974" spans="8:8">
      <c r="H303974" s="12"/>
    </row>
    <row r="303975" spans="8:8">
      <c r="H303975" s="12"/>
    </row>
    <row r="303976" spans="8:8">
      <c r="H303976" s="12"/>
    </row>
    <row r="303977" spans="8:8">
      <c r="H303977" s="12"/>
    </row>
    <row r="303978" spans="8:8">
      <c r="H303978" s="12"/>
    </row>
    <row r="303979" spans="8:8">
      <c r="H303979" s="12"/>
    </row>
    <row r="303980" spans="8:8">
      <c r="H303980" s="12"/>
    </row>
    <row r="303981" spans="8:8">
      <c r="H303981" s="12"/>
    </row>
    <row r="303982" spans="8:8">
      <c r="H303982" s="12"/>
    </row>
    <row r="303983" spans="8:8">
      <c r="H303983" s="12"/>
    </row>
    <row r="303984" spans="8:8">
      <c r="H303984" s="12"/>
    </row>
    <row r="303985" spans="8:8">
      <c r="H303985" s="12"/>
    </row>
    <row r="303986" spans="8:8">
      <c r="H303986" s="12"/>
    </row>
    <row r="303987" spans="8:8">
      <c r="H303987" s="12"/>
    </row>
    <row r="303988" spans="8:8">
      <c r="H303988" s="12"/>
    </row>
    <row r="303989" spans="8:8">
      <c r="H303989" s="12"/>
    </row>
    <row r="303990" spans="8:8">
      <c r="H303990" s="12"/>
    </row>
    <row r="303991" spans="8:8">
      <c r="H303991" s="12"/>
    </row>
    <row r="303992" spans="8:8">
      <c r="H303992" s="12"/>
    </row>
    <row r="303993" spans="8:8">
      <c r="H303993" s="12"/>
    </row>
    <row r="303994" spans="8:8">
      <c r="H303994" s="12"/>
    </row>
    <row r="303995" spans="8:8">
      <c r="H303995" s="12"/>
    </row>
    <row r="303996" spans="8:8">
      <c r="H303996" s="12"/>
    </row>
    <row r="303997" spans="8:8">
      <c r="H303997" s="12"/>
    </row>
    <row r="303998" spans="8:8">
      <c r="H303998" s="12"/>
    </row>
    <row r="303999" spans="8:8">
      <c r="H303999" s="12"/>
    </row>
    <row r="304000" spans="8:8">
      <c r="H304000" s="12"/>
    </row>
    <row r="304001" spans="8:8">
      <c r="H304001" s="12"/>
    </row>
    <row r="304002" spans="8:8">
      <c r="H304002" s="12"/>
    </row>
    <row r="304003" spans="8:8">
      <c r="H304003" s="12"/>
    </row>
    <row r="304004" spans="8:8">
      <c r="H304004" s="12"/>
    </row>
    <row r="304005" spans="8:8">
      <c r="H304005" s="12"/>
    </row>
    <row r="304006" spans="8:8">
      <c r="H304006" s="12"/>
    </row>
    <row r="304007" spans="8:8">
      <c r="H304007" s="12"/>
    </row>
    <row r="304008" spans="8:8">
      <c r="H304008" s="12"/>
    </row>
    <row r="304009" spans="8:8">
      <c r="H304009" s="12"/>
    </row>
    <row r="304010" spans="8:8">
      <c r="H304010" s="12"/>
    </row>
    <row r="304011" spans="8:8">
      <c r="H304011" s="12"/>
    </row>
    <row r="304012" spans="8:8">
      <c r="H304012" s="12"/>
    </row>
    <row r="304013" spans="8:8">
      <c r="H304013" s="12"/>
    </row>
    <row r="304014" spans="8:8">
      <c r="H304014" s="12"/>
    </row>
    <row r="304015" spans="8:8">
      <c r="H304015" s="12"/>
    </row>
    <row r="304016" spans="8:8">
      <c r="H304016" s="12"/>
    </row>
    <row r="304017" spans="8:8">
      <c r="H304017" s="12"/>
    </row>
    <row r="304018" spans="8:8">
      <c r="H304018" s="12"/>
    </row>
    <row r="304019" spans="8:8">
      <c r="H304019" s="12"/>
    </row>
    <row r="304020" spans="8:8">
      <c r="H304020" s="12"/>
    </row>
    <row r="304021" spans="8:8">
      <c r="H304021" s="12"/>
    </row>
    <row r="304022" spans="8:8">
      <c r="H304022" s="12"/>
    </row>
    <row r="304023" spans="8:8">
      <c r="H304023" s="12"/>
    </row>
    <row r="304024" spans="8:8">
      <c r="H304024" s="12"/>
    </row>
    <row r="304025" spans="8:8">
      <c r="H304025" s="12"/>
    </row>
    <row r="304026" spans="8:8">
      <c r="H304026" s="12"/>
    </row>
    <row r="304027" spans="8:8">
      <c r="H304027" s="12"/>
    </row>
    <row r="304028" spans="8:8">
      <c r="H304028" s="12"/>
    </row>
    <row r="304029" spans="8:8">
      <c r="H304029" s="12"/>
    </row>
    <row r="304030" spans="8:8">
      <c r="H304030" s="12"/>
    </row>
    <row r="304031" spans="8:8">
      <c r="H304031" s="12"/>
    </row>
    <row r="304032" spans="8:8">
      <c r="H304032" s="12"/>
    </row>
    <row r="304033" spans="8:8">
      <c r="H304033" s="12"/>
    </row>
    <row r="304034" spans="8:8">
      <c r="H304034" s="12"/>
    </row>
    <row r="304035" spans="8:8">
      <c r="H304035" s="12"/>
    </row>
    <row r="304036" spans="8:8">
      <c r="H304036" s="12"/>
    </row>
    <row r="304037" spans="8:8">
      <c r="H304037" s="12"/>
    </row>
    <row r="304038" spans="8:8">
      <c r="H304038" s="12"/>
    </row>
    <row r="304039" spans="8:8">
      <c r="H304039" s="12"/>
    </row>
    <row r="304040" spans="8:8">
      <c r="H304040" s="12"/>
    </row>
    <row r="304041" spans="8:8">
      <c r="H304041" s="12"/>
    </row>
    <row r="304042" spans="8:8">
      <c r="H304042" s="12"/>
    </row>
    <row r="304043" spans="8:8">
      <c r="H304043" s="12"/>
    </row>
    <row r="304044" spans="8:8">
      <c r="H304044" s="12"/>
    </row>
    <row r="304045" spans="8:8">
      <c r="H304045" s="12"/>
    </row>
    <row r="304046" spans="8:8">
      <c r="H304046" s="12"/>
    </row>
    <row r="304047" spans="8:8">
      <c r="H304047" s="12"/>
    </row>
    <row r="304048" spans="8:8">
      <c r="H304048" s="12"/>
    </row>
    <row r="304049" spans="8:8">
      <c r="H304049" s="12"/>
    </row>
    <row r="304050" spans="8:8">
      <c r="H304050" s="12"/>
    </row>
    <row r="304051" spans="8:8">
      <c r="H304051" s="12"/>
    </row>
    <row r="304052" spans="8:8">
      <c r="H304052" s="12"/>
    </row>
    <row r="304053" spans="8:8">
      <c r="H304053" s="12"/>
    </row>
    <row r="304054" spans="8:8">
      <c r="H304054" s="12"/>
    </row>
    <row r="304055" spans="8:8">
      <c r="H304055" s="12"/>
    </row>
    <row r="304056" spans="8:8">
      <c r="H304056" s="12"/>
    </row>
    <row r="304057" spans="8:8">
      <c r="H304057" s="12"/>
    </row>
    <row r="304058" spans="8:8">
      <c r="H304058" s="12"/>
    </row>
    <row r="304059" spans="8:8">
      <c r="H304059" s="12"/>
    </row>
    <row r="304060" spans="8:8">
      <c r="H304060" s="12"/>
    </row>
    <row r="304061" spans="8:8">
      <c r="H304061" s="12"/>
    </row>
    <row r="304062" spans="8:8">
      <c r="H304062" s="12"/>
    </row>
    <row r="304063" spans="8:8">
      <c r="H304063" s="12"/>
    </row>
    <row r="304064" spans="8:8">
      <c r="H304064" s="12"/>
    </row>
    <row r="304065" spans="8:8">
      <c r="H304065" s="12"/>
    </row>
    <row r="304066" spans="8:8">
      <c r="H304066" s="12"/>
    </row>
    <row r="304067" spans="8:8">
      <c r="H304067" s="12"/>
    </row>
    <row r="304068" spans="8:8">
      <c r="H304068" s="12"/>
    </row>
    <row r="304069" spans="8:8">
      <c r="H304069" s="12"/>
    </row>
    <row r="304070" spans="8:8">
      <c r="H304070" s="12"/>
    </row>
    <row r="304071" spans="8:8">
      <c r="H304071" s="12"/>
    </row>
    <row r="304072" spans="8:8">
      <c r="H304072" s="12"/>
    </row>
    <row r="304073" spans="8:8">
      <c r="H304073" s="12"/>
    </row>
    <row r="304074" spans="8:8">
      <c r="H304074" s="12"/>
    </row>
    <row r="304075" spans="8:8">
      <c r="H304075" s="12"/>
    </row>
    <row r="304076" spans="8:8">
      <c r="H304076" s="12"/>
    </row>
    <row r="304077" spans="8:8">
      <c r="H304077" s="12"/>
    </row>
    <row r="304078" spans="8:8">
      <c r="H304078" s="12"/>
    </row>
    <row r="304079" spans="8:8">
      <c r="H304079" s="12"/>
    </row>
    <row r="304080" spans="8:8">
      <c r="H304080" s="12"/>
    </row>
    <row r="304081" spans="8:8">
      <c r="H304081" s="12"/>
    </row>
    <row r="304082" spans="8:8">
      <c r="H304082" s="12"/>
    </row>
    <row r="304083" spans="8:8">
      <c r="H304083" s="12"/>
    </row>
    <row r="304084" spans="8:8">
      <c r="H304084" s="12"/>
    </row>
    <row r="304085" spans="8:8">
      <c r="H304085" s="12"/>
    </row>
    <row r="304086" spans="8:8">
      <c r="H304086" s="12"/>
    </row>
    <row r="304087" spans="8:8">
      <c r="H304087" s="12"/>
    </row>
    <row r="304088" spans="8:8">
      <c r="H304088" s="12"/>
    </row>
    <row r="304089" spans="8:8">
      <c r="H304089" s="12"/>
    </row>
    <row r="304090" spans="8:8">
      <c r="H304090" s="12"/>
    </row>
    <row r="304091" spans="8:8">
      <c r="H304091" s="12"/>
    </row>
    <row r="304092" spans="8:8">
      <c r="H304092" s="12"/>
    </row>
    <row r="304093" spans="8:8">
      <c r="H304093" s="12"/>
    </row>
    <row r="304094" spans="8:8">
      <c r="H304094" s="12"/>
    </row>
    <row r="304095" spans="8:8">
      <c r="H304095" s="12"/>
    </row>
    <row r="304096" spans="8:8">
      <c r="H304096" s="12"/>
    </row>
    <row r="304097" spans="8:8">
      <c r="H304097" s="12"/>
    </row>
    <row r="304098" spans="8:8">
      <c r="H304098" s="12"/>
    </row>
    <row r="304099" spans="8:8">
      <c r="H304099" s="12"/>
    </row>
    <row r="304100" spans="8:8">
      <c r="H304100" s="12"/>
    </row>
    <row r="304101" spans="8:8">
      <c r="H304101" s="12"/>
    </row>
    <row r="304102" spans="8:8">
      <c r="H304102" s="12"/>
    </row>
    <row r="304103" spans="8:8">
      <c r="H304103" s="12"/>
    </row>
    <row r="304104" spans="8:8">
      <c r="H304104" s="12"/>
    </row>
    <row r="304105" spans="8:8">
      <c r="H304105" s="12"/>
    </row>
    <row r="304106" spans="8:8">
      <c r="H304106" s="12"/>
    </row>
    <row r="304107" spans="8:8">
      <c r="H304107" s="12"/>
    </row>
    <row r="304108" spans="8:8">
      <c r="H304108" s="12"/>
    </row>
    <row r="304109" spans="8:8">
      <c r="H304109" s="12"/>
    </row>
    <row r="304110" spans="8:8">
      <c r="H304110" s="12"/>
    </row>
    <row r="304111" spans="8:8">
      <c r="H304111" s="12"/>
    </row>
    <row r="304112" spans="8:8">
      <c r="H304112" s="12"/>
    </row>
    <row r="304113" spans="8:8">
      <c r="H304113" s="12"/>
    </row>
    <row r="304114" spans="8:8">
      <c r="H304114" s="12"/>
    </row>
    <row r="304115" spans="8:8">
      <c r="H304115" s="12"/>
    </row>
    <row r="304116" spans="8:8">
      <c r="H304116" s="12"/>
    </row>
    <row r="304117" spans="8:8">
      <c r="H304117" s="12"/>
    </row>
    <row r="304118" spans="8:8">
      <c r="H304118" s="12"/>
    </row>
    <row r="304119" spans="8:8">
      <c r="H304119" s="12"/>
    </row>
    <row r="304120" spans="8:8">
      <c r="H304120" s="12"/>
    </row>
    <row r="304121" spans="8:8">
      <c r="H304121" s="12"/>
    </row>
    <row r="304122" spans="8:8">
      <c r="H304122" s="12"/>
    </row>
    <row r="304123" spans="8:8">
      <c r="H304123" s="12"/>
    </row>
    <row r="304124" spans="8:8">
      <c r="H304124" s="12"/>
    </row>
    <row r="304125" spans="8:8">
      <c r="H304125" s="12"/>
    </row>
    <row r="304126" spans="8:8">
      <c r="H304126" s="12"/>
    </row>
    <row r="304127" spans="8:8">
      <c r="H304127" s="12"/>
    </row>
    <row r="304128" spans="8:8">
      <c r="H304128" s="12"/>
    </row>
    <row r="304129" spans="8:8">
      <c r="H304129" s="12"/>
    </row>
    <row r="304130" spans="8:8">
      <c r="H304130" s="12"/>
    </row>
    <row r="304131" spans="8:8">
      <c r="H304131" s="12"/>
    </row>
    <row r="304132" spans="8:8">
      <c r="H304132" s="12"/>
    </row>
    <row r="304133" spans="8:8">
      <c r="H304133" s="12"/>
    </row>
    <row r="304134" spans="8:8">
      <c r="H304134" s="12"/>
    </row>
    <row r="304135" spans="8:8">
      <c r="H304135" s="12"/>
    </row>
    <row r="304136" spans="8:8">
      <c r="H304136" s="12"/>
    </row>
    <row r="304137" spans="8:8">
      <c r="H304137" s="12"/>
    </row>
    <row r="304138" spans="8:8">
      <c r="H304138" s="12"/>
    </row>
    <row r="304139" spans="8:8">
      <c r="H304139" s="12"/>
    </row>
    <row r="304140" spans="8:8">
      <c r="H304140" s="12"/>
    </row>
    <row r="304141" spans="8:8">
      <c r="H304141" s="12"/>
    </row>
    <row r="304142" spans="8:8">
      <c r="H304142" s="12"/>
    </row>
    <row r="304143" spans="8:8">
      <c r="H304143" s="12"/>
    </row>
    <row r="304144" spans="8:8">
      <c r="H304144" s="12"/>
    </row>
    <row r="304145" spans="8:8">
      <c r="H304145" s="12"/>
    </row>
    <row r="304146" spans="8:8">
      <c r="H304146" s="12"/>
    </row>
    <row r="304147" spans="8:8">
      <c r="H304147" s="12"/>
    </row>
    <row r="304148" spans="8:8">
      <c r="H304148" s="12"/>
    </row>
    <row r="304149" spans="8:8">
      <c r="H304149" s="12"/>
    </row>
    <row r="304150" spans="8:8">
      <c r="H304150" s="12"/>
    </row>
    <row r="304151" spans="8:8">
      <c r="H304151" s="12"/>
    </row>
    <row r="304152" spans="8:8">
      <c r="H304152" s="12"/>
    </row>
    <row r="304153" spans="8:8">
      <c r="H304153" s="12"/>
    </row>
    <row r="304154" spans="8:8">
      <c r="H304154" s="12"/>
    </row>
    <row r="304155" spans="8:8">
      <c r="H304155" s="12"/>
    </row>
    <row r="304156" spans="8:8">
      <c r="H304156" s="12"/>
    </row>
    <row r="304157" spans="8:8">
      <c r="H304157" s="12"/>
    </row>
    <row r="304158" spans="8:8">
      <c r="H304158" s="12"/>
    </row>
    <row r="304159" spans="8:8">
      <c r="H304159" s="12"/>
    </row>
    <row r="304160" spans="8:8">
      <c r="H304160" s="12"/>
    </row>
    <row r="304161" spans="8:8">
      <c r="H304161" s="12"/>
    </row>
    <row r="304162" spans="8:8">
      <c r="H304162" s="12"/>
    </row>
    <row r="304163" spans="8:8">
      <c r="H304163" s="12"/>
    </row>
    <row r="304164" spans="8:8">
      <c r="H304164" s="12"/>
    </row>
    <row r="304165" spans="8:8">
      <c r="H304165" s="12"/>
    </row>
    <row r="304166" spans="8:8">
      <c r="H304166" s="12"/>
    </row>
    <row r="304167" spans="8:8">
      <c r="H304167" s="12"/>
    </row>
    <row r="304168" spans="8:8">
      <c r="H304168" s="12"/>
    </row>
    <row r="304169" spans="8:8">
      <c r="H304169" s="12"/>
    </row>
    <row r="304170" spans="8:8">
      <c r="H304170" s="12"/>
    </row>
    <row r="304171" spans="8:8">
      <c r="H304171" s="12"/>
    </row>
    <row r="304172" spans="8:8">
      <c r="H304172" s="12"/>
    </row>
    <row r="304173" spans="8:8">
      <c r="H304173" s="12"/>
    </row>
    <row r="304174" spans="8:8">
      <c r="H304174" s="12"/>
    </row>
    <row r="304175" spans="8:8">
      <c r="H304175" s="12"/>
    </row>
    <row r="304176" spans="8:8">
      <c r="H304176" s="12"/>
    </row>
    <row r="304177" spans="8:8">
      <c r="H304177" s="12"/>
    </row>
    <row r="304178" spans="8:8">
      <c r="H304178" s="12"/>
    </row>
    <row r="304179" spans="8:8">
      <c r="H304179" s="12"/>
    </row>
    <row r="304180" spans="8:8">
      <c r="H304180" s="12"/>
    </row>
    <row r="304181" spans="8:8">
      <c r="H304181" s="12"/>
    </row>
    <row r="304182" spans="8:8">
      <c r="H304182" s="12"/>
    </row>
    <row r="304183" spans="8:8">
      <c r="H304183" s="12"/>
    </row>
    <row r="304184" spans="8:8">
      <c r="H304184" s="12"/>
    </row>
    <row r="304185" spans="8:8">
      <c r="H304185" s="12"/>
    </row>
    <row r="304186" spans="8:8">
      <c r="H304186" s="12"/>
    </row>
    <row r="304187" spans="8:8">
      <c r="H304187" s="12"/>
    </row>
    <row r="304188" spans="8:8">
      <c r="H304188" s="12"/>
    </row>
    <row r="304189" spans="8:8">
      <c r="H304189" s="12"/>
    </row>
    <row r="304190" spans="8:8">
      <c r="H304190" s="12"/>
    </row>
    <row r="304191" spans="8:8">
      <c r="H304191" s="12"/>
    </row>
    <row r="304192" spans="8:8">
      <c r="H304192" s="12"/>
    </row>
    <row r="304193" spans="8:8">
      <c r="H304193" s="12"/>
    </row>
    <row r="304194" spans="8:8">
      <c r="H304194" s="12"/>
    </row>
    <row r="304195" spans="8:8">
      <c r="H304195" s="12"/>
    </row>
    <row r="304196" spans="8:8">
      <c r="H304196" s="12"/>
    </row>
    <row r="304197" spans="8:8">
      <c r="H304197" s="12"/>
    </row>
    <row r="304198" spans="8:8">
      <c r="H304198" s="12"/>
    </row>
    <row r="304199" spans="8:8">
      <c r="H304199" s="12"/>
    </row>
    <row r="304200" spans="8:8">
      <c r="H304200" s="12"/>
    </row>
    <row r="304201" spans="8:8">
      <c r="H304201" s="12"/>
    </row>
    <row r="304202" spans="8:8">
      <c r="H304202" s="12"/>
    </row>
    <row r="304203" spans="8:8">
      <c r="H304203" s="12"/>
    </row>
    <row r="304204" spans="8:8">
      <c r="H304204" s="12"/>
    </row>
    <row r="304205" spans="8:8">
      <c r="H304205" s="12"/>
    </row>
    <row r="304206" spans="8:8">
      <c r="H304206" s="12"/>
    </row>
    <row r="304207" spans="8:8">
      <c r="H304207" s="12"/>
    </row>
    <row r="304208" spans="8:8">
      <c r="H304208" s="12"/>
    </row>
    <row r="304209" spans="8:8">
      <c r="H304209" s="12"/>
    </row>
    <row r="304210" spans="8:8">
      <c r="H304210" s="12"/>
    </row>
    <row r="304211" spans="8:8">
      <c r="H304211" s="12"/>
    </row>
    <row r="304212" spans="8:8">
      <c r="H304212" s="12"/>
    </row>
    <row r="304213" spans="8:8">
      <c r="H304213" s="12"/>
    </row>
    <row r="304214" spans="8:8">
      <c r="H304214" s="12"/>
    </row>
    <row r="304215" spans="8:8">
      <c r="H304215" s="12"/>
    </row>
    <row r="304216" spans="8:8">
      <c r="H304216" s="12"/>
    </row>
    <row r="304217" spans="8:8">
      <c r="H304217" s="12"/>
    </row>
    <row r="304218" spans="8:8">
      <c r="H304218" s="12"/>
    </row>
    <row r="304219" spans="8:8">
      <c r="H304219" s="12"/>
    </row>
    <row r="304220" spans="8:8">
      <c r="H304220" s="12"/>
    </row>
    <row r="304221" spans="8:8">
      <c r="H304221" s="12"/>
    </row>
    <row r="304222" spans="8:8">
      <c r="H304222" s="12"/>
    </row>
    <row r="304223" spans="8:8">
      <c r="H304223" s="12"/>
    </row>
    <row r="304224" spans="8:8">
      <c r="H304224" s="12"/>
    </row>
    <row r="304225" spans="8:8">
      <c r="H304225" s="12"/>
    </row>
    <row r="304226" spans="8:8">
      <c r="H304226" s="12"/>
    </row>
    <row r="304227" spans="8:8">
      <c r="H304227" s="12"/>
    </row>
    <row r="304228" spans="8:8">
      <c r="H304228" s="12"/>
    </row>
    <row r="304229" spans="8:8">
      <c r="H304229" s="12"/>
    </row>
    <row r="304230" spans="8:8">
      <c r="H304230" s="12"/>
    </row>
    <row r="304231" spans="8:8">
      <c r="H304231" s="12"/>
    </row>
    <row r="304232" spans="8:8">
      <c r="H304232" s="12"/>
    </row>
    <row r="304233" spans="8:8">
      <c r="H304233" s="12"/>
    </row>
    <row r="304234" spans="8:8">
      <c r="H304234" s="12"/>
    </row>
    <row r="304235" spans="8:8">
      <c r="H304235" s="12"/>
    </row>
    <row r="304236" spans="8:8">
      <c r="H304236" s="12"/>
    </row>
    <row r="304237" spans="8:8">
      <c r="H304237" s="12"/>
    </row>
    <row r="304238" spans="8:8">
      <c r="H304238" s="12"/>
    </row>
    <row r="304239" spans="8:8">
      <c r="H304239" s="12"/>
    </row>
    <row r="304240" spans="8:8">
      <c r="H304240" s="12"/>
    </row>
    <row r="304241" spans="8:8">
      <c r="H304241" s="12"/>
    </row>
    <row r="304242" spans="8:8">
      <c r="H304242" s="12"/>
    </row>
    <row r="304243" spans="8:8">
      <c r="H304243" s="12"/>
    </row>
    <row r="304244" spans="8:8">
      <c r="H304244" s="12"/>
    </row>
    <row r="304245" spans="8:8">
      <c r="H304245" s="12"/>
    </row>
    <row r="304246" spans="8:8">
      <c r="H304246" s="12"/>
    </row>
    <row r="304247" spans="8:8">
      <c r="H304247" s="12"/>
    </row>
    <row r="304248" spans="8:8">
      <c r="H304248" s="12"/>
    </row>
    <row r="304249" spans="8:8">
      <c r="H304249" s="12"/>
    </row>
    <row r="304250" spans="8:8">
      <c r="H304250" s="12"/>
    </row>
    <row r="304251" spans="8:8">
      <c r="H304251" s="12"/>
    </row>
    <row r="304252" spans="8:8">
      <c r="H304252" s="12"/>
    </row>
    <row r="304253" spans="8:8">
      <c r="H304253" s="12"/>
    </row>
    <row r="304254" spans="8:8">
      <c r="H304254" s="12"/>
    </row>
    <row r="304255" spans="8:8">
      <c r="H304255" s="12"/>
    </row>
    <row r="304256" spans="8:8">
      <c r="H304256" s="12"/>
    </row>
    <row r="304257" spans="8:8">
      <c r="H304257" s="12"/>
    </row>
    <row r="304258" spans="8:8">
      <c r="H304258" s="12"/>
    </row>
    <row r="304259" spans="8:8">
      <c r="H304259" s="12"/>
    </row>
    <row r="304260" spans="8:8">
      <c r="H304260" s="12"/>
    </row>
    <row r="304261" spans="8:8">
      <c r="H304261" s="12"/>
    </row>
    <row r="304262" spans="8:8">
      <c r="H304262" s="12"/>
    </row>
    <row r="304263" spans="8:8">
      <c r="H304263" s="12"/>
    </row>
    <row r="304264" spans="8:8">
      <c r="H304264" s="12"/>
    </row>
    <row r="304265" spans="8:8">
      <c r="H304265" s="12"/>
    </row>
    <row r="304266" spans="8:8">
      <c r="H304266" s="12"/>
    </row>
    <row r="304267" spans="8:8">
      <c r="H304267" s="12"/>
    </row>
    <row r="304268" spans="8:8">
      <c r="H304268" s="12"/>
    </row>
    <row r="304269" spans="8:8">
      <c r="H304269" s="12"/>
    </row>
    <row r="304270" spans="8:8">
      <c r="H304270" s="12"/>
    </row>
    <row r="304271" spans="8:8">
      <c r="H304271" s="12"/>
    </row>
    <row r="304272" spans="8:8">
      <c r="H304272" s="12"/>
    </row>
    <row r="304273" spans="8:8">
      <c r="H304273" s="12"/>
    </row>
    <row r="304274" spans="8:8">
      <c r="H304274" s="12"/>
    </row>
    <row r="304275" spans="8:8">
      <c r="H304275" s="12"/>
    </row>
    <row r="304276" spans="8:8">
      <c r="H304276" s="12"/>
    </row>
    <row r="304277" spans="8:8">
      <c r="H304277" s="12"/>
    </row>
    <row r="304278" spans="8:8">
      <c r="H304278" s="12"/>
    </row>
    <row r="304279" spans="8:8">
      <c r="H304279" s="12"/>
    </row>
    <row r="304280" spans="8:8">
      <c r="H304280" s="12"/>
    </row>
    <row r="304281" spans="8:8">
      <c r="H304281" s="12"/>
    </row>
    <row r="304282" spans="8:8">
      <c r="H304282" s="12"/>
    </row>
    <row r="304283" spans="8:8">
      <c r="H304283" s="12"/>
    </row>
    <row r="304284" spans="8:8">
      <c r="H304284" s="12"/>
    </row>
    <row r="304285" spans="8:8">
      <c r="H304285" s="12"/>
    </row>
    <row r="304286" spans="8:8">
      <c r="H304286" s="12"/>
    </row>
    <row r="304287" spans="8:8">
      <c r="H304287" s="12"/>
    </row>
    <row r="304288" spans="8:8">
      <c r="H304288" s="12"/>
    </row>
    <row r="304289" spans="8:8">
      <c r="H304289" s="12"/>
    </row>
    <row r="304290" spans="8:8">
      <c r="H304290" s="12"/>
    </row>
    <row r="304291" spans="8:8">
      <c r="H304291" s="12"/>
    </row>
    <row r="304292" spans="8:8">
      <c r="H304292" s="12"/>
    </row>
    <row r="304293" spans="8:8">
      <c r="H304293" s="12"/>
    </row>
    <row r="304294" spans="8:8">
      <c r="H304294" s="12"/>
    </row>
    <row r="304295" spans="8:8">
      <c r="H304295" s="12"/>
    </row>
    <row r="304296" spans="8:8">
      <c r="H304296" s="12"/>
    </row>
    <row r="304297" spans="8:8">
      <c r="H304297" s="12"/>
    </row>
    <row r="304298" spans="8:8">
      <c r="H304298" s="12"/>
    </row>
    <row r="304299" spans="8:8">
      <c r="H304299" s="12"/>
    </row>
    <row r="304300" spans="8:8">
      <c r="H304300" s="12"/>
    </row>
    <row r="304301" spans="8:8">
      <c r="H304301" s="12"/>
    </row>
    <row r="304302" spans="8:8">
      <c r="H304302" s="12"/>
    </row>
    <row r="304303" spans="8:8">
      <c r="H304303" s="12"/>
    </row>
    <row r="304304" spans="8:8">
      <c r="H304304" s="12"/>
    </row>
    <row r="304305" spans="8:8">
      <c r="H304305" s="12"/>
    </row>
    <row r="304306" spans="8:8">
      <c r="H304306" s="12"/>
    </row>
    <row r="304307" spans="8:8">
      <c r="H304307" s="12"/>
    </row>
    <row r="304308" spans="8:8">
      <c r="H304308" s="12"/>
    </row>
    <row r="304309" spans="8:8">
      <c r="H304309" s="12"/>
    </row>
    <row r="304310" spans="8:8">
      <c r="H304310" s="12"/>
    </row>
    <row r="304311" spans="8:8">
      <c r="H304311" s="12"/>
    </row>
    <row r="304312" spans="8:8">
      <c r="H304312" s="12"/>
    </row>
    <row r="304313" spans="8:8">
      <c r="H304313" s="12"/>
    </row>
    <row r="304314" spans="8:8">
      <c r="H304314" s="12"/>
    </row>
    <row r="304315" spans="8:8">
      <c r="H304315" s="12"/>
    </row>
    <row r="304316" spans="8:8">
      <c r="H304316" s="12"/>
    </row>
    <row r="304317" spans="8:8">
      <c r="H304317" s="12"/>
    </row>
    <row r="304318" spans="8:8">
      <c r="H304318" s="12"/>
    </row>
    <row r="304319" spans="8:8">
      <c r="H304319" s="12"/>
    </row>
    <row r="304320" spans="8:8">
      <c r="H304320" s="12"/>
    </row>
    <row r="304321" spans="8:8">
      <c r="H304321" s="12"/>
    </row>
    <row r="304322" spans="8:8">
      <c r="H304322" s="12"/>
    </row>
    <row r="304323" spans="8:8">
      <c r="H304323" s="12"/>
    </row>
    <row r="304324" spans="8:8">
      <c r="H304324" s="12"/>
    </row>
    <row r="304325" spans="8:8">
      <c r="H304325" s="12"/>
    </row>
    <row r="304326" spans="8:8">
      <c r="H304326" s="12"/>
    </row>
    <row r="304327" spans="8:8">
      <c r="H304327" s="12"/>
    </row>
    <row r="304328" spans="8:8">
      <c r="H304328" s="12"/>
    </row>
    <row r="304329" spans="8:8">
      <c r="H304329" s="12"/>
    </row>
    <row r="304330" spans="8:8">
      <c r="H304330" s="12"/>
    </row>
    <row r="304331" spans="8:8">
      <c r="H304331" s="12"/>
    </row>
    <row r="304332" spans="8:8">
      <c r="H304332" s="12"/>
    </row>
    <row r="304333" spans="8:8">
      <c r="H304333" s="12"/>
    </row>
    <row r="304334" spans="8:8">
      <c r="H304334" s="12"/>
    </row>
    <row r="304335" spans="8:8">
      <c r="H304335" s="12"/>
    </row>
    <row r="304336" spans="8:8">
      <c r="H304336" s="12"/>
    </row>
    <row r="304337" spans="8:8">
      <c r="H304337" s="12"/>
    </row>
    <row r="304338" spans="8:8">
      <c r="H304338" s="12"/>
    </row>
    <row r="304339" spans="8:8">
      <c r="H304339" s="12"/>
    </row>
    <row r="304340" spans="8:8">
      <c r="H304340" s="12"/>
    </row>
    <row r="304341" spans="8:8">
      <c r="H304341" s="12"/>
    </row>
    <row r="304342" spans="8:8">
      <c r="H304342" s="12"/>
    </row>
    <row r="304343" spans="8:8">
      <c r="H304343" s="12"/>
    </row>
    <row r="304344" spans="8:8">
      <c r="H304344" s="12"/>
    </row>
    <row r="304345" spans="8:8">
      <c r="H304345" s="12"/>
    </row>
    <row r="304346" spans="8:8">
      <c r="H304346" s="12"/>
    </row>
    <row r="304347" spans="8:8">
      <c r="H304347" s="12"/>
    </row>
    <row r="304348" spans="8:8">
      <c r="H304348" s="12"/>
    </row>
    <row r="304349" spans="8:8">
      <c r="H304349" s="12"/>
    </row>
    <row r="304350" spans="8:8">
      <c r="H304350" s="12"/>
    </row>
    <row r="304351" spans="8:8">
      <c r="H304351" s="12"/>
    </row>
    <row r="304352" spans="8:8">
      <c r="H304352" s="12"/>
    </row>
    <row r="304353" spans="8:8">
      <c r="H304353" s="12"/>
    </row>
    <row r="304354" spans="8:8">
      <c r="H304354" s="12"/>
    </row>
    <row r="304355" spans="8:8">
      <c r="H304355" s="12"/>
    </row>
    <row r="304356" spans="8:8">
      <c r="H304356" s="12"/>
    </row>
    <row r="304357" spans="8:8">
      <c r="H304357" s="12"/>
    </row>
    <row r="304358" spans="8:8">
      <c r="H304358" s="12"/>
    </row>
    <row r="304359" spans="8:8">
      <c r="H304359" s="12"/>
    </row>
    <row r="304360" spans="8:8">
      <c r="H304360" s="12"/>
    </row>
    <row r="304361" spans="8:8">
      <c r="H304361" s="12"/>
    </row>
    <row r="304362" spans="8:8">
      <c r="H304362" s="12"/>
    </row>
    <row r="304363" spans="8:8">
      <c r="H304363" s="12"/>
    </row>
    <row r="304364" spans="8:8">
      <c r="H304364" s="12"/>
    </row>
    <row r="304365" spans="8:8">
      <c r="H304365" s="12"/>
    </row>
    <row r="304366" spans="8:8">
      <c r="H304366" s="12"/>
    </row>
    <row r="304367" spans="8:8">
      <c r="H304367" s="12"/>
    </row>
    <row r="304368" spans="8:8">
      <c r="H304368" s="12"/>
    </row>
    <row r="304369" spans="8:8">
      <c r="H304369" s="12"/>
    </row>
    <row r="304370" spans="8:8">
      <c r="H304370" s="12"/>
    </row>
    <row r="304371" spans="8:8">
      <c r="H304371" s="12"/>
    </row>
    <row r="304372" spans="8:8">
      <c r="H304372" s="12"/>
    </row>
    <row r="304373" spans="8:8">
      <c r="H304373" s="12"/>
    </row>
    <row r="304374" spans="8:8">
      <c r="H304374" s="12"/>
    </row>
    <row r="304375" spans="8:8">
      <c r="H304375" s="12"/>
    </row>
    <row r="304376" spans="8:8">
      <c r="H304376" s="12"/>
    </row>
    <row r="304377" spans="8:8">
      <c r="H304377" s="12"/>
    </row>
    <row r="304378" spans="8:8">
      <c r="H304378" s="12"/>
    </row>
    <row r="304379" spans="8:8">
      <c r="H304379" s="12"/>
    </row>
    <row r="304380" spans="8:8">
      <c r="H304380" s="12"/>
    </row>
    <row r="304381" spans="8:8">
      <c r="H304381" s="12"/>
    </row>
    <row r="304382" spans="8:8">
      <c r="H304382" s="12"/>
    </row>
    <row r="304383" spans="8:8">
      <c r="H304383" s="12"/>
    </row>
    <row r="304384" spans="8:8">
      <c r="H304384" s="12"/>
    </row>
    <row r="304385" spans="8:8">
      <c r="H304385" s="12"/>
    </row>
    <row r="304386" spans="8:8">
      <c r="H304386" s="12"/>
    </row>
    <row r="304387" spans="8:8">
      <c r="H304387" s="12"/>
    </row>
    <row r="304388" spans="8:8">
      <c r="H304388" s="12"/>
    </row>
    <row r="304389" spans="8:8">
      <c r="H304389" s="12"/>
    </row>
    <row r="304390" spans="8:8">
      <c r="H304390" s="12"/>
    </row>
    <row r="304391" spans="8:8">
      <c r="H304391" s="12"/>
    </row>
    <row r="304392" spans="8:8">
      <c r="H304392" s="12"/>
    </row>
    <row r="304393" spans="8:8">
      <c r="H304393" s="12"/>
    </row>
    <row r="304394" spans="8:8">
      <c r="H304394" s="12"/>
    </row>
    <row r="304395" spans="8:8">
      <c r="H304395" s="12"/>
    </row>
    <row r="304396" spans="8:8">
      <c r="H304396" s="12"/>
    </row>
    <row r="304397" spans="8:8">
      <c r="H304397" s="12"/>
    </row>
    <row r="304398" spans="8:8">
      <c r="H304398" s="12"/>
    </row>
    <row r="304399" spans="8:8">
      <c r="H304399" s="12"/>
    </row>
    <row r="304400" spans="8:8">
      <c r="H304400" s="12"/>
    </row>
    <row r="304401" spans="8:8">
      <c r="H304401" s="12"/>
    </row>
    <row r="304402" spans="8:8">
      <c r="H304402" s="12"/>
    </row>
    <row r="304403" spans="8:8">
      <c r="H304403" s="12"/>
    </row>
    <row r="304404" spans="8:8">
      <c r="H304404" s="12"/>
    </row>
    <row r="304405" spans="8:8">
      <c r="H304405" s="12"/>
    </row>
    <row r="304406" spans="8:8">
      <c r="H304406" s="12"/>
    </row>
    <row r="304407" spans="8:8">
      <c r="H304407" s="12"/>
    </row>
    <row r="304408" spans="8:8">
      <c r="H304408" s="12"/>
    </row>
    <row r="304409" spans="8:8">
      <c r="H304409" s="12"/>
    </row>
    <row r="304410" spans="8:8">
      <c r="H304410" s="12"/>
    </row>
    <row r="304411" spans="8:8">
      <c r="H304411" s="12"/>
    </row>
    <row r="304412" spans="8:8">
      <c r="H304412" s="12"/>
    </row>
    <row r="304413" spans="8:8">
      <c r="H304413" s="12"/>
    </row>
    <row r="304414" spans="8:8">
      <c r="H304414" s="12"/>
    </row>
    <row r="304415" spans="8:8">
      <c r="H304415" s="12"/>
    </row>
    <row r="304416" spans="8:8">
      <c r="H304416" s="12"/>
    </row>
    <row r="304417" spans="8:8">
      <c r="H304417" s="12"/>
    </row>
    <row r="304418" spans="8:8">
      <c r="H304418" s="12"/>
    </row>
    <row r="304419" spans="8:8">
      <c r="H304419" s="12"/>
    </row>
    <row r="304420" spans="8:8">
      <c r="H304420" s="12"/>
    </row>
    <row r="304421" spans="8:8">
      <c r="H304421" s="12"/>
    </row>
    <row r="304422" spans="8:8">
      <c r="H304422" s="12"/>
    </row>
    <row r="304423" spans="8:8">
      <c r="H304423" s="12"/>
    </row>
    <row r="304424" spans="8:8">
      <c r="H304424" s="12"/>
    </row>
    <row r="304425" spans="8:8">
      <c r="H304425" s="12"/>
    </row>
    <row r="304426" spans="8:8">
      <c r="H304426" s="12"/>
    </row>
    <row r="304427" spans="8:8">
      <c r="H304427" s="12"/>
    </row>
    <row r="304428" spans="8:8">
      <c r="H304428" s="12"/>
    </row>
    <row r="304429" spans="8:8">
      <c r="H304429" s="12"/>
    </row>
    <row r="304430" spans="8:8">
      <c r="H304430" s="12"/>
    </row>
    <row r="304431" spans="8:8">
      <c r="H304431" s="12"/>
    </row>
    <row r="304432" spans="8:8">
      <c r="H304432" s="12"/>
    </row>
    <row r="304433" spans="8:8">
      <c r="H304433" s="12"/>
    </row>
    <row r="304434" spans="8:8">
      <c r="H304434" s="12"/>
    </row>
    <row r="304435" spans="8:8">
      <c r="H304435" s="12"/>
    </row>
    <row r="304436" spans="8:8">
      <c r="H304436" s="12"/>
    </row>
    <row r="304437" spans="8:8">
      <c r="H304437" s="12"/>
    </row>
    <row r="304438" spans="8:8">
      <c r="H304438" s="12"/>
    </row>
    <row r="304439" spans="8:8">
      <c r="H304439" s="12"/>
    </row>
    <row r="304440" spans="8:8">
      <c r="H304440" s="12"/>
    </row>
    <row r="304441" spans="8:8">
      <c r="H304441" s="12"/>
    </row>
    <row r="304442" spans="8:8">
      <c r="H304442" s="12"/>
    </row>
    <row r="304443" spans="8:8">
      <c r="H304443" s="12"/>
    </row>
    <row r="304444" spans="8:8">
      <c r="H304444" s="12"/>
    </row>
    <row r="304445" spans="8:8">
      <c r="H304445" s="12"/>
    </row>
    <row r="304446" spans="8:8">
      <c r="H304446" s="12"/>
    </row>
    <row r="304447" spans="8:8">
      <c r="H304447" s="12"/>
    </row>
    <row r="304448" spans="8:8">
      <c r="H304448" s="12"/>
    </row>
    <row r="304449" spans="8:8">
      <c r="H304449" s="12"/>
    </row>
    <row r="304450" spans="8:8">
      <c r="H304450" s="12"/>
    </row>
    <row r="304451" spans="8:8">
      <c r="H304451" s="12"/>
    </row>
    <row r="304452" spans="8:8">
      <c r="H304452" s="12"/>
    </row>
    <row r="304453" spans="8:8">
      <c r="H304453" s="12"/>
    </row>
    <row r="304454" spans="8:8">
      <c r="H304454" s="12"/>
    </row>
    <row r="304455" spans="8:8">
      <c r="H304455" s="12"/>
    </row>
    <row r="304456" spans="8:8">
      <c r="H304456" s="12"/>
    </row>
    <row r="304457" spans="8:8">
      <c r="H304457" s="12"/>
    </row>
    <row r="304458" spans="8:8">
      <c r="H304458" s="12"/>
    </row>
    <row r="304459" spans="8:8">
      <c r="H304459" s="12"/>
    </row>
    <row r="304460" spans="8:8">
      <c r="H304460" s="12"/>
    </row>
    <row r="304461" spans="8:8">
      <c r="H304461" s="12"/>
    </row>
    <row r="304462" spans="8:8">
      <c r="H304462" s="12"/>
    </row>
    <row r="304463" spans="8:8">
      <c r="H304463" s="12"/>
    </row>
    <row r="304464" spans="8:8">
      <c r="H304464" s="12"/>
    </row>
    <row r="304465" spans="8:8">
      <c r="H304465" s="12"/>
    </row>
    <row r="304466" spans="8:8">
      <c r="H304466" s="12"/>
    </row>
    <row r="304467" spans="8:8">
      <c r="H304467" s="12"/>
    </row>
    <row r="304468" spans="8:8">
      <c r="H304468" s="12"/>
    </row>
    <row r="304469" spans="8:8">
      <c r="H304469" s="12"/>
    </row>
    <row r="304470" spans="8:8">
      <c r="H304470" s="12"/>
    </row>
    <row r="304471" spans="8:8">
      <c r="H304471" s="12"/>
    </row>
    <row r="304472" spans="8:8">
      <c r="H304472" s="12"/>
    </row>
    <row r="304473" spans="8:8">
      <c r="H304473" s="12"/>
    </row>
    <row r="304474" spans="8:8">
      <c r="H304474" s="12"/>
    </row>
    <row r="304475" spans="8:8">
      <c r="H304475" s="12"/>
    </row>
    <row r="304476" spans="8:8">
      <c r="H304476" s="12"/>
    </row>
    <row r="304477" spans="8:8">
      <c r="H304477" s="12"/>
    </row>
    <row r="304478" spans="8:8">
      <c r="H304478" s="12"/>
    </row>
    <row r="304479" spans="8:8">
      <c r="H304479" s="12"/>
    </row>
    <row r="304480" spans="8:8">
      <c r="H304480" s="12"/>
    </row>
    <row r="304481" spans="8:8">
      <c r="H304481" s="12"/>
    </row>
    <row r="304482" spans="8:8">
      <c r="H304482" s="12"/>
    </row>
    <row r="304483" spans="8:8">
      <c r="H304483" s="12"/>
    </row>
    <row r="304484" spans="8:8">
      <c r="H304484" s="12"/>
    </row>
    <row r="304485" spans="8:8">
      <c r="H304485" s="12"/>
    </row>
    <row r="304486" spans="8:8">
      <c r="H304486" s="12"/>
    </row>
    <row r="304487" spans="8:8">
      <c r="H304487" s="12"/>
    </row>
    <row r="304488" spans="8:8">
      <c r="H304488" s="12"/>
    </row>
    <row r="304489" spans="8:8">
      <c r="H304489" s="12"/>
    </row>
    <row r="304490" spans="8:8">
      <c r="H304490" s="12"/>
    </row>
    <row r="304491" spans="8:8">
      <c r="H304491" s="12"/>
    </row>
    <row r="304492" spans="8:8">
      <c r="H304492" s="12"/>
    </row>
    <row r="304493" spans="8:8">
      <c r="H304493" s="12"/>
    </row>
    <row r="304494" spans="8:8">
      <c r="H304494" s="12"/>
    </row>
    <row r="304495" spans="8:8">
      <c r="H304495" s="12"/>
    </row>
    <row r="304496" spans="8:8">
      <c r="H304496" s="12"/>
    </row>
    <row r="304497" spans="8:8">
      <c r="H304497" s="12"/>
    </row>
    <row r="304498" spans="8:8">
      <c r="H304498" s="12"/>
    </row>
    <row r="304499" spans="8:8">
      <c r="H304499" s="12"/>
    </row>
    <row r="304500" spans="8:8">
      <c r="H304500" s="12"/>
    </row>
    <row r="304501" spans="8:8">
      <c r="H304501" s="12"/>
    </row>
    <row r="304502" spans="8:8">
      <c r="H304502" s="12"/>
    </row>
    <row r="304503" spans="8:8">
      <c r="H304503" s="12"/>
    </row>
    <row r="304504" spans="8:8">
      <c r="H304504" s="12"/>
    </row>
    <row r="304505" spans="8:8">
      <c r="H304505" s="12"/>
    </row>
    <row r="304506" spans="8:8">
      <c r="H304506" s="12"/>
    </row>
    <row r="304507" spans="8:8">
      <c r="H304507" s="12"/>
    </row>
    <row r="304508" spans="8:8">
      <c r="H304508" s="12"/>
    </row>
    <row r="304509" spans="8:8">
      <c r="H304509" s="12"/>
    </row>
    <row r="304510" spans="8:8">
      <c r="H304510" s="12"/>
    </row>
    <row r="304511" spans="8:8">
      <c r="H304511" s="12"/>
    </row>
    <row r="304512" spans="8:8">
      <c r="H304512" s="12"/>
    </row>
    <row r="304513" spans="8:8">
      <c r="H304513" s="12"/>
    </row>
    <row r="304514" spans="8:8">
      <c r="H304514" s="12"/>
    </row>
    <row r="304515" spans="8:8">
      <c r="H304515" s="12"/>
    </row>
    <row r="304516" spans="8:8">
      <c r="H304516" s="12"/>
    </row>
    <row r="304517" spans="8:8">
      <c r="H304517" s="12"/>
    </row>
    <row r="304518" spans="8:8">
      <c r="H304518" s="12"/>
    </row>
    <row r="304519" spans="8:8">
      <c r="H304519" s="12"/>
    </row>
    <row r="304520" spans="8:8">
      <c r="H304520" s="12"/>
    </row>
    <row r="304521" spans="8:8">
      <c r="H304521" s="12"/>
    </row>
    <row r="304522" spans="8:8">
      <c r="H304522" s="12"/>
    </row>
    <row r="304523" spans="8:8">
      <c r="H304523" s="12"/>
    </row>
    <row r="304524" spans="8:8">
      <c r="H304524" s="12"/>
    </row>
    <row r="304525" spans="8:8">
      <c r="H304525" s="12"/>
    </row>
    <row r="304526" spans="8:8">
      <c r="H304526" s="12"/>
    </row>
    <row r="304527" spans="8:8">
      <c r="H304527" s="12"/>
    </row>
    <row r="304528" spans="8:8">
      <c r="H304528" s="12"/>
    </row>
    <row r="304529" spans="8:8">
      <c r="H304529" s="12"/>
    </row>
    <row r="304530" spans="8:8">
      <c r="H304530" s="12"/>
    </row>
    <row r="304531" spans="8:8">
      <c r="H304531" s="12"/>
    </row>
    <row r="304532" spans="8:8">
      <c r="H304532" s="12"/>
    </row>
    <row r="304533" spans="8:8">
      <c r="H304533" s="12"/>
    </row>
    <row r="304534" spans="8:8">
      <c r="H304534" s="12"/>
    </row>
    <row r="304535" spans="8:8">
      <c r="H304535" s="12"/>
    </row>
    <row r="304536" spans="8:8">
      <c r="H304536" s="12"/>
    </row>
    <row r="304537" spans="8:8">
      <c r="H304537" s="12"/>
    </row>
    <row r="304538" spans="8:8">
      <c r="H304538" s="12"/>
    </row>
    <row r="304539" spans="8:8">
      <c r="H304539" s="12"/>
    </row>
    <row r="304540" spans="8:8">
      <c r="H304540" s="12"/>
    </row>
    <row r="304541" spans="8:8">
      <c r="H304541" s="12"/>
    </row>
    <row r="304542" spans="8:8">
      <c r="H304542" s="12"/>
    </row>
    <row r="304543" spans="8:8">
      <c r="H304543" s="12"/>
    </row>
    <row r="304544" spans="8:8">
      <c r="H304544" s="12"/>
    </row>
    <row r="304545" spans="8:8">
      <c r="H304545" s="12"/>
    </row>
    <row r="304546" spans="8:8">
      <c r="H304546" s="12"/>
    </row>
    <row r="304547" spans="8:8">
      <c r="H304547" s="12"/>
    </row>
    <row r="304548" spans="8:8">
      <c r="H304548" s="12"/>
    </row>
    <row r="304549" spans="8:8">
      <c r="H304549" s="12"/>
    </row>
    <row r="304550" spans="8:8">
      <c r="H304550" s="12"/>
    </row>
    <row r="304551" spans="8:8">
      <c r="H304551" s="12"/>
    </row>
    <row r="304552" spans="8:8">
      <c r="H304552" s="12"/>
    </row>
    <row r="304553" spans="8:8">
      <c r="H304553" s="12"/>
    </row>
    <row r="304554" spans="8:8">
      <c r="H304554" s="12"/>
    </row>
    <row r="304555" spans="8:8">
      <c r="H304555" s="12"/>
    </row>
    <row r="304556" spans="8:8">
      <c r="H304556" s="12"/>
    </row>
    <row r="304557" spans="8:8">
      <c r="H304557" s="12"/>
    </row>
    <row r="304558" spans="8:8">
      <c r="H304558" s="12"/>
    </row>
    <row r="304559" spans="8:8">
      <c r="H304559" s="12"/>
    </row>
    <row r="304560" spans="8:8">
      <c r="H304560" s="12"/>
    </row>
    <row r="304561" spans="8:8">
      <c r="H304561" s="12"/>
    </row>
    <row r="304562" spans="8:8">
      <c r="H304562" s="12"/>
    </row>
    <row r="304563" spans="8:8">
      <c r="H304563" s="12"/>
    </row>
    <row r="304564" spans="8:8">
      <c r="H304564" s="12"/>
    </row>
    <row r="304565" spans="8:8">
      <c r="H304565" s="12"/>
    </row>
    <row r="304566" spans="8:8">
      <c r="H304566" s="12"/>
    </row>
    <row r="304567" spans="8:8">
      <c r="H304567" s="12"/>
    </row>
    <row r="304568" spans="8:8">
      <c r="H304568" s="12"/>
    </row>
    <row r="304569" spans="8:8">
      <c r="H304569" s="12"/>
    </row>
    <row r="304570" spans="8:8">
      <c r="H304570" s="12"/>
    </row>
    <row r="304571" spans="8:8">
      <c r="H304571" s="12"/>
    </row>
    <row r="304572" spans="8:8">
      <c r="H304572" s="12"/>
    </row>
    <row r="304573" spans="8:8">
      <c r="H304573" s="12"/>
    </row>
    <row r="304574" spans="8:8">
      <c r="H304574" s="12"/>
    </row>
    <row r="304575" spans="8:8">
      <c r="H304575" s="12"/>
    </row>
    <row r="304576" spans="8:8">
      <c r="H304576" s="12"/>
    </row>
    <row r="304577" spans="8:8">
      <c r="H304577" s="12"/>
    </row>
    <row r="304578" spans="8:8">
      <c r="H304578" s="12"/>
    </row>
    <row r="304579" spans="8:8">
      <c r="H304579" s="12"/>
    </row>
    <row r="304580" spans="8:8">
      <c r="H304580" s="12"/>
    </row>
    <row r="304581" spans="8:8">
      <c r="H304581" s="12"/>
    </row>
    <row r="304582" spans="8:8">
      <c r="H304582" s="12"/>
    </row>
    <row r="304583" spans="8:8">
      <c r="H304583" s="12"/>
    </row>
    <row r="304584" spans="8:8">
      <c r="H304584" s="12"/>
    </row>
    <row r="304585" spans="8:8">
      <c r="H304585" s="12"/>
    </row>
    <row r="304586" spans="8:8">
      <c r="H304586" s="12"/>
    </row>
    <row r="304587" spans="8:8">
      <c r="H304587" s="12"/>
    </row>
    <row r="304588" spans="8:8">
      <c r="H304588" s="12"/>
    </row>
    <row r="304589" spans="8:8">
      <c r="H304589" s="12"/>
    </row>
    <row r="304590" spans="8:8">
      <c r="H304590" s="12"/>
    </row>
    <row r="304591" spans="8:8">
      <c r="H304591" s="12"/>
    </row>
    <row r="304592" spans="8:8">
      <c r="H304592" s="12"/>
    </row>
    <row r="304593" spans="8:8">
      <c r="H304593" s="12"/>
    </row>
    <row r="304594" spans="8:8">
      <c r="H304594" s="12"/>
    </row>
    <row r="304595" spans="8:8">
      <c r="H304595" s="12"/>
    </row>
    <row r="304596" spans="8:8">
      <c r="H304596" s="12"/>
    </row>
    <row r="304597" spans="8:8">
      <c r="H304597" s="12"/>
    </row>
    <row r="304598" spans="8:8">
      <c r="H304598" s="12"/>
    </row>
    <row r="304599" spans="8:8">
      <c r="H304599" s="12"/>
    </row>
    <row r="304600" spans="8:8">
      <c r="H304600" s="12"/>
    </row>
    <row r="304601" spans="8:8">
      <c r="H304601" s="12"/>
    </row>
    <row r="304602" spans="8:8">
      <c r="H304602" s="12"/>
    </row>
    <row r="304603" spans="8:8">
      <c r="H304603" s="12"/>
    </row>
    <row r="304604" spans="8:8">
      <c r="H304604" s="12"/>
    </row>
    <row r="304605" spans="8:8">
      <c r="H304605" s="12"/>
    </row>
    <row r="304606" spans="8:8">
      <c r="H304606" s="12"/>
    </row>
    <row r="304607" spans="8:8">
      <c r="H304607" s="12"/>
    </row>
    <row r="304608" spans="8:8">
      <c r="H304608" s="12"/>
    </row>
    <row r="304609" spans="8:8">
      <c r="H304609" s="12"/>
    </row>
    <row r="304610" spans="8:8">
      <c r="H304610" s="12"/>
    </row>
    <row r="304611" spans="8:8">
      <c r="H304611" s="12"/>
    </row>
    <row r="304612" spans="8:8">
      <c r="H304612" s="12"/>
    </row>
    <row r="304613" spans="8:8">
      <c r="H304613" s="12"/>
    </row>
    <row r="304614" spans="8:8">
      <c r="H304614" s="12"/>
    </row>
    <row r="304615" spans="8:8">
      <c r="H304615" s="12"/>
    </row>
    <row r="304616" spans="8:8">
      <c r="H304616" s="12"/>
    </row>
    <row r="304617" spans="8:8">
      <c r="H304617" s="12"/>
    </row>
    <row r="304618" spans="8:8">
      <c r="H304618" s="12"/>
    </row>
    <row r="304619" spans="8:8">
      <c r="H304619" s="12"/>
    </row>
    <row r="304620" spans="8:8">
      <c r="H304620" s="12"/>
    </row>
    <row r="304621" spans="8:8">
      <c r="H304621" s="12"/>
    </row>
    <row r="304622" spans="8:8">
      <c r="H304622" s="12"/>
    </row>
    <row r="304623" spans="8:8">
      <c r="H304623" s="12"/>
    </row>
    <row r="304624" spans="8:8">
      <c r="H304624" s="12"/>
    </row>
    <row r="304625" spans="8:8">
      <c r="H304625" s="12"/>
    </row>
    <row r="304626" spans="8:8">
      <c r="H304626" s="12"/>
    </row>
    <row r="304627" spans="8:8">
      <c r="H304627" s="12"/>
    </row>
    <row r="304628" spans="8:8">
      <c r="H304628" s="12"/>
    </row>
    <row r="304629" spans="8:8">
      <c r="H304629" s="12"/>
    </row>
    <row r="304630" spans="8:8">
      <c r="H304630" s="12"/>
    </row>
    <row r="304631" spans="8:8">
      <c r="H304631" s="12"/>
    </row>
    <row r="304632" spans="8:8">
      <c r="H304632" s="12"/>
    </row>
    <row r="304633" spans="8:8">
      <c r="H304633" s="12"/>
    </row>
    <row r="304634" spans="8:8">
      <c r="H304634" s="12"/>
    </row>
    <row r="304635" spans="8:8">
      <c r="H304635" s="12"/>
    </row>
    <row r="304636" spans="8:8">
      <c r="H304636" s="12"/>
    </row>
    <row r="304637" spans="8:8">
      <c r="H304637" s="12"/>
    </row>
    <row r="304638" spans="8:8">
      <c r="H304638" s="12"/>
    </row>
    <row r="304639" spans="8:8">
      <c r="H304639" s="12"/>
    </row>
    <row r="304640" spans="8:8">
      <c r="H304640" s="12"/>
    </row>
    <row r="304641" spans="8:8">
      <c r="H304641" s="12"/>
    </row>
    <row r="304642" spans="8:8">
      <c r="H304642" s="12"/>
    </row>
    <row r="304643" spans="8:8">
      <c r="H304643" s="12"/>
    </row>
    <row r="304644" spans="8:8">
      <c r="H304644" s="12"/>
    </row>
    <row r="304645" spans="8:8">
      <c r="H304645" s="12"/>
    </row>
    <row r="304646" spans="8:8">
      <c r="H304646" s="12"/>
    </row>
    <row r="304647" spans="8:8">
      <c r="H304647" s="12"/>
    </row>
    <row r="304648" spans="8:8">
      <c r="H304648" s="12"/>
    </row>
    <row r="304649" spans="8:8">
      <c r="H304649" s="12"/>
    </row>
    <row r="304650" spans="8:8">
      <c r="H304650" s="12"/>
    </row>
    <row r="304651" spans="8:8">
      <c r="H304651" s="12"/>
    </row>
    <row r="304652" spans="8:8">
      <c r="H304652" s="12"/>
    </row>
    <row r="304653" spans="8:8">
      <c r="H304653" s="12"/>
    </row>
    <row r="304654" spans="8:8">
      <c r="H304654" s="12"/>
    </row>
    <row r="304655" spans="8:8">
      <c r="H304655" s="12"/>
    </row>
    <row r="304656" spans="8:8">
      <c r="H304656" s="12"/>
    </row>
    <row r="304657" spans="8:8">
      <c r="H304657" s="12"/>
    </row>
    <row r="304658" spans="8:8">
      <c r="H304658" s="12"/>
    </row>
    <row r="304659" spans="8:8">
      <c r="H304659" s="12"/>
    </row>
    <row r="304660" spans="8:8">
      <c r="H304660" s="12"/>
    </row>
    <row r="304661" spans="8:8">
      <c r="H304661" s="12"/>
    </row>
    <row r="304662" spans="8:8">
      <c r="H304662" s="12"/>
    </row>
    <row r="304663" spans="8:8">
      <c r="H304663" s="12"/>
    </row>
    <row r="304664" spans="8:8">
      <c r="H304664" s="12"/>
    </row>
    <row r="304665" spans="8:8">
      <c r="H304665" s="12"/>
    </row>
    <row r="304666" spans="8:8">
      <c r="H304666" s="12"/>
    </row>
    <row r="304667" spans="8:8">
      <c r="H304667" s="12"/>
    </row>
    <row r="304668" spans="8:8">
      <c r="H304668" s="12"/>
    </row>
    <row r="304669" spans="8:8">
      <c r="H304669" s="12"/>
    </row>
    <row r="304670" spans="8:8">
      <c r="H304670" s="12"/>
    </row>
    <row r="304671" spans="8:8">
      <c r="H304671" s="12"/>
    </row>
    <row r="304672" spans="8:8">
      <c r="H304672" s="12"/>
    </row>
    <row r="304673" spans="8:8">
      <c r="H304673" s="12"/>
    </row>
    <row r="304674" spans="8:8">
      <c r="H304674" s="12"/>
    </row>
    <row r="304675" spans="8:8">
      <c r="H304675" s="12"/>
    </row>
    <row r="304676" spans="8:8">
      <c r="H304676" s="12"/>
    </row>
    <row r="304677" spans="8:8">
      <c r="H304677" s="12"/>
    </row>
    <row r="304678" spans="8:8">
      <c r="H304678" s="12"/>
    </row>
    <row r="304679" spans="8:8">
      <c r="H304679" s="12"/>
    </row>
    <row r="304680" spans="8:8">
      <c r="H304680" s="12"/>
    </row>
    <row r="304681" spans="8:8">
      <c r="H304681" s="12"/>
    </row>
    <row r="304682" spans="8:8">
      <c r="H304682" s="12"/>
    </row>
    <row r="304683" spans="8:8">
      <c r="H304683" s="12"/>
    </row>
    <row r="304684" spans="8:8">
      <c r="H304684" s="12"/>
    </row>
    <row r="304685" spans="8:8">
      <c r="H304685" s="12"/>
    </row>
    <row r="304686" spans="8:8">
      <c r="H304686" s="12"/>
    </row>
    <row r="304687" spans="8:8">
      <c r="H304687" s="12"/>
    </row>
    <row r="304688" spans="8:8">
      <c r="H304688" s="12"/>
    </row>
    <row r="304689" spans="8:8">
      <c r="H304689" s="12"/>
    </row>
    <row r="304690" spans="8:8">
      <c r="H304690" s="12"/>
    </row>
    <row r="304691" spans="8:8">
      <c r="H304691" s="12"/>
    </row>
    <row r="304692" spans="8:8">
      <c r="H304692" s="12"/>
    </row>
    <row r="304693" spans="8:8">
      <c r="H304693" s="12"/>
    </row>
    <row r="304694" spans="8:8">
      <c r="H304694" s="12"/>
    </row>
    <row r="304695" spans="8:8">
      <c r="H304695" s="12"/>
    </row>
    <row r="304696" spans="8:8">
      <c r="H304696" s="12"/>
    </row>
    <row r="304697" spans="8:8">
      <c r="H304697" s="12"/>
    </row>
    <row r="304698" spans="8:8">
      <c r="H304698" s="12"/>
    </row>
    <row r="304699" spans="8:8">
      <c r="H304699" s="12"/>
    </row>
    <row r="304700" spans="8:8">
      <c r="H304700" s="12"/>
    </row>
    <row r="304701" spans="8:8">
      <c r="H304701" s="12"/>
    </row>
    <row r="304702" spans="8:8">
      <c r="H304702" s="12"/>
    </row>
    <row r="304703" spans="8:8">
      <c r="H304703" s="12"/>
    </row>
    <row r="304704" spans="8:8">
      <c r="H304704" s="12"/>
    </row>
    <row r="304705" spans="8:8">
      <c r="H304705" s="12"/>
    </row>
    <row r="304706" spans="8:8">
      <c r="H304706" s="12"/>
    </row>
    <row r="304707" spans="8:8">
      <c r="H304707" s="12"/>
    </row>
    <row r="304708" spans="8:8">
      <c r="H304708" s="12"/>
    </row>
    <row r="304709" spans="8:8">
      <c r="H304709" s="12"/>
    </row>
    <row r="304710" spans="8:8">
      <c r="H304710" s="12"/>
    </row>
    <row r="304711" spans="8:8">
      <c r="H304711" s="12"/>
    </row>
    <row r="304712" spans="8:8">
      <c r="H304712" s="12"/>
    </row>
    <row r="304713" spans="8:8">
      <c r="H304713" s="12"/>
    </row>
    <row r="304714" spans="8:8">
      <c r="H304714" s="12"/>
    </row>
    <row r="304715" spans="8:8">
      <c r="H304715" s="12"/>
    </row>
    <row r="304716" spans="8:8">
      <c r="H304716" s="12"/>
    </row>
    <row r="304717" spans="8:8">
      <c r="H304717" s="12"/>
    </row>
    <row r="304718" spans="8:8">
      <c r="H304718" s="12"/>
    </row>
    <row r="304719" spans="8:8">
      <c r="H304719" s="12"/>
    </row>
    <row r="304720" spans="8:8">
      <c r="H304720" s="12"/>
    </row>
    <row r="304721" spans="8:8">
      <c r="H304721" s="12"/>
    </row>
    <row r="304722" spans="8:8">
      <c r="H304722" s="12"/>
    </row>
    <row r="304723" spans="8:8">
      <c r="H304723" s="12"/>
    </row>
    <row r="304724" spans="8:8">
      <c r="H304724" s="12"/>
    </row>
    <row r="304725" spans="8:8">
      <c r="H304725" s="12"/>
    </row>
    <row r="304726" spans="8:8">
      <c r="H304726" s="12"/>
    </row>
    <row r="304727" spans="8:8">
      <c r="H304727" s="12"/>
    </row>
    <row r="304728" spans="8:8">
      <c r="H304728" s="12"/>
    </row>
    <row r="304729" spans="8:8">
      <c r="H304729" s="12"/>
    </row>
    <row r="304730" spans="8:8">
      <c r="H304730" s="12"/>
    </row>
    <row r="304731" spans="8:8">
      <c r="H304731" s="12"/>
    </row>
    <row r="304732" spans="8:8">
      <c r="H304732" s="12"/>
    </row>
    <row r="304733" spans="8:8">
      <c r="H304733" s="12"/>
    </row>
    <row r="304734" spans="8:8">
      <c r="H304734" s="12"/>
    </row>
    <row r="304735" spans="8:8">
      <c r="H304735" s="12"/>
    </row>
    <row r="304736" spans="8:8">
      <c r="H304736" s="12"/>
    </row>
    <row r="304737" spans="8:8">
      <c r="H304737" s="12"/>
    </row>
    <row r="304738" spans="8:8">
      <c r="H304738" s="12"/>
    </row>
    <row r="304739" spans="8:8">
      <c r="H304739" s="12"/>
    </row>
    <row r="304740" spans="8:8">
      <c r="H304740" s="12"/>
    </row>
    <row r="304741" spans="8:8">
      <c r="H304741" s="12"/>
    </row>
    <row r="304742" spans="8:8">
      <c r="H304742" s="12"/>
    </row>
    <row r="304743" spans="8:8">
      <c r="H304743" s="12"/>
    </row>
    <row r="304744" spans="8:8">
      <c r="H304744" s="12"/>
    </row>
    <row r="304745" spans="8:8">
      <c r="H304745" s="12"/>
    </row>
    <row r="304746" spans="8:8">
      <c r="H304746" s="12"/>
    </row>
    <row r="304747" spans="8:8">
      <c r="H304747" s="12"/>
    </row>
    <row r="304748" spans="8:8">
      <c r="H304748" s="12"/>
    </row>
    <row r="304749" spans="8:8">
      <c r="H304749" s="12"/>
    </row>
    <row r="304750" spans="8:8">
      <c r="H304750" s="12"/>
    </row>
    <row r="304751" spans="8:8">
      <c r="H304751" s="12"/>
    </row>
    <row r="304752" spans="8:8">
      <c r="H304752" s="12"/>
    </row>
    <row r="304753" spans="8:8">
      <c r="H304753" s="12"/>
    </row>
    <row r="304754" spans="8:8">
      <c r="H304754" s="12"/>
    </row>
    <row r="304755" spans="8:8">
      <c r="H304755" s="12"/>
    </row>
    <row r="304756" spans="8:8">
      <c r="H304756" s="12"/>
    </row>
    <row r="304757" spans="8:8">
      <c r="H304757" s="12"/>
    </row>
    <row r="304758" spans="8:8">
      <c r="H304758" s="12"/>
    </row>
    <row r="304759" spans="8:8">
      <c r="H304759" s="12"/>
    </row>
    <row r="304760" spans="8:8">
      <c r="H304760" s="12"/>
    </row>
    <row r="304761" spans="8:8">
      <c r="H304761" s="12"/>
    </row>
    <row r="304762" spans="8:8">
      <c r="H304762" s="12"/>
    </row>
    <row r="304763" spans="8:8">
      <c r="H304763" s="12"/>
    </row>
    <row r="304764" spans="8:8">
      <c r="H304764" s="12"/>
    </row>
    <row r="304765" spans="8:8">
      <c r="H304765" s="12"/>
    </row>
    <row r="304766" spans="8:8">
      <c r="H304766" s="12"/>
    </row>
    <row r="304767" spans="8:8">
      <c r="H304767" s="12"/>
    </row>
    <row r="304768" spans="8:8">
      <c r="H304768" s="12"/>
    </row>
    <row r="304769" spans="8:8">
      <c r="H304769" s="12"/>
    </row>
    <row r="304770" spans="8:8">
      <c r="H304770" s="12"/>
    </row>
    <row r="304771" spans="8:8">
      <c r="H304771" s="12"/>
    </row>
    <row r="304772" spans="8:8">
      <c r="H304772" s="12"/>
    </row>
    <row r="304773" spans="8:8">
      <c r="H304773" s="12"/>
    </row>
    <row r="304774" spans="8:8">
      <c r="H304774" s="12"/>
    </row>
    <row r="304775" spans="8:8">
      <c r="H304775" s="12"/>
    </row>
    <row r="304776" spans="8:8">
      <c r="H304776" s="12"/>
    </row>
    <row r="304777" spans="8:8">
      <c r="H304777" s="12"/>
    </row>
    <row r="304778" spans="8:8">
      <c r="H304778" s="12"/>
    </row>
    <row r="304779" spans="8:8">
      <c r="H304779" s="12"/>
    </row>
    <row r="304780" spans="8:8">
      <c r="H304780" s="12"/>
    </row>
    <row r="304781" spans="8:8">
      <c r="H304781" s="12"/>
    </row>
    <row r="304782" spans="8:8">
      <c r="H304782" s="12"/>
    </row>
    <row r="304783" spans="8:8">
      <c r="H304783" s="12"/>
    </row>
    <row r="304784" spans="8:8">
      <c r="H304784" s="12"/>
    </row>
    <row r="304785" spans="8:8">
      <c r="H304785" s="12"/>
    </row>
    <row r="304786" spans="8:8">
      <c r="H304786" s="12"/>
    </row>
    <row r="304787" spans="8:8">
      <c r="H304787" s="12"/>
    </row>
    <row r="304788" spans="8:8">
      <c r="H304788" s="12"/>
    </row>
    <row r="304789" spans="8:8">
      <c r="H304789" s="12"/>
    </row>
    <row r="304790" spans="8:8">
      <c r="H304790" s="12"/>
    </row>
    <row r="304791" spans="8:8">
      <c r="H304791" s="12"/>
    </row>
    <row r="304792" spans="8:8">
      <c r="H304792" s="12"/>
    </row>
    <row r="304793" spans="8:8">
      <c r="H304793" s="12"/>
    </row>
    <row r="304794" spans="8:8">
      <c r="H304794" s="12"/>
    </row>
    <row r="304795" spans="8:8">
      <c r="H304795" s="12"/>
    </row>
    <row r="304796" spans="8:8">
      <c r="H304796" s="12"/>
    </row>
    <row r="304797" spans="8:8">
      <c r="H304797" s="12"/>
    </row>
    <row r="304798" spans="8:8">
      <c r="H304798" s="12"/>
    </row>
    <row r="304799" spans="8:8">
      <c r="H304799" s="12"/>
    </row>
    <row r="304800" spans="8:8">
      <c r="H304800" s="12"/>
    </row>
    <row r="304801" spans="8:8">
      <c r="H304801" s="12"/>
    </row>
    <row r="304802" spans="8:8">
      <c r="H304802" s="12"/>
    </row>
    <row r="304803" spans="8:8">
      <c r="H304803" s="12"/>
    </row>
    <row r="304804" spans="8:8">
      <c r="H304804" s="12"/>
    </row>
    <row r="304805" spans="8:8">
      <c r="H304805" s="12"/>
    </row>
    <row r="304806" spans="8:8">
      <c r="H304806" s="12"/>
    </row>
    <row r="304807" spans="8:8">
      <c r="H304807" s="12"/>
    </row>
    <row r="304808" spans="8:8">
      <c r="H304808" s="12"/>
    </row>
    <row r="304809" spans="8:8">
      <c r="H304809" s="12"/>
    </row>
    <row r="304810" spans="8:8">
      <c r="H304810" s="12"/>
    </row>
    <row r="304811" spans="8:8">
      <c r="H304811" s="12"/>
    </row>
    <row r="304812" spans="8:8">
      <c r="H304812" s="12"/>
    </row>
    <row r="304813" spans="8:8">
      <c r="H304813" s="12"/>
    </row>
    <row r="304814" spans="8:8">
      <c r="H304814" s="12"/>
    </row>
    <row r="304815" spans="8:8">
      <c r="H304815" s="12"/>
    </row>
    <row r="304816" spans="8:8">
      <c r="H304816" s="12"/>
    </row>
    <row r="304817" spans="8:8">
      <c r="H304817" s="12"/>
    </row>
    <row r="304818" spans="8:8">
      <c r="H304818" s="12"/>
    </row>
    <row r="304819" spans="8:8">
      <c r="H304819" s="12"/>
    </row>
    <row r="304820" spans="8:8">
      <c r="H304820" s="12"/>
    </row>
    <row r="304821" spans="8:8">
      <c r="H304821" s="12"/>
    </row>
    <row r="304822" spans="8:8">
      <c r="H304822" s="12"/>
    </row>
    <row r="304823" spans="8:8">
      <c r="H304823" s="12"/>
    </row>
    <row r="304824" spans="8:8">
      <c r="H304824" s="12"/>
    </row>
    <row r="304825" spans="8:8">
      <c r="H304825" s="12"/>
    </row>
    <row r="304826" spans="8:8">
      <c r="H304826" s="12"/>
    </row>
    <row r="304827" spans="8:8">
      <c r="H304827" s="12"/>
    </row>
    <row r="304828" spans="8:8">
      <c r="H304828" s="12"/>
    </row>
    <row r="304829" spans="8:8">
      <c r="H304829" s="12"/>
    </row>
    <row r="304830" spans="8:8">
      <c r="H304830" s="12"/>
    </row>
    <row r="304831" spans="8:8">
      <c r="H304831" s="12"/>
    </row>
    <row r="304832" spans="8:8">
      <c r="H304832" s="12"/>
    </row>
    <row r="304833" spans="8:8">
      <c r="H304833" s="12"/>
    </row>
    <row r="304834" spans="8:8">
      <c r="H304834" s="12"/>
    </row>
    <row r="304835" spans="8:8">
      <c r="H304835" s="12"/>
    </row>
    <row r="304836" spans="8:8">
      <c r="H304836" s="12"/>
    </row>
    <row r="304837" spans="8:8">
      <c r="H304837" s="12"/>
    </row>
    <row r="304838" spans="8:8">
      <c r="H304838" s="12"/>
    </row>
    <row r="304839" spans="8:8">
      <c r="H304839" s="12"/>
    </row>
    <row r="304840" spans="8:8">
      <c r="H304840" s="12"/>
    </row>
    <row r="304841" spans="8:8">
      <c r="H304841" s="12"/>
    </row>
    <row r="304842" spans="8:8">
      <c r="H304842" s="12"/>
    </row>
    <row r="304843" spans="8:8">
      <c r="H304843" s="12"/>
    </row>
    <row r="304844" spans="8:8">
      <c r="H304844" s="12"/>
    </row>
    <row r="304845" spans="8:8">
      <c r="H304845" s="12"/>
    </row>
    <row r="304846" spans="8:8">
      <c r="H304846" s="12"/>
    </row>
    <row r="304847" spans="8:8">
      <c r="H304847" s="12"/>
    </row>
    <row r="304848" spans="8:8">
      <c r="H304848" s="12"/>
    </row>
    <row r="304849" spans="8:8">
      <c r="H304849" s="12"/>
    </row>
    <row r="304850" spans="8:8">
      <c r="H304850" s="12"/>
    </row>
    <row r="304851" spans="8:8">
      <c r="H304851" s="12"/>
    </row>
    <row r="304852" spans="8:8">
      <c r="H304852" s="12"/>
    </row>
    <row r="304853" spans="8:8">
      <c r="H304853" s="12"/>
    </row>
    <row r="304854" spans="8:8">
      <c r="H304854" s="12"/>
    </row>
    <row r="304855" spans="8:8">
      <c r="H304855" s="12"/>
    </row>
    <row r="304856" spans="8:8">
      <c r="H304856" s="12"/>
    </row>
    <row r="304857" spans="8:8">
      <c r="H304857" s="12"/>
    </row>
    <row r="304858" spans="8:8">
      <c r="H304858" s="12"/>
    </row>
    <row r="304859" spans="8:8">
      <c r="H304859" s="12"/>
    </row>
    <row r="304860" spans="8:8">
      <c r="H304860" s="12"/>
    </row>
    <row r="304861" spans="8:8">
      <c r="H304861" s="12"/>
    </row>
    <row r="304862" spans="8:8">
      <c r="H304862" s="12"/>
    </row>
    <row r="304863" spans="8:8">
      <c r="H304863" s="12"/>
    </row>
    <row r="304864" spans="8:8">
      <c r="H304864" s="12"/>
    </row>
    <row r="304865" spans="8:8">
      <c r="H304865" s="12"/>
    </row>
    <row r="304866" spans="8:8">
      <c r="H304866" s="12"/>
    </row>
    <row r="304867" spans="8:8">
      <c r="H304867" s="12"/>
    </row>
    <row r="304868" spans="8:8">
      <c r="H304868" s="12"/>
    </row>
    <row r="304869" spans="8:8">
      <c r="H304869" s="12"/>
    </row>
    <row r="304870" spans="8:8">
      <c r="H304870" s="12"/>
    </row>
    <row r="304871" spans="8:8">
      <c r="H304871" s="12"/>
    </row>
    <row r="304872" spans="8:8">
      <c r="H304872" s="12"/>
    </row>
    <row r="304873" spans="8:8">
      <c r="H304873" s="12"/>
    </row>
    <row r="304874" spans="8:8">
      <c r="H304874" s="12"/>
    </row>
    <row r="304875" spans="8:8">
      <c r="H304875" s="12"/>
    </row>
    <row r="304876" spans="8:8">
      <c r="H304876" s="12"/>
    </row>
    <row r="304877" spans="8:8">
      <c r="H304877" s="12"/>
    </row>
    <row r="304878" spans="8:8">
      <c r="H304878" s="12"/>
    </row>
    <row r="304879" spans="8:8">
      <c r="H304879" s="12"/>
    </row>
    <row r="304880" spans="8:8">
      <c r="H304880" s="12"/>
    </row>
    <row r="304881" spans="8:8">
      <c r="H304881" s="12"/>
    </row>
    <row r="304882" spans="8:8">
      <c r="H304882" s="12"/>
    </row>
    <row r="304883" spans="8:8">
      <c r="H304883" s="12"/>
    </row>
    <row r="304884" spans="8:8">
      <c r="H304884" s="12"/>
    </row>
    <row r="304885" spans="8:8">
      <c r="H304885" s="12"/>
    </row>
    <row r="304886" spans="8:8">
      <c r="H304886" s="12"/>
    </row>
    <row r="304887" spans="8:8">
      <c r="H304887" s="12"/>
    </row>
    <row r="304888" spans="8:8">
      <c r="H304888" s="12"/>
    </row>
    <row r="304889" spans="8:8">
      <c r="H304889" s="12"/>
    </row>
    <row r="304890" spans="8:8">
      <c r="H304890" s="12"/>
    </row>
    <row r="304891" spans="8:8">
      <c r="H304891" s="12"/>
    </row>
    <row r="304892" spans="8:8">
      <c r="H304892" s="12"/>
    </row>
    <row r="304893" spans="8:8">
      <c r="H304893" s="12"/>
    </row>
    <row r="304894" spans="8:8">
      <c r="H304894" s="12"/>
    </row>
    <row r="304895" spans="8:8">
      <c r="H304895" s="12"/>
    </row>
    <row r="304896" spans="8:8">
      <c r="H304896" s="12"/>
    </row>
    <row r="304897" spans="8:8">
      <c r="H304897" s="12"/>
    </row>
    <row r="304898" spans="8:8">
      <c r="H304898" s="12"/>
    </row>
    <row r="304899" spans="8:8">
      <c r="H304899" s="12"/>
    </row>
    <row r="304900" spans="8:8">
      <c r="H304900" s="12"/>
    </row>
    <row r="304901" spans="8:8">
      <c r="H304901" s="12"/>
    </row>
    <row r="304902" spans="8:8">
      <c r="H304902" s="12"/>
    </row>
    <row r="304903" spans="8:8">
      <c r="H304903" s="12"/>
    </row>
    <row r="304904" spans="8:8">
      <c r="H304904" s="12"/>
    </row>
    <row r="304905" spans="8:8">
      <c r="H304905" s="12"/>
    </row>
    <row r="304906" spans="8:8">
      <c r="H304906" s="12"/>
    </row>
    <row r="304907" spans="8:8">
      <c r="H304907" s="12"/>
    </row>
    <row r="304908" spans="8:8">
      <c r="H304908" s="12"/>
    </row>
    <row r="304909" spans="8:8">
      <c r="H304909" s="12"/>
    </row>
    <row r="304910" spans="8:8">
      <c r="H304910" s="12"/>
    </row>
    <row r="304911" spans="8:8">
      <c r="H304911" s="12"/>
    </row>
    <row r="304912" spans="8:8">
      <c r="H304912" s="12"/>
    </row>
    <row r="304913" spans="8:8">
      <c r="H304913" s="12"/>
    </row>
    <row r="304914" spans="8:8">
      <c r="H304914" s="12"/>
    </row>
    <row r="304915" spans="8:8">
      <c r="H304915" s="12"/>
    </row>
    <row r="304916" spans="8:8">
      <c r="H304916" s="12"/>
    </row>
    <row r="304917" spans="8:8">
      <c r="H304917" s="12"/>
    </row>
    <row r="304918" spans="8:8">
      <c r="H304918" s="12"/>
    </row>
    <row r="304919" spans="8:8">
      <c r="H304919" s="12"/>
    </row>
    <row r="304920" spans="8:8">
      <c r="H304920" s="12"/>
    </row>
    <row r="304921" spans="8:8">
      <c r="H304921" s="12"/>
    </row>
    <row r="304922" spans="8:8">
      <c r="H304922" s="12"/>
    </row>
    <row r="304923" spans="8:8">
      <c r="H304923" s="12"/>
    </row>
    <row r="304924" spans="8:8">
      <c r="H304924" s="12"/>
    </row>
    <row r="304925" spans="8:8">
      <c r="H304925" s="12"/>
    </row>
    <row r="304926" spans="8:8">
      <c r="H304926" s="12"/>
    </row>
    <row r="304927" spans="8:8">
      <c r="H304927" s="12"/>
    </row>
    <row r="304928" spans="8:8">
      <c r="H304928" s="12"/>
    </row>
    <row r="304929" spans="8:8">
      <c r="H304929" s="12"/>
    </row>
    <row r="304930" spans="8:8">
      <c r="H304930" s="12"/>
    </row>
    <row r="304931" spans="8:8">
      <c r="H304931" s="12"/>
    </row>
    <row r="304932" spans="8:8">
      <c r="H304932" s="12"/>
    </row>
    <row r="304933" spans="8:8">
      <c r="H304933" s="12"/>
    </row>
    <row r="304934" spans="8:8">
      <c r="H304934" s="12"/>
    </row>
    <row r="304935" spans="8:8">
      <c r="H304935" s="12"/>
    </row>
    <row r="304936" spans="8:8">
      <c r="H304936" s="12"/>
    </row>
    <row r="304937" spans="8:8">
      <c r="H304937" s="12"/>
    </row>
    <row r="304938" spans="8:8">
      <c r="H304938" s="12"/>
    </row>
    <row r="304939" spans="8:8">
      <c r="H304939" s="12"/>
    </row>
    <row r="304940" spans="8:8">
      <c r="H304940" s="12"/>
    </row>
    <row r="304941" spans="8:8">
      <c r="H304941" s="12"/>
    </row>
    <row r="304942" spans="8:8">
      <c r="H304942" s="12"/>
    </row>
    <row r="304943" spans="8:8">
      <c r="H304943" s="12"/>
    </row>
    <row r="304944" spans="8:8">
      <c r="H304944" s="12"/>
    </row>
    <row r="304945" spans="8:8">
      <c r="H304945" s="12"/>
    </row>
    <row r="304946" spans="8:8">
      <c r="H304946" s="12"/>
    </row>
    <row r="304947" spans="8:8">
      <c r="H304947" s="12"/>
    </row>
    <row r="304948" spans="8:8">
      <c r="H304948" s="12"/>
    </row>
    <row r="304949" spans="8:8">
      <c r="H304949" s="12"/>
    </row>
    <row r="304950" spans="8:8">
      <c r="H304950" s="12"/>
    </row>
    <row r="304951" spans="8:8">
      <c r="H304951" s="12"/>
    </row>
    <row r="304952" spans="8:8">
      <c r="H304952" s="12"/>
    </row>
    <row r="304953" spans="8:8">
      <c r="H304953" s="12"/>
    </row>
    <row r="304954" spans="8:8">
      <c r="H304954" s="12"/>
    </row>
    <row r="304955" spans="8:8">
      <c r="H304955" s="12"/>
    </row>
    <row r="304956" spans="8:8">
      <c r="H304956" s="12"/>
    </row>
    <row r="304957" spans="8:8">
      <c r="H304957" s="12"/>
    </row>
    <row r="304958" spans="8:8">
      <c r="H304958" s="12"/>
    </row>
    <row r="304959" spans="8:8">
      <c r="H304959" s="12"/>
    </row>
    <row r="304960" spans="8:8">
      <c r="H304960" s="12"/>
    </row>
    <row r="304961" spans="8:8">
      <c r="H304961" s="12"/>
    </row>
    <row r="304962" spans="8:8">
      <c r="H304962" s="12"/>
    </row>
    <row r="304963" spans="8:8">
      <c r="H304963" s="12"/>
    </row>
    <row r="304964" spans="8:8">
      <c r="H304964" s="12"/>
    </row>
    <row r="304965" spans="8:8">
      <c r="H304965" s="12"/>
    </row>
    <row r="304966" spans="8:8">
      <c r="H304966" s="12"/>
    </row>
    <row r="304967" spans="8:8">
      <c r="H304967" s="12"/>
    </row>
    <row r="304968" spans="8:8">
      <c r="H304968" s="12"/>
    </row>
    <row r="304969" spans="8:8">
      <c r="H304969" s="12"/>
    </row>
    <row r="304970" spans="8:8">
      <c r="H304970" s="12"/>
    </row>
    <row r="304971" spans="8:8">
      <c r="H304971" s="12"/>
    </row>
    <row r="304972" spans="8:8">
      <c r="H304972" s="12"/>
    </row>
    <row r="304973" spans="8:8">
      <c r="H304973" s="12"/>
    </row>
    <row r="304974" spans="8:8">
      <c r="H304974" s="12"/>
    </row>
    <row r="304975" spans="8:8">
      <c r="H304975" s="12"/>
    </row>
    <row r="304976" spans="8:8">
      <c r="H304976" s="12"/>
    </row>
    <row r="304977" spans="8:8">
      <c r="H304977" s="12"/>
    </row>
    <row r="304978" spans="8:8">
      <c r="H304978" s="12"/>
    </row>
    <row r="304979" spans="8:8">
      <c r="H304979" s="12"/>
    </row>
    <row r="304980" spans="8:8">
      <c r="H304980" s="12"/>
    </row>
    <row r="304981" spans="8:8">
      <c r="H304981" s="12"/>
    </row>
    <row r="304982" spans="8:8">
      <c r="H304982" s="12"/>
    </row>
    <row r="304983" spans="8:8">
      <c r="H304983" s="12"/>
    </row>
    <row r="304984" spans="8:8">
      <c r="H304984" s="12"/>
    </row>
    <row r="304985" spans="8:8">
      <c r="H304985" s="12"/>
    </row>
    <row r="304986" spans="8:8">
      <c r="H304986" s="12"/>
    </row>
    <row r="304987" spans="8:8">
      <c r="H304987" s="12"/>
    </row>
    <row r="304988" spans="8:8">
      <c r="H304988" s="12"/>
    </row>
    <row r="304989" spans="8:8">
      <c r="H304989" s="12"/>
    </row>
    <row r="304990" spans="8:8">
      <c r="H304990" s="12"/>
    </row>
    <row r="304991" spans="8:8">
      <c r="H304991" s="12"/>
    </row>
    <row r="304992" spans="8:8">
      <c r="H304992" s="12"/>
    </row>
    <row r="304993" spans="8:8">
      <c r="H304993" s="12"/>
    </row>
    <row r="304994" spans="8:8">
      <c r="H304994" s="12"/>
    </row>
    <row r="304995" spans="8:8">
      <c r="H304995" s="12"/>
    </row>
    <row r="304996" spans="8:8">
      <c r="H304996" s="12"/>
    </row>
    <row r="304997" spans="8:8">
      <c r="H304997" s="12"/>
    </row>
    <row r="304998" spans="8:8">
      <c r="H304998" s="12"/>
    </row>
    <row r="304999" spans="8:8">
      <c r="H304999" s="12"/>
    </row>
    <row r="305000" spans="8:8">
      <c r="H305000" s="12"/>
    </row>
    <row r="305001" spans="8:8">
      <c r="H305001" s="12"/>
    </row>
    <row r="305002" spans="8:8">
      <c r="H305002" s="12"/>
    </row>
    <row r="305003" spans="8:8">
      <c r="H305003" s="12"/>
    </row>
    <row r="305004" spans="8:8">
      <c r="H305004" s="12"/>
    </row>
    <row r="305005" spans="8:8">
      <c r="H305005" s="12"/>
    </row>
    <row r="305006" spans="8:8">
      <c r="H305006" s="12"/>
    </row>
    <row r="305007" spans="8:8">
      <c r="H305007" s="12"/>
    </row>
    <row r="305008" spans="8:8">
      <c r="H305008" s="12"/>
    </row>
    <row r="305009" spans="8:8">
      <c r="H305009" s="12"/>
    </row>
    <row r="305010" spans="8:8">
      <c r="H305010" s="12"/>
    </row>
    <row r="305011" spans="8:8">
      <c r="H305011" s="12"/>
    </row>
    <row r="305012" spans="8:8">
      <c r="H305012" s="12"/>
    </row>
    <row r="305013" spans="8:8">
      <c r="H305013" s="12"/>
    </row>
    <row r="305014" spans="8:8">
      <c r="H305014" s="12"/>
    </row>
    <row r="305015" spans="8:8">
      <c r="H305015" s="12"/>
    </row>
    <row r="305016" spans="8:8">
      <c r="H305016" s="12"/>
    </row>
    <row r="305017" spans="8:8">
      <c r="H305017" s="12"/>
    </row>
    <row r="305018" spans="8:8">
      <c r="H305018" s="12"/>
    </row>
    <row r="305019" spans="8:8">
      <c r="H305019" s="12"/>
    </row>
    <row r="305020" spans="8:8">
      <c r="H305020" s="12"/>
    </row>
    <row r="305021" spans="8:8">
      <c r="H305021" s="12"/>
    </row>
    <row r="305022" spans="8:8">
      <c r="H305022" s="12"/>
    </row>
    <row r="305023" spans="8:8">
      <c r="H305023" s="12"/>
    </row>
    <row r="305024" spans="8:8">
      <c r="H305024" s="12"/>
    </row>
    <row r="305025" spans="8:8">
      <c r="H305025" s="12"/>
    </row>
    <row r="305026" spans="8:8">
      <c r="H305026" s="12"/>
    </row>
    <row r="305027" spans="8:8">
      <c r="H305027" s="12"/>
    </row>
    <row r="305028" spans="8:8">
      <c r="H305028" s="12"/>
    </row>
    <row r="305029" spans="8:8">
      <c r="H305029" s="12"/>
    </row>
    <row r="305030" spans="8:8">
      <c r="H305030" s="12"/>
    </row>
    <row r="305031" spans="8:8">
      <c r="H305031" s="12"/>
    </row>
    <row r="305032" spans="8:8">
      <c r="H305032" s="12"/>
    </row>
    <row r="305033" spans="8:8">
      <c r="H305033" s="12"/>
    </row>
    <row r="305034" spans="8:8">
      <c r="H305034" s="12"/>
    </row>
    <row r="305035" spans="8:8">
      <c r="H305035" s="12"/>
    </row>
    <row r="305036" spans="8:8">
      <c r="H305036" s="12"/>
    </row>
    <row r="305037" spans="8:8">
      <c r="H305037" s="12"/>
    </row>
    <row r="305038" spans="8:8">
      <c r="H305038" s="12"/>
    </row>
    <row r="305039" spans="8:8">
      <c r="H305039" s="12"/>
    </row>
    <row r="305040" spans="8:8">
      <c r="H305040" s="12"/>
    </row>
    <row r="305041" spans="8:8">
      <c r="H305041" s="12"/>
    </row>
    <row r="305042" spans="8:8">
      <c r="H305042" s="12"/>
    </row>
    <row r="305043" spans="8:8">
      <c r="H305043" s="12"/>
    </row>
    <row r="305044" spans="8:8">
      <c r="H305044" s="12"/>
    </row>
    <row r="305045" spans="8:8">
      <c r="H305045" s="12"/>
    </row>
    <row r="305046" spans="8:8">
      <c r="H305046" s="12"/>
    </row>
    <row r="305047" spans="8:8">
      <c r="H305047" s="12"/>
    </row>
    <row r="305048" spans="8:8">
      <c r="H305048" s="12"/>
    </row>
    <row r="305049" spans="8:8">
      <c r="H305049" s="12"/>
    </row>
    <row r="305050" spans="8:8">
      <c r="H305050" s="12"/>
    </row>
    <row r="305051" spans="8:8">
      <c r="H305051" s="12"/>
    </row>
    <row r="305052" spans="8:8">
      <c r="H305052" s="12"/>
    </row>
    <row r="305053" spans="8:8">
      <c r="H305053" s="12"/>
    </row>
    <row r="305054" spans="8:8">
      <c r="H305054" s="12"/>
    </row>
    <row r="305055" spans="8:8">
      <c r="H305055" s="12"/>
    </row>
    <row r="305056" spans="8:8">
      <c r="H305056" s="12"/>
    </row>
    <row r="305057" spans="8:8">
      <c r="H305057" s="12"/>
    </row>
    <row r="305058" spans="8:8">
      <c r="H305058" s="12"/>
    </row>
    <row r="305059" spans="8:8">
      <c r="H305059" s="12"/>
    </row>
    <row r="305060" spans="8:8">
      <c r="H305060" s="12"/>
    </row>
    <row r="305061" spans="8:8">
      <c r="H305061" s="12"/>
    </row>
    <row r="305062" spans="8:8">
      <c r="H305062" s="12"/>
    </row>
    <row r="305063" spans="8:8">
      <c r="H305063" s="12"/>
    </row>
    <row r="305064" spans="8:8">
      <c r="H305064" s="12"/>
    </row>
    <row r="305065" spans="8:8">
      <c r="H305065" s="12"/>
    </row>
    <row r="305066" spans="8:8">
      <c r="H305066" s="12"/>
    </row>
    <row r="305067" spans="8:8">
      <c r="H305067" s="12"/>
    </row>
    <row r="305068" spans="8:8">
      <c r="H305068" s="12"/>
    </row>
    <row r="305069" spans="8:8">
      <c r="H305069" s="12"/>
    </row>
    <row r="305070" spans="8:8">
      <c r="H305070" s="12"/>
    </row>
    <row r="305071" spans="8:8">
      <c r="H305071" s="12"/>
    </row>
    <row r="305072" spans="8:8">
      <c r="H305072" s="12"/>
    </row>
    <row r="305073" spans="8:8">
      <c r="H305073" s="12"/>
    </row>
    <row r="305074" spans="8:8">
      <c r="H305074" s="12"/>
    </row>
    <row r="305075" spans="8:8">
      <c r="H305075" s="12"/>
    </row>
    <row r="305076" spans="8:8">
      <c r="H305076" s="12"/>
    </row>
    <row r="305077" spans="8:8">
      <c r="H305077" s="12"/>
    </row>
    <row r="305078" spans="8:8">
      <c r="H305078" s="12"/>
    </row>
    <row r="305079" spans="8:8">
      <c r="H305079" s="12"/>
    </row>
    <row r="305080" spans="8:8">
      <c r="H305080" s="12"/>
    </row>
    <row r="305081" spans="8:8">
      <c r="H305081" s="12"/>
    </row>
    <row r="305082" spans="8:8">
      <c r="H305082" s="12"/>
    </row>
    <row r="305083" spans="8:8">
      <c r="H305083" s="12"/>
    </row>
    <row r="305084" spans="8:8">
      <c r="H305084" s="12"/>
    </row>
    <row r="305085" spans="8:8">
      <c r="H305085" s="12"/>
    </row>
    <row r="305086" spans="8:8">
      <c r="H305086" s="12"/>
    </row>
    <row r="305087" spans="8:8">
      <c r="H305087" s="12"/>
    </row>
    <row r="305088" spans="8:8">
      <c r="H305088" s="12"/>
    </row>
    <row r="305089" spans="8:8">
      <c r="H305089" s="12"/>
    </row>
    <row r="305090" spans="8:8">
      <c r="H305090" s="12"/>
    </row>
    <row r="305091" spans="8:8">
      <c r="H305091" s="12"/>
    </row>
    <row r="305092" spans="8:8">
      <c r="H305092" s="12"/>
    </row>
    <row r="305093" spans="8:8">
      <c r="H305093" s="12"/>
    </row>
    <row r="305094" spans="8:8">
      <c r="H305094" s="12"/>
    </row>
    <row r="305095" spans="8:8">
      <c r="H305095" s="12"/>
    </row>
    <row r="305096" spans="8:8">
      <c r="H305096" s="12"/>
    </row>
    <row r="305097" spans="8:8">
      <c r="H305097" s="12"/>
    </row>
    <row r="305098" spans="8:8">
      <c r="H305098" s="12"/>
    </row>
    <row r="305099" spans="8:8">
      <c r="H305099" s="12"/>
    </row>
    <row r="305100" spans="8:8">
      <c r="H305100" s="12"/>
    </row>
    <row r="305101" spans="8:8">
      <c r="H305101" s="12"/>
    </row>
    <row r="305102" spans="8:8">
      <c r="H305102" s="12"/>
    </row>
    <row r="305103" spans="8:8">
      <c r="H305103" s="12"/>
    </row>
    <row r="305104" spans="8:8">
      <c r="H305104" s="12"/>
    </row>
    <row r="305105" spans="8:8">
      <c r="H305105" s="12"/>
    </row>
    <row r="305106" spans="8:8">
      <c r="H305106" s="12"/>
    </row>
    <row r="305107" spans="8:8">
      <c r="H305107" s="12"/>
    </row>
    <row r="305108" spans="8:8">
      <c r="H305108" s="12"/>
    </row>
    <row r="305109" spans="8:8">
      <c r="H305109" s="12"/>
    </row>
    <row r="305110" spans="8:8">
      <c r="H305110" s="12"/>
    </row>
    <row r="305111" spans="8:8">
      <c r="H305111" s="12"/>
    </row>
    <row r="305112" spans="8:8">
      <c r="H305112" s="12"/>
    </row>
    <row r="305113" spans="8:8">
      <c r="H305113" s="12"/>
    </row>
    <row r="305114" spans="8:8">
      <c r="H305114" s="12"/>
    </row>
    <row r="305115" spans="8:8">
      <c r="H305115" s="12"/>
    </row>
    <row r="305116" spans="8:8">
      <c r="H305116" s="12"/>
    </row>
    <row r="305117" spans="8:8">
      <c r="H305117" s="12"/>
    </row>
    <row r="305118" spans="8:8">
      <c r="H305118" s="12"/>
    </row>
    <row r="305119" spans="8:8">
      <c r="H305119" s="12"/>
    </row>
    <row r="305120" spans="8:8">
      <c r="H305120" s="12"/>
    </row>
    <row r="305121" spans="8:8">
      <c r="H305121" s="12"/>
    </row>
    <row r="305122" spans="8:8">
      <c r="H305122" s="12"/>
    </row>
    <row r="305123" spans="8:8">
      <c r="H305123" s="12"/>
    </row>
    <row r="305124" spans="8:8">
      <c r="H305124" s="12"/>
    </row>
    <row r="305125" spans="8:8">
      <c r="H305125" s="12"/>
    </row>
    <row r="305126" spans="8:8">
      <c r="H305126" s="12"/>
    </row>
    <row r="305127" spans="8:8">
      <c r="H305127" s="12"/>
    </row>
    <row r="305128" spans="8:8">
      <c r="H305128" s="12"/>
    </row>
    <row r="305129" spans="8:8">
      <c r="H305129" s="12"/>
    </row>
    <row r="305130" spans="8:8">
      <c r="H305130" s="12"/>
    </row>
    <row r="305131" spans="8:8">
      <c r="H305131" s="12"/>
    </row>
    <row r="305132" spans="8:8">
      <c r="H305132" s="12"/>
    </row>
    <row r="305133" spans="8:8">
      <c r="H305133" s="12"/>
    </row>
    <row r="305134" spans="8:8">
      <c r="H305134" s="12"/>
    </row>
    <row r="305135" spans="8:8">
      <c r="H305135" s="12"/>
    </row>
    <row r="305136" spans="8:8">
      <c r="H305136" s="12"/>
    </row>
    <row r="305137" spans="8:8">
      <c r="H305137" s="12"/>
    </row>
    <row r="305138" spans="8:8">
      <c r="H305138" s="12"/>
    </row>
    <row r="305139" spans="8:8">
      <c r="H305139" s="12"/>
    </row>
    <row r="305140" spans="8:8">
      <c r="H305140" s="12"/>
    </row>
    <row r="305141" spans="8:8">
      <c r="H305141" s="12"/>
    </row>
    <row r="305142" spans="8:8">
      <c r="H305142" s="12"/>
    </row>
    <row r="305143" spans="8:8">
      <c r="H305143" s="12"/>
    </row>
    <row r="305144" spans="8:8">
      <c r="H305144" s="12"/>
    </row>
    <row r="305145" spans="8:8">
      <c r="H305145" s="12"/>
    </row>
    <row r="305146" spans="8:8">
      <c r="H305146" s="12"/>
    </row>
    <row r="305147" spans="8:8">
      <c r="H305147" s="12"/>
    </row>
    <row r="305148" spans="8:8">
      <c r="H305148" s="12"/>
    </row>
    <row r="305149" spans="8:8">
      <c r="H305149" s="12"/>
    </row>
    <row r="305150" spans="8:8">
      <c r="H305150" s="12"/>
    </row>
    <row r="305151" spans="8:8">
      <c r="H305151" s="12"/>
    </row>
    <row r="305152" spans="8:8">
      <c r="H305152" s="12"/>
    </row>
    <row r="305153" spans="8:8">
      <c r="H305153" s="12"/>
    </row>
    <row r="305154" spans="8:8">
      <c r="H305154" s="12"/>
    </row>
    <row r="305155" spans="8:8">
      <c r="H305155" s="12"/>
    </row>
    <row r="305156" spans="8:8">
      <c r="H305156" s="12"/>
    </row>
    <row r="305157" spans="8:8">
      <c r="H305157" s="12"/>
    </row>
    <row r="305158" spans="8:8">
      <c r="H305158" s="12"/>
    </row>
    <row r="305159" spans="8:8">
      <c r="H305159" s="12"/>
    </row>
    <row r="305160" spans="8:8">
      <c r="H305160" s="12"/>
    </row>
    <row r="305161" spans="8:8">
      <c r="H305161" s="12"/>
    </row>
    <row r="305162" spans="8:8">
      <c r="H305162" s="12"/>
    </row>
    <row r="305163" spans="8:8">
      <c r="H305163" s="12"/>
    </row>
    <row r="305164" spans="8:8">
      <c r="H305164" s="12"/>
    </row>
    <row r="305165" spans="8:8">
      <c r="H305165" s="12"/>
    </row>
    <row r="305166" spans="8:8">
      <c r="H305166" s="12"/>
    </row>
    <row r="305167" spans="8:8">
      <c r="H305167" s="12"/>
    </row>
    <row r="305168" spans="8:8">
      <c r="H305168" s="12"/>
    </row>
    <row r="305169" spans="8:8">
      <c r="H305169" s="12"/>
    </row>
    <row r="305170" spans="8:8">
      <c r="H305170" s="12"/>
    </row>
    <row r="305171" spans="8:8">
      <c r="H305171" s="12"/>
    </row>
    <row r="305172" spans="8:8">
      <c r="H305172" s="12"/>
    </row>
    <row r="305173" spans="8:8">
      <c r="H305173" s="12"/>
    </row>
    <row r="305174" spans="8:8">
      <c r="H305174" s="12"/>
    </row>
    <row r="305175" spans="8:8">
      <c r="H305175" s="12"/>
    </row>
    <row r="305176" spans="8:8">
      <c r="H305176" s="12"/>
    </row>
    <row r="305177" spans="8:8">
      <c r="H305177" s="12"/>
    </row>
    <row r="305178" spans="8:8">
      <c r="H305178" s="12"/>
    </row>
    <row r="305179" spans="8:8">
      <c r="H305179" s="12"/>
    </row>
    <row r="305180" spans="8:8">
      <c r="H305180" s="12"/>
    </row>
    <row r="305181" spans="8:8">
      <c r="H305181" s="12"/>
    </row>
    <row r="305182" spans="8:8">
      <c r="H305182" s="12"/>
    </row>
    <row r="305183" spans="8:8">
      <c r="H305183" s="12"/>
    </row>
    <row r="305184" spans="8:8">
      <c r="H305184" s="12"/>
    </row>
    <row r="305185" spans="8:8">
      <c r="H305185" s="12"/>
    </row>
    <row r="305186" spans="8:8">
      <c r="H305186" s="12"/>
    </row>
    <row r="305187" spans="8:8">
      <c r="H305187" s="12"/>
    </row>
    <row r="305188" spans="8:8">
      <c r="H305188" s="12"/>
    </row>
    <row r="305189" spans="8:8">
      <c r="H305189" s="12"/>
    </row>
    <row r="305190" spans="8:8">
      <c r="H305190" s="12"/>
    </row>
    <row r="305191" spans="8:8">
      <c r="H305191" s="12"/>
    </row>
    <row r="305192" spans="8:8">
      <c r="H305192" s="12"/>
    </row>
    <row r="305193" spans="8:8">
      <c r="H305193" s="12"/>
    </row>
    <row r="305194" spans="8:8">
      <c r="H305194" s="12"/>
    </row>
    <row r="305195" spans="8:8">
      <c r="H305195" s="12"/>
    </row>
    <row r="305196" spans="8:8">
      <c r="H305196" s="12"/>
    </row>
    <row r="305197" spans="8:8">
      <c r="H305197" s="12"/>
    </row>
    <row r="305198" spans="8:8">
      <c r="H305198" s="12"/>
    </row>
    <row r="305199" spans="8:8">
      <c r="H305199" s="12"/>
    </row>
    <row r="305200" spans="8:8">
      <c r="H305200" s="12"/>
    </row>
    <row r="305201" spans="8:8">
      <c r="H305201" s="12"/>
    </row>
    <row r="305202" spans="8:8">
      <c r="H305202" s="12"/>
    </row>
    <row r="305203" spans="8:8">
      <c r="H305203" s="12"/>
    </row>
    <row r="305204" spans="8:8">
      <c r="H305204" s="12"/>
    </row>
    <row r="305205" spans="8:8">
      <c r="H305205" s="12"/>
    </row>
    <row r="305206" spans="8:8">
      <c r="H305206" s="12"/>
    </row>
    <row r="305207" spans="8:8">
      <c r="H305207" s="12"/>
    </row>
    <row r="305208" spans="8:8">
      <c r="H305208" s="12"/>
    </row>
    <row r="305209" spans="8:8">
      <c r="H305209" s="12"/>
    </row>
    <row r="305210" spans="8:8">
      <c r="H305210" s="12"/>
    </row>
    <row r="305211" spans="8:8">
      <c r="H305211" s="12"/>
    </row>
    <row r="305212" spans="8:8">
      <c r="H305212" s="12"/>
    </row>
    <row r="305213" spans="8:8">
      <c r="H305213" s="12"/>
    </row>
    <row r="305214" spans="8:8">
      <c r="H305214" s="12"/>
    </row>
    <row r="305215" spans="8:8">
      <c r="H305215" s="12"/>
    </row>
    <row r="305216" spans="8:8">
      <c r="H305216" s="12"/>
    </row>
    <row r="305217" spans="8:8">
      <c r="H305217" s="12"/>
    </row>
    <row r="305218" spans="8:8">
      <c r="H305218" s="12"/>
    </row>
    <row r="305219" spans="8:8">
      <c r="H305219" s="12"/>
    </row>
    <row r="305220" spans="8:8">
      <c r="H305220" s="12"/>
    </row>
    <row r="305221" spans="8:8">
      <c r="H305221" s="12"/>
    </row>
    <row r="305222" spans="8:8">
      <c r="H305222" s="12"/>
    </row>
    <row r="305223" spans="8:8">
      <c r="H305223" s="12"/>
    </row>
    <row r="305224" spans="8:8">
      <c r="H305224" s="12"/>
    </row>
    <row r="305225" spans="8:8">
      <c r="H305225" s="12"/>
    </row>
    <row r="305226" spans="8:8">
      <c r="H305226" s="12"/>
    </row>
    <row r="305227" spans="8:8">
      <c r="H305227" s="12"/>
    </row>
    <row r="305228" spans="8:8">
      <c r="H305228" s="12"/>
    </row>
    <row r="305229" spans="8:8">
      <c r="H305229" s="12"/>
    </row>
    <row r="305230" spans="8:8">
      <c r="H305230" s="12"/>
    </row>
    <row r="305231" spans="8:8">
      <c r="H305231" s="12"/>
    </row>
    <row r="305232" spans="8:8">
      <c r="H305232" s="12"/>
    </row>
    <row r="305233" spans="8:8">
      <c r="H305233" s="12"/>
    </row>
    <row r="305234" spans="8:8">
      <c r="H305234" s="12"/>
    </row>
    <row r="305235" spans="8:8">
      <c r="H305235" s="12"/>
    </row>
    <row r="305236" spans="8:8">
      <c r="H305236" s="12"/>
    </row>
    <row r="305237" spans="8:8">
      <c r="H305237" s="12"/>
    </row>
    <row r="305238" spans="8:8">
      <c r="H305238" s="12"/>
    </row>
    <row r="305239" spans="8:8">
      <c r="H305239" s="12"/>
    </row>
    <row r="305240" spans="8:8">
      <c r="H305240" s="12"/>
    </row>
    <row r="305241" spans="8:8">
      <c r="H305241" s="12"/>
    </row>
    <row r="305242" spans="8:8">
      <c r="H305242" s="12"/>
    </row>
    <row r="305243" spans="8:8">
      <c r="H305243" s="12"/>
    </row>
    <row r="305244" spans="8:8">
      <c r="H305244" s="12"/>
    </row>
    <row r="305245" spans="8:8">
      <c r="H305245" s="12"/>
    </row>
    <row r="305246" spans="8:8">
      <c r="H305246" s="12"/>
    </row>
    <row r="305247" spans="8:8">
      <c r="H305247" s="12"/>
    </row>
    <row r="305248" spans="8:8">
      <c r="H305248" s="12"/>
    </row>
    <row r="305249" spans="8:8">
      <c r="H305249" s="12"/>
    </row>
    <row r="305250" spans="8:8">
      <c r="H305250" s="12"/>
    </row>
    <row r="305251" spans="8:8">
      <c r="H305251" s="12"/>
    </row>
    <row r="305252" spans="8:8">
      <c r="H305252" s="12"/>
    </row>
    <row r="305253" spans="8:8">
      <c r="H305253" s="12"/>
    </row>
    <row r="305254" spans="8:8">
      <c r="H305254" s="12"/>
    </row>
    <row r="305255" spans="8:8">
      <c r="H305255" s="12"/>
    </row>
    <row r="305256" spans="8:8">
      <c r="H305256" s="12"/>
    </row>
    <row r="305257" spans="8:8">
      <c r="H305257" s="12"/>
    </row>
    <row r="305258" spans="8:8">
      <c r="H305258" s="12"/>
    </row>
    <row r="305259" spans="8:8">
      <c r="H305259" s="12"/>
    </row>
    <row r="305260" spans="8:8">
      <c r="H305260" s="12"/>
    </row>
    <row r="305261" spans="8:8">
      <c r="H305261" s="12"/>
    </row>
    <row r="305262" spans="8:8">
      <c r="H305262" s="12"/>
    </row>
    <row r="305263" spans="8:8">
      <c r="H305263" s="12"/>
    </row>
    <row r="305264" spans="8:8">
      <c r="H305264" s="12"/>
    </row>
    <row r="305265" spans="8:8">
      <c r="H305265" s="12"/>
    </row>
    <row r="305266" spans="8:8">
      <c r="H305266" s="12"/>
    </row>
    <row r="305267" spans="8:8">
      <c r="H305267" s="12"/>
    </row>
    <row r="305268" spans="8:8">
      <c r="H305268" s="12"/>
    </row>
    <row r="305269" spans="8:8">
      <c r="H305269" s="12"/>
    </row>
    <row r="305270" spans="8:8">
      <c r="H305270" s="12"/>
    </row>
    <row r="305271" spans="8:8">
      <c r="H305271" s="12"/>
    </row>
    <row r="305272" spans="8:8">
      <c r="H305272" s="12"/>
    </row>
    <row r="305273" spans="8:8">
      <c r="H305273" s="12"/>
    </row>
    <row r="305274" spans="8:8">
      <c r="H305274" s="12"/>
    </row>
    <row r="305275" spans="8:8">
      <c r="H305275" s="12"/>
    </row>
    <row r="305276" spans="8:8">
      <c r="H305276" s="12"/>
    </row>
    <row r="305277" spans="8:8">
      <c r="H305277" s="12"/>
    </row>
    <row r="305278" spans="8:8">
      <c r="H305278" s="12"/>
    </row>
    <row r="305279" spans="8:8">
      <c r="H305279" s="12"/>
    </row>
    <row r="305280" spans="8:8">
      <c r="H305280" s="12"/>
    </row>
    <row r="305281" spans="8:8">
      <c r="H305281" s="12"/>
    </row>
    <row r="305282" spans="8:8">
      <c r="H305282" s="12"/>
    </row>
    <row r="305283" spans="8:8">
      <c r="H305283" s="12"/>
    </row>
    <row r="305284" spans="8:8">
      <c r="H305284" s="12"/>
    </row>
    <row r="305285" spans="8:8">
      <c r="H305285" s="12"/>
    </row>
    <row r="305286" spans="8:8">
      <c r="H305286" s="12"/>
    </row>
    <row r="305287" spans="8:8">
      <c r="H305287" s="12"/>
    </row>
    <row r="305288" spans="8:8">
      <c r="H305288" s="12"/>
    </row>
    <row r="305289" spans="8:8">
      <c r="H305289" s="12"/>
    </row>
    <row r="305290" spans="8:8">
      <c r="H305290" s="12"/>
    </row>
    <row r="305291" spans="8:8">
      <c r="H305291" s="12"/>
    </row>
    <row r="305292" spans="8:8">
      <c r="H305292" s="12"/>
    </row>
    <row r="305293" spans="8:8">
      <c r="H305293" s="12"/>
    </row>
    <row r="305294" spans="8:8">
      <c r="H305294" s="12"/>
    </row>
    <row r="305295" spans="8:8">
      <c r="H305295" s="12"/>
    </row>
    <row r="305296" spans="8:8">
      <c r="H305296" s="12"/>
    </row>
    <row r="305297" spans="8:8">
      <c r="H305297" s="12"/>
    </row>
    <row r="305298" spans="8:8">
      <c r="H305298" s="12"/>
    </row>
    <row r="305299" spans="8:8">
      <c r="H305299" s="12"/>
    </row>
    <row r="305300" spans="8:8">
      <c r="H305300" s="12"/>
    </row>
    <row r="305301" spans="8:8">
      <c r="H305301" s="12"/>
    </row>
    <row r="305302" spans="8:8">
      <c r="H305302" s="12"/>
    </row>
    <row r="305303" spans="8:8">
      <c r="H305303" s="12"/>
    </row>
    <row r="305304" spans="8:8">
      <c r="H305304" s="12"/>
    </row>
    <row r="305305" spans="8:8">
      <c r="H305305" s="12"/>
    </row>
    <row r="305306" spans="8:8">
      <c r="H305306" s="12"/>
    </row>
    <row r="305307" spans="8:8">
      <c r="H305307" s="12"/>
    </row>
    <row r="305308" spans="8:8">
      <c r="H305308" s="12"/>
    </row>
    <row r="305309" spans="8:8">
      <c r="H305309" s="12"/>
    </row>
    <row r="305310" spans="8:8">
      <c r="H305310" s="12"/>
    </row>
    <row r="305311" spans="8:8">
      <c r="H305311" s="12"/>
    </row>
    <row r="305312" spans="8:8">
      <c r="H305312" s="12"/>
    </row>
    <row r="305313" spans="8:8">
      <c r="H305313" s="12"/>
    </row>
    <row r="305314" spans="8:8">
      <c r="H305314" s="12"/>
    </row>
    <row r="305315" spans="8:8">
      <c r="H305315" s="12"/>
    </row>
    <row r="305316" spans="8:8">
      <c r="H305316" s="12"/>
    </row>
    <row r="305317" spans="8:8">
      <c r="H305317" s="12"/>
    </row>
    <row r="305318" spans="8:8">
      <c r="H305318" s="12"/>
    </row>
    <row r="305319" spans="8:8">
      <c r="H305319" s="12"/>
    </row>
    <row r="305320" spans="8:8">
      <c r="H305320" s="12"/>
    </row>
    <row r="305321" spans="8:8">
      <c r="H305321" s="12"/>
    </row>
    <row r="305322" spans="8:8">
      <c r="H305322" s="12"/>
    </row>
    <row r="305323" spans="8:8">
      <c r="H305323" s="12"/>
    </row>
    <row r="305324" spans="8:8">
      <c r="H305324" s="12"/>
    </row>
    <row r="305325" spans="8:8">
      <c r="H305325" s="12"/>
    </row>
    <row r="305326" spans="8:8">
      <c r="H305326" s="12"/>
    </row>
    <row r="305327" spans="8:8">
      <c r="H305327" s="12"/>
    </row>
    <row r="305328" spans="8:8">
      <c r="H305328" s="12"/>
    </row>
    <row r="305329" spans="8:8">
      <c r="H305329" s="12"/>
    </row>
    <row r="305330" spans="8:8">
      <c r="H305330" s="12"/>
    </row>
    <row r="305331" spans="8:8">
      <c r="H305331" s="12"/>
    </row>
    <row r="305332" spans="8:8">
      <c r="H305332" s="12"/>
    </row>
    <row r="305333" spans="8:8">
      <c r="H305333" s="12"/>
    </row>
    <row r="305334" spans="8:8">
      <c r="H305334" s="12"/>
    </row>
    <row r="305335" spans="8:8">
      <c r="H305335" s="12"/>
    </row>
    <row r="305336" spans="8:8">
      <c r="H305336" s="12"/>
    </row>
    <row r="305337" spans="8:8">
      <c r="H305337" s="12"/>
    </row>
    <row r="305338" spans="8:8">
      <c r="H305338" s="12"/>
    </row>
    <row r="305339" spans="8:8">
      <c r="H305339" s="12"/>
    </row>
    <row r="305340" spans="8:8">
      <c r="H305340" s="12"/>
    </row>
    <row r="305341" spans="8:8">
      <c r="H305341" s="12"/>
    </row>
    <row r="305342" spans="8:8">
      <c r="H305342" s="12"/>
    </row>
    <row r="305343" spans="8:8">
      <c r="H305343" s="12"/>
    </row>
    <row r="305344" spans="8:8">
      <c r="H305344" s="12"/>
    </row>
    <row r="305345" spans="8:8">
      <c r="H305345" s="12"/>
    </row>
    <row r="305346" spans="8:8">
      <c r="H305346" s="12"/>
    </row>
    <row r="305347" spans="8:8">
      <c r="H305347" s="12"/>
    </row>
    <row r="305348" spans="8:8">
      <c r="H305348" s="12"/>
    </row>
    <row r="305349" spans="8:8">
      <c r="H305349" s="12"/>
    </row>
    <row r="305350" spans="8:8">
      <c r="H305350" s="12"/>
    </row>
    <row r="305351" spans="8:8">
      <c r="H305351" s="12"/>
    </row>
    <row r="305352" spans="8:8">
      <c r="H305352" s="12"/>
    </row>
    <row r="305353" spans="8:8">
      <c r="H305353" s="12"/>
    </row>
    <row r="305354" spans="8:8">
      <c r="H305354" s="12"/>
    </row>
    <row r="305355" spans="8:8">
      <c r="H305355" s="12"/>
    </row>
    <row r="305356" spans="8:8">
      <c r="H305356" s="12"/>
    </row>
    <row r="305357" spans="8:8">
      <c r="H305357" s="12"/>
    </row>
    <row r="305358" spans="8:8">
      <c r="H305358" s="12"/>
    </row>
    <row r="305359" spans="8:8">
      <c r="H305359" s="12"/>
    </row>
    <row r="305360" spans="8:8">
      <c r="H305360" s="12"/>
    </row>
    <row r="305361" spans="8:8">
      <c r="H305361" s="12"/>
    </row>
    <row r="305362" spans="8:8">
      <c r="H305362" s="12"/>
    </row>
    <row r="305363" spans="8:8">
      <c r="H305363" s="12"/>
    </row>
    <row r="305364" spans="8:8">
      <c r="H305364" s="12"/>
    </row>
    <row r="305365" spans="8:8">
      <c r="H305365" s="12"/>
    </row>
    <row r="305366" spans="8:8">
      <c r="H305366" s="12"/>
    </row>
    <row r="305367" spans="8:8">
      <c r="H305367" s="12"/>
    </row>
    <row r="305368" spans="8:8">
      <c r="H305368" s="12"/>
    </row>
    <row r="305369" spans="8:8">
      <c r="H305369" s="12"/>
    </row>
    <row r="305370" spans="8:8">
      <c r="H305370" s="12"/>
    </row>
    <row r="305371" spans="8:8">
      <c r="H305371" s="12"/>
    </row>
    <row r="305372" spans="8:8">
      <c r="H305372" s="12"/>
    </row>
    <row r="305373" spans="8:8">
      <c r="H305373" s="12"/>
    </row>
    <row r="305374" spans="8:8">
      <c r="H305374" s="12"/>
    </row>
    <row r="305375" spans="8:8">
      <c r="H305375" s="12"/>
    </row>
    <row r="305376" spans="8:8">
      <c r="H305376" s="12"/>
    </row>
    <row r="305377" spans="8:8">
      <c r="H305377" s="12"/>
    </row>
    <row r="305378" spans="8:8">
      <c r="H305378" s="12"/>
    </row>
    <row r="305379" spans="8:8">
      <c r="H305379" s="12"/>
    </row>
    <row r="305380" spans="8:8">
      <c r="H305380" s="12"/>
    </row>
    <row r="305381" spans="8:8">
      <c r="H305381" s="12"/>
    </row>
    <row r="305382" spans="8:8">
      <c r="H305382" s="12"/>
    </row>
    <row r="305383" spans="8:8">
      <c r="H305383" s="12"/>
    </row>
    <row r="305384" spans="8:8">
      <c r="H305384" s="12"/>
    </row>
    <row r="305385" spans="8:8">
      <c r="H305385" s="12"/>
    </row>
    <row r="305386" spans="8:8">
      <c r="H305386" s="12"/>
    </row>
    <row r="305387" spans="8:8">
      <c r="H305387" s="12"/>
    </row>
    <row r="305388" spans="8:8">
      <c r="H305388" s="12"/>
    </row>
    <row r="305389" spans="8:8">
      <c r="H305389" s="12"/>
    </row>
    <row r="305390" spans="8:8">
      <c r="H305390" s="12"/>
    </row>
    <row r="305391" spans="8:8">
      <c r="H305391" s="12"/>
    </row>
    <row r="305392" spans="8:8">
      <c r="H305392" s="12"/>
    </row>
    <row r="305393" spans="8:8">
      <c r="H305393" s="12"/>
    </row>
    <row r="305394" spans="8:8">
      <c r="H305394" s="12"/>
    </row>
    <row r="305395" spans="8:8">
      <c r="H305395" s="12"/>
    </row>
    <row r="305396" spans="8:8">
      <c r="H305396" s="12"/>
    </row>
    <row r="305397" spans="8:8">
      <c r="H305397" s="12"/>
    </row>
    <row r="305398" spans="8:8">
      <c r="H305398" s="12"/>
    </row>
    <row r="305399" spans="8:8">
      <c r="H305399" s="12"/>
    </row>
    <row r="305400" spans="8:8">
      <c r="H305400" s="12"/>
    </row>
    <row r="305401" spans="8:8">
      <c r="H305401" s="12"/>
    </row>
    <row r="305402" spans="8:8">
      <c r="H305402" s="12"/>
    </row>
    <row r="305403" spans="8:8">
      <c r="H305403" s="12"/>
    </row>
    <row r="305404" spans="8:8">
      <c r="H305404" s="12"/>
    </row>
    <row r="305405" spans="8:8">
      <c r="H305405" s="12"/>
    </row>
    <row r="305406" spans="8:8">
      <c r="H305406" s="12"/>
    </row>
    <row r="305407" spans="8:8">
      <c r="H305407" s="12"/>
    </row>
    <row r="305408" spans="8:8">
      <c r="H305408" s="12"/>
    </row>
    <row r="305409" spans="8:8">
      <c r="H305409" s="12"/>
    </row>
    <row r="305410" spans="8:8">
      <c r="H305410" s="12"/>
    </row>
    <row r="305411" spans="8:8">
      <c r="H305411" s="12"/>
    </row>
    <row r="305412" spans="8:8">
      <c r="H305412" s="12"/>
    </row>
    <row r="305413" spans="8:8">
      <c r="H305413" s="12"/>
    </row>
    <row r="305414" spans="8:8">
      <c r="H305414" s="12"/>
    </row>
    <row r="305415" spans="8:8">
      <c r="H305415" s="12"/>
    </row>
    <row r="305416" spans="8:8">
      <c r="H305416" s="12"/>
    </row>
    <row r="305417" spans="8:8">
      <c r="H305417" s="12"/>
    </row>
    <row r="305418" spans="8:8">
      <c r="H305418" s="12"/>
    </row>
    <row r="305419" spans="8:8">
      <c r="H305419" s="12"/>
    </row>
    <row r="305420" spans="8:8">
      <c r="H305420" s="12"/>
    </row>
    <row r="305421" spans="8:8">
      <c r="H305421" s="12"/>
    </row>
    <row r="305422" spans="8:8">
      <c r="H305422" s="12"/>
    </row>
    <row r="305423" spans="8:8">
      <c r="H305423" s="12"/>
    </row>
    <row r="305424" spans="8:8">
      <c r="H305424" s="12"/>
    </row>
    <row r="305425" spans="8:8">
      <c r="H305425" s="12"/>
    </row>
    <row r="305426" spans="8:8">
      <c r="H305426" s="12"/>
    </row>
    <row r="305427" spans="8:8">
      <c r="H305427" s="12"/>
    </row>
    <row r="305428" spans="8:8">
      <c r="H305428" s="12"/>
    </row>
    <row r="305429" spans="8:8">
      <c r="H305429" s="12"/>
    </row>
    <row r="305430" spans="8:8">
      <c r="H305430" s="12"/>
    </row>
    <row r="305431" spans="8:8">
      <c r="H305431" s="12"/>
    </row>
    <row r="305432" spans="8:8">
      <c r="H305432" s="12"/>
    </row>
    <row r="305433" spans="8:8">
      <c r="H305433" s="12"/>
    </row>
    <row r="305434" spans="8:8">
      <c r="H305434" s="12"/>
    </row>
    <row r="305435" spans="8:8">
      <c r="H305435" s="12"/>
    </row>
    <row r="305436" spans="8:8">
      <c r="H305436" s="12"/>
    </row>
    <row r="305437" spans="8:8">
      <c r="H305437" s="12"/>
    </row>
    <row r="305438" spans="8:8">
      <c r="H305438" s="12"/>
    </row>
    <row r="305439" spans="8:8">
      <c r="H305439" s="12"/>
    </row>
    <row r="305440" spans="8:8">
      <c r="H305440" s="12"/>
    </row>
    <row r="305441" spans="8:8">
      <c r="H305441" s="12"/>
    </row>
    <row r="305442" spans="8:8">
      <c r="H305442" s="12"/>
    </row>
    <row r="305443" spans="8:8">
      <c r="H305443" s="12"/>
    </row>
    <row r="305444" spans="8:8">
      <c r="H305444" s="12"/>
    </row>
    <row r="305445" spans="8:8">
      <c r="H305445" s="12"/>
    </row>
    <row r="305446" spans="8:8">
      <c r="H305446" s="12"/>
    </row>
    <row r="305447" spans="8:8">
      <c r="H305447" s="12"/>
    </row>
    <row r="305448" spans="8:8">
      <c r="H305448" s="12"/>
    </row>
    <row r="305449" spans="8:8">
      <c r="H305449" s="12"/>
    </row>
    <row r="305450" spans="8:8">
      <c r="H305450" s="12"/>
    </row>
    <row r="305451" spans="8:8">
      <c r="H305451" s="12"/>
    </row>
    <row r="305452" spans="8:8">
      <c r="H305452" s="12"/>
    </row>
    <row r="305453" spans="8:8">
      <c r="H305453" s="12"/>
    </row>
    <row r="305454" spans="8:8">
      <c r="H305454" s="12"/>
    </row>
    <row r="305455" spans="8:8">
      <c r="H305455" s="12"/>
    </row>
    <row r="305456" spans="8:8">
      <c r="H305456" s="12"/>
    </row>
    <row r="305457" spans="8:8">
      <c r="H305457" s="12"/>
    </row>
    <row r="305458" spans="8:8">
      <c r="H305458" s="12"/>
    </row>
    <row r="305459" spans="8:8">
      <c r="H305459" s="12"/>
    </row>
    <row r="305460" spans="8:8">
      <c r="H305460" s="12"/>
    </row>
    <row r="305461" spans="8:8">
      <c r="H305461" s="12"/>
    </row>
    <row r="305462" spans="8:8">
      <c r="H305462" s="12"/>
    </row>
    <row r="305463" spans="8:8">
      <c r="H305463" s="12"/>
    </row>
    <row r="305464" spans="8:8">
      <c r="H305464" s="12"/>
    </row>
    <row r="305465" spans="8:8">
      <c r="H305465" s="12"/>
    </row>
    <row r="305466" spans="8:8">
      <c r="H305466" s="12"/>
    </row>
    <row r="305467" spans="8:8">
      <c r="H305467" s="12"/>
    </row>
    <row r="305468" spans="8:8">
      <c r="H305468" s="12"/>
    </row>
    <row r="305469" spans="8:8">
      <c r="H305469" s="12"/>
    </row>
    <row r="305470" spans="8:8">
      <c r="H305470" s="12"/>
    </row>
    <row r="305471" spans="8:8">
      <c r="H305471" s="12"/>
    </row>
    <row r="305472" spans="8:8">
      <c r="H305472" s="12"/>
    </row>
    <row r="305473" spans="8:8">
      <c r="H305473" s="12"/>
    </row>
    <row r="305474" spans="8:8">
      <c r="H305474" s="12"/>
    </row>
    <row r="305475" spans="8:8">
      <c r="H305475" s="12"/>
    </row>
    <row r="305476" spans="8:8">
      <c r="H305476" s="12"/>
    </row>
    <row r="305477" spans="8:8">
      <c r="H305477" s="12"/>
    </row>
    <row r="305478" spans="8:8">
      <c r="H305478" s="12"/>
    </row>
    <row r="305479" spans="8:8">
      <c r="H305479" s="12"/>
    </row>
    <row r="305480" spans="8:8">
      <c r="H305480" s="12"/>
    </row>
    <row r="305481" spans="8:8">
      <c r="H305481" s="12"/>
    </row>
    <row r="305482" spans="8:8">
      <c r="H305482" s="12"/>
    </row>
    <row r="305483" spans="8:8">
      <c r="H305483" s="12"/>
    </row>
    <row r="305484" spans="8:8">
      <c r="H305484" s="12"/>
    </row>
    <row r="305485" spans="8:8">
      <c r="H305485" s="12"/>
    </row>
    <row r="305486" spans="8:8">
      <c r="H305486" s="12"/>
    </row>
    <row r="305487" spans="8:8">
      <c r="H305487" s="12"/>
    </row>
    <row r="305488" spans="8:8">
      <c r="H305488" s="12"/>
    </row>
    <row r="305489" spans="8:8">
      <c r="H305489" s="12"/>
    </row>
    <row r="305490" spans="8:8">
      <c r="H305490" s="12"/>
    </row>
    <row r="305491" spans="8:8">
      <c r="H305491" s="12"/>
    </row>
    <row r="305492" spans="8:8">
      <c r="H305492" s="12"/>
    </row>
    <row r="305493" spans="8:8">
      <c r="H305493" s="12"/>
    </row>
    <row r="305494" spans="8:8">
      <c r="H305494" s="12"/>
    </row>
    <row r="305495" spans="8:8">
      <c r="H305495" s="12"/>
    </row>
    <row r="305496" spans="8:8">
      <c r="H305496" s="12"/>
    </row>
    <row r="305497" spans="8:8">
      <c r="H305497" s="12"/>
    </row>
    <row r="305498" spans="8:8">
      <c r="H305498" s="12"/>
    </row>
    <row r="305499" spans="8:8">
      <c r="H305499" s="12"/>
    </row>
    <row r="305500" spans="8:8">
      <c r="H305500" s="12"/>
    </row>
    <row r="305501" spans="8:8">
      <c r="H305501" s="12"/>
    </row>
    <row r="305502" spans="8:8">
      <c r="H305502" s="12"/>
    </row>
    <row r="305503" spans="8:8">
      <c r="H305503" s="12"/>
    </row>
    <row r="305504" spans="8:8">
      <c r="H305504" s="12"/>
    </row>
    <row r="305505" spans="8:8">
      <c r="H305505" s="12"/>
    </row>
    <row r="305506" spans="8:8">
      <c r="H305506" s="12"/>
    </row>
    <row r="305507" spans="8:8">
      <c r="H305507" s="12"/>
    </row>
    <row r="305508" spans="8:8">
      <c r="H305508" s="12"/>
    </row>
    <row r="305509" spans="8:8">
      <c r="H305509" s="12"/>
    </row>
    <row r="305510" spans="8:8">
      <c r="H305510" s="12"/>
    </row>
    <row r="305511" spans="8:8">
      <c r="H305511" s="12"/>
    </row>
    <row r="305512" spans="8:8">
      <c r="H305512" s="12"/>
    </row>
    <row r="305513" spans="8:8">
      <c r="H305513" s="12"/>
    </row>
    <row r="305514" spans="8:8">
      <c r="H305514" s="12"/>
    </row>
    <row r="305515" spans="8:8">
      <c r="H305515" s="12"/>
    </row>
    <row r="305516" spans="8:8">
      <c r="H305516" s="12"/>
    </row>
    <row r="305517" spans="8:8">
      <c r="H305517" s="12"/>
    </row>
    <row r="305518" spans="8:8">
      <c r="H305518" s="12"/>
    </row>
    <row r="305519" spans="8:8">
      <c r="H305519" s="12"/>
    </row>
    <row r="305520" spans="8:8">
      <c r="H305520" s="12"/>
    </row>
    <row r="305521" spans="8:8">
      <c r="H305521" s="12"/>
    </row>
    <row r="305522" spans="8:8">
      <c r="H305522" s="12"/>
    </row>
    <row r="305523" spans="8:8">
      <c r="H305523" s="12"/>
    </row>
    <row r="305524" spans="8:8">
      <c r="H305524" s="12"/>
    </row>
    <row r="305525" spans="8:8">
      <c r="H305525" s="12"/>
    </row>
    <row r="305526" spans="8:8">
      <c r="H305526" s="12"/>
    </row>
    <row r="305527" spans="8:8">
      <c r="H305527" s="12"/>
    </row>
    <row r="305528" spans="8:8">
      <c r="H305528" s="12"/>
    </row>
    <row r="305529" spans="8:8">
      <c r="H305529" s="12"/>
    </row>
    <row r="305530" spans="8:8">
      <c r="H305530" s="12"/>
    </row>
    <row r="305531" spans="8:8">
      <c r="H305531" s="12"/>
    </row>
    <row r="305532" spans="8:8">
      <c r="H305532" s="12"/>
    </row>
    <row r="305533" spans="8:8">
      <c r="H305533" s="12"/>
    </row>
    <row r="305534" spans="8:8">
      <c r="H305534" s="12"/>
    </row>
    <row r="305535" spans="8:8">
      <c r="H305535" s="12"/>
    </row>
    <row r="305536" spans="8:8">
      <c r="H305536" s="12"/>
    </row>
    <row r="305537" spans="8:8">
      <c r="H305537" s="12"/>
    </row>
    <row r="305538" spans="8:8">
      <c r="H305538" s="12"/>
    </row>
    <row r="305539" spans="8:8">
      <c r="H305539" s="12"/>
    </row>
    <row r="305540" spans="8:8">
      <c r="H305540" s="12"/>
    </row>
    <row r="305541" spans="8:8">
      <c r="H305541" s="12"/>
    </row>
    <row r="305542" spans="8:8">
      <c r="H305542" s="12"/>
    </row>
    <row r="305543" spans="8:8">
      <c r="H305543" s="12"/>
    </row>
    <row r="305544" spans="8:8">
      <c r="H305544" s="12"/>
    </row>
    <row r="305545" spans="8:8">
      <c r="H305545" s="12"/>
    </row>
    <row r="305546" spans="8:8">
      <c r="H305546" s="12"/>
    </row>
    <row r="305547" spans="8:8">
      <c r="H305547" s="12"/>
    </row>
    <row r="305548" spans="8:8">
      <c r="H305548" s="12"/>
    </row>
    <row r="305549" spans="8:8">
      <c r="H305549" s="12"/>
    </row>
    <row r="305550" spans="8:8">
      <c r="H305550" s="12"/>
    </row>
    <row r="305551" spans="8:8">
      <c r="H305551" s="12"/>
    </row>
    <row r="305552" spans="8:8">
      <c r="H305552" s="12"/>
    </row>
    <row r="305553" spans="8:8">
      <c r="H305553" s="12"/>
    </row>
    <row r="305554" spans="8:8">
      <c r="H305554" s="12"/>
    </row>
    <row r="305555" spans="8:8">
      <c r="H305555" s="12"/>
    </row>
    <row r="305556" spans="8:8">
      <c r="H305556" s="12"/>
    </row>
    <row r="305557" spans="8:8">
      <c r="H305557" s="12"/>
    </row>
    <row r="305558" spans="8:8">
      <c r="H305558" s="12"/>
    </row>
    <row r="305559" spans="8:8">
      <c r="H305559" s="12"/>
    </row>
    <row r="305560" spans="8:8">
      <c r="H305560" s="12"/>
    </row>
    <row r="305561" spans="8:8">
      <c r="H305561" s="12"/>
    </row>
    <row r="305562" spans="8:8">
      <c r="H305562" s="12"/>
    </row>
    <row r="305563" spans="8:8">
      <c r="H305563" s="12"/>
    </row>
    <row r="305564" spans="8:8">
      <c r="H305564" s="12"/>
    </row>
    <row r="305565" spans="8:8">
      <c r="H305565" s="12"/>
    </row>
    <row r="305566" spans="8:8">
      <c r="H305566" s="12"/>
    </row>
    <row r="305567" spans="8:8">
      <c r="H305567" s="12"/>
    </row>
    <row r="305568" spans="8:8">
      <c r="H305568" s="12"/>
    </row>
    <row r="305569" spans="8:8">
      <c r="H305569" s="12"/>
    </row>
    <row r="305570" spans="8:8">
      <c r="H305570" s="12"/>
    </row>
    <row r="305571" spans="8:8">
      <c r="H305571" s="12"/>
    </row>
    <row r="305572" spans="8:8">
      <c r="H305572" s="12"/>
    </row>
    <row r="305573" spans="8:8">
      <c r="H305573" s="12"/>
    </row>
    <row r="305574" spans="8:8">
      <c r="H305574" s="12"/>
    </row>
    <row r="305575" spans="8:8">
      <c r="H305575" s="12"/>
    </row>
    <row r="305576" spans="8:8">
      <c r="H305576" s="12"/>
    </row>
    <row r="305577" spans="8:8">
      <c r="H305577" s="12"/>
    </row>
    <row r="305578" spans="8:8">
      <c r="H305578" s="12"/>
    </row>
    <row r="305579" spans="8:8">
      <c r="H305579" s="12"/>
    </row>
    <row r="305580" spans="8:8">
      <c r="H305580" s="12"/>
    </row>
    <row r="305581" spans="8:8">
      <c r="H305581" s="12"/>
    </row>
    <row r="305582" spans="8:8">
      <c r="H305582" s="12"/>
    </row>
    <row r="305583" spans="8:8">
      <c r="H305583" s="12"/>
    </row>
    <row r="305584" spans="8:8">
      <c r="H305584" s="12"/>
    </row>
    <row r="305585" spans="8:8">
      <c r="H305585" s="12"/>
    </row>
    <row r="305586" spans="8:8">
      <c r="H305586" s="12"/>
    </row>
    <row r="305587" spans="8:8">
      <c r="H305587" s="12"/>
    </row>
    <row r="305588" spans="8:8">
      <c r="H305588" s="12"/>
    </row>
    <row r="305589" spans="8:8">
      <c r="H305589" s="12"/>
    </row>
    <row r="305590" spans="8:8">
      <c r="H305590" s="12"/>
    </row>
    <row r="305591" spans="8:8">
      <c r="H305591" s="12"/>
    </row>
    <row r="305592" spans="8:8">
      <c r="H305592" s="12"/>
    </row>
    <row r="305593" spans="8:8">
      <c r="H305593" s="12"/>
    </row>
    <row r="305594" spans="8:8">
      <c r="H305594" s="12"/>
    </row>
    <row r="305595" spans="8:8">
      <c r="H305595" s="12"/>
    </row>
    <row r="305596" spans="8:8">
      <c r="H305596" s="12"/>
    </row>
    <row r="305597" spans="8:8">
      <c r="H305597" s="12"/>
    </row>
    <row r="305598" spans="8:8">
      <c r="H305598" s="12"/>
    </row>
    <row r="305599" spans="8:8">
      <c r="H305599" s="12"/>
    </row>
    <row r="305600" spans="8:8">
      <c r="H305600" s="12"/>
    </row>
    <row r="305601" spans="8:8">
      <c r="H305601" s="12"/>
    </row>
    <row r="305602" spans="8:8">
      <c r="H305602" s="12"/>
    </row>
    <row r="305603" spans="8:8">
      <c r="H305603" s="12"/>
    </row>
    <row r="305604" spans="8:8">
      <c r="H305604" s="12"/>
    </row>
    <row r="305605" spans="8:8">
      <c r="H305605" s="12"/>
    </row>
    <row r="305606" spans="8:8">
      <c r="H305606" s="12"/>
    </row>
    <row r="305607" spans="8:8">
      <c r="H305607" s="12"/>
    </row>
    <row r="305608" spans="8:8">
      <c r="H305608" s="12"/>
    </row>
    <row r="305609" spans="8:8">
      <c r="H305609" s="12"/>
    </row>
    <row r="305610" spans="8:8">
      <c r="H305610" s="12"/>
    </row>
    <row r="305611" spans="8:8">
      <c r="H305611" s="12"/>
    </row>
    <row r="305612" spans="8:8">
      <c r="H305612" s="12"/>
    </row>
    <row r="305613" spans="8:8">
      <c r="H305613" s="12"/>
    </row>
    <row r="305614" spans="8:8">
      <c r="H305614" s="12"/>
    </row>
    <row r="305615" spans="8:8">
      <c r="H305615" s="12"/>
    </row>
    <row r="305616" spans="8:8">
      <c r="H305616" s="12"/>
    </row>
    <row r="305617" spans="8:8">
      <c r="H305617" s="12"/>
    </row>
    <row r="305618" spans="8:8">
      <c r="H305618" s="12"/>
    </row>
    <row r="305619" spans="8:8">
      <c r="H305619" s="12"/>
    </row>
    <row r="305620" spans="8:8">
      <c r="H305620" s="12"/>
    </row>
    <row r="305621" spans="8:8">
      <c r="H305621" s="12"/>
    </row>
    <row r="305622" spans="8:8">
      <c r="H305622" s="12"/>
    </row>
    <row r="305623" spans="8:8">
      <c r="H305623" s="12"/>
    </row>
    <row r="305624" spans="8:8">
      <c r="H305624" s="12"/>
    </row>
    <row r="305625" spans="8:8">
      <c r="H305625" s="12"/>
    </row>
    <row r="305626" spans="8:8">
      <c r="H305626" s="12"/>
    </row>
    <row r="305627" spans="8:8">
      <c r="H305627" s="12"/>
    </row>
    <row r="305628" spans="8:8">
      <c r="H305628" s="12"/>
    </row>
    <row r="305629" spans="8:8">
      <c r="H305629" s="12"/>
    </row>
    <row r="305630" spans="8:8">
      <c r="H305630" s="12"/>
    </row>
    <row r="305631" spans="8:8">
      <c r="H305631" s="12"/>
    </row>
    <row r="305632" spans="8:8">
      <c r="H305632" s="12"/>
    </row>
    <row r="305633" spans="8:8">
      <c r="H305633" s="12"/>
    </row>
    <row r="305634" spans="8:8">
      <c r="H305634" s="12"/>
    </row>
    <row r="305635" spans="8:8">
      <c r="H305635" s="12"/>
    </row>
    <row r="305636" spans="8:8">
      <c r="H305636" s="12"/>
    </row>
    <row r="305637" spans="8:8">
      <c r="H305637" s="12"/>
    </row>
    <row r="305638" spans="8:8">
      <c r="H305638" s="12"/>
    </row>
    <row r="305639" spans="8:8">
      <c r="H305639" s="12"/>
    </row>
    <row r="305640" spans="8:8">
      <c r="H305640" s="12"/>
    </row>
    <row r="305641" spans="8:8">
      <c r="H305641" s="12"/>
    </row>
    <row r="305642" spans="8:8">
      <c r="H305642" s="12"/>
    </row>
    <row r="305643" spans="8:8">
      <c r="H305643" s="12"/>
    </row>
    <row r="305644" spans="8:8">
      <c r="H305644" s="12"/>
    </row>
    <row r="305645" spans="8:8">
      <c r="H305645" s="12"/>
    </row>
    <row r="305646" spans="8:8">
      <c r="H305646" s="12"/>
    </row>
    <row r="305647" spans="8:8">
      <c r="H305647" s="12"/>
    </row>
    <row r="305648" spans="8:8">
      <c r="H305648" s="12"/>
    </row>
    <row r="305649" spans="8:8">
      <c r="H305649" s="12"/>
    </row>
    <row r="305650" spans="8:8">
      <c r="H305650" s="12"/>
    </row>
    <row r="305651" spans="8:8">
      <c r="H305651" s="12"/>
    </row>
    <row r="305652" spans="8:8">
      <c r="H305652" s="12"/>
    </row>
    <row r="305653" spans="8:8">
      <c r="H305653" s="12"/>
    </row>
    <row r="305654" spans="8:8">
      <c r="H305654" s="12"/>
    </row>
    <row r="305655" spans="8:8">
      <c r="H305655" s="12"/>
    </row>
    <row r="305656" spans="8:8">
      <c r="H305656" s="12"/>
    </row>
    <row r="305657" spans="8:8">
      <c r="H305657" s="12"/>
    </row>
    <row r="305658" spans="8:8">
      <c r="H305658" s="12"/>
    </row>
    <row r="305659" spans="8:8">
      <c r="H305659" s="12"/>
    </row>
    <row r="305660" spans="8:8">
      <c r="H305660" s="12"/>
    </row>
    <row r="305661" spans="8:8">
      <c r="H305661" s="12"/>
    </row>
    <row r="305662" spans="8:8">
      <c r="H305662" s="12"/>
    </row>
    <row r="305663" spans="8:8">
      <c r="H305663" s="12"/>
    </row>
    <row r="305664" spans="8:8">
      <c r="H305664" s="12"/>
    </row>
    <row r="305665" spans="8:8">
      <c r="H305665" s="12"/>
    </row>
    <row r="305666" spans="8:8">
      <c r="H305666" s="12"/>
    </row>
    <row r="305667" spans="8:8">
      <c r="H305667" s="12"/>
    </row>
    <row r="305668" spans="8:8">
      <c r="H305668" s="12"/>
    </row>
    <row r="305669" spans="8:8">
      <c r="H305669" s="12"/>
    </row>
    <row r="305670" spans="8:8">
      <c r="H305670" s="12"/>
    </row>
    <row r="305671" spans="8:8">
      <c r="H305671" s="12"/>
    </row>
    <row r="305672" spans="8:8">
      <c r="H305672" s="12"/>
    </row>
    <row r="305673" spans="8:8">
      <c r="H305673" s="12"/>
    </row>
    <row r="305674" spans="8:8">
      <c r="H305674" s="12"/>
    </row>
    <row r="305675" spans="8:8">
      <c r="H305675" s="12"/>
    </row>
    <row r="305676" spans="8:8">
      <c r="H305676" s="12"/>
    </row>
    <row r="305677" spans="8:8">
      <c r="H305677" s="12"/>
    </row>
    <row r="305678" spans="8:8">
      <c r="H305678" s="12"/>
    </row>
    <row r="305679" spans="8:8">
      <c r="H305679" s="12"/>
    </row>
    <row r="305680" spans="8:8">
      <c r="H305680" s="12"/>
    </row>
    <row r="305681" spans="8:8">
      <c r="H305681" s="12"/>
    </row>
    <row r="305682" spans="8:8">
      <c r="H305682" s="12"/>
    </row>
    <row r="305683" spans="8:8">
      <c r="H305683" s="12"/>
    </row>
    <row r="305684" spans="8:8">
      <c r="H305684" s="12"/>
    </row>
    <row r="305685" spans="8:8">
      <c r="H305685" s="12"/>
    </row>
    <row r="305686" spans="8:8">
      <c r="H305686" s="12"/>
    </row>
    <row r="305687" spans="8:8">
      <c r="H305687" s="12"/>
    </row>
    <row r="305688" spans="8:8">
      <c r="H305688" s="12"/>
    </row>
    <row r="305689" spans="8:8">
      <c r="H305689" s="12"/>
    </row>
    <row r="305690" spans="8:8">
      <c r="H305690" s="12"/>
    </row>
    <row r="305691" spans="8:8">
      <c r="H305691" s="12"/>
    </row>
    <row r="305692" spans="8:8">
      <c r="H305692" s="12"/>
    </row>
    <row r="305693" spans="8:8">
      <c r="H305693" s="12"/>
    </row>
    <row r="305694" spans="8:8">
      <c r="H305694" s="12"/>
    </row>
    <row r="305695" spans="8:8">
      <c r="H305695" s="12"/>
    </row>
    <row r="305696" spans="8:8">
      <c r="H305696" s="12"/>
    </row>
    <row r="305697" spans="8:8">
      <c r="H305697" s="12"/>
    </row>
    <row r="305698" spans="8:8">
      <c r="H305698" s="12"/>
    </row>
    <row r="305699" spans="8:8">
      <c r="H305699" s="12"/>
    </row>
    <row r="305700" spans="8:8">
      <c r="H305700" s="12"/>
    </row>
    <row r="305701" spans="8:8">
      <c r="H305701" s="12"/>
    </row>
    <row r="305702" spans="8:8">
      <c r="H305702" s="12"/>
    </row>
    <row r="305703" spans="8:8">
      <c r="H305703" s="12"/>
    </row>
    <row r="305704" spans="8:8">
      <c r="H305704" s="12"/>
    </row>
    <row r="305705" spans="8:8">
      <c r="H305705" s="12"/>
    </row>
    <row r="305706" spans="8:8">
      <c r="H305706" s="12"/>
    </row>
    <row r="305707" spans="8:8">
      <c r="H305707" s="12"/>
    </row>
    <row r="305708" spans="8:8">
      <c r="H305708" s="12"/>
    </row>
    <row r="305709" spans="8:8">
      <c r="H305709" s="12"/>
    </row>
    <row r="305710" spans="8:8">
      <c r="H305710" s="12"/>
    </row>
    <row r="305711" spans="8:8">
      <c r="H305711" s="12"/>
    </row>
    <row r="305712" spans="8:8">
      <c r="H305712" s="12"/>
    </row>
    <row r="305713" spans="8:8">
      <c r="H305713" s="12"/>
    </row>
    <row r="305714" spans="8:8">
      <c r="H305714" s="12"/>
    </row>
    <row r="305715" spans="8:8">
      <c r="H305715" s="12"/>
    </row>
    <row r="305716" spans="8:8">
      <c r="H305716" s="12"/>
    </row>
    <row r="305717" spans="8:8">
      <c r="H305717" s="12"/>
    </row>
    <row r="305718" spans="8:8">
      <c r="H305718" s="12"/>
    </row>
    <row r="305719" spans="8:8">
      <c r="H305719" s="12"/>
    </row>
    <row r="305720" spans="8:8">
      <c r="H305720" s="12"/>
    </row>
    <row r="305721" spans="8:8">
      <c r="H305721" s="12"/>
    </row>
    <row r="305722" spans="8:8">
      <c r="H305722" s="12"/>
    </row>
    <row r="305723" spans="8:8">
      <c r="H305723" s="12"/>
    </row>
    <row r="305724" spans="8:8">
      <c r="H305724" s="12"/>
    </row>
    <row r="305725" spans="8:8">
      <c r="H305725" s="12"/>
    </row>
    <row r="305726" spans="8:8">
      <c r="H305726" s="12"/>
    </row>
    <row r="305727" spans="8:8">
      <c r="H305727" s="12"/>
    </row>
    <row r="305728" spans="8:8">
      <c r="H305728" s="12"/>
    </row>
    <row r="305729" spans="8:8">
      <c r="H305729" s="12"/>
    </row>
    <row r="305730" spans="8:8">
      <c r="H305730" s="12"/>
    </row>
    <row r="305731" spans="8:8">
      <c r="H305731" s="12"/>
    </row>
    <row r="305732" spans="8:8">
      <c r="H305732" s="12"/>
    </row>
    <row r="305733" spans="8:8">
      <c r="H305733" s="12"/>
    </row>
    <row r="305734" spans="8:8">
      <c r="H305734" s="12"/>
    </row>
    <row r="305735" spans="8:8">
      <c r="H305735" s="12"/>
    </row>
    <row r="305736" spans="8:8">
      <c r="H305736" s="12"/>
    </row>
    <row r="305737" spans="8:8">
      <c r="H305737" s="12"/>
    </row>
    <row r="305738" spans="8:8">
      <c r="H305738" s="12"/>
    </row>
    <row r="305739" spans="8:8">
      <c r="H305739" s="12"/>
    </row>
    <row r="305740" spans="8:8">
      <c r="H305740" s="12"/>
    </row>
    <row r="305741" spans="8:8">
      <c r="H305741" s="12"/>
    </row>
    <row r="305742" spans="8:8">
      <c r="H305742" s="12"/>
    </row>
    <row r="305743" spans="8:8">
      <c r="H305743" s="12"/>
    </row>
    <row r="305744" spans="8:8">
      <c r="H305744" s="12"/>
    </row>
    <row r="305745" spans="8:8">
      <c r="H305745" s="12"/>
    </row>
    <row r="305746" spans="8:8">
      <c r="H305746" s="12"/>
    </row>
    <row r="305747" spans="8:8">
      <c r="H305747" s="12"/>
    </row>
    <row r="305748" spans="8:8">
      <c r="H305748" s="12"/>
    </row>
    <row r="305749" spans="8:8">
      <c r="H305749" s="12"/>
    </row>
    <row r="305750" spans="8:8">
      <c r="H305750" s="12"/>
    </row>
    <row r="305751" spans="8:8">
      <c r="H305751" s="12"/>
    </row>
    <row r="305752" spans="8:8">
      <c r="H305752" s="12"/>
    </row>
    <row r="305753" spans="8:8">
      <c r="H305753" s="12"/>
    </row>
    <row r="305754" spans="8:8">
      <c r="H305754" s="12"/>
    </row>
    <row r="305755" spans="8:8">
      <c r="H305755" s="12"/>
    </row>
    <row r="305756" spans="8:8">
      <c r="H305756" s="12"/>
    </row>
    <row r="305757" spans="8:8">
      <c r="H305757" s="12"/>
    </row>
    <row r="305758" spans="8:8">
      <c r="H305758" s="12"/>
    </row>
    <row r="305759" spans="8:8">
      <c r="H305759" s="12"/>
    </row>
    <row r="305760" spans="8:8">
      <c r="H305760" s="12"/>
    </row>
    <row r="305761" spans="8:8">
      <c r="H305761" s="12"/>
    </row>
    <row r="305762" spans="8:8">
      <c r="H305762" s="12"/>
    </row>
    <row r="305763" spans="8:8">
      <c r="H305763" s="12"/>
    </row>
    <row r="305764" spans="8:8">
      <c r="H305764" s="12"/>
    </row>
    <row r="305765" spans="8:8">
      <c r="H305765" s="12"/>
    </row>
    <row r="305766" spans="8:8">
      <c r="H305766" s="12"/>
    </row>
    <row r="305767" spans="8:8">
      <c r="H305767" s="12"/>
    </row>
    <row r="305768" spans="8:8">
      <c r="H305768" s="12"/>
    </row>
    <row r="305769" spans="8:8">
      <c r="H305769" s="12"/>
    </row>
    <row r="305770" spans="8:8">
      <c r="H305770" s="12"/>
    </row>
    <row r="305771" spans="8:8">
      <c r="H305771" s="12"/>
    </row>
    <row r="305772" spans="8:8">
      <c r="H305772" s="12"/>
    </row>
    <row r="305773" spans="8:8">
      <c r="H305773" s="12"/>
    </row>
    <row r="305774" spans="8:8">
      <c r="H305774" s="12"/>
    </row>
    <row r="305775" spans="8:8">
      <c r="H305775" s="12"/>
    </row>
    <row r="305776" spans="8:8">
      <c r="H305776" s="12"/>
    </row>
    <row r="305777" spans="8:8">
      <c r="H305777" s="12"/>
    </row>
    <row r="305778" spans="8:8">
      <c r="H305778" s="12"/>
    </row>
    <row r="305779" spans="8:8">
      <c r="H305779" s="12"/>
    </row>
    <row r="305780" spans="8:8">
      <c r="H305780" s="12"/>
    </row>
    <row r="305781" spans="8:8">
      <c r="H305781" s="12"/>
    </row>
    <row r="305782" spans="8:8">
      <c r="H305782" s="12"/>
    </row>
    <row r="305783" spans="8:8">
      <c r="H305783" s="12"/>
    </row>
    <row r="305784" spans="8:8">
      <c r="H305784" s="12"/>
    </row>
    <row r="305785" spans="8:8">
      <c r="H305785" s="12"/>
    </row>
    <row r="305786" spans="8:8">
      <c r="H305786" s="12"/>
    </row>
    <row r="305787" spans="8:8">
      <c r="H305787" s="12"/>
    </row>
    <row r="305788" spans="8:8">
      <c r="H305788" s="12"/>
    </row>
    <row r="305789" spans="8:8">
      <c r="H305789" s="12"/>
    </row>
    <row r="305790" spans="8:8">
      <c r="H305790" s="12"/>
    </row>
    <row r="305791" spans="8:8">
      <c r="H305791" s="12"/>
    </row>
    <row r="305792" spans="8:8">
      <c r="H305792" s="12"/>
    </row>
    <row r="305793" spans="8:8">
      <c r="H305793" s="12"/>
    </row>
    <row r="305794" spans="8:8">
      <c r="H305794" s="12"/>
    </row>
    <row r="305795" spans="8:8">
      <c r="H305795" s="12"/>
    </row>
    <row r="305796" spans="8:8">
      <c r="H305796" s="12"/>
    </row>
    <row r="305797" spans="8:8">
      <c r="H305797" s="12"/>
    </row>
    <row r="305798" spans="8:8">
      <c r="H305798" s="12"/>
    </row>
    <row r="305799" spans="8:8">
      <c r="H305799" s="12"/>
    </row>
    <row r="305800" spans="8:8">
      <c r="H305800" s="12"/>
    </row>
    <row r="305801" spans="8:8">
      <c r="H305801" s="12"/>
    </row>
    <row r="305802" spans="8:8">
      <c r="H305802" s="12"/>
    </row>
    <row r="305803" spans="8:8">
      <c r="H305803" s="12"/>
    </row>
    <row r="305804" spans="8:8">
      <c r="H305804" s="12"/>
    </row>
    <row r="305805" spans="8:8">
      <c r="H305805" s="12"/>
    </row>
    <row r="305806" spans="8:8">
      <c r="H305806" s="12"/>
    </row>
    <row r="305807" spans="8:8">
      <c r="H305807" s="12"/>
    </row>
    <row r="305808" spans="8:8">
      <c r="H305808" s="12"/>
    </row>
    <row r="305809" spans="8:8">
      <c r="H305809" s="12"/>
    </row>
    <row r="305810" spans="8:8">
      <c r="H305810" s="12"/>
    </row>
    <row r="305811" spans="8:8">
      <c r="H305811" s="12"/>
    </row>
    <row r="305812" spans="8:8">
      <c r="H305812" s="12"/>
    </row>
    <row r="305813" spans="8:8">
      <c r="H305813" s="12"/>
    </row>
    <row r="305814" spans="8:8">
      <c r="H305814" s="12"/>
    </row>
    <row r="305815" spans="8:8">
      <c r="H305815" s="12"/>
    </row>
    <row r="305816" spans="8:8">
      <c r="H305816" s="12"/>
    </row>
    <row r="305817" spans="8:8">
      <c r="H305817" s="12"/>
    </row>
    <row r="305818" spans="8:8">
      <c r="H305818" s="12"/>
    </row>
    <row r="305819" spans="8:8">
      <c r="H305819" s="12"/>
    </row>
    <row r="305820" spans="8:8">
      <c r="H305820" s="12"/>
    </row>
    <row r="305821" spans="8:8">
      <c r="H305821" s="12"/>
    </row>
    <row r="305822" spans="8:8">
      <c r="H305822" s="12"/>
    </row>
    <row r="305823" spans="8:8">
      <c r="H305823" s="12"/>
    </row>
    <row r="305824" spans="8:8">
      <c r="H305824" s="12"/>
    </row>
    <row r="305825" spans="8:8">
      <c r="H305825" s="12"/>
    </row>
    <row r="305826" spans="8:8">
      <c r="H305826" s="12"/>
    </row>
    <row r="305827" spans="8:8">
      <c r="H305827" s="12"/>
    </row>
    <row r="305828" spans="8:8">
      <c r="H305828" s="12"/>
    </row>
    <row r="305829" spans="8:8">
      <c r="H305829" s="12"/>
    </row>
    <row r="305830" spans="8:8">
      <c r="H305830" s="12"/>
    </row>
    <row r="305831" spans="8:8">
      <c r="H305831" s="12"/>
    </row>
    <row r="305832" spans="8:8">
      <c r="H305832" s="12"/>
    </row>
    <row r="305833" spans="8:8">
      <c r="H305833" s="12"/>
    </row>
    <row r="305834" spans="8:8">
      <c r="H305834" s="12"/>
    </row>
    <row r="305835" spans="8:8">
      <c r="H305835" s="12"/>
    </row>
    <row r="305836" spans="8:8">
      <c r="H305836" s="12"/>
    </row>
    <row r="305837" spans="8:8">
      <c r="H305837" s="12"/>
    </row>
    <row r="305838" spans="8:8">
      <c r="H305838" s="12"/>
    </row>
    <row r="305839" spans="8:8">
      <c r="H305839" s="12"/>
    </row>
    <row r="305840" spans="8:8">
      <c r="H305840" s="12"/>
    </row>
    <row r="305841" spans="8:8">
      <c r="H305841" s="12"/>
    </row>
    <row r="305842" spans="8:8">
      <c r="H305842" s="12"/>
    </row>
    <row r="305843" spans="8:8">
      <c r="H305843" s="12"/>
    </row>
    <row r="305844" spans="8:8">
      <c r="H305844" s="12"/>
    </row>
    <row r="305845" spans="8:8">
      <c r="H305845" s="12"/>
    </row>
    <row r="305846" spans="8:8">
      <c r="H305846" s="12"/>
    </row>
    <row r="305847" spans="8:8">
      <c r="H305847" s="12"/>
    </row>
    <row r="305848" spans="8:8">
      <c r="H305848" s="12"/>
    </row>
    <row r="305849" spans="8:8">
      <c r="H305849" s="12"/>
    </row>
    <row r="305850" spans="8:8">
      <c r="H305850" s="12"/>
    </row>
    <row r="305851" spans="8:8">
      <c r="H305851" s="12"/>
    </row>
    <row r="305852" spans="8:8">
      <c r="H305852" s="12"/>
    </row>
    <row r="305853" spans="8:8">
      <c r="H305853" s="12"/>
    </row>
    <row r="305854" spans="8:8">
      <c r="H305854" s="12"/>
    </row>
    <row r="305855" spans="8:8">
      <c r="H305855" s="12"/>
    </row>
    <row r="305856" spans="8:8">
      <c r="H305856" s="12"/>
    </row>
    <row r="305857" spans="8:8">
      <c r="H305857" s="12"/>
    </row>
    <row r="305858" spans="8:8">
      <c r="H305858" s="12"/>
    </row>
    <row r="305859" spans="8:8">
      <c r="H305859" s="12"/>
    </row>
    <row r="305860" spans="8:8">
      <c r="H305860" s="12"/>
    </row>
    <row r="305861" spans="8:8">
      <c r="H305861" s="12"/>
    </row>
    <row r="305862" spans="8:8">
      <c r="H305862" s="12"/>
    </row>
    <row r="305863" spans="8:8">
      <c r="H305863" s="12"/>
    </row>
    <row r="305864" spans="8:8">
      <c r="H305864" s="12"/>
    </row>
    <row r="305865" spans="8:8">
      <c r="H305865" s="12"/>
    </row>
    <row r="305866" spans="8:8">
      <c r="H305866" s="12"/>
    </row>
    <row r="305867" spans="8:8">
      <c r="H305867" s="12"/>
    </row>
    <row r="305868" spans="8:8">
      <c r="H305868" s="12"/>
    </row>
    <row r="305869" spans="8:8">
      <c r="H305869" s="12"/>
    </row>
    <row r="305870" spans="8:8">
      <c r="H305870" s="12"/>
    </row>
    <row r="305871" spans="8:8">
      <c r="H305871" s="12"/>
    </row>
    <row r="305872" spans="8:8">
      <c r="H305872" s="12"/>
    </row>
    <row r="305873" spans="8:8">
      <c r="H305873" s="12"/>
    </row>
    <row r="305874" spans="8:8">
      <c r="H305874" s="12"/>
    </row>
    <row r="305875" spans="8:8">
      <c r="H305875" s="12"/>
    </row>
    <row r="305876" spans="8:8">
      <c r="H305876" s="12"/>
    </row>
    <row r="305877" spans="8:8">
      <c r="H305877" s="12"/>
    </row>
    <row r="305878" spans="8:8">
      <c r="H305878" s="12"/>
    </row>
    <row r="305879" spans="8:8">
      <c r="H305879" s="12"/>
    </row>
    <row r="305880" spans="8:8">
      <c r="H305880" s="12"/>
    </row>
    <row r="305881" spans="8:8">
      <c r="H305881" s="12"/>
    </row>
    <row r="305882" spans="8:8">
      <c r="H305882" s="12"/>
    </row>
    <row r="305883" spans="8:8">
      <c r="H305883" s="12"/>
    </row>
    <row r="305884" spans="8:8">
      <c r="H305884" s="12"/>
    </row>
    <row r="305885" spans="8:8">
      <c r="H305885" s="12"/>
    </row>
    <row r="305886" spans="8:8">
      <c r="H305886" s="12"/>
    </row>
    <row r="305887" spans="8:8">
      <c r="H305887" s="12"/>
    </row>
    <row r="305888" spans="8:8">
      <c r="H305888" s="12"/>
    </row>
    <row r="305889" spans="8:8">
      <c r="H305889" s="12"/>
    </row>
    <row r="305890" spans="8:8">
      <c r="H305890" s="12"/>
    </row>
    <row r="305891" spans="8:8">
      <c r="H305891" s="12"/>
    </row>
    <row r="305892" spans="8:8">
      <c r="H305892" s="12"/>
    </row>
    <row r="305893" spans="8:8">
      <c r="H305893" s="12"/>
    </row>
    <row r="305894" spans="8:8">
      <c r="H305894" s="12"/>
    </row>
    <row r="305895" spans="8:8">
      <c r="H305895" s="12"/>
    </row>
    <row r="305896" spans="8:8">
      <c r="H305896" s="12"/>
    </row>
    <row r="305897" spans="8:8">
      <c r="H305897" s="12"/>
    </row>
    <row r="305898" spans="8:8">
      <c r="H305898" s="12"/>
    </row>
    <row r="305899" spans="8:8">
      <c r="H305899" s="12"/>
    </row>
    <row r="305900" spans="8:8">
      <c r="H305900" s="12"/>
    </row>
    <row r="305901" spans="8:8">
      <c r="H305901" s="12"/>
    </row>
    <row r="305902" spans="8:8">
      <c r="H305902" s="12"/>
    </row>
    <row r="305903" spans="8:8">
      <c r="H305903" s="12"/>
    </row>
    <row r="305904" spans="8:8">
      <c r="H305904" s="12"/>
    </row>
    <row r="305905" spans="8:8">
      <c r="H305905" s="12"/>
    </row>
    <row r="305906" spans="8:8">
      <c r="H305906" s="12"/>
    </row>
    <row r="305907" spans="8:8">
      <c r="H305907" s="12"/>
    </row>
    <row r="305908" spans="8:8">
      <c r="H305908" s="12"/>
    </row>
    <row r="305909" spans="8:8">
      <c r="H305909" s="12"/>
    </row>
    <row r="305910" spans="8:8">
      <c r="H305910" s="12"/>
    </row>
    <row r="305911" spans="8:8">
      <c r="H305911" s="12"/>
    </row>
    <row r="305912" spans="8:8">
      <c r="H305912" s="12"/>
    </row>
    <row r="305913" spans="8:8">
      <c r="H305913" s="12"/>
    </row>
    <row r="305914" spans="8:8">
      <c r="H305914" s="12"/>
    </row>
    <row r="305915" spans="8:8">
      <c r="H305915" s="12"/>
    </row>
    <row r="305916" spans="8:8">
      <c r="H305916" s="12"/>
    </row>
    <row r="305917" spans="8:8">
      <c r="H305917" s="12"/>
    </row>
    <row r="305918" spans="8:8">
      <c r="H305918" s="12"/>
    </row>
    <row r="305919" spans="8:8">
      <c r="H305919" s="12"/>
    </row>
    <row r="305920" spans="8:8">
      <c r="H305920" s="12"/>
    </row>
    <row r="305921" spans="8:8">
      <c r="H305921" s="12"/>
    </row>
    <row r="305922" spans="8:8">
      <c r="H305922" s="12"/>
    </row>
    <row r="305923" spans="8:8">
      <c r="H305923" s="12"/>
    </row>
    <row r="305924" spans="8:8">
      <c r="H305924" s="12"/>
    </row>
    <row r="305925" spans="8:8">
      <c r="H305925" s="12"/>
    </row>
    <row r="305926" spans="8:8">
      <c r="H305926" s="12"/>
    </row>
    <row r="305927" spans="8:8">
      <c r="H305927" s="12"/>
    </row>
    <row r="305928" spans="8:8">
      <c r="H305928" s="12"/>
    </row>
    <row r="305929" spans="8:8">
      <c r="H305929" s="12"/>
    </row>
    <row r="305930" spans="8:8">
      <c r="H305930" s="12"/>
    </row>
    <row r="305931" spans="8:8">
      <c r="H305931" s="12"/>
    </row>
    <row r="305932" spans="8:8">
      <c r="H305932" s="12"/>
    </row>
    <row r="305933" spans="8:8">
      <c r="H305933" s="12"/>
    </row>
    <row r="305934" spans="8:8">
      <c r="H305934" s="12"/>
    </row>
    <row r="305935" spans="8:8">
      <c r="H305935" s="12"/>
    </row>
    <row r="305936" spans="8:8">
      <c r="H305936" s="12"/>
    </row>
    <row r="305937" spans="8:8">
      <c r="H305937" s="12"/>
    </row>
    <row r="305938" spans="8:8">
      <c r="H305938" s="12"/>
    </row>
    <row r="305939" spans="8:8">
      <c r="H305939" s="12"/>
    </row>
    <row r="305940" spans="8:8">
      <c r="H305940" s="12"/>
    </row>
    <row r="305941" spans="8:8">
      <c r="H305941" s="12"/>
    </row>
    <row r="305942" spans="8:8">
      <c r="H305942" s="12"/>
    </row>
    <row r="305943" spans="8:8">
      <c r="H305943" s="12"/>
    </row>
    <row r="305944" spans="8:8">
      <c r="H305944" s="12"/>
    </row>
    <row r="305945" spans="8:8">
      <c r="H305945" s="12"/>
    </row>
    <row r="305946" spans="8:8">
      <c r="H305946" s="12"/>
    </row>
    <row r="305947" spans="8:8">
      <c r="H305947" s="12"/>
    </row>
    <row r="305948" spans="8:8">
      <c r="H305948" s="12"/>
    </row>
    <row r="305949" spans="8:8">
      <c r="H305949" s="12"/>
    </row>
    <row r="305950" spans="8:8">
      <c r="H305950" s="12"/>
    </row>
    <row r="305951" spans="8:8">
      <c r="H305951" s="12"/>
    </row>
    <row r="305952" spans="8:8">
      <c r="H305952" s="12"/>
    </row>
    <row r="305953" spans="8:8">
      <c r="H305953" s="12"/>
    </row>
    <row r="305954" spans="8:8">
      <c r="H305954" s="12"/>
    </row>
    <row r="305955" spans="8:8">
      <c r="H305955" s="12"/>
    </row>
    <row r="305956" spans="8:8">
      <c r="H305956" s="12"/>
    </row>
    <row r="305957" spans="8:8">
      <c r="H305957" s="12"/>
    </row>
    <row r="305958" spans="8:8">
      <c r="H305958" s="12"/>
    </row>
    <row r="305959" spans="8:8">
      <c r="H305959" s="12"/>
    </row>
    <row r="305960" spans="8:8">
      <c r="H305960" s="12"/>
    </row>
    <row r="305961" spans="8:8">
      <c r="H305961" s="12"/>
    </row>
    <row r="305962" spans="8:8">
      <c r="H305962" s="12"/>
    </row>
    <row r="305963" spans="8:8">
      <c r="H305963" s="12"/>
    </row>
    <row r="305964" spans="8:8">
      <c r="H305964" s="12"/>
    </row>
    <row r="305965" spans="8:8">
      <c r="H305965" s="12"/>
    </row>
    <row r="305966" spans="8:8">
      <c r="H305966" s="12"/>
    </row>
    <row r="305967" spans="8:8">
      <c r="H305967" s="12"/>
    </row>
    <row r="305968" spans="8:8">
      <c r="H305968" s="12"/>
    </row>
    <row r="305969" spans="8:8">
      <c r="H305969" s="12"/>
    </row>
    <row r="305970" spans="8:8">
      <c r="H305970" s="12"/>
    </row>
    <row r="305971" spans="8:8">
      <c r="H305971" s="12"/>
    </row>
    <row r="305972" spans="8:8">
      <c r="H305972" s="12"/>
    </row>
    <row r="305973" spans="8:8">
      <c r="H305973" s="12"/>
    </row>
    <row r="305974" spans="8:8">
      <c r="H305974" s="12"/>
    </row>
    <row r="305975" spans="8:8">
      <c r="H305975" s="12"/>
    </row>
    <row r="305976" spans="8:8">
      <c r="H305976" s="12"/>
    </row>
    <row r="305977" spans="8:8">
      <c r="H305977" s="12"/>
    </row>
    <row r="305978" spans="8:8">
      <c r="H305978" s="12"/>
    </row>
    <row r="305979" spans="8:8">
      <c r="H305979" s="12"/>
    </row>
    <row r="305980" spans="8:8">
      <c r="H305980" s="12"/>
    </row>
    <row r="305981" spans="8:8">
      <c r="H305981" s="12"/>
    </row>
    <row r="305982" spans="8:8">
      <c r="H305982" s="12"/>
    </row>
    <row r="305983" spans="8:8">
      <c r="H305983" s="12"/>
    </row>
    <row r="305984" spans="8:8">
      <c r="H305984" s="12"/>
    </row>
    <row r="305985" spans="8:8">
      <c r="H305985" s="12"/>
    </row>
    <row r="305986" spans="8:8">
      <c r="H305986" s="12"/>
    </row>
    <row r="305987" spans="8:8">
      <c r="H305987" s="12"/>
    </row>
    <row r="305988" spans="8:8">
      <c r="H305988" s="12"/>
    </row>
    <row r="305989" spans="8:8">
      <c r="H305989" s="12"/>
    </row>
    <row r="305990" spans="8:8">
      <c r="H305990" s="12"/>
    </row>
    <row r="305991" spans="8:8">
      <c r="H305991" s="12"/>
    </row>
    <row r="305992" spans="8:8">
      <c r="H305992" s="12"/>
    </row>
    <row r="305993" spans="8:8">
      <c r="H305993" s="12"/>
    </row>
    <row r="305994" spans="8:8">
      <c r="H305994" s="12"/>
    </row>
    <row r="305995" spans="8:8">
      <c r="H305995" s="12"/>
    </row>
    <row r="305996" spans="8:8">
      <c r="H305996" s="12"/>
    </row>
    <row r="305997" spans="8:8">
      <c r="H305997" s="12"/>
    </row>
    <row r="305998" spans="8:8">
      <c r="H305998" s="12"/>
    </row>
    <row r="305999" spans="8:8">
      <c r="H305999" s="12"/>
    </row>
    <row r="306000" spans="8:8">
      <c r="H306000" s="12"/>
    </row>
    <row r="306001" spans="8:8">
      <c r="H306001" s="12"/>
    </row>
    <row r="306002" spans="8:8">
      <c r="H306002" s="12"/>
    </row>
    <row r="306003" spans="8:8">
      <c r="H306003" s="12"/>
    </row>
    <row r="306004" spans="8:8">
      <c r="H306004" s="12"/>
    </row>
    <row r="306005" spans="8:8">
      <c r="H306005" s="12"/>
    </row>
    <row r="306006" spans="8:8">
      <c r="H306006" s="12"/>
    </row>
    <row r="306007" spans="8:8">
      <c r="H306007" s="12"/>
    </row>
    <row r="306008" spans="8:8">
      <c r="H306008" s="12"/>
    </row>
    <row r="306009" spans="8:8">
      <c r="H306009" s="12"/>
    </row>
    <row r="306010" spans="8:8">
      <c r="H306010" s="12"/>
    </row>
    <row r="306011" spans="8:8">
      <c r="H306011" s="12"/>
    </row>
    <row r="306012" spans="8:8">
      <c r="H306012" s="12"/>
    </row>
    <row r="306013" spans="8:8">
      <c r="H306013" s="12"/>
    </row>
    <row r="306014" spans="8:8">
      <c r="H306014" s="12"/>
    </row>
    <row r="306015" spans="8:8">
      <c r="H306015" s="12"/>
    </row>
    <row r="306016" spans="8:8">
      <c r="H306016" s="12"/>
    </row>
    <row r="306017" spans="8:8">
      <c r="H306017" s="12"/>
    </row>
    <row r="306018" spans="8:8">
      <c r="H306018" s="12"/>
    </row>
    <row r="306019" spans="8:8">
      <c r="H306019" s="12"/>
    </row>
    <row r="306020" spans="8:8">
      <c r="H306020" s="12"/>
    </row>
    <row r="306021" spans="8:8">
      <c r="H306021" s="12"/>
    </row>
    <row r="306022" spans="8:8">
      <c r="H306022" s="12"/>
    </row>
    <row r="306023" spans="8:8">
      <c r="H306023" s="12"/>
    </row>
    <row r="306024" spans="8:8">
      <c r="H306024" s="12"/>
    </row>
    <row r="306025" spans="8:8">
      <c r="H306025" s="12"/>
    </row>
    <row r="306026" spans="8:8">
      <c r="H306026" s="12"/>
    </row>
    <row r="306027" spans="8:8">
      <c r="H306027" s="12"/>
    </row>
    <row r="306028" spans="8:8">
      <c r="H306028" s="12"/>
    </row>
    <row r="306029" spans="8:8">
      <c r="H306029" s="12"/>
    </row>
    <row r="306030" spans="8:8">
      <c r="H306030" s="12"/>
    </row>
    <row r="306031" spans="8:8">
      <c r="H306031" s="12"/>
    </row>
    <row r="306032" spans="8:8">
      <c r="H306032" s="12"/>
    </row>
    <row r="306033" spans="8:8">
      <c r="H306033" s="12"/>
    </row>
    <row r="306034" spans="8:8">
      <c r="H306034" s="12"/>
    </row>
    <row r="306035" spans="8:8">
      <c r="H306035" s="12"/>
    </row>
    <row r="306036" spans="8:8">
      <c r="H306036" s="12"/>
    </row>
    <row r="306037" spans="8:8">
      <c r="H306037" s="12"/>
    </row>
    <row r="306038" spans="8:8">
      <c r="H306038" s="12"/>
    </row>
    <row r="306039" spans="8:8">
      <c r="H306039" s="12"/>
    </row>
    <row r="306040" spans="8:8">
      <c r="H306040" s="12"/>
    </row>
    <row r="306041" spans="8:8">
      <c r="H306041" s="12"/>
    </row>
    <row r="306042" spans="8:8">
      <c r="H306042" s="12"/>
    </row>
    <row r="306043" spans="8:8">
      <c r="H306043" s="12"/>
    </row>
    <row r="306044" spans="8:8">
      <c r="H306044" s="12"/>
    </row>
    <row r="306045" spans="8:8">
      <c r="H306045" s="12"/>
    </row>
    <row r="306046" spans="8:8">
      <c r="H306046" s="12"/>
    </row>
    <row r="306047" spans="8:8">
      <c r="H306047" s="12"/>
    </row>
    <row r="306048" spans="8:8">
      <c r="H306048" s="12"/>
    </row>
    <row r="306049" spans="8:8">
      <c r="H306049" s="12"/>
    </row>
    <row r="306050" spans="8:8">
      <c r="H306050" s="12"/>
    </row>
    <row r="306051" spans="8:8">
      <c r="H306051" s="12"/>
    </row>
    <row r="306052" spans="8:8">
      <c r="H306052" s="12"/>
    </row>
    <row r="306053" spans="8:8">
      <c r="H306053" s="12"/>
    </row>
    <row r="306054" spans="8:8">
      <c r="H306054" s="12"/>
    </row>
    <row r="306055" spans="8:8">
      <c r="H306055" s="12"/>
    </row>
    <row r="306056" spans="8:8">
      <c r="H306056" s="12"/>
    </row>
    <row r="306057" spans="8:8">
      <c r="H306057" s="12"/>
    </row>
    <row r="306058" spans="8:8">
      <c r="H306058" s="12"/>
    </row>
    <row r="306059" spans="8:8">
      <c r="H306059" s="12"/>
    </row>
    <row r="306060" spans="8:8">
      <c r="H306060" s="12"/>
    </row>
    <row r="306061" spans="8:8">
      <c r="H306061" s="12"/>
    </row>
    <row r="306062" spans="8:8">
      <c r="H306062" s="12"/>
    </row>
    <row r="306063" spans="8:8">
      <c r="H306063" s="12"/>
    </row>
    <row r="306064" spans="8:8">
      <c r="H306064" s="12"/>
    </row>
    <row r="306065" spans="8:8">
      <c r="H306065" s="12"/>
    </row>
    <row r="306066" spans="8:8">
      <c r="H306066" s="12"/>
    </row>
    <row r="306067" spans="8:8">
      <c r="H306067" s="12"/>
    </row>
    <row r="306068" spans="8:8">
      <c r="H306068" s="12"/>
    </row>
    <row r="306069" spans="8:8">
      <c r="H306069" s="12"/>
    </row>
    <row r="306070" spans="8:8">
      <c r="H306070" s="12"/>
    </row>
    <row r="306071" spans="8:8">
      <c r="H306071" s="12"/>
    </row>
    <row r="306072" spans="8:8">
      <c r="H306072" s="12"/>
    </row>
    <row r="306073" spans="8:8">
      <c r="H306073" s="12"/>
    </row>
    <row r="306074" spans="8:8">
      <c r="H306074" s="12"/>
    </row>
    <row r="306075" spans="8:8">
      <c r="H306075" s="12"/>
    </row>
    <row r="306076" spans="8:8">
      <c r="H306076" s="12"/>
    </row>
    <row r="306077" spans="8:8">
      <c r="H306077" s="12"/>
    </row>
    <row r="306078" spans="8:8">
      <c r="H306078" s="12"/>
    </row>
    <row r="306079" spans="8:8">
      <c r="H306079" s="12"/>
    </row>
    <row r="306080" spans="8:8">
      <c r="H306080" s="12"/>
    </row>
    <row r="306081" spans="8:8">
      <c r="H306081" s="12"/>
    </row>
    <row r="306082" spans="8:8">
      <c r="H306082" s="12"/>
    </row>
    <row r="306083" spans="8:8">
      <c r="H306083" s="12"/>
    </row>
    <row r="306084" spans="8:8">
      <c r="H306084" s="12"/>
    </row>
    <row r="306085" spans="8:8">
      <c r="H306085" s="12"/>
    </row>
    <row r="306086" spans="8:8">
      <c r="H306086" s="12"/>
    </row>
    <row r="306087" spans="8:8">
      <c r="H306087" s="12"/>
    </row>
    <row r="306088" spans="8:8">
      <c r="H306088" s="12"/>
    </row>
    <row r="306089" spans="8:8">
      <c r="H306089" s="12"/>
    </row>
    <row r="306090" spans="8:8">
      <c r="H306090" s="12"/>
    </row>
    <row r="306091" spans="8:8">
      <c r="H306091" s="12"/>
    </row>
    <row r="306092" spans="8:8">
      <c r="H306092" s="12"/>
    </row>
    <row r="306093" spans="8:8">
      <c r="H306093" s="12"/>
    </row>
    <row r="306094" spans="8:8">
      <c r="H306094" s="12"/>
    </row>
    <row r="306095" spans="8:8">
      <c r="H306095" s="12"/>
    </row>
    <row r="306096" spans="8:8">
      <c r="H306096" s="12"/>
    </row>
    <row r="306097" spans="8:8">
      <c r="H306097" s="12"/>
    </row>
    <row r="306098" spans="8:8">
      <c r="H306098" s="12"/>
    </row>
    <row r="306099" spans="8:8">
      <c r="H306099" s="12"/>
    </row>
    <row r="306100" spans="8:8">
      <c r="H306100" s="12"/>
    </row>
    <row r="306101" spans="8:8">
      <c r="H306101" s="12"/>
    </row>
    <row r="306102" spans="8:8">
      <c r="H306102" s="12"/>
    </row>
    <row r="306103" spans="8:8">
      <c r="H306103" s="12"/>
    </row>
    <row r="306104" spans="8:8">
      <c r="H306104" s="12"/>
    </row>
    <row r="306105" spans="8:8">
      <c r="H306105" s="12"/>
    </row>
    <row r="306106" spans="8:8">
      <c r="H306106" s="12"/>
    </row>
    <row r="306107" spans="8:8">
      <c r="H306107" s="12"/>
    </row>
    <row r="306108" spans="8:8">
      <c r="H306108" s="12"/>
    </row>
    <row r="306109" spans="8:8">
      <c r="H306109" s="12"/>
    </row>
    <row r="306110" spans="8:8">
      <c r="H306110" s="12"/>
    </row>
    <row r="306111" spans="8:8">
      <c r="H306111" s="12"/>
    </row>
    <row r="306112" spans="8:8">
      <c r="H306112" s="12"/>
    </row>
    <row r="306113" spans="8:8">
      <c r="H306113" s="12"/>
    </row>
    <row r="306114" spans="8:8">
      <c r="H306114" s="12"/>
    </row>
    <row r="306115" spans="8:8">
      <c r="H306115" s="12"/>
    </row>
    <row r="306116" spans="8:8">
      <c r="H306116" s="12"/>
    </row>
    <row r="306117" spans="8:8">
      <c r="H306117" s="12"/>
    </row>
    <row r="306118" spans="8:8">
      <c r="H306118" s="12"/>
    </row>
    <row r="306119" spans="8:8">
      <c r="H306119" s="12"/>
    </row>
    <row r="306120" spans="8:8">
      <c r="H306120" s="12"/>
    </row>
    <row r="306121" spans="8:8">
      <c r="H306121" s="12"/>
    </row>
    <row r="306122" spans="8:8">
      <c r="H306122" s="12"/>
    </row>
    <row r="306123" spans="8:8">
      <c r="H306123" s="12"/>
    </row>
    <row r="306124" spans="8:8">
      <c r="H306124" s="12"/>
    </row>
    <row r="306125" spans="8:8">
      <c r="H306125" s="12"/>
    </row>
    <row r="306126" spans="8:8">
      <c r="H306126" s="12"/>
    </row>
    <row r="306127" spans="8:8">
      <c r="H306127" s="12"/>
    </row>
    <row r="306128" spans="8:8">
      <c r="H306128" s="12"/>
    </row>
    <row r="306129" spans="8:8">
      <c r="H306129" s="12"/>
    </row>
    <row r="306130" spans="8:8">
      <c r="H306130" s="12"/>
    </row>
    <row r="306131" spans="8:8">
      <c r="H306131" s="12"/>
    </row>
    <row r="306132" spans="8:8">
      <c r="H306132" s="12"/>
    </row>
    <row r="306133" spans="8:8">
      <c r="H306133" s="12"/>
    </row>
    <row r="306134" spans="8:8">
      <c r="H306134" s="12"/>
    </row>
    <row r="306135" spans="8:8">
      <c r="H306135" s="12"/>
    </row>
    <row r="306136" spans="8:8">
      <c r="H306136" s="12"/>
    </row>
    <row r="306137" spans="8:8">
      <c r="H306137" s="12"/>
    </row>
    <row r="306138" spans="8:8">
      <c r="H306138" s="12"/>
    </row>
    <row r="306139" spans="8:8">
      <c r="H306139" s="12"/>
    </row>
    <row r="306140" spans="8:8">
      <c r="H306140" s="12"/>
    </row>
    <row r="306141" spans="8:8">
      <c r="H306141" s="12"/>
    </row>
    <row r="306142" spans="8:8">
      <c r="H306142" s="12"/>
    </row>
    <row r="306143" spans="8:8">
      <c r="H306143" s="12"/>
    </row>
    <row r="306144" spans="8:8">
      <c r="H306144" s="12"/>
    </row>
    <row r="306145" spans="8:8">
      <c r="H306145" s="12"/>
    </row>
    <row r="306146" spans="8:8">
      <c r="H306146" s="12"/>
    </row>
    <row r="306147" spans="8:8">
      <c r="H306147" s="12"/>
    </row>
    <row r="306148" spans="8:8">
      <c r="H306148" s="12"/>
    </row>
    <row r="306149" spans="8:8">
      <c r="H306149" s="12"/>
    </row>
    <row r="306150" spans="8:8">
      <c r="H306150" s="12"/>
    </row>
    <row r="306151" spans="8:8">
      <c r="H306151" s="12"/>
    </row>
    <row r="306152" spans="8:8">
      <c r="H306152" s="12"/>
    </row>
    <row r="306153" spans="8:8">
      <c r="H306153" s="12"/>
    </row>
    <row r="306154" spans="8:8">
      <c r="H306154" s="12"/>
    </row>
    <row r="306155" spans="8:8">
      <c r="H306155" s="12"/>
    </row>
    <row r="306156" spans="8:8">
      <c r="H306156" s="12"/>
    </row>
    <row r="306157" spans="8:8">
      <c r="H306157" s="12"/>
    </row>
    <row r="306158" spans="8:8">
      <c r="H306158" s="12"/>
    </row>
    <row r="306159" spans="8:8">
      <c r="H306159" s="12"/>
    </row>
    <row r="306160" spans="8:8">
      <c r="H306160" s="12"/>
    </row>
    <row r="306161" spans="8:8">
      <c r="H306161" s="12"/>
    </row>
    <row r="306162" spans="8:8">
      <c r="H306162" s="12"/>
    </row>
    <row r="306163" spans="8:8">
      <c r="H306163" s="12"/>
    </row>
    <row r="306164" spans="8:8">
      <c r="H306164" s="12"/>
    </row>
    <row r="306165" spans="8:8">
      <c r="H306165" s="12"/>
    </row>
    <row r="306166" spans="8:8">
      <c r="H306166" s="12"/>
    </row>
    <row r="306167" spans="8:8">
      <c r="H306167" s="12"/>
    </row>
    <row r="306168" spans="8:8">
      <c r="H306168" s="12"/>
    </row>
    <row r="306169" spans="8:8">
      <c r="H306169" s="12"/>
    </row>
    <row r="306170" spans="8:8">
      <c r="H306170" s="12"/>
    </row>
    <row r="306171" spans="8:8">
      <c r="H306171" s="12"/>
    </row>
    <row r="306172" spans="8:8">
      <c r="H306172" s="12"/>
    </row>
    <row r="306173" spans="8:8">
      <c r="H306173" s="12"/>
    </row>
    <row r="306174" spans="8:8">
      <c r="H306174" s="12"/>
    </row>
    <row r="306175" spans="8:8">
      <c r="H306175" s="12"/>
    </row>
    <row r="306176" spans="8:8">
      <c r="H306176" s="12"/>
    </row>
    <row r="306177" spans="8:8">
      <c r="H306177" s="12"/>
    </row>
    <row r="306178" spans="8:8">
      <c r="H306178" s="12"/>
    </row>
    <row r="306179" spans="8:8">
      <c r="H306179" s="12"/>
    </row>
    <row r="306180" spans="8:8">
      <c r="H306180" s="12"/>
    </row>
    <row r="306181" spans="8:8">
      <c r="H306181" s="12"/>
    </row>
    <row r="306182" spans="8:8">
      <c r="H306182" s="12"/>
    </row>
    <row r="306183" spans="8:8">
      <c r="H306183" s="12"/>
    </row>
    <row r="306184" spans="8:8">
      <c r="H306184" s="12"/>
    </row>
    <row r="306185" spans="8:8">
      <c r="H306185" s="12"/>
    </row>
    <row r="306186" spans="8:8">
      <c r="H306186" s="12"/>
    </row>
    <row r="306187" spans="8:8">
      <c r="H306187" s="12"/>
    </row>
    <row r="306188" spans="8:8">
      <c r="H306188" s="12"/>
    </row>
    <row r="306189" spans="8:8">
      <c r="H306189" s="12"/>
    </row>
    <row r="306190" spans="8:8">
      <c r="H306190" s="12"/>
    </row>
    <row r="306191" spans="8:8">
      <c r="H306191" s="12"/>
    </row>
    <row r="306192" spans="8:8">
      <c r="H306192" s="12"/>
    </row>
    <row r="306193" spans="8:8">
      <c r="H306193" s="12"/>
    </row>
    <row r="306194" spans="8:8">
      <c r="H306194" s="12"/>
    </row>
    <row r="306195" spans="8:8">
      <c r="H306195" s="12"/>
    </row>
    <row r="306196" spans="8:8">
      <c r="H306196" s="12"/>
    </row>
    <row r="306197" spans="8:8">
      <c r="H306197" s="12"/>
    </row>
    <row r="306198" spans="8:8">
      <c r="H306198" s="12"/>
    </row>
    <row r="306199" spans="8:8">
      <c r="H306199" s="12"/>
    </row>
    <row r="306200" spans="8:8">
      <c r="H306200" s="12"/>
    </row>
    <row r="306201" spans="8:8">
      <c r="H306201" s="12"/>
    </row>
    <row r="306202" spans="8:8">
      <c r="H306202" s="12"/>
    </row>
    <row r="306203" spans="8:8">
      <c r="H306203" s="12"/>
    </row>
    <row r="306204" spans="8:8">
      <c r="H306204" s="12"/>
    </row>
    <row r="306205" spans="8:8">
      <c r="H306205" s="12"/>
    </row>
    <row r="306206" spans="8:8">
      <c r="H306206" s="12"/>
    </row>
    <row r="306207" spans="8:8">
      <c r="H306207" s="12"/>
    </row>
    <row r="306208" spans="8:8">
      <c r="H306208" s="12"/>
    </row>
    <row r="306209" spans="8:8">
      <c r="H306209" s="12"/>
    </row>
    <row r="306210" spans="8:8">
      <c r="H306210" s="12"/>
    </row>
    <row r="306211" spans="8:8">
      <c r="H306211" s="12"/>
    </row>
    <row r="306212" spans="8:8">
      <c r="H306212" s="12"/>
    </row>
    <row r="306213" spans="8:8">
      <c r="H306213" s="12"/>
    </row>
    <row r="306214" spans="8:8">
      <c r="H306214" s="12"/>
    </row>
    <row r="306215" spans="8:8">
      <c r="H306215" s="12"/>
    </row>
    <row r="306216" spans="8:8">
      <c r="H306216" s="12"/>
    </row>
    <row r="306217" spans="8:8">
      <c r="H306217" s="12"/>
    </row>
    <row r="306218" spans="8:8">
      <c r="H306218" s="12"/>
    </row>
    <row r="306219" spans="8:8">
      <c r="H306219" s="12"/>
    </row>
    <row r="306220" spans="8:8">
      <c r="H306220" s="12"/>
    </row>
    <row r="306221" spans="8:8">
      <c r="H306221" s="12"/>
    </row>
    <row r="306222" spans="8:8">
      <c r="H306222" s="12"/>
    </row>
    <row r="306223" spans="8:8">
      <c r="H306223" s="12"/>
    </row>
    <row r="306224" spans="8:8">
      <c r="H306224" s="12"/>
    </row>
    <row r="306225" spans="8:8">
      <c r="H306225" s="12"/>
    </row>
    <row r="306226" spans="8:8">
      <c r="H306226" s="12"/>
    </row>
    <row r="306227" spans="8:8">
      <c r="H306227" s="12"/>
    </row>
    <row r="306228" spans="8:8">
      <c r="H306228" s="12"/>
    </row>
    <row r="306229" spans="8:8">
      <c r="H306229" s="12"/>
    </row>
    <row r="306230" spans="8:8">
      <c r="H306230" s="12"/>
    </row>
    <row r="306231" spans="8:8">
      <c r="H306231" s="12"/>
    </row>
    <row r="306232" spans="8:8">
      <c r="H306232" s="12"/>
    </row>
    <row r="306233" spans="8:8">
      <c r="H306233" s="12"/>
    </row>
    <row r="306234" spans="8:8">
      <c r="H306234" s="12"/>
    </row>
    <row r="306235" spans="8:8">
      <c r="H306235" s="12"/>
    </row>
    <row r="306236" spans="8:8">
      <c r="H306236" s="12"/>
    </row>
    <row r="306237" spans="8:8">
      <c r="H306237" s="12"/>
    </row>
    <row r="306238" spans="8:8">
      <c r="H306238" s="12"/>
    </row>
    <row r="306239" spans="8:8">
      <c r="H306239" s="12"/>
    </row>
    <row r="306240" spans="8:8">
      <c r="H306240" s="12"/>
    </row>
    <row r="306241" spans="8:8">
      <c r="H306241" s="12"/>
    </row>
    <row r="306242" spans="8:8">
      <c r="H306242" s="12"/>
    </row>
    <row r="306243" spans="8:8">
      <c r="H306243" s="12"/>
    </row>
    <row r="306244" spans="8:8">
      <c r="H306244" s="12"/>
    </row>
    <row r="306245" spans="8:8">
      <c r="H306245" s="12"/>
    </row>
    <row r="306246" spans="8:8">
      <c r="H306246" s="12"/>
    </row>
    <row r="306247" spans="8:8">
      <c r="H306247" s="12"/>
    </row>
    <row r="306248" spans="8:8">
      <c r="H306248" s="12"/>
    </row>
    <row r="306249" spans="8:8">
      <c r="H306249" s="12"/>
    </row>
    <row r="306250" spans="8:8">
      <c r="H306250" s="12"/>
    </row>
    <row r="306251" spans="8:8">
      <c r="H306251" s="12"/>
    </row>
    <row r="306252" spans="8:8">
      <c r="H306252" s="12"/>
    </row>
    <row r="306253" spans="8:8">
      <c r="H306253" s="12"/>
    </row>
    <row r="306254" spans="8:8">
      <c r="H306254" s="12"/>
    </row>
    <row r="306255" spans="8:8">
      <c r="H306255" s="12"/>
    </row>
    <row r="306256" spans="8:8">
      <c r="H306256" s="12"/>
    </row>
    <row r="306257" spans="8:8">
      <c r="H306257" s="12"/>
    </row>
    <row r="306258" spans="8:8">
      <c r="H306258" s="12"/>
    </row>
    <row r="306259" spans="8:8">
      <c r="H306259" s="12"/>
    </row>
    <row r="306260" spans="8:8">
      <c r="H306260" s="12"/>
    </row>
    <row r="306261" spans="8:8">
      <c r="H306261" s="12"/>
    </row>
    <row r="306262" spans="8:8">
      <c r="H306262" s="12"/>
    </row>
    <row r="306263" spans="8:8">
      <c r="H306263" s="12"/>
    </row>
    <row r="306264" spans="8:8">
      <c r="H306264" s="12"/>
    </row>
    <row r="306265" spans="8:8">
      <c r="H306265" s="12"/>
    </row>
    <row r="306266" spans="8:8">
      <c r="H306266" s="12"/>
    </row>
    <row r="306267" spans="8:8">
      <c r="H306267" s="12"/>
    </row>
    <row r="306268" spans="8:8">
      <c r="H306268" s="12"/>
    </row>
    <row r="306269" spans="8:8">
      <c r="H306269" s="12"/>
    </row>
    <row r="306270" spans="8:8">
      <c r="H306270" s="12"/>
    </row>
    <row r="306271" spans="8:8">
      <c r="H306271" s="12"/>
    </row>
    <row r="306272" spans="8:8">
      <c r="H306272" s="12"/>
    </row>
    <row r="306273" spans="8:8">
      <c r="H306273" s="12"/>
    </row>
    <row r="306274" spans="8:8">
      <c r="H306274" s="12"/>
    </row>
    <row r="306275" spans="8:8">
      <c r="H306275" s="12"/>
    </row>
    <row r="306276" spans="8:8">
      <c r="H306276" s="12"/>
    </row>
    <row r="306277" spans="8:8">
      <c r="H306277" s="12"/>
    </row>
    <row r="306278" spans="8:8">
      <c r="H306278" s="12"/>
    </row>
    <row r="306279" spans="8:8">
      <c r="H306279" s="12"/>
    </row>
    <row r="306280" spans="8:8">
      <c r="H306280" s="12"/>
    </row>
    <row r="306281" spans="8:8">
      <c r="H306281" s="12"/>
    </row>
    <row r="306282" spans="8:8">
      <c r="H306282" s="12"/>
    </row>
    <row r="306283" spans="8:8">
      <c r="H306283" s="12"/>
    </row>
    <row r="306284" spans="8:8">
      <c r="H306284" s="12"/>
    </row>
    <row r="306285" spans="8:8">
      <c r="H306285" s="12"/>
    </row>
    <row r="306286" spans="8:8">
      <c r="H306286" s="12"/>
    </row>
    <row r="306287" spans="8:8">
      <c r="H306287" s="12"/>
    </row>
    <row r="306288" spans="8:8">
      <c r="H306288" s="12"/>
    </row>
    <row r="306289" spans="8:8">
      <c r="H306289" s="12"/>
    </row>
    <row r="306290" spans="8:8">
      <c r="H306290" s="12"/>
    </row>
    <row r="306291" spans="8:8">
      <c r="H306291" s="12"/>
    </row>
    <row r="306292" spans="8:8">
      <c r="H306292" s="12"/>
    </row>
    <row r="306293" spans="8:8">
      <c r="H306293" s="12"/>
    </row>
    <row r="306294" spans="8:8">
      <c r="H306294" s="12"/>
    </row>
    <row r="306295" spans="8:8">
      <c r="H306295" s="12"/>
    </row>
    <row r="306296" spans="8:8">
      <c r="H306296" s="12"/>
    </row>
    <row r="306297" spans="8:8">
      <c r="H306297" s="12"/>
    </row>
    <row r="306298" spans="8:8">
      <c r="H306298" s="12"/>
    </row>
    <row r="306299" spans="8:8">
      <c r="H306299" s="12"/>
    </row>
    <row r="306300" spans="8:8">
      <c r="H306300" s="12"/>
    </row>
    <row r="306301" spans="8:8">
      <c r="H306301" s="12"/>
    </row>
    <row r="306302" spans="8:8">
      <c r="H306302" s="12"/>
    </row>
    <row r="306303" spans="8:8">
      <c r="H306303" s="12"/>
    </row>
    <row r="306304" spans="8:8">
      <c r="H306304" s="12"/>
    </row>
    <row r="306305" spans="8:8">
      <c r="H306305" s="12"/>
    </row>
    <row r="306306" spans="8:8">
      <c r="H306306" s="12"/>
    </row>
    <row r="306307" spans="8:8">
      <c r="H306307" s="12"/>
    </row>
    <row r="306308" spans="8:8">
      <c r="H306308" s="12"/>
    </row>
    <row r="306309" spans="8:8">
      <c r="H306309" s="12"/>
    </row>
    <row r="306310" spans="8:8">
      <c r="H306310" s="12"/>
    </row>
    <row r="306311" spans="8:8">
      <c r="H306311" s="12"/>
    </row>
    <row r="306312" spans="8:8">
      <c r="H306312" s="12"/>
    </row>
    <row r="306313" spans="8:8">
      <c r="H306313" s="12"/>
    </row>
    <row r="306314" spans="8:8">
      <c r="H306314" s="12"/>
    </row>
    <row r="306315" spans="8:8">
      <c r="H306315" s="12"/>
    </row>
    <row r="306316" spans="8:8">
      <c r="H306316" s="12"/>
    </row>
    <row r="306317" spans="8:8">
      <c r="H306317" s="12"/>
    </row>
    <row r="306318" spans="8:8">
      <c r="H306318" s="12"/>
    </row>
    <row r="306319" spans="8:8">
      <c r="H306319" s="12"/>
    </row>
    <row r="306320" spans="8:8">
      <c r="H306320" s="12"/>
    </row>
    <row r="306321" spans="8:8">
      <c r="H306321" s="12"/>
    </row>
    <row r="306322" spans="8:8">
      <c r="H306322" s="12"/>
    </row>
    <row r="306323" spans="8:8">
      <c r="H306323" s="12"/>
    </row>
    <row r="306324" spans="8:8">
      <c r="H306324" s="12"/>
    </row>
    <row r="306325" spans="8:8">
      <c r="H306325" s="12"/>
    </row>
    <row r="306326" spans="8:8">
      <c r="H306326" s="12"/>
    </row>
    <row r="306327" spans="8:8">
      <c r="H306327" s="12"/>
    </row>
    <row r="306328" spans="8:8">
      <c r="H306328" s="12"/>
    </row>
    <row r="306329" spans="8:8">
      <c r="H306329" s="12"/>
    </row>
    <row r="306330" spans="8:8">
      <c r="H306330" s="12"/>
    </row>
    <row r="306331" spans="8:8">
      <c r="H306331" s="12"/>
    </row>
    <row r="306332" spans="8:8">
      <c r="H306332" s="12"/>
    </row>
    <row r="306333" spans="8:8">
      <c r="H306333" s="12"/>
    </row>
    <row r="306334" spans="8:8">
      <c r="H306334" s="12"/>
    </row>
    <row r="306335" spans="8:8">
      <c r="H306335" s="12"/>
    </row>
    <row r="306336" spans="8:8">
      <c r="H306336" s="12"/>
    </row>
    <row r="306337" spans="8:8">
      <c r="H306337" s="12"/>
    </row>
    <row r="306338" spans="8:8">
      <c r="H306338" s="12"/>
    </row>
    <row r="306339" spans="8:8">
      <c r="H306339" s="12"/>
    </row>
    <row r="306340" spans="8:8">
      <c r="H306340" s="12"/>
    </row>
    <row r="306341" spans="8:8">
      <c r="H306341" s="12"/>
    </row>
    <row r="306342" spans="8:8">
      <c r="H306342" s="12"/>
    </row>
    <row r="306343" spans="8:8">
      <c r="H306343" s="12"/>
    </row>
    <row r="306344" spans="8:8">
      <c r="H306344" s="12"/>
    </row>
    <row r="306345" spans="8:8">
      <c r="H306345" s="12"/>
    </row>
    <row r="306346" spans="8:8">
      <c r="H306346" s="12"/>
    </row>
    <row r="306347" spans="8:8">
      <c r="H306347" s="12"/>
    </row>
    <row r="306348" spans="8:8">
      <c r="H306348" s="12"/>
    </row>
    <row r="306349" spans="8:8">
      <c r="H306349" s="12"/>
    </row>
    <row r="306350" spans="8:8">
      <c r="H306350" s="12"/>
    </row>
    <row r="306351" spans="8:8">
      <c r="H306351" s="12"/>
    </row>
    <row r="306352" spans="8:8">
      <c r="H306352" s="12"/>
    </row>
    <row r="306353" spans="8:8">
      <c r="H306353" s="12"/>
    </row>
    <row r="306354" spans="8:8">
      <c r="H306354" s="12"/>
    </row>
    <row r="306355" spans="8:8">
      <c r="H306355" s="12"/>
    </row>
    <row r="306356" spans="8:8">
      <c r="H306356" s="12"/>
    </row>
    <row r="306357" spans="8:8">
      <c r="H306357" s="12"/>
    </row>
    <row r="306358" spans="8:8">
      <c r="H306358" s="12"/>
    </row>
    <row r="306359" spans="8:8">
      <c r="H306359" s="12"/>
    </row>
    <row r="306360" spans="8:8">
      <c r="H306360" s="12"/>
    </row>
    <row r="306361" spans="8:8">
      <c r="H306361" s="12"/>
    </row>
    <row r="306362" spans="8:8">
      <c r="H306362" s="12"/>
    </row>
    <row r="306363" spans="8:8">
      <c r="H306363" s="12"/>
    </row>
    <row r="306364" spans="8:8">
      <c r="H306364" s="12"/>
    </row>
    <row r="306365" spans="8:8">
      <c r="H306365" s="12"/>
    </row>
    <row r="306366" spans="8:8">
      <c r="H306366" s="12"/>
    </row>
    <row r="306367" spans="8:8">
      <c r="H306367" s="12"/>
    </row>
    <row r="306368" spans="8:8">
      <c r="H306368" s="12"/>
    </row>
    <row r="306369" spans="8:8">
      <c r="H306369" s="12"/>
    </row>
    <row r="306370" spans="8:8">
      <c r="H306370" s="12"/>
    </row>
    <row r="306371" spans="8:8">
      <c r="H306371" s="12"/>
    </row>
    <row r="306372" spans="8:8">
      <c r="H306372" s="12"/>
    </row>
    <row r="306373" spans="8:8">
      <c r="H306373" s="12"/>
    </row>
    <row r="306374" spans="8:8">
      <c r="H306374" s="12"/>
    </row>
    <row r="306375" spans="8:8">
      <c r="H306375" s="12"/>
    </row>
    <row r="306376" spans="8:8">
      <c r="H306376" s="12"/>
    </row>
    <row r="306377" spans="8:8">
      <c r="H306377" s="12"/>
    </row>
    <row r="306378" spans="8:8">
      <c r="H306378" s="12"/>
    </row>
    <row r="306379" spans="8:8">
      <c r="H306379" s="12"/>
    </row>
    <row r="306380" spans="8:8">
      <c r="H306380" s="12"/>
    </row>
    <row r="306381" spans="8:8">
      <c r="H306381" s="12"/>
    </row>
    <row r="306382" spans="8:8">
      <c r="H306382" s="12"/>
    </row>
    <row r="306383" spans="8:8">
      <c r="H306383" s="12"/>
    </row>
    <row r="306384" spans="8:8">
      <c r="H306384" s="12"/>
    </row>
    <row r="306385" spans="8:8">
      <c r="H306385" s="12"/>
    </row>
    <row r="306386" spans="8:8">
      <c r="H306386" s="12"/>
    </row>
    <row r="306387" spans="8:8">
      <c r="H306387" s="12"/>
    </row>
    <row r="306388" spans="8:8">
      <c r="H306388" s="12"/>
    </row>
    <row r="306389" spans="8:8">
      <c r="H306389" s="12"/>
    </row>
    <row r="306390" spans="8:8">
      <c r="H306390" s="12"/>
    </row>
    <row r="306391" spans="8:8">
      <c r="H306391" s="12"/>
    </row>
    <row r="306392" spans="8:8">
      <c r="H306392" s="12"/>
    </row>
    <row r="306393" spans="8:8">
      <c r="H306393" s="12"/>
    </row>
    <row r="306394" spans="8:8">
      <c r="H306394" s="12"/>
    </row>
    <row r="306395" spans="8:8">
      <c r="H306395" s="12"/>
    </row>
    <row r="306396" spans="8:8">
      <c r="H306396" s="12"/>
    </row>
    <row r="306397" spans="8:8">
      <c r="H306397" s="12"/>
    </row>
    <row r="306398" spans="8:8">
      <c r="H306398" s="12"/>
    </row>
    <row r="306399" spans="8:8">
      <c r="H306399" s="12"/>
    </row>
    <row r="306400" spans="8:8">
      <c r="H306400" s="12"/>
    </row>
    <row r="306401" spans="8:8">
      <c r="H306401" s="12"/>
    </row>
    <row r="306402" spans="8:8">
      <c r="H306402" s="12"/>
    </row>
    <row r="306403" spans="8:8">
      <c r="H306403" s="12"/>
    </row>
    <row r="306404" spans="8:8">
      <c r="H306404" s="12"/>
    </row>
    <row r="306405" spans="8:8">
      <c r="H306405" s="12"/>
    </row>
    <row r="306406" spans="8:8">
      <c r="H306406" s="12"/>
    </row>
    <row r="306407" spans="8:8">
      <c r="H306407" s="12"/>
    </row>
    <row r="306408" spans="8:8">
      <c r="H306408" s="12"/>
    </row>
    <row r="306409" spans="8:8">
      <c r="H306409" s="12"/>
    </row>
    <row r="306410" spans="8:8">
      <c r="H306410" s="12"/>
    </row>
    <row r="306411" spans="8:8">
      <c r="H306411" s="12"/>
    </row>
    <row r="306412" spans="8:8">
      <c r="H306412" s="12"/>
    </row>
    <row r="306413" spans="8:8">
      <c r="H306413" s="12"/>
    </row>
    <row r="306414" spans="8:8">
      <c r="H306414" s="12"/>
    </row>
    <row r="306415" spans="8:8">
      <c r="H306415" s="12"/>
    </row>
    <row r="306416" spans="8:8">
      <c r="H306416" s="12"/>
    </row>
    <row r="306417" spans="8:8">
      <c r="H306417" s="12"/>
    </row>
    <row r="306418" spans="8:8">
      <c r="H306418" s="12"/>
    </row>
    <row r="306419" spans="8:8">
      <c r="H306419" s="12"/>
    </row>
    <row r="306420" spans="8:8">
      <c r="H306420" s="12"/>
    </row>
    <row r="306421" spans="8:8">
      <c r="H306421" s="12"/>
    </row>
    <row r="306422" spans="8:8">
      <c r="H306422" s="12"/>
    </row>
    <row r="306423" spans="8:8">
      <c r="H306423" s="12"/>
    </row>
    <row r="306424" spans="8:8">
      <c r="H306424" s="12"/>
    </row>
    <row r="306425" spans="8:8">
      <c r="H306425" s="12"/>
    </row>
    <row r="306426" spans="8:8">
      <c r="H306426" s="12"/>
    </row>
    <row r="306427" spans="8:8">
      <c r="H306427" s="12"/>
    </row>
    <row r="306428" spans="8:8">
      <c r="H306428" s="12"/>
    </row>
    <row r="306429" spans="8:8">
      <c r="H306429" s="12"/>
    </row>
    <row r="306430" spans="8:8">
      <c r="H306430" s="12"/>
    </row>
    <row r="306431" spans="8:8">
      <c r="H306431" s="12"/>
    </row>
    <row r="306432" spans="8:8">
      <c r="H306432" s="12"/>
    </row>
    <row r="306433" spans="8:8">
      <c r="H306433" s="12"/>
    </row>
    <row r="306434" spans="8:8">
      <c r="H306434" s="12"/>
    </row>
    <row r="306435" spans="8:8">
      <c r="H306435" s="12"/>
    </row>
    <row r="306436" spans="8:8">
      <c r="H306436" s="12"/>
    </row>
    <row r="306437" spans="8:8">
      <c r="H306437" s="12"/>
    </row>
    <row r="306438" spans="8:8">
      <c r="H306438" s="12"/>
    </row>
    <row r="306439" spans="8:8">
      <c r="H306439" s="12"/>
    </row>
    <row r="306440" spans="8:8">
      <c r="H306440" s="12"/>
    </row>
    <row r="306441" spans="8:8">
      <c r="H306441" s="12"/>
    </row>
    <row r="306442" spans="8:8">
      <c r="H306442" s="12"/>
    </row>
    <row r="306443" spans="8:8">
      <c r="H306443" s="12"/>
    </row>
    <row r="306444" spans="8:8">
      <c r="H306444" s="12"/>
    </row>
    <row r="306445" spans="8:8">
      <c r="H306445" s="12"/>
    </row>
    <row r="306446" spans="8:8">
      <c r="H306446" s="12"/>
    </row>
    <row r="306447" spans="8:8">
      <c r="H306447" s="12"/>
    </row>
    <row r="306448" spans="8:8">
      <c r="H306448" s="12"/>
    </row>
    <row r="306449" spans="8:8">
      <c r="H306449" s="12"/>
    </row>
    <row r="306450" spans="8:8">
      <c r="H306450" s="12"/>
    </row>
    <row r="306451" spans="8:8">
      <c r="H306451" s="12"/>
    </row>
    <row r="306452" spans="8:8">
      <c r="H306452" s="12"/>
    </row>
    <row r="306453" spans="8:8">
      <c r="H306453" s="12"/>
    </row>
    <row r="306454" spans="8:8">
      <c r="H306454" s="12"/>
    </row>
    <row r="306455" spans="8:8">
      <c r="H306455" s="12"/>
    </row>
    <row r="306456" spans="8:8">
      <c r="H306456" s="12"/>
    </row>
    <row r="306457" spans="8:8">
      <c r="H306457" s="12"/>
    </row>
    <row r="306458" spans="8:8">
      <c r="H306458" s="12"/>
    </row>
    <row r="306459" spans="8:8">
      <c r="H306459" s="12"/>
    </row>
    <row r="306460" spans="8:8">
      <c r="H306460" s="12"/>
    </row>
    <row r="306461" spans="8:8">
      <c r="H306461" s="12"/>
    </row>
    <row r="306462" spans="8:8">
      <c r="H306462" s="12"/>
    </row>
    <row r="306463" spans="8:8">
      <c r="H306463" s="12"/>
    </row>
    <row r="306464" spans="8:8">
      <c r="H306464" s="12"/>
    </row>
    <row r="306465" spans="8:8">
      <c r="H306465" s="12"/>
    </row>
    <row r="306466" spans="8:8">
      <c r="H306466" s="12"/>
    </row>
    <row r="306467" spans="8:8">
      <c r="H306467" s="12"/>
    </row>
    <row r="306468" spans="8:8">
      <c r="H306468" s="12"/>
    </row>
    <row r="306469" spans="8:8">
      <c r="H306469" s="12"/>
    </row>
    <row r="306470" spans="8:8">
      <c r="H306470" s="12"/>
    </row>
    <row r="306471" spans="8:8">
      <c r="H306471" s="12"/>
    </row>
    <row r="306472" spans="8:8">
      <c r="H306472" s="12"/>
    </row>
    <row r="306473" spans="8:8">
      <c r="H306473" s="12"/>
    </row>
    <row r="306474" spans="8:8">
      <c r="H306474" s="12"/>
    </row>
    <row r="306475" spans="8:8">
      <c r="H306475" s="12"/>
    </row>
    <row r="306476" spans="8:8">
      <c r="H306476" s="12"/>
    </row>
    <row r="306477" spans="8:8">
      <c r="H306477" s="12"/>
    </row>
    <row r="306478" spans="8:8">
      <c r="H306478" s="12"/>
    </row>
    <row r="306479" spans="8:8">
      <c r="H306479" s="12"/>
    </row>
    <row r="306480" spans="8:8">
      <c r="H306480" s="12"/>
    </row>
    <row r="306481" spans="8:8">
      <c r="H306481" s="12"/>
    </row>
    <row r="306482" spans="8:8">
      <c r="H306482" s="12"/>
    </row>
    <row r="306483" spans="8:8">
      <c r="H306483" s="12"/>
    </row>
    <row r="306484" spans="8:8">
      <c r="H306484" s="12"/>
    </row>
    <row r="306485" spans="8:8">
      <c r="H306485" s="12"/>
    </row>
    <row r="306486" spans="8:8">
      <c r="H306486" s="12"/>
    </row>
    <row r="306487" spans="8:8">
      <c r="H306487" s="12"/>
    </row>
    <row r="306488" spans="8:8">
      <c r="H306488" s="12"/>
    </row>
    <row r="306489" spans="8:8">
      <c r="H306489" s="12"/>
    </row>
    <row r="306490" spans="8:8">
      <c r="H306490" s="12"/>
    </row>
    <row r="306491" spans="8:8">
      <c r="H306491" s="12"/>
    </row>
    <row r="306492" spans="8:8">
      <c r="H306492" s="12"/>
    </row>
    <row r="306493" spans="8:8">
      <c r="H306493" s="12"/>
    </row>
    <row r="306494" spans="8:8">
      <c r="H306494" s="12"/>
    </row>
    <row r="306495" spans="8:8">
      <c r="H306495" s="12"/>
    </row>
    <row r="306496" spans="8:8">
      <c r="H306496" s="12"/>
    </row>
    <row r="306497" spans="8:8">
      <c r="H306497" s="12"/>
    </row>
    <row r="306498" spans="8:8">
      <c r="H306498" s="12"/>
    </row>
    <row r="306499" spans="8:8">
      <c r="H306499" s="12"/>
    </row>
    <row r="306500" spans="8:8">
      <c r="H306500" s="12"/>
    </row>
    <row r="306501" spans="8:8">
      <c r="H306501" s="12"/>
    </row>
    <row r="306502" spans="8:8">
      <c r="H306502" s="12"/>
    </row>
    <row r="306503" spans="8:8">
      <c r="H306503" s="12"/>
    </row>
    <row r="306504" spans="8:8">
      <c r="H306504" s="12"/>
    </row>
    <row r="306505" spans="8:8">
      <c r="H306505" s="12"/>
    </row>
    <row r="306506" spans="8:8">
      <c r="H306506" s="12"/>
    </row>
    <row r="306507" spans="8:8">
      <c r="H306507" s="12"/>
    </row>
    <row r="306508" spans="8:8">
      <c r="H306508" s="12"/>
    </row>
    <row r="306509" spans="8:8">
      <c r="H306509" s="12"/>
    </row>
    <row r="306510" spans="8:8">
      <c r="H306510" s="12"/>
    </row>
    <row r="306511" spans="8:8">
      <c r="H306511" s="12"/>
    </row>
    <row r="306512" spans="8:8">
      <c r="H306512" s="12"/>
    </row>
    <row r="306513" spans="8:8">
      <c r="H306513" s="12"/>
    </row>
    <row r="306514" spans="8:8">
      <c r="H306514" s="12"/>
    </row>
    <row r="306515" spans="8:8">
      <c r="H306515" s="12"/>
    </row>
    <row r="306516" spans="8:8">
      <c r="H306516" s="12"/>
    </row>
    <row r="306517" spans="8:8">
      <c r="H306517" s="12"/>
    </row>
    <row r="306518" spans="8:8">
      <c r="H306518" s="12"/>
    </row>
    <row r="306519" spans="8:8">
      <c r="H306519" s="12"/>
    </row>
    <row r="306520" spans="8:8">
      <c r="H306520" s="12"/>
    </row>
    <row r="306521" spans="8:8">
      <c r="H306521" s="12"/>
    </row>
    <row r="306522" spans="8:8">
      <c r="H306522" s="12"/>
    </row>
    <row r="306523" spans="8:8">
      <c r="H306523" s="12"/>
    </row>
    <row r="306524" spans="8:8">
      <c r="H306524" s="12"/>
    </row>
    <row r="306525" spans="8:8">
      <c r="H306525" s="12"/>
    </row>
    <row r="306526" spans="8:8">
      <c r="H306526" s="12"/>
    </row>
    <row r="306527" spans="8:8">
      <c r="H306527" s="12"/>
    </row>
    <row r="306528" spans="8:8">
      <c r="H306528" s="12"/>
    </row>
    <row r="306529" spans="8:8">
      <c r="H306529" s="12"/>
    </row>
    <row r="306530" spans="8:8">
      <c r="H306530" s="12"/>
    </row>
    <row r="306531" spans="8:8">
      <c r="H306531" s="12"/>
    </row>
    <row r="306532" spans="8:8">
      <c r="H306532" s="12"/>
    </row>
    <row r="306533" spans="8:8">
      <c r="H306533" s="12"/>
    </row>
    <row r="306534" spans="8:8">
      <c r="H306534" s="12"/>
    </row>
    <row r="306535" spans="8:8">
      <c r="H306535" s="12"/>
    </row>
    <row r="306536" spans="8:8">
      <c r="H306536" s="12"/>
    </row>
    <row r="306537" spans="8:8">
      <c r="H306537" s="12"/>
    </row>
    <row r="306538" spans="8:8">
      <c r="H306538" s="12"/>
    </row>
    <row r="306539" spans="8:8">
      <c r="H306539" s="12"/>
    </row>
    <row r="306540" spans="8:8">
      <c r="H306540" s="12"/>
    </row>
    <row r="306541" spans="8:8">
      <c r="H306541" s="12"/>
    </row>
    <row r="306542" spans="8:8">
      <c r="H306542" s="12"/>
    </row>
    <row r="306543" spans="8:8">
      <c r="H306543" s="12"/>
    </row>
    <row r="306544" spans="8:8">
      <c r="H306544" s="12"/>
    </row>
    <row r="306545" spans="8:8">
      <c r="H306545" s="12"/>
    </row>
    <row r="306546" spans="8:8">
      <c r="H306546" s="12"/>
    </row>
    <row r="306547" spans="8:8">
      <c r="H306547" s="12"/>
    </row>
    <row r="306548" spans="8:8">
      <c r="H306548" s="12"/>
    </row>
    <row r="306549" spans="8:8">
      <c r="H306549" s="12"/>
    </row>
    <row r="306550" spans="8:8">
      <c r="H306550" s="12"/>
    </row>
    <row r="306551" spans="8:8">
      <c r="H306551" s="12"/>
    </row>
    <row r="306552" spans="8:8">
      <c r="H306552" s="12"/>
    </row>
    <row r="306553" spans="8:8">
      <c r="H306553" s="12"/>
    </row>
    <row r="306554" spans="8:8">
      <c r="H306554" s="12"/>
    </row>
    <row r="306555" spans="8:8">
      <c r="H306555" s="12"/>
    </row>
    <row r="306556" spans="8:8">
      <c r="H306556" s="12"/>
    </row>
    <row r="306557" spans="8:8">
      <c r="H306557" s="12"/>
    </row>
    <row r="306558" spans="8:8">
      <c r="H306558" s="12"/>
    </row>
    <row r="306559" spans="8:8">
      <c r="H306559" s="12"/>
    </row>
    <row r="306560" spans="8:8">
      <c r="H306560" s="12"/>
    </row>
    <row r="306561" spans="8:8">
      <c r="H306561" s="12"/>
    </row>
    <row r="306562" spans="8:8">
      <c r="H306562" s="12"/>
    </row>
    <row r="306563" spans="8:8">
      <c r="H306563" s="12"/>
    </row>
    <row r="306564" spans="8:8">
      <c r="H306564" s="12"/>
    </row>
    <row r="306565" spans="8:8">
      <c r="H306565" s="12"/>
    </row>
    <row r="306566" spans="8:8">
      <c r="H306566" s="12"/>
    </row>
    <row r="306567" spans="8:8">
      <c r="H306567" s="12"/>
    </row>
    <row r="306568" spans="8:8">
      <c r="H306568" s="12"/>
    </row>
    <row r="306569" spans="8:8">
      <c r="H306569" s="12"/>
    </row>
    <row r="306570" spans="8:8">
      <c r="H306570" s="12"/>
    </row>
    <row r="306571" spans="8:8">
      <c r="H306571" s="12"/>
    </row>
    <row r="306572" spans="8:8">
      <c r="H306572" s="12"/>
    </row>
    <row r="306573" spans="8:8">
      <c r="H306573" s="12"/>
    </row>
    <row r="306574" spans="8:8">
      <c r="H306574" s="12"/>
    </row>
    <row r="306575" spans="8:8">
      <c r="H306575" s="12"/>
    </row>
    <row r="306576" spans="8:8">
      <c r="H306576" s="12"/>
    </row>
    <row r="306577" spans="8:8">
      <c r="H306577" s="12"/>
    </row>
    <row r="306578" spans="8:8">
      <c r="H306578" s="12"/>
    </row>
    <row r="306579" spans="8:8">
      <c r="H306579" s="12"/>
    </row>
    <row r="306580" spans="8:8">
      <c r="H306580" s="12"/>
    </row>
    <row r="306581" spans="8:8">
      <c r="H306581" s="12"/>
    </row>
    <row r="306582" spans="8:8">
      <c r="H306582" s="12"/>
    </row>
    <row r="306583" spans="8:8">
      <c r="H306583" s="12"/>
    </row>
    <row r="306584" spans="8:8">
      <c r="H306584" s="12"/>
    </row>
    <row r="306585" spans="8:8">
      <c r="H306585" s="12"/>
    </row>
    <row r="306586" spans="8:8">
      <c r="H306586" s="12"/>
    </row>
    <row r="306587" spans="8:8">
      <c r="H306587" s="12"/>
    </row>
    <row r="306588" spans="8:8">
      <c r="H306588" s="12"/>
    </row>
    <row r="306589" spans="8:8">
      <c r="H306589" s="12"/>
    </row>
    <row r="306590" spans="8:8">
      <c r="H306590" s="12"/>
    </row>
    <row r="306591" spans="8:8">
      <c r="H306591" s="12"/>
    </row>
    <row r="306592" spans="8:8">
      <c r="H306592" s="12"/>
    </row>
    <row r="306593" spans="8:8">
      <c r="H306593" s="12"/>
    </row>
    <row r="306594" spans="8:8">
      <c r="H306594" s="12"/>
    </row>
    <row r="306595" spans="8:8">
      <c r="H306595" s="12"/>
    </row>
    <row r="306596" spans="8:8">
      <c r="H306596" s="12"/>
    </row>
    <row r="306597" spans="8:8">
      <c r="H306597" s="12"/>
    </row>
    <row r="306598" spans="8:8">
      <c r="H306598" s="12"/>
    </row>
    <row r="306599" spans="8:8">
      <c r="H306599" s="12"/>
    </row>
    <row r="306600" spans="8:8">
      <c r="H306600" s="12"/>
    </row>
    <row r="306601" spans="8:8">
      <c r="H306601" s="12"/>
    </row>
    <row r="306602" spans="8:8">
      <c r="H306602" s="12"/>
    </row>
    <row r="306603" spans="8:8">
      <c r="H306603" s="12"/>
    </row>
    <row r="306604" spans="8:8">
      <c r="H306604" s="12"/>
    </row>
    <row r="306605" spans="8:8">
      <c r="H306605" s="12"/>
    </row>
    <row r="306606" spans="8:8">
      <c r="H306606" s="12"/>
    </row>
    <row r="306607" spans="8:8">
      <c r="H306607" s="12"/>
    </row>
    <row r="306608" spans="8:8">
      <c r="H306608" s="12"/>
    </row>
    <row r="306609" spans="8:8">
      <c r="H306609" s="12"/>
    </row>
    <row r="306610" spans="8:8">
      <c r="H306610" s="12"/>
    </row>
    <row r="306611" spans="8:8">
      <c r="H306611" s="12"/>
    </row>
    <row r="306612" spans="8:8">
      <c r="H306612" s="12"/>
    </row>
    <row r="306613" spans="8:8">
      <c r="H306613" s="12"/>
    </row>
    <row r="306614" spans="8:8">
      <c r="H306614" s="12"/>
    </row>
    <row r="306615" spans="8:8">
      <c r="H306615" s="12"/>
    </row>
    <row r="306616" spans="8:8">
      <c r="H306616" s="12"/>
    </row>
    <row r="306617" spans="8:8">
      <c r="H306617" s="12"/>
    </row>
    <row r="306618" spans="8:8">
      <c r="H306618" s="12"/>
    </row>
    <row r="306619" spans="8:8">
      <c r="H306619" s="12"/>
    </row>
    <row r="306620" spans="8:8">
      <c r="H306620" s="12"/>
    </row>
    <row r="306621" spans="8:8">
      <c r="H306621" s="12"/>
    </row>
    <row r="306622" spans="8:8">
      <c r="H306622" s="12"/>
    </row>
    <row r="306623" spans="8:8">
      <c r="H306623" s="12"/>
    </row>
    <row r="306624" spans="8:8">
      <c r="H306624" s="12"/>
    </row>
    <row r="306625" spans="8:8">
      <c r="H306625" s="12"/>
    </row>
    <row r="306626" spans="8:8">
      <c r="H306626" s="12"/>
    </row>
    <row r="306627" spans="8:8">
      <c r="H306627" s="12"/>
    </row>
    <row r="306628" spans="8:8">
      <c r="H306628" s="12"/>
    </row>
    <row r="306629" spans="8:8">
      <c r="H306629" s="12"/>
    </row>
    <row r="306630" spans="8:8">
      <c r="H306630" s="12"/>
    </row>
    <row r="306631" spans="8:8">
      <c r="H306631" s="12"/>
    </row>
    <row r="306632" spans="8:8">
      <c r="H306632" s="12"/>
    </row>
    <row r="306633" spans="8:8">
      <c r="H306633" s="12"/>
    </row>
    <row r="306634" spans="8:8">
      <c r="H306634" s="12"/>
    </row>
    <row r="306635" spans="8:8">
      <c r="H306635" s="12"/>
    </row>
    <row r="306636" spans="8:8">
      <c r="H306636" s="12"/>
    </row>
    <row r="306637" spans="8:8">
      <c r="H306637" s="12"/>
    </row>
    <row r="306638" spans="8:8">
      <c r="H306638" s="12"/>
    </row>
    <row r="306639" spans="8:8">
      <c r="H306639" s="12"/>
    </row>
    <row r="306640" spans="8:8">
      <c r="H306640" s="12"/>
    </row>
    <row r="306641" spans="8:8">
      <c r="H306641" s="12"/>
    </row>
    <row r="306642" spans="8:8">
      <c r="H306642" s="12"/>
    </row>
    <row r="306643" spans="8:8">
      <c r="H306643" s="12"/>
    </row>
    <row r="306644" spans="8:8">
      <c r="H306644" s="12"/>
    </row>
    <row r="306645" spans="8:8">
      <c r="H306645" s="12"/>
    </row>
    <row r="306646" spans="8:8">
      <c r="H306646" s="12"/>
    </row>
    <row r="306647" spans="8:8">
      <c r="H306647" s="12"/>
    </row>
    <row r="306648" spans="8:8">
      <c r="H306648" s="12"/>
    </row>
    <row r="306649" spans="8:8">
      <c r="H306649" s="12"/>
    </row>
    <row r="306650" spans="8:8">
      <c r="H306650" s="12"/>
    </row>
    <row r="306651" spans="8:8">
      <c r="H306651" s="12"/>
    </row>
    <row r="306652" spans="8:8">
      <c r="H306652" s="12"/>
    </row>
    <row r="306653" spans="8:8">
      <c r="H306653" s="12"/>
    </row>
    <row r="306654" spans="8:8">
      <c r="H306654" s="12"/>
    </row>
    <row r="306655" spans="8:8">
      <c r="H306655" s="12"/>
    </row>
    <row r="306656" spans="8:8">
      <c r="H306656" s="12"/>
    </row>
    <row r="306657" spans="8:8">
      <c r="H306657" s="12"/>
    </row>
    <row r="306658" spans="8:8">
      <c r="H306658" s="12"/>
    </row>
    <row r="306659" spans="8:8">
      <c r="H306659" s="12"/>
    </row>
    <row r="306660" spans="8:8">
      <c r="H306660" s="12"/>
    </row>
    <row r="306661" spans="8:8">
      <c r="H306661" s="12"/>
    </row>
    <row r="306662" spans="8:8">
      <c r="H306662" s="12"/>
    </row>
    <row r="306663" spans="8:8">
      <c r="H306663" s="12"/>
    </row>
    <row r="306664" spans="8:8">
      <c r="H306664" s="12"/>
    </row>
    <row r="306665" spans="8:8">
      <c r="H306665" s="12"/>
    </row>
    <row r="306666" spans="8:8">
      <c r="H306666" s="12"/>
    </row>
    <row r="306667" spans="8:8">
      <c r="H306667" s="12"/>
    </row>
    <row r="306668" spans="8:8">
      <c r="H306668" s="12"/>
    </row>
    <row r="306669" spans="8:8">
      <c r="H306669" s="12"/>
    </row>
    <row r="306670" spans="8:8">
      <c r="H306670" s="12"/>
    </row>
    <row r="306671" spans="8:8">
      <c r="H306671" s="12"/>
    </row>
    <row r="306672" spans="8:8">
      <c r="H306672" s="12"/>
    </row>
    <row r="306673" spans="8:8">
      <c r="H306673" s="12"/>
    </row>
    <row r="306674" spans="8:8">
      <c r="H306674" s="12"/>
    </row>
    <row r="306675" spans="8:8">
      <c r="H306675" s="12"/>
    </row>
    <row r="306676" spans="8:8">
      <c r="H306676" s="12"/>
    </row>
    <row r="306677" spans="8:8">
      <c r="H306677" s="12"/>
    </row>
    <row r="306678" spans="8:8">
      <c r="H306678" s="12"/>
    </row>
    <row r="306679" spans="8:8">
      <c r="H306679" s="12"/>
    </row>
    <row r="306680" spans="8:8">
      <c r="H306680" s="12"/>
    </row>
    <row r="306681" spans="8:8">
      <c r="H306681" s="12"/>
    </row>
    <row r="306682" spans="8:8">
      <c r="H306682" s="12"/>
    </row>
    <row r="306683" spans="8:8">
      <c r="H306683" s="12"/>
    </row>
    <row r="306684" spans="8:8">
      <c r="H306684" s="12"/>
    </row>
    <row r="306685" spans="8:8">
      <c r="H306685" s="12"/>
    </row>
    <row r="306686" spans="8:8">
      <c r="H306686" s="12"/>
    </row>
    <row r="306687" spans="8:8">
      <c r="H306687" s="12"/>
    </row>
    <row r="306688" spans="8:8">
      <c r="H306688" s="12"/>
    </row>
    <row r="306689" spans="8:8">
      <c r="H306689" s="12"/>
    </row>
    <row r="306690" spans="8:8">
      <c r="H306690" s="12"/>
    </row>
    <row r="306691" spans="8:8">
      <c r="H306691" s="12"/>
    </row>
    <row r="306692" spans="8:8">
      <c r="H306692" s="12"/>
    </row>
    <row r="306693" spans="8:8">
      <c r="H306693" s="12"/>
    </row>
    <row r="306694" spans="8:8">
      <c r="H306694" s="12"/>
    </row>
    <row r="306695" spans="8:8">
      <c r="H306695" s="12"/>
    </row>
    <row r="306696" spans="8:8">
      <c r="H306696" s="12"/>
    </row>
    <row r="306697" spans="8:8">
      <c r="H306697" s="12"/>
    </row>
    <row r="306698" spans="8:8">
      <c r="H306698" s="12"/>
    </row>
    <row r="306699" spans="8:8">
      <c r="H306699" s="12"/>
    </row>
    <row r="306700" spans="8:8">
      <c r="H306700" s="12"/>
    </row>
    <row r="306701" spans="8:8">
      <c r="H306701" s="12"/>
    </row>
    <row r="306702" spans="8:8">
      <c r="H306702" s="12"/>
    </row>
    <row r="306703" spans="8:8">
      <c r="H306703" s="12"/>
    </row>
    <row r="306704" spans="8:8">
      <c r="H306704" s="12"/>
    </row>
    <row r="306705" spans="8:8">
      <c r="H306705" s="12"/>
    </row>
    <row r="306706" spans="8:8">
      <c r="H306706" s="12"/>
    </row>
    <row r="306707" spans="8:8">
      <c r="H306707" s="12"/>
    </row>
    <row r="306708" spans="8:8">
      <c r="H306708" s="12"/>
    </row>
    <row r="306709" spans="8:8">
      <c r="H306709" s="12"/>
    </row>
    <row r="306710" spans="8:8">
      <c r="H306710" s="12"/>
    </row>
    <row r="306711" spans="8:8">
      <c r="H306711" s="12"/>
    </row>
    <row r="306712" spans="8:8">
      <c r="H306712" s="12"/>
    </row>
    <row r="306713" spans="8:8">
      <c r="H306713" s="12"/>
    </row>
    <row r="306714" spans="8:8">
      <c r="H306714" s="12"/>
    </row>
    <row r="306715" spans="8:8">
      <c r="H306715" s="12"/>
    </row>
    <row r="306716" spans="8:8">
      <c r="H306716" s="12"/>
    </row>
    <row r="306717" spans="8:8">
      <c r="H306717" s="12"/>
    </row>
    <row r="306718" spans="8:8">
      <c r="H306718" s="12"/>
    </row>
    <row r="306719" spans="8:8">
      <c r="H306719" s="12"/>
    </row>
    <row r="306720" spans="8:8">
      <c r="H306720" s="12"/>
    </row>
    <row r="306721" spans="8:8">
      <c r="H306721" s="12"/>
    </row>
    <row r="306722" spans="8:8">
      <c r="H306722" s="12"/>
    </row>
    <row r="306723" spans="8:8">
      <c r="H306723" s="12"/>
    </row>
    <row r="306724" spans="8:8">
      <c r="H306724" s="12"/>
    </row>
    <row r="306725" spans="8:8">
      <c r="H306725" s="12"/>
    </row>
    <row r="306726" spans="8:8">
      <c r="H306726" s="12"/>
    </row>
    <row r="306727" spans="8:8">
      <c r="H306727" s="12"/>
    </row>
    <row r="306728" spans="8:8">
      <c r="H306728" s="12"/>
    </row>
    <row r="306729" spans="8:8">
      <c r="H306729" s="12"/>
    </row>
    <row r="306730" spans="8:8">
      <c r="H306730" s="12"/>
    </row>
    <row r="306731" spans="8:8">
      <c r="H306731" s="12"/>
    </row>
    <row r="306732" spans="8:8">
      <c r="H306732" s="12"/>
    </row>
    <row r="306733" spans="8:8">
      <c r="H306733" s="12"/>
    </row>
    <row r="306734" spans="8:8">
      <c r="H306734" s="12"/>
    </row>
    <row r="306735" spans="8:8">
      <c r="H306735" s="12"/>
    </row>
    <row r="306736" spans="8:8">
      <c r="H306736" s="12"/>
    </row>
    <row r="306737" spans="8:8">
      <c r="H306737" s="12"/>
    </row>
    <row r="306738" spans="8:8">
      <c r="H306738" s="12"/>
    </row>
    <row r="306739" spans="8:8">
      <c r="H306739" s="12"/>
    </row>
    <row r="306740" spans="8:8">
      <c r="H306740" s="12"/>
    </row>
    <row r="306741" spans="8:8">
      <c r="H306741" s="12"/>
    </row>
    <row r="306742" spans="8:8">
      <c r="H306742" s="12"/>
    </row>
    <row r="306743" spans="8:8">
      <c r="H306743" s="12"/>
    </row>
    <row r="306744" spans="8:8">
      <c r="H306744" s="12"/>
    </row>
    <row r="306745" spans="8:8">
      <c r="H306745" s="12"/>
    </row>
    <row r="306746" spans="8:8">
      <c r="H306746" s="12"/>
    </row>
    <row r="306747" spans="8:8">
      <c r="H306747" s="12"/>
    </row>
    <row r="306748" spans="8:8">
      <c r="H306748" s="12"/>
    </row>
    <row r="306749" spans="8:8">
      <c r="H306749" s="12"/>
    </row>
    <row r="306750" spans="8:8">
      <c r="H306750" s="12"/>
    </row>
    <row r="306751" spans="8:8">
      <c r="H306751" s="12"/>
    </row>
    <row r="306752" spans="8:8">
      <c r="H306752" s="12"/>
    </row>
    <row r="306753" spans="8:8">
      <c r="H306753" s="12"/>
    </row>
    <row r="306754" spans="8:8">
      <c r="H306754" s="12"/>
    </row>
    <row r="306755" spans="8:8">
      <c r="H306755" s="12"/>
    </row>
    <row r="306756" spans="8:8">
      <c r="H306756" s="12"/>
    </row>
    <row r="306757" spans="8:8">
      <c r="H306757" s="12"/>
    </row>
    <row r="306758" spans="8:8">
      <c r="H306758" s="12"/>
    </row>
    <row r="306759" spans="8:8">
      <c r="H306759" s="12"/>
    </row>
    <row r="306760" spans="8:8">
      <c r="H306760" s="12"/>
    </row>
    <row r="306761" spans="8:8">
      <c r="H306761" s="12"/>
    </row>
    <row r="306762" spans="8:8">
      <c r="H306762" s="12"/>
    </row>
    <row r="306763" spans="8:8">
      <c r="H306763" s="12"/>
    </row>
    <row r="306764" spans="8:8">
      <c r="H306764" s="12"/>
    </row>
    <row r="306765" spans="8:8">
      <c r="H306765" s="12"/>
    </row>
    <row r="306766" spans="8:8">
      <c r="H306766" s="12"/>
    </row>
    <row r="306767" spans="8:8">
      <c r="H306767" s="12"/>
    </row>
    <row r="306768" spans="8:8">
      <c r="H306768" s="12"/>
    </row>
    <row r="306769" spans="8:8">
      <c r="H306769" s="12"/>
    </row>
    <row r="306770" spans="8:8">
      <c r="H306770" s="12"/>
    </row>
    <row r="306771" spans="8:8">
      <c r="H306771" s="12"/>
    </row>
    <row r="306772" spans="8:8">
      <c r="H306772" s="12"/>
    </row>
    <row r="306773" spans="8:8">
      <c r="H306773" s="12"/>
    </row>
    <row r="306774" spans="8:8">
      <c r="H306774" s="12"/>
    </row>
    <row r="306775" spans="8:8">
      <c r="H306775" s="12"/>
    </row>
    <row r="306776" spans="8:8">
      <c r="H306776" s="12"/>
    </row>
    <row r="306777" spans="8:8">
      <c r="H306777" s="12"/>
    </row>
    <row r="306778" spans="8:8">
      <c r="H306778" s="12"/>
    </row>
    <row r="306779" spans="8:8">
      <c r="H306779" s="12"/>
    </row>
    <row r="306780" spans="8:8">
      <c r="H306780" s="12"/>
    </row>
    <row r="306781" spans="8:8">
      <c r="H306781" s="12"/>
    </row>
    <row r="306782" spans="8:8">
      <c r="H306782" s="12"/>
    </row>
    <row r="306783" spans="8:8">
      <c r="H306783" s="12"/>
    </row>
    <row r="306784" spans="8:8">
      <c r="H306784" s="12"/>
    </row>
    <row r="306785" spans="8:8">
      <c r="H306785" s="12"/>
    </row>
    <row r="306786" spans="8:8">
      <c r="H306786" s="12"/>
    </row>
    <row r="306787" spans="8:8">
      <c r="H306787" s="12"/>
    </row>
    <row r="306788" spans="8:8">
      <c r="H306788" s="12"/>
    </row>
    <row r="306789" spans="8:8">
      <c r="H306789" s="12"/>
    </row>
    <row r="306790" spans="8:8">
      <c r="H306790" s="12"/>
    </row>
    <row r="306791" spans="8:8">
      <c r="H306791" s="12"/>
    </row>
    <row r="306792" spans="8:8">
      <c r="H306792" s="12"/>
    </row>
    <row r="306793" spans="8:8">
      <c r="H306793" s="12"/>
    </row>
    <row r="306794" spans="8:8">
      <c r="H306794" s="12"/>
    </row>
    <row r="306795" spans="8:8">
      <c r="H306795" s="12"/>
    </row>
    <row r="306796" spans="8:8">
      <c r="H306796" s="12"/>
    </row>
    <row r="306797" spans="8:8">
      <c r="H306797" s="12"/>
    </row>
    <row r="306798" spans="8:8">
      <c r="H306798" s="12"/>
    </row>
    <row r="306799" spans="8:8">
      <c r="H306799" s="12"/>
    </row>
    <row r="306800" spans="8:8">
      <c r="H306800" s="12"/>
    </row>
    <row r="306801" spans="8:8">
      <c r="H306801" s="12"/>
    </row>
    <row r="306802" spans="8:8">
      <c r="H306802" s="12"/>
    </row>
    <row r="306803" spans="8:8">
      <c r="H306803" s="12"/>
    </row>
    <row r="306804" spans="8:8">
      <c r="H306804" s="12"/>
    </row>
    <row r="306805" spans="8:8">
      <c r="H306805" s="12"/>
    </row>
    <row r="306806" spans="8:8">
      <c r="H306806" s="12"/>
    </row>
    <row r="306807" spans="8:8">
      <c r="H306807" s="12"/>
    </row>
    <row r="306808" spans="8:8">
      <c r="H306808" s="12"/>
    </row>
    <row r="306809" spans="8:8">
      <c r="H306809" s="12"/>
    </row>
    <row r="306810" spans="8:8">
      <c r="H306810" s="12"/>
    </row>
    <row r="306811" spans="8:8">
      <c r="H306811" s="12"/>
    </row>
    <row r="306812" spans="8:8">
      <c r="H306812" s="12"/>
    </row>
    <row r="306813" spans="8:8">
      <c r="H306813" s="12"/>
    </row>
    <row r="306814" spans="8:8">
      <c r="H306814" s="12"/>
    </row>
    <row r="306815" spans="8:8">
      <c r="H306815" s="12"/>
    </row>
    <row r="306816" spans="8:8">
      <c r="H306816" s="12"/>
    </row>
    <row r="306817" spans="8:8">
      <c r="H306817" s="12"/>
    </row>
    <row r="306818" spans="8:8">
      <c r="H306818" s="12"/>
    </row>
    <row r="306819" spans="8:8">
      <c r="H306819" s="12"/>
    </row>
    <row r="306820" spans="8:8">
      <c r="H306820" s="12"/>
    </row>
    <row r="306821" spans="8:8">
      <c r="H306821" s="12"/>
    </row>
    <row r="306822" spans="8:8">
      <c r="H306822" s="12"/>
    </row>
    <row r="306823" spans="8:8">
      <c r="H306823" s="12"/>
    </row>
    <row r="306824" spans="8:8">
      <c r="H306824" s="12"/>
    </row>
    <row r="306825" spans="8:8">
      <c r="H306825" s="12"/>
    </row>
    <row r="306826" spans="8:8">
      <c r="H306826" s="12"/>
    </row>
    <row r="306827" spans="8:8">
      <c r="H306827" s="12"/>
    </row>
    <row r="306828" spans="8:8">
      <c r="H306828" s="12"/>
    </row>
    <row r="306829" spans="8:8">
      <c r="H306829" s="12"/>
    </row>
    <row r="306830" spans="8:8">
      <c r="H306830" s="12"/>
    </row>
    <row r="306831" spans="8:8">
      <c r="H306831" s="12"/>
    </row>
    <row r="306832" spans="8:8">
      <c r="H306832" s="12"/>
    </row>
    <row r="306833" spans="8:8">
      <c r="H306833" s="12"/>
    </row>
    <row r="306834" spans="8:8">
      <c r="H306834" s="12"/>
    </row>
    <row r="306835" spans="8:8">
      <c r="H306835" s="12"/>
    </row>
    <row r="306836" spans="8:8">
      <c r="H306836" s="12"/>
    </row>
    <row r="306837" spans="8:8">
      <c r="H306837" s="12"/>
    </row>
    <row r="306838" spans="8:8">
      <c r="H306838" s="12"/>
    </row>
    <row r="306839" spans="8:8">
      <c r="H306839" s="12"/>
    </row>
    <row r="306840" spans="8:8">
      <c r="H306840" s="12"/>
    </row>
    <row r="306841" spans="8:8">
      <c r="H306841" s="12"/>
    </row>
    <row r="306842" spans="8:8">
      <c r="H306842" s="12"/>
    </row>
    <row r="306843" spans="8:8">
      <c r="H306843" s="12"/>
    </row>
    <row r="306844" spans="8:8">
      <c r="H306844" s="12"/>
    </row>
    <row r="306845" spans="8:8">
      <c r="H306845" s="12"/>
    </row>
    <row r="306846" spans="8:8">
      <c r="H306846" s="12"/>
    </row>
    <row r="306847" spans="8:8">
      <c r="H306847" s="12"/>
    </row>
    <row r="306848" spans="8:8">
      <c r="H306848" s="12"/>
    </row>
    <row r="306849" spans="8:8">
      <c r="H306849" s="12"/>
    </row>
    <row r="306850" spans="8:8">
      <c r="H306850" s="12"/>
    </row>
    <row r="306851" spans="8:8">
      <c r="H306851" s="12"/>
    </row>
    <row r="306852" spans="8:8">
      <c r="H306852" s="12"/>
    </row>
    <row r="306853" spans="8:8">
      <c r="H306853" s="12"/>
    </row>
    <row r="306854" spans="8:8">
      <c r="H306854" s="12"/>
    </row>
    <row r="306855" spans="8:8">
      <c r="H306855" s="12"/>
    </row>
    <row r="306856" spans="8:8">
      <c r="H306856" s="12"/>
    </row>
    <row r="306857" spans="8:8">
      <c r="H306857" s="12"/>
    </row>
    <row r="306858" spans="8:8">
      <c r="H306858" s="12"/>
    </row>
    <row r="306859" spans="8:8">
      <c r="H306859" s="12"/>
    </row>
    <row r="306860" spans="8:8">
      <c r="H306860" s="12"/>
    </row>
    <row r="306861" spans="8:8">
      <c r="H306861" s="12"/>
    </row>
    <row r="306862" spans="8:8">
      <c r="H306862" s="12"/>
    </row>
    <row r="306863" spans="8:8">
      <c r="H306863" s="12"/>
    </row>
    <row r="306864" spans="8:8">
      <c r="H306864" s="12"/>
    </row>
    <row r="306865" spans="8:8">
      <c r="H306865" s="12"/>
    </row>
    <row r="306866" spans="8:8">
      <c r="H306866" s="12"/>
    </row>
    <row r="306867" spans="8:8">
      <c r="H306867" s="12"/>
    </row>
    <row r="306868" spans="8:8">
      <c r="H306868" s="12"/>
    </row>
    <row r="306869" spans="8:8">
      <c r="H306869" s="12"/>
    </row>
    <row r="306870" spans="8:8">
      <c r="H306870" s="12"/>
    </row>
    <row r="306871" spans="8:8">
      <c r="H306871" s="12"/>
    </row>
    <row r="306872" spans="8:8">
      <c r="H306872" s="12"/>
    </row>
    <row r="306873" spans="8:8">
      <c r="H306873" s="12"/>
    </row>
    <row r="306874" spans="8:8">
      <c r="H306874" s="12"/>
    </row>
    <row r="306875" spans="8:8">
      <c r="H306875" s="12"/>
    </row>
    <row r="306876" spans="8:8">
      <c r="H306876" s="12"/>
    </row>
    <row r="306877" spans="8:8">
      <c r="H306877" s="12"/>
    </row>
    <row r="306878" spans="8:8">
      <c r="H306878" s="12"/>
    </row>
    <row r="306879" spans="8:8">
      <c r="H306879" s="12"/>
    </row>
    <row r="306880" spans="8:8">
      <c r="H306880" s="12"/>
    </row>
    <row r="306881" spans="8:8">
      <c r="H306881" s="12"/>
    </row>
    <row r="306882" spans="8:8">
      <c r="H306882" s="12"/>
    </row>
    <row r="306883" spans="8:8">
      <c r="H306883" s="12"/>
    </row>
    <row r="306884" spans="8:8">
      <c r="H306884" s="12"/>
    </row>
    <row r="306885" spans="8:8">
      <c r="H306885" s="12"/>
    </row>
    <row r="306886" spans="8:8">
      <c r="H306886" s="12"/>
    </row>
    <row r="306887" spans="8:8">
      <c r="H306887" s="12"/>
    </row>
    <row r="306888" spans="8:8">
      <c r="H306888" s="12"/>
    </row>
    <row r="306889" spans="8:8">
      <c r="H306889" s="12"/>
    </row>
    <row r="306890" spans="8:8">
      <c r="H306890" s="12"/>
    </row>
    <row r="306891" spans="8:8">
      <c r="H306891" s="12"/>
    </row>
    <row r="306892" spans="8:8">
      <c r="H306892" s="12"/>
    </row>
    <row r="306893" spans="8:8">
      <c r="H306893" s="12"/>
    </row>
    <row r="306894" spans="8:8">
      <c r="H306894" s="12"/>
    </row>
    <row r="306895" spans="8:8">
      <c r="H306895" s="12"/>
    </row>
    <row r="306896" spans="8:8">
      <c r="H306896" s="12"/>
    </row>
    <row r="306897" spans="8:8">
      <c r="H306897" s="12"/>
    </row>
    <row r="306898" spans="8:8">
      <c r="H306898" s="12"/>
    </row>
    <row r="306899" spans="8:8">
      <c r="H306899" s="12"/>
    </row>
    <row r="306900" spans="8:8">
      <c r="H306900" s="12"/>
    </row>
    <row r="306901" spans="8:8">
      <c r="H306901" s="12"/>
    </row>
    <row r="306902" spans="8:8">
      <c r="H306902" s="12"/>
    </row>
    <row r="306903" spans="8:8">
      <c r="H306903" s="12"/>
    </row>
    <row r="306904" spans="8:8">
      <c r="H306904" s="12"/>
    </row>
    <row r="306905" spans="8:8">
      <c r="H306905" s="12"/>
    </row>
    <row r="306906" spans="8:8">
      <c r="H306906" s="12"/>
    </row>
    <row r="306907" spans="8:8">
      <c r="H306907" s="12"/>
    </row>
    <row r="306908" spans="8:8">
      <c r="H306908" s="12"/>
    </row>
    <row r="306909" spans="8:8">
      <c r="H306909" s="12"/>
    </row>
    <row r="306910" spans="8:8">
      <c r="H306910" s="12"/>
    </row>
    <row r="306911" spans="8:8">
      <c r="H306911" s="12"/>
    </row>
    <row r="306912" spans="8:8">
      <c r="H306912" s="12"/>
    </row>
    <row r="306913" spans="8:8">
      <c r="H306913" s="12"/>
    </row>
    <row r="306914" spans="8:8">
      <c r="H306914" s="12"/>
    </row>
    <row r="306915" spans="8:8">
      <c r="H306915" s="12"/>
    </row>
    <row r="306916" spans="8:8">
      <c r="H306916" s="12"/>
    </row>
    <row r="306917" spans="8:8">
      <c r="H306917" s="12"/>
    </row>
    <row r="306918" spans="8:8">
      <c r="H306918" s="12"/>
    </row>
    <row r="306919" spans="8:8">
      <c r="H306919" s="12"/>
    </row>
    <row r="306920" spans="8:8">
      <c r="H306920" s="12"/>
    </row>
    <row r="306921" spans="8:8">
      <c r="H306921" s="12"/>
    </row>
    <row r="306922" spans="8:8">
      <c r="H306922" s="12"/>
    </row>
    <row r="306923" spans="8:8">
      <c r="H306923" s="12"/>
    </row>
    <row r="306924" spans="8:8">
      <c r="H306924" s="12"/>
    </row>
    <row r="306925" spans="8:8">
      <c r="H306925" s="12"/>
    </row>
    <row r="306926" spans="8:8">
      <c r="H306926" s="12"/>
    </row>
    <row r="306927" spans="8:8">
      <c r="H306927" s="12"/>
    </row>
    <row r="306928" spans="8:8">
      <c r="H306928" s="12"/>
    </row>
    <row r="306929" spans="8:8">
      <c r="H306929" s="12"/>
    </row>
    <row r="306930" spans="8:8">
      <c r="H306930" s="12"/>
    </row>
    <row r="306931" spans="8:8">
      <c r="H306931" s="12"/>
    </row>
    <row r="306932" spans="8:8">
      <c r="H306932" s="12"/>
    </row>
    <row r="306933" spans="8:8">
      <c r="H306933" s="12"/>
    </row>
    <row r="306934" spans="8:8">
      <c r="H306934" s="12"/>
    </row>
    <row r="306935" spans="8:8">
      <c r="H306935" s="12"/>
    </row>
    <row r="306936" spans="8:8">
      <c r="H306936" s="12"/>
    </row>
    <row r="306937" spans="8:8">
      <c r="H306937" s="12"/>
    </row>
    <row r="306938" spans="8:8">
      <c r="H306938" s="12"/>
    </row>
    <row r="306939" spans="8:8">
      <c r="H306939" s="12"/>
    </row>
    <row r="306940" spans="8:8">
      <c r="H306940" s="12"/>
    </row>
    <row r="306941" spans="8:8">
      <c r="H306941" s="12"/>
    </row>
    <row r="306942" spans="8:8">
      <c r="H306942" s="12"/>
    </row>
    <row r="306943" spans="8:8">
      <c r="H306943" s="12"/>
    </row>
    <row r="306944" spans="8:8">
      <c r="H306944" s="12"/>
    </row>
    <row r="306945" spans="8:8">
      <c r="H306945" s="12"/>
    </row>
    <row r="306946" spans="8:8">
      <c r="H306946" s="12"/>
    </row>
    <row r="306947" spans="8:8">
      <c r="H306947" s="12"/>
    </row>
    <row r="306948" spans="8:8">
      <c r="H306948" s="12"/>
    </row>
    <row r="306949" spans="8:8">
      <c r="H306949" s="12"/>
    </row>
    <row r="306950" spans="8:8">
      <c r="H306950" s="12"/>
    </row>
    <row r="306951" spans="8:8">
      <c r="H306951" s="12"/>
    </row>
    <row r="306952" spans="8:8">
      <c r="H306952" s="12"/>
    </row>
    <row r="306953" spans="8:8">
      <c r="H306953" s="12"/>
    </row>
    <row r="306954" spans="8:8">
      <c r="H306954" s="12"/>
    </row>
    <row r="306955" spans="8:8">
      <c r="H306955" s="12"/>
    </row>
    <row r="306956" spans="8:8">
      <c r="H306956" s="12"/>
    </row>
    <row r="306957" spans="8:8">
      <c r="H306957" s="12"/>
    </row>
    <row r="306958" spans="8:8">
      <c r="H306958" s="12"/>
    </row>
    <row r="306959" spans="8:8">
      <c r="H306959" s="12"/>
    </row>
    <row r="306960" spans="8:8">
      <c r="H306960" s="12"/>
    </row>
    <row r="306961" spans="8:8">
      <c r="H306961" s="12"/>
    </row>
    <row r="306962" spans="8:8">
      <c r="H306962" s="12"/>
    </row>
    <row r="306963" spans="8:8">
      <c r="H306963" s="12"/>
    </row>
    <row r="306964" spans="8:8">
      <c r="H306964" s="12"/>
    </row>
    <row r="306965" spans="8:8">
      <c r="H306965" s="12"/>
    </row>
    <row r="306966" spans="8:8">
      <c r="H306966" s="12"/>
    </row>
    <row r="306967" spans="8:8">
      <c r="H306967" s="12"/>
    </row>
    <row r="306968" spans="8:8">
      <c r="H306968" s="12"/>
    </row>
    <row r="306969" spans="8:8">
      <c r="H306969" s="12"/>
    </row>
    <row r="306970" spans="8:8">
      <c r="H306970" s="12"/>
    </row>
    <row r="306971" spans="8:8">
      <c r="H306971" s="12"/>
    </row>
    <row r="306972" spans="8:8">
      <c r="H306972" s="12"/>
    </row>
    <row r="306973" spans="8:8">
      <c r="H306973" s="12"/>
    </row>
    <row r="306974" spans="8:8">
      <c r="H306974" s="12"/>
    </row>
    <row r="306975" spans="8:8">
      <c r="H306975" s="12"/>
    </row>
    <row r="306976" spans="8:8">
      <c r="H306976" s="12"/>
    </row>
    <row r="306977" spans="8:8">
      <c r="H306977" s="12"/>
    </row>
    <row r="306978" spans="8:8">
      <c r="H306978" s="12"/>
    </row>
    <row r="306979" spans="8:8">
      <c r="H306979" s="12"/>
    </row>
    <row r="306980" spans="8:8">
      <c r="H306980" s="12"/>
    </row>
    <row r="306981" spans="8:8">
      <c r="H306981" s="12"/>
    </row>
    <row r="306982" spans="8:8">
      <c r="H306982" s="12"/>
    </row>
    <row r="306983" spans="8:8">
      <c r="H306983" s="12"/>
    </row>
    <row r="306984" spans="8:8">
      <c r="H306984" s="12"/>
    </row>
    <row r="306985" spans="8:8">
      <c r="H306985" s="12"/>
    </row>
    <row r="306986" spans="8:8">
      <c r="H306986" s="12"/>
    </row>
    <row r="306987" spans="8:8">
      <c r="H306987" s="12"/>
    </row>
    <row r="306988" spans="8:8">
      <c r="H306988" s="12"/>
    </row>
    <row r="306989" spans="8:8">
      <c r="H306989" s="12"/>
    </row>
    <row r="306990" spans="8:8">
      <c r="H306990" s="12"/>
    </row>
    <row r="306991" spans="8:8">
      <c r="H306991" s="12"/>
    </row>
    <row r="306992" spans="8:8">
      <c r="H306992" s="12"/>
    </row>
    <row r="306993" spans="8:8">
      <c r="H306993" s="12"/>
    </row>
    <row r="306994" spans="8:8">
      <c r="H306994" s="12"/>
    </row>
    <row r="306995" spans="8:8">
      <c r="H306995" s="12"/>
    </row>
    <row r="306996" spans="8:8">
      <c r="H306996" s="12"/>
    </row>
    <row r="306997" spans="8:8">
      <c r="H306997" s="12"/>
    </row>
    <row r="306998" spans="8:8">
      <c r="H306998" s="12"/>
    </row>
    <row r="306999" spans="8:8">
      <c r="H306999" s="12"/>
    </row>
    <row r="307000" spans="8:8">
      <c r="H307000" s="12"/>
    </row>
    <row r="307001" spans="8:8">
      <c r="H307001" s="12"/>
    </row>
    <row r="307002" spans="8:8">
      <c r="H307002" s="12"/>
    </row>
    <row r="307003" spans="8:8">
      <c r="H307003" s="12"/>
    </row>
    <row r="307004" spans="8:8">
      <c r="H307004" s="12"/>
    </row>
    <row r="307005" spans="8:8">
      <c r="H307005" s="12"/>
    </row>
    <row r="307006" spans="8:8">
      <c r="H307006" s="12"/>
    </row>
    <row r="307007" spans="8:8">
      <c r="H307007" s="12"/>
    </row>
    <row r="307008" spans="8:8">
      <c r="H307008" s="12"/>
    </row>
    <row r="307009" spans="8:8">
      <c r="H307009" s="12"/>
    </row>
    <row r="307010" spans="8:8">
      <c r="H307010" s="12"/>
    </row>
    <row r="307011" spans="8:8">
      <c r="H307011" s="12"/>
    </row>
    <row r="307012" spans="8:8">
      <c r="H307012" s="12"/>
    </row>
    <row r="307013" spans="8:8">
      <c r="H307013" s="12"/>
    </row>
    <row r="307014" spans="8:8">
      <c r="H307014" s="12"/>
    </row>
    <row r="307015" spans="8:8">
      <c r="H307015" s="12"/>
    </row>
    <row r="307016" spans="8:8">
      <c r="H307016" s="12"/>
    </row>
    <row r="307017" spans="8:8">
      <c r="H307017" s="12"/>
    </row>
    <row r="307018" spans="8:8">
      <c r="H307018" s="12"/>
    </row>
    <row r="307019" spans="8:8">
      <c r="H307019" s="12"/>
    </row>
    <row r="307020" spans="8:8">
      <c r="H307020" s="12"/>
    </row>
    <row r="307021" spans="8:8">
      <c r="H307021" s="12"/>
    </row>
    <row r="307022" spans="8:8">
      <c r="H307022" s="12"/>
    </row>
    <row r="307023" spans="8:8">
      <c r="H307023" s="12"/>
    </row>
    <row r="307024" spans="8:8">
      <c r="H307024" s="12"/>
    </row>
    <row r="307025" spans="8:8">
      <c r="H307025" s="12"/>
    </row>
    <row r="307026" spans="8:8">
      <c r="H307026" s="12"/>
    </row>
    <row r="307027" spans="8:8">
      <c r="H307027" s="12"/>
    </row>
    <row r="307028" spans="8:8">
      <c r="H307028" s="12"/>
    </row>
    <row r="307029" spans="8:8">
      <c r="H307029" s="12"/>
    </row>
    <row r="307030" spans="8:8">
      <c r="H307030" s="12"/>
    </row>
    <row r="307031" spans="8:8">
      <c r="H307031" s="12"/>
    </row>
    <row r="307032" spans="8:8">
      <c r="H307032" s="12"/>
    </row>
    <row r="307033" spans="8:8">
      <c r="H307033" s="12"/>
    </row>
    <row r="307034" spans="8:8">
      <c r="H307034" s="12"/>
    </row>
    <row r="307035" spans="8:8">
      <c r="H307035" s="12"/>
    </row>
    <row r="307036" spans="8:8">
      <c r="H307036" s="12"/>
    </row>
    <row r="307037" spans="8:8">
      <c r="H307037" s="12"/>
    </row>
    <row r="307038" spans="8:8">
      <c r="H307038" s="12"/>
    </row>
    <row r="307039" spans="8:8">
      <c r="H307039" s="12"/>
    </row>
    <row r="307040" spans="8:8">
      <c r="H307040" s="12"/>
    </row>
    <row r="307041" spans="8:8">
      <c r="H307041" s="12"/>
    </row>
    <row r="307042" spans="8:8">
      <c r="H307042" s="12"/>
    </row>
    <row r="307043" spans="8:8">
      <c r="H307043" s="12"/>
    </row>
    <row r="307044" spans="8:8">
      <c r="H307044" s="12"/>
    </row>
    <row r="307045" spans="8:8">
      <c r="H307045" s="12"/>
    </row>
    <row r="307046" spans="8:8">
      <c r="H307046" s="12"/>
    </row>
    <row r="307047" spans="8:8">
      <c r="H307047" s="12"/>
    </row>
    <row r="307048" spans="8:8">
      <c r="H307048" s="12"/>
    </row>
    <row r="307049" spans="8:8">
      <c r="H307049" s="12"/>
    </row>
    <row r="307050" spans="8:8">
      <c r="H307050" s="12"/>
    </row>
    <row r="307051" spans="8:8">
      <c r="H307051" s="12"/>
    </row>
    <row r="307052" spans="8:8">
      <c r="H307052" s="12"/>
    </row>
    <row r="307053" spans="8:8">
      <c r="H307053" s="12"/>
    </row>
    <row r="307054" spans="8:8">
      <c r="H307054" s="12"/>
    </row>
    <row r="307055" spans="8:8">
      <c r="H307055" s="12"/>
    </row>
    <row r="307056" spans="8:8">
      <c r="H307056" s="12"/>
    </row>
    <row r="307057" spans="8:8">
      <c r="H307057" s="12"/>
    </row>
    <row r="307058" spans="8:8">
      <c r="H307058" s="12"/>
    </row>
    <row r="307059" spans="8:8">
      <c r="H307059" s="12"/>
    </row>
    <row r="307060" spans="8:8">
      <c r="H307060" s="12"/>
    </row>
    <row r="307061" spans="8:8">
      <c r="H307061" s="12"/>
    </row>
    <row r="307062" spans="8:8">
      <c r="H307062" s="12"/>
    </row>
    <row r="307063" spans="8:8">
      <c r="H307063" s="12"/>
    </row>
    <row r="307064" spans="8:8">
      <c r="H307064" s="12"/>
    </row>
    <row r="307065" spans="8:8">
      <c r="H307065" s="12"/>
    </row>
    <row r="307066" spans="8:8">
      <c r="H307066" s="12"/>
    </row>
    <row r="307067" spans="8:8">
      <c r="H307067" s="12"/>
    </row>
    <row r="307068" spans="8:8">
      <c r="H307068" s="12"/>
    </row>
    <row r="307069" spans="8:8">
      <c r="H307069" s="12"/>
    </row>
    <row r="307070" spans="8:8">
      <c r="H307070" s="12"/>
    </row>
    <row r="307071" spans="8:8">
      <c r="H307071" s="12"/>
    </row>
    <row r="307072" spans="8:8">
      <c r="H307072" s="12"/>
    </row>
    <row r="307073" spans="8:8">
      <c r="H307073" s="12"/>
    </row>
    <row r="307074" spans="8:8">
      <c r="H307074" s="12"/>
    </row>
    <row r="307075" spans="8:8">
      <c r="H307075" s="12"/>
    </row>
    <row r="307076" spans="8:8">
      <c r="H307076" s="12"/>
    </row>
    <row r="307077" spans="8:8">
      <c r="H307077" s="12"/>
    </row>
    <row r="307078" spans="8:8">
      <c r="H307078" s="12"/>
    </row>
    <row r="307079" spans="8:8">
      <c r="H307079" s="12"/>
    </row>
    <row r="307080" spans="8:8">
      <c r="H307080" s="12"/>
    </row>
    <row r="307081" spans="8:8">
      <c r="H307081" s="12"/>
    </row>
    <row r="307082" spans="8:8">
      <c r="H307082" s="12"/>
    </row>
    <row r="307083" spans="8:8">
      <c r="H307083" s="12"/>
    </row>
    <row r="307084" spans="8:8">
      <c r="H307084" s="12"/>
    </row>
    <row r="307085" spans="8:8">
      <c r="H307085" s="12"/>
    </row>
    <row r="307086" spans="8:8">
      <c r="H307086" s="12"/>
    </row>
    <row r="307087" spans="8:8">
      <c r="H307087" s="12"/>
    </row>
    <row r="307088" spans="8:8">
      <c r="H307088" s="12"/>
    </row>
    <row r="307089" spans="8:8">
      <c r="H307089" s="12"/>
    </row>
    <row r="307090" spans="8:8">
      <c r="H307090" s="12"/>
    </row>
    <row r="307091" spans="8:8">
      <c r="H307091" s="12"/>
    </row>
    <row r="307092" spans="8:8">
      <c r="H307092" s="12"/>
    </row>
    <row r="307093" spans="8:8">
      <c r="H307093" s="12"/>
    </row>
    <row r="307094" spans="8:8">
      <c r="H307094" s="12"/>
    </row>
    <row r="307095" spans="8:8">
      <c r="H307095" s="12"/>
    </row>
    <row r="307096" spans="8:8">
      <c r="H307096" s="12"/>
    </row>
    <row r="307097" spans="8:8">
      <c r="H307097" s="12"/>
    </row>
    <row r="307098" spans="8:8">
      <c r="H307098" s="12"/>
    </row>
    <row r="307099" spans="8:8">
      <c r="H307099" s="12"/>
    </row>
    <row r="307100" spans="8:8">
      <c r="H307100" s="12"/>
    </row>
    <row r="307101" spans="8:8">
      <c r="H307101" s="12"/>
    </row>
    <row r="307102" spans="8:8">
      <c r="H307102" s="12"/>
    </row>
    <row r="307103" spans="8:8">
      <c r="H307103" s="12"/>
    </row>
    <row r="307104" spans="8:8">
      <c r="H307104" s="12"/>
    </row>
    <row r="307105" spans="8:8">
      <c r="H307105" s="12"/>
    </row>
    <row r="307106" spans="8:8">
      <c r="H307106" s="12"/>
    </row>
    <row r="307107" spans="8:8">
      <c r="H307107" s="12"/>
    </row>
    <row r="307108" spans="8:8">
      <c r="H307108" s="12"/>
    </row>
    <row r="307109" spans="8:8">
      <c r="H307109" s="12"/>
    </row>
    <row r="307110" spans="8:8">
      <c r="H307110" s="12"/>
    </row>
    <row r="307111" spans="8:8">
      <c r="H307111" s="12"/>
    </row>
    <row r="307112" spans="8:8">
      <c r="H307112" s="12"/>
    </row>
    <row r="307113" spans="8:8">
      <c r="H307113" s="12"/>
    </row>
    <row r="307114" spans="8:8">
      <c r="H307114" s="12"/>
    </row>
    <row r="307115" spans="8:8">
      <c r="H307115" s="12"/>
    </row>
    <row r="307116" spans="8:8">
      <c r="H307116" s="12"/>
    </row>
    <row r="307117" spans="8:8">
      <c r="H307117" s="12"/>
    </row>
    <row r="307118" spans="8:8">
      <c r="H307118" s="12"/>
    </row>
    <row r="307119" spans="8:8">
      <c r="H307119" s="12"/>
    </row>
    <row r="307120" spans="8:8">
      <c r="H307120" s="12"/>
    </row>
    <row r="307121" spans="8:8">
      <c r="H307121" s="12"/>
    </row>
    <row r="307122" spans="8:8">
      <c r="H307122" s="12"/>
    </row>
    <row r="307123" spans="8:8">
      <c r="H307123" s="12"/>
    </row>
    <row r="307124" spans="8:8">
      <c r="H307124" s="12"/>
    </row>
    <row r="307125" spans="8:8">
      <c r="H307125" s="12"/>
    </row>
    <row r="307126" spans="8:8">
      <c r="H307126" s="12"/>
    </row>
    <row r="307127" spans="8:8">
      <c r="H307127" s="12"/>
    </row>
    <row r="307128" spans="8:8">
      <c r="H307128" s="12"/>
    </row>
    <row r="307129" spans="8:8">
      <c r="H307129" s="12"/>
    </row>
    <row r="307130" spans="8:8">
      <c r="H307130" s="12"/>
    </row>
    <row r="307131" spans="8:8">
      <c r="H307131" s="12"/>
    </row>
    <row r="307132" spans="8:8">
      <c r="H307132" s="12"/>
    </row>
    <row r="307133" spans="8:8">
      <c r="H307133" s="12"/>
    </row>
    <row r="307134" spans="8:8">
      <c r="H307134" s="12"/>
    </row>
    <row r="307135" spans="8:8">
      <c r="H307135" s="12"/>
    </row>
    <row r="307136" spans="8:8">
      <c r="H307136" s="12"/>
    </row>
    <row r="307137" spans="8:8">
      <c r="H307137" s="12"/>
    </row>
    <row r="307138" spans="8:8">
      <c r="H307138" s="12"/>
    </row>
    <row r="307139" spans="8:8">
      <c r="H307139" s="12"/>
    </row>
    <row r="307140" spans="8:8">
      <c r="H307140" s="12"/>
    </row>
    <row r="307141" spans="8:8">
      <c r="H307141" s="12"/>
    </row>
    <row r="307142" spans="8:8">
      <c r="H307142" s="12"/>
    </row>
    <row r="307143" spans="8:8">
      <c r="H307143" s="12"/>
    </row>
    <row r="307144" spans="8:8">
      <c r="H307144" s="12"/>
    </row>
    <row r="307145" spans="8:8">
      <c r="H307145" s="12"/>
    </row>
    <row r="307146" spans="8:8">
      <c r="H307146" s="12"/>
    </row>
    <row r="307147" spans="8:8">
      <c r="H307147" s="12"/>
    </row>
    <row r="307148" spans="8:8">
      <c r="H307148" s="12"/>
    </row>
    <row r="307149" spans="8:8">
      <c r="H307149" s="12"/>
    </row>
    <row r="307150" spans="8:8">
      <c r="H307150" s="12"/>
    </row>
    <row r="307151" spans="8:8">
      <c r="H307151" s="12"/>
    </row>
    <row r="307152" spans="8:8">
      <c r="H307152" s="12"/>
    </row>
    <row r="307153" spans="8:8">
      <c r="H307153" s="12"/>
    </row>
    <row r="307154" spans="8:8">
      <c r="H307154" s="12"/>
    </row>
    <row r="307155" spans="8:8">
      <c r="H307155" s="12"/>
    </row>
    <row r="307156" spans="8:8">
      <c r="H307156" s="12"/>
    </row>
    <row r="307157" spans="8:8">
      <c r="H307157" s="12"/>
    </row>
    <row r="307158" spans="8:8">
      <c r="H307158" s="12"/>
    </row>
    <row r="307159" spans="8:8">
      <c r="H307159" s="12"/>
    </row>
    <row r="307160" spans="8:8">
      <c r="H307160" s="12"/>
    </row>
    <row r="307161" spans="8:8">
      <c r="H307161" s="12"/>
    </row>
    <row r="307162" spans="8:8">
      <c r="H307162" s="12"/>
    </row>
    <row r="307163" spans="8:8">
      <c r="H307163" s="12"/>
    </row>
    <row r="307164" spans="8:8">
      <c r="H307164" s="12"/>
    </row>
    <row r="307165" spans="8:8">
      <c r="H307165" s="12"/>
    </row>
    <row r="307166" spans="8:8">
      <c r="H307166" s="12"/>
    </row>
    <row r="307167" spans="8:8">
      <c r="H307167" s="12"/>
    </row>
    <row r="307168" spans="8:8">
      <c r="H307168" s="12"/>
    </row>
    <row r="307169" spans="8:8">
      <c r="H307169" s="12"/>
    </row>
    <row r="307170" spans="8:8">
      <c r="H307170" s="12"/>
    </row>
    <row r="307171" spans="8:8">
      <c r="H307171" s="12"/>
    </row>
    <row r="307172" spans="8:8">
      <c r="H307172" s="12"/>
    </row>
    <row r="307173" spans="8:8">
      <c r="H307173" s="12"/>
    </row>
    <row r="307174" spans="8:8">
      <c r="H307174" s="12"/>
    </row>
    <row r="307175" spans="8:8">
      <c r="H307175" s="12"/>
    </row>
    <row r="307176" spans="8:8">
      <c r="H307176" s="12"/>
    </row>
    <row r="307177" spans="8:8">
      <c r="H307177" s="12"/>
    </row>
    <row r="307178" spans="8:8">
      <c r="H307178" s="12"/>
    </row>
    <row r="307179" spans="8:8">
      <c r="H307179" s="12"/>
    </row>
    <row r="307180" spans="8:8">
      <c r="H307180" s="12"/>
    </row>
    <row r="307181" spans="8:8">
      <c r="H307181" s="12"/>
    </row>
    <row r="307182" spans="8:8">
      <c r="H307182" s="12"/>
    </row>
    <row r="307183" spans="8:8">
      <c r="H307183" s="12"/>
    </row>
    <row r="307184" spans="8:8">
      <c r="H307184" s="12"/>
    </row>
    <row r="307185" spans="8:8">
      <c r="H307185" s="12"/>
    </row>
    <row r="307186" spans="8:8">
      <c r="H307186" s="12"/>
    </row>
    <row r="307187" spans="8:8">
      <c r="H307187" s="12"/>
    </row>
    <row r="307188" spans="8:8">
      <c r="H307188" s="12"/>
    </row>
    <row r="307189" spans="8:8">
      <c r="H307189" s="12"/>
    </row>
    <row r="307190" spans="8:8">
      <c r="H307190" s="12"/>
    </row>
    <row r="307191" spans="8:8">
      <c r="H307191" s="12"/>
    </row>
    <row r="307192" spans="8:8">
      <c r="H307192" s="12"/>
    </row>
    <row r="307193" spans="8:8">
      <c r="H307193" s="12"/>
    </row>
    <row r="307194" spans="8:8">
      <c r="H307194" s="12"/>
    </row>
    <row r="307195" spans="8:8">
      <c r="H307195" s="12"/>
    </row>
    <row r="307196" spans="8:8">
      <c r="H307196" s="12"/>
    </row>
    <row r="307197" spans="8:8">
      <c r="H307197" s="12"/>
    </row>
    <row r="307198" spans="8:8">
      <c r="H307198" s="12"/>
    </row>
    <row r="307199" spans="8:8">
      <c r="H307199" s="12"/>
    </row>
    <row r="307200" spans="8:8">
      <c r="H307200" s="12"/>
    </row>
    <row r="307201" spans="8:8">
      <c r="H307201" s="12"/>
    </row>
    <row r="307202" spans="8:8">
      <c r="H307202" s="12"/>
    </row>
    <row r="307203" spans="8:8">
      <c r="H307203" s="12"/>
    </row>
    <row r="307204" spans="8:8">
      <c r="H307204" s="12"/>
    </row>
    <row r="307205" spans="8:8">
      <c r="H307205" s="12"/>
    </row>
    <row r="307206" spans="8:8">
      <c r="H307206" s="12"/>
    </row>
    <row r="307207" spans="8:8">
      <c r="H307207" s="12"/>
    </row>
    <row r="307208" spans="8:8">
      <c r="H307208" s="12"/>
    </row>
    <row r="307209" spans="8:8">
      <c r="H307209" s="12"/>
    </row>
    <row r="307210" spans="8:8">
      <c r="H307210" s="12"/>
    </row>
    <row r="307211" spans="8:8">
      <c r="H307211" s="12"/>
    </row>
    <row r="307212" spans="8:8">
      <c r="H307212" s="12"/>
    </row>
    <row r="307213" spans="8:8">
      <c r="H307213" s="12"/>
    </row>
    <row r="307214" spans="8:8">
      <c r="H307214" s="12"/>
    </row>
    <row r="307215" spans="8:8">
      <c r="H307215" s="12"/>
    </row>
    <row r="307216" spans="8:8">
      <c r="H307216" s="12"/>
    </row>
    <row r="307217" spans="8:8">
      <c r="H307217" s="12"/>
    </row>
    <row r="307218" spans="8:8">
      <c r="H307218" s="12"/>
    </row>
    <row r="307219" spans="8:8">
      <c r="H307219" s="12"/>
    </row>
    <row r="307220" spans="8:8">
      <c r="H307220" s="12"/>
    </row>
    <row r="307221" spans="8:8">
      <c r="H307221" s="12"/>
    </row>
    <row r="307222" spans="8:8">
      <c r="H307222" s="12"/>
    </row>
    <row r="307223" spans="8:8">
      <c r="H307223" s="12"/>
    </row>
    <row r="307224" spans="8:8">
      <c r="H307224" s="12"/>
    </row>
    <row r="307225" spans="8:8">
      <c r="H307225" s="12"/>
    </row>
    <row r="307226" spans="8:8">
      <c r="H307226" s="12"/>
    </row>
    <row r="307227" spans="8:8">
      <c r="H307227" s="12"/>
    </row>
    <row r="307228" spans="8:8">
      <c r="H307228" s="12"/>
    </row>
    <row r="307229" spans="8:8">
      <c r="H307229" s="12"/>
    </row>
    <row r="307230" spans="8:8">
      <c r="H307230" s="12"/>
    </row>
    <row r="307231" spans="8:8">
      <c r="H307231" s="12"/>
    </row>
    <row r="307232" spans="8:8">
      <c r="H307232" s="12"/>
    </row>
    <row r="307233" spans="8:8">
      <c r="H307233" s="12"/>
    </row>
    <row r="307234" spans="8:8">
      <c r="H307234" s="12"/>
    </row>
    <row r="307235" spans="8:8">
      <c r="H307235" s="12"/>
    </row>
    <row r="307236" spans="8:8">
      <c r="H307236" s="12"/>
    </row>
    <row r="307237" spans="8:8">
      <c r="H307237" s="12"/>
    </row>
    <row r="307238" spans="8:8">
      <c r="H307238" s="12"/>
    </row>
    <row r="307239" spans="8:8">
      <c r="H307239" s="12"/>
    </row>
    <row r="307240" spans="8:8">
      <c r="H307240" s="12"/>
    </row>
    <row r="307241" spans="8:8">
      <c r="H307241" s="12"/>
    </row>
    <row r="307242" spans="8:8">
      <c r="H307242" s="12"/>
    </row>
    <row r="307243" spans="8:8">
      <c r="H307243" s="12"/>
    </row>
    <row r="307244" spans="8:8">
      <c r="H307244" s="12"/>
    </row>
    <row r="307245" spans="8:8">
      <c r="H307245" s="12"/>
    </row>
    <row r="307246" spans="8:8">
      <c r="H307246" s="12"/>
    </row>
    <row r="307247" spans="8:8">
      <c r="H307247" s="12"/>
    </row>
    <row r="307248" spans="8:8">
      <c r="H307248" s="12"/>
    </row>
    <row r="307249" spans="8:8">
      <c r="H307249" s="12"/>
    </row>
    <row r="307250" spans="8:8">
      <c r="H307250" s="12"/>
    </row>
    <row r="307251" spans="8:8">
      <c r="H307251" s="12"/>
    </row>
    <row r="307252" spans="8:8">
      <c r="H307252" s="12"/>
    </row>
    <row r="307253" spans="8:8">
      <c r="H307253" s="12"/>
    </row>
    <row r="307254" spans="8:8">
      <c r="H307254" s="12"/>
    </row>
    <row r="307255" spans="8:8">
      <c r="H307255" s="12"/>
    </row>
    <row r="307256" spans="8:8">
      <c r="H307256" s="12"/>
    </row>
    <row r="307257" spans="8:8">
      <c r="H307257" s="12"/>
    </row>
    <row r="307258" spans="8:8">
      <c r="H307258" s="12"/>
    </row>
    <row r="307259" spans="8:8">
      <c r="H307259" s="12"/>
    </row>
    <row r="307260" spans="8:8">
      <c r="H307260" s="12"/>
    </row>
    <row r="307261" spans="8:8">
      <c r="H307261" s="12"/>
    </row>
    <row r="307262" spans="8:8">
      <c r="H307262" s="12"/>
    </row>
    <row r="307263" spans="8:8">
      <c r="H307263" s="12"/>
    </row>
    <row r="307264" spans="8:8">
      <c r="H307264" s="12"/>
    </row>
    <row r="307265" spans="8:8">
      <c r="H307265" s="12"/>
    </row>
    <row r="307266" spans="8:8">
      <c r="H307266" s="12"/>
    </row>
    <row r="307267" spans="8:8">
      <c r="H307267" s="12"/>
    </row>
    <row r="307268" spans="8:8">
      <c r="H307268" s="12"/>
    </row>
    <row r="307269" spans="8:8">
      <c r="H307269" s="12"/>
    </row>
    <row r="307270" spans="8:8">
      <c r="H307270" s="12"/>
    </row>
    <row r="307271" spans="8:8">
      <c r="H307271" s="12"/>
    </row>
    <row r="307272" spans="8:8">
      <c r="H307272" s="12"/>
    </row>
    <row r="307273" spans="8:8">
      <c r="H307273" s="12"/>
    </row>
    <row r="307274" spans="8:8">
      <c r="H307274" s="12"/>
    </row>
    <row r="307275" spans="8:8">
      <c r="H307275" s="12"/>
    </row>
    <row r="307276" spans="8:8">
      <c r="H307276" s="12"/>
    </row>
    <row r="307277" spans="8:8">
      <c r="H307277" s="12"/>
    </row>
    <row r="307278" spans="8:8">
      <c r="H307278" s="12"/>
    </row>
    <row r="307279" spans="8:8">
      <c r="H307279" s="12"/>
    </row>
    <row r="307280" spans="8:8">
      <c r="H307280" s="12"/>
    </row>
    <row r="307281" spans="8:8">
      <c r="H307281" s="12"/>
    </row>
    <row r="307282" spans="8:8">
      <c r="H307282" s="12"/>
    </row>
    <row r="307283" spans="8:8">
      <c r="H307283" s="12"/>
    </row>
    <row r="307284" spans="8:8">
      <c r="H307284" s="12"/>
    </row>
    <row r="307285" spans="8:8">
      <c r="H307285" s="12"/>
    </row>
    <row r="307286" spans="8:8">
      <c r="H307286" s="12"/>
    </row>
    <row r="307287" spans="8:8">
      <c r="H307287" s="12"/>
    </row>
    <row r="307288" spans="8:8">
      <c r="H307288" s="12"/>
    </row>
    <row r="307289" spans="8:8">
      <c r="H307289" s="12"/>
    </row>
    <row r="307290" spans="8:8">
      <c r="H307290" s="12"/>
    </row>
    <row r="307291" spans="8:8">
      <c r="H307291" s="12"/>
    </row>
    <row r="307292" spans="8:8">
      <c r="H307292" s="12"/>
    </row>
    <row r="307293" spans="8:8">
      <c r="H307293" s="12"/>
    </row>
    <row r="307294" spans="8:8">
      <c r="H307294" s="12"/>
    </row>
    <row r="307295" spans="8:8">
      <c r="H307295" s="12"/>
    </row>
    <row r="307296" spans="8:8">
      <c r="H307296" s="12"/>
    </row>
    <row r="307297" spans="8:8">
      <c r="H307297" s="12"/>
    </row>
    <row r="307298" spans="8:8">
      <c r="H307298" s="12"/>
    </row>
    <row r="307299" spans="8:8">
      <c r="H307299" s="12"/>
    </row>
    <row r="307300" spans="8:8">
      <c r="H307300" s="12"/>
    </row>
    <row r="307301" spans="8:8">
      <c r="H307301" s="12"/>
    </row>
    <row r="307302" spans="8:8">
      <c r="H307302" s="12"/>
    </row>
    <row r="307303" spans="8:8">
      <c r="H307303" s="12"/>
    </row>
    <row r="307304" spans="8:8">
      <c r="H307304" s="12"/>
    </row>
    <row r="307305" spans="8:8">
      <c r="H307305" s="12"/>
    </row>
    <row r="307306" spans="8:8">
      <c r="H307306" s="12"/>
    </row>
    <row r="307307" spans="8:8">
      <c r="H307307" s="12"/>
    </row>
    <row r="307308" spans="8:8">
      <c r="H307308" s="12"/>
    </row>
    <row r="307309" spans="8:8">
      <c r="H307309" s="12"/>
    </row>
    <row r="307310" spans="8:8">
      <c r="H307310" s="12"/>
    </row>
    <row r="307311" spans="8:8">
      <c r="H307311" s="12"/>
    </row>
    <row r="307312" spans="8:8">
      <c r="H307312" s="12"/>
    </row>
    <row r="307313" spans="8:8">
      <c r="H307313" s="12"/>
    </row>
    <row r="307314" spans="8:8">
      <c r="H307314" s="12"/>
    </row>
    <row r="307315" spans="8:8">
      <c r="H307315" s="12"/>
    </row>
    <row r="307316" spans="8:8">
      <c r="H307316" s="12"/>
    </row>
    <row r="307317" spans="8:8">
      <c r="H307317" s="12"/>
    </row>
    <row r="307318" spans="8:8">
      <c r="H307318" s="12"/>
    </row>
    <row r="307319" spans="8:8">
      <c r="H307319" s="12"/>
    </row>
    <row r="307320" spans="8:8">
      <c r="H307320" s="12"/>
    </row>
    <row r="307321" spans="8:8">
      <c r="H307321" s="12"/>
    </row>
    <row r="307322" spans="8:8">
      <c r="H307322" s="12"/>
    </row>
    <row r="307323" spans="8:8">
      <c r="H307323" s="12"/>
    </row>
    <row r="307324" spans="8:8">
      <c r="H307324" s="12"/>
    </row>
    <row r="307325" spans="8:8">
      <c r="H307325" s="12"/>
    </row>
    <row r="307326" spans="8:8">
      <c r="H307326" s="12"/>
    </row>
    <row r="307327" spans="8:8">
      <c r="H307327" s="12"/>
    </row>
    <row r="307328" spans="8:8">
      <c r="H307328" s="12"/>
    </row>
    <row r="307329" spans="8:8">
      <c r="H307329" s="12"/>
    </row>
    <row r="307330" spans="8:8">
      <c r="H307330" s="12"/>
    </row>
    <row r="307331" spans="8:8">
      <c r="H307331" s="12"/>
    </row>
    <row r="307332" spans="8:8">
      <c r="H307332" s="12"/>
    </row>
    <row r="307333" spans="8:8">
      <c r="H307333" s="12"/>
    </row>
    <row r="307334" spans="8:8">
      <c r="H307334" s="12"/>
    </row>
    <row r="307335" spans="8:8">
      <c r="H307335" s="12"/>
    </row>
    <row r="307336" spans="8:8">
      <c r="H307336" s="12"/>
    </row>
    <row r="307337" spans="8:8">
      <c r="H307337" s="12"/>
    </row>
    <row r="307338" spans="8:8">
      <c r="H307338" s="12"/>
    </row>
    <row r="307339" spans="8:8">
      <c r="H307339" s="12"/>
    </row>
    <row r="307340" spans="8:8">
      <c r="H307340" s="12"/>
    </row>
    <row r="307341" spans="8:8">
      <c r="H307341" s="12"/>
    </row>
    <row r="307342" spans="8:8">
      <c r="H307342" s="12"/>
    </row>
    <row r="307343" spans="8:8">
      <c r="H307343" s="12"/>
    </row>
    <row r="307344" spans="8:8">
      <c r="H307344" s="12"/>
    </row>
    <row r="307345" spans="8:8">
      <c r="H307345" s="12"/>
    </row>
    <row r="307346" spans="8:8">
      <c r="H307346" s="12"/>
    </row>
    <row r="307347" spans="8:8">
      <c r="H307347" s="12"/>
    </row>
    <row r="307348" spans="8:8">
      <c r="H307348" s="12"/>
    </row>
    <row r="307349" spans="8:8">
      <c r="H307349" s="12"/>
    </row>
    <row r="307350" spans="8:8">
      <c r="H307350" s="12"/>
    </row>
    <row r="307351" spans="8:8">
      <c r="H307351" s="12"/>
    </row>
    <row r="307352" spans="8:8">
      <c r="H307352" s="12"/>
    </row>
    <row r="307353" spans="8:8">
      <c r="H307353" s="12"/>
    </row>
    <row r="307354" spans="8:8">
      <c r="H307354" s="12"/>
    </row>
    <row r="307355" spans="8:8">
      <c r="H307355" s="12"/>
    </row>
    <row r="307356" spans="8:8">
      <c r="H307356" s="12"/>
    </row>
    <row r="307357" spans="8:8">
      <c r="H307357" s="12"/>
    </row>
    <row r="307358" spans="8:8">
      <c r="H307358" s="12"/>
    </row>
    <row r="307359" spans="8:8">
      <c r="H307359" s="12"/>
    </row>
    <row r="307360" spans="8:8">
      <c r="H307360" s="12"/>
    </row>
    <row r="307361" spans="8:8">
      <c r="H307361" s="12"/>
    </row>
    <row r="307362" spans="8:8">
      <c r="H307362" s="12"/>
    </row>
    <row r="307363" spans="8:8">
      <c r="H307363" s="12"/>
    </row>
    <row r="307364" spans="8:8">
      <c r="H307364" s="12"/>
    </row>
    <row r="307365" spans="8:8">
      <c r="H307365" s="12"/>
    </row>
    <row r="307366" spans="8:8">
      <c r="H307366" s="12"/>
    </row>
    <row r="307367" spans="8:8">
      <c r="H307367" s="12"/>
    </row>
    <row r="307368" spans="8:8">
      <c r="H307368" s="12"/>
    </row>
    <row r="307369" spans="8:8">
      <c r="H307369" s="12"/>
    </row>
    <row r="307370" spans="8:8">
      <c r="H307370" s="12"/>
    </row>
    <row r="307371" spans="8:8">
      <c r="H307371" s="12"/>
    </row>
    <row r="307372" spans="8:8">
      <c r="H307372" s="12"/>
    </row>
    <row r="307373" spans="8:8">
      <c r="H307373" s="12"/>
    </row>
    <row r="307374" spans="8:8">
      <c r="H307374" s="12"/>
    </row>
    <row r="307375" spans="8:8">
      <c r="H307375" s="12"/>
    </row>
    <row r="307376" spans="8:8">
      <c r="H307376" s="12"/>
    </row>
    <row r="307377" spans="8:8">
      <c r="H307377" s="12"/>
    </row>
    <row r="307378" spans="8:8">
      <c r="H307378" s="12"/>
    </row>
    <row r="307379" spans="8:8">
      <c r="H307379" s="12"/>
    </row>
    <row r="307380" spans="8:8">
      <c r="H307380" s="12"/>
    </row>
    <row r="307381" spans="8:8">
      <c r="H307381" s="12"/>
    </row>
    <row r="307382" spans="8:8">
      <c r="H307382" s="12"/>
    </row>
    <row r="307383" spans="8:8">
      <c r="H307383" s="12"/>
    </row>
    <row r="307384" spans="8:8">
      <c r="H307384" s="12"/>
    </row>
    <row r="307385" spans="8:8">
      <c r="H307385" s="12"/>
    </row>
    <row r="307386" spans="8:8">
      <c r="H307386" s="12"/>
    </row>
    <row r="307387" spans="8:8">
      <c r="H307387" s="12"/>
    </row>
    <row r="307388" spans="8:8">
      <c r="H307388" s="12"/>
    </row>
    <row r="307389" spans="8:8">
      <c r="H307389" s="12"/>
    </row>
    <row r="307390" spans="8:8">
      <c r="H307390" s="12"/>
    </row>
    <row r="307391" spans="8:8">
      <c r="H307391" s="12"/>
    </row>
    <row r="307392" spans="8:8">
      <c r="H307392" s="12"/>
    </row>
    <row r="307393" spans="8:8">
      <c r="H307393" s="12"/>
    </row>
    <row r="307394" spans="8:8">
      <c r="H307394" s="12"/>
    </row>
    <row r="307395" spans="8:8">
      <c r="H307395" s="12"/>
    </row>
    <row r="307396" spans="8:8">
      <c r="H307396" s="12"/>
    </row>
    <row r="307397" spans="8:8">
      <c r="H307397" s="12"/>
    </row>
    <row r="307398" spans="8:8">
      <c r="H307398" s="12"/>
    </row>
    <row r="307399" spans="8:8">
      <c r="H307399" s="12"/>
    </row>
    <row r="307400" spans="8:8">
      <c r="H307400" s="12"/>
    </row>
    <row r="307401" spans="8:8">
      <c r="H307401" s="12"/>
    </row>
    <row r="307402" spans="8:8">
      <c r="H307402" s="12"/>
    </row>
    <row r="307403" spans="8:8">
      <c r="H307403" s="12"/>
    </row>
    <row r="307404" spans="8:8">
      <c r="H307404" s="12"/>
    </row>
    <row r="307405" spans="8:8">
      <c r="H307405" s="12"/>
    </row>
    <row r="307406" spans="8:8">
      <c r="H307406" s="12"/>
    </row>
    <row r="307407" spans="8:8">
      <c r="H307407" s="12"/>
    </row>
    <row r="307408" spans="8:8">
      <c r="H307408" s="12"/>
    </row>
    <row r="307409" spans="8:8">
      <c r="H307409" s="12"/>
    </row>
    <row r="307410" spans="8:8">
      <c r="H307410" s="12"/>
    </row>
    <row r="307411" spans="8:8">
      <c r="H307411" s="12"/>
    </row>
    <row r="307412" spans="8:8">
      <c r="H307412" s="12"/>
    </row>
    <row r="307413" spans="8:8">
      <c r="H307413" s="12"/>
    </row>
    <row r="307414" spans="8:8">
      <c r="H307414" s="12"/>
    </row>
    <row r="307415" spans="8:8">
      <c r="H307415" s="12"/>
    </row>
    <row r="307416" spans="8:8">
      <c r="H307416" s="12"/>
    </row>
    <row r="307417" spans="8:8">
      <c r="H307417" s="12"/>
    </row>
    <row r="307418" spans="8:8">
      <c r="H307418" s="12"/>
    </row>
    <row r="307419" spans="8:8">
      <c r="H307419" s="12"/>
    </row>
    <row r="307420" spans="8:8">
      <c r="H307420" s="12"/>
    </row>
    <row r="307421" spans="8:8">
      <c r="H307421" s="12"/>
    </row>
    <row r="307422" spans="8:8">
      <c r="H307422" s="12"/>
    </row>
    <row r="307423" spans="8:8">
      <c r="H307423" s="12"/>
    </row>
    <row r="307424" spans="8:8">
      <c r="H307424" s="12"/>
    </row>
    <row r="307425" spans="8:8">
      <c r="H307425" s="12"/>
    </row>
    <row r="307426" spans="8:8">
      <c r="H307426" s="12"/>
    </row>
    <row r="307427" spans="8:8">
      <c r="H307427" s="12"/>
    </row>
    <row r="307428" spans="8:8">
      <c r="H307428" s="12"/>
    </row>
    <row r="307429" spans="8:8">
      <c r="H307429" s="12"/>
    </row>
    <row r="307430" spans="8:8">
      <c r="H307430" s="12"/>
    </row>
    <row r="307431" spans="8:8">
      <c r="H307431" s="12"/>
    </row>
    <row r="307432" spans="8:8">
      <c r="H307432" s="12"/>
    </row>
    <row r="307433" spans="8:8">
      <c r="H307433" s="12"/>
    </row>
    <row r="307434" spans="8:8">
      <c r="H307434" s="12"/>
    </row>
    <row r="307435" spans="8:8">
      <c r="H307435" s="12"/>
    </row>
    <row r="307436" spans="8:8">
      <c r="H307436" s="12"/>
    </row>
    <row r="307437" spans="8:8">
      <c r="H307437" s="12"/>
    </row>
    <row r="307438" spans="8:8">
      <c r="H307438" s="12"/>
    </row>
    <row r="307439" spans="8:8">
      <c r="H307439" s="12"/>
    </row>
    <row r="307440" spans="8:8">
      <c r="H307440" s="12"/>
    </row>
    <row r="307441" spans="8:8">
      <c r="H307441" s="12"/>
    </row>
    <row r="307442" spans="8:8">
      <c r="H307442" s="12"/>
    </row>
    <row r="307443" spans="8:8">
      <c r="H307443" s="12"/>
    </row>
    <row r="307444" spans="8:8">
      <c r="H307444" s="12"/>
    </row>
    <row r="307445" spans="8:8">
      <c r="H307445" s="12"/>
    </row>
    <row r="307446" spans="8:8">
      <c r="H307446" s="12"/>
    </row>
    <row r="307447" spans="8:8">
      <c r="H307447" s="12"/>
    </row>
    <row r="307448" spans="8:8">
      <c r="H307448" s="12"/>
    </row>
    <row r="307449" spans="8:8">
      <c r="H307449" s="12"/>
    </row>
    <row r="307450" spans="8:8">
      <c r="H307450" s="12"/>
    </row>
    <row r="307451" spans="8:8">
      <c r="H307451" s="12"/>
    </row>
    <row r="307452" spans="8:8">
      <c r="H307452" s="12"/>
    </row>
    <row r="307453" spans="8:8">
      <c r="H307453" s="12"/>
    </row>
    <row r="307454" spans="8:8">
      <c r="H307454" s="12"/>
    </row>
    <row r="307455" spans="8:8">
      <c r="H307455" s="12"/>
    </row>
    <row r="307456" spans="8:8">
      <c r="H307456" s="12"/>
    </row>
    <row r="307457" spans="8:8">
      <c r="H307457" s="12"/>
    </row>
    <row r="307458" spans="8:8">
      <c r="H307458" s="12"/>
    </row>
    <row r="307459" spans="8:8">
      <c r="H307459" s="12"/>
    </row>
    <row r="307460" spans="8:8">
      <c r="H307460" s="12"/>
    </row>
    <row r="307461" spans="8:8">
      <c r="H307461" s="12"/>
    </row>
    <row r="307462" spans="8:8">
      <c r="H307462" s="12"/>
    </row>
    <row r="307463" spans="8:8">
      <c r="H307463" s="12"/>
    </row>
    <row r="307464" spans="8:8">
      <c r="H307464" s="12"/>
    </row>
    <row r="307465" spans="8:8">
      <c r="H307465" s="12"/>
    </row>
    <row r="307466" spans="8:8">
      <c r="H307466" s="12"/>
    </row>
    <row r="307467" spans="8:8">
      <c r="H307467" s="12"/>
    </row>
    <row r="307468" spans="8:8">
      <c r="H307468" s="12"/>
    </row>
    <row r="307469" spans="8:8">
      <c r="H307469" s="12"/>
    </row>
    <row r="307470" spans="8:8">
      <c r="H307470" s="12"/>
    </row>
    <row r="307471" spans="8:8">
      <c r="H307471" s="12"/>
    </row>
    <row r="307472" spans="8:8">
      <c r="H307472" s="12"/>
    </row>
    <row r="307473" spans="8:8">
      <c r="H307473" s="12"/>
    </row>
    <row r="307474" spans="8:8">
      <c r="H307474" s="12"/>
    </row>
    <row r="307475" spans="8:8">
      <c r="H307475" s="12"/>
    </row>
    <row r="307476" spans="8:8">
      <c r="H307476" s="12"/>
    </row>
    <row r="307477" spans="8:8">
      <c r="H307477" s="12"/>
    </row>
    <row r="307478" spans="8:8">
      <c r="H307478" s="12"/>
    </row>
    <row r="307479" spans="8:8">
      <c r="H307479" s="12"/>
    </row>
    <row r="307480" spans="8:8">
      <c r="H307480" s="12"/>
    </row>
    <row r="307481" spans="8:8">
      <c r="H307481" s="12"/>
    </row>
    <row r="307482" spans="8:8">
      <c r="H307482" s="12"/>
    </row>
    <row r="307483" spans="8:8">
      <c r="H307483" s="12"/>
    </row>
    <row r="307484" spans="8:8">
      <c r="H307484" s="12"/>
    </row>
    <row r="307485" spans="8:8">
      <c r="H307485" s="12"/>
    </row>
    <row r="307486" spans="8:8">
      <c r="H307486" s="12"/>
    </row>
    <row r="307487" spans="8:8">
      <c r="H307487" s="12"/>
    </row>
    <row r="307488" spans="8:8">
      <c r="H307488" s="12"/>
    </row>
    <row r="307489" spans="8:8">
      <c r="H307489" s="12"/>
    </row>
    <row r="307490" spans="8:8">
      <c r="H307490" s="12"/>
    </row>
    <row r="307491" spans="8:8">
      <c r="H307491" s="12"/>
    </row>
    <row r="307492" spans="8:8">
      <c r="H307492" s="12"/>
    </row>
    <row r="307493" spans="8:8">
      <c r="H307493" s="12"/>
    </row>
    <row r="307494" spans="8:8">
      <c r="H307494" s="12"/>
    </row>
    <row r="307495" spans="8:8">
      <c r="H307495" s="12"/>
    </row>
    <row r="307496" spans="8:8">
      <c r="H307496" s="12"/>
    </row>
    <row r="307497" spans="8:8">
      <c r="H307497" s="12"/>
    </row>
    <row r="307498" spans="8:8">
      <c r="H307498" s="12"/>
    </row>
    <row r="307499" spans="8:8">
      <c r="H307499" s="12"/>
    </row>
    <row r="307500" spans="8:8">
      <c r="H307500" s="12"/>
    </row>
    <row r="307501" spans="8:8">
      <c r="H307501" s="12"/>
    </row>
    <row r="307502" spans="8:8">
      <c r="H307502" s="12"/>
    </row>
    <row r="307503" spans="8:8">
      <c r="H307503" s="12"/>
    </row>
    <row r="307504" spans="8:8">
      <c r="H307504" s="12"/>
    </row>
    <row r="307505" spans="8:8">
      <c r="H307505" s="12"/>
    </row>
    <row r="307506" spans="8:8">
      <c r="H307506" s="12"/>
    </row>
    <row r="307507" spans="8:8">
      <c r="H307507" s="12"/>
    </row>
    <row r="307508" spans="8:8">
      <c r="H307508" s="12"/>
    </row>
    <row r="307509" spans="8:8">
      <c r="H307509" s="12"/>
    </row>
    <row r="307510" spans="8:8">
      <c r="H307510" s="12"/>
    </row>
    <row r="307511" spans="8:8">
      <c r="H307511" s="12"/>
    </row>
    <row r="307512" spans="8:8">
      <c r="H307512" s="12"/>
    </row>
    <row r="307513" spans="8:8">
      <c r="H307513" s="12"/>
    </row>
    <row r="307514" spans="8:8">
      <c r="H307514" s="12"/>
    </row>
    <row r="307515" spans="8:8">
      <c r="H307515" s="12"/>
    </row>
    <row r="307516" spans="8:8">
      <c r="H307516" s="12"/>
    </row>
    <row r="307517" spans="8:8">
      <c r="H307517" s="12"/>
    </row>
    <row r="307518" spans="8:8">
      <c r="H307518" s="12"/>
    </row>
    <row r="307519" spans="8:8">
      <c r="H307519" s="12"/>
    </row>
    <row r="307520" spans="8:8">
      <c r="H307520" s="12"/>
    </row>
    <row r="307521" spans="8:8">
      <c r="H307521" s="12"/>
    </row>
    <row r="307522" spans="8:8">
      <c r="H307522" s="12"/>
    </row>
    <row r="307523" spans="8:8">
      <c r="H307523" s="12"/>
    </row>
    <row r="307524" spans="8:8">
      <c r="H307524" s="12"/>
    </row>
    <row r="307525" spans="8:8">
      <c r="H307525" s="12"/>
    </row>
    <row r="307526" spans="8:8">
      <c r="H307526" s="12"/>
    </row>
    <row r="307527" spans="8:8">
      <c r="H307527" s="12"/>
    </row>
    <row r="307528" spans="8:8">
      <c r="H307528" s="12"/>
    </row>
    <row r="307529" spans="8:8">
      <c r="H307529" s="12"/>
    </row>
    <row r="307530" spans="8:8">
      <c r="H307530" s="12"/>
    </row>
    <row r="307531" spans="8:8">
      <c r="H307531" s="12"/>
    </row>
    <row r="307532" spans="8:8">
      <c r="H307532" s="12"/>
    </row>
    <row r="307533" spans="8:8">
      <c r="H307533" s="12"/>
    </row>
    <row r="307534" spans="8:8">
      <c r="H307534" s="12"/>
    </row>
    <row r="307535" spans="8:8">
      <c r="H307535" s="12"/>
    </row>
    <row r="307536" spans="8:8">
      <c r="H307536" s="12"/>
    </row>
    <row r="307537" spans="8:8">
      <c r="H307537" s="12"/>
    </row>
    <row r="307538" spans="8:8">
      <c r="H307538" s="12"/>
    </row>
    <row r="307539" spans="8:8">
      <c r="H307539" s="12"/>
    </row>
    <row r="307540" spans="8:8">
      <c r="H307540" s="12"/>
    </row>
    <row r="307541" spans="8:8">
      <c r="H307541" s="12"/>
    </row>
    <row r="307542" spans="8:8">
      <c r="H307542" s="12"/>
    </row>
    <row r="307543" spans="8:8">
      <c r="H307543" s="12"/>
    </row>
    <row r="307544" spans="8:8">
      <c r="H307544" s="12"/>
    </row>
    <row r="307545" spans="8:8">
      <c r="H307545" s="12"/>
    </row>
    <row r="307546" spans="8:8">
      <c r="H307546" s="12"/>
    </row>
    <row r="307547" spans="8:8">
      <c r="H307547" s="12"/>
    </row>
    <row r="307548" spans="8:8">
      <c r="H307548" s="12"/>
    </row>
    <row r="307549" spans="8:8">
      <c r="H307549" s="12"/>
    </row>
    <row r="307550" spans="8:8">
      <c r="H307550" s="12"/>
    </row>
    <row r="307551" spans="8:8">
      <c r="H307551" s="12"/>
    </row>
    <row r="307552" spans="8:8">
      <c r="H307552" s="12"/>
    </row>
    <row r="307553" spans="8:8">
      <c r="H307553" s="12"/>
    </row>
    <row r="307554" spans="8:8">
      <c r="H307554" s="12"/>
    </row>
    <row r="307555" spans="8:8">
      <c r="H307555" s="12"/>
    </row>
    <row r="307556" spans="8:8">
      <c r="H307556" s="12"/>
    </row>
    <row r="307557" spans="8:8">
      <c r="H307557" s="12"/>
    </row>
    <row r="307558" spans="8:8">
      <c r="H307558" s="12"/>
    </row>
    <row r="307559" spans="8:8">
      <c r="H307559" s="12"/>
    </row>
    <row r="307560" spans="8:8">
      <c r="H307560" s="12"/>
    </row>
    <row r="307561" spans="8:8">
      <c r="H307561" s="12"/>
    </row>
    <row r="307562" spans="8:8">
      <c r="H307562" s="12"/>
    </row>
    <row r="307563" spans="8:8">
      <c r="H307563" s="12"/>
    </row>
    <row r="307564" spans="8:8">
      <c r="H307564" s="12"/>
    </row>
    <row r="307565" spans="8:8">
      <c r="H307565" s="12"/>
    </row>
    <row r="307566" spans="8:8">
      <c r="H307566" s="12"/>
    </row>
    <row r="307567" spans="8:8">
      <c r="H307567" s="12"/>
    </row>
    <row r="307568" spans="8:8">
      <c r="H307568" s="12"/>
    </row>
    <row r="307569" spans="8:8">
      <c r="H307569" s="12"/>
    </row>
    <row r="307570" spans="8:8">
      <c r="H307570" s="12"/>
    </row>
    <row r="307571" spans="8:8">
      <c r="H307571" s="12"/>
    </row>
    <row r="307572" spans="8:8">
      <c r="H307572" s="12"/>
    </row>
    <row r="307573" spans="8:8">
      <c r="H307573" s="12"/>
    </row>
    <row r="307574" spans="8:8">
      <c r="H307574" s="12"/>
    </row>
    <row r="307575" spans="8:8">
      <c r="H307575" s="12"/>
    </row>
    <row r="307576" spans="8:8">
      <c r="H307576" s="12"/>
    </row>
    <row r="307577" spans="8:8">
      <c r="H307577" s="12"/>
    </row>
    <row r="307578" spans="8:8">
      <c r="H307578" s="12"/>
    </row>
    <row r="307579" spans="8:8">
      <c r="H307579" s="12"/>
    </row>
    <row r="307580" spans="8:8">
      <c r="H307580" s="12"/>
    </row>
    <row r="307581" spans="8:8">
      <c r="H307581" s="12"/>
    </row>
    <row r="307582" spans="8:8">
      <c r="H307582" s="12"/>
    </row>
    <row r="307583" spans="8:8">
      <c r="H307583" s="12"/>
    </row>
    <row r="307584" spans="8:8">
      <c r="H307584" s="12"/>
    </row>
    <row r="307585" spans="8:8">
      <c r="H307585" s="12"/>
    </row>
    <row r="307586" spans="8:8">
      <c r="H307586" s="12"/>
    </row>
    <row r="307587" spans="8:8">
      <c r="H307587" s="12"/>
    </row>
    <row r="307588" spans="8:8">
      <c r="H307588" s="12"/>
    </row>
    <row r="307589" spans="8:8">
      <c r="H307589" s="12"/>
    </row>
    <row r="307590" spans="8:8">
      <c r="H307590" s="12"/>
    </row>
    <row r="307591" spans="8:8">
      <c r="H307591" s="12"/>
    </row>
    <row r="307592" spans="8:8">
      <c r="H307592" s="12"/>
    </row>
    <row r="307593" spans="8:8">
      <c r="H307593" s="12"/>
    </row>
    <row r="307594" spans="8:8">
      <c r="H307594" s="12"/>
    </row>
    <row r="307595" spans="8:8">
      <c r="H307595" s="12"/>
    </row>
    <row r="307596" spans="8:8">
      <c r="H307596" s="12"/>
    </row>
    <row r="307597" spans="8:8">
      <c r="H307597" s="12"/>
    </row>
    <row r="307598" spans="8:8">
      <c r="H307598" s="12"/>
    </row>
    <row r="307599" spans="8:8">
      <c r="H307599" s="12"/>
    </row>
    <row r="307600" spans="8:8">
      <c r="H307600" s="12"/>
    </row>
    <row r="307601" spans="8:8">
      <c r="H307601" s="12"/>
    </row>
    <row r="307602" spans="8:8">
      <c r="H307602" s="12"/>
    </row>
    <row r="307603" spans="8:8">
      <c r="H307603" s="12"/>
    </row>
    <row r="307604" spans="8:8">
      <c r="H307604" s="12"/>
    </row>
    <row r="307605" spans="8:8">
      <c r="H307605" s="12"/>
    </row>
    <row r="307606" spans="8:8">
      <c r="H307606" s="12"/>
    </row>
    <row r="307607" spans="8:8">
      <c r="H307607" s="12"/>
    </row>
    <row r="307608" spans="8:8">
      <c r="H307608" s="12"/>
    </row>
    <row r="307609" spans="8:8">
      <c r="H307609" s="12"/>
    </row>
    <row r="307610" spans="8:8">
      <c r="H307610" s="12"/>
    </row>
    <row r="307611" spans="8:8">
      <c r="H307611" s="12"/>
    </row>
    <row r="307612" spans="8:8">
      <c r="H307612" s="12"/>
    </row>
    <row r="307613" spans="8:8">
      <c r="H307613" s="12"/>
    </row>
    <row r="307614" spans="8:8">
      <c r="H307614" s="12"/>
    </row>
    <row r="307615" spans="8:8">
      <c r="H307615" s="12"/>
    </row>
    <row r="307616" spans="8:8">
      <c r="H307616" s="12"/>
    </row>
    <row r="307617" spans="8:8">
      <c r="H307617" s="12"/>
    </row>
    <row r="307618" spans="8:8">
      <c r="H307618" s="12"/>
    </row>
    <row r="307619" spans="8:8">
      <c r="H307619" s="12"/>
    </row>
    <row r="307620" spans="8:8">
      <c r="H307620" s="12"/>
    </row>
    <row r="307621" spans="8:8">
      <c r="H307621" s="12"/>
    </row>
    <row r="307622" spans="8:8">
      <c r="H307622" s="12"/>
    </row>
    <row r="307623" spans="8:8">
      <c r="H307623" s="12"/>
    </row>
    <row r="307624" spans="8:8">
      <c r="H307624" s="12"/>
    </row>
    <row r="307625" spans="8:8">
      <c r="H307625" s="12"/>
    </row>
    <row r="307626" spans="8:8">
      <c r="H307626" s="12"/>
    </row>
    <row r="307627" spans="8:8">
      <c r="H307627" s="12"/>
    </row>
    <row r="307628" spans="8:8">
      <c r="H307628" s="12"/>
    </row>
    <row r="307629" spans="8:8">
      <c r="H307629" s="12"/>
    </row>
    <row r="307630" spans="8:8">
      <c r="H307630" s="12"/>
    </row>
    <row r="307631" spans="8:8">
      <c r="H307631" s="12"/>
    </row>
    <row r="307632" spans="8:8">
      <c r="H307632" s="12"/>
    </row>
    <row r="307633" spans="8:8">
      <c r="H307633" s="12"/>
    </row>
    <row r="307634" spans="8:8">
      <c r="H307634" s="12"/>
    </row>
    <row r="307635" spans="8:8">
      <c r="H307635" s="12"/>
    </row>
    <row r="307636" spans="8:8">
      <c r="H307636" s="12"/>
    </row>
    <row r="307637" spans="8:8">
      <c r="H307637" s="12"/>
    </row>
    <row r="307638" spans="8:8">
      <c r="H307638" s="12"/>
    </row>
    <row r="307639" spans="8:8">
      <c r="H307639" s="12"/>
    </row>
    <row r="307640" spans="8:8">
      <c r="H307640" s="12"/>
    </row>
    <row r="307641" spans="8:8">
      <c r="H307641" s="12"/>
    </row>
    <row r="307642" spans="8:8">
      <c r="H307642" s="12"/>
    </row>
    <row r="307643" spans="8:8">
      <c r="H307643" s="12"/>
    </row>
    <row r="307644" spans="8:8">
      <c r="H307644" s="12"/>
    </row>
    <row r="307645" spans="8:8">
      <c r="H307645" s="12"/>
    </row>
    <row r="307646" spans="8:8">
      <c r="H307646" s="12"/>
    </row>
    <row r="307647" spans="8:8">
      <c r="H307647" s="12"/>
    </row>
    <row r="307648" spans="8:8">
      <c r="H307648" s="12"/>
    </row>
    <row r="307649" spans="8:8">
      <c r="H307649" s="12"/>
    </row>
    <row r="307650" spans="8:8">
      <c r="H307650" s="12"/>
    </row>
    <row r="307651" spans="8:8">
      <c r="H307651" s="12"/>
    </row>
    <row r="307652" spans="8:8">
      <c r="H307652" s="12"/>
    </row>
    <row r="307653" spans="8:8">
      <c r="H307653" s="12"/>
    </row>
    <row r="307654" spans="8:8">
      <c r="H307654" s="12"/>
    </row>
    <row r="307655" spans="8:8">
      <c r="H307655" s="12"/>
    </row>
    <row r="307656" spans="8:8">
      <c r="H307656" s="12"/>
    </row>
    <row r="307657" spans="8:8">
      <c r="H307657" s="12"/>
    </row>
    <row r="307658" spans="8:8">
      <c r="H307658" s="12"/>
    </row>
    <row r="307659" spans="8:8">
      <c r="H307659" s="12"/>
    </row>
    <row r="307660" spans="8:8">
      <c r="H307660" s="12"/>
    </row>
    <row r="307661" spans="8:8">
      <c r="H307661" s="12"/>
    </row>
    <row r="307662" spans="8:8">
      <c r="H307662" s="12"/>
    </row>
    <row r="307663" spans="8:8">
      <c r="H307663" s="12"/>
    </row>
    <row r="307664" spans="8:8">
      <c r="H307664" s="12"/>
    </row>
    <row r="307665" spans="8:8">
      <c r="H307665" s="12"/>
    </row>
    <row r="307666" spans="8:8">
      <c r="H307666" s="12"/>
    </row>
    <row r="307667" spans="8:8">
      <c r="H307667" s="12"/>
    </row>
    <row r="307668" spans="8:8">
      <c r="H307668" s="12"/>
    </row>
    <row r="307669" spans="8:8">
      <c r="H307669" s="12"/>
    </row>
    <row r="307670" spans="8:8">
      <c r="H307670" s="12"/>
    </row>
    <row r="307671" spans="8:8">
      <c r="H307671" s="12"/>
    </row>
    <row r="307672" spans="8:8">
      <c r="H307672" s="12"/>
    </row>
    <row r="307673" spans="8:8">
      <c r="H307673" s="12"/>
    </row>
    <row r="307674" spans="8:8">
      <c r="H307674" s="12"/>
    </row>
    <row r="307675" spans="8:8">
      <c r="H307675" s="12"/>
    </row>
    <row r="307676" spans="8:8">
      <c r="H307676" s="12"/>
    </row>
    <row r="307677" spans="8:8">
      <c r="H307677" s="12"/>
    </row>
    <row r="307678" spans="8:8">
      <c r="H307678" s="12"/>
    </row>
    <row r="307679" spans="8:8">
      <c r="H307679" s="12"/>
    </row>
    <row r="307680" spans="8:8">
      <c r="H307680" s="12"/>
    </row>
    <row r="307681" spans="8:8">
      <c r="H307681" s="12"/>
    </row>
    <row r="307682" spans="8:8">
      <c r="H307682" s="12"/>
    </row>
    <row r="307683" spans="8:8">
      <c r="H307683" s="12"/>
    </row>
    <row r="307684" spans="8:8">
      <c r="H307684" s="12"/>
    </row>
    <row r="307685" spans="8:8">
      <c r="H307685" s="12"/>
    </row>
    <row r="307686" spans="8:8">
      <c r="H307686" s="12"/>
    </row>
    <row r="307687" spans="8:8">
      <c r="H307687" s="12"/>
    </row>
    <row r="307688" spans="8:8">
      <c r="H307688" s="12"/>
    </row>
    <row r="307689" spans="8:8">
      <c r="H307689" s="12"/>
    </row>
    <row r="307690" spans="8:8">
      <c r="H307690" s="12"/>
    </row>
    <row r="307691" spans="8:8">
      <c r="H307691" s="12"/>
    </row>
    <row r="307692" spans="8:8">
      <c r="H307692" s="12"/>
    </row>
    <row r="307693" spans="8:8">
      <c r="H307693" s="12"/>
    </row>
    <row r="307694" spans="8:8">
      <c r="H307694" s="12"/>
    </row>
    <row r="307695" spans="8:8">
      <c r="H307695" s="12"/>
    </row>
    <row r="307696" spans="8:8">
      <c r="H307696" s="12"/>
    </row>
    <row r="307697" spans="8:8">
      <c r="H307697" s="12"/>
    </row>
    <row r="307698" spans="8:8">
      <c r="H307698" s="12"/>
    </row>
    <row r="307699" spans="8:8">
      <c r="H307699" s="12"/>
    </row>
    <row r="307700" spans="8:8">
      <c r="H307700" s="12"/>
    </row>
    <row r="307701" spans="8:8">
      <c r="H307701" s="12"/>
    </row>
    <row r="307702" spans="8:8">
      <c r="H307702" s="12"/>
    </row>
    <row r="307703" spans="8:8">
      <c r="H307703" s="12"/>
    </row>
    <row r="307704" spans="8:8">
      <c r="H307704" s="12"/>
    </row>
    <row r="307705" spans="8:8">
      <c r="H307705" s="12"/>
    </row>
    <row r="307706" spans="8:8">
      <c r="H307706" s="12"/>
    </row>
    <row r="307707" spans="8:8">
      <c r="H307707" s="12"/>
    </row>
    <row r="307708" spans="8:8">
      <c r="H307708" s="12"/>
    </row>
    <row r="307709" spans="8:8">
      <c r="H307709" s="12"/>
    </row>
    <row r="307710" spans="8:8">
      <c r="H307710" s="12"/>
    </row>
    <row r="307711" spans="8:8">
      <c r="H307711" s="12"/>
    </row>
    <row r="307712" spans="8:8">
      <c r="H307712" s="12"/>
    </row>
    <row r="307713" spans="8:8">
      <c r="H307713" s="12"/>
    </row>
    <row r="307714" spans="8:8">
      <c r="H307714" s="12"/>
    </row>
    <row r="307715" spans="8:8">
      <c r="H307715" s="12"/>
    </row>
    <row r="307716" spans="8:8">
      <c r="H307716" s="12"/>
    </row>
    <row r="307717" spans="8:8">
      <c r="H307717" s="12"/>
    </row>
    <row r="307718" spans="8:8">
      <c r="H307718" s="12"/>
    </row>
    <row r="307719" spans="8:8">
      <c r="H307719" s="12"/>
    </row>
    <row r="307720" spans="8:8">
      <c r="H307720" s="12"/>
    </row>
    <row r="307721" spans="8:8">
      <c r="H307721" s="12"/>
    </row>
    <row r="307722" spans="8:8">
      <c r="H307722" s="12"/>
    </row>
    <row r="307723" spans="8:8">
      <c r="H307723" s="12"/>
    </row>
    <row r="307724" spans="8:8">
      <c r="H307724" s="12"/>
    </row>
    <row r="307725" spans="8:8">
      <c r="H307725" s="12"/>
    </row>
    <row r="307726" spans="8:8">
      <c r="H307726" s="12"/>
    </row>
    <row r="307727" spans="8:8">
      <c r="H307727" s="12"/>
    </row>
    <row r="307728" spans="8:8">
      <c r="H307728" s="12"/>
    </row>
    <row r="307729" spans="8:8">
      <c r="H307729" s="12"/>
    </row>
    <row r="307730" spans="8:8">
      <c r="H307730" s="12"/>
    </row>
    <row r="307731" spans="8:8">
      <c r="H307731" s="12"/>
    </row>
    <row r="307732" spans="8:8">
      <c r="H307732" s="12"/>
    </row>
    <row r="307733" spans="8:8">
      <c r="H307733" s="12"/>
    </row>
    <row r="307734" spans="8:8">
      <c r="H307734" s="12"/>
    </row>
    <row r="307735" spans="8:8">
      <c r="H307735" s="12"/>
    </row>
    <row r="307736" spans="8:8">
      <c r="H307736" s="12"/>
    </row>
    <row r="307737" spans="8:8">
      <c r="H307737" s="12"/>
    </row>
    <row r="307738" spans="8:8">
      <c r="H307738" s="12"/>
    </row>
    <row r="307739" spans="8:8">
      <c r="H307739" s="12"/>
    </row>
    <row r="307740" spans="8:8">
      <c r="H307740" s="12"/>
    </row>
    <row r="307741" spans="8:8">
      <c r="H307741" s="12"/>
    </row>
    <row r="307742" spans="8:8">
      <c r="H307742" s="12"/>
    </row>
    <row r="307743" spans="8:8">
      <c r="H307743" s="12"/>
    </row>
    <row r="307744" spans="8:8">
      <c r="H307744" s="12"/>
    </row>
    <row r="307745" spans="8:8">
      <c r="H307745" s="12"/>
    </row>
    <row r="307746" spans="8:8">
      <c r="H307746" s="12"/>
    </row>
    <row r="307747" spans="8:8">
      <c r="H307747" s="12"/>
    </row>
    <row r="307748" spans="8:8">
      <c r="H307748" s="12"/>
    </row>
    <row r="307749" spans="8:8">
      <c r="H307749" s="12"/>
    </row>
    <row r="307750" spans="8:8">
      <c r="H307750" s="12"/>
    </row>
    <row r="307751" spans="8:8">
      <c r="H307751" s="12"/>
    </row>
    <row r="307752" spans="8:8">
      <c r="H307752" s="12"/>
    </row>
    <row r="307753" spans="8:8">
      <c r="H307753" s="12"/>
    </row>
    <row r="307754" spans="8:8">
      <c r="H307754" s="12"/>
    </row>
    <row r="307755" spans="8:8">
      <c r="H307755" s="12"/>
    </row>
    <row r="307756" spans="8:8">
      <c r="H307756" s="12"/>
    </row>
    <row r="307757" spans="8:8">
      <c r="H307757" s="12"/>
    </row>
    <row r="307758" spans="8:8">
      <c r="H307758" s="12"/>
    </row>
    <row r="307759" spans="8:8">
      <c r="H307759" s="12"/>
    </row>
    <row r="307760" spans="8:8">
      <c r="H307760" s="12"/>
    </row>
    <row r="307761" spans="8:8">
      <c r="H307761" s="12"/>
    </row>
    <row r="307762" spans="8:8">
      <c r="H307762" s="12"/>
    </row>
    <row r="307763" spans="8:8">
      <c r="H307763" s="12"/>
    </row>
    <row r="307764" spans="8:8">
      <c r="H307764" s="12"/>
    </row>
    <row r="307765" spans="8:8">
      <c r="H307765" s="12"/>
    </row>
    <row r="307766" spans="8:8">
      <c r="H307766" s="12"/>
    </row>
    <row r="307767" spans="8:8">
      <c r="H307767" s="12"/>
    </row>
    <row r="307768" spans="8:8">
      <c r="H307768" s="12"/>
    </row>
    <row r="307769" spans="8:8">
      <c r="H307769" s="12"/>
    </row>
    <row r="307770" spans="8:8">
      <c r="H307770" s="12"/>
    </row>
    <row r="307771" spans="8:8">
      <c r="H307771" s="12"/>
    </row>
    <row r="307772" spans="8:8">
      <c r="H307772" s="12"/>
    </row>
    <row r="307773" spans="8:8">
      <c r="H307773" s="12"/>
    </row>
    <row r="307774" spans="8:8">
      <c r="H307774" s="12"/>
    </row>
    <row r="307775" spans="8:8">
      <c r="H307775" s="12"/>
    </row>
    <row r="307776" spans="8:8">
      <c r="H307776" s="12"/>
    </row>
    <row r="307777" spans="8:8">
      <c r="H307777" s="12"/>
    </row>
    <row r="307778" spans="8:8">
      <c r="H307778" s="12"/>
    </row>
    <row r="307779" spans="8:8">
      <c r="H307779" s="12"/>
    </row>
    <row r="307780" spans="8:8">
      <c r="H307780" s="12"/>
    </row>
    <row r="307781" spans="8:8">
      <c r="H307781" s="12"/>
    </row>
    <row r="307782" spans="8:8">
      <c r="H307782" s="12"/>
    </row>
    <row r="307783" spans="8:8">
      <c r="H307783" s="12"/>
    </row>
    <row r="307784" spans="8:8">
      <c r="H307784" s="12"/>
    </row>
    <row r="307785" spans="8:8">
      <c r="H307785" s="12"/>
    </row>
    <row r="307786" spans="8:8">
      <c r="H307786" s="12"/>
    </row>
    <row r="307787" spans="8:8">
      <c r="H307787" s="12"/>
    </row>
    <row r="307788" spans="8:8">
      <c r="H307788" s="12"/>
    </row>
    <row r="307789" spans="8:8">
      <c r="H307789" s="12"/>
    </row>
    <row r="307790" spans="8:8">
      <c r="H307790" s="12"/>
    </row>
    <row r="307791" spans="8:8">
      <c r="H307791" s="12"/>
    </row>
    <row r="307792" spans="8:8">
      <c r="H307792" s="12"/>
    </row>
    <row r="307793" spans="8:8">
      <c r="H307793" s="12"/>
    </row>
    <row r="307794" spans="8:8">
      <c r="H307794" s="12"/>
    </row>
    <row r="307795" spans="8:8">
      <c r="H307795" s="12"/>
    </row>
    <row r="307796" spans="8:8">
      <c r="H307796" s="12"/>
    </row>
    <row r="307797" spans="8:8">
      <c r="H307797" s="12"/>
    </row>
    <row r="307798" spans="8:8">
      <c r="H307798" s="12"/>
    </row>
    <row r="307799" spans="8:8">
      <c r="H307799" s="12"/>
    </row>
    <row r="307800" spans="8:8">
      <c r="H307800" s="12"/>
    </row>
    <row r="307801" spans="8:8">
      <c r="H307801" s="12"/>
    </row>
    <row r="307802" spans="8:8">
      <c r="H307802" s="12"/>
    </row>
    <row r="307803" spans="8:8">
      <c r="H307803" s="12"/>
    </row>
    <row r="307804" spans="8:8">
      <c r="H307804" s="12"/>
    </row>
    <row r="307805" spans="8:8">
      <c r="H307805" s="12"/>
    </row>
    <row r="307806" spans="8:8">
      <c r="H307806" s="12"/>
    </row>
    <row r="307807" spans="8:8">
      <c r="H307807" s="12"/>
    </row>
    <row r="307808" spans="8:8">
      <c r="H307808" s="12"/>
    </row>
    <row r="307809" spans="8:8">
      <c r="H307809" s="12"/>
    </row>
    <row r="307810" spans="8:8">
      <c r="H307810" s="12"/>
    </row>
    <row r="307811" spans="8:8">
      <c r="H307811" s="12"/>
    </row>
    <row r="307812" spans="8:8">
      <c r="H307812" s="12"/>
    </row>
    <row r="307813" spans="8:8">
      <c r="H307813" s="12"/>
    </row>
    <row r="307814" spans="8:8">
      <c r="H307814" s="12"/>
    </row>
    <row r="307815" spans="8:8">
      <c r="H307815" s="12"/>
    </row>
    <row r="307816" spans="8:8">
      <c r="H307816" s="12"/>
    </row>
    <row r="307817" spans="8:8">
      <c r="H307817" s="12"/>
    </row>
    <row r="307818" spans="8:8">
      <c r="H307818" s="12"/>
    </row>
    <row r="307819" spans="8:8">
      <c r="H307819" s="12"/>
    </row>
    <row r="307820" spans="8:8">
      <c r="H307820" s="12"/>
    </row>
    <row r="307821" spans="8:8">
      <c r="H307821" s="12"/>
    </row>
    <row r="307822" spans="8:8">
      <c r="H307822" s="12"/>
    </row>
    <row r="307823" spans="8:8">
      <c r="H307823" s="12"/>
    </row>
    <row r="307824" spans="8:8">
      <c r="H307824" s="12"/>
    </row>
    <row r="307825" spans="8:8">
      <c r="H307825" s="12"/>
    </row>
    <row r="307826" spans="8:8">
      <c r="H307826" s="12"/>
    </row>
    <row r="307827" spans="8:8">
      <c r="H307827" s="12"/>
    </row>
    <row r="307828" spans="8:8">
      <c r="H307828" s="12"/>
    </row>
    <row r="307829" spans="8:8">
      <c r="H307829" s="12"/>
    </row>
    <row r="307830" spans="8:8">
      <c r="H307830" s="12"/>
    </row>
    <row r="307831" spans="8:8">
      <c r="H307831" s="12"/>
    </row>
    <row r="307832" spans="8:8">
      <c r="H307832" s="12"/>
    </row>
    <row r="307833" spans="8:8">
      <c r="H307833" s="12"/>
    </row>
    <row r="307834" spans="8:8">
      <c r="H307834" s="12"/>
    </row>
    <row r="307835" spans="8:8">
      <c r="H307835" s="12"/>
    </row>
    <row r="307836" spans="8:8">
      <c r="H307836" s="12"/>
    </row>
    <row r="307837" spans="8:8">
      <c r="H307837" s="12"/>
    </row>
    <row r="307838" spans="8:8">
      <c r="H307838" s="12"/>
    </row>
    <row r="307839" spans="8:8">
      <c r="H307839" s="12"/>
    </row>
    <row r="307840" spans="8:8">
      <c r="H307840" s="12"/>
    </row>
    <row r="307841" spans="8:8">
      <c r="H307841" s="12"/>
    </row>
    <row r="307842" spans="8:8">
      <c r="H307842" s="12"/>
    </row>
    <row r="307843" spans="8:8">
      <c r="H307843" s="12"/>
    </row>
    <row r="307844" spans="8:8">
      <c r="H307844" s="12"/>
    </row>
    <row r="307845" spans="8:8">
      <c r="H307845" s="12"/>
    </row>
    <row r="307846" spans="8:8">
      <c r="H307846" s="12"/>
    </row>
    <row r="307847" spans="8:8">
      <c r="H307847" s="12"/>
    </row>
    <row r="307848" spans="8:8">
      <c r="H307848" s="12"/>
    </row>
    <row r="307849" spans="8:8">
      <c r="H307849" s="12"/>
    </row>
    <row r="307850" spans="8:8">
      <c r="H307850" s="12"/>
    </row>
    <row r="307851" spans="8:8">
      <c r="H307851" s="12"/>
    </row>
    <row r="307852" spans="8:8">
      <c r="H307852" s="12"/>
    </row>
    <row r="307853" spans="8:8">
      <c r="H307853" s="12"/>
    </row>
    <row r="307854" spans="8:8">
      <c r="H307854" s="12"/>
    </row>
    <row r="307855" spans="8:8">
      <c r="H307855" s="12"/>
    </row>
    <row r="307856" spans="8:8">
      <c r="H307856" s="12"/>
    </row>
    <row r="307857" spans="8:8">
      <c r="H307857" s="12"/>
    </row>
    <row r="307858" spans="8:8">
      <c r="H307858" s="12"/>
    </row>
    <row r="307859" spans="8:8">
      <c r="H307859" s="12"/>
    </row>
    <row r="307860" spans="8:8">
      <c r="H307860" s="12"/>
    </row>
    <row r="307861" spans="8:8">
      <c r="H307861" s="12"/>
    </row>
    <row r="307862" spans="8:8">
      <c r="H307862" s="12"/>
    </row>
    <row r="307863" spans="8:8">
      <c r="H307863" s="12"/>
    </row>
    <row r="307864" spans="8:8">
      <c r="H307864" s="12"/>
    </row>
    <row r="307865" spans="8:8">
      <c r="H307865" s="12"/>
    </row>
    <row r="307866" spans="8:8">
      <c r="H307866" s="12"/>
    </row>
    <row r="307867" spans="8:8">
      <c r="H307867" s="12"/>
    </row>
    <row r="307868" spans="8:8">
      <c r="H307868" s="12"/>
    </row>
    <row r="307869" spans="8:8">
      <c r="H307869" s="12"/>
    </row>
    <row r="307870" spans="8:8">
      <c r="H307870" s="12"/>
    </row>
    <row r="307871" spans="8:8">
      <c r="H307871" s="12"/>
    </row>
    <row r="307872" spans="8:8">
      <c r="H307872" s="12"/>
    </row>
    <row r="307873" spans="8:8">
      <c r="H307873" s="12"/>
    </row>
    <row r="307874" spans="8:8">
      <c r="H307874" s="12"/>
    </row>
    <row r="307875" spans="8:8">
      <c r="H307875" s="12"/>
    </row>
    <row r="307876" spans="8:8">
      <c r="H307876" s="12"/>
    </row>
    <row r="307877" spans="8:8">
      <c r="H307877" s="12"/>
    </row>
    <row r="307878" spans="8:8">
      <c r="H307878" s="12"/>
    </row>
    <row r="307879" spans="8:8">
      <c r="H307879" s="12"/>
    </row>
    <row r="307880" spans="8:8">
      <c r="H307880" s="12"/>
    </row>
    <row r="307881" spans="8:8">
      <c r="H307881" s="12"/>
    </row>
    <row r="307882" spans="8:8">
      <c r="H307882" s="12"/>
    </row>
    <row r="307883" spans="8:8">
      <c r="H307883" s="12"/>
    </row>
    <row r="307884" spans="8:8">
      <c r="H307884" s="12"/>
    </row>
    <row r="307885" spans="8:8">
      <c r="H307885" s="12"/>
    </row>
    <row r="307886" spans="8:8">
      <c r="H307886" s="12"/>
    </row>
    <row r="307887" spans="8:8">
      <c r="H307887" s="12"/>
    </row>
    <row r="307888" spans="8:8">
      <c r="H307888" s="12"/>
    </row>
    <row r="307889" spans="8:8">
      <c r="H307889" s="12"/>
    </row>
    <row r="307890" spans="8:8">
      <c r="H307890" s="12"/>
    </row>
    <row r="307891" spans="8:8">
      <c r="H307891" s="12"/>
    </row>
    <row r="307892" spans="8:8">
      <c r="H307892" s="12"/>
    </row>
    <row r="307893" spans="8:8">
      <c r="H307893" s="12"/>
    </row>
    <row r="307894" spans="8:8">
      <c r="H307894" s="12"/>
    </row>
    <row r="307895" spans="8:8">
      <c r="H307895" s="12"/>
    </row>
    <row r="307896" spans="8:8">
      <c r="H307896" s="12"/>
    </row>
    <row r="307897" spans="8:8">
      <c r="H307897" s="12"/>
    </row>
    <row r="307898" spans="8:8">
      <c r="H307898" s="12"/>
    </row>
    <row r="307899" spans="8:8">
      <c r="H307899" s="12"/>
    </row>
    <row r="307900" spans="8:8">
      <c r="H307900" s="12"/>
    </row>
    <row r="307901" spans="8:8">
      <c r="H307901" s="12"/>
    </row>
    <row r="307902" spans="8:8">
      <c r="H307902" s="12"/>
    </row>
    <row r="307903" spans="8:8">
      <c r="H307903" s="12"/>
    </row>
    <row r="307904" spans="8:8">
      <c r="H307904" s="12"/>
    </row>
    <row r="307905" spans="8:8">
      <c r="H307905" s="12"/>
    </row>
    <row r="307906" spans="8:8">
      <c r="H307906" s="12"/>
    </row>
    <row r="307907" spans="8:8">
      <c r="H307907" s="12"/>
    </row>
    <row r="307908" spans="8:8">
      <c r="H307908" s="12"/>
    </row>
    <row r="307909" spans="8:8">
      <c r="H307909" s="12"/>
    </row>
    <row r="307910" spans="8:8">
      <c r="H307910" s="12"/>
    </row>
    <row r="307911" spans="8:8">
      <c r="H307911" s="12"/>
    </row>
    <row r="307912" spans="8:8">
      <c r="H307912" s="12"/>
    </row>
    <row r="307913" spans="8:8">
      <c r="H307913" s="12"/>
    </row>
    <row r="307914" spans="8:8">
      <c r="H307914" s="12"/>
    </row>
    <row r="307915" spans="8:8">
      <c r="H307915" s="12"/>
    </row>
    <row r="307916" spans="8:8">
      <c r="H307916" s="12"/>
    </row>
    <row r="307917" spans="8:8">
      <c r="H307917" s="12"/>
    </row>
    <row r="307918" spans="8:8">
      <c r="H307918" s="12"/>
    </row>
    <row r="307919" spans="8:8">
      <c r="H307919" s="12"/>
    </row>
    <row r="307920" spans="8:8">
      <c r="H307920" s="12"/>
    </row>
    <row r="307921" spans="8:8">
      <c r="H307921" s="12"/>
    </row>
    <row r="307922" spans="8:8">
      <c r="H307922" s="12"/>
    </row>
    <row r="307923" spans="8:8">
      <c r="H307923" s="12"/>
    </row>
    <row r="307924" spans="8:8">
      <c r="H307924" s="12"/>
    </row>
    <row r="307925" spans="8:8">
      <c r="H307925" s="12"/>
    </row>
    <row r="307926" spans="8:8">
      <c r="H307926" s="12"/>
    </row>
    <row r="307927" spans="8:8">
      <c r="H307927" s="12"/>
    </row>
    <row r="307928" spans="8:8">
      <c r="H307928" s="12"/>
    </row>
    <row r="307929" spans="8:8">
      <c r="H307929" s="12"/>
    </row>
    <row r="307930" spans="8:8">
      <c r="H307930" s="12"/>
    </row>
    <row r="307931" spans="8:8">
      <c r="H307931" s="12"/>
    </row>
    <row r="307932" spans="8:8">
      <c r="H307932" s="12"/>
    </row>
    <row r="307933" spans="8:8">
      <c r="H307933" s="12"/>
    </row>
    <row r="307934" spans="8:8">
      <c r="H307934" s="12"/>
    </row>
    <row r="307935" spans="8:8">
      <c r="H307935" s="12"/>
    </row>
    <row r="307936" spans="8:8">
      <c r="H307936" s="12"/>
    </row>
    <row r="307937" spans="8:8">
      <c r="H307937" s="12"/>
    </row>
    <row r="307938" spans="8:8">
      <c r="H307938" s="12"/>
    </row>
    <row r="307939" spans="8:8">
      <c r="H307939" s="12"/>
    </row>
    <row r="307940" spans="8:8">
      <c r="H307940" s="12"/>
    </row>
    <row r="307941" spans="8:8">
      <c r="H307941" s="12"/>
    </row>
    <row r="307942" spans="8:8">
      <c r="H307942" s="12"/>
    </row>
    <row r="307943" spans="8:8">
      <c r="H307943" s="12"/>
    </row>
    <row r="307944" spans="8:8">
      <c r="H307944" s="12"/>
    </row>
    <row r="307945" spans="8:8">
      <c r="H307945" s="12"/>
    </row>
    <row r="307946" spans="8:8">
      <c r="H307946" s="12"/>
    </row>
    <row r="307947" spans="8:8">
      <c r="H307947" s="12"/>
    </row>
    <row r="307948" spans="8:8">
      <c r="H307948" s="12"/>
    </row>
    <row r="307949" spans="8:8">
      <c r="H307949" s="12"/>
    </row>
    <row r="307950" spans="8:8">
      <c r="H307950" s="12"/>
    </row>
    <row r="307951" spans="8:8">
      <c r="H307951" s="12"/>
    </row>
    <row r="307952" spans="8:8">
      <c r="H307952" s="12"/>
    </row>
    <row r="307953" spans="8:8">
      <c r="H307953" s="12"/>
    </row>
    <row r="307954" spans="8:8">
      <c r="H307954" s="12"/>
    </row>
    <row r="307955" spans="8:8">
      <c r="H307955" s="12"/>
    </row>
    <row r="307956" spans="8:8">
      <c r="H307956" s="12"/>
    </row>
    <row r="307957" spans="8:8">
      <c r="H307957" s="12"/>
    </row>
    <row r="307958" spans="8:8">
      <c r="H307958" s="12"/>
    </row>
    <row r="307959" spans="8:8">
      <c r="H307959" s="12"/>
    </row>
    <row r="307960" spans="8:8">
      <c r="H307960" s="12"/>
    </row>
    <row r="307961" spans="8:8">
      <c r="H307961" s="12"/>
    </row>
    <row r="307962" spans="8:8">
      <c r="H307962" s="12"/>
    </row>
    <row r="307963" spans="8:8">
      <c r="H307963" s="12"/>
    </row>
    <row r="307964" spans="8:8">
      <c r="H307964" s="12"/>
    </row>
    <row r="307965" spans="8:8">
      <c r="H307965" s="12"/>
    </row>
    <row r="307966" spans="8:8">
      <c r="H307966" s="12"/>
    </row>
    <row r="307967" spans="8:8">
      <c r="H307967" s="12"/>
    </row>
    <row r="307968" spans="8:8">
      <c r="H307968" s="12"/>
    </row>
    <row r="307969" spans="8:8">
      <c r="H307969" s="12"/>
    </row>
    <row r="307970" spans="8:8">
      <c r="H307970" s="12"/>
    </row>
    <row r="307971" spans="8:8">
      <c r="H307971" s="12"/>
    </row>
    <row r="307972" spans="8:8">
      <c r="H307972" s="12"/>
    </row>
    <row r="307973" spans="8:8">
      <c r="H307973" s="12"/>
    </row>
    <row r="307974" spans="8:8">
      <c r="H307974" s="12"/>
    </row>
    <row r="307975" spans="8:8">
      <c r="H307975" s="12"/>
    </row>
    <row r="307976" spans="8:8">
      <c r="H307976" s="12"/>
    </row>
    <row r="307977" spans="8:8">
      <c r="H307977" s="12"/>
    </row>
    <row r="307978" spans="8:8">
      <c r="H307978" s="12"/>
    </row>
    <row r="307979" spans="8:8">
      <c r="H307979" s="12"/>
    </row>
    <row r="307980" spans="8:8">
      <c r="H307980" s="12"/>
    </row>
    <row r="307981" spans="8:8">
      <c r="H307981" s="12"/>
    </row>
    <row r="307982" spans="8:8">
      <c r="H307982" s="12"/>
    </row>
    <row r="307983" spans="8:8">
      <c r="H307983" s="12"/>
    </row>
    <row r="307984" spans="8:8">
      <c r="H307984" s="12"/>
    </row>
    <row r="307985" spans="8:8">
      <c r="H307985" s="12"/>
    </row>
    <row r="307986" spans="8:8">
      <c r="H307986" s="12"/>
    </row>
    <row r="307987" spans="8:8">
      <c r="H307987" s="12"/>
    </row>
    <row r="307988" spans="8:8">
      <c r="H307988" s="12"/>
    </row>
    <row r="307989" spans="8:8">
      <c r="H307989" s="12"/>
    </row>
    <row r="307990" spans="8:8">
      <c r="H307990" s="12"/>
    </row>
    <row r="307991" spans="8:8">
      <c r="H307991" s="12"/>
    </row>
    <row r="307992" spans="8:8">
      <c r="H307992" s="12"/>
    </row>
    <row r="307993" spans="8:8">
      <c r="H307993" s="12"/>
    </row>
    <row r="307994" spans="8:8">
      <c r="H307994" s="12"/>
    </row>
    <row r="307995" spans="8:8">
      <c r="H307995" s="12"/>
    </row>
    <row r="307996" spans="8:8">
      <c r="H307996" s="12"/>
    </row>
    <row r="307997" spans="8:8">
      <c r="H307997" s="12"/>
    </row>
    <row r="307998" spans="8:8">
      <c r="H307998" s="12"/>
    </row>
    <row r="307999" spans="8:8">
      <c r="H307999" s="12"/>
    </row>
    <row r="308000" spans="8:8">
      <c r="H308000" s="12"/>
    </row>
    <row r="308001" spans="8:8">
      <c r="H308001" s="12"/>
    </row>
    <row r="308002" spans="8:8">
      <c r="H308002" s="12"/>
    </row>
    <row r="308003" spans="8:8">
      <c r="H308003" s="12"/>
    </row>
    <row r="308004" spans="8:8">
      <c r="H308004" s="12"/>
    </row>
    <row r="308005" spans="8:8">
      <c r="H308005" s="12"/>
    </row>
    <row r="308006" spans="8:8">
      <c r="H308006" s="12"/>
    </row>
    <row r="308007" spans="8:8">
      <c r="H308007" s="12"/>
    </row>
    <row r="308008" spans="8:8">
      <c r="H308008" s="12"/>
    </row>
    <row r="308009" spans="8:8">
      <c r="H308009" s="12"/>
    </row>
    <row r="308010" spans="8:8">
      <c r="H308010" s="12"/>
    </row>
    <row r="308011" spans="8:8">
      <c r="H308011" s="12"/>
    </row>
    <row r="308012" spans="8:8">
      <c r="H308012" s="12"/>
    </row>
    <row r="308013" spans="8:8">
      <c r="H308013" s="12"/>
    </row>
    <row r="308014" spans="8:8">
      <c r="H308014" s="12"/>
    </row>
    <row r="308015" spans="8:8">
      <c r="H308015" s="12"/>
    </row>
    <row r="308016" spans="8:8">
      <c r="H308016" s="12"/>
    </row>
    <row r="308017" spans="8:8">
      <c r="H308017" s="12"/>
    </row>
    <row r="308018" spans="8:8">
      <c r="H308018" s="12"/>
    </row>
    <row r="308019" spans="8:8">
      <c r="H308019" s="12"/>
    </row>
    <row r="308020" spans="8:8">
      <c r="H308020" s="12"/>
    </row>
    <row r="308021" spans="8:8">
      <c r="H308021" s="12"/>
    </row>
    <row r="308022" spans="8:8">
      <c r="H308022" s="12"/>
    </row>
    <row r="308023" spans="8:8">
      <c r="H308023" s="12"/>
    </row>
    <row r="308024" spans="8:8">
      <c r="H308024" s="12"/>
    </row>
    <row r="308025" spans="8:8">
      <c r="H308025" s="12"/>
    </row>
    <row r="308026" spans="8:8">
      <c r="H308026" s="12"/>
    </row>
    <row r="308027" spans="8:8">
      <c r="H308027" s="12"/>
    </row>
    <row r="308028" spans="8:8">
      <c r="H308028" s="12"/>
    </row>
    <row r="308029" spans="8:8">
      <c r="H308029" s="12"/>
    </row>
    <row r="308030" spans="8:8">
      <c r="H308030" s="12"/>
    </row>
    <row r="308031" spans="8:8">
      <c r="H308031" s="12"/>
    </row>
    <row r="308032" spans="8:8">
      <c r="H308032" s="12"/>
    </row>
    <row r="308033" spans="8:8">
      <c r="H308033" s="12"/>
    </row>
    <row r="308034" spans="8:8">
      <c r="H308034" s="12"/>
    </row>
    <row r="308035" spans="8:8">
      <c r="H308035" s="12"/>
    </row>
    <row r="308036" spans="8:8">
      <c r="H308036" s="12"/>
    </row>
    <row r="308037" spans="8:8">
      <c r="H308037" s="12"/>
    </row>
    <row r="308038" spans="8:8">
      <c r="H308038" s="12"/>
    </row>
    <row r="308039" spans="8:8">
      <c r="H308039" s="12"/>
    </row>
    <row r="308040" spans="8:8">
      <c r="H308040" s="12"/>
    </row>
    <row r="308041" spans="8:8">
      <c r="H308041" s="12"/>
    </row>
    <row r="308042" spans="8:8">
      <c r="H308042" s="12"/>
    </row>
    <row r="308043" spans="8:8">
      <c r="H308043" s="12"/>
    </row>
    <row r="308044" spans="8:8">
      <c r="H308044" s="12"/>
    </row>
    <row r="308045" spans="8:8">
      <c r="H308045" s="12"/>
    </row>
    <row r="308046" spans="8:8">
      <c r="H308046" s="12"/>
    </row>
    <row r="308047" spans="8:8">
      <c r="H308047" s="12"/>
    </row>
    <row r="308048" spans="8:8">
      <c r="H308048" s="12"/>
    </row>
    <row r="308049" spans="8:8">
      <c r="H308049" s="12"/>
    </row>
    <row r="308050" spans="8:8">
      <c r="H308050" s="12"/>
    </row>
    <row r="308051" spans="8:8">
      <c r="H308051" s="12"/>
    </row>
    <row r="308052" spans="8:8">
      <c r="H308052" s="12"/>
    </row>
    <row r="308053" spans="8:8">
      <c r="H308053" s="12"/>
    </row>
    <row r="308054" spans="8:8">
      <c r="H308054" s="12"/>
    </row>
    <row r="308055" spans="8:8">
      <c r="H308055" s="12"/>
    </row>
    <row r="308056" spans="8:8">
      <c r="H308056" s="12"/>
    </row>
    <row r="308057" spans="8:8">
      <c r="H308057" s="12"/>
    </row>
    <row r="308058" spans="8:8">
      <c r="H308058" s="12"/>
    </row>
    <row r="308059" spans="8:8">
      <c r="H308059" s="12"/>
    </row>
    <row r="308060" spans="8:8">
      <c r="H308060" s="12"/>
    </row>
    <row r="308061" spans="8:8">
      <c r="H308061" s="12"/>
    </row>
    <row r="308062" spans="8:8">
      <c r="H308062" s="12"/>
    </row>
    <row r="308063" spans="8:8">
      <c r="H308063" s="12"/>
    </row>
    <row r="308064" spans="8:8">
      <c r="H308064" s="12"/>
    </row>
    <row r="308065" spans="8:8">
      <c r="H308065" s="12"/>
    </row>
    <row r="308066" spans="8:8">
      <c r="H308066" s="12"/>
    </row>
    <row r="308067" spans="8:8">
      <c r="H308067" s="12"/>
    </row>
    <row r="308068" spans="8:8">
      <c r="H308068" s="12"/>
    </row>
    <row r="308069" spans="8:8">
      <c r="H308069" s="12"/>
    </row>
    <row r="308070" spans="8:8">
      <c r="H308070" s="12"/>
    </row>
    <row r="308071" spans="8:8">
      <c r="H308071" s="12"/>
    </row>
    <row r="308072" spans="8:8">
      <c r="H308072" s="12"/>
    </row>
    <row r="308073" spans="8:8">
      <c r="H308073" s="12"/>
    </row>
    <row r="308074" spans="8:8">
      <c r="H308074" s="12"/>
    </row>
    <row r="308075" spans="8:8">
      <c r="H308075" s="12"/>
    </row>
    <row r="308076" spans="8:8">
      <c r="H308076" s="12"/>
    </row>
    <row r="308077" spans="8:8">
      <c r="H308077" s="12"/>
    </row>
    <row r="308078" spans="8:8">
      <c r="H308078" s="12"/>
    </row>
    <row r="308079" spans="8:8">
      <c r="H308079" s="12"/>
    </row>
    <row r="308080" spans="8:8">
      <c r="H308080" s="12"/>
    </row>
    <row r="308081" spans="8:8">
      <c r="H308081" s="12"/>
    </row>
    <row r="308082" spans="8:8">
      <c r="H308082" s="12"/>
    </row>
    <row r="308083" spans="8:8">
      <c r="H308083" s="12"/>
    </row>
    <row r="308084" spans="8:8">
      <c r="H308084" s="12"/>
    </row>
    <row r="308085" spans="8:8">
      <c r="H308085" s="12"/>
    </row>
    <row r="308086" spans="8:8">
      <c r="H308086" s="12"/>
    </row>
    <row r="308087" spans="8:8">
      <c r="H308087" s="12"/>
    </row>
    <row r="308088" spans="8:8">
      <c r="H308088" s="12"/>
    </row>
    <row r="308089" spans="8:8">
      <c r="H308089" s="12"/>
    </row>
    <row r="308090" spans="8:8">
      <c r="H308090" s="12"/>
    </row>
    <row r="308091" spans="8:8">
      <c r="H308091" s="12"/>
    </row>
    <row r="308092" spans="8:8">
      <c r="H308092" s="12"/>
    </row>
    <row r="308093" spans="8:8">
      <c r="H308093" s="12"/>
    </row>
    <row r="308094" spans="8:8">
      <c r="H308094" s="12"/>
    </row>
    <row r="308095" spans="8:8">
      <c r="H308095" s="12"/>
    </row>
    <row r="308096" spans="8:8">
      <c r="H308096" s="12"/>
    </row>
    <row r="308097" spans="8:8">
      <c r="H308097" s="12"/>
    </row>
    <row r="308098" spans="8:8">
      <c r="H308098" s="12"/>
    </row>
    <row r="308099" spans="8:8">
      <c r="H308099" s="12"/>
    </row>
    <row r="308100" spans="8:8">
      <c r="H308100" s="12"/>
    </row>
    <row r="308101" spans="8:8">
      <c r="H308101" s="12"/>
    </row>
    <row r="308102" spans="8:8">
      <c r="H308102" s="12"/>
    </row>
    <row r="308103" spans="8:8">
      <c r="H308103" s="12"/>
    </row>
    <row r="308104" spans="8:8">
      <c r="H308104" s="12"/>
    </row>
    <row r="308105" spans="8:8">
      <c r="H308105" s="12"/>
    </row>
    <row r="308106" spans="8:8">
      <c r="H308106" s="12"/>
    </row>
    <row r="308107" spans="8:8">
      <c r="H308107" s="12"/>
    </row>
    <row r="308108" spans="8:8">
      <c r="H308108" s="12"/>
    </row>
    <row r="308109" spans="8:8">
      <c r="H308109" s="12"/>
    </row>
    <row r="308110" spans="8:8">
      <c r="H308110" s="12"/>
    </row>
    <row r="308111" spans="8:8">
      <c r="H308111" s="12"/>
    </row>
    <row r="308112" spans="8:8">
      <c r="H308112" s="12"/>
    </row>
    <row r="308113" spans="8:8">
      <c r="H308113" s="12"/>
    </row>
    <row r="308114" spans="8:8">
      <c r="H308114" s="12"/>
    </row>
    <row r="308115" spans="8:8">
      <c r="H308115" s="12"/>
    </row>
    <row r="308116" spans="8:8">
      <c r="H308116" s="12"/>
    </row>
    <row r="308117" spans="8:8">
      <c r="H308117" s="12"/>
    </row>
    <row r="308118" spans="8:8">
      <c r="H308118" s="12"/>
    </row>
    <row r="308119" spans="8:8">
      <c r="H308119" s="12"/>
    </row>
    <row r="308120" spans="8:8">
      <c r="H308120" s="12"/>
    </row>
    <row r="308121" spans="8:8">
      <c r="H308121" s="12"/>
    </row>
    <row r="308122" spans="8:8">
      <c r="H308122" s="12"/>
    </row>
    <row r="308123" spans="8:8">
      <c r="H308123" s="12"/>
    </row>
    <row r="308124" spans="8:8">
      <c r="H308124" s="12"/>
    </row>
    <row r="308125" spans="8:8">
      <c r="H308125" s="12"/>
    </row>
    <row r="308126" spans="8:8">
      <c r="H308126" s="12"/>
    </row>
    <row r="308127" spans="8:8">
      <c r="H308127" s="12"/>
    </row>
    <row r="308128" spans="8:8">
      <c r="H308128" s="12"/>
    </row>
    <row r="308129" spans="8:8">
      <c r="H308129" s="12"/>
    </row>
    <row r="308130" spans="8:8">
      <c r="H308130" s="12"/>
    </row>
    <row r="308131" spans="8:8">
      <c r="H308131" s="12"/>
    </row>
    <row r="308132" spans="8:8">
      <c r="H308132" s="12"/>
    </row>
    <row r="308133" spans="8:8">
      <c r="H308133" s="12"/>
    </row>
    <row r="308134" spans="8:8">
      <c r="H308134" s="12"/>
    </row>
    <row r="308135" spans="8:8">
      <c r="H308135" s="12"/>
    </row>
    <row r="308136" spans="8:8">
      <c r="H308136" s="12"/>
    </row>
    <row r="308137" spans="8:8">
      <c r="H308137" s="12"/>
    </row>
    <row r="308138" spans="8:8">
      <c r="H308138" s="12"/>
    </row>
    <row r="308139" spans="8:8">
      <c r="H308139" s="12"/>
    </row>
    <row r="308140" spans="8:8">
      <c r="H308140" s="12"/>
    </row>
    <row r="308141" spans="8:8">
      <c r="H308141" s="12"/>
    </row>
    <row r="308142" spans="8:8">
      <c r="H308142" s="12"/>
    </row>
    <row r="308143" spans="8:8">
      <c r="H308143" s="12"/>
    </row>
    <row r="308144" spans="8:8">
      <c r="H308144" s="12"/>
    </row>
    <row r="308145" spans="8:8">
      <c r="H308145" s="12"/>
    </row>
    <row r="308146" spans="8:8">
      <c r="H308146" s="12"/>
    </row>
    <row r="308147" spans="8:8">
      <c r="H308147" s="12"/>
    </row>
    <row r="308148" spans="8:8">
      <c r="H308148" s="12"/>
    </row>
    <row r="308149" spans="8:8">
      <c r="H308149" s="12"/>
    </row>
    <row r="308150" spans="8:8">
      <c r="H308150" s="12"/>
    </row>
    <row r="308151" spans="8:8">
      <c r="H308151" s="12"/>
    </row>
    <row r="308152" spans="8:8">
      <c r="H308152" s="12"/>
    </row>
    <row r="308153" spans="8:8">
      <c r="H308153" s="12"/>
    </row>
    <row r="308154" spans="8:8">
      <c r="H308154" s="12"/>
    </row>
    <row r="308155" spans="8:8">
      <c r="H308155" s="12"/>
    </row>
    <row r="308156" spans="8:8">
      <c r="H308156" s="12"/>
    </row>
    <row r="308157" spans="8:8">
      <c r="H308157" s="12"/>
    </row>
    <row r="308158" spans="8:8">
      <c r="H308158" s="12"/>
    </row>
    <row r="308159" spans="8:8">
      <c r="H308159" s="12"/>
    </row>
    <row r="308160" spans="8:8">
      <c r="H308160" s="12"/>
    </row>
    <row r="308161" spans="8:8">
      <c r="H308161" s="12"/>
    </row>
    <row r="308162" spans="8:8">
      <c r="H308162" s="12"/>
    </row>
    <row r="308163" spans="8:8">
      <c r="H308163" s="12"/>
    </row>
    <row r="308164" spans="8:8">
      <c r="H308164" s="12"/>
    </row>
    <row r="308165" spans="8:8">
      <c r="H308165" s="12"/>
    </row>
    <row r="308166" spans="8:8">
      <c r="H308166" s="12"/>
    </row>
    <row r="308167" spans="8:8">
      <c r="H308167" s="12"/>
    </row>
    <row r="308168" spans="8:8">
      <c r="H308168" s="12"/>
    </row>
    <row r="308169" spans="8:8">
      <c r="H308169" s="12"/>
    </row>
    <row r="308170" spans="8:8">
      <c r="H308170" s="12"/>
    </row>
    <row r="308171" spans="8:8">
      <c r="H308171" s="12"/>
    </row>
    <row r="308172" spans="8:8">
      <c r="H308172" s="12"/>
    </row>
    <row r="308173" spans="8:8">
      <c r="H308173" s="12"/>
    </row>
    <row r="308174" spans="8:8">
      <c r="H308174" s="12"/>
    </row>
    <row r="308175" spans="8:8">
      <c r="H308175" s="12"/>
    </row>
    <row r="308176" spans="8:8">
      <c r="H308176" s="12"/>
    </row>
    <row r="308177" spans="8:8">
      <c r="H308177" s="12"/>
    </row>
    <row r="308178" spans="8:8">
      <c r="H308178" s="12"/>
    </row>
    <row r="308179" spans="8:8">
      <c r="H308179" s="12"/>
    </row>
    <row r="308180" spans="8:8">
      <c r="H308180" s="12"/>
    </row>
    <row r="308181" spans="8:8">
      <c r="H308181" s="12"/>
    </row>
    <row r="308182" spans="8:8">
      <c r="H308182" s="12"/>
    </row>
    <row r="308183" spans="8:8">
      <c r="H308183" s="12"/>
    </row>
    <row r="308184" spans="8:8">
      <c r="H308184" s="12"/>
    </row>
    <row r="308185" spans="8:8">
      <c r="H308185" s="12"/>
    </row>
    <row r="308186" spans="8:8">
      <c r="H308186" s="12"/>
    </row>
    <row r="308187" spans="8:8">
      <c r="H308187" s="12"/>
    </row>
    <row r="308188" spans="8:8">
      <c r="H308188" s="12"/>
    </row>
    <row r="308189" spans="8:8">
      <c r="H308189" s="12"/>
    </row>
    <row r="308190" spans="8:8">
      <c r="H308190" s="12"/>
    </row>
    <row r="308191" spans="8:8">
      <c r="H308191" s="12"/>
    </row>
    <row r="308192" spans="8:8">
      <c r="H308192" s="12"/>
    </row>
    <row r="308193" spans="8:8">
      <c r="H308193" s="12"/>
    </row>
    <row r="308194" spans="8:8">
      <c r="H308194" s="12"/>
    </row>
    <row r="308195" spans="8:8">
      <c r="H308195" s="12"/>
    </row>
    <row r="308196" spans="8:8">
      <c r="H308196" s="12"/>
    </row>
    <row r="308197" spans="8:8">
      <c r="H308197" s="12"/>
    </row>
    <row r="308198" spans="8:8">
      <c r="H308198" s="12"/>
    </row>
    <row r="308199" spans="8:8">
      <c r="H308199" s="12"/>
    </row>
    <row r="308200" spans="8:8">
      <c r="H308200" s="12"/>
    </row>
    <row r="308201" spans="8:8">
      <c r="H308201" s="12"/>
    </row>
    <row r="308202" spans="8:8">
      <c r="H308202" s="12"/>
    </row>
    <row r="308203" spans="8:8">
      <c r="H308203" s="12"/>
    </row>
    <row r="308204" spans="8:8">
      <c r="H308204" s="12"/>
    </row>
    <row r="308205" spans="8:8">
      <c r="H308205" s="12"/>
    </row>
    <row r="308206" spans="8:8">
      <c r="H308206" s="12"/>
    </row>
    <row r="308207" spans="8:8">
      <c r="H308207" s="12"/>
    </row>
    <row r="308208" spans="8:8">
      <c r="H308208" s="12"/>
    </row>
    <row r="308209" spans="8:8">
      <c r="H308209" s="12"/>
    </row>
    <row r="308210" spans="8:8">
      <c r="H308210" s="12"/>
    </row>
    <row r="308211" spans="8:8">
      <c r="H308211" s="12"/>
    </row>
    <row r="308212" spans="8:8">
      <c r="H308212" s="12"/>
    </row>
    <row r="308213" spans="8:8">
      <c r="H308213" s="12"/>
    </row>
    <row r="308214" spans="8:8">
      <c r="H308214" s="12"/>
    </row>
    <row r="308215" spans="8:8">
      <c r="H308215" s="12"/>
    </row>
    <row r="308216" spans="8:8">
      <c r="H308216" s="12"/>
    </row>
    <row r="308217" spans="8:8">
      <c r="H308217" s="12"/>
    </row>
    <row r="308218" spans="8:8">
      <c r="H308218" s="12"/>
    </row>
    <row r="308219" spans="8:8">
      <c r="H308219" s="12"/>
    </row>
    <row r="308220" spans="8:8">
      <c r="H308220" s="12"/>
    </row>
    <row r="308221" spans="8:8">
      <c r="H308221" s="12"/>
    </row>
    <row r="308222" spans="8:8">
      <c r="H308222" s="12"/>
    </row>
    <row r="308223" spans="8:8">
      <c r="H308223" s="12"/>
    </row>
    <row r="308224" spans="8:8">
      <c r="H308224" s="12"/>
    </row>
    <row r="308225" spans="8:8">
      <c r="H308225" s="12"/>
    </row>
    <row r="308226" spans="8:8">
      <c r="H308226" s="12"/>
    </row>
    <row r="308227" spans="8:8">
      <c r="H308227" s="12"/>
    </row>
    <row r="308228" spans="8:8">
      <c r="H308228" s="12"/>
    </row>
    <row r="308229" spans="8:8">
      <c r="H308229" s="12"/>
    </row>
    <row r="308230" spans="8:8">
      <c r="H308230" s="12"/>
    </row>
    <row r="308231" spans="8:8">
      <c r="H308231" s="12"/>
    </row>
    <row r="308232" spans="8:8">
      <c r="H308232" s="12"/>
    </row>
    <row r="308233" spans="8:8">
      <c r="H308233" s="12"/>
    </row>
    <row r="308234" spans="8:8">
      <c r="H308234" s="12"/>
    </row>
    <row r="308235" spans="8:8">
      <c r="H308235" s="12"/>
    </row>
    <row r="308236" spans="8:8">
      <c r="H308236" s="12"/>
    </row>
    <row r="308237" spans="8:8">
      <c r="H308237" s="12"/>
    </row>
    <row r="308238" spans="8:8">
      <c r="H308238" s="12"/>
    </row>
    <row r="308239" spans="8:8">
      <c r="H308239" s="12"/>
    </row>
    <row r="308240" spans="8:8">
      <c r="H308240" s="12"/>
    </row>
    <row r="308241" spans="8:8">
      <c r="H308241" s="12"/>
    </row>
    <row r="308242" spans="8:8">
      <c r="H308242" s="12"/>
    </row>
    <row r="308243" spans="8:8">
      <c r="H308243" s="12"/>
    </row>
    <row r="308244" spans="8:8">
      <c r="H308244" s="12"/>
    </row>
    <row r="308245" spans="8:8">
      <c r="H308245" s="12"/>
    </row>
    <row r="308246" spans="8:8">
      <c r="H308246" s="12"/>
    </row>
    <row r="308247" spans="8:8">
      <c r="H308247" s="12"/>
    </row>
    <row r="308248" spans="8:8">
      <c r="H308248" s="12"/>
    </row>
    <row r="308249" spans="8:8">
      <c r="H308249" s="12"/>
    </row>
    <row r="308250" spans="8:8">
      <c r="H308250" s="12"/>
    </row>
    <row r="308251" spans="8:8">
      <c r="H308251" s="12"/>
    </row>
    <row r="308252" spans="8:8">
      <c r="H308252" s="12"/>
    </row>
    <row r="308253" spans="8:8">
      <c r="H308253" s="12"/>
    </row>
    <row r="308254" spans="8:8">
      <c r="H308254" s="12"/>
    </row>
    <row r="308255" spans="8:8">
      <c r="H308255" s="12"/>
    </row>
    <row r="308256" spans="8:8">
      <c r="H308256" s="12"/>
    </row>
    <row r="308257" spans="8:8">
      <c r="H308257" s="12"/>
    </row>
    <row r="308258" spans="8:8">
      <c r="H308258" s="12"/>
    </row>
    <row r="308259" spans="8:8">
      <c r="H308259" s="12"/>
    </row>
    <row r="308260" spans="8:8">
      <c r="H308260" s="12"/>
    </row>
    <row r="308261" spans="8:8">
      <c r="H308261" s="12"/>
    </row>
    <row r="308262" spans="8:8">
      <c r="H308262" s="12"/>
    </row>
    <row r="308263" spans="8:8">
      <c r="H308263" s="12"/>
    </row>
    <row r="308264" spans="8:8">
      <c r="H308264" s="12"/>
    </row>
    <row r="308265" spans="8:8">
      <c r="H308265" s="12"/>
    </row>
    <row r="308266" spans="8:8">
      <c r="H308266" s="12"/>
    </row>
    <row r="308267" spans="8:8">
      <c r="H308267" s="12"/>
    </row>
    <row r="308268" spans="8:8">
      <c r="H308268" s="12"/>
    </row>
    <row r="308269" spans="8:8">
      <c r="H308269" s="12"/>
    </row>
    <row r="308270" spans="8:8">
      <c r="H308270" s="12"/>
    </row>
    <row r="308271" spans="8:8">
      <c r="H308271" s="12"/>
    </row>
    <row r="308272" spans="8:8">
      <c r="H308272" s="12"/>
    </row>
    <row r="308273" spans="8:8">
      <c r="H308273" s="12"/>
    </row>
    <row r="308274" spans="8:8">
      <c r="H308274" s="12"/>
    </row>
    <row r="308275" spans="8:8">
      <c r="H308275" s="12"/>
    </row>
    <row r="308276" spans="8:8">
      <c r="H308276" s="12"/>
    </row>
    <row r="308277" spans="8:8">
      <c r="H308277" s="12"/>
    </row>
    <row r="308278" spans="8:8">
      <c r="H308278" s="12"/>
    </row>
    <row r="308279" spans="8:8">
      <c r="H308279" s="12"/>
    </row>
    <row r="308280" spans="8:8">
      <c r="H308280" s="12"/>
    </row>
    <row r="308281" spans="8:8">
      <c r="H308281" s="12"/>
    </row>
    <row r="308282" spans="8:8">
      <c r="H308282" s="12"/>
    </row>
    <row r="308283" spans="8:8">
      <c r="H308283" s="12"/>
    </row>
    <row r="308284" spans="8:8">
      <c r="H308284" s="12"/>
    </row>
    <row r="308285" spans="8:8">
      <c r="H308285" s="12"/>
    </row>
    <row r="308286" spans="8:8">
      <c r="H308286" s="12"/>
    </row>
    <row r="308287" spans="8:8">
      <c r="H308287" s="12"/>
    </row>
    <row r="308288" spans="8:8">
      <c r="H308288" s="12"/>
    </row>
    <row r="308289" spans="8:8">
      <c r="H308289" s="12"/>
    </row>
    <row r="308290" spans="8:8">
      <c r="H308290" s="12"/>
    </row>
    <row r="308291" spans="8:8">
      <c r="H308291" s="12"/>
    </row>
    <row r="308292" spans="8:8">
      <c r="H308292" s="12"/>
    </row>
    <row r="308293" spans="8:8">
      <c r="H308293" s="12"/>
    </row>
    <row r="308294" spans="8:8">
      <c r="H308294" s="12"/>
    </row>
    <row r="308295" spans="8:8">
      <c r="H308295" s="12"/>
    </row>
    <row r="308296" spans="8:8">
      <c r="H308296" s="12"/>
    </row>
    <row r="308297" spans="8:8">
      <c r="H308297" s="12"/>
    </row>
    <row r="308298" spans="8:8">
      <c r="H308298" s="12"/>
    </row>
    <row r="308299" spans="8:8">
      <c r="H308299" s="12"/>
    </row>
    <row r="308300" spans="8:8">
      <c r="H308300" s="12"/>
    </row>
    <row r="308301" spans="8:8">
      <c r="H308301" s="12"/>
    </row>
    <row r="308302" spans="8:8">
      <c r="H308302" s="12"/>
    </row>
    <row r="308303" spans="8:8">
      <c r="H308303" s="12"/>
    </row>
    <row r="308304" spans="8:8">
      <c r="H308304" s="12"/>
    </row>
    <row r="308305" spans="8:8">
      <c r="H308305" s="12"/>
    </row>
    <row r="308306" spans="8:8">
      <c r="H308306" s="12"/>
    </row>
    <row r="308307" spans="8:8">
      <c r="H308307" s="12"/>
    </row>
    <row r="308308" spans="8:8">
      <c r="H308308" s="12"/>
    </row>
    <row r="308309" spans="8:8">
      <c r="H308309" s="12"/>
    </row>
    <row r="308310" spans="8:8">
      <c r="H308310" s="12"/>
    </row>
    <row r="308311" spans="8:8">
      <c r="H308311" s="12"/>
    </row>
    <row r="308312" spans="8:8">
      <c r="H308312" s="12"/>
    </row>
    <row r="308313" spans="8:8">
      <c r="H308313" s="12"/>
    </row>
    <row r="308314" spans="8:8">
      <c r="H308314" s="12"/>
    </row>
    <row r="308315" spans="8:8">
      <c r="H308315" s="12"/>
    </row>
    <row r="308316" spans="8:8">
      <c r="H308316" s="12"/>
    </row>
    <row r="308317" spans="8:8">
      <c r="H308317" s="12"/>
    </row>
    <row r="308318" spans="8:8">
      <c r="H308318" s="12"/>
    </row>
    <row r="308319" spans="8:8">
      <c r="H308319" s="12"/>
    </row>
    <row r="308320" spans="8:8">
      <c r="H308320" s="12"/>
    </row>
    <row r="308321" spans="8:8">
      <c r="H308321" s="12"/>
    </row>
    <row r="308322" spans="8:8">
      <c r="H308322" s="12"/>
    </row>
    <row r="308323" spans="8:8">
      <c r="H308323" s="12"/>
    </row>
    <row r="308324" spans="8:8">
      <c r="H308324" s="12"/>
    </row>
    <row r="308325" spans="8:8">
      <c r="H308325" s="12"/>
    </row>
    <row r="308326" spans="8:8">
      <c r="H308326" s="12"/>
    </row>
    <row r="308327" spans="8:8">
      <c r="H308327" s="12"/>
    </row>
    <row r="308328" spans="8:8">
      <c r="H308328" s="12"/>
    </row>
    <row r="308329" spans="8:8">
      <c r="H308329" s="12"/>
    </row>
    <row r="308330" spans="8:8">
      <c r="H308330" s="12"/>
    </row>
    <row r="308331" spans="8:8">
      <c r="H308331" s="12"/>
    </row>
    <row r="308332" spans="8:8">
      <c r="H308332" s="12"/>
    </row>
    <row r="308333" spans="8:8">
      <c r="H308333" s="12"/>
    </row>
    <row r="308334" spans="8:8">
      <c r="H308334" s="12"/>
    </row>
    <row r="308335" spans="8:8">
      <c r="H308335" s="12"/>
    </row>
    <row r="308336" spans="8:8">
      <c r="H308336" s="12"/>
    </row>
    <row r="308337" spans="8:8">
      <c r="H308337" s="12"/>
    </row>
    <row r="308338" spans="8:8">
      <c r="H308338" s="12"/>
    </row>
    <row r="308339" spans="8:8">
      <c r="H308339" s="12"/>
    </row>
    <row r="308340" spans="8:8">
      <c r="H308340" s="12"/>
    </row>
    <row r="308341" spans="8:8">
      <c r="H308341" s="12"/>
    </row>
    <row r="308342" spans="8:8">
      <c r="H308342" s="12"/>
    </row>
    <row r="308343" spans="8:8">
      <c r="H308343" s="12"/>
    </row>
    <row r="308344" spans="8:8">
      <c r="H308344" s="12"/>
    </row>
    <row r="308345" spans="8:8">
      <c r="H308345" s="12"/>
    </row>
    <row r="308346" spans="8:8">
      <c r="H308346" s="12"/>
    </row>
    <row r="308347" spans="8:8">
      <c r="H308347" s="12"/>
    </row>
    <row r="308348" spans="8:8">
      <c r="H308348" s="12"/>
    </row>
    <row r="308349" spans="8:8">
      <c r="H308349" s="12"/>
    </row>
    <row r="308350" spans="8:8">
      <c r="H308350" s="12"/>
    </row>
    <row r="308351" spans="8:8">
      <c r="H308351" s="12"/>
    </row>
    <row r="308352" spans="8:8">
      <c r="H308352" s="12"/>
    </row>
    <row r="308353" spans="8:8">
      <c r="H308353" s="12"/>
    </row>
    <row r="308354" spans="8:8">
      <c r="H308354" s="12"/>
    </row>
    <row r="308355" spans="8:8">
      <c r="H308355" s="12"/>
    </row>
    <row r="308356" spans="8:8">
      <c r="H308356" s="12"/>
    </row>
    <row r="308357" spans="8:8">
      <c r="H308357" s="12"/>
    </row>
    <row r="308358" spans="8:8">
      <c r="H308358" s="12"/>
    </row>
    <row r="308359" spans="8:8">
      <c r="H308359" s="12"/>
    </row>
    <row r="308360" spans="8:8">
      <c r="H308360" s="12"/>
    </row>
    <row r="308361" spans="8:8">
      <c r="H308361" s="12"/>
    </row>
    <row r="308362" spans="8:8">
      <c r="H308362" s="12"/>
    </row>
    <row r="308363" spans="8:8">
      <c r="H308363" s="12"/>
    </row>
    <row r="308364" spans="8:8">
      <c r="H308364" s="12"/>
    </row>
    <row r="308365" spans="8:8">
      <c r="H308365" s="12"/>
    </row>
    <row r="308366" spans="8:8">
      <c r="H308366" s="12"/>
    </row>
    <row r="308367" spans="8:8">
      <c r="H308367" s="12"/>
    </row>
    <row r="308368" spans="8:8">
      <c r="H308368" s="12"/>
    </row>
    <row r="308369" spans="8:8">
      <c r="H308369" s="12"/>
    </row>
    <row r="308370" spans="8:8">
      <c r="H308370" s="12"/>
    </row>
    <row r="308371" spans="8:8">
      <c r="H308371" s="12"/>
    </row>
    <row r="308372" spans="8:8">
      <c r="H308372" s="12"/>
    </row>
    <row r="308373" spans="8:8">
      <c r="H308373" s="12"/>
    </row>
    <row r="308374" spans="8:8">
      <c r="H308374" s="12"/>
    </row>
    <row r="308375" spans="8:8">
      <c r="H308375" s="12"/>
    </row>
    <row r="308376" spans="8:8">
      <c r="H308376" s="12"/>
    </row>
    <row r="308377" spans="8:8">
      <c r="H308377" s="12"/>
    </row>
    <row r="308378" spans="8:8">
      <c r="H308378" s="12"/>
    </row>
    <row r="308379" spans="8:8">
      <c r="H308379" s="12"/>
    </row>
    <row r="308380" spans="8:8">
      <c r="H308380" s="12"/>
    </row>
    <row r="308381" spans="8:8">
      <c r="H308381" s="12"/>
    </row>
    <row r="308382" spans="8:8">
      <c r="H308382" s="12"/>
    </row>
    <row r="308383" spans="8:8">
      <c r="H308383" s="12"/>
    </row>
    <row r="308384" spans="8:8">
      <c r="H308384" s="12"/>
    </row>
    <row r="308385" spans="8:8">
      <c r="H308385" s="12"/>
    </row>
    <row r="308386" spans="8:8">
      <c r="H308386" s="12"/>
    </row>
    <row r="308387" spans="8:8">
      <c r="H308387" s="12"/>
    </row>
    <row r="308388" spans="8:8">
      <c r="H308388" s="12"/>
    </row>
    <row r="308389" spans="8:8">
      <c r="H308389" s="12"/>
    </row>
    <row r="308390" spans="8:8">
      <c r="H308390" s="12"/>
    </row>
    <row r="308391" spans="8:8">
      <c r="H308391" s="12"/>
    </row>
    <row r="308392" spans="8:8">
      <c r="H308392" s="12"/>
    </row>
    <row r="308393" spans="8:8">
      <c r="H308393" s="12"/>
    </row>
    <row r="308394" spans="8:8">
      <c r="H308394" s="12"/>
    </row>
    <row r="308395" spans="8:8">
      <c r="H308395" s="12"/>
    </row>
    <row r="308396" spans="8:8">
      <c r="H308396" s="12"/>
    </row>
    <row r="308397" spans="8:8">
      <c r="H308397" s="12"/>
    </row>
    <row r="308398" spans="8:8">
      <c r="H308398" s="12"/>
    </row>
    <row r="308399" spans="8:8">
      <c r="H308399" s="12"/>
    </row>
    <row r="308400" spans="8:8">
      <c r="H308400" s="12"/>
    </row>
    <row r="308401" spans="8:8">
      <c r="H308401" s="12"/>
    </row>
    <row r="308402" spans="8:8">
      <c r="H308402" s="12"/>
    </row>
    <row r="308403" spans="8:8">
      <c r="H308403" s="12"/>
    </row>
    <row r="308404" spans="8:8">
      <c r="H308404" s="12"/>
    </row>
    <row r="308405" spans="8:8">
      <c r="H308405" s="12"/>
    </row>
    <row r="308406" spans="8:8">
      <c r="H308406" s="12"/>
    </row>
    <row r="308407" spans="8:8">
      <c r="H308407" s="12"/>
    </row>
    <row r="308408" spans="8:8">
      <c r="H308408" s="12"/>
    </row>
    <row r="308409" spans="8:8">
      <c r="H308409" s="12"/>
    </row>
    <row r="308410" spans="8:8">
      <c r="H308410" s="12"/>
    </row>
    <row r="308411" spans="8:8">
      <c r="H308411" s="12"/>
    </row>
    <row r="308412" spans="8:8">
      <c r="H308412" s="12"/>
    </row>
    <row r="308413" spans="8:8">
      <c r="H308413" s="12"/>
    </row>
    <row r="308414" spans="8:8">
      <c r="H308414" s="12"/>
    </row>
    <row r="308415" spans="8:8">
      <c r="H308415" s="12"/>
    </row>
    <row r="308416" spans="8:8">
      <c r="H308416" s="12"/>
    </row>
    <row r="308417" spans="8:8">
      <c r="H308417" s="12"/>
    </row>
    <row r="308418" spans="8:8">
      <c r="H308418" s="12"/>
    </row>
    <row r="308419" spans="8:8">
      <c r="H308419" s="12"/>
    </row>
    <row r="308420" spans="8:8">
      <c r="H308420" s="12"/>
    </row>
    <row r="308421" spans="8:8">
      <c r="H308421" s="12"/>
    </row>
    <row r="308422" spans="8:8">
      <c r="H308422" s="12"/>
    </row>
    <row r="308423" spans="8:8">
      <c r="H308423" s="12"/>
    </row>
    <row r="308424" spans="8:8">
      <c r="H308424" s="12"/>
    </row>
    <row r="308425" spans="8:8">
      <c r="H308425" s="12"/>
    </row>
    <row r="308426" spans="8:8">
      <c r="H308426" s="12"/>
    </row>
    <row r="308427" spans="8:8">
      <c r="H308427" s="12"/>
    </row>
    <row r="308428" spans="8:8">
      <c r="H308428" s="12"/>
    </row>
    <row r="308429" spans="8:8">
      <c r="H308429" s="12"/>
    </row>
    <row r="308430" spans="8:8">
      <c r="H308430" s="12"/>
    </row>
    <row r="308431" spans="8:8">
      <c r="H308431" s="12"/>
    </row>
    <row r="308432" spans="8:8">
      <c r="H308432" s="12"/>
    </row>
    <row r="308433" spans="8:8">
      <c r="H308433" s="12"/>
    </row>
    <row r="308434" spans="8:8">
      <c r="H308434" s="12"/>
    </row>
    <row r="308435" spans="8:8">
      <c r="H308435" s="12"/>
    </row>
    <row r="308436" spans="8:8">
      <c r="H308436" s="12"/>
    </row>
    <row r="308437" spans="8:8">
      <c r="H308437" s="12"/>
    </row>
    <row r="308438" spans="8:8">
      <c r="H308438" s="12"/>
    </row>
    <row r="308439" spans="8:8">
      <c r="H308439" s="12"/>
    </row>
    <row r="308440" spans="8:8">
      <c r="H308440" s="12"/>
    </row>
    <row r="308441" spans="8:8">
      <c r="H308441" s="12"/>
    </row>
    <row r="308442" spans="8:8">
      <c r="H308442" s="12"/>
    </row>
    <row r="308443" spans="8:8">
      <c r="H308443" s="12"/>
    </row>
    <row r="308444" spans="8:8">
      <c r="H308444" s="12"/>
    </row>
    <row r="308445" spans="8:8">
      <c r="H308445" s="12"/>
    </row>
    <row r="308446" spans="8:8">
      <c r="H308446" s="12"/>
    </row>
    <row r="308447" spans="8:8">
      <c r="H308447" s="12"/>
    </row>
    <row r="308448" spans="8:8">
      <c r="H308448" s="12"/>
    </row>
    <row r="308449" spans="8:8">
      <c r="H308449" s="12"/>
    </row>
    <row r="308450" spans="8:8">
      <c r="H308450" s="12"/>
    </row>
    <row r="308451" spans="8:8">
      <c r="H308451" s="12"/>
    </row>
    <row r="308452" spans="8:8">
      <c r="H308452" s="12"/>
    </row>
    <row r="308453" spans="8:8">
      <c r="H308453" s="12"/>
    </row>
    <row r="308454" spans="8:8">
      <c r="H308454" s="12"/>
    </row>
    <row r="308455" spans="8:8">
      <c r="H308455" s="12"/>
    </row>
    <row r="308456" spans="8:8">
      <c r="H308456" s="12"/>
    </row>
    <row r="308457" spans="8:8">
      <c r="H308457" s="12"/>
    </row>
    <row r="308458" spans="8:8">
      <c r="H308458" s="12"/>
    </row>
    <row r="308459" spans="8:8">
      <c r="H308459" s="12"/>
    </row>
    <row r="308460" spans="8:8">
      <c r="H308460" s="12"/>
    </row>
    <row r="308461" spans="8:8">
      <c r="H308461" s="12"/>
    </row>
    <row r="308462" spans="8:8">
      <c r="H308462" s="12"/>
    </row>
    <row r="308463" spans="8:8">
      <c r="H308463" s="12"/>
    </row>
    <row r="308464" spans="8:8">
      <c r="H308464" s="12"/>
    </row>
    <row r="308465" spans="8:8">
      <c r="H308465" s="12"/>
    </row>
    <row r="308466" spans="8:8">
      <c r="H308466" s="12"/>
    </row>
    <row r="308467" spans="8:8">
      <c r="H308467" s="12"/>
    </row>
    <row r="308468" spans="8:8">
      <c r="H308468" s="12"/>
    </row>
    <row r="308469" spans="8:8">
      <c r="H308469" s="12"/>
    </row>
    <row r="308470" spans="8:8">
      <c r="H308470" s="12"/>
    </row>
    <row r="308471" spans="8:8">
      <c r="H308471" s="12"/>
    </row>
    <row r="308472" spans="8:8">
      <c r="H308472" s="12"/>
    </row>
    <row r="308473" spans="8:8">
      <c r="H308473" s="12"/>
    </row>
    <row r="308474" spans="8:8">
      <c r="H308474" s="12"/>
    </row>
    <row r="308475" spans="8:8">
      <c r="H308475" s="12"/>
    </row>
    <row r="308476" spans="8:8">
      <c r="H308476" s="12"/>
    </row>
    <row r="308477" spans="8:8">
      <c r="H308477" s="12"/>
    </row>
    <row r="308478" spans="8:8">
      <c r="H308478" s="12"/>
    </row>
    <row r="308479" spans="8:8">
      <c r="H308479" s="12"/>
    </row>
    <row r="308480" spans="8:8">
      <c r="H308480" s="12"/>
    </row>
    <row r="308481" spans="8:8">
      <c r="H308481" s="12"/>
    </row>
    <row r="308482" spans="8:8">
      <c r="H308482" s="12"/>
    </row>
    <row r="308483" spans="8:8">
      <c r="H308483" s="12"/>
    </row>
    <row r="308484" spans="8:8">
      <c r="H308484" s="12"/>
    </row>
    <row r="308485" spans="8:8">
      <c r="H308485" s="12"/>
    </row>
    <row r="308486" spans="8:8">
      <c r="H308486" s="12"/>
    </row>
    <row r="308487" spans="8:8">
      <c r="H308487" s="12"/>
    </row>
    <row r="308488" spans="8:8">
      <c r="H308488" s="12"/>
    </row>
    <row r="308489" spans="8:8">
      <c r="H308489" s="12"/>
    </row>
    <row r="308490" spans="8:8">
      <c r="H308490" s="12"/>
    </row>
    <row r="308491" spans="8:8">
      <c r="H308491" s="12"/>
    </row>
    <row r="308492" spans="8:8">
      <c r="H308492" s="12"/>
    </row>
    <row r="308493" spans="8:8">
      <c r="H308493" s="12"/>
    </row>
    <row r="308494" spans="8:8">
      <c r="H308494" s="12"/>
    </row>
    <row r="308495" spans="8:8">
      <c r="H308495" s="12"/>
    </row>
    <row r="308496" spans="8:8">
      <c r="H308496" s="12"/>
    </row>
    <row r="308497" spans="8:8">
      <c r="H308497" s="12"/>
    </row>
    <row r="308498" spans="8:8">
      <c r="H308498" s="12"/>
    </row>
    <row r="308499" spans="8:8">
      <c r="H308499" s="12"/>
    </row>
    <row r="308500" spans="8:8">
      <c r="H308500" s="12"/>
    </row>
    <row r="308501" spans="8:8">
      <c r="H308501" s="12"/>
    </row>
    <row r="308502" spans="8:8">
      <c r="H308502" s="12"/>
    </row>
    <row r="308503" spans="8:8">
      <c r="H308503" s="12"/>
    </row>
    <row r="308504" spans="8:8">
      <c r="H308504" s="12"/>
    </row>
    <row r="308505" spans="8:8">
      <c r="H308505" s="12"/>
    </row>
    <row r="308506" spans="8:8">
      <c r="H308506" s="12"/>
    </row>
    <row r="308507" spans="8:8">
      <c r="H308507" s="12"/>
    </row>
    <row r="308508" spans="8:8">
      <c r="H308508" s="12"/>
    </row>
    <row r="308509" spans="8:8">
      <c r="H308509" s="12"/>
    </row>
    <row r="308510" spans="8:8">
      <c r="H308510" s="12"/>
    </row>
    <row r="308511" spans="8:8">
      <c r="H308511" s="12"/>
    </row>
    <row r="308512" spans="8:8">
      <c r="H308512" s="12"/>
    </row>
    <row r="308513" spans="8:8">
      <c r="H308513" s="12"/>
    </row>
    <row r="308514" spans="8:8">
      <c r="H308514" s="12"/>
    </row>
    <row r="308515" spans="8:8">
      <c r="H308515" s="12"/>
    </row>
    <row r="308516" spans="8:8">
      <c r="H308516" s="12"/>
    </row>
    <row r="308517" spans="8:8">
      <c r="H308517" s="12"/>
    </row>
    <row r="308518" spans="8:8">
      <c r="H308518" s="12"/>
    </row>
    <row r="308519" spans="8:8">
      <c r="H308519" s="12"/>
    </row>
    <row r="308520" spans="8:8">
      <c r="H308520" s="12"/>
    </row>
    <row r="308521" spans="8:8">
      <c r="H308521" s="12"/>
    </row>
    <row r="308522" spans="8:8">
      <c r="H308522" s="12"/>
    </row>
    <row r="308523" spans="8:8">
      <c r="H308523" s="12"/>
    </row>
    <row r="308524" spans="8:8">
      <c r="H308524" s="12"/>
    </row>
    <row r="308525" spans="8:8">
      <c r="H308525" s="12"/>
    </row>
    <row r="308526" spans="8:8">
      <c r="H308526" s="12"/>
    </row>
    <row r="308527" spans="8:8">
      <c r="H308527" s="12"/>
    </row>
    <row r="308528" spans="8:8">
      <c r="H308528" s="12"/>
    </row>
    <row r="308529" spans="8:8">
      <c r="H308529" s="12"/>
    </row>
    <row r="308530" spans="8:8">
      <c r="H308530" s="12"/>
    </row>
    <row r="308531" spans="8:8">
      <c r="H308531" s="12"/>
    </row>
    <row r="308532" spans="8:8">
      <c r="H308532" s="12"/>
    </row>
    <row r="308533" spans="8:8">
      <c r="H308533" s="12"/>
    </row>
    <row r="308534" spans="8:8">
      <c r="H308534" s="12"/>
    </row>
    <row r="308535" spans="8:8">
      <c r="H308535" s="12"/>
    </row>
    <row r="308536" spans="8:8">
      <c r="H308536" s="12"/>
    </row>
    <row r="308537" spans="8:8">
      <c r="H308537" s="12"/>
    </row>
    <row r="308538" spans="8:8">
      <c r="H308538" s="12"/>
    </row>
    <row r="308539" spans="8:8">
      <c r="H308539" s="12"/>
    </row>
    <row r="308540" spans="8:8">
      <c r="H308540" s="12"/>
    </row>
    <row r="308541" spans="8:8">
      <c r="H308541" s="12"/>
    </row>
    <row r="308542" spans="8:8">
      <c r="H308542" s="12"/>
    </row>
    <row r="308543" spans="8:8">
      <c r="H308543" s="12"/>
    </row>
    <row r="308544" spans="8:8">
      <c r="H308544" s="12"/>
    </row>
    <row r="308545" spans="8:8">
      <c r="H308545" s="12"/>
    </row>
    <row r="308546" spans="8:8">
      <c r="H308546" s="12"/>
    </row>
    <row r="308547" spans="8:8">
      <c r="H308547" s="12"/>
    </row>
    <row r="308548" spans="8:8">
      <c r="H308548" s="12"/>
    </row>
    <row r="308549" spans="8:8">
      <c r="H308549" s="12"/>
    </row>
    <row r="308550" spans="8:8">
      <c r="H308550" s="12"/>
    </row>
    <row r="308551" spans="8:8">
      <c r="H308551" s="12"/>
    </row>
    <row r="308552" spans="8:8">
      <c r="H308552" s="12"/>
    </row>
    <row r="308553" spans="8:8">
      <c r="H308553" s="12"/>
    </row>
    <row r="308554" spans="8:8">
      <c r="H308554" s="12"/>
    </row>
    <row r="308555" spans="8:8">
      <c r="H308555" s="12"/>
    </row>
    <row r="308556" spans="8:8">
      <c r="H308556" s="12"/>
    </row>
    <row r="308557" spans="8:8">
      <c r="H308557" s="12"/>
    </row>
    <row r="308558" spans="8:8">
      <c r="H308558" s="12"/>
    </row>
    <row r="308559" spans="8:8">
      <c r="H308559" s="12"/>
    </row>
    <row r="308560" spans="8:8">
      <c r="H308560" s="12"/>
    </row>
    <row r="308561" spans="8:8">
      <c r="H308561" s="12"/>
    </row>
    <row r="308562" spans="8:8">
      <c r="H308562" s="12"/>
    </row>
    <row r="308563" spans="8:8">
      <c r="H308563" s="12"/>
    </row>
    <row r="308564" spans="8:8">
      <c r="H308564" s="12"/>
    </row>
    <row r="308565" spans="8:8">
      <c r="H308565" s="12"/>
    </row>
    <row r="308566" spans="8:8">
      <c r="H308566" s="12"/>
    </row>
    <row r="308567" spans="8:8">
      <c r="H308567" s="12"/>
    </row>
    <row r="308568" spans="8:8">
      <c r="H308568" s="12"/>
    </row>
    <row r="308569" spans="8:8">
      <c r="H308569" s="12"/>
    </row>
    <row r="308570" spans="8:8">
      <c r="H308570" s="12"/>
    </row>
    <row r="308571" spans="8:8">
      <c r="H308571" s="12"/>
    </row>
    <row r="308572" spans="8:8">
      <c r="H308572" s="12"/>
    </row>
    <row r="308573" spans="8:8">
      <c r="H308573" s="12"/>
    </row>
    <row r="308574" spans="8:8">
      <c r="H308574" s="12"/>
    </row>
    <row r="308575" spans="8:8">
      <c r="H308575" s="12"/>
    </row>
    <row r="308576" spans="8:8">
      <c r="H308576" s="12"/>
    </row>
    <row r="308577" spans="8:8">
      <c r="H308577" s="12"/>
    </row>
    <row r="308578" spans="8:8">
      <c r="H308578" s="12"/>
    </row>
    <row r="308579" spans="8:8">
      <c r="H308579" s="12"/>
    </row>
    <row r="308580" spans="8:8">
      <c r="H308580" s="12"/>
    </row>
    <row r="308581" spans="8:8">
      <c r="H308581" s="12"/>
    </row>
    <row r="308582" spans="8:8">
      <c r="H308582" s="12"/>
    </row>
    <row r="308583" spans="8:8">
      <c r="H308583" s="12"/>
    </row>
    <row r="308584" spans="8:8">
      <c r="H308584" s="12"/>
    </row>
    <row r="308585" spans="8:8">
      <c r="H308585" s="12"/>
    </row>
    <row r="308586" spans="8:8">
      <c r="H308586" s="12"/>
    </row>
    <row r="308587" spans="8:8">
      <c r="H308587" s="12"/>
    </row>
    <row r="308588" spans="8:8">
      <c r="H308588" s="12"/>
    </row>
    <row r="308589" spans="8:8">
      <c r="H308589" s="12"/>
    </row>
    <row r="308590" spans="8:8">
      <c r="H308590" s="12"/>
    </row>
    <row r="308591" spans="8:8">
      <c r="H308591" s="12"/>
    </row>
    <row r="308592" spans="8:8">
      <c r="H308592" s="12"/>
    </row>
    <row r="308593" spans="8:8">
      <c r="H308593" s="12"/>
    </row>
    <row r="308594" spans="8:8">
      <c r="H308594" s="12"/>
    </row>
    <row r="308595" spans="8:8">
      <c r="H308595" s="12"/>
    </row>
    <row r="308596" spans="8:8">
      <c r="H308596" s="12"/>
    </row>
    <row r="308597" spans="8:8">
      <c r="H308597" s="12"/>
    </row>
    <row r="308598" spans="8:8">
      <c r="H308598" s="12"/>
    </row>
    <row r="308599" spans="8:8">
      <c r="H308599" s="12"/>
    </row>
    <row r="308600" spans="8:8">
      <c r="H308600" s="12"/>
    </row>
    <row r="308601" spans="8:8">
      <c r="H308601" s="12"/>
    </row>
    <row r="308602" spans="8:8">
      <c r="H308602" s="12"/>
    </row>
    <row r="308603" spans="8:8">
      <c r="H308603" s="12"/>
    </row>
    <row r="308604" spans="8:8">
      <c r="H308604" s="12"/>
    </row>
    <row r="308605" spans="8:8">
      <c r="H308605" s="12"/>
    </row>
    <row r="308606" spans="8:8">
      <c r="H308606" s="12"/>
    </row>
    <row r="308607" spans="8:8">
      <c r="H308607" s="12"/>
    </row>
    <row r="308608" spans="8:8">
      <c r="H308608" s="12"/>
    </row>
    <row r="308609" spans="8:8">
      <c r="H308609" s="12"/>
    </row>
    <row r="308610" spans="8:8">
      <c r="H308610" s="12"/>
    </row>
    <row r="308611" spans="8:8">
      <c r="H308611" s="12"/>
    </row>
    <row r="308612" spans="8:8">
      <c r="H308612" s="12"/>
    </row>
    <row r="308613" spans="8:8">
      <c r="H308613" s="12"/>
    </row>
    <row r="308614" spans="8:8">
      <c r="H308614" s="12"/>
    </row>
    <row r="308615" spans="8:8">
      <c r="H308615" s="12"/>
    </row>
    <row r="308616" spans="8:8">
      <c r="H308616" s="12"/>
    </row>
    <row r="308617" spans="8:8">
      <c r="H308617" s="12"/>
    </row>
    <row r="308618" spans="8:8">
      <c r="H308618" s="12"/>
    </row>
    <row r="308619" spans="8:8">
      <c r="H308619" s="12"/>
    </row>
    <row r="308620" spans="8:8">
      <c r="H308620" s="12"/>
    </row>
    <row r="308621" spans="8:8">
      <c r="H308621" s="12"/>
    </row>
    <row r="308622" spans="8:8">
      <c r="H308622" s="12"/>
    </row>
    <row r="308623" spans="8:8">
      <c r="H308623" s="12"/>
    </row>
    <row r="308624" spans="8:8">
      <c r="H308624" s="12"/>
    </row>
    <row r="308625" spans="8:8">
      <c r="H308625" s="12"/>
    </row>
    <row r="308626" spans="8:8">
      <c r="H308626" s="12"/>
    </row>
    <row r="308627" spans="8:8">
      <c r="H308627" s="12"/>
    </row>
    <row r="308628" spans="8:8">
      <c r="H308628" s="12"/>
    </row>
    <row r="308629" spans="8:8">
      <c r="H308629" s="12"/>
    </row>
    <row r="308630" spans="8:8">
      <c r="H308630" s="12"/>
    </row>
    <row r="308631" spans="8:8">
      <c r="H308631" s="12"/>
    </row>
    <row r="308632" spans="8:8">
      <c r="H308632" s="12"/>
    </row>
    <row r="308633" spans="8:8">
      <c r="H308633" s="12"/>
    </row>
    <row r="308634" spans="8:8">
      <c r="H308634" s="12"/>
    </row>
    <row r="308635" spans="8:8">
      <c r="H308635" s="12"/>
    </row>
    <row r="308636" spans="8:8">
      <c r="H308636" s="12"/>
    </row>
    <row r="308637" spans="8:8">
      <c r="H308637" s="12"/>
    </row>
    <row r="308638" spans="8:8">
      <c r="H308638" s="12"/>
    </row>
    <row r="308639" spans="8:8">
      <c r="H308639" s="12"/>
    </row>
    <row r="308640" spans="8:8">
      <c r="H308640" s="12"/>
    </row>
    <row r="308641" spans="8:8">
      <c r="H308641" s="12"/>
    </row>
    <row r="308642" spans="8:8">
      <c r="H308642" s="12"/>
    </row>
    <row r="308643" spans="8:8">
      <c r="H308643" s="12"/>
    </row>
    <row r="308644" spans="8:8">
      <c r="H308644" s="12"/>
    </row>
    <row r="308645" spans="8:8">
      <c r="H308645" s="12"/>
    </row>
    <row r="308646" spans="8:8">
      <c r="H308646" s="12"/>
    </row>
    <row r="308647" spans="8:8">
      <c r="H308647" s="12"/>
    </row>
    <row r="308648" spans="8:8">
      <c r="H308648" s="12"/>
    </row>
    <row r="308649" spans="8:8">
      <c r="H308649" s="12"/>
    </row>
    <row r="308650" spans="8:8">
      <c r="H308650" s="12"/>
    </row>
    <row r="308651" spans="8:8">
      <c r="H308651" s="12"/>
    </row>
    <row r="308652" spans="8:8">
      <c r="H308652" s="12"/>
    </row>
    <row r="308653" spans="8:8">
      <c r="H308653" s="12"/>
    </row>
    <row r="308654" spans="8:8">
      <c r="H308654" s="12"/>
    </row>
    <row r="308655" spans="8:8">
      <c r="H308655" s="12"/>
    </row>
    <row r="308656" spans="8:8">
      <c r="H308656" s="12"/>
    </row>
    <row r="308657" spans="8:8">
      <c r="H308657" s="12"/>
    </row>
    <row r="308658" spans="8:8">
      <c r="H308658" s="12"/>
    </row>
    <row r="308659" spans="8:8">
      <c r="H308659" s="12"/>
    </row>
    <row r="308660" spans="8:8">
      <c r="H308660" s="12"/>
    </row>
    <row r="308661" spans="8:8">
      <c r="H308661" s="12"/>
    </row>
    <row r="308662" spans="8:8">
      <c r="H308662" s="12"/>
    </row>
    <row r="308663" spans="8:8">
      <c r="H308663" s="12"/>
    </row>
    <row r="308664" spans="8:8">
      <c r="H308664" s="12"/>
    </row>
    <row r="308665" spans="8:8">
      <c r="H308665" s="12"/>
    </row>
    <row r="308666" spans="8:8">
      <c r="H308666" s="12"/>
    </row>
    <row r="308667" spans="8:8">
      <c r="H308667" s="12"/>
    </row>
    <row r="308668" spans="8:8">
      <c r="H308668" s="12"/>
    </row>
    <row r="308669" spans="8:8">
      <c r="H308669" s="12"/>
    </row>
    <row r="308670" spans="8:8">
      <c r="H308670" s="12"/>
    </row>
    <row r="308671" spans="8:8">
      <c r="H308671" s="12"/>
    </row>
    <row r="308672" spans="8:8">
      <c r="H308672" s="12"/>
    </row>
    <row r="308673" spans="8:8">
      <c r="H308673" s="12"/>
    </row>
    <row r="308674" spans="8:8">
      <c r="H308674" s="12"/>
    </row>
    <row r="308675" spans="8:8">
      <c r="H308675" s="12"/>
    </row>
    <row r="308676" spans="8:8">
      <c r="H308676" s="12"/>
    </row>
    <row r="308677" spans="8:8">
      <c r="H308677" s="12"/>
    </row>
    <row r="308678" spans="8:8">
      <c r="H308678" s="12"/>
    </row>
    <row r="308679" spans="8:8">
      <c r="H308679" s="12"/>
    </row>
    <row r="308680" spans="8:8">
      <c r="H308680" s="12"/>
    </row>
    <row r="308681" spans="8:8">
      <c r="H308681" s="12"/>
    </row>
    <row r="308682" spans="8:8">
      <c r="H308682" s="12"/>
    </row>
    <row r="308683" spans="8:8">
      <c r="H308683" s="12"/>
    </row>
    <row r="308684" spans="8:8">
      <c r="H308684" s="12"/>
    </row>
    <row r="308685" spans="8:8">
      <c r="H308685" s="12"/>
    </row>
    <row r="308686" spans="8:8">
      <c r="H308686" s="12"/>
    </row>
    <row r="308687" spans="8:8">
      <c r="H308687" s="12"/>
    </row>
    <row r="308688" spans="8:8">
      <c r="H308688" s="12"/>
    </row>
    <row r="308689" spans="8:8">
      <c r="H308689" s="12"/>
    </row>
    <row r="308690" spans="8:8">
      <c r="H308690" s="12"/>
    </row>
    <row r="308691" spans="8:8">
      <c r="H308691" s="12"/>
    </row>
    <row r="308692" spans="8:8">
      <c r="H308692" s="12"/>
    </row>
    <row r="308693" spans="8:8">
      <c r="H308693" s="12"/>
    </row>
    <row r="308694" spans="8:8">
      <c r="H308694" s="12"/>
    </row>
    <row r="308695" spans="8:8">
      <c r="H308695" s="12"/>
    </row>
    <row r="308696" spans="8:8">
      <c r="H308696" s="12"/>
    </row>
    <row r="308697" spans="8:8">
      <c r="H308697" s="12"/>
    </row>
    <row r="308698" spans="8:8">
      <c r="H308698" s="12"/>
    </row>
    <row r="308699" spans="8:8">
      <c r="H308699" s="12"/>
    </row>
    <row r="308700" spans="8:8">
      <c r="H308700" s="12"/>
    </row>
    <row r="308701" spans="8:8">
      <c r="H308701" s="12"/>
    </row>
    <row r="308702" spans="8:8">
      <c r="H308702" s="12"/>
    </row>
    <row r="308703" spans="8:8">
      <c r="H308703" s="12"/>
    </row>
    <row r="308704" spans="8:8">
      <c r="H308704" s="12"/>
    </row>
    <row r="308705" spans="8:8">
      <c r="H308705" s="12"/>
    </row>
    <row r="308706" spans="8:8">
      <c r="H308706" s="12"/>
    </row>
    <row r="308707" spans="8:8">
      <c r="H308707" s="12"/>
    </row>
    <row r="308708" spans="8:8">
      <c r="H308708" s="12"/>
    </row>
    <row r="308709" spans="8:8">
      <c r="H308709" s="12"/>
    </row>
    <row r="308710" spans="8:8">
      <c r="H308710" s="12"/>
    </row>
    <row r="308711" spans="8:8">
      <c r="H308711" s="12"/>
    </row>
    <row r="308712" spans="8:8">
      <c r="H308712" s="12"/>
    </row>
    <row r="308713" spans="8:8">
      <c r="H308713" s="12"/>
    </row>
    <row r="308714" spans="8:8">
      <c r="H308714" s="12"/>
    </row>
    <row r="308715" spans="8:8">
      <c r="H308715" s="12"/>
    </row>
    <row r="308716" spans="8:8">
      <c r="H308716" s="12"/>
    </row>
    <row r="308717" spans="8:8">
      <c r="H308717" s="12"/>
    </row>
    <row r="308718" spans="8:8">
      <c r="H308718" s="12"/>
    </row>
    <row r="308719" spans="8:8">
      <c r="H308719" s="12"/>
    </row>
    <row r="308720" spans="8:8">
      <c r="H308720" s="12"/>
    </row>
    <row r="308721" spans="8:8">
      <c r="H308721" s="12"/>
    </row>
    <row r="308722" spans="8:8">
      <c r="H308722" s="12"/>
    </row>
    <row r="308723" spans="8:8">
      <c r="H308723" s="12"/>
    </row>
    <row r="308724" spans="8:8">
      <c r="H308724" s="12"/>
    </row>
    <row r="308725" spans="8:8">
      <c r="H308725" s="12"/>
    </row>
    <row r="308726" spans="8:8">
      <c r="H308726" s="12"/>
    </row>
    <row r="308727" spans="8:8">
      <c r="H308727" s="12"/>
    </row>
    <row r="308728" spans="8:8">
      <c r="H308728" s="12"/>
    </row>
    <row r="308729" spans="8:8">
      <c r="H308729" s="12"/>
    </row>
    <row r="308730" spans="8:8">
      <c r="H308730" s="12"/>
    </row>
    <row r="308731" spans="8:8">
      <c r="H308731" s="12"/>
    </row>
    <row r="308732" spans="8:8">
      <c r="H308732" s="12"/>
    </row>
    <row r="308733" spans="8:8">
      <c r="H308733" s="12"/>
    </row>
    <row r="308734" spans="8:8">
      <c r="H308734" s="12"/>
    </row>
    <row r="308735" spans="8:8">
      <c r="H308735" s="12"/>
    </row>
    <row r="308736" spans="8:8">
      <c r="H308736" s="12"/>
    </row>
    <row r="308737" spans="8:8">
      <c r="H308737" s="12"/>
    </row>
    <row r="308738" spans="8:8">
      <c r="H308738" s="12"/>
    </row>
    <row r="308739" spans="8:8">
      <c r="H308739" s="12"/>
    </row>
    <row r="308740" spans="8:8">
      <c r="H308740" s="12"/>
    </row>
    <row r="308741" spans="8:8">
      <c r="H308741" s="12"/>
    </row>
    <row r="308742" spans="8:8">
      <c r="H308742" s="12"/>
    </row>
    <row r="308743" spans="8:8">
      <c r="H308743" s="12"/>
    </row>
    <row r="308744" spans="8:8">
      <c r="H308744" s="12"/>
    </row>
    <row r="308745" spans="8:8">
      <c r="H308745" s="12"/>
    </row>
    <row r="308746" spans="8:8">
      <c r="H308746" s="12"/>
    </row>
    <row r="308747" spans="8:8">
      <c r="H308747" s="12"/>
    </row>
    <row r="308748" spans="8:8">
      <c r="H308748" s="12"/>
    </row>
    <row r="308749" spans="8:8">
      <c r="H308749" s="12"/>
    </row>
    <row r="308750" spans="8:8">
      <c r="H308750" s="12"/>
    </row>
    <row r="308751" spans="8:8">
      <c r="H308751" s="12"/>
    </row>
    <row r="308752" spans="8:8">
      <c r="H308752" s="12"/>
    </row>
    <row r="308753" spans="8:8">
      <c r="H308753" s="12"/>
    </row>
    <row r="308754" spans="8:8">
      <c r="H308754" s="12"/>
    </row>
    <row r="308755" spans="8:8">
      <c r="H308755" s="12"/>
    </row>
    <row r="308756" spans="8:8">
      <c r="H308756" s="12"/>
    </row>
    <row r="308757" spans="8:8">
      <c r="H308757" s="12"/>
    </row>
    <row r="308758" spans="8:8">
      <c r="H308758" s="12"/>
    </row>
    <row r="308759" spans="8:8">
      <c r="H308759" s="12"/>
    </row>
    <row r="308760" spans="8:8">
      <c r="H308760" s="12"/>
    </row>
    <row r="308761" spans="8:8">
      <c r="H308761" s="12"/>
    </row>
    <row r="308762" spans="8:8">
      <c r="H308762" s="12"/>
    </row>
    <row r="308763" spans="8:8">
      <c r="H308763" s="12"/>
    </row>
    <row r="308764" spans="8:8">
      <c r="H308764" s="12"/>
    </row>
    <row r="308765" spans="8:8">
      <c r="H308765" s="12"/>
    </row>
    <row r="308766" spans="8:8">
      <c r="H308766" s="12"/>
    </row>
    <row r="308767" spans="8:8">
      <c r="H308767" s="12"/>
    </row>
    <row r="308768" spans="8:8">
      <c r="H308768" s="12"/>
    </row>
    <row r="308769" spans="8:8">
      <c r="H308769" s="12"/>
    </row>
    <row r="308770" spans="8:8">
      <c r="H308770" s="12"/>
    </row>
    <row r="308771" spans="8:8">
      <c r="H308771" s="12"/>
    </row>
    <row r="308772" spans="8:8">
      <c r="H308772" s="12"/>
    </row>
    <row r="308773" spans="8:8">
      <c r="H308773" s="12"/>
    </row>
    <row r="308774" spans="8:8">
      <c r="H308774" s="12"/>
    </row>
    <row r="308775" spans="8:8">
      <c r="H308775" s="12"/>
    </row>
    <row r="308776" spans="8:8">
      <c r="H308776" s="12"/>
    </row>
    <row r="308777" spans="8:8">
      <c r="H308777" s="12"/>
    </row>
    <row r="308778" spans="8:8">
      <c r="H308778" s="12"/>
    </row>
    <row r="308779" spans="8:8">
      <c r="H308779" s="12"/>
    </row>
    <row r="308780" spans="8:8">
      <c r="H308780" s="12"/>
    </row>
    <row r="308781" spans="8:8">
      <c r="H308781" s="12"/>
    </row>
    <row r="308782" spans="8:8">
      <c r="H308782" s="12"/>
    </row>
    <row r="308783" spans="8:8">
      <c r="H308783" s="12"/>
    </row>
    <row r="308784" spans="8:8">
      <c r="H308784" s="12"/>
    </row>
    <row r="308785" spans="8:8">
      <c r="H308785" s="12"/>
    </row>
    <row r="308786" spans="8:8">
      <c r="H308786" s="12"/>
    </row>
    <row r="308787" spans="8:8">
      <c r="H308787" s="12"/>
    </row>
    <row r="308788" spans="8:8">
      <c r="H308788" s="12"/>
    </row>
    <row r="308789" spans="8:8">
      <c r="H308789" s="12"/>
    </row>
    <row r="308790" spans="8:8">
      <c r="H308790" s="12"/>
    </row>
    <row r="308791" spans="8:8">
      <c r="H308791" s="12"/>
    </row>
    <row r="308792" spans="8:8">
      <c r="H308792" s="12"/>
    </row>
    <row r="308793" spans="8:8">
      <c r="H308793" s="12"/>
    </row>
    <row r="308794" spans="8:8">
      <c r="H308794" s="12"/>
    </row>
    <row r="308795" spans="8:8">
      <c r="H308795" s="12"/>
    </row>
    <row r="308796" spans="8:8">
      <c r="H308796" s="12"/>
    </row>
    <row r="308797" spans="8:8">
      <c r="H308797" s="12"/>
    </row>
    <row r="308798" spans="8:8">
      <c r="H308798" s="12"/>
    </row>
    <row r="308799" spans="8:8">
      <c r="H308799" s="12"/>
    </row>
    <row r="308800" spans="8:8">
      <c r="H308800" s="12"/>
    </row>
    <row r="308801" spans="8:8">
      <c r="H308801" s="12"/>
    </row>
    <row r="308802" spans="8:8">
      <c r="H308802" s="12"/>
    </row>
    <row r="308803" spans="8:8">
      <c r="H308803" s="12"/>
    </row>
    <row r="308804" spans="8:8">
      <c r="H308804" s="12"/>
    </row>
    <row r="308805" spans="8:8">
      <c r="H308805" s="12"/>
    </row>
    <row r="308806" spans="8:8">
      <c r="H308806" s="12"/>
    </row>
    <row r="308807" spans="8:8">
      <c r="H308807" s="12"/>
    </row>
    <row r="308808" spans="8:8">
      <c r="H308808" s="12"/>
    </row>
    <row r="308809" spans="8:8">
      <c r="H308809" s="12"/>
    </row>
    <row r="308810" spans="8:8">
      <c r="H308810" s="12"/>
    </row>
    <row r="308811" spans="8:8">
      <c r="H308811" s="12"/>
    </row>
    <row r="308812" spans="8:8">
      <c r="H308812" s="12"/>
    </row>
    <row r="308813" spans="8:8">
      <c r="H308813" s="12"/>
    </row>
    <row r="308814" spans="8:8">
      <c r="H308814" s="12"/>
    </row>
    <row r="308815" spans="8:8">
      <c r="H308815" s="12"/>
    </row>
    <row r="308816" spans="8:8">
      <c r="H308816" s="12"/>
    </row>
    <row r="308817" spans="8:8">
      <c r="H308817" s="12"/>
    </row>
    <row r="308818" spans="8:8">
      <c r="H308818" s="12"/>
    </row>
    <row r="308819" spans="8:8">
      <c r="H308819" s="12"/>
    </row>
    <row r="308820" spans="8:8">
      <c r="H308820" s="12"/>
    </row>
    <row r="308821" spans="8:8">
      <c r="H308821" s="12"/>
    </row>
    <row r="308822" spans="8:8">
      <c r="H308822" s="12"/>
    </row>
    <row r="308823" spans="8:8">
      <c r="H308823" s="12"/>
    </row>
    <row r="308824" spans="8:8">
      <c r="H308824" s="12"/>
    </row>
    <row r="308825" spans="8:8">
      <c r="H308825" s="12"/>
    </row>
    <row r="308826" spans="8:8">
      <c r="H308826" s="12"/>
    </row>
    <row r="308827" spans="8:8">
      <c r="H308827" s="12"/>
    </row>
    <row r="308828" spans="8:8">
      <c r="H308828" s="12"/>
    </row>
    <row r="308829" spans="8:8">
      <c r="H308829" s="12"/>
    </row>
    <row r="308830" spans="8:8">
      <c r="H308830" s="12"/>
    </row>
    <row r="308831" spans="8:8">
      <c r="H308831" s="12"/>
    </row>
    <row r="308832" spans="8:8">
      <c r="H308832" s="12"/>
    </row>
    <row r="308833" spans="8:8">
      <c r="H308833" s="12"/>
    </row>
    <row r="308834" spans="8:8">
      <c r="H308834" s="12"/>
    </row>
    <row r="308835" spans="8:8">
      <c r="H308835" s="12"/>
    </row>
    <row r="308836" spans="8:8">
      <c r="H308836" s="12"/>
    </row>
    <row r="308837" spans="8:8">
      <c r="H308837" s="12"/>
    </row>
    <row r="308838" spans="8:8">
      <c r="H308838" s="12"/>
    </row>
    <row r="308839" spans="8:8">
      <c r="H308839" s="12"/>
    </row>
    <row r="308840" spans="8:8">
      <c r="H308840" s="12"/>
    </row>
    <row r="308841" spans="8:8">
      <c r="H308841" s="12"/>
    </row>
    <row r="308842" spans="8:8">
      <c r="H308842" s="12"/>
    </row>
    <row r="308843" spans="8:8">
      <c r="H308843" s="12"/>
    </row>
    <row r="308844" spans="8:8">
      <c r="H308844" s="12"/>
    </row>
    <row r="308845" spans="8:8">
      <c r="H308845" s="12"/>
    </row>
    <row r="308846" spans="8:8">
      <c r="H308846" s="12"/>
    </row>
    <row r="308847" spans="8:8">
      <c r="H308847" s="12"/>
    </row>
    <row r="308848" spans="8:8">
      <c r="H308848" s="12"/>
    </row>
    <row r="308849" spans="8:8">
      <c r="H308849" s="12"/>
    </row>
    <row r="308850" spans="8:8">
      <c r="H308850" s="12"/>
    </row>
    <row r="308851" spans="8:8">
      <c r="H308851" s="12"/>
    </row>
    <row r="308852" spans="8:8">
      <c r="H308852" s="12"/>
    </row>
    <row r="308853" spans="8:8">
      <c r="H308853" s="12"/>
    </row>
    <row r="308854" spans="8:8">
      <c r="H308854" s="12"/>
    </row>
    <row r="308855" spans="8:8">
      <c r="H308855" s="12"/>
    </row>
    <row r="308856" spans="8:8">
      <c r="H308856" s="12"/>
    </row>
    <row r="308857" spans="8:8">
      <c r="H308857" s="12"/>
    </row>
    <row r="308858" spans="8:8">
      <c r="H308858" s="12"/>
    </row>
    <row r="308859" spans="8:8">
      <c r="H308859" s="12"/>
    </row>
    <row r="308860" spans="8:8">
      <c r="H308860" s="12"/>
    </row>
    <row r="308861" spans="8:8">
      <c r="H308861" s="12"/>
    </row>
    <row r="308862" spans="8:8">
      <c r="H308862" s="12"/>
    </row>
    <row r="308863" spans="8:8">
      <c r="H308863" s="12"/>
    </row>
    <row r="308864" spans="8:8">
      <c r="H308864" s="12"/>
    </row>
    <row r="308865" spans="8:8">
      <c r="H308865" s="12"/>
    </row>
    <row r="308866" spans="8:8">
      <c r="H308866" s="12"/>
    </row>
    <row r="308867" spans="8:8">
      <c r="H308867" s="12"/>
    </row>
    <row r="308868" spans="8:8">
      <c r="H308868" s="12"/>
    </row>
    <row r="308869" spans="8:8">
      <c r="H308869" s="12"/>
    </row>
    <row r="308870" spans="8:8">
      <c r="H308870" s="12"/>
    </row>
    <row r="308871" spans="8:8">
      <c r="H308871" s="12"/>
    </row>
    <row r="308872" spans="8:8">
      <c r="H308872" s="12"/>
    </row>
    <row r="308873" spans="8:8">
      <c r="H308873" s="12"/>
    </row>
    <row r="308874" spans="8:8">
      <c r="H308874" s="12"/>
    </row>
    <row r="308875" spans="8:8">
      <c r="H308875" s="12"/>
    </row>
    <row r="308876" spans="8:8">
      <c r="H308876" s="12"/>
    </row>
    <row r="308877" spans="8:8">
      <c r="H308877" s="12"/>
    </row>
    <row r="308878" spans="8:8">
      <c r="H308878" s="12"/>
    </row>
    <row r="308879" spans="8:8">
      <c r="H308879" s="12"/>
    </row>
    <row r="308880" spans="8:8">
      <c r="H308880" s="12"/>
    </row>
    <row r="308881" spans="8:8">
      <c r="H308881" s="12"/>
    </row>
    <row r="308882" spans="8:8">
      <c r="H308882" s="12"/>
    </row>
    <row r="308883" spans="8:8">
      <c r="H308883" s="12"/>
    </row>
    <row r="308884" spans="8:8">
      <c r="H308884" s="12"/>
    </row>
    <row r="308885" spans="8:8">
      <c r="H308885" s="12"/>
    </row>
    <row r="308886" spans="8:8">
      <c r="H308886" s="12"/>
    </row>
    <row r="308887" spans="8:8">
      <c r="H308887" s="12"/>
    </row>
    <row r="308888" spans="8:8">
      <c r="H308888" s="12"/>
    </row>
    <row r="308889" spans="8:8">
      <c r="H308889" s="12"/>
    </row>
    <row r="308890" spans="8:8">
      <c r="H308890" s="12"/>
    </row>
    <row r="308891" spans="8:8">
      <c r="H308891" s="12"/>
    </row>
    <row r="308892" spans="8:8">
      <c r="H308892" s="12"/>
    </row>
    <row r="308893" spans="8:8">
      <c r="H308893" s="12"/>
    </row>
    <row r="308894" spans="8:8">
      <c r="H308894" s="12"/>
    </row>
    <row r="308895" spans="8:8">
      <c r="H308895" s="12"/>
    </row>
    <row r="308896" spans="8:8">
      <c r="H308896" s="12"/>
    </row>
    <row r="308897" spans="8:8">
      <c r="H308897" s="12"/>
    </row>
    <row r="308898" spans="8:8">
      <c r="H308898" s="12"/>
    </row>
    <row r="308899" spans="8:8">
      <c r="H308899" s="12"/>
    </row>
    <row r="308900" spans="8:8">
      <c r="H308900" s="12"/>
    </row>
    <row r="308901" spans="8:8">
      <c r="H308901" s="12"/>
    </row>
    <row r="308902" spans="8:8">
      <c r="H308902" s="12"/>
    </row>
    <row r="308903" spans="8:8">
      <c r="H308903" s="12"/>
    </row>
    <row r="308904" spans="8:8">
      <c r="H308904" s="12"/>
    </row>
    <row r="308905" spans="8:8">
      <c r="H308905" s="12"/>
    </row>
    <row r="308906" spans="8:8">
      <c r="H308906" s="12"/>
    </row>
    <row r="308907" spans="8:8">
      <c r="H308907" s="12"/>
    </row>
    <row r="308908" spans="8:8">
      <c r="H308908" s="12"/>
    </row>
    <row r="308909" spans="8:8">
      <c r="H308909" s="12"/>
    </row>
    <row r="308910" spans="8:8">
      <c r="H308910" s="12"/>
    </row>
    <row r="308911" spans="8:8">
      <c r="H308911" s="12"/>
    </row>
    <row r="308912" spans="8:8">
      <c r="H308912" s="12"/>
    </row>
    <row r="308913" spans="8:8">
      <c r="H308913" s="12"/>
    </row>
    <row r="308914" spans="8:8">
      <c r="H308914" s="12"/>
    </row>
    <row r="308915" spans="8:8">
      <c r="H308915" s="12"/>
    </row>
    <row r="308916" spans="8:8">
      <c r="H308916" s="12"/>
    </row>
    <row r="308917" spans="8:8">
      <c r="H308917" s="12"/>
    </row>
    <row r="308918" spans="8:8">
      <c r="H308918" s="12"/>
    </row>
    <row r="308919" spans="8:8">
      <c r="H308919" s="12"/>
    </row>
    <row r="308920" spans="8:8">
      <c r="H308920" s="12"/>
    </row>
    <row r="308921" spans="8:8">
      <c r="H308921" s="12"/>
    </row>
    <row r="308922" spans="8:8">
      <c r="H308922" s="12"/>
    </row>
    <row r="308923" spans="8:8">
      <c r="H308923" s="12"/>
    </row>
    <row r="308924" spans="8:8">
      <c r="H308924" s="12"/>
    </row>
    <row r="308925" spans="8:8">
      <c r="H308925" s="12"/>
    </row>
    <row r="308926" spans="8:8">
      <c r="H308926" s="12"/>
    </row>
    <row r="308927" spans="8:8">
      <c r="H308927" s="12"/>
    </row>
    <row r="308928" spans="8:8">
      <c r="H308928" s="12"/>
    </row>
    <row r="308929" spans="8:8">
      <c r="H308929" s="12"/>
    </row>
    <row r="308930" spans="8:8">
      <c r="H308930" s="12"/>
    </row>
    <row r="308931" spans="8:8">
      <c r="H308931" s="12"/>
    </row>
    <row r="308932" spans="8:8">
      <c r="H308932" s="12"/>
    </row>
    <row r="308933" spans="8:8">
      <c r="H308933" s="12"/>
    </row>
    <row r="308934" spans="8:8">
      <c r="H308934" s="12"/>
    </row>
    <row r="308935" spans="8:8">
      <c r="H308935" s="12"/>
    </row>
    <row r="308936" spans="8:8">
      <c r="H308936" s="12"/>
    </row>
    <row r="308937" spans="8:8">
      <c r="H308937" s="12"/>
    </row>
    <row r="308938" spans="8:8">
      <c r="H308938" s="12"/>
    </row>
    <row r="308939" spans="8:8">
      <c r="H308939" s="12"/>
    </row>
    <row r="308940" spans="8:8">
      <c r="H308940" s="12"/>
    </row>
    <row r="308941" spans="8:8">
      <c r="H308941" s="12"/>
    </row>
    <row r="308942" spans="8:8">
      <c r="H308942" s="12"/>
    </row>
    <row r="308943" spans="8:8">
      <c r="H308943" s="12"/>
    </row>
    <row r="308944" spans="8:8">
      <c r="H308944" s="12"/>
    </row>
    <row r="308945" spans="8:8">
      <c r="H308945" s="12"/>
    </row>
    <row r="308946" spans="8:8">
      <c r="H308946" s="12"/>
    </row>
    <row r="308947" spans="8:8">
      <c r="H308947" s="12"/>
    </row>
    <row r="308948" spans="8:8">
      <c r="H308948" s="12"/>
    </row>
    <row r="308949" spans="8:8">
      <c r="H308949" s="12"/>
    </row>
    <row r="308950" spans="8:8">
      <c r="H308950" s="12"/>
    </row>
    <row r="308951" spans="8:8">
      <c r="H308951" s="12"/>
    </row>
    <row r="308952" spans="8:8">
      <c r="H308952" s="12"/>
    </row>
    <row r="308953" spans="8:8">
      <c r="H308953" s="12"/>
    </row>
    <row r="308954" spans="8:8">
      <c r="H308954" s="12"/>
    </row>
    <row r="308955" spans="8:8">
      <c r="H308955" s="12"/>
    </row>
    <row r="308956" spans="8:8">
      <c r="H308956" s="12"/>
    </row>
    <row r="308957" spans="8:8">
      <c r="H308957" s="12"/>
    </row>
    <row r="308958" spans="8:8">
      <c r="H308958" s="12"/>
    </row>
    <row r="308959" spans="8:8">
      <c r="H308959" s="12"/>
    </row>
    <row r="308960" spans="8:8">
      <c r="H308960" s="12"/>
    </row>
    <row r="308961" spans="8:8">
      <c r="H308961" s="12"/>
    </row>
    <row r="308962" spans="8:8">
      <c r="H308962" s="12"/>
    </row>
    <row r="308963" spans="8:8">
      <c r="H308963" s="12"/>
    </row>
    <row r="308964" spans="8:8">
      <c r="H308964" s="12"/>
    </row>
    <row r="308965" spans="8:8">
      <c r="H308965" s="12"/>
    </row>
    <row r="308966" spans="8:8">
      <c r="H308966" s="12"/>
    </row>
    <row r="308967" spans="8:8">
      <c r="H308967" s="12"/>
    </row>
    <row r="308968" spans="8:8">
      <c r="H308968" s="12"/>
    </row>
    <row r="308969" spans="8:8">
      <c r="H308969" s="12"/>
    </row>
    <row r="308970" spans="8:8">
      <c r="H308970" s="12"/>
    </row>
    <row r="308971" spans="8:8">
      <c r="H308971" s="12"/>
    </row>
    <row r="308972" spans="8:8">
      <c r="H308972" s="12"/>
    </row>
    <row r="308973" spans="8:8">
      <c r="H308973" s="12"/>
    </row>
    <row r="308974" spans="8:8">
      <c r="H308974" s="12"/>
    </row>
    <row r="308975" spans="8:8">
      <c r="H308975" s="12"/>
    </row>
    <row r="308976" spans="8:8">
      <c r="H308976" s="12"/>
    </row>
    <row r="308977" spans="8:8">
      <c r="H308977" s="12"/>
    </row>
    <row r="308978" spans="8:8">
      <c r="H308978" s="12"/>
    </row>
    <row r="308979" spans="8:8">
      <c r="H308979" s="12"/>
    </row>
    <row r="308980" spans="8:8">
      <c r="H308980" s="12"/>
    </row>
    <row r="308981" spans="8:8">
      <c r="H308981" s="12"/>
    </row>
    <row r="308982" spans="8:8">
      <c r="H308982" s="12"/>
    </row>
    <row r="308983" spans="8:8">
      <c r="H308983" s="12"/>
    </row>
    <row r="308984" spans="8:8">
      <c r="H308984" s="12"/>
    </row>
    <row r="308985" spans="8:8">
      <c r="H308985" s="12"/>
    </row>
    <row r="308986" spans="8:8">
      <c r="H308986" s="12"/>
    </row>
    <row r="308987" spans="8:8">
      <c r="H308987" s="12"/>
    </row>
    <row r="308988" spans="8:8">
      <c r="H308988" s="12"/>
    </row>
    <row r="308989" spans="8:8">
      <c r="H308989" s="12"/>
    </row>
    <row r="308990" spans="8:8">
      <c r="H308990" s="12"/>
    </row>
    <row r="308991" spans="8:8">
      <c r="H308991" s="12"/>
    </row>
    <row r="308992" spans="8:8">
      <c r="H308992" s="12"/>
    </row>
    <row r="308993" spans="8:8">
      <c r="H308993" s="12"/>
    </row>
    <row r="308994" spans="8:8">
      <c r="H308994" s="12"/>
    </row>
    <row r="308995" spans="8:8">
      <c r="H308995" s="12"/>
    </row>
    <row r="308996" spans="8:8">
      <c r="H308996" s="12"/>
    </row>
    <row r="308997" spans="8:8">
      <c r="H308997" s="12"/>
    </row>
    <row r="308998" spans="8:8">
      <c r="H308998" s="12"/>
    </row>
    <row r="308999" spans="8:8">
      <c r="H308999" s="12"/>
    </row>
    <row r="309000" spans="8:8">
      <c r="H309000" s="12"/>
    </row>
    <row r="309001" spans="8:8">
      <c r="H309001" s="12"/>
    </row>
    <row r="309002" spans="8:8">
      <c r="H309002" s="12"/>
    </row>
    <row r="309003" spans="8:8">
      <c r="H309003" s="12"/>
    </row>
    <row r="309004" spans="8:8">
      <c r="H309004" s="12"/>
    </row>
    <row r="309005" spans="8:8">
      <c r="H309005" s="12"/>
    </row>
    <row r="309006" spans="8:8">
      <c r="H309006" s="12"/>
    </row>
    <row r="309007" spans="8:8">
      <c r="H309007" s="12"/>
    </row>
    <row r="309008" spans="8:8">
      <c r="H309008" s="12"/>
    </row>
    <row r="309009" spans="8:8">
      <c r="H309009" s="12"/>
    </row>
    <row r="309010" spans="8:8">
      <c r="H309010" s="12"/>
    </row>
    <row r="309011" spans="8:8">
      <c r="H309011" s="12"/>
    </row>
    <row r="309012" spans="8:8">
      <c r="H309012" s="12"/>
    </row>
    <row r="309013" spans="8:8">
      <c r="H309013" s="12"/>
    </row>
    <row r="309014" spans="8:8">
      <c r="H309014" s="12"/>
    </row>
    <row r="309015" spans="8:8">
      <c r="H309015" s="12"/>
    </row>
    <row r="309016" spans="8:8">
      <c r="H309016" s="12"/>
    </row>
    <row r="309017" spans="8:8">
      <c r="H309017" s="12"/>
    </row>
    <row r="309018" spans="8:8">
      <c r="H309018" s="12"/>
    </row>
    <row r="309019" spans="8:8">
      <c r="H309019" s="12"/>
    </row>
    <row r="309020" spans="8:8">
      <c r="H309020" s="12"/>
    </row>
    <row r="309021" spans="8:8">
      <c r="H309021" s="12"/>
    </row>
    <row r="309022" spans="8:8">
      <c r="H309022" s="12"/>
    </row>
    <row r="309023" spans="8:8">
      <c r="H309023" s="12"/>
    </row>
    <row r="309024" spans="8:8">
      <c r="H309024" s="12"/>
    </row>
    <row r="309025" spans="8:8">
      <c r="H309025" s="12"/>
    </row>
    <row r="309026" spans="8:8">
      <c r="H309026" s="12"/>
    </row>
    <row r="309027" spans="8:8">
      <c r="H309027" s="12"/>
    </row>
    <row r="309028" spans="8:8">
      <c r="H309028" s="12"/>
    </row>
    <row r="309029" spans="8:8">
      <c r="H309029" s="12"/>
    </row>
    <row r="309030" spans="8:8">
      <c r="H309030" s="12"/>
    </row>
    <row r="309031" spans="8:8">
      <c r="H309031" s="12"/>
    </row>
    <row r="309032" spans="8:8">
      <c r="H309032" s="12"/>
    </row>
    <row r="309033" spans="8:8">
      <c r="H309033" s="12"/>
    </row>
    <row r="309034" spans="8:8">
      <c r="H309034" s="12"/>
    </row>
    <row r="309035" spans="8:8">
      <c r="H309035" s="12"/>
    </row>
    <row r="309036" spans="8:8">
      <c r="H309036" s="12"/>
    </row>
    <row r="309037" spans="8:8">
      <c r="H309037" s="12"/>
    </row>
    <row r="309038" spans="8:8">
      <c r="H309038" s="12"/>
    </row>
    <row r="309039" spans="8:8">
      <c r="H309039" s="12"/>
    </row>
    <row r="309040" spans="8:8">
      <c r="H309040" s="12"/>
    </row>
    <row r="309041" spans="8:8">
      <c r="H309041" s="12"/>
    </row>
    <row r="309042" spans="8:8">
      <c r="H309042" s="12"/>
    </row>
    <row r="309043" spans="8:8">
      <c r="H309043" s="12"/>
    </row>
    <row r="309044" spans="8:8">
      <c r="H309044" s="12"/>
    </row>
    <row r="309045" spans="8:8">
      <c r="H309045" s="12"/>
    </row>
    <row r="309046" spans="8:8">
      <c r="H309046" s="12"/>
    </row>
    <row r="309047" spans="8:8">
      <c r="H309047" s="12"/>
    </row>
    <row r="309048" spans="8:8">
      <c r="H309048" s="12"/>
    </row>
    <row r="309049" spans="8:8">
      <c r="H309049" s="12"/>
    </row>
    <row r="309050" spans="8:8">
      <c r="H309050" s="12"/>
    </row>
    <row r="309051" spans="8:8">
      <c r="H309051" s="12"/>
    </row>
    <row r="309052" spans="8:8">
      <c r="H309052" s="12"/>
    </row>
    <row r="309053" spans="8:8">
      <c r="H309053" s="12"/>
    </row>
    <row r="309054" spans="8:8">
      <c r="H309054" s="12"/>
    </row>
    <row r="309055" spans="8:8">
      <c r="H309055" s="12"/>
    </row>
    <row r="309056" spans="8:8">
      <c r="H309056" s="12"/>
    </row>
    <row r="309057" spans="8:8">
      <c r="H309057" s="12"/>
    </row>
    <row r="309058" spans="8:8">
      <c r="H309058" s="12"/>
    </row>
    <row r="309059" spans="8:8">
      <c r="H309059" s="12"/>
    </row>
    <row r="309060" spans="8:8">
      <c r="H309060" s="12"/>
    </row>
    <row r="309061" spans="8:8">
      <c r="H309061" s="12"/>
    </row>
    <row r="309062" spans="8:8">
      <c r="H309062" s="12"/>
    </row>
    <row r="309063" spans="8:8">
      <c r="H309063" s="12"/>
    </row>
    <row r="309064" spans="8:8">
      <c r="H309064" s="12"/>
    </row>
    <row r="309065" spans="8:8">
      <c r="H309065" s="12"/>
    </row>
    <row r="309066" spans="8:8">
      <c r="H309066" s="12"/>
    </row>
    <row r="309067" spans="8:8">
      <c r="H309067" s="12"/>
    </row>
    <row r="309068" spans="8:8">
      <c r="H309068" s="12"/>
    </row>
    <row r="309069" spans="8:8">
      <c r="H309069" s="12"/>
    </row>
    <row r="309070" spans="8:8">
      <c r="H309070" s="12"/>
    </row>
    <row r="309071" spans="8:8">
      <c r="H309071" s="12"/>
    </row>
    <row r="309072" spans="8:8">
      <c r="H309072" s="12"/>
    </row>
    <row r="309073" spans="8:8">
      <c r="H309073" s="12"/>
    </row>
    <row r="309074" spans="8:8">
      <c r="H309074" s="12"/>
    </row>
    <row r="309075" spans="8:8">
      <c r="H309075" s="12"/>
    </row>
    <row r="309076" spans="8:8">
      <c r="H309076" s="12"/>
    </row>
    <row r="309077" spans="8:8">
      <c r="H309077" s="12"/>
    </row>
    <row r="309078" spans="8:8">
      <c r="H309078" s="12"/>
    </row>
    <row r="309079" spans="8:8">
      <c r="H309079" s="12"/>
    </row>
    <row r="309080" spans="8:8">
      <c r="H309080" s="12"/>
    </row>
    <row r="309081" spans="8:8">
      <c r="H309081" s="12"/>
    </row>
    <row r="309082" spans="8:8">
      <c r="H309082" s="12"/>
    </row>
    <row r="309083" spans="8:8">
      <c r="H309083" s="12"/>
    </row>
    <row r="309084" spans="8:8">
      <c r="H309084" s="12"/>
    </row>
    <row r="309085" spans="8:8">
      <c r="H309085" s="12"/>
    </row>
    <row r="309086" spans="8:8">
      <c r="H309086" s="12"/>
    </row>
    <row r="309087" spans="8:8">
      <c r="H309087" s="12"/>
    </row>
    <row r="309088" spans="8:8">
      <c r="H309088" s="12"/>
    </row>
    <row r="309089" spans="8:8">
      <c r="H309089" s="12"/>
    </row>
    <row r="309090" spans="8:8">
      <c r="H309090" s="12"/>
    </row>
    <row r="309091" spans="8:8">
      <c r="H309091" s="12"/>
    </row>
    <row r="309092" spans="8:8">
      <c r="H309092" s="12"/>
    </row>
    <row r="309093" spans="8:8">
      <c r="H309093" s="12"/>
    </row>
    <row r="309094" spans="8:8">
      <c r="H309094" s="12"/>
    </row>
    <row r="309095" spans="8:8">
      <c r="H309095" s="12"/>
    </row>
    <row r="309096" spans="8:8">
      <c r="H309096" s="12"/>
    </row>
    <row r="309097" spans="8:8">
      <c r="H309097" s="12"/>
    </row>
    <row r="309098" spans="8:8">
      <c r="H309098" s="12"/>
    </row>
    <row r="309099" spans="8:8">
      <c r="H309099" s="12"/>
    </row>
    <row r="309100" spans="8:8">
      <c r="H309100" s="12"/>
    </row>
    <row r="309101" spans="8:8">
      <c r="H309101" s="12"/>
    </row>
    <row r="309102" spans="8:8">
      <c r="H309102" s="12"/>
    </row>
    <row r="309103" spans="8:8">
      <c r="H309103" s="12"/>
    </row>
    <row r="309104" spans="8:8">
      <c r="H309104" s="12"/>
    </row>
    <row r="309105" spans="8:8">
      <c r="H309105" s="12"/>
    </row>
    <row r="309106" spans="8:8">
      <c r="H309106" s="12"/>
    </row>
    <row r="309107" spans="8:8">
      <c r="H309107" s="12"/>
    </row>
    <row r="309108" spans="8:8">
      <c r="H309108" s="12"/>
    </row>
    <row r="309109" spans="8:8">
      <c r="H309109" s="12"/>
    </row>
    <row r="309110" spans="8:8">
      <c r="H309110" s="12"/>
    </row>
    <row r="309111" spans="8:8">
      <c r="H309111" s="12"/>
    </row>
    <row r="309112" spans="8:8">
      <c r="H309112" s="12"/>
    </row>
    <row r="309113" spans="8:8">
      <c r="H309113" s="12"/>
    </row>
    <row r="309114" spans="8:8">
      <c r="H309114" s="12"/>
    </row>
    <row r="309115" spans="8:8">
      <c r="H309115" s="12"/>
    </row>
    <row r="309116" spans="8:8">
      <c r="H309116" s="12"/>
    </row>
    <row r="309117" spans="8:8">
      <c r="H309117" s="12"/>
    </row>
    <row r="309118" spans="8:8">
      <c r="H309118" s="12"/>
    </row>
    <row r="309119" spans="8:8">
      <c r="H309119" s="12"/>
    </row>
    <row r="309120" spans="8:8">
      <c r="H309120" s="12"/>
    </row>
    <row r="309121" spans="8:8">
      <c r="H309121" s="12"/>
    </row>
    <row r="309122" spans="8:8">
      <c r="H309122" s="12"/>
    </row>
    <row r="309123" spans="8:8">
      <c r="H309123" s="12"/>
    </row>
    <row r="309124" spans="8:8">
      <c r="H309124" s="12"/>
    </row>
    <row r="309125" spans="8:8">
      <c r="H309125" s="12"/>
    </row>
    <row r="309126" spans="8:8">
      <c r="H309126" s="12"/>
    </row>
    <row r="309127" spans="8:8">
      <c r="H309127" s="12"/>
    </row>
    <row r="309128" spans="8:8">
      <c r="H309128" s="12"/>
    </row>
    <row r="309129" spans="8:8">
      <c r="H309129" s="12"/>
    </row>
    <row r="309130" spans="8:8">
      <c r="H309130" s="12"/>
    </row>
    <row r="309131" spans="8:8">
      <c r="H309131" s="12"/>
    </row>
    <row r="309132" spans="8:8">
      <c r="H309132" s="12"/>
    </row>
    <row r="309133" spans="8:8">
      <c r="H309133" s="12"/>
    </row>
    <row r="309134" spans="8:8">
      <c r="H309134" s="12"/>
    </row>
    <row r="309135" spans="8:8">
      <c r="H309135" s="12"/>
    </row>
    <row r="309136" spans="8:8">
      <c r="H309136" s="12"/>
    </row>
    <row r="309137" spans="8:8">
      <c r="H309137" s="12"/>
    </row>
    <row r="309138" spans="8:8">
      <c r="H309138" s="12"/>
    </row>
    <row r="309139" spans="8:8">
      <c r="H309139" s="12"/>
    </row>
    <row r="309140" spans="8:8">
      <c r="H309140" s="12"/>
    </row>
    <row r="309141" spans="8:8">
      <c r="H309141" s="12"/>
    </row>
    <row r="309142" spans="8:8">
      <c r="H309142" s="12"/>
    </row>
    <row r="309143" spans="8:8">
      <c r="H309143" s="12"/>
    </row>
    <row r="309144" spans="8:8">
      <c r="H309144" s="12"/>
    </row>
    <row r="309145" spans="8:8">
      <c r="H309145" s="12"/>
    </row>
    <row r="309146" spans="8:8">
      <c r="H309146" s="12"/>
    </row>
    <row r="309147" spans="8:8">
      <c r="H309147" s="12"/>
    </row>
    <row r="309148" spans="8:8">
      <c r="H309148" s="12"/>
    </row>
    <row r="309149" spans="8:8">
      <c r="H309149" s="12"/>
    </row>
    <row r="309150" spans="8:8">
      <c r="H309150" s="12"/>
    </row>
    <row r="309151" spans="8:8">
      <c r="H309151" s="12"/>
    </row>
    <row r="309152" spans="8:8">
      <c r="H309152" s="12"/>
    </row>
    <row r="309153" spans="8:8">
      <c r="H309153" s="12"/>
    </row>
    <row r="309154" spans="8:8">
      <c r="H309154" s="12"/>
    </row>
    <row r="309155" spans="8:8">
      <c r="H309155" s="12"/>
    </row>
    <row r="309156" spans="8:8">
      <c r="H309156" s="12"/>
    </row>
    <row r="309157" spans="8:8">
      <c r="H309157" s="12"/>
    </row>
    <row r="309158" spans="8:8">
      <c r="H309158" s="12"/>
    </row>
    <row r="309159" spans="8:8">
      <c r="H309159" s="12"/>
    </row>
    <row r="309160" spans="8:8">
      <c r="H309160" s="12"/>
    </row>
    <row r="309161" spans="8:8">
      <c r="H309161" s="12"/>
    </row>
    <row r="309162" spans="8:8">
      <c r="H309162" s="12"/>
    </row>
    <row r="309163" spans="8:8">
      <c r="H309163" s="12"/>
    </row>
    <row r="309164" spans="8:8">
      <c r="H309164" s="12"/>
    </row>
    <row r="309165" spans="8:8">
      <c r="H309165" s="12"/>
    </row>
    <row r="309166" spans="8:8">
      <c r="H309166" s="12"/>
    </row>
    <row r="309167" spans="8:8">
      <c r="H309167" s="12"/>
    </row>
    <row r="309168" spans="8:8">
      <c r="H309168" s="12"/>
    </row>
    <row r="309169" spans="8:8">
      <c r="H309169" s="12"/>
    </row>
    <row r="309170" spans="8:8">
      <c r="H309170" s="12"/>
    </row>
    <row r="309171" spans="8:8">
      <c r="H309171" s="12"/>
    </row>
    <row r="309172" spans="8:8">
      <c r="H309172" s="12"/>
    </row>
    <row r="309173" spans="8:8">
      <c r="H309173" s="12"/>
    </row>
    <row r="309174" spans="8:8">
      <c r="H309174" s="12"/>
    </row>
    <row r="309175" spans="8:8">
      <c r="H309175" s="12"/>
    </row>
    <row r="309176" spans="8:8">
      <c r="H309176" s="12"/>
    </row>
    <row r="309177" spans="8:8">
      <c r="H309177" s="12"/>
    </row>
    <row r="309178" spans="8:8">
      <c r="H309178" s="12"/>
    </row>
    <row r="309179" spans="8:8">
      <c r="H309179" s="12"/>
    </row>
    <row r="309180" spans="8:8">
      <c r="H309180" s="12"/>
    </row>
    <row r="309181" spans="8:8">
      <c r="H309181" s="12"/>
    </row>
    <row r="309182" spans="8:8">
      <c r="H309182" s="12"/>
    </row>
    <row r="309183" spans="8:8">
      <c r="H309183" s="12"/>
    </row>
    <row r="309184" spans="8:8">
      <c r="H309184" s="12"/>
    </row>
    <row r="309185" spans="8:8">
      <c r="H309185" s="12"/>
    </row>
    <row r="309186" spans="8:8">
      <c r="H309186" s="12"/>
    </row>
    <row r="309187" spans="8:8">
      <c r="H309187" s="12"/>
    </row>
    <row r="309188" spans="8:8">
      <c r="H309188" s="12"/>
    </row>
    <row r="309189" spans="8:8">
      <c r="H309189" s="12"/>
    </row>
    <row r="309190" spans="8:8">
      <c r="H309190" s="12"/>
    </row>
    <row r="309191" spans="8:8">
      <c r="H309191" s="12"/>
    </row>
    <row r="309192" spans="8:8">
      <c r="H309192" s="12"/>
    </row>
    <row r="309193" spans="8:8">
      <c r="H309193" s="12"/>
    </row>
    <row r="309194" spans="8:8">
      <c r="H309194" s="12"/>
    </row>
    <row r="309195" spans="8:8">
      <c r="H309195" s="12"/>
    </row>
    <row r="309196" spans="8:8">
      <c r="H309196" s="12"/>
    </row>
    <row r="309197" spans="8:8">
      <c r="H309197" s="12"/>
    </row>
    <row r="309198" spans="8:8">
      <c r="H309198" s="12"/>
    </row>
    <row r="309199" spans="8:8">
      <c r="H309199" s="12"/>
    </row>
    <row r="309200" spans="8:8">
      <c r="H309200" s="12"/>
    </row>
    <row r="309201" spans="8:8">
      <c r="H309201" s="12"/>
    </row>
    <row r="309202" spans="8:8">
      <c r="H309202" s="12"/>
    </row>
    <row r="309203" spans="8:8">
      <c r="H309203" s="12"/>
    </row>
    <row r="309204" spans="8:8">
      <c r="H309204" s="12"/>
    </row>
    <row r="309205" spans="8:8">
      <c r="H309205" s="12"/>
    </row>
    <row r="309206" spans="8:8">
      <c r="H309206" s="12"/>
    </row>
    <row r="309207" spans="8:8">
      <c r="H309207" s="12"/>
    </row>
    <row r="309208" spans="8:8">
      <c r="H309208" s="12"/>
    </row>
    <row r="309209" spans="8:8">
      <c r="H309209" s="12"/>
    </row>
    <row r="309210" spans="8:8">
      <c r="H309210" s="12"/>
    </row>
    <row r="309211" spans="8:8">
      <c r="H309211" s="12"/>
    </row>
    <row r="309212" spans="8:8">
      <c r="H309212" s="12"/>
    </row>
    <row r="309213" spans="8:8">
      <c r="H309213" s="12"/>
    </row>
    <row r="309214" spans="8:8">
      <c r="H309214" s="12"/>
    </row>
    <row r="309215" spans="8:8">
      <c r="H309215" s="12"/>
    </row>
    <row r="309216" spans="8:8">
      <c r="H309216" s="12"/>
    </row>
    <row r="309217" spans="8:8">
      <c r="H309217" s="12"/>
    </row>
    <row r="309218" spans="8:8">
      <c r="H309218" s="12"/>
    </row>
    <row r="309219" spans="8:8">
      <c r="H309219" s="12"/>
    </row>
    <row r="309220" spans="8:8">
      <c r="H309220" s="12"/>
    </row>
    <row r="309221" spans="8:8">
      <c r="H309221" s="12"/>
    </row>
    <row r="309222" spans="8:8">
      <c r="H309222" s="12"/>
    </row>
    <row r="309223" spans="8:8">
      <c r="H309223" s="12"/>
    </row>
    <row r="309224" spans="8:8">
      <c r="H309224" s="12"/>
    </row>
    <row r="309225" spans="8:8">
      <c r="H309225" s="12"/>
    </row>
    <row r="309226" spans="8:8">
      <c r="H309226" s="12"/>
    </row>
    <row r="309227" spans="8:8">
      <c r="H309227" s="12"/>
    </row>
    <row r="309228" spans="8:8">
      <c r="H309228" s="12"/>
    </row>
    <row r="309229" spans="8:8">
      <c r="H309229" s="12"/>
    </row>
    <row r="309230" spans="8:8">
      <c r="H309230" s="12"/>
    </row>
    <row r="309231" spans="8:8">
      <c r="H309231" s="12"/>
    </row>
    <row r="309232" spans="8:8">
      <c r="H309232" s="12"/>
    </row>
    <row r="309233" spans="8:8">
      <c r="H309233" s="12"/>
    </row>
    <row r="309234" spans="8:8">
      <c r="H309234" s="12"/>
    </row>
    <row r="309235" spans="8:8">
      <c r="H309235" s="12"/>
    </row>
    <row r="309236" spans="8:8">
      <c r="H309236" s="12"/>
    </row>
    <row r="309237" spans="8:8">
      <c r="H309237" s="12"/>
    </row>
    <row r="309238" spans="8:8">
      <c r="H309238" s="12"/>
    </row>
    <row r="309239" spans="8:8">
      <c r="H309239" s="12"/>
    </row>
    <row r="309240" spans="8:8">
      <c r="H309240" s="12"/>
    </row>
    <row r="309241" spans="8:8">
      <c r="H309241" s="12"/>
    </row>
    <row r="309242" spans="8:8">
      <c r="H309242" s="12"/>
    </row>
    <row r="309243" spans="8:8">
      <c r="H309243" s="12"/>
    </row>
    <row r="309244" spans="8:8">
      <c r="H309244" s="12"/>
    </row>
    <row r="309245" spans="8:8">
      <c r="H309245" s="12"/>
    </row>
    <row r="309246" spans="8:8">
      <c r="H309246" s="12"/>
    </row>
    <row r="309247" spans="8:8">
      <c r="H309247" s="12"/>
    </row>
    <row r="309248" spans="8:8">
      <c r="H309248" s="12"/>
    </row>
    <row r="309249" spans="8:8">
      <c r="H309249" s="12"/>
    </row>
    <row r="309250" spans="8:8">
      <c r="H309250" s="12"/>
    </row>
    <row r="309251" spans="8:8">
      <c r="H309251" s="12"/>
    </row>
    <row r="309252" spans="8:8">
      <c r="H309252" s="12"/>
    </row>
    <row r="309253" spans="8:8">
      <c r="H309253" s="12"/>
    </row>
    <row r="309254" spans="8:8">
      <c r="H309254" s="12"/>
    </row>
    <row r="309255" spans="8:8">
      <c r="H309255" s="12"/>
    </row>
    <row r="309256" spans="8:8">
      <c r="H309256" s="12"/>
    </row>
    <row r="309257" spans="8:8">
      <c r="H309257" s="12"/>
    </row>
    <row r="309258" spans="8:8">
      <c r="H309258" s="12"/>
    </row>
    <row r="309259" spans="8:8">
      <c r="H309259" s="12"/>
    </row>
    <row r="309260" spans="8:8">
      <c r="H309260" s="12"/>
    </row>
    <row r="309261" spans="8:8">
      <c r="H309261" s="12"/>
    </row>
    <row r="309262" spans="8:8">
      <c r="H309262" s="12"/>
    </row>
    <row r="309263" spans="8:8">
      <c r="H309263" s="12"/>
    </row>
    <row r="309264" spans="8:8">
      <c r="H309264" s="12"/>
    </row>
    <row r="309265" spans="8:8">
      <c r="H309265" s="12"/>
    </row>
    <row r="309266" spans="8:8">
      <c r="H309266" s="12"/>
    </row>
    <row r="309267" spans="8:8">
      <c r="H309267" s="12"/>
    </row>
    <row r="309268" spans="8:8">
      <c r="H309268" s="12"/>
    </row>
    <row r="309269" spans="8:8">
      <c r="H309269" s="12"/>
    </row>
    <row r="309270" spans="8:8">
      <c r="H309270" s="12"/>
    </row>
    <row r="309271" spans="8:8">
      <c r="H309271" s="12"/>
    </row>
    <row r="309272" spans="8:8">
      <c r="H309272" s="12"/>
    </row>
    <row r="309273" spans="8:8">
      <c r="H309273" s="12"/>
    </row>
    <row r="309274" spans="8:8">
      <c r="H309274" s="12"/>
    </row>
    <row r="309275" spans="8:8">
      <c r="H309275" s="12"/>
    </row>
    <row r="309276" spans="8:8">
      <c r="H309276" s="12"/>
    </row>
    <row r="309277" spans="8:8">
      <c r="H309277" s="12"/>
    </row>
    <row r="309278" spans="8:8">
      <c r="H309278" s="12"/>
    </row>
    <row r="309279" spans="8:8">
      <c r="H309279" s="12"/>
    </row>
    <row r="309280" spans="8:8">
      <c r="H309280" s="12"/>
    </row>
    <row r="309281" spans="8:8">
      <c r="H309281" s="12"/>
    </row>
    <row r="309282" spans="8:8">
      <c r="H309282" s="12"/>
    </row>
    <row r="309283" spans="8:8">
      <c r="H309283" s="12"/>
    </row>
    <row r="309284" spans="8:8">
      <c r="H309284" s="12"/>
    </row>
    <row r="309285" spans="8:8">
      <c r="H309285" s="12"/>
    </row>
    <row r="309286" spans="8:8">
      <c r="H309286" s="12"/>
    </row>
    <row r="309287" spans="8:8">
      <c r="H309287" s="12"/>
    </row>
    <row r="309288" spans="8:8">
      <c r="H309288" s="12"/>
    </row>
    <row r="309289" spans="8:8">
      <c r="H309289" s="12"/>
    </row>
    <row r="309290" spans="8:8">
      <c r="H309290" s="12"/>
    </row>
    <row r="309291" spans="8:8">
      <c r="H309291" s="12"/>
    </row>
    <row r="309292" spans="8:8">
      <c r="H309292" s="12"/>
    </row>
    <row r="309293" spans="8:8">
      <c r="H309293" s="12"/>
    </row>
    <row r="309294" spans="8:8">
      <c r="H309294" s="12"/>
    </row>
    <row r="309295" spans="8:8">
      <c r="H309295" s="12"/>
    </row>
    <row r="309296" spans="8:8">
      <c r="H309296" s="12"/>
    </row>
    <row r="309297" spans="8:8">
      <c r="H309297" s="12"/>
    </row>
    <row r="309298" spans="8:8">
      <c r="H309298" s="12"/>
    </row>
    <row r="309299" spans="8:8">
      <c r="H309299" s="12"/>
    </row>
    <row r="309300" spans="8:8">
      <c r="H309300" s="12"/>
    </row>
    <row r="309301" spans="8:8">
      <c r="H309301" s="12"/>
    </row>
    <row r="309302" spans="8:8">
      <c r="H309302" s="12"/>
    </row>
    <row r="309303" spans="8:8">
      <c r="H309303" s="12"/>
    </row>
    <row r="309304" spans="8:8">
      <c r="H309304" s="12"/>
    </row>
    <row r="309305" spans="8:8">
      <c r="H309305" s="12"/>
    </row>
    <row r="309306" spans="8:8">
      <c r="H309306" s="12"/>
    </row>
    <row r="309307" spans="8:8">
      <c r="H309307" s="12"/>
    </row>
    <row r="309308" spans="8:8">
      <c r="H309308" s="12"/>
    </row>
    <row r="309309" spans="8:8">
      <c r="H309309" s="12"/>
    </row>
    <row r="309310" spans="8:8">
      <c r="H309310" s="12"/>
    </row>
    <row r="309311" spans="8:8">
      <c r="H309311" s="12"/>
    </row>
    <row r="309312" spans="8:8">
      <c r="H309312" s="12"/>
    </row>
    <row r="309313" spans="8:8">
      <c r="H309313" s="12"/>
    </row>
    <row r="309314" spans="8:8">
      <c r="H309314" s="12"/>
    </row>
    <row r="309315" spans="8:8">
      <c r="H309315" s="12"/>
    </row>
    <row r="309316" spans="8:8">
      <c r="H309316" s="12"/>
    </row>
    <row r="309317" spans="8:8">
      <c r="H309317" s="12"/>
    </row>
    <row r="309318" spans="8:8">
      <c r="H309318" s="12"/>
    </row>
    <row r="309319" spans="8:8">
      <c r="H309319" s="12"/>
    </row>
    <row r="309320" spans="8:8">
      <c r="H309320" s="12"/>
    </row>
    <row r="309321" spans="8:8">
      <c r="H309321" s="12"/>
    </row>
    <row r="309322" spans="8:8">
      <c r="H309322" s="12"/>
    </row>
    <row r="309323" spans="8:8">
      <c r="H309323" s="12"/>
    </row>
    <row r="309324" spans="8:8">
      <c r="H309324" s="12"/>
    </row>
    <row r="309325" spans="8:8">
      <c r="H309325" s="12"/>
    </row>
    <row r="309326" spans="8:8">
      <c r="H309326" s="12"/>
    </row>
    <row r="309327" spans="8:8">
      <c r="H309327" s="12"/>
    </row>
    <row r="309328" spans="8:8">
      <c r="H309328" s="12"/>
    </row>
    <row r="309329" spans="8:8">
      <c r="H309329" s="12"/>
    </row>
    <row r="309330" spans="8:8">
      <c r="H309330" s="12"/>
    </row>
    <row r="309331" spans="8:8">
      <c r="H309331" s="12"/>
    </row>
    <row r="309332" spans="8:8">
      <c r="H309332" s="12"/>
    </row>
    <row r="309333" spans="8:8">
      <c r="H309333" s="12"/>
    </row>
    <row r="309334" spans="8:8">
      <c r="H309334" s="12"/>
    </row>
    <row r="309335" spans="8:8">
      <c r="H309335" s="12"/>
    </row>
    <row r="309336" spans="8:8">
      <c r="H309336" s="12"/>
    </row>
    <row r="309337" spans="8:8">
      <c r="H309337" s="12"/>
    </row>
    <row r="309338" spans="8:8">
      <c r="H309338" s="12"/>
    </row>
    <row r="309339" spans="8:8">
      <c r="H309339" s="12"/>
    </row>
    <row r="309340" spans="8:8">
      <c r="H309340" s="12"/>
    </row>
    <row r="309341" spans="8:8">
      <c r="H309341" s="12"/>
    </row>
    <row r="309342" spans="8:8">
      <c r="H309342" s="12"/>
    </row>
    <row r="309343" spans="8:8">
      <c r="H309343" s="12"/>
    </row>
    <row r="309344" spans="8:8">
      <c r="H309344" s="12"/>
    </row>
    <row r="309345" spans="8:8">
      <c r="H309345" s="12"/>
    </row>
    <row r="309346" spans="8:8">
      <c r="H309346" s="12"/>
    </row>
    <row r="309347" spans="8:8">
      <c r="H309347" s="12"/>
    </row>
    <row r="309348" spans="8:8">
      <c r="H309348" s="12"/>
    </row>
    <row r="309349" spans="8:8">
      <c r="H309349" s="12"/>
    </row>
    <row r="309350" spans="8:8">
      <c r="H309350" s="12"/>
    </row>
    <row r="309351" spans="8:8">
      <c r="H309351" s="12"/>
    </row>
    <row r="309352" spans="8:8">
      <c r="H309352" s="12"/>
    </row>
    <row r="309353" spans="8:8">
      <c r="H309353" s="12"/>
    </row>
    <row r="309354" spans="8:8">
      <c r="H309354" s="12"/>
    </row>
    <row r="309355" spans="8:8">
      <c r="H309355" s="12"/>
    </row>
    <row r="309356" spans="8:8">
      <c r="H309356" s="12"/>
    </row>
    <row r="309357" spans="8:8">
      <c r="H309357" s="12"/>
    </row>
    <row r="309358" spans="8:8">
      <c r="H309358" s="12"/>
    </row>
    <row r="309359" spans="8:8">
      <c r="H309359" s="12"/>
    </row>
    <row r="309360" spans="8:8">
      <c r="H309360" s="12"/>
    </row>
    <row r="309361" spans="8:8">
      <c r="H309361" s="12"/>
    </row>
    <row r="309362" spans="8:8">
      <c r="H309362" s="12"/>
    </row>
    <row r="309363" spans="8:8">
      <c r="H309363" s="12"/>
    </row>
    <row r="309364" spans="8:8">
      <c r="H309364" s="12"/>
    </row>
    <row r="309365" spans="8:8">
      <c r="H309365" s="12"/>
    </row>
    <row r="309366" spans="8:8">
      <c r="H309366" s="12"/>
    </row>
    <row r="309367" spans="8:8">
      <c r="H309367" s="12"/>
    </row>
    <row r="309368" spans="8:8">
      <c r="H309368" s="12"/>
    </row>
    <row r="309369" spans="8:8">
      <c r="H309369" s="12"/>
    </row>
    <row r="309370" spans="8:8">
      <c r="H309370" s="12"/>
    </row>
    <row r="309371" spans="8:8">
      <c r="H309371" s="12"/>
    </row>
    <row r="309372" spans="8:8">
      <c r="H309372" s="12"/>
    </row>
    <row r="309373" spans="8:8">
      <c r="H309373" s="12"/>
    </row>
    <row r="309374" spans="8:8">
      <c r="H309374" s="12"/>
    </row>
    <row r="309375" spans="8:8">
      <c r="H309375" s="12"/>
    </row>
    <row r="309376" spans="8:8">
      <c r="H309376" s="12"/>
    </row>
    <row r="309377" spans="8:8">
      <c r="H309377" s="12"/>
    </row>
    <row r="309378" spans="8:8">
      <c r="H309378" s="12"/>
    </row>
    <row r="309379" spans="8:8">
      <c r="H309379" s="12"/>
    </row>
    <row r="309380" spans="8:8">
      <c r="H309380" s="12"/>
    </row>
    <row r="309381" spans="8:8">
      <c r="H309381" s="12"/>
    </row>
    <row r="309382" spans="8:8">
      <c r="H309382" s="12"/>
    </row>
    <row r="309383" spans="8:8">
      <c r="H309383" s="12"/>
    </row>
    <row r="309384" spans="8:8">
      <c r="H309384" s="12"/>
    </row>
    <row r="309385" spans="8:8">
      <c r="H309385" s="12"/>
    </row>
    <row r="309386" spans="8:8">
      <c r="H309386" s="12"/>
    </row>
    <row r="309387" spans="8:8">
      <c r="H309387" s="12"/>
    </row>
    <row r="309388" spans="8:8">
      <c r="H309388" s="12"/>
    </row>
    <row r="309389" spans="8:8">
      <c r="H309389" s="12"/>
    </row>
    <row r="309390" spans="8:8">
      <c r="H309390" s="12"/>
    </row>
    <row r="309391" spans="8:8">
      <c r="H309391" s="12"/>
    </row>
    <row r="309392" spans="8:8">
      <c r="H309392" s="12"/>
    </row>
    <row r="309393" spans="8:8">
      <c r="H309393" s="12"/>
    </row>
    <row r="309394" spans="8:8">
      <c r="H309394" s="12"/>
    </row>
    <row r="309395" spans="8:8">
      <c r="H309395" s="12"/>
    </row>
    <row r="309396" spans="8:8">
      <c r="H309396" s="12"/>
    </row>
    <row r="309397" spans="8:8">
      <c r="H309397" s="12"/>
    </row>
    <row r="309398" spans="8:8">
      <c r="H309398" s="12"/>
    </row>
    <row r="309399" spans="8:8">
      <c r="H309399" s="12"/>
    </row>
    <row r="309400" spans="8:8">
      <c r="H309400" s="12"/>
    </row>
    <row r="309401" spans="8:8">
      <c r="H309401" s="12"/>
    </row>
    <row r="309402" spans="8:8">
      <c r="H309402" s="12"/>
    </row>
    <row r="309403" spans="8:8">
      <c r="H309403" s="12"/>
    </row>
    <row r="309404" spans="8:8">
      <c r="H309404" s="12"/>
    </row>
    <row r="309405" spans="8:8">
      <c r="H309405" s="12"/>
    </row>
    <row r="309406" spans="8:8">
      <c r="H309406" s="12"/>
    </row>
    <row r="309407" spans="8:8">
      <c r="H309407" s="12"/>
    </row>
    <row r="309408" spans="8:8">
      <c r="H309408" s="12"/>
    </row>
    <row r="309409" spans="8:8">
      <c r="H309409" s="12"/>
    </row>
    <row r="309410" spans="8:8">
      <c r="H309410" s="12"/>
    </row>
    <row r="309411" spans="8:8">
      <c r="H309411" s="12"/>
    </row>
    <row r="309412" spans="8:8">
      <c r="H309412" s="12"/>
    </row>
    <row r="309413" spans="8:8">
      <c r="H309413" s="12"/>
    </row>
    <row r="309414" spans="8:8">
      <c r="H309414" s="12"/>
    </row>
    <row r="309415" spans="8:8">
      <c r="H309415" s="12"/>
    </row>
    <row r="309416" spans="8:8">
      <c r="H309416" s="12"/>
    </row>
    <row r="309417" spans="8:8">
      <c r="H309417" s="12"/>
    </row>
    <row r="309418" spans="8:8">
      <c r="H309418" s="12"/>
    </row>
    <row r="309419" spans="8:8">
      <c r="H309419" s="12"/>
    </row>
    <row r="309420" spans="8:8">
      <c r="H309420" s="12"/>
    </row>
    <row r="309421" spans="8:8">
      <c r="H309421" s="12"/>
    </row>
    <row r="309422" spans="8:8">
      <c r="H309422" s="12"/>
    </row>
    <row r="309423" spans="8:8">
      <c r="H309423" s="12"/>
    </row>
    <row r="309424" spans="8:8">
      <c r="H309424" s="12"/>
    </row>
    <row r="309425" spans="8:8">
      <c r="H309425" s="12"/>
    </row>
    <row r="309426" spans="8:8">
      <c r="H309426" s="12"/>
    </row>
    <row r="309427" spans="8:8">
      <c r="H309427" s="12"/>
    </row>
    <row r="309428" spans="8:8">
      <c r="H309428" s="12"/>
    </row>
    <row r="309429" spans="8:8">
      <c r="H309429" s="12"/>
    </row>
    <row r="309430" spans="8:8">
      <c r="H309430" s="12"/>
    </row>
    <row r="309431" spans="8:8">
      <c r="H309431" s="12"/>
    </row>
    <row r="309432" spans="8:8">
      <c r="H309432" s="12"/>
    </row>
    <row r="309433" spans="8:8">
      <c r="H309433" s="12"/>
    </row>
    <row r="309434" spans="8:8">
      <c r="H309434" s="12"/>
    </row>
    <row r="309435" spans="8:8">
      <c r="H309435" s="12"/>
    </row>
    <row r="309436" spans="8:8">
      <c r="H309436" s="12"/>
    </row>
    <row r="309437" spans="8:8">
      <c r="H309437" s="12"/>
    </row>
    <row r="309438" spans="8:8">
      <c r="H309438" s="12"/>
    </row>
    <row r="309439" spans="8:8">
      <c r="H309439" s="12"/>
    </row>
    <row r="309440" spans="8:8">
      <c r="H309440" s="12"/>
    </row>
    <row r="309441" spans="8:8">
      <c r="H309441" s="12"/>
    </row>
    <row r="309442" spans="8:8">
      <c r="H309442" s="12"/>
    </row>
    <row r="309443" spans="8:8">
      <c r="H309443" s="12"/>
    </row>
    <row r="309444" spans="8:8">
      <c r="H309444" s="12"/>
    </row>
    <row r="309445" spans="8:8">
      <c r="H309445" s="12"/>
    </row>
    <row r="309446" spans="8:8">
      <c r="H309446" s="12"/>
    </row>
    <row r="309447" spans="8:8">
      <c r="H309447" s="12"/>
    </row>
    <row r="309448" spans="8:8">
      <c r="H309448" s="12"/>
    </row>
    <row r="309449" spans="8:8">
      <c r="H309449" s="12"/>
    </row>
    <row r="309450" spans="8:8">
      <c r="H309450" s="12"/>
    </row>
    <row r="309451" spans="8:8">
      <c r="H309451" s="12"/>
    </row>
    <row r="309452" spans="8:8">
      <c r="H309452" s="12"/>
    </row>
    <row r="309453" spans="8:8">
      <c r="H309453" s="12"/>
    </row>
    <row r="309454" spans="8:8">
      <c r="H309454" s="12"/>
    </row>
    <row r="309455" spans="8:8">
      <c r="H309455" s="12"/>
    </row>
    <row r="309456" spans="8:8">
      <c r="H309456" s="12"/>
    </row>
    <row r="309457" spans="8:8">
      <c r="H309457" s="12"/>
    </row>
    <row r="309458" spans="8:8">
      <c r="H309458" s="12"/>
    </row>
    <row r="309459" spans="8:8">
      <c r="H309459" s="12"/>
    </row>
    <row r="309460" spans="8:8">
      <c r="H309460" s="12"/>
    </row>
    <row r="309461" spans="8:8">
      <c r="H309461" s="12"/>
    </row>
    <row r="309462" spans="8:8">
      <c r="H309462" s="12"/>
    </row>
    <row r="309463" spans="8:8">
      <c r="H309463" s="12"/>
    </row>
    <row r="309464" spans="8:8">
      <c r="H309464" s="12"/>
    </row>
    <row r="309465" spans="8:8">
      <c r="H309465" s="12"/>
    </row>
    <row r="309466" spans="8:8">
      <c r="H309466" s="12"/>
    </row>
    <row r="309467" spans="8:8">
      <c r="H309467" s="12"/>
    </row>
    <row r="309468" spans="8:8">
      <c r="H309468" s="12"/>
    </row>
    <row r="309469" spans="8:8">
      <c r="H309469" s="12"/>
    </row>
    <row r="309470" spans="8:8">
      <c r="H309470" s="12"/>
    </row>
    <row r="309471" spans="8:8">
      <c r="H309471" s="12"/>
    </row>
    <row r="309472" spans="8:8">
      <c r="H309472" s="12"/>
    </row>
    <row r="309473" spans="8:8">
      <c r="H309473" s="12"/>
    </row>
    <row r="309474" spans="8:8">
      <c r="H309474" s="12"/>
    </row>
    <row r="309475" spans="8:8">
      <c r="H309475" s="12"/>
    </row>
    <row r="309476" spans="8:8">
      <c r="H309476" s="12"/>
    </row>
    <row r="309477" spans="8:8">
      <c r="H309477" s="12"/>
    </row>
    <row r="309478" spans="8:8">
      <c r="H309478" s="12"/>
    </row>
    <row r="309479" spans="8:8">
      <c r="H309479" s="12"/>
    </row>
    <row r="309480" spans="8:8">
      <c r="H309480" s="12"/>
    </row>
    <row r="309481" spans="8:8">
      <c r="H309481" s="12"/>
    </row>
    <row r="309482" spans="8:8">
      <c r="H309482" s="12"/>
    </row>
    <row r="309483" spans="8:8">
      <c r="H309483" s="12"/>
    </row>
    <row r="309484" spans="8:8">
      <c r="H309484" s="12"/>
    </row>
    <row r="309485" spans="8:8">
      <c r="H309485" s="12"/>
    </row>
    <row r="309486" spans="8:8">
      <c r="H309486" s="12"/>
    </row>
    <row r="309487" spans="8:8">
      <c r="H309487" s="12"/>
    </row>
    <row r="309488" spans="8:8">
      <c r="H309488" s="12"/>
    </row>
    <row r="309489" spans="8:8">
      <c r="H309489" s="12"/>
    </row>
    <row r="309490" spans="8:8">
      <c r="H309490" s="12"/>
    </row>
    <row r="309491" spans="8:8">
      <c r="H309491" s="12"/>
    </row>
    <row r="309492" spans="8:8">
      <c r="H309492" s="12"/>
    </row>
    <row r="309493" spans="8:8">
      <c r="H309493" s="12"/>
    </row>
    <row r="309494" spans="8:8">
      <c r="H309494" s="12"/>
    </row>
    <row r="309495" spans="8:8">
      <c r="H309495" s="12"/>
    </row>
    <row r="309496" spans="8:8">
      <c r="H309496" s="12"/>
    </row>
    <row r="309497" spans="8:8">
      <c r="H309497" s="12"/>
    </row>
    <row r="309498" spans="8:8">
      <c r="H309498" s="12"/>
    </row>
    <row r="309499" spans="8:8">
      <c r="H309499" s="12"/>
    </row>
    <row r="309500" spans="8:8">
      <c r="H309500" s="12"/>
    </row>
    <row r="309501" spans="8:8">
      <c r="H309501" s="12"/>
    </row>
    <row r="309502" spans="8:8">
      <c r="H309502" s="12"/>
    </row>
    <row r="309503" spans="8:8">
      <c r="H309503" s="12"/>
    </row>
    <row r="309504" spans="8:8">
      <c r="H309504" s="12"/>
    </row>
    <row r="309505" spans="8:8">
      <c r="H309505" s="12"/>
    </row>
    <row r="309506" spans="8:8">
      <c r="H309506" s="12"/>
    </row>
    <row r="309507" spans="8:8">
      <c r="H309507" s="12"/>
    </row>
    <row r="309508" spans="8:8">
      <c r="H309508" s="12"/>
    </row>
    <row r="309509" spans="8:8">
      <c r="H309509" s="12"/>
    </row>
    <row r="309510" spans="8:8">
      <c r="H309510" s="12"/>
    </row>
    <row r="309511" spans="8:8">
      <c r="H309511" s="12"/>
    </row>
    <row r="309512" spans="8:8">
      <c r="H309512" s="12"/>
    </row>
    <row r="309513" spans="8:8">
      <c r="H309513" s="12"/>
    </row>
    <row r="309514" spans="8:8">
      <c r="H309514" s="12"/>
    </row>
    <row r="309515" spans="8:8">
      <c r="H309515" s="12"/>
    </row>
    <row r="309516" spans="8:8">
      <c r="H309516" s="12"/>
    </row>
    <row r="309517" spans="8:8">
      <c r="H309517" s="12"/>
    </row>
    <row r="309518" spans="8:8">
      <c r="H309518" s="12"/>
    </row>
    <row r="309519" spans="8:8">
      <c r="H309519" s="12"/>
    </row>
    <row r="309520" spans="8:8">
      <c r="H309520" s="12"/>
    </row>
    <row r="309521" spans="8:8">
      <c r="H309521" s="12"/>
    </row>
    <row r="309522" spans="8:8">
      <c r="H309522" s="12"/>
    </row>
    <row r="309523" spans="8:8">
      <c r="H309523" s="12"/>
    </row>
    <row r="309524" spans="8:8">
      <c r="H309524" s="12"/>
    </row>
    <row r="309525" spans="8:8">
      <c r="H309525" s="12"/>
    </row>
    <row r="309526" spans="8:8">
      <c r="H309526" s="12"/>
    </row>
    <row r="309527" spans="8:8">
      <c r="H309527" s="12"/>
    </row>
    <row r="309528" spans="8:8">
      <c r="H309528" s="12"/>
    </row>
    <row r="309529" spans="8:8">
      <c r="H309529" s="12"/>
    </row>
    <row r="309530" spans="8:8">
      <c r="H309530" s="12"/>
    </row>
    <row r="309531" spans="8:8">
      <c r="H309531" s="12"/>
    </row>
    <row r="309532" spans="8:8">
      <c r="H309532" s="12"/>
    </row>
    <row r="309533" spans="8:8">
      <c r="H309533" s="12"/>
    </row>
    <row r="309534" spans="8:8">
      <c r="H309534" s="12"/>
    </row>
    <row r="309535" spans="8:8">
      <c r="H309535" s="12"/>
    </row>
    <row r="309536" spans="8:8">
      <c r="H309536" s="12"/>
    </row>
    <row r="309537" spans="8:8">
      <c r="H309537" s="12"/>
    </row>
    <row r="309538" spans="8:8">
      <c r="H309538" s="12"/>
    </row>
    <row r="309539" spans="8:8">
      <c r="H309539" s="12"/>
    </row>
    <row r="309540" spans="8:8">
      <c r="H309540" s="12"/>
    </row>
    <row r="309541" spans="8:8">
      <c r="H309541" s="12"/>
    </row>
    <row r="309542" spans="8:8">
      <c r="H309542" s="12"/>
    </row>
    <row r="309543" spans="8:8">
      <c r="H309543" s="12"/>
    </row>
    <row r="309544" spans="8:8">
      <c r="H309544" s="12"/>
    </row>
    <row r="309545" spans="8:8">
      <c r="H309545" s="12"/>
    </row>
    <row r="309546" spans="8:8">
      <c r="H309546" s="12"/>
    </row>
    <row r="309547" spans="8:8">
      <c r="H309547" s="12"/>
    </row>
    <row r="309548" spans="8:8">
      <c r="H309548" s="12"/>
    </row>
    <row r="309549" spans="8:8">
      <c r="H309549" s="12"/>
    </row>
    <row r="309550" spans="8:8">
      <c r="H309550" s="12"/>
    </row>
    <row r="309551" spans="8:8">
      <c r="H309551" s="12"/>
    </row>
    <row r="309552" spans="8:8">
      <c r="H309552" s="12"/>
    </row>
    <row r="309553" spans="8:8">
      <c r="H309553" s="12"/>
    </row>
    <row r="309554" spans="8:8">
      <c r="H309554" s="12"/>
    </row>
    <row r="309555" spans="8:8">
      <c r="H309555" s="12"/>
    </row>
    <row r="309556" spans="8:8">
      <c r="H309556" s="12"/>
    </row>
    <row r="309557" spans="8:8">
      <c r="H309557" s="12"/>
    </row>
    <row r="309558" spans="8:8">
      <c r="H309558" s="12"/>
    </row>
    <row r="309559" spans="8:8">
      <c r="H309559" s="12"/>
    </row>
    <row r="309560" spans="8:8">
      <c r="H309560" s="12"/>
    </row>
    <row r="309561" spans="8:8">
      <c r="H309561" s="12"/>
    </row>
    <row r="309562" spans="8:8">
      <c r="H309562" s="12"/>
    </row>
    <row r="309563" spans="8:8">
      <c r="H309563" s="12"/>
    </row>
    <row r="309564" spans="8:8">
      <c r="H309564" s="12"/>
    </row>
    <row r="309565" spans="8:8">
      <c r="H309565" s="12"/>
    </row>
    <row r="309566" spans="8:8">
      <c r="H309566" s="12"/>
    </row>
    <row r="309567" spans="8:8">
      <c r="H309567" s="12"/>
    </row>
    <row r="309568" spans="8:8">
      <c r="H309568" s="12"/>
    </row>
    <row r="309569" spans="8:8">
      <c r="H309569" s="12"/>
    </row>
    <row r="309570" spans="8:8">
      <c r="H309570" s="12"/>
    </row>
    <row r="309571" spans="8:8">
      <c r="H309571" s="12"/>
    </row>
    <row r="309572" spans="8:8">
      <c r="H309572" s="12"/>
    </row>
    <row r="309573" spans="8:8">
      <c r="H309573" s="12"/>
    </row>
    <row r="309574" spans="8:8">
      <c r="H309574" s="12"/>
    </row>
    <row r="309575" spans="8:8">
      <c r="H309575" s="12"/>
    </row>
    <row r="309576" spans="8:8">
      <c r="H309576" s="12"/>
    </row>
    <row r="309577" spans="8:8">
      <c r="H309577" s="12"/>
    </row>
    <row r="309578" spans="8:8">
      <c r="H309578" s="12"/>
    </row>
    <row r="309579" spans="8:8">
      <c r="H309579" s="12"/>
    </row>
    <row r="309580" spans="8:8">
      <c r="H309580" s="12"/>
    </row>
    <row r="309581" spans="8:8">
      <c r="H309581" s="12"/>
    </row>
    <row r="309582" spans="8:8">
      <c r="H309582" s="12"/>
    </row>
    <row r="309583" spans="8:8">
      <c r="H309583" s="12"/>
    </row>
    <row r="309584" spans="8:8">
      <c r="H309584" s="12"/>
    </row>
    <row r="309585" spans="8:8">
      <c r="H309585" s="12"/>
    </row>
    <row r="309586" spans="8:8">
      <c r="H309586" s="12"/>
    </row>
    <row r="309587" spans="8:8">
      <c r="H309587" s="12"/>
    </row>
    <row r="309588" spans="8:8">
      <c r="H309588" s="12"/>
    </row>
    <row r="309589" spans="8:8">
      <c r="H309589" s="12"/>
    </row>
    <row r="309590" spans="8:8">
      <c r="H309590" s="12"/>
    </row>
    <row r="309591" spans="8:8">
      <c r="H309591" s="12"/>
    </row>
    <row r="309592" spans="8:8">
      <c r="H309592" s="12"/>
    </row>
    <row r="309593" spans="8:8">
      <c r="H309593" s="12"/>
    </row>
    <row r="309594" spans="8:8">
      <c r="H309594" s="12"/>
    </row>
    <row r="309595" spans="8:8">
      <c r="H309595" s="12"/>
    </row>
    <row r="309596" spans="8:8">
      <c r="H309596" s="12"/>
    </row>
    <row r="309597" spans="8:8">
      <c r="H309597" s="12"/>
    </row>
    <row r="309598" spans="8:8">
      <c r="H309598" s="12"/>
    </row>
    <row r="309599" spans="8:8">
      <c r="H309599" s="12"/>
    </row>
    <row r="309600" spans="8:8">
      <c r="H309600" s="12"/>
    </row>
    <row r="309601" spans="8:8">
      <c r="H309601" s="12"/>
    </row>
    <row r="309602" spans="8:8">
      <c r="H309602" s="12"/>
    </row>
    <row r="309603" spans="8:8">
      <c r="H309603" s="12"/>
    </row>
    <row r="309604" spans="8:8">
      <c r="H309604" s="12"/>
    </row>
    <row r="309605" spans="8:8">
      <c r="H309605" s="12"/>
    </row>
    <row r="309606" spans="8:8">
      <c r="H309606" s="12"/>
    </row>
    <row r="309607" spans="8:8">
      <c r="H309607" s="12"/>
    </row>
    <row r="309608" spans="8:8">
      <c r="H309608" s="12"/>
    </row>
    <row r="309609" spans="8:8">
      <c r="H309609" s="12"/>
    </row>
    <row r="309610" spans="8:8">
      <c r="H309610" s="12"/>
    </row>
    <row r="309611" spans="8:8">
      <c r="H309611" s="12"/>
    </row>
    <row r="309612" spans="8:8">
      <c r="H309612" s="12"/>
    </row>
    <row r="309613" spans="8:8">
      <c r="H309613" s="12"/>
    </row>
    <row r="309614" spans="8:8">
      <c r="H309614" s="12"/>
    </row>
    <row r="309615" spans="8:8">
      <c r="H309615" s="12"/>
    </row>
    <row r="309616" spans="8:8">
      <c r="H309616" s="12"/>
    </row>
    <row r="309617" spans="8:8">
      <c r="H309617" s="12"/>
    </row>
    <row r="309618" spans="8:8">
      <c r="H309618" s="12"/>
    </row>
    <row r="309619" spans="8:8">
      <c r="H309619" s="12"/>
    </row>
    <row r="309620" spans="8:8">
      <c r="H309620" s="12"/>
    </row>
    <row r="309621" spans="8:8">
      <c r="H309621" s="12"/>
    </row>
    <row r="309622" spans="8:8">
      <c r="H309622" s="12"/>
    </row>
    <row r="309623" spans="8:8">
      <c r="H309623" s="12"/>
    </row>
    <row r="309624" spans="8:8">
      <c r="H309624" s="12"/>
    </row>
    <row r="309625" spans="8:8">
      <c r="H309625" s="12"/>
    </row>
    <row r="309626" spans="8:8">
      <c r="H309626" s="12"/>
    </row>
    <row r="309627" spans="8:8">
      <c r="H309627" s="12"/>
    </row>
    <row r="309628" spans="8:8">
      <c r="H309628" s="12"/>
    </row>
    <row r="309629" spans="8:8">
      <c r="H309629" s="12"/>
    </row>
    <row r="309630" spans="8:8">
      <c r="H309630" s="12"/>
    </row>
    <row r="309631" spans="8:8">
      <c r="H309631" s="12"/>
    </row>
    <row r="309632" spans="8:8">
      <c r="H309632" s="12"/>
    </row>
    <row r="309633" spans="8:8">
      <c r="H309633" s="12"/>
    </row>
    <row r="309634" spans="8:8">
      <c r="H309634" s="12"/>
    </row>
    <row r="309635" spans="8:8">
      <c r="H309635" s="12"/>
    </row>
    <row r="309636" spans="8:8">
      <c r="H309636" s="12"/>
    </row>
    <row r="309637" spans="8:8">
      <c r="H309637" s="12"/>
    </row>
    <row r="309638" spans="8:8">
      <c r="H309638" s="12"/>
    </row>
    <row r="309639" spans="8:8">
      <c r="H309639" s="12"/>
    </row>
    <row r="309640" spans="8:8">
      <c r="H309640" s="12"/>
    </row>
    <row r="309641" spans="8:8">
      <c r="H309641" s="12"/>
    </row>
    <row r="309642" spans="8:8">
      <c r="H309642" s="12"/>
    </row>
    <row r="309643" spans="8:8">
      <c r="H309643" s="12"/>
    </row>
    <row r="309644" spans="8:8">
      <c r="H309644" s="12"/>
    </row>
    <row r="309645" spans="8:8">
      <c r="H309645" s="12"/>
    </row>
    <row r="309646" spans="8:8">
      <c r="H309646" s="12"/>
    </row>
    <row r="309647" spans="8:8">
      <c r="H309647" s="12"/>
    </row>
    <row r="309648" spans="8:8">
      <c r="H309648" s="12"/>
    </row>
    <row r="309649" spans="8:8">
      <c r="H309649" s="12"/>
    </row>
    <row r="309650" spans="8:8">
      <c r="H309650" s="12"/>
    </row>
    <row r="309651" spans="8:8">
      <c r="H309651" s="12"/>
    </row>
    <row r="309652" spans="8:8">
      <c r="H309652" s="12"/>
    </row>
    <row r="309653" spans="8:8">
      <c r="H309653" s="12"/>
    </row>
    <row r="309654" spans="8:8">
      <c r="H309654" s="12"/>
    </row>
    <row r="309655" spans="8:8">
      <c r="H309655" s="12"/>
    </row>
    <row r="309656" spans="8:8">
      <c r="H309656" s="12"/>
    </row>
    <row r="309657" spans="8:8">
      <c r="H309657" s="12"/>
    </row>
    <row r="309658" spans="8:8">
      <c r="H309658" s="12"/>
    </row>
    <row r="309659" spans="8:8">
      <c r="H309659" s="12"/>
    </row>
    <row r="309660" spans="8:8">
      <c r="H309660" s="12"/>
    </row>
    <row r="309661" spans="8:8">
      <c r="H309661" s="12"/>
    </row>
    <row r="309662" spans="8:8">
      <c r="H309662" s="12"/>
    </row>
    <row r="309663" spans="8:8">
      <c r="H309663" s="12"/>
    </row>
    <row r="309664" spans="8:8">
      <c r="H309664" s="12"/>
    </row>
    <row r="309665" spans="8:8">
      <c r="H309665" s="12"/>
    </row>
    <row r="309666" spans="8:8">
      <c r="H309666" s="12"/>
    </row>
    <row r="309667" spans="8:8">
      <c r="H309667" s="12"/>
    </row>
    <row r="309668" spans="8:8">
      <c r="H309668" s="12"/>
    </row>
    <row r="309669" spans="8:8">
      <c r="H309669" s="12"/>
    </row>
    <row r="309670" spans="8:8">
      <c r="H309670" s="12"/>
    </row>
    <row r="309671" spans="8:8">
      <c r="H309671" s="12"/>
    </row>
    <row r="309672" spans="8:8">
      <c r="H309672" s="12"/>
    </row>
    <row r="309673" spans="8:8">
      <c r="H309673" s="12"/>
    </row>
    <row r="309674" spans="8:8">
      <c r="H309674" s="12"/>
    </row>
    <row r="309675" spans="8:8">
      <c r="H309675" s="12"/>
    </row>
    <row r="309676" spans="8:8">
      <c r="H309676" s="12"/>
    </row>
    <row r="309677" spans="8:8">
      <c r="H309677" s="12"/>
    </row>
    <row r="309678" spans="8:8">
      <c r="H309678" s="12"/>
    </row>
    <row r="309679" spans="8:8">
      <c r="H309679" s="12"/>
    </row>
    <row r="309680" spans="8:8">
      <c r="H309680" s="12"/>
    </row>
    <row r="309681" spans="8:8">
      <c r="H309681" s="12"/>
    </row>
    <row r="309682" spans="8:8">
      <c r="H309682" s="12"/>
    </row>
    <row r="309683" spans="8:8">
      <c r="H309683" s="12"/>
    </row>
    <row r="309684" spans="8:8">
      <c r="H309684" s="12"/>
    </row>
    <row r="309685" spans="8:8">
      <c r="H309685" s="12"/>
    </row>
    <row r="309686" spans="8:8">
      <c r="H309686" s="12"/>
    </row>
    <row r="309687" spans="8:8">
      <c r="H309687" s="12"/>
    </row>
    <row r="309688" spans="8:8">
      <c r="H309688" s="12"/>
    </row>
    <row r="309689" spans="8:8">
      <c r="H309689" s="12"/>
    </row>
    <row r="309690" spans="8:8">
      <c r="H309690" s="12"/>
    </row>
    <row r="309691" spans="8:8">
      <c r="H309691" s="12"/>
    </row>
    <row r="309692" spans="8:8">
      <c r="H309692" s="12"/>
    </row>
    <row r="309693" spans="8:8">
      <c r="H309693" s="12"/>
    </row>
    <row r="309694" spans="8:8">
      <c r="H309694" s="12"/>
    </row>
    <row r="309695" spans="8:8">
      <c r="H309695" s="12"/>
    </row>
    <row r="309696" spans="8:8">
      <c r="H309696" s="12"/>
    </row>
    <row r="309697" spans="8:8">
      <c r="H309697" s="12"/>
    </row>
    <row r="309698" spans="8:8">
      <c r="H309698" s="12"/>
    </row>
    <row r="309699" spans="8:8">
      <c r="H309699" s="12"/>
    </row>
    <row r="309700" spans="8:8">
      <c r="H309700" s="12"/>
    </row>
    <row r="309701" spans="8:8">
      <c r="H309701" s="12"/>
    </row>
    <row r="309702" spans="8:8">
      <c r="H309702" s="12"/>
    </row>
    <row r="309703" spans="8:8">
      <c r="H309703" s="12"/>
    </row>
    <row r="309704" spans="8:8">
      <c r="H309704" s="12"/>
    </row>
    <row r="309705" spans="8:8">
      <c r="H309705" s="12"/>
    </row>
    <row r="309706" spans="8:8">
      <c r="H309706" s="12"/>
    </row>
    <row r="309707" spans="8:8">
      <c r="H309707" s="12"/>
    </row>
    <row r="309708" spans="8:8">
      <c r="H309708" s="12"/>
    </row>
    <row r="309709" spans="8:8">
      <c r="H309709" s="12"/>
    </row>
    <row r="309710" spans="8:8">
      <c r="H309710" s="12"/>
    </row>
    <row r="309711" spans="8:8">
      <c r="H309711" s="12"/>
    </row>
    <row r="309712" spans="8:8">
      <c r="H309712" s="12"/>
    </row>
    <row r="309713" spans="8:8">
      <c r="H309713" s="12"/>
    </row>
    <row r="309714" spans="8:8">
      <c r="H309714" s="12"/>
    </row>
    <row r="309715" spans="8:8">
      <c r="H309715" s="12"/>
    </row>
    <row r="309716" spans="8:8">
      <c r="H309716" s="12"/>
    </row>
    <row r="309717" spans="8:8">
      <c r="H309717" s="12"/>
    </row>
    <row r="309718" spans="8:8">
      <c r="H309718" s="12"/>
    </row>
    <row r="309719" spans="8:8">
      <c r="H309719" s="12"/>
    </row>
    <row r="309720" spans="8:8">
      <c r="H309720" s="12"/>
    </row>
    <row r="309721" spans="8:8">
      <c r="H309721" s="12"/>
    </row>
    <row r="309722" spans="8:8">
      <c r="H309722" s="12"/>
    </row>
    <row r="309723" spans="8:8">
      <c r="H309723" s="12"/>
    </row>
    <row r="309724" spans="8:8">
      <c r="H309724" s="12"/>
    </row>
    <row r="309725" spans="8:8">
      <c r="H309725" s="12"/>
    </row>
    <row r="309726" spans="8:8">
      <c r="H309726" s="12"/>
    </row>
    <row r="309727" spans="8:8">
      <c r="H309727" s="12"/>
    </row>
    <row r="309728" spans="8:8">
      <c r="H309728" s="12"/>
    </row>
    <row r="309729" spans="8:8">
      <c r="H309729" s="12"/>
    </row>
    <row r="309730" spans="8:8">
      <c r="H309730" s="12"/>
    </row>
    <row r="309731" spans="8:8">
      <c r="H309731" s="12"/>
    </row>
    <row r="309732" spans="8:8">
      <c r="H309732" s="12"/>
    </row>
    <row r="309733" spans="8:8">
      <c r="H309733" s="12"/>
    </row>
    <row r="309734" spans="8:8">
      <c r="H309734" s="12"/>
    </row>
    <row r="309735" spans="8:8">
      <c r="H309735" s="12"/>
    </row>
    <row r="309736" spans="8:8">
      <c r="H309736" s="12"/>
    </row>
    <row r="309737" spans="8:8">
      <c r="H309737" s="12"/>
    </row>
    <row r="309738" spans="8:8">
      <c r="H309738" s="12"/>
    </row>
    <row r="309739" spans="8:8">
      <c r="H309739" s="12"/>
    </row>
    <row r="309740" spans="8:8">
      <c r="H309740" s="12"/>
    </row>
    <row r="309741" spans="8:8">
      <c r="H309741" s="12"/>
    </row>
    <row r="309742" spans="8:8">
      <c r="H309742" s="12"/>
    </row>
    <row r="309743" spans="8:8">
      <c r="H309743" s="12"/>
    </row>
    <row r="309744" spans="8:8">
      <c r="H309744" s="12"/>
    </row>
    <row r="309745" spans="8:8">
      <c r="H309745" s="12"/>
    </row>
    <row r="309746" spans="8:8">
      <c r="H309746" s="12"/>
    </row>
    <row r="309747" spans="8:8">
      <c r="H309747" s="12"/>
    </row>
    <row r="309748" spans="8:8">
      <c r="H309748" s="12"/>
    </row>
    <row r="309749" spans="8:8">
      <c r="H309749" s="12"/>
    </row>
    <row r="309750" spans="8:8">
      <c r="H309750" s="12"/>
    </row>
    <row r="309751" spans="8:8">
      <c r="H309751" s="12"/>
    </row>
    <row r="309752" spans="8:8">
      <c r="H309752" s="12"/>
    </row>
    <row r="309753" spans="8:8">
      <c r="H309753" s="12"/>
    </row>
    <row r="309754" spans="8:8">
      <c r="H309754" s="12"/>
    </row>
    <row r="309755" spans="8:8">
      <c r="H309755" s="12"/>
    </row>
    <row r="309756" spans="8:8">
      <c r="H309756" s="12"/>
    </row>
    <row r="309757" spans="8:8">
      <c r="H309757" s="12"/>
    </row>
    <row r="309758" spans="8:8">
      <c r="H309758" s="12"/>
    </row>
    <row r="309759" spans="8:8">
      <c r="H309759" s="12"/>
    </row>
    <row r="309760" spans="8:8">
      <c r="H309760" s="12"/>
    </row>
    <row r="309761" spans="8:8">
      <c r="H309761" s="12"/>
    </row>
    <row r="309762" spans="8:8">
      <c r="H309762" s="12"/>
    </row>
    <row r="309763" spans="8:8">
      <c r="H309763" s="12"/>
    </row>
    <row r="309764" spans="8:8">
      <c r="H309764" s="12"/>
    </row>
    <row r="309765" spans="8:8">
      <c r="H309765" s="12"/>
    </row>
    <row r="309766" spans="8:8">
      <c r="H309766" s="12"/>
    </row>
    <row r="309767" spans="8:8">
      <c r="H309767" s="12"/>
    </row>
    <row r="309768" spans="8:8">
      <c r="H309768" s="12"/>
    </row>
    <row r="309769" spans="8:8">
      <c r="H309769" s="12"/>
    </row>
    <row r="309770" spans="8:8">
      <c r="H309770" s="12"/>
    </row>
    <row r="309771" spans="8:8">
      <c r="H309771" s="12"/>
    </row>
    <row r="309772" spans="8:8">
      <c r="H309772" s="12"/>
    </row>
    <row r="309773" spans="8:8">
      <c r="H309773" s="12"/>
    </row>
    <row r="309774" spans="8:8">
      <c r="H309774" s="12"/>
    </row>
    <row r="309775" spans="8:8">
      <c r="H309775" s="12"/>
    </row>
    <row r="309776" spans="8:8">
      <c r="H309776" s="12"/>
    </row>
    <row r="309777" spans="8:8">
      <c r="H309777" s="12"/>
    </row>
    <row r="309778" spans="8:8">
      <c r="H309778" s="12"/>
    </row>
    <row r="309779" spans="8:8">
      <c r="H309779" s="12"/>
    </row>
    <row r="309780" spans="8:8">
      <c r="H309780" s="12"/>
    </row>
    <row r="309781" spans="8:8">
      <c r="H309781" s="12"/>
    </row>
    <row r="309782" spans="8:8">
      <c r="H309782" s="12"/>
    </row>
    <row r="309783" spans="8:8">
      <c r="H309783" s="12"/>
    </row>
    <row r="309784" spans="8:8">
      <c r="H309784" s="12"/>
    </row>
    <row r="309785" spans="8:8">
      <c r="H309785" s="12"/>
    </row>
    <row r="309786" spans="8:8">
      <c r="H309786" s="12"/>
    </row>
    <row r="309787" spans="8:8">
      <c r="H309787" s="12"/>
    </row>
    <row r="309788" spans="8:8">
      <c r="H309788" s="12"/>
    </row>
    <row r="309789" spans="8:8">
      <c r="H309789" s="12"/>
    </row>
    <row r="309790" spans="8:8">
      <c r="H309790" s="12"/>
    </row>
    <row r="309791" spans="8:8">
      <c r="H309791" s="12"/>
    </row>
    <row r="309792" spans="8:8">
      <c r="H309792" s="12"/>
    </row>
    <row r="309793" spans="8:8">
      <c r="H309793" s="12"/>
    </row>
    <row r="309794" spans="8:8">
      <c r="H309794" s="12"/>
    </row>
    <row r="309795" spans="8:8">
      <c r="H309795" s="12"/>
    </row>
    <row r="309796" spans="8:8">
      <c r="H309796" s="12"/>
    </row>
    <row r="309797" spans="8:8">
      <c r="H309797" s="12"/>
    </row>
    <row r="309798" spans="8:8">
      <c r="H309798" s="12"/>
    </row>
    <row r="309799" spans="8:8">
      <c r="H309799" s="12"/>
    </row>
    <row r="309800" spans="8:8">
      <c r="H309800" s="12"/>
    </row>
    <row r="309801" spans="8:8">
      <c r="H309801" s="12"/>
    </row>
    <row r="309802" spans="8:8">
      <c r="H309802" s="12"/>
    </row>
    <row r="309803" spans="8:8">
      <c r="H309803" s="12"/>
    </row>
    <row r="309804" spans="8:8">
      <c r="H309804" s="12"/>
    </row>
    <row r="309805" spans="8:8">
      <c r="H309805" s="12"/>
    </row>
    <row r="309806" spans="8:8">
      <c r="H309806" s="12"/>
    </row>
    <row r="309807" spans="8:8">
      <c r="H309807" s="12"/>
    </row>
    <row r="309808" spans="8:8">
      <c r="H309808" s="12"/>
    </row>
    <row r="309809" spans="8:8">
      <c r="H309809" s="12"/>
    </row>
    <row r="309810" spans="8:8">
      <c r="H309810" s="12"/>
    </row>
    <row r="309811" spans="8:8">
      <c r="H309811" s="12"/>
    </row>
    <row r="309812" spans="8:8">
      <c r="H309812" s="12"/>
    </row>
    <row r="309813" spans="8:8">
      <c r="H309813" s="12"/>
    </row>
    <row r="309814" spans="8:8">
      <c r="H309814" s="12"/>
    </row>
    <row r="309815" spans="8:8">
      <c r="H309815" s="12"/>
    </row>
    <row r="309816" spans="8:8">
      <c r="H309816" s="12"/>
    </row>
    <row r="309817" spans="8:8">
      <c r="H309817" s="12"/>
    </row>
    <row r="309818" spans="8:8">
      <c r="H309818" s="12"/>
    </row>
    <row r="309819" spans="8:8">
      <c r="H309819" s="12"/>
    </row>
    <row r="309820" spans="8:8">
      <c r="H309820" s="12"/>
    </row>
    <row r="309821" spans="8:8">
      <c r="H309821" s="12"/>
    </row>
    <row r="309822" spans="8:8">
      <c r="H309822" s="12"/>
    </row>
    <row r="309823" spans="8:8">
      <c r="H309823" s="12"/>
    </row>
    <row r="309824" spans="8:8">
      <c r="H309824" s="12"/>
    </row>
    <row r="309825" spans="8:8">
      <c r="H309825" s="12"/>
    </row>
    <row r="309826" spans="8:8">
      <c r="H309826" s="12"/>
    </row>
    <row r="309827" spans="8:8">
      <c r="H309827" s="12"/>
    </row>
    <row r="309828" spans="8:8">
      <c r="H309828" s="12"/>
    </row>
    <row r="309829" spans="8:8">
      <c r="H309829" s="12"/>
    </row>
    <row r="309830" spans="8:8">
      <c r="H309830" s="12"/>
    </row>
    <row r="309831" spans="8:8">
      <c r="H309831" s="12"/>
    </row>
    <row r="309832" spans="8:8">
      <c r="H309832" s="12"/>
    </row>
    <row r="309833" spans="8:8">
      <c r="H309833" s="12"/>
    </row>
    <row r="309834" spans="8:8">
      <c r="H309834" s="12"/>
    </row>
    <row r="309835" spans="8:8">
      <c r="H309835" s="12"/>
    </row>
    <row r="309836" spans="8:8">
      <c r="H309836" s="12"/>
    </row>
    <row r="309837" spans="8:8">
      <c r="H309837" s="12"/>
    </row>
    <row r="309838" spans="8:8">
      <c r="H309838" s="12"/>
    </row>
    <row r="309839" spans="8:8">
      <c r="H309839" s="12"/>
    </row>
    <row r="309840" spans="8:8">
      <c r="H309840" s="12"/>
    </row>
    <row r="309841" spans="8:8">
      <c r="H309841" s="12"/>
    </row>
    <row r="309842" spans="8:8">
      <c r="H309842" s="12"/>
    </row>
    <row r="309843" spans="8:8">
      <c r="H309843" s="12"/>
    </row>
    <row r="309844" spans="8:8">
      <c r="H309844" s="12"/>
    </row>
    <row r="309845" spans="8:8">
      <c r="H309845" s="12"/>
    </row>
    <row r="309846" spans="8:8">
      <c r="H309846" s="12"/>
    </row>
    <row r="309847" spans="8:8">
      <c r="H309847" s="12"/>
    </row>
    <row r="309848" spans="8:8">
      <c r="H309848" s="12"/>
    </row>
    <row r="309849" spans="8:8">
      <c r="H309849" s="12"/>
    </row>
    <row r="309850" spans="8:8">
      <c r="H309850" s="12"/>
    </row>
    <row r="309851" spans="8:8">
      <c r="H309851" s="12"/>
    </row>
    <row r="309852" spans="8:8">
      <c r="H309852" s="12"/>
    </row>
    <row r="309853" spans="8:8">
      <c r="H309853" s="12"/>
    </row>
    <row r="309854" spans="8:8">
      <c r="H309854" s="12"/>
    </row>
    <row r="309855" spans="8:8">
      <c r="H309855" s="12"/>
    </row>
    <row r="309856" spans="8:8">
      <c r="H309856" s="12"/>
    </row>
    <row r="309857" spans="8:8">
      <c r="H309857" s="12"/>
    </row>
    <row r="309858" spans="8:8">
      <c r="H309858" s="12"/>
    </row>
    <row r="309859" spans="8:8">
      <c r="H309859" s="12"/>
    </row>
    <row r="309860" spans="8:8">
      <c r="H309860" s="12"/>
    </row>
    <row r="309861" spans="8:8">
      <c r="H309861" s="12"/>
    </row>
    <row r="309862" spans="8:8">
      <c r="H309862" s="12"/>
    </row>
    <row r="309863" spans="8:8">
      <c r="H309863" s="12"/>
    </row>
    <row r="309864" spans="8:8">
      <c r="H309864" s="12"/>
    </row>
    <row r="309865" spans="8:8">
      <c r="H309865" s="12"/>
    </row>
    <row r="309866" spans="8:8">
      <c r="H309866" s="12"/>
    </row>
    <row r="309867" spans="8:8">
      <c r="H309867" s="12"/>
    </row>
    <row r="309868" spans="8:8">
      <c r="H309868" s="12"/>
    </row>
    <row r="309869" spans="8:8">
      <c r="H309869" s="12"/>
    </row>
    <row r="309870" spans="8:8">
      <c r="H309870" s="12"/>
    </row>
    <row r="309871" spans="8:8">
      <c r="H309871" s="12"/>
    </row>
    <row r="309872" spans="8:8">
      <c r="H309872" s="12"/>
    </row>
    <row r="309873" spans="8:8">
      <c r="H309873" s="12"/>
    </row>
    <row r="309874" spans="8:8">
      <c r="H309874" s="12"/>
    </row>
    <row r="309875" spans="8:8">
      <c r="H309875" s="12"/>
    </row>
    <row r="309876" spans="8:8">
      <c r="H309876" s="12"/>
    </row>
    <row r="309877" spans="8:8">
      <c r="H309877" s="12"/>
    </row>
    <row r="309878" spans="8:8">
      <c r="H309878" s="12"/>
    </row>
    <row r="309879" spans="8:8">
      <c r="H309879" s="12"/>
    </row>
    <row r="309880" spans="8:8">
      <c r="H309880" s="12"/>
    </row>
    <row r="309881" spans="8:8">
      <c r="H309881" s="12"/>
    </row>
    <row r="309882" spans="8:8">
      <c r="H309882" s="12"/>
    </row>
    <row r="309883" spans="8:8">
      <c r="H309883" s="12"/>
    </row>
    <row r="309884" spans="8:8">
      <c r="H309884" s="12"/>
    </row>
    <row r="309885" spans="8:8">
      <c r="H309885" s="12"/>
    </row>
    <row r="309886" spans="8:8">
      <c r="H309886" s="12"/>
    </row>
    <row r="309887" spans="8:8">
      <c r="H309887" s="12"/>
    </row>
    <row r="309888" spans="8:8">
      <c r="H309888" s="12"/>
    </row>
    <row r="309889" spans="8:8">
      <c r="H309889" s="12"/>
    </row>
    <row r="309890" spans="8:8">
      <c r="H309890" s="12"/>
    </row>
    <row r="309891" spans="8:8">
      <c r="H309891" s="12"/>
    </row>
    <row r="309892" spans="8:8">
      <c r="H309892" s="12"/>
    </row>
    <row r="309893" spans="8:8">
      <c r="H309893" s="12"/>
    </row>
    <row r="309894" spans="8:8">
      <c r="H309894" s="12"/>
    </row>
    <row r="309895" spans="8:8">
      <c r="H309895" s="12"/>
    </row>
    <row r="309896" spans="8:8">
      <c r="H309896" s="12"/>
    </row>
    <row r="309897" spans="8:8">
      <c r="H309897" s="12"/>
    </row>
    <row r="309898" spans="8:8">
      <c r="H309898" s="12"/>
    </row>
    <row r="309899" spans="8:8">
      <c r="H309899" s="12"/>
    </row>
    <row r="309900" spans="8:8">
      <c r="H309900" s="12"/>
    </row>
    <row r="309901" spans="8:8">
      <c r="H309901" s="12"/>
    </row>
    <row r="309902" spans="8:8">
      <c r="H309902" s="12"/>
    </row>
    <row r="309903" spans="8:8">
      <c r="H309903" s="12"/>
    </row>
    <row r="309904" spans="8:8">
      <c r="H309904" s="12"/>
    </row>
    <row r="309905" spans="8:8">
      <c r="H309905" s="12"/>
    </row>
    <row r="309906" spans="8:8">
      <c r="H309906" s="12"/>
    </row>
    <row r="309907" spans="8:8">
      <c r="H309907" s="12"/>
    </row>
    <row r="309908" spans="8:8">
      <c r="H309908" s="12"/>
    </row>
    <row r="309909" spans="8:8">
      <c r="H309909" s="12"/>
    </row>
    <row r="309910" spans="8:8">
      <c r="H309910" s="12"/>
    </row>
    <row r="309911" spans="8:8">
      <c r="H309911" s="12"/>
    </row>
    <row r="309912" spans="8:8">
      <c r="H309912" s="12"/>
    </row>
    <row r="309913" spans="8:8">
      <c r="H309913" s="12"/>
    </row>
    <row r="309914" spans="8:8">
      <c r="H309914" s="12"/>
    </row>
    <row r="309915" spans="8:8">
      <c r="H309915" s="12"/>
    </row>
    <row r="309916" spans="8:8">
      <c r="H309916" s="12"/>
    </row>
    <row r="309917" spans="8:8">
      <c r="H309917" s="12"/>
    </row>
    <row r="309918" spans="8:8">
      <c r="H309918" s="12"/>
    </row>
    <row r="309919" spans="8:8">
      <c r="H309919" s="12"/>
    </row>
    <row r="309920" spans="8:8">
      <c r="H309920" s="12"/>
    </row>
    <row r="309921" spans="8:8">
      <c r="H309921" s="12"/>
    </row>
    <row r="309922" spans="8:8">
      <c r="H309922" s="12"/>
    </row>
    <row r="309923" spans="8:8">
      <c r="H309923" s="12"/>
    </row>
    <row r="309924" spans="8:8">
      <c r="H309924" s="12"/>
    </row>
    <row r="309925" spans="8:8">
      <c r="H309925" s="12"/>
    </row>
    <row r="309926" spans="8:8">
      <c r="H309926" s="12"/>
    </row>
    <row r="309927" spans="8:8">
      <c r="H309927" s="12"/>
    </row>
    <row r="309928" spans="8:8">
      <c r="H309928" s="12"/>
    </row>
    <row r="309929" spans="8:8">
      <c r="H309929" s="12"/>
    </row>
    <row r="309930" spans="8:8">
      <c r="H309930" s="12"/>
    </row>
    <row r="309931" spans="8:8">
      <c r="H309931" s="12"/>
    </row>
    <row r="309932" spans="8:8">
      <c r="H309932" s="12"/>
    </row>
    <row r="309933" spans="8:8">
      <c r="H309933" s="12"/>
    </row>
    <row r="309934" spans="8:8">
      <c r="H309934" s="12"/>
    </row>
    <row r="309935" spans="8:8">
      <c r="H309935" s="12"/>
    </row>
    <row r="309936" spans="8:8">
      <c r="H309936" s="12"/>
    </row>
    <row r="309937" spans="8:8">
      <c r="H309937" s="12"/>
    </row>
    <row r="309938" spans="8:8">
      <c r="H309938" s="12"/>
    </row>
    <row r="309939" spans="8:8">
      <c r="H309939" s="12"/>
    </row>
    <row r="309940" spans="8:8">
      <c r="H309940" s="12"/>
    </row>
    <row r="309941" spans="8:8">
      <c r="H309941" s="12"/>
    </row>
    <row r="309942" spans="8:8">
      <c r="H309942" s="12"/>
    </row>
    <row r="309943" spans="8:8">
      <c r="H309943" s="12"/>
    </row>
    <row r="309944" spans="8:8">
      <c r="H309944" s="12"/>
    </row>
    <row r="309945" spans="8:8">
      <c r="H309945" s="12"/>
    </row>
    <row r="309946" spans="8:8">
      <c r="H309946" s="12"/>
    </row>
    <row r="309947" spans="8:8">
      <c r="H309947" s="12"/>
    </row>
    <row r="309948" spans="8:8">
      <c r="H309948" s="12"/>
    </row>
    <row r="309949" spans="8:8">
      <c r="H309949" s="12"/>
    </row>
    <row r="309950" spans="8:8">
      <c r="H309950" s="12"/>
    </row>
    <row r="309951" spans="8:8">
      <c r="H309951" s="12"/>
    </row>
    <row r="309952" spans="8:8">
      <c r="H309952" s="12"/>
    </row>
    <row r="309953" spans="8:8">
      <c r="H309953" s="12"/>
    </row>
    <row r="309954" spans="8:8">
      <c r="H309954" s="12"/>
    </row>
    <row r="309955" spans="8:8">
      <c r="H309955" s="12"/>
    </row>
    <row r="309956" spans="8:8">
      <c r="H309956" s="12"/>
    </row>
    <row r="309957" spans="8:8">
      <c r="H309957" s="12"/>
    </row>
    <row r="309958" spans="8:8">
      <c r="H309958" s="12"/>
    </row>
    <row r="309959" spans="8:8">
      <c r="H309959" s="12"/>
    </row>
    <row r="309960" spans="8:8">
      <c r="H309960" s="12"/>
    </row>
    <row r="309961" spans="8:8">
      <c r="H309961" s="12"/>
    </row>
    <row r="309962" spans="8:8">
      <c r="H309962" s="12"/>
    </row>
    <row r="309963" spans="8:8">
      <c r="H309963" s="12"/>
    </row>
    <row r="309964" spans="8:8">
      <c r="H309964" s="12"/>
    </row>
    <row r="309965" spans="8:8">
      <c r="H309965" s="12"/>
    </row>
    <row r="309966" spans="8:8">
      <c r="H309966" s="12"/>
    </row>
    <row r="309967" spans="8:8">
      <c r="H309967" s="12"/>
    </row>
    <row r="309968" spans="8:8">
      <c r="H309968" s="12"/>
    </row>
    <row r="309969" spans="8:8">
      <c r="H309969" s="12"/>
    </row>
    <row r="309970" spans="8:8">
      <c r="H309970" s="12"/>
    </row>
    <row r="309971" spans="8:8">
      <c r="H309971" s="12"/>
    </row>
    <row r="309972" spans="8:8">
      <c r="H309972" s="12"/>
    </row>
    <row r="309973" spans="8:8">
      <c r="H309973" s="12"/>
    </row>
    <row r="309974" spans="8:8">
      <c r="H309974" s="12"/>
    </row>
    <row r="309975" spans="8:8">
      <c r="H309975" s="12"/>
    </row>
    <row r="309976" spans="8:8">
      <c r="H309976" s="12"/>
    </row>
    <row r="309977" spans="8:8">
      <c r="H309977" s="12"/>
    </row>
    <row r="309978" spans="8:8">
      <c r="H309978" s="12"/>
    </row>
    <row r="309979" spans="8:8">
      <c r="H309979" s="12"/>
    </row>
    <row r="309980" spans="8:8">
      <c r="H309980" s="12"/>
    </row>
    <row r="309981" spans="8:8">
      <c r="H309981" s="12"/>
    </row>
    <row r="309982" spans="8:8">
      <c r="H309982" s="12"/>
    </row>
    <row r="309983" spans="8:8">
      <c r="H309983" s="12"/>
    </row>
    <row r="309984" spans="8:8">
      <c r="H309984" s="12"/>
    </row>
    <row r="309985" spans="8:8">
      <c r="H309985" s="12"/>
    </row>
    <row r="309986" spans="8:8">
      <c r="H309986" s="12"/>
    </row>
    <row r="309987" spans="8:8">
      <c r="H309987" s="12"/>
    </row>
    <row r="309988" spans="8:8">
      <c r="H309988" s="12"/>
    </row>
    <row r="309989" spans="8:8">
      <c r="H309989" s="12"/>
    </row>
    <row r="309990" spans="8:8">
      <c r="H309990" s="12"/>
    </row>
    <row r="309991" spans="8:8">
      <c r="H309991" s="12"/>
    </row>
    <row r="309992" spans="8:8">
      <c r="H309992" s="12"/>
    </row>
    <row r="309993" spans="8:8">
      <c r="H309993" s="12"/>
    </row>
    <row r="309994" spans="8:8">
      <c r="H309994" s="12"/>
    </row>
    <row r="309995" spans="8:8">
      <c r="H309995" s="12"/>
    </row>
    <row r="309996" spans="8:8">
      <c r="H309996" s="12"/>
    </row>
    <row r="309997" spans="8:8">
      <c r="H309997" s="12"/>
    </row>
    <row r="309998" spans="8:8">
      <c r="H309998" s="12"/>
    </row>
    <row r="309999" spans="8:8">
      <c r="H309999" s="12"/>
    </row>
    <row r="310000" spans="8:8">
      <c r="H310000" s="12"/>
    </row>
    <row r="310001" spans="8:8">
      <c r="H310001" s="12"/>
    </row>
    <row r="310002" spans="8:8">
      <c r="H310002" s="12"/>
    </row>
    <row r="310003" spans="8:8">
      <c r="H310003" s="12"/>
    </row>
    <row r="310004" spans="8:8">
      <c r="H310004" s="12"/>
    </row>
    <row r="310005" spans="8:8">
      <c r="H310005" s="12"/>
    </row>
    <row r="310006" spans="8:8">
      <c r="H310006" s="12"/>
    </row>
    <row r="310007" spans="8:8">
      <c r="H310007" s="12"/>
    </row>
    <row r="310008" spans="8:8">
      <c r="H310008" s="12"/>
    </row>
    <row r="310009" spans="8:8">
      <c r="H310009" s="12"/>
    </row>
    <row r="310010" spans="8:8">
      <c r="H310010" s="12"/>
    </row>
    <row r="310011" spans="8:8">
      <c r="H310011" s="12"/>
    </row>
    <row r="310012" spans="8:8">
      <c r="H310012" s="12"/>
    </row>
    <row r="310013" spans="8:8">
      <c r="H310013" s="12"/>
    </row>
    <row r="310014" spans="8:8">
      <c r="H310014" s="12"/>
    </row>
    <row r="310015" spans="8:8">
      <c r="H310015" s="12"/>
    </row>
    <row r="310016" spans="8:8">
      <c r="H310016" s="12"/>
    </row>
    <row r="310017" spans="8:8">
      <c r="H310017" s="12"/>
    </row>
    <row r="310018" spans="8:8">
      <c r="H310018" s="12"/>
    </row>
    <row r="310019" spans="8:8">
      <c r="H310019" s="12"/>
    </row>
    <row r="310020" spans="8:8">
      <c r="H310020" s="12"/>
    </row>
    <row r="310021" spans="8:8">
      <c r="H310021" s="12"/>
    </row>
    <row r="310022" spans="8:8">
      <c r="H310022" s="12"/>
    </row>
    <row r="310023" spans="8:8">
      <c r="H310023" s="12"/>
    </row>
    <row r="310024" spans="8:8">
      <c r="H310024" s="12"/>
    </row>
    <row r="310025" spans="8:8">
      <c r="H310025" s="12"/>
    </row>
    <row r="310026" spans="8:8">
      <c r="H310026" s="12"/>
    </row>
    <row r="310027" spans="8:8">
      <c r="H310027" s="12"/>
    </row>
    <row r="310028" spans="8:8">
      <c r="H310028" s="12"/>
    </row>
    <row r="310029" spans="8:8">
      <c r="H310029" s="12"/>
    </row>
    <row r="310030" spans="8:8">
      <c r="H310030" s="12"/>
    </row>
    <row r="310031" spans="8:8">
      <c r="H310031" s="12"/>
    </row>
    <row r="310032" spans="8:8">
      <c r="H310032" s="12"/>
    </row>
    <row r="310033" spans="8:8">
      <c r="H310033" s="12"/>
    </row>
    <row r="310034" spans="8:8">
      <c r="H310034" s="12"/>
    </row>
    <row r="310035" spans="8:8">
      <c r="H310035" s="12"/>
    </row>
    <row r="310036" spans="8:8">
      <c r="H310036" s="12"/>
    </row>
    <row r="310037" spans="8:8">
      <c r="H310037" s="12"/>
    </row>
    <row r="310038" spans="8:8">
      <c r="H310038" s="12"/>
    </row>
    <row r="310039" spans="8:8">
      <c r="H310039" s="12"/>
    </row>
    <row r="310040" spans="8:8">
      <c r="H310040" s="12"/>
    </row>
    <row r="310041" spans="8:8">
      <c r="H310041" s="12"/>
    </row>
    <row r="310042" spans="8:8">
      <c r="H310042" s="12"/>
    </row>
    <row r="310043" spans="8:8">
      <c r="H310043" s="12"/>
    </row>
    <row r="310044" spans="8:8">
      <c r="H310044" s="12"/>
    </row>
    <row r="310045" spans="8:8">
      <c r="H310045" s="12"/>
    </row>
    <row r="310046" spans="8:8">
      <c r="H310046" s="12"/>
    </row>
    <row r="310047" spans="8:8">
      <c r="H310047" s="12"/>
    </row>
    <row r="310048" spans="8:8">
      <c r="H310048" s="12"/>
    </row>
    <row r="310049" spans="8:8">
      <c r="H310049" s="12"/>
    </row>
    <row r="310050" spans="8:8">
      <c r="H310050" s="12"/>
    </row>
    <row r="310051" spans="8:8">
      <c r="H310051" s="12"/>
    </row>
    <row r="310052" spans="8:8">
      <c r="H310052" s="12"/>
    </row>
    <row r="310053" spans="8:8">
      <c r="H310053" s="12"/>
    </row>
    <row r="310054" spans="8:8">
      <c r="H310054" s="12"/>
    </row>
    <row r="310055" spans="8:8">
      <c r="H310055" s="12"/>
    </row>
    <row r="310056" spans="8:8">
      <c r="H310056" s="12"/>
    </row>
    <row r="310057" spans="8:8">
      <c r="H310057" s="12"/>
    </row>
    <row r="310058" spans="8:8">
      <c r="H310058" s="12"/>
    </row>
    <row r="310059" spans="8:8">
      <c r="H310059" s="12"/>
    </row>
    <row r="310060" spans="8:8">
      <c r="H310060" s="12"/>
    </row>
    <row r="310061" spans="8:8">
      <c r="H310061" s="12"/>
    </row>
    <row r="310062" spans="8:8">
      <c r="H310062" s="12"/>
    </row>
    <row r="310063" spans="8:8">
      <c r="H310063" s="12"/>
    </row>
    <row r="310064" spans="8:8">
      <c r="H310064" s="12"/>
    </row>
    <row r="310065" spans="8:8">
      <c r="H310065" s="12"/>
    </row>
    <row r="310066" spans="8:8">
      <c r="H310066" s="12"/>
    </row>
    <row r="310067" spans="8:8">
      <c r="H310067" s="12"/>
    </row>
    <row r="310068" spans="8:8">
      <c r="H310068" s="12"/>
    </row>
    <row r="310069" spans="8:8">
      <c r="H310069" s="12"/>
    </row>
    <row r="310070" spans="8:8">
      <c r="H310070" s="12"/>
    </row>
    <row r="310071" spans="8:8">
      <c r="H310071" s="12"/>
    </row>
    <row r="310072" spans="8:8">
      <c r="H310072" s="12"/>
    </row>
    <row r="310073" spans="8:8">
      <c r="H310073" s="12"/>
    </row>
    <row r="310074" spans="8:8">
      <c r="H310074" s="12"/>
    </row>
    <row r="310075" spans="8:8">
      <c r="H310075" s="12"/>
    </row>
    <row r="310076" spans="8:8">
      <c r="H310076" s="12"/>
    </row>
    <row r="310077" spans="8:8">
      <c r="H310077" s="12"/>
    </row>
    <row r="310078" spans="8:8">
      <c r="H310078" s="12"/>
    </row>
    <row r="310079" spans="8:8">
      <c r="H310079" s="12"/>
    </row>
    <row r="310080" spans="8:8">
      <c r="H310080" s="12"/>
    </row>
    <row r="310081" spans="8:8">
      <c r="H310081" s="12"/>
    </row>
    <row r="310082" spans="8:8">
      <c r="H310082" s="12"/>
    </row>
    <row r="310083" spans="8:8">
      <c r="H310083" s="12"/>
    </row>
    <row r="310084" spans="8:8">
      <c r="H310084" s="12"/>
    </row>
    <row r="310085" spans="8:8">
      <c r="H310085" s="12"/>
    </row>
    <row r="310086" spans="8:8">
      <c r="H310086" s="12"/>
    </row>
    <row r="310087" spans="8:8">
      <c r="H310087" s="12"/>
    </row>
    <row r="310088" spans="8:8">
      <c r="H310088" s="12"/>
    </row>
    <row r="310089" spans="8:8">
      <c r="H310089" s="12"/>
    </row>
    <row r="310090" spans="8:8">
      <c r="H310090" s="12"/>
    </row>
    <row r="310091" spans="8:8">
      <c r="H310091" s="12"/>
    </row>
    <row r="310092" spans="8:8">
      <c r="H310092" s="12"/>
    </row>
    <row r="310093" spans="8:8">
      <c r="H310093" s="12"/>
    </row>
    <row r="310094" spans="8:8">
      <c r="H310094" s="12"/>
    </row>
    <row r="310095" spans="8:8">
      <c r="H310095" s="12"/>
    </row>
    <row r="310096" spans="8:8">
      <c r="H310096" s="12"/>
    </row>
    <row r="310097" spans="8:8">
      <c r="H310097" s="12"/>
    </row>
    <row r="310098" spans="8:8">
      <c r="H310098" s="12"/>
    </row>
    <row r="310099" spans="8:8">
      <c r="H310099" s="12"/>
    </row>
    <row r="310100" spans="8:8">
      <c r="H310100" s="12"/>
    </row>
    <row r="310101" spans="8:8">
      <c r="H310101" s="12"/>
    </row>
    <row r="310102" spans="8:8">
      <c r="H310102" s="12"/>
    </row>
    <row r="310103" spans="8:8">
      <c r="H310103" s="12"/>
    </row>
    <row r="310104" spans="8:8">
      <c r="H310104" s="12"/>
    </row>
    <row r="310105" spans="8:8">
      <c r="H310105" s="12"/>
    </row>
    <row r="310106" spans="8:8">
      <c r="H310106" s="12"/>
    </row>
    <row r="310107" spans="8:8">
      <c r="H310107" s="12"/>
    </row>
    <row r="310108" spans="8:8">
      <c r="H310108" s="12"/>
    </row>
    <row r="310109" spans="8:8">
      <c r="H310109" s="12"/>
    </row>
    <row r="310110" spans="8:8">
      <c r="H310110" s="12"/>
    </row>
    <row r="310111" spans="8:8">
      <c r="H310111" s="12"/>
    </row>
    <row r="310112" spans="8:8">
      <c r="H310112" s="12"/>
    </row>
    <row r="310113" spans="8:8">
      <c r="H310113" s="12"/>
    </row>
    <row r="310114" spans="8:8">
      <c r="H310114" s="12"/>
    </row>
    <row r="310115" spans="8:8">
      <c r="H310115" s="12"/>
    </row>
    <row r="310116" spans="8:8">
      <c r="H310116" s="12"/>
    </row>
    <row r="310117" spans="8:8">
      <c r="H310117" s="12"/>
    </row>
    <row r="310118" spans="8:8">
      <c r="H310118" s="12"/>
    </row>
    <row r="310119" spans="8:8">
      <c r="H310119" s="12"/>
    </row>
    <row r="310120" spans="8:8">
      <c r="H310120" s="12"/>
    </row>
    <row r="310121" spans="8:8">
      <c r="H310121" s="12"/>
    </row>
    <row r="310122" spans="8:8">
      <c r="H310122" s="12"/>
    </row>
    <row r="310123" spans="8:8">
      <c r="H310123" s="12"/>
    </row>
    <row r="310124" spans="8:8">
      <c r="H310124" s="12"/>
    </row>
    <row r="310125" spans="8:8">
      <c r="H310125" s="12"/>
    </row>
    <row r="310126" spans="8:8">
      <c r="H310126" s="12"/>
    </row>
    <row r="310127" spans="8:8">
      <c r="H310127" s="12"/>
    </row>
    <row r="310128" spans="8:8">
      <c r="H310128" s="12"/>
    </row>
    <row r="310129" spans="8:8">
      <c r="H310129" s="12"/>
    </row>
    <row r="310130" spans="8:8">
      <c r="H310130" s="12"/>
    </row>
    <row r="310131" spans="8:8">
      <c r="H310131" s="12"/>
    </row>
    <row r="310132" spans="8:8">
      <c r="H310132" s="12"/>
    </row>
    <row r="310133" spans="8:8">
      <c r="H310133" s="12"/>
    </row>
    <row r="310134" spans="8:8">
      <c r="H310134" s="12"/>
    </row>
    <row r="310135" spans="8:8">
      <c r="H310135" s="12"/>
    </row>
    <row r="310136" spans="8:8">
      <c r="H310136" s="12"/>
    </row>
    <row r="310137" spans="8:8">
      <c r="H310137" s="12"/>
    </row>
    <row r="310138" spans="8:8">
      <c r="H310138" s="12"/>
    </row>
    <row r="310139" spans="8:8">
      <c r="H310139" s="12"/>
    </row>
    <row r="310140" spans="8:8">
      <c r="H310140" s="12"/>
    </row>
    <row r="310141" spans="8:8">
      <c r="H310141" s="12"/>
    </row>
    <row r="310142" spans="8:8">
      <c r="H310142" s="12"/>
    </row>
    <row r="310143" spans="8:8">
      <c r="H310143" s="12"/>
    </row>
    <row r="310144" spans="8:8">
      <c r="H310144" s="12"/>
    </row>
    <row r="310145" spans="8:8">
      <c r="H310145" s="12"/>
    </row>
    <row r="310146" spans="8:8">
      <c r="H310146" s="12"/>
    </row>
    <row r="310147" spans="8:8">
      <c r="H310147" s="12"/>
    </row>
    <row r="310148" spans="8:8">
      <c r="H310148" s="12"/>
    </row>
    <row r="310149" spans="8:8">
      <c r="H310149" s="12"/>
    </row>
    <row r="310150" spans="8:8">
      <c r="H310150" s="12"/>
    </row>
    <row r="310151" spans="8:8">
      <c r="H310151" s="12"/>
    </row>
    <row r="310152" spans="8:8">
      <c r="H310152" s="12"/>
    </row>
    <row r="310153" spans="8:8">
      <c r="H310153" s="12"/>
    </row>
    <row r="310154" spans="8:8">
      <c r="H310154" s="12"/>
    </row>
    <row r="310155" spans="8:8">
      <c r="H310155" s="12"/>
    </row>
    <row r="310156" spans="8:8">
      <c r="H310156" s="12"/>
    </row>
    <row r="310157" spans="8:8">
      <c r="H310157" s="12"/>
    </row>
    <row r="310158" spans="8:8">
      <c r="H310158" s="12"/>
    </row>
    <row r="310159" spans="8:8">
      <c r="H310159" s="12"/>
    </row>
    <row r="310160" spans="8:8">
      <c r="H310160" s="12"/>
    </row>
    <row r="310161" spans="8:8">
      <c r="H310161" s="12"/>
    </row>
    <row r="310162" spans="8:8">
      <c r="H310162" s="12"/>
    </row>
    <row r="310163" spans="8:8">
      <c r="H310163" s="12"/>
    </row>
    <row r="310164" spans="8:8">
      <c r="H310164" s="12"/>
    </row>
    <row r="310165" spans="8:8">
      <c r="H310165" s="12"/>
    </row>
    <row r="310166" spans="8:8">
      <c r="H310166" s="12"/>
    </row>
    <row r="310167" spans="8:8">
      <c r="H310167" s="12"/>
    </row>
    <row r="310168" spans="8:8">
      <c r="H310168" s="12"/>
    </row>
    <row r="310169" spans="8:8">
      <c r="H310169" s="12"/>
    </row>
    <row r="310170" spans="8:8">
      <c r="H310170" s="12"/>
    </row>
    <row r="310171" spans="8:8">
      <c r="H310171" s="12"/>
    </row>
    <row r="310172" spans="8:8">
      <c r="H310172" s="12"/>
    </row>
    <row r="310173" spans="8:8">
      <c r="H310173" s="12"/>
    </row>
    <row r="310174" spans="8:8">
      <c r="H310174" s="12"/>
    </row>
    <row r="310175" spans="8:8">
      <c r="H310175" s="12"/>
    </row>
    <row r="310176" spans="8:8">
      <c r="H310176" s="12"/>
    </row>
    <row r="310177" spans="8:8">
      <c r="H310177" s="12"/>
    </row>
    <row r="310178" spans="8:8">
      <c r="H310178" s="12"/>
    </row>
    <row r="310179" spans="8:8">
      <c r="H310179" s="12"/>
    </row>
    <row r="310180" spans="8:8">
      <c r="H310180" s="12"/>
    </row>
    <row r="310181" spans="8:8">
      <c r="H310181" s="12"/>
    </row>
    <row r="310182" spans="8:8">
      <c r="H310182" s="12"/>
    </row>
    <row r="310183" spans="8:8">
      <c r="H310183" s="12"/>
    </row>
    <row r="310184" spans="8:8">
      <c r="H310184" s="12"/>
    </row>
    <row r="310185" spans="8:8">
      <c r="H310185" s="12"/>
    </row>
    <row r="310186" spans="8:8">
      <c r="H310186" s="12"/>
    </row>
    <row r="310187" spans="8:8">
      <c r="H310187" s="12"/>
    </row>
    <row r="310188" spans="8:8">
      <c r="H310188" s="12"/>
    </row>
    <row r="310189" spans="8:8">
      <c r="H310189" s="12"/>
    </row>
    <row r="310190" spans="8:8">
      <c r="H310190" s="12"/>
    </row>
    <row r="310191" spans="8:8">
      <c r="H310191" s="12"/>
    </row>
    <row r="310192" spans="8:8">
      <c r="H310192" s="12"/>
    </row>
    <row r="310193" spans="8:8">
      <c r="H310193" s="12"/>
    </row>
    <row r="310194" spans="8:8">
      <c r="H310194" s="12"/>
    </row>
    <row r="310195" spans="8:8">
      <c r="H310195" s="12"/>
    </row>
    <row r="310196" spans="8:8">
      <c r="H310196" s="12"/>
    </row>
    <row r="310197" spans="8:8">
      <c r="H310197" s="12"/>
    </row>
    <row r="310198" spans="8:8">
      <c r="H310198" s="12"/>
    </row>
    <row r="310199" spans="8:8">
      <c r="H310199" s="12"/>
    </row>
    <row r="310200" spans="8:8">
      <c r="H310200" s="12"/>
    </row>
    <row r="310201" spans="8:8">
      <c r="H310201" s="12"/>
    </row>
    <row r="310202" spans="8:8">
      <c r="H310202" s="12"/>
    </row>
    <row r="310203" spans="8:8">
      <c r="H310203" s="12"/>
    </row>
    <row r="310204" spans="8:8">
      <c r="H310204" s="12"/>
    </row>
    <row r="310205" spans="8:8">
      <c r="H310205" s="12"/>
    </row>
    <row r="310206" spans="8:8">
      <c r="H310206" s="12"/>
    </row>
    <row r="310207" spans="8:8">
      <c r="H310207" s="12"/>
    </row>
    <row r="310208" spans="8:8">
      <c r="H310208" s="12"/>
    </row>
    <row r="310209" spans="8:8">
      <c r="H310209" s="12"/>
    </row>
    <row r="310210" spans="8:8">
      <c r="H310210" s="12"/>
    </row>
    <row r="310211" spans="8:8">
      <c r="H310211" s="12"/>
    </row>
    <row r="310212" spans="8:8">
      <c r="H310212" s="12"/>
    </row>
    <row r="310213" spans="8:8">
      <c r="H310213" s="12"/>
    </row>
    <row r="310214" spans="8:8">
      <c r="H310214" s="12"/>
    </row>
    <row r="310215" spans="8:8">
      <c r="H310215" s="12"/>
    </row>
    <row r="310216" spans="8:8">
      <c r="H310216" s="12"/>
    </row>
    <row r="310217" spans="8:8">
      <c r="H310217" s="12"/>
    </row>
    <row r="310218" spans="8:8">
      <c r="H310218" s="12"/>
    </row>
    <row r="310219" spans="8:8">
      <c r="H310219" s="12"/>
    </row>
    <row r="310220" spans="8:8">
      <c r="H310220" s="12"/>
    </row>
    <row r="310221" spans="8:8">
      <c r="H310221" s="12"/>
    </row>
    <row r="310222" spans="8:8">
      <c r="H310222" s="12"/>
    </row>
    <row r="310223" spans="8:8">
      <c r="H310223" s="12"/>
    </row>
    <row r="310224" spans="8:8">
      <c r="H310224" s="12"/>
    </row>
    <row r="310225" spans="8:8">
      <c r="H310225" s="12"/>
    </row>
    <row r="310226" spans="8:8">
      <c r="H310226" s="12"/>
    </row>
    <row r="310227" spans="8:8">
      <c r="H310227" s="12"/>
    </row>
    <row r="310228" spans="8:8">
      <c r="H310228" s="12"/>
    </row>
    <row r="310229" spans="8:8">
      <c r="H310229" s="12"/>
    </row>
    <row r="310230" spans="8:8">
      <c r="H310230" s="12"/>
    </row>
    <row r="310231" spans="8:8">
      <c r="H310231" s="12"/>
    </row>
    <row r="310232" spans="8:8">
      <c r="H310232" s="12"/>
    </row>
    <row r="310233" spans="8:8">
      <c r="H310233" s="12"/>
    </row>
    <row r="310234" spans="8:8">
      <c r="H310234" s="12"/>
    </row>
    <row r="310235" spans="8:8">
      <c r="H310235" s="12"/>
    </row>
    <row r="310236" spans="8:8">
      <c r="H310236" s="12"/>
    </row>
    <row r="310237" spans="8:8">
      <c r="H310237" s="12"/>
    </row>
    <row r="310238" spans="8:8">
      <c r="H310238" s="12"/>
    </row>
    <row r="310239" spans="8:8">
      <c r="H310239" s="12"/>
    </row>
    <row r="310240" spans="8:8">
      <c r="H310240" s="12"/>
    </row>
    <row r="310241" spans="8:8">
      <c r="H310241" s="12"/>
    </row>
    <row r="310242" spans="8:8">
      <c r="H310242" s="12"/>
    </row>
    <row r="310243" spans="8:8">
      <c r="H310243" s="12"/>
    </row>
    <row r="310244" spans="8:8">
      <c r="H310244" s="12"/>
    </row>
    <row r="310245" spans="8:8">
      <c r="H310245" s="12"/>
    </row>
    <row r="310246" spans="8:8">
      <c r="H310246" s="12"/>
    </row>
    <row r="310247" spans="8:8">
      <c r="H310247" s="12"/>
    </row>
    <row r="310248" spans="8:8">
      <c r="H310248" s="12"/>
    </row>
    <row r="310249" spans="8:8">
      <c r="H310249" s="12"/>
    </row>
    <row r="310250" spans="8:8">
      <c r="H310250" s="12"/>
    </row>
    <row r="310251" spans="8:8">
      <c r="H310251" s="12"/>
    </row>
    <row r="310252" spans="8:8">
      <c r="H310252" s="12"/>
    </row>
    <row r="310253" spans="8:8">
      <c r="H310253" s="12"/>
    </row>
    <row r="310254" spans="8:8">
      <c r="H310254" s="12"/>
    </row>
    <row r="310255" spans="8:8">
      <c r="H310255" s="12"/>
    </row>
    <row r="310256" spans="8:8">
      <c r="H310256" s="12"/>
    </row>
    <row r="310257" spans="8:8">
      <c r="H310257" s="12"/>
    </row>
    <row r="310258" spans="8:8">
      <c r="H310258" s="12"/>
    </row>
    <row r="310259" spans="8:8">
      <c r="H310259" s="12"/>
    </row>
    <row r="310260" spans="8:8">
      <c r="H310260" s="12"/>
    </row>
    <row r="310261" spans="8:8">
      <c r="H310261" s="12"/>
    </row>
    <row r="310262" spans="8:8">
      <c r="H310262" s="12"/>
    </row>
    <row r="310263" spans="8:8">
      <c r="H310263" s="12"/>
    </row>
    <row r="310264" spans="8:8">
      <c r="H310264" s="12"/>
    </row>
    <row r="310265" spans="8:8">
      <c r="H310265" s="12"/>
    </row>
    <row r="310266" spans="8:8">
      <c r="H310266" s="12"/>
    </row>
    <row r="310267" spans="8:8">
      <c r="H310267" s="12"/>
    </row>
    <row r="310268" spans="8:8">
      <c r="H310268" s="12"/>
    </row>
    <row r="310269" spans="8:8">
      <c r="H310269" s="12"/>
    </row>
    <row r="310270" spans="8:8">
      <c r="H310270" s="12"/>
    </row>
    <row r="310271" spans="8:8">
      <c r="H310271" s="12"/>
    </row>
    <row r="310272" spans="8:8">
      <c r="H310272" s="12"/>
    </row>
    <row r="310273" spans="8:8">
      <c r="H310273" s="12"/>
    </row>
    <row r="310274" spans="8:8">
      <c r="H310274" s="12"/>
    </row>
    <row r="310275" spans="8:8">
      <c r="H310275" s="12"/>
    </row>
    <row r="310276" spans="8:8">
      <c r="H310276" s="12"/>
    </row>
    <row r="310277" spans="8:8">
      <c r="H310277" s="12"/>
    </row>
    <row r="310278" spans="8:8">
      <c r="H310278" s="12"/>
    </row>
    <row r="310279" spans="8:8">
      <c r="H310279" s="12"/>
    </row>
    <row r="310280" spans="8:8">
      <c r="H310280" s="12"/>
    </row>
    <row r="310281" spans="8:8">
      <c r="H310281" s="12"/>
    </row>
    <row r="310282" spans="8:8">
      <c r="H310282" s="12"/>
    </row>
    <row r="310283" spans="8:8">
      <c r="H310283" s="12"/>
    </row>
    <row r="310284" spans="8:8">
      <c r="H310284" s="12"/>
    </row>
    <row r="310285" spans="8:8">
      <c r="H310285" s="12"/>
    </row>
    <row r="310286" spans="8:8">
      <c r="H310286" s="12"/>
    </row>
    <row r="310287" spans="8:8">
      <c r="H310287" s="12"/>
    </row>
    <row r="310288" spans="8:8">
      <c r="H310288" s="12"/>
    </row>
    <row r="310289" spans="8:8">
      <c r="H310289" s="12"/>
    </row>
    <row r="310290" spans="8:8">
      <c r="H310290" s="12"/>
    </row>
    <row r="310291" spans="8:8">
      <c r="H310291" s="12"/>
    </row>
    <row r="310292" spans="8:8">
      <c r="H310292" s="12"/>
    </row>
    <row r="310293" spans="8:8">
      <c r="H310293" s="12"/>
    </row>
    <row r="310294" spans="8:8">
      <c r="H310294" s="12"/>
    </row>
    <row r="310295" spans="8:8">
      <c r="H310295" s="12"/>
    </row>
    <row r="310296" spans="8:8">
      <c r="H310296" s="12"/>
    </row>
    <row r="310297" spans="8:8">
      <c r="H310297" s="12"/>
    </row>
    <row r="310298" spans="8:8">
      <c r="H310298" s="12"/>
    </row>
    <row r="310299" spans="8:8">
      <c r="H310299" s="12"/>
    </row>
    <row r="310300" spans="8:8">
      <c r="H310300" s="12"/>
    </row>
    <row r="310301" spans="8:8">
      <c r="H310301" s="12"/>
    </row>
    <row r="310302" spans="8:8">
      <c r="H310302" s="12"/>
    </row>
    <row r="310303" spans="8:8">
      <c r="H310303" s="12"/>
    </row>
    <row r="310304" spans="8:8">
      <c r="H310304" s="12"/>
    </row>
    <row r="310305" spans="8:8">
      <c r="H310305" s="12"/>
    </row>
    <row r="310306" spans="8:8">
      <c r="H310306" s="12"/>
    </row>
    <row r="310307" spans="8:8">
      <c r="H310307" s="12"/>
    </row>
    <row r="310308" spans="8:8">
      <c r="H310308" s="12"/>
    </row>
    <row r="310309" spans="8:8">
      <c r="H310309" s="12"/>
    </row>
    <row r="310310" spans="8:8">
      <c r="H310310" s="12"/>
    </row>
    <row r="310311" spans="8:8">
      <c r="H310311" s="12"/>
    </row>
    <row r="310312" spans="8:8">
      <c r="H310312" s="12"/>
    </row>
    <row r="310313" spans="8:8">
      <c r="H310313" s="12"/>
    </row>
    <row r="310314" spans="8:8">
      <c r="H310314" s="12"/>
    </row>
    <row r="310315" spans="8:8">
      <c r="H310315" s="12"/>
    </row>
    <row r="310316" spans="8:8">
      <c r="H310316" s="12"/>
    </row>
    <row r="310317" spans="8:8">
      <c r="H310317" s="12"/>
    </row>
    <row r="310318" spans="8:8">
      <c r="H310318" s="12"/>
    </row>
    <row r="310319" spans="8:8">
      <c r="H310319" s="12"/>
    </row>
    <row r="310320" spans="8:8">
      <c r="H310320" s="12"/>
    </row>
    <row r="310321" spans="8:8">
      <c r="H310321" s="12"/>
    </row>
    <row r="310322" spans="8:8">
      <c r="H310322" s="12"/>
    </row>
    <row r="310323" spans="8:8">
      <c r="H310323" s="12"/>
    </row>
    <row r="310324" spans="8:8">
      <c r="H310324" s="12"/>
    </row>
    <row r="310325" spans="8:8">
      <c r="H310325" s="12"/>
    </row>
    <row r="310326" spans="8:8">
      <c r="H310326" s="12"/>
    </row>
    <row r="310327" spans="8:8">
      <c r="H310327" s="12"/>
    </row>
    <row r="310328" spans="8:8">
      <c r="H310328" s="12"/>
    </row>
    <row r="310329" spans="8:8">
      <c r="H310329" s="12"/>
    </row>
    <row r="310330" spans="8:8">
      <c r="H310330" s="12"/>
    </row>
    <row r="310331" spans="8:8">
      <c r="H310331" s="12"/>
    </row>
    <row r="310332" spans="8:8">
      <c r="H310332" s="12"/>
    </row>
    <row r="310333" spans="8:8">
      <c r="H310333" s="12"/>
    </row>
    <row r="310334" spans="8:8">
      <c r="H310334" s="12"/>
    </row>
    <row r="310335" spans="8:8">
      <c r="H310335" s="12"/>
    </row>
    <row r="310336" spans="8:8">
      <c r="H310336" s="12"/>
    </row>
    <row r="310337" spans="8:8">
      <c r="H310337" s="12"/>
    </row>
    <row r="310338" spans="8:8">
      <c r="H310338" s="12"/>
    </row>
    <row r="310339" spans="8:8">
      <c r="H310339" s="12"/>
    </row>
    <row r="310340" spans="8:8">
      <c r="H310340" s="12"/>
    </row>
    <row r="310341" spans="8:8">
      <c r="H310341" s="12"/>
    </row>
    <row r="310342" spans="8:8">
      <c r="H310342" s="12"/>
    </row>
    <row r="310343" spans="8:8">
      <c r="H310343" s="12"/>
    </row>
    <row r="310344" spans="8:8">
      <c r="H310344" s="12"/>
    </row>
    <row r="310345" spans="8:8">
      <c r="H310345" s="12"/>
    </row>
    <row r="310346" spans="8:8">
      <c r="H310346" s="12"/>
    </row>
    <row r="310347" spans="8:8">
      <c r="H310347" s="12"/>
    </row>
    <row r="310348" spans="8:8">
      <c r="H310348" s="12"/>
    </row>
    <row r="310349" spans="8:8">
      <c r="H310349" s="12"/>
    </row>
    <row r="310350" spans="8:8">
      <c r="H310350" s="12"/>
    </row>
    <row r="310351" spans="8:8">
      <c r="H310351" s="12"/>
    </row>
    <row r="310352" spans="8:8">
      <c r="H310352" s="12"/>
    </row>
    <row r="310353" spans="8:8">
      <c r="H310353" s="12"/>
    </row>
    <row r="310354" spans="8:8">
      <c r="H310354" s="12"/>
    </row>
    <row r="310355" spans="8:8">
      <c r="H310355" s="12"/>
    </row>
    <row r="310356" spans="8:8">
      <c r="H310356" s="12"/>
    </row>
    <row r="310357" spans="8:8">
      <c r="H310357" s="12"/>
    </row>
    <row r="310358" spans="8:8">
      <c r="H310358" s="12"/>
    </row>
    <row r="310359" spans="8:8">
      <c r="H310359" s="12"/>
    </row>
    <row r="310360" spans="8:8">
      <c r="H310360" s="12"/>
    </row>
    <row r="310361" spans="8:8">
      <c r="H310361" s="12"/>
    </row>
    <row r="310362" spans="8:8">
      <c r="H310362" s="12"/>
    </row>
    <row r="310363" spans="8:8">
      <c r="H310363" s="12"/>
    </row>
    <row r="310364" spans="8:8">
      <c r="H310364" s="12"/>
    </row>
    <row r="310365" spans="8:8">
      <c r="H310365" s="12"/>
    </row>
    <row r="310366" spans="8:8">
      <c r="H310366" s="12"/>
    </row>
    <row r="310367" spans="8:8">
      <c r="H310367" s="12"/>
    </row>
    <row r="310368" spans="8:8">
      <c r="H310368" s="12"/>
    </row>
    <row r="310369" spans="8:8">
      <c r="H310369" s="12"/>
    </row>
    <row r="310370" spans="8:8">
      <c r="H310370" s="12"/>
    </row>
    <row r="310371" spans="8:8">
      <c r="H310371" s="12"/>
    </row>
    <row r="310372" spans="8:8">
      <c r="H310372" s="12"/>
    </row>
    <row r="310373" spans="8:8">
      <c r="H310373" s="12"/>
    </row>
    <row r="310374" spans="8:8">
      <c r="H310374" s="12"/>
    </row>
    <row r="310375" spans="8:8">
      <c r="H310375" s="12"/>
    </row>
    <row r="310376" spans="8:8">
      <c r="H310376" s="12"/>
    </row>
    <row r="310377" spans="8:8">
      <c r="H310377" s="12"/>
    </row>
    <row r="310378" spans="8:8">
      <c r="H310378" s="12"/>
    </row>
    <row r="310379" spans="8:8">
      <c r="H310379" s="12"/>
    </row>
    <row r="310380" spans="8:8">
      <c r="H310380" s="12"/>
    </row>
    <row r="310381" spans="8:8">
      <c r="H310381" s="12"/>
    </row>
    <row r="310382" spans="8:8">
      <c r="H310382" s="12"/>
    </row>
    <row r="310383" spans="8:8">
      <c r="H310383" s="12"/>
    </row>
    <row r="310384" spans="8:8">
      <c r="H310384" s="12"/>
    </row>
    <row r="310385" spans="8:8">
      <c r="H310385" s="12"/>
    </row>
    <row r="310386" spans="8:8">
      <c r="H310386" s="12"/>
    </row>
    <row r="310387" spans="8:8">
      <c r="H310387" s="12"/>
    </row>
    <row r="310388" spans="8:8">
      <c r="H310388" s="12"/>
    </row>
    <row r="310389" spans="8:8">
      <c r="H310389" s="12"/>
    </row>
    <row r="310390" spans="8:8">
      <c r="H310390" s="12"/>
    </row>
    <row r="310391" spans="8:8">
      <c r="H310391" s="12"/>
    </row>
    <row r="310392" spans="8:8">
      <c r="H310392" s="12"/>
    </row>
    <row r="310393" spans="8:8">
      <c r="H310393" s="12"/>
    </row>
    <row r="310394" spans="8:8">
      <c r="H310394" s="12"/>
    </row>
    <row r="310395" spans="8:8">
      <c r="H310395" s="12"/>
    </row>
    <row r="310396" spans="8:8">
      <c r="H310396" s="12"/>
    </row>
    <row r="310397" spans="8:8">
      <c r="H310397" s="12"/>
    </row>
    <row r="310398" spans="8:8">
      <c r="H310398" s="12"/>
    </row>
    <row r="310399" spans="8:8">
      <c r="H310399" s="12"/>
    </row>
    <row r="310400" spans="8:8">
      <c r="H310400" s="12"/>
    </row>
    <row r="310401" spans="8:8">
      <c r="H310401" s="12"/>
    </row>
    <row r="310402" spans="8:8">
      <c r="H310402" s="12"/>
    </row>
    <row r="310403" spans="8:8">
      <c r="H310403" s="12"/>
    </row>
    <row r="310404" spans="8:8">
      <c r="H310404" s="12"/>
    </row>
    <row r="310405" spans="8:8">
      <c r="H310405" s="12"/>
    </row>
    <row r="310406" spans="8:8">
      <c r="H310406" s="12"/>
    </row>
    <row r="310407" spans="8:8">
      <c r="H310407" s="12"/>
    </row>
    <row r="310408" spans="8:8">
      <c r="H310408" s="12"/>
    </row>
    <row r="310409" spans="8:8">
      <c r="H310409" s="12"/>
    </row>
    <row r="310410" spans="8:8">
      <c r="H310410" s="12"/>
    </row>
    <row r="310411" spans="8:8">
      <c r="H310411" s="12"/>
    </row>
    <row r="310412" spans="8:8">
      <c r="H310412" s="12"/>
    </row>
    <row r="310413" spans="8:8">
      <c r="H310413" s="12"/>
    </row>
    <row r="310414" spans="8:8">
      <c r="H310414" s="12"/>
    </row>
    <row r="310415" spans="8:8">
      <c r="H310415" s="12"/>
    </row>
    <row r="310416" spans="8:8">
      <c r="H310416" s="12"/>
    </row>
    <row r="310417" spans="8:8">
      <c r="H310417" s="12"/>
    </row>
    <row r="310418" spans="8:8">
      <c r="H310418" s="12"/>
    </row>
    <row r="310419" spans="8:8">
      <c r="H310419" s="12"/>
    </row>
    <row r="310420" spans="8:8">
      <c r="H310420" s="12"/>
    </row>
    <row r="310421" spans="8:8">
      <c r="H310421" s="12"/>
    </row>
    <row r="310422" spans="8:8">
      <c r="H310422" s="12"/>
    </row>
    <row r="310423" spans="8:8">
      <c r="H310423" s="12"/>
    </row>
    <row r="310424" spans="8:8">
      <c r="H310424" s="12"/>
    </row>
    <row r="310425" spans="8:8">
      <c r="H310425" s="12"/>
    </row>
    <row r="310426" spans="8:8">
      <c r="H310426" s="12"/>
    </row>
    <row r="310427" spans="8:8">
      <c r="H310427" s="12"/>
    </row>
    <row r="310428" spans="8:8">
      <c r="H310428" s="12"/>
    </row>
    <row r="310429" spans="8:8">
      <c r="H310429" s="12"/>
    </row>
    <row r="310430" spans="8:8">
      <c r="H310430" s="12"/>
    </row>
    <row r="310431" spans="8:8">
      <c r="H310431" s="12"/>
    </row>
    <row r="310432" spans="8:8">
      <c r="H310432" s="12"/>
    </row>
    <row r="310433" spans="8:8">
      <c r="H310433" s="12"/>
    </row>
    <row r="310434" spans="8:8">
      <c r="H310434" s="12"/>
    </row>
    <row r="310435" spans="8:8">
      <c r="H310435" s="12"/>
    </row>
    <row r="310436" spans="8:8">
      <c r="H310436" s="12"/>
    </row>
    <row r="310437" spans="8:8">
      <c r="H310437" s="12"/>
    </row>
    <row r="310438" spans="8:8">
      <c r="H310438" s="12"/>
    </row>
    <row r="310439" spans="8:8">
      <c r="H310439" s="12"/>
    </row>
    <row r="310440" spans="8:8">
      <c r="H310440" s="12"/>
    </row>
    <row r="310441" spans="8:8">
      <c r="H310441" s="12"/>
    </row>
    <row r="310442" spans="8:8">
      <c r="H310442" s="12"/>
    </row>
    <row r="310443" spans="8:8">
      <c r="H310443" s="12"/>
    </row>
    <row r="310444" spans="8:8">
      <c r="H310444" s="12"/>
    </row>
    <row r="310445" spans="8:8">
      <c r="H310445" s="12"/>
    </row>
    <row r="310446" spans="8:8">
      <c r="H310446" s="12"/>
    </row>
    <row r="310447" spans="8:8">
      <c r="H310447" s="12"/>
    </row>
    <row r="310448" spans="8:8">
      <c r="H310448" s="12"/>
    </row>
    <row r="310449" spans="8:8">
      <c r="H310449" s="12"/>
    </row>
    <row r="310450" spans="8:8">
      <c r="H310450" s="12"/>
    </row>
    <row r="310451" spans="8:8">
      <c r="H310451" s="12"/>
    </row>
    <row r="310452" spans="8:8">
      <c r="H310452" s="12"/>
    </row>
    <row r="310453" spans="8:8">
      <c r="H310453" s="12"/>
    </row>
    <row r="310454" spans="8:8">
      <c r="H310454" s="12"/>
    </row>
    <row r="310455" spans="8:8">
      <c r="H310455" s="12"/>
    </row>
    <row r="310456" spans="8:8">
      <c r="H310456" s="12"/>
    </row>
    <row r="310457" spans="8:8">
      <c r="H310457" s="12"/>
    </row>
    <row r="310458" spans="8:8">
      <c r="H310458" s="12"/>
    </row>
    <row r="310459" spans="8:8">
      <c r="H310459" s="12"/>
    </row>
    <row r="310460" spans="8:8">
      <c r="H310460" s="12"/>
    </row>
    <row r="310461" spans="8:8">
      <c r="H310461" s="12"/>
    </row>
    <row r="310462" spans="8:8">
      <c r="H310462" s="12"/>
    </row>
    <row r="310463" spans="8:8">
      <c r="H310463" s="12"/>
    </row>
    <row r="310464" spans="8:8">
      <c r="H310464" s="12"/>
    </row>
    <row r="310465" spans="8:8">
      <c r="H310465" s="12"/>
    </row>
    <row r="310466" spans="8:8">
      <c r="H310466" s="12"/>
    </row>
    <row r="310467" spans="8:8">
      <c r="H310467" s="12"/>
    </row>
    <row r="310468" spans="8:8">
      <c r="H310468" s="12"/>
    </row>
    <row r="310469" spans="8:8">
      <c r="H310469" s="12"/>
    </row>
    <row r="310470" spans="8:8">
      <c r="H310470" s="12"/>
    </row>
    <row r="310471" spans="8:8">
      <c r="H310471" s="12"/>
    </row>
    <row r="310472" spans="8:8">
      <c r="H310472" s="12"/>
    </row>
    <row r="310473" spans="8:8">
      <c r="H310473" s="12"/>
    </row>
    <row r="310474" spans="8:8">
      <c r="H310474" s="12"/>
    </row>
    <row r="310475" spans="8:8">
      <c r="H310475" s="12"/>
    </row>
    <row r="310476" spans="8:8">
      <c r="H310476" s="12"/>
    </row>
    <row r="310477" spans="8:8">
      <c r="H310477" s="12"/>
    </row>
    <row r="310478" spans="8:8">
      <c r="H310478" s="12"/>
    </row>
    <row r="310479" spans="8:8">
      <c r="H310479" s="12"/>
    </row>
    <row r="310480" spans="8:8">
      <c r="H310480" s="12"/>
    </row>
    <row r="310481" spans="8:8">
      <c r="H310481" s="12"/>
    </row>
    <row r="310482" spans="8:8">
      <c r="H310482" s="12"/>
    </row>
    <row r="310483" spans="8:8">
      <c r="H310483" s="12"/>
    </row>
    <row r="310484" spans="8:8">
      <c r="H310484" s="12"/>
    </row>
    <row r="310485" spans="8:8">
      <c r="H310485" s="12"/>
    </row>
    <row r="310486" spans="8:8">
      <c r="H310486" s="12"/>
    </row>
    <row r="310487" spans="8:8">
      <c r="H310487" s="12"/>
    </row>
    <row r="310488" spans="8:8">
      <c r="H310488" s="12"/>
    </row>
    <row r="310489" spans="8:8">
      <c r="H310489" s="12"/>
    </row>
    <row r="310490" spans="8:8">
      <c r="H310490" s="12"/>
    </row>
    <row r="310491" spans="8:8">
      <c r="H310491" s="12"/>
    </row>
    <row r="310492" spans="8:8">
      <c r="H310492" s="12"/>
    </row>
    <row r="310493" spans="8:8">
      <c r="H310493" s="12"/>
    </row>
    <row r="310494" spans="8:8">
      <c r="H310494" s="12"/>
    </row>
    <row r="310495" spans="8:8">
      <c r="H310495" s="12"/>
    </row>
    <row r="310496" spans="8:8">
      <c r="H310496" s="12"/>
    </row>
    <row r="310497" spans="8:8">
      <c r="H310497" s="12"/>
    </row>
    <row r="310498" spans="8:8">
      <c r="H310498" s="12"/>
    </row>
    <row r="310499" spans="8:8">
      <c r="H310499" s="12"/>
    </row>
    <row r="310500" spans="8:8">
      <c r="H310500" s="12"/>
    </row>
    <row r="310501" spans="8:8">
      <c r="H310501" s="12"/>
    </row>
    <row r="310502" spans="8:8">
      <c r="H310502" s="12"/>
    </row>
    <row r="310503" spans="8:8">
      <c r="H310503" s="12"/>
    </row>
    <row r="310504" spans="8:8">
      <c r="H310504" s="12"/>
    </row>
    <row r="310505" spans="8:8">
      <c r="H310505" s="12"/>
    </row>
    <row r="310506" spans="8:8">
      <c r="H310506" s="12"/>
    </row>
    <row r="310507" spans="8:8">
      <c r="H310507" s="12"/>
    </row>
    <row r="310508" spans="8:8">
      <c r="H310508" s="12"/>
    </row>
    <row r="310509" spans="8:8">
      <c r="H310509" s="12"/>
    </row>
    <row r="310510" spans="8:8">
      <c r="H310510" s="12"/>
    </row>
    <row r="310511" spans="8:8">
      <c r="H310511" s="12"/>
    </row>
    <row r="310512" spans="8:8">
      <c r="H310512" s="12"/>
    </row>
    <row r="310513" spans="8:8">
      <c r="H310513" s="12"/>
    </row>
    <row r="310514" spans="8:8">
      <c r="H310514" s="12"/>
    </row>
    <row r="310515" spans="8:8">
      <c r="H310515" s="12"/>
    </row>
    <row r="310516" spans="8:8">
      <c r="H310516" s="12"/>
    </row>
    <row r="310517" spans="8:8">
      <c r="H310517" s="12"/>
    </row>
    <row r="310518" spans="8:8">
      <c r="H310518" s="12"/>
    </row>
    <row r="310519" spans="8:8">
      <c r="H310519" s="12"/>
    </row>
    <row r="310520" spans="8:8">
      <c r="H310520" s="12"/>
    </row>
    <row r="310521" spans="8:8">
      <c r="H310521" s="12"/>
    </row>
    <row r="310522" spans="8:8">
      <c r="H310522" s="12"/>
    </row>
    <row r="310523" spans="8:8">
      <c r="H310523" s="12"/>
    </row>
    <row r="310524" spans="8:8">
      <c r="H310524" s="12"/>
    </row>
    <row r="310525" spans="8:8">
      <c r="H310525" s="12"/>
    </row>
    <row r="310526" spans="8:8">
      <c r="H310526" s="12"/>
    </row>
    <row r="310527" spans="8:8">
      <c r="H310527" s="12"/>
    </row>
    <row r="310528" spans="8:8">
      <c r="H310528" s="12"/>
    </row>
    <row r="310529" spans="8:8">
      <c r="H310529" s="12"/>
    </row>
    <row r="310530" spans="8:8">
      <c r="H310530" s="12"/>
    </row>
    <row r="310531" spans="8:8">
      <c r="H310531" s="12"/>
    </row>
    <row r="310532" spans="8:8">
      <c r="H310532" s="12"/>
    </row>
    <row r="310533" spans="8:8">
      <c r="H310533" s="12"/>
    </row>
    <row r="310534" spans="8:8">
      <c r="H310534" s="12"/>
    </row>
    <row r="310535" spans="8:8">
      <c r="H310535" s="12"/>
    </row>
    <row r="310536" spans="8:8">
      <c r="H310536" s="12"/>
    </row>
    <row r="310537" spans="8:8">
      <c r="H310537" s="12"/>
    </row>
    <row r="310538" spans="8:8">
      <c r="H310538" s="12"/>
    </row>
    <row r="310539" spans="8:8">
      <c r="H310539" s="12"/>
    </row>
    <row r="310540" spans="8:8">
      <c r="H310540" s="12"/>
    </row>
    <row r="310541" spans="8:8">
      <c r="H310541" s="12"/>
    </row>
    <row r="310542" spans="8:8">
      <c r="H310542" s="12"/>
    </row>
    <row r="310543" spans="8:8">
      <c r="H310543" s="12"/>
    </row>
    <row r="310544" spans="8:8">
      <c r="H310544" s="12"/>
    </row>
    <row r="310545" spans="8:8">
      <c r="H310545" s="12"/>
    </row>
    <row r="310546" spans="8:8">
      <c r="H310546" s="12"/>
    </row>
    <row r="310547" spans="8:8">
      <c r="H310547" s="12"/>
    </row>
    <row r="310548" spans="8:8">
      <c r="H310548" s="12"/>
    </row>
    <row r="310549" spans="8:8">
      <c r="H310549" s="12"/>
    </row>
    <row r="310550" spans="8:8">
      <c r="H310550" s="12"/>
    </row>
    <row r="310551" spans="8:8">
      <c r="H310551" s="12"/>
    </row>
    <row r="310552" spans="8:8">
      <c r="H310552" s="12"/>
    </row>
    <row r="310553" spans="8:8">
      <c r="H310553" s="12"/>
    </row>
    <row r="310554" spans="8:8">
      <c r="H310554" s="12"/>
    </row>
    <row r="310555" spans="8:8">
      <c r="H310555" s="12"/>
    </row>
    <row r="310556" spans="8:8">
      <c r="H310556" s="12"/>
    </row>
    <row r="310557" spans="8:8">
      <c r="H310557" s="12"/>
    </row>
    <row r="310558" spans="8:8">
      <c r="H310558" s="12"/>
    </row>
    <row r="310559" spans="8:8">
      <c r="H310559" s="12"/>
    </row>
    <row r="310560" spans="8:8">
      <c r="H310560" s="12"/>
    </row>
    <row r="310561" spans="8:8">
      <c r="H310561" s="12"/>
    </row>
    <row r="310562" spans="8:8">
      <c r="H310562" s="12"/>
    </row>
    <row r="310563" spans="8:8">
      <c r="H310563" s="12"/>
    </row>
    <row r="310564" spans="8:8">
      <c r="H310564" s="12"/>
    </row>
    <row r="310565" spans="8:8">
      <c r="H310565" s="12"/>
    </row>
    <row r="310566" spans="8:8">
      <c r="H310566" s="12"/>
    </row>
    <row r="310567" spans="8:8">
      <c r="H310567" s="12"/>
    </row>
    <row r="310568" spans="8:8">
      <c r="H310568" s="12"/>
    </row>
    <row r="310569" spans="8:8">
      <c r="H310569" s="12"/>
    </row>
    <row r="310570" spans="8:8">
      <c r="H310570" s="12"/>
    </row>
    <row r="310571" spans="8:8">
      <c r="H310571" s="12"/>
    </row>
    <row r="310572" spans="8:8">
      <c r="H310572" s="12"/>
    </row>
    <row r="310573" spans="8:8">
      <c r="H310573" s="12"/>
    </row>
    <row r="310574" spans="8:8">
      <c r="H310574" s="12"/>
    </row>
    <row r="310575" spans="8:8">
      <c r="H310575" s="12"/>
    </row>
    <row r="310576" spans="8:8">
      <c r="H310576" s="12"/>
    </row>
    <row r="310577" spans="8:8">
      <c r="H310577" s="12"/>
    </row>
    <row r="310578" spans="8:8">
      <c r="H310578" s="12"/>
    </row>
    <row r="310579" spans="8:8">
      <c r="H310579" s="12"/>
    </row>
    <row r="310580" spans="8:8">
      <c r="H310580" s="12"/>
    </row>
    <row r="310581" spans="8:8">
      <c r="H310581" s="12"/>
    </row>
    <row r="310582" spans="8:8">
      <c r="H310582" s="12"/>
    </row>
    <row r="310583" spans="8:8">
      <c r="H310583" s="12"/>
    </row>
    <row r="310584" spans="8:8">
      <c r="H310584" s="12"/>
    </row>
    <row r="310585" spans="8:8">
      <c r="H310585" s="12"/>
    </row>
    <row r="310586" spans="8:8">
      <c r="H310586" s="12"/>
    </row>
    <row r="310587" spans="8:8">
      <c r="H310587" s="12"/>
    </row>
    <row r="310588" spans="8:8">
      <c r="H310588" s="12"/>
    </row>
    <row r="310589" spans="8:8">
      <c r="H310589" s="12"/>
    </row>
    <row r="310590" spans="8:8">
      <c r="H310590" s="12"/>
    </row>
    <row r="310591" spans="8:8">
      <c r="H310591" s="12"/>
    </row>
    <row r="310592" spans="8:8">
      <c r="H310592" s="12"/>
    </row>
    <row r="310593" spans="8:8">
      <c r="H310593" s="12"/>
    </row>
    <row r="310594" spans="8:8">
      <c r="H310594" s="12"/>
    </row>
    <row r="310595" spans="8:8">
      <c r="H310595" s="12"/>
    </row>
    <row r="310596" spans="8:8">
      <c r="H310596" s="12"/>
    </row>
    <row r="310597" spans="8:8">
      <c r="H310597" s="12"/>
    </row>
    <row r="310598" spans="8:8">
      <c r="H310598" s="12"/>
    </row>
    <row r="310599" spans="8:8">
      <c r="H310599" s="12"/>
    </row>
    <row r="310600" spans="8:8">
      <c r="H310600" s="12"/>
    </row>
    <row r="310601" spans="8:8">
      <c r="H310601" s="12"/>
    </row>
    <row r="310602" spans="8:8">
      <c r="H310602" s="12"/>
    </row>
    <row r="310603" spans="8:8">
      <c r="H310603" s="12"/>
    </row>
    <row r="310604" spans="8:8">
      <c r="H310604" s="12"/>
    </row>
    <row r="310605" spans="8:8">
      <c r="H310605" s="12"/>
    </row>
    <row r="310606" spans="8:8">
      <c r="H310606" s="12"/>
    </row>
    <row r="310607" spans="8:8">
      <c r="H310607" s="12"/>
    </row>
    <row r="310608" spans="8:8">
      <c r="H310608" s="12"/>
    </row>
    <row r="310609" spans="8:8">
      <c r="H310609" s="12"/>
    </row>
    <row r="310610" spans="8:8">
      <c r="H310610" s="12"/>
    </row>
    <row r="310611" spans="8:8">
      <c r="H310611" s="12"/>
    </row>
    <row r="310612" spans="8:8">
      <c r="H310612" s="12"/>
    </row>
    <row r="310613" spans="8:8">
      <c r="H310613" s="12"/>
    </row>
    <row r="310614" spans="8:8">
      <c r="H310614" s="12"/>
    </row>
    <row r="310615" spans="8:8">
      <c r="H310615" s="12"/>
    </row>
    <row r="310616" spans="8:8">
      <c r="H310616" s="12"/>
    </row>
    <row r="310617" spans="8:8">
      <c r="H310617" s="12"/>
    </row>
    <row r="310618" spans="8:8">
      <c r="H310618" s="12"/>
    </row>
    <row r="310619" spans="8:8">
      <c r="H310619" s="12"/>
    </row>
    <row r="310620" spans="8:8">
      <c r="H310620" s="12"/>
    </row>
    <row r="310621" spans="8:8">
      <c r="H310621" s="12"/>
    </row>
    <row r="310622" spans="8:8">
      <c r="H310622" s="12"/>
    </row>
    <row r="310623" spans="8:8">
      <c r="H310623" s="12"/>
    </row>
    <row r="310624" spans="8:8">
      <c r="H310624" s="12"/>
    </row>
    <row r="310625" spans="8:8">
      <c r="H310625" s="12"/>
    </row>
    <row r="310626" spans="8:8">
      <c r="H310626" s="12"/>
    </row>
    <row r="310627" spans="8:8">
      <c r="H310627" s="12"/>
    </row>
    <row r="310628" spans="8:8">
      <c r="H310628" s="12"/>
    </row>
    <row r="310629" spans="8:8">
      <c r="H310629" s="12"/>
    </row>
    <row r="310630" spans="8:8">
      <c r="H310630" s="12"/>
    </row>
    <row r="310631" spans="8:8">
      <c r="H310631" s="12"/>
    </row>
    <row r="310632" spans="8:8">
      <c r="H310632" s="12"/>
    </row>
    <row r="310633" spans="8:8">
      <c r="H310633" s="12"/>
    </row>
    <row r="310634" spans="8:8">
      <c r="H310634" s="12"/>
    </row>
    <row r="310635" spans="8:8">
      <c r="H310635" s="12"/>
    </row>
    <row r="310636" spans="8:8">
      <c r="H310636" s="12"/>
    </row>
    <row r="310637" spans="8:8">
      <c r="H310637" s="12"/>
    </row>
    <row r="310638" spans="8:8">
      <c r="H310638" s="12"/>
    </row>
    <row r="310639" spans="8:8">
      <c r="H310639" s="12"/>
    </row>
    <row r="310640" spans="8:8">
      <c r="H310640" s="12"/>
    </row>
    <row r="310641" spans="8:8">
      <c r="H310641" s="12"/>
    </row>
    <row r="310642" spans="8:8">
      <c r="H310642" s="12"/>
    </row>
    <row r="310643" spans="8:8">
      <c r="H310643" s="12"/>
    </row>
    <row r="310644" spans="8:8">
      <c r="H310644" s="12"/>
    </row>
    <row r="310645" spans="8:8">
      <c r="H310645" s="12"/>
    </row>
    <row r="310646" spans="8:8">
      <c r="H310646" s="12"/>
    </row>
    <row r="310647" spans="8:8">
      <c r="H310647" s="12"/>
    </row>
    <row r="310648" spans="8:8">
      <c r="H310648" s="12"/>
    </row>
    <row r="310649" spans="8:8">
      <c r="H310649" s="12"/>
    </row>
    <row r="310650" spans="8:8">
      <c r="H310650" s="12"/>
    </row>
    <row r="310651" spans="8:8">
      <c r="H310651" s="12"/>
    </row>
    <row r="310652" spans="8:8">
      <c r="H310652" s="12"/>
    </row>
    <row r="310653" spans="8:8">
      <c r="H310653" s="12"/>
    </row>
    <row r="310654" spans="8:8">
      <c r="H310654" s="12"/>
    </row>
    <row r="310655" spans="8:8">
      <c r="H310655" s="12"/>
    </row>
    <row r="310656" spans="8:8">
      <c r="H310656" s="12"/>
    </row>
    <row r="310657" spans="8:8">
      <c r="H310657" s="12"/>
    </row>
    <row r="310658" spans="8:8">
      <c r="H310658" s="12"/>
    </row>
    <row r="310659" spans="8:8">
      <c r="H310659" s="12"/>
    </row>
    <row r="310660" spans="8:8">
      <c r="H310660" s="12"/>
    </row>
    <row r="310661" spans="8:8">
      <c r="H310661" s="12"/>
    </row>
    <row r="310662" spans="8:8">
      <c r="H310662" s="12"/>
    </row>
    <row r="310663" spans="8:8">
      <c r="H310663" s="12"/>
    </row>
    <row r="310664" spans="8:8">
      <c r="H310664" s="12"/>
    </row>
    <row r="310665" spans="8:8">
      <c r="H310665" s="12"/>
    </row>
    <row r="310666" spans="8:8">
      <c r="H310666" s="12"/>
    </row>
    <row r="310667" spans="8:8">
      <c r="H310667" s="12"/>
    </row>
    <row r="310668" spans="8:8">
      <c r="H310668" s="12"/>
    </row>
    <row r="310669" spans="8:8">
      <c r="H310669" s="12"/>
    </row>
    <row r="310670" spans="8:8">
      <c r="H310670" s="12"/>
    </row>
    <row r="310671" spans="8:8">
      <c r="H310671" s="12"/>
    </row>
    <row r="310672" spans="8:8">
      <c r="H310672" s="12"/>
    </row>
    <row r="310673" spans="8:8">
      <c r="H310673" s="12"/>
    </row>
    <row r="310674" spans="8:8">
      <c r="H310674" s="12"/>
    </row>
    <row r="310675" spans="8:8">
      <c r="H310675" s="12"/>
    </row>
    <row r="310676" spans="8:8">
      <c r="H310676" s="12"/>
    </row>
    <row r="310677" spans="8:8">
      <c r="H310677" s="12"/>
    </row>
    <row r="310678" spans="8:8">
      <c r="H310678" s="12"/>
    </row>
    <row r="310679" spans="8:8">
      <c r="H310679" s="12"/>
    </row>
    <row r="310680" spans="8:8">
      <c r="H310680" s="12"/>
    </row>
    <row r="310681" spans="8:8">
      <c r="H310681" s="12"/>
    </row>
    <row r="310682" spans="8:8">
      <c r="H310682" s="12"/>
    </row>
    <row r="310683" spans="8:8">
      <c r="H310683" s="12"/>
    </row>
    <row r="310684" spans="8:8">
      <c r="H310684" s="12"/>
    </row>
    <row r="310685" spans="8:8">
      <c r="H310685" s="12"/>
    </row>
    <row r="310686" spans="8:8">
      <c r="H310686" s="12"/>
    </row>
    <row r="310687" spans="8:8">
      <c r="H310687" s="12"/>
    </row>
    <row r="310688" spans="8:8">
      <c r="H310688" s="12"/>
    </row>
    <row r="310689" spans="8:8">
      <c r="H310689" s="12"/>
    </row>
    <row r="310690" spans="8:8">
      <c r="H310690" s="12"/>
    </row>
    <row r="310691" spans="8:8">
      <c r="H310691" s="12"/>
    </row>
    <row r="310692" spans="8:8">
      <c r="H310692" s="12"/>
    </row>
    <row r="310693" spans="8:8">
      <c r="H310693" s="12"/>
    </row>
    <row r="310694" spans="8:8">
      <c r="H310694" s="12"/>
    </row>
    <row r="310695" spans="8:8">
      <c r="H310695" s="12"/>
    </row>
    <row r="310696" spans="8:8">
      <c r="H310696" s="12"/>
    </row>
    <row r="310697" spans="8:8">
      <c r="H310697" s="12"/>
    </row>
    <row r="310698" spans="8:8">
      <c r="H310698" s="12"/>
    </row>
    <row r="310699" spans="8:8">
      <c r="H310699" s="12"/>
    </row>
    <row r="310700" spans="8:8">
      <c r="H310700" s="12"/>
    </row>
    <row r="310701" spans="8:8">
      <c r="H310701" s="12"/>
    </row>
    <row r="310702" spans="8:8">
      <c r="H310702" s="12"/>
    </row>
    <row r="310703" spans="8:8">
      <c r="H310703" s="12"/>
    </row>
    <row r="310704" spans="8:8">
      <c r="H310704" s="12"/>
    </row>
    <row r="310705" spans="8:8">
      <c r="H310705" s="12"/>
    </row>
    <row r="310706" spans="8:8">
      <c r="H310706" s="12"/>
    </row>
    <row r="310707" spans="8:8">
      <c r="H310707" s="12"/>
    </row>
    <row r="310708" spans="8:8">
      <c r="H310708" s="12"/>
    </row>
    <row r="310709" spans="8:8">
      <c r="H310709" s="12"/>
    </row>
    <row r="310710" spans="8:8">
      <c r="H310710" s="12"/>
    </row>
    <row r="310711" spans="8:8">
      <c r="H310711" s="12"/>
    </row>
    <row r="310712" spans="8:8">
      <c r="H310712" s="12"/>
    </row>
    <row r="310713" spans="8:8">
      <c r="H310713" s="12"/>
    </row>
    <row r="310714" spans="8:8">
      <c r="H310714" s="12"/>
    </row>
    <row r="310715" spans="8:8">
      <c r="H310715" s="12"/>
    </row>
    <row r="310716" spans="8:8">
      <c r="H310716" s="12"/>
    </row>
    <row r="310717" spans="8:8">
      <c r="H310717" s="12"/>
    </row>
    <row r="310718" spans="8:8">
      <c r="H310718" s="12"/>
    </row>
    <row r="310719" spans="8:8">
      <c r="H310719" s="12"/>
    </row>
    <row r="310720" spans="8:8">
      <c r="H310720" s="12"/>
    </row>
    <row r="310721" spans="8:8">
      <c r="H310721" s="12"/>
    </row>
    <row r="310722" spans="8:8">
      <c r="H310722" s="12"/>
    </row>
    <row r="310723" spans="8:8">
      <c r="H310723" s="12"/>
    </row>
    <row r="310724" spans="8:8">
      <c r="H310724" s="12"/>
    </row>
    <row r="310725" spans="8:8">
      <c r="H310725" s="12"/>
    </row>
    <row r="310726" spans="8:8">
      <c r="H310726" s="12"/>
    </row>
    <row r="310727" spans="8:8">
      <c r="H310727" s="12"/>
    </row>
    <row r="310728" spans="8:8">
      <c r="H310728" s="12"/>
    </row>
    <row r="310729" spans="8:8">
      <c r="H310729" s="12"/>
    </row>
    <row r="310730" spans="8:8">
      <c r="H310730" s="12"/>
    </row>
    <row r="310731" spans="8:8">
      <c r="H310731" s="12"/>
    </row>
    <row r="310732" spans="8:8">
      <c r="H310732" s="12"/>
    </row>
    <row r="310733" spans="8:8">
      <c r="H310733" s="12"/>
    </row>
    <row r="310734" spans="8:8">
      <c r="H310734" s="12"/>
    </row>
    <row r="310735" spans="8:8">
      <c r="H310735" s="12"/>
    </row>
    <row r="310736" spans="8:8">
      <c r="H310736" s="12"/>
    </row>
    <row r="310737" spans="8:8">
      <c r="H310737" s="12"/>
    </row>
    <row r="310738" spans="8:8">
      <c r="H310738" s="12"/>
    </row>
    <row r="310739" spans="8:8">
      <c r="H310739" s="12"/>
    </row>
    <row r="310740" spans="8:8">
      <c r="H310740" s="12"/>
    </row>
    <row r="310741" spans="8:8">
      <c r="H310741" s="12"/>
    </row>
    <row r="310742" spans="8:8">
      <c r="H310742" s="12"/>
    </row>
    <row r="310743" spans="8:8">
      <c r="H310743" s="12"/>
    </row>
    <row r="310744" spans="8:8">
      <c r="H310744" s="12"/>
    </row>
    <row r="310745" spans="8:8">
      <c r="H310745" s="12"/>
    </row>
    <row r="310746" spans="8:8">
      <c r="H310746" s="12"/>
    </row>
    <row r="310747" spans="8:8">
      <c r="H310747" s="12"/>
    </row>
    <row r="310748" spans="8:8">
      <c r="H310748" s="12"/>
    </row>
    <row r="310749" spans="8:8">
      <c r="H310749" s="12"/>
    </row>
    <row r="310750" spans="8:8">
      <c r="H310750" s="12"/>
    </row>
    <row r="310751" spans="8:8">
      <c r="H310751" s="12"/>
    </row>
    <row r="310752" spans="8:8">
      <c r="H310752" s="12"/>
    </row>
    <row r="310753" spans="8:8">
      <c r="H310753" s="12"/>
    </row>
    <row r="310754" spans="8:8">
      <c r="H310754" s="12"/>
    </row>
    <row r="310755" spans="8:8">
      <c r="H310755" s="12"/>
    </row>
    <row r="310756" spans="8:8">
      <c r="H310756" s="12"/>
    </row>
    <row r="310757" spans="8:8">
      <c r="H310757" s="12"/>
    </row>
    <row r="310758" spans="8:8">
      <c r="H310758" s="12"/>
    </row>
    <row r="310759" spans="8:8">
      <c r="H310759" s="12"/>
    </row>
    <row r="310760" spans="8:8">
      <c r="H310760" s="12"/>
    </row>
    <row r="310761" spans="8:8">
      <c r="H310761" s="12"/>
    </row>
    <row r="310762" spans="8:8">
      <c r="H310762" s="12"/>
    </row>
    <row r="310763" spans="8:8">
      <c r="H310763" s="12"/>
    </row>
    <row r="310764" spans="8:8">
      <c r="H310764" s="12"/>
    </row>
    <row r="310765" spans="8:8">
      <c r="H310765" s="12"/>
    </row>
    <row r="310766" spans="8:8">
      <c r="H310766" s="12"/>
    </row>
    <row r="310767" spans="8:8">
      <c r="H310767" s="12"/>
    </row>
    <row r="310768" spans="8:8">
      <c r="H310768" s="12"/>
    </row>
    <row r="310769" spans="8:8">
      <c r="H310769" s="12"/>
    </row>
    <row r="310770" spans="8:8">
      <c r="H310770" s="12"/>
    </row>
    <row r="310771" spans="8:8">
      <c r="H310771" s="12"/>
    </row>
    <row r="310772" spans="8:8">
      <c r="H310772" s="12"/>
    </row>
    <row r="310773" spans="8:8">
      <c r="H310773" s="12"/>
    </row>
    <row r="310774" spans="8:8">
      <c r="H310774" s="12"/>
    </row>
    <row r="310775" spans="8:8">
      <c r="H310775" s="12"/>
    </row>
    <row r="310776" spans="8:8">
      <c r="H310776" s="12"/>
    </row>
    <row r="310777" spans="8:8">
      <c r="H310777" s="12"/>
    </row>
    <row r="310778" spans="8:8">
      <c r="H310778" s="12"/>
    </row>
    <row r="310779" spans="8:8">
      <c r="H310779" s="12"/>
    </row>
    <row r="310780" spans="8:8">
      <c r="H310780" s="12"/>
    </row>
    <row r="310781" spans="8:8">
      <c r="H310781" s="12"/>
    </row>
    <row r="310782" spans="8:8">
      <c r="H310782" s="12"/>
    </row>
    <row r="310783" spans="8:8">
      <c r="H310783" s="12"/>
    </row>
    <row r="310784" spans="8:8">
      <c r="H310784" s="12"/>
    </row>
    <row r="310785" spans="8:8">
      <c r="H310785" s="12"/>
    </row>
    <row r="310786" spans="8:8">
      <c r="H310786" s="12"/>
    </row>
    <row r="310787" spans="8:8">
      <c r="H310787" s="12"/>
    </row>
    <row r="310788" spans="8:8">
      <c r="H310788" s="12"/>
    </row>
    <row r="310789" spans="8:8">
      <c r="H310789" s="12"/>
    </row>
    <row r="310790" spans="8:8">
      <c r="H310790" s="12"/>
    </row>
    <row r="310791" spans="8:8">
      <c r="H310791" s="12"/>
    </row>
    <row r="310792" spans="8:8">
      <c r="H310792" s="12"/>
    </row>
    <row r="310793" spans="8:8">
      <c r="H310793" s="12"/>
    </row>
    <row r="310794" spans="8:8">
      <c r="H310794" s="12"/>
    </row>
    <row r="310795" spans="8:8">
      <c r="H310795" s="12"/>
    </row>
    <row r="310796" spans="8:8">
      <c r="H310796" s="12"/>
    </row>
    <row r="310797" spans="8:8">
      <c r="H310797" s="12"/>
    </row>
    <row r="310798" spans="8:8">
      <c r="H310798" s="12"/>
    </row>
    <row r="310799" spans="8:8">
      <c r="H310799" s="12"/>
    </row>
    <row r="310800" spans="8:8">
      <c r="H310800" s="12"/>
    </row>
    <row r="310801" spans="8:8">
      <c r="H310801" s="12"/>
    </row>
    <row r="310802" spans="8:8">
      <c r="H310802" s="12"/>
    </row>
    <row r="310803" spans="8:8">
      <c r="H310803" s="12"/>
    </row>
    <row r="310804" spans="8:8">
      <c r="H310804" s="12"/>
    </row>
    <row r="310805" spans="8:8">
      <c r="H310805" s="12"/>
    </row>
    <row r="310806" spans="8:8">
      <c r="H310806" s="12"/>
    </row>
    <row r="310807" spans="8:8">
      <c r="H310807" s="12"/>
    </row>
    <row r="310808" spans="8:8">
      <c r="H310808" s="12"/>
    </row>
    <row r="310809" spans="8:8">
      <c r="H310809" s="12"/>
    </row>
    <row r="310810" spans="8:8">
      <c r="H310810" s="12"/>
    </row>
    <row r="310811" spans="8:8">
      <c r="H310811" s="12"/>
    </row>
    <row r="310812" spans="8:8">
      <c r="H310812" s="12"/>
    </row>
    <row r="310813" spans="8:8">
      <c r="H310813" s="12"/>
    </row>
    <row r="310814" spans="8:8">
      <c r="H310814" s="12"/>
    </row>
    <row r="310815" spans="8:8">
      <c r="H310815" s="12"/>
    </row>
    <row r="310816" spans="8:8">
      <c r="H310816" s="12"/>
    </row>
    <row r="310817" spans="8:8">
      <c r="H310817" s="12"/>
    </row>
    <row r="310818" spans="8:8">
      <c r="H310818" s="12"/>
    </row>
    <row r="310819" spans="8:8">
      <c r="H310819" s="12"/>
    </row>
    <row r="310820" spans="8:8">
      <c r="H310820" s="12"/>
    </row>
    <row r="310821" spans="8:8">
      <c r="H310821" s="12"/>
    </row>
    <row r="310822" spans="8:8">
      <c r="H310822" s="12"/>
    </row>
    <row r="310823" spans="8:8">
      <c r="H310823" s="12"/>
    </row>
    <row r="310824" spans="8:8">
      <c r="H310824" s="12"/>
    </row>
    <row r="310825" spans="8:8">
      <c r="H310825" s="12"/>
    </row>
    <row r="310826" spans="8:8">
      <c r="H310826" s="12"/>
    </row>
    <row r="310827" spans="8:8">
      <c r="H310827" s="12"/>
    </row>
    <row r="310828" spans="8:8">
      <c r="H310828" s="12"/>
    </row>
    <row r="310829" spans="8:8">
      <c r="H310829" s="12"/>
    </row>
    <row r="310830" spans="8:8">
      <c r="H310830" s="12"/>
    </row>
    <row r="310831" spans="8:8">
      <c r="H310831" s="12"/>
    </row>
    <row r="310832" spans="8:8">
      <c r="H310832" s="12"/>
    </row>
    <row r="310833" spans="8:8">
      <c r="H310833" s="12"/>
    </row>
    <row r="310834" spans="8:8">
      <c r="H310834" s="12"/>
    </row>
    <row r="310835" spans="8:8">
      <c r="H310835" s="12"/>
    </row>
    <row r="310836" spans="8:8">
      <c r="H310836" s="12"/>
    </row>
    <row r="310837" spans="8:8">
      <c r="H310837" s="12"/>
    </row>
    <row r="310838" spans="8:8">
      <c r="H310838" s="12"/>
    </row>
    <row r="310839" spans="8:8">
      <c r="H310839" s="12"/>
    </row>
    <row r="310840" spans="8:8">
      <c r="H310840" s="12"/>
    </row>
    <row r="310841" spans="8:8">
      <c r="H310841" s="12"/>
    </row>
    <row r="310842" spans="8:8">
      <c r="H310842" s="12"/>
    </row>
    <row r="310843" spans="8:8">
      <c r="H310843" s="12"/>
    </row>
    <row r="310844" spans="8:8">
      <c r="H310844" s="12"/>
    </row>
    <row r="310845" spans="8:8">
      <c r="H310845" s="12"/>
    </row>
    <row r="310846" spans="8:8">
      <c r="H310846" s="12"/>
    </row>
    <row r="310847" spans="8:8">
      <c r="H310847" s="12"/>
    </row>
    <row r="310848" spans="8:8">
      <c r="H310848" s="12"/>
    </row>
    <row r="310849" spans="8:8">
      <c r="H310849" s="12"/>
    </row>
    <row r="310850" spans="8:8">
      <c r="H310850" s="12"/>
    </row>
    <row r="310851" spans="8:8">
      <c r="H310851" s="12"/>
    </row>
    <row r="310852" spans="8:8">
      <c r="H310852" s="12"/>
    </row>
    <row r="310853" spans="8:8">
      <c r="H310853" s="12"/>
    </row>
    <row r="310854" spans="8:8">
      <c r="H310854" s="12"/>
    </row>
    <row r="310855" spans="8:8">
      <c r="H310855" s="12"/>
    </row>
    <row r="310856" spans="8:8">
      <c r="H310856" s="12"/>
    </row>
    <row r="310857" spans="8:8">
      <c r="H310857" s="12"/>
    </row>
    <row r="310858" spans="8:8">
      <c r="H310858" s="12"/>
    </row>
    <row r="310859" spans="8:8">
      <c r="H310859" s="12"/>
    </row>
    <row r="310860" spans="8:8">
      <c r="H310860" s="12"/>
    </row>
    <row r="310861" spans="8:8">
      <c r="H310861" s="12"/>
    </row>
    <row r="310862" spans="8:8">
      <c r="H310862" s="12"/>
    </row>
    <row r="310863" spans="8:8">
      <c r="H310863" s="12"/>
    </row>
    <row r="310864" spans="8:8">
      <c r="H310864" s="12"/>
    </row>
    <row r="310865" spans="8:8">
      <c r="H310865" s="12"/>
    </row>
    <row r="310866" spans="8:8">
      <c r="H310866" s="12"/>
    </row>
    <row r="310867" spans="8:8">
      <c r="H310867" s="12"/>
    </row>
    <row r="310868" spans="8:8">
      <c r="H310868" s="12"/>
    </row>
    <row r="310869" spans="8:8">
      <c r="H310869" s="12"/>
    </row>
    <row r="310870" spans="8:8">
      <c r="H310870" s="12"/>
    </row>
    <row r="310871" spans="8:8">
      <c r="H310871" s="12"/>
    </row>
    <row r="310872" spans="8:8">
      <c r="H310872" s="12"/>
    </row>
    <row r="310873" spans="8:8">
      <c r="H310873" s="12"/>
    </row>
    <row r="310874" spans="8:8">
      <c r="H310874" s="12"/>
    </row>
    <row r="310875" spans="8:8">
      <c r="H310875" s="12"/>
    </row>
    <row r="310876" spans="8:8">
      <c r="H310876" s="12"/>
    </row>
    <row r="310877" spans="8:8">
      <c r="H310877" s="12"/>
    </row>
    <row r="310878" spans="8:8">
      <c r="H310878" s="12"/>
    </row>
    <row r="310879" spans="8:8">
      <c r="H310879" s="12"/>
    </row>
    <row r="310880" spans="8:8">
      <c r="H310880" s="12"/>
    </row>
    <row r="310881" spans="8:8">
      <c r="H310881" s="12"/>
    </row>
    <row r="310882" spans="8:8">
      <c r="H310882" s="12"/>
    </row>
    <row r="310883" spans="8:8">
      <c r="H310883" s="12"/>
    </row>
    <row r="310884" spans="8:8">
      <c r="H310884" s="12"/>
    </row>
    <row r="310885" spans="8:8">
      <c r="H310885" s="12"/>
    </row>
    <row r="310886" spans="8:8">
      <c r="H310886" s="12"/>
    </row>
    <row r="310887" spans="8:8">
      <c r="H310887" s="12"/>
    </row>
    <row r="310888" spans="8:8">
      <c r="H310888" s="12"/>
    </row>
    <row r="310889" spans="8:8">
      <c r="H310889" s="12"/>
    </row>
    <row r="310890" spans="8:8">
      <c r="H310890" s="12"/>
    </row>
    <row r="310891" spans="8:8">
      <c r="H310891" s="12"/>
    </row>
    <row r="310892" spans="8:8">
      <c r="H310892" s="12"/>
    </row>
    <row r="310893" spans="8:8">
      <c r="H310893" s="12"/>
    </row>
    <row r="310894" spans="8:8">
      <c r="H310894" s="12"/>
    </row>
    <row r="310895" spans="8:8">
      <c r="H310895" s="12"/>
    </row>
    <row r="310896" spans="8:8">
      <c r="H310896" s="12"/>
    </row>
    <row r="310897" spans="8:8">
      <c r="H310897" s="12"/>
    </row>
    <row r="310898" spans="8:8">
      <c r="H310898" s="12"/>
    </row>
    <row r="310899" spans="8:8">
      <c r="H310899" s="12"/>
    </row>
    <row r="310900" spans="8:8">
      <c r="H310900" s="12"/>
    </row>
    <row r="310901" spans="8:8">
      <c r="H310901" s="12"/>
    </row>
    <row r="310902" spans="8:8">
      <c r="H310902" s="12"/>
    </row>
    <row r="310903" spans="8:8">
      <c r="H310903" s="12"/>
    </row>
    <row r="310904" spans="8:8">
      <c r="H310904" s="12"/>
    </row>
    <row r="310905" spans="8:8">
      <c r="H310905" s="12"/>
    </row>
    <row r="310906" spans="8:8">
      <c r="H310906" s="12"/>
    </row>
    <row r="310907" spans="8:8">
      <c r="H310907" s="12"/>
    </row>
    <row r="310908" spans="8:8">
      <c r="H310908" s="12"/>
    </row>
    <row r="310909" spans="8:8">
      <c r="H310909" s="12"/>
    </row>
    <row r="310910" spans="8:8">
      <c r="H310910" s="12"/>
    </row>
    <row r="310911" spans="8:8">
      <c r="H310911" s="12"/>
    </row>
    <row r="310912" spans="8:8">
      <c r="H310912" s="12"/>
    </row>
    <row r="310913" spans="8:8">
      <c r="H310913" s="12"/>
    </row>
    <row r="310914" spans="8:8">
      <c r="H310914" s="12"/>
    </row>
    <row r="310915" spans="8:8">
      <c r="H310915" s="12"/>
    </row>
    <row r="310916" spans="8:8">
      <c r="H310916" s="12"/>
    </row>
    <row r="310917" spans="8:8">
      <c r="H310917" s="12"/>
    </row>
    <row r="310918" spans="8:8">
      <c r="H310918" s="12"/>
    </row>
    <row r="310919" spans="8:8">
      <c r="H310919" s="12"/>
    </row>
    <row r="310920" spans="8:8">
      <c r="H310920" s="12"/>
    </row>
    <row r="310921" spans="8:8">
      <c r="H310921" s="12"/>
    </row>
    <row r="310922" spans="8:8">
      <c r="H310922" s="12"/>
    </row>
    <row r="310923" spans="8:8">
      <c r="H310923" s="12"/>
    </row>
    <row r="310924" spans="8:8">
      <c r="H310924" s="12"/>
    </row>
    <row r="310925" spans="8:8">
      <c r="H310925" s="12"/>
    </row>
    <row r="310926" spans="8:8">
      <c r="H310926" s="12"/>
    </row>
    <row r="310927" spans="8:8">
      <c r="H310927" s="12"/>
    </row>
    <row r="310928" spans="8:8">
      <c r="H310928" s="12"/>
    </row>
    <row r="310929" spans="8:8">
      <c r="H310929" s="12"/>
    </row>
    <row r="310930" spans="8:8">
      <c r="H310930" s="12"/>
    </row>
    <row r="310931" spans="8:8">
      <c r="H310931" s="12"/>
    </row>
    <row r="310932" spans="8:8">
      <c r="H310932" s="12"/>
    </row>
    <row r="310933" spans="8:8">
      <c r="H310933" s="12"/>
    </row>
    <row r="310934" spans="8:8">
      <c r="H310934" s="12"/>
    </row>
    <row r="310935" spans="8:8">
      <c r="H310935" s="12"/>
    </row>
    <row r="310936" spans="8:8">
      <c r="H310936" s="12"/>
    </row>
    <row r="310937" spans="8:8">
      <c r="H310937" s="12"/>
    </row>
    <row r="310938" spans="8:8">
      <c r="H310938" s="12"/>
    </row>
    <row r="310939" spans="8:8">
      <c r="H310939" s="12"/>
    </row>
    <row r="310940" spans="8:8">
      <c r="H310940" s="12"/>
    </row>
    <row r="310941" spans="8:8">
      <c r="H310941" s="12"/>
    </row>
    <row r="310942" spans="8:8">
      <c r="H310942" s="12"/>
    </row>
    <row r="310943" spans="8:8">
      <c r="H310943" s="12"/>
    </row>
    <row r="310944" spans="8:8">
      <c r="H310944" s="12"/>
    </row>
    <row r="310945" spans="8:8">
      <c r="H310945" s="12"/>
    </row>
    <row r="310946" spans="8:8">
      <c r="H310946" s="12"/>
    </row>
    <row r="310947" spans="8:8">
      <c r="H310947" s="12"/>
    </row>
    <row r="310948" spans="8:8">
      <c r="H310948" s="12"/>
    </row>
    <row r="310949" spans="8:8">
      <c r="H310949" s="12"/>
    </row>
    <row r="310950" spans="8:8">
      <c r="H310950" s="12"/>
    </row>
    <row r="310951" spans="8:8">
      <c r="H310951" s="12"/>
    </row>
    <row r="310952" spans="8:8">
      <c r="H310952" s="12"/>
    </row>
    <row r="310953" spans="8:8">
      <c r="H310953" s="12"/>
    </row>
    <row r="310954" spans="8:8">
      <c r="H310954" s="12"/>
    </row>
    <row r="310955" spans="8:8">
      <c r="H310955" s="12"/>
    </row>
    <row r="310956" spans="8:8">
      <c r="H310956" s="12"/>
    </row>
    <row r="310957" spans="8:8">
      <c r="H310957" s="12"/>
    </row>
    <row r="310958" spans="8:8">
      <c r="H310958" s="12"/>
    </row>
    <row r="310959" spans="8:8">
      <c r="H310959" s="12"/>
    </row>
    <row r="310960" spans="8:8">
      <c r="H310960" s="12"/>
    </row>
    <row r="310961" spans="8:8">
      <c r="H310961" s="12"/>
    </row>
    <row r="310962" spans="8:8">
      <c r="H310962" s="12"/>
    </row>
    <row r="310963" spans="8:8">
      <c r="H310963" s="12"/>
    </row>
    <row r="310964" spans="8:8">
      <c r="H310964" s="12"/>
    </row>
    <row r="310965" spans="8:8">
      <c r="H310965" s="12"/>
    </row>
    <row r="310966" spans="8:8">
      <c r="H310966" s="12"/>
    </row>
    <row r="310967" spans="8:8">
      <c r="H310967" s="12"/>
    </row>
    <row r="310968" spans="8:8">
      <c r="H310968" s="12"/>
    </row>
    <row r="310969" spans="8:8">
      <c r="H310969" s="12"/>
    </row>
    <row r="310970" spans="8:8">
      <c r="H310970" s="12"/>
    </row>
    <row r="310971" spans="8:8">
      <c r="H310971" s="12"/>
    </row>
    <row r="310972" spans="8:8">
      <c r="H310972" s="12"/>
    </row>
    <row r="310973" spans="8:8">
      <c r="H310973" s="12"/>
    </row>
    <row r="310974" spans="8:8">
      <c r="H310974" s="12"/>
    </row>
    <row r="310975" spans="8:8">
      <c r="H310975" s="12"/>
    </row>
    <row r="310976" spans="8:8">
      <c r="H310976" s="12"/>
    </row>
    <row r="310977" spans="8:8">
      <c r="H310977" s="12"/>
    </row>
    <row r="310978" spans="8:8">
      <c r="H310978" s="12"/>
    </row>
    <row r="310979" spans="8:8">
      <c r="H310979" s="12"/>
    </row>
    <row r="310980" spans="8:8">
      <c r="H310980" s="12"/>
    </row>
    <row r="310981" spans="8:8">
      <c r="H310981" s="12"/>
    </row>
    <row r="310982" spans="8:8">
      <c r="H310982" s="12"/>
    </row>
    <row r="310983" spans="8:8">
      <c r="H310983" s="12"/>
    </row>
    <row r="310984" spans="8:8">
      <c r="H310984" s="12"/>
    </row>
    <row r="310985" spans="8:8">
      <c r="H310985" s="12"/>
    </row>
    <row r="310986" spans="8:8">
      <c r="H310986" s="12"/>
    </row>
    <row r="310987" spans="8:8">
      <c r="H310987" s="12"/>
    </row>
    <row r="310988" spans="8:8">
      <c r="H310988" s="12"/>
    </row>
    <row r="310989" spans="8:8">
      <c r="H310989" s="12"/>
    </row>
    <row r="310990" spans="8:8">
      <c r="H310990" s="12"/>
    </row>
    <row r="310991" spans="8:8">
      <c r="H310991" s="12"/>
    </row>
    <row r="310992" spans="8:8">
      <c r="H310992" s="12"/>
    </row>
    <row r="310993" spans="8:8">
      <c r="H310993" s="12"/>
    </row>
    <row r="310994" spans="8:8">
      <c r="H310994" s="12"/>
    </row>
    <row r="310995" spans="8:8">
      <c r="H310995" s="12"/>
    </row>
    <row r="310996" spans="8:8">
      <c r="H310996" s="12"/>
    </row>
    <row r="310997" spans="8:8">
      <c r="H310997" s="12"/>
    </row>
    <row r="310998" spans="8:8">
      <c r="H310998" s="12"/>
    </row>
    <row r="310999" spans="8:8">
      <c r="H310999" s="12"/>
    </row>
    <row r="311000" spans="8:8">
      <c r="H311000" s="12"/>
    </row>
    <row r="311001" spans="8:8">
      <c r="H311001" s="12"/>
    </row>
    <row r="311002" spans="8:8">
      <c r="H311002" s="12"/>
    </row>
    <row r="311003" spans="8:8">
      <c r="H311003" s="12"/>
    </row>
    <row r="311004" spans="8:8">
      <c r="H311004" s="12"/>
    </row>
    <row r="311005" spans="8:8">
      <c r="H311005" s="12"/>
    </row>
    <row r="311006" spans="8:8">
      <c r="H311006" s="12"/>
    </row>
    <row r="311007" spans="8:8">
      <c r="H311007" s="12"/>
    </row>
    <row r="311008" spans="8:8">
      <c r="H311008" s="12"/>
    </row>
    <row r="311009" spans="8:8">
      <c r="H311009" s="12"/>
    </row>
    <row r="311010" spans="8:8">
      <c r="H311010" s="12"/>
    </row>
    <row r="311011" spans="8:8">
      <c r="H311011" s="12"/>
    </row>
    <row r="311012" spans="8:8">
      <c r="H311012" s="12"/>
    </row>
    <row r="311013" spans="8:8">
      <c r="H311013" s="12"/>
    </row>
    <row r="311014" spans="8:8">
      <c r="H311014" s="12"/>
    </row>
    <row r="311015" spans="8:8">
      <c r="H311015" s="12"/>
    </row>
    <row r="311016" spans="8:8">
      <c r="H311016" s="12"/>
    </row>
    <row r="311017" spans="8:8">
      <c r="H311017" s="12"/>
    </row>
    <row r="311018" spans="8:8">
      <c r="H311018" s="12"/>
    </row>
    <row r="311019" spans="8:8">
      <c r="H311019" s="12"/>
    </row>
    <row r="311020" spans="8:8">
      <c r="H311020" s="12"/>
    </row>
    <row r="311021" spans="8:8">
      <c r="H311021" s="12"/>
    </row>
    <row r="311022" spans="8:8">
      <c r="H311022" s="12"/>
    </row>
    <row r="311023" spans="8:8">
      <c r="H311023" s="12"/>
    </row>
    <row r="311024" spans="8:8">
      <c r="H311024" s="12"/>
    </row>
    <row r="311025" spans="8:8">
      <c r="H311025" s="12"/>
    </row>
    <row r="311026" spans="8:8">
      <c r="H311026" s="12"/>
    </row>
    <row r="311027" spans="8:8">
      <c r="H311027" s="12"/>
    </row>
    <row r="311028" spans="8:8">
      <c r="H311028" s="12"/>
    </row>
    <row r="311029" spans="8:8">
      <c r="H311029" s="12"/>
    </row>
    <row r="311030" spans="8:8">
      <c r="H311030" s="12"/>
    </row>
    <row r="311031" spans="8:8">
      <c r="H311031" s="12"/>
    </row>
    <row r="311032" spans="8:8">
      <c r="H311032" s="12"/>
    </row>
    <row r="311033" spans="8:8">
      <c r="H311033" s="12"/>
    </row>
    <row r="311034" spans="8:8">
      <c r="H311034" s="12"/>
    </row>
    <row r="311035" spans="8:8">
      <c r="H311035" s="12"/>
    </row>
    <row r="311036" spans="8:8">
      <c r="H311036" s="12"/>
    </row>
    <row r="311037" spans="8:8">
      <c r="H311037" s="12"/>
    </row>
    <row r="311038" spans="8:8">
      <c r="H311038" s="12"/>
    </row>
    <row r="311039" spans="8:8">
      <c r="H311039" s="12"/>
    </row>
    <row r="311040" spans="8:8">
      <c r="H311040" s="12"/>
    </row>
    <row r="311041" spans="8:8">
      <c r="H311041" s="12"/>
    </row>
    <row r="311042" spans="8:8">
      <c r="H311042" s="12"/>
    </row>
    <row r="311043" spans="8:8">
      <c r="H311043" s="12"/>
    </row>
    <row r="311044" spans="8:8">
      <c r="H311044" s="12"/>
    </row>
    <row r="311045" spans="8:8">
      <c r="H311045" s="12"/>
    </row>
    <row r="311046" spans="8:8">
      <c r="H311046" s="12"/>
    </row>
    <row r="311047" spans="8:8">
      <c r="H311047" s="12"/>
    </row>
    <row r="311048" spans="8:8">
      <c r="H311048" s="12"/>
    </row>
    <row r="311049" spans="8:8">
      <c r="H311049" s="12"/>
    </row>
    <row r="311050" spans="8:8">
      <c r="H311050" s="12"/>
    </row>
    <row r="311051" spans="8:8">
      <c r="H311051" s="12"/>
    </row>
    <row r="311052" spans="8:8">
      <c r="H311052" s="12"/>
    </row>
    <row r="311053" spans="8:8">
      <c r="H311053" s="12"/>
    </row>
    <row r="311054" spans="8:8">
      <c r="H311054" s="12"/>
    </row>
    <row r="311055" spans="8:8">
      <c r="H311055" s="12"/>
    </row>
    <row r="311056" spans="8:8">
      <c r="H311056" s="12"/>
    </row>
    <row r="311057" spans="8:8">
      <c r="H311057" s="12"/>
    </row>
    <row r="311058" spans="8:8">
      <c r="H311058" s="12"/>
    </row>
    <row r="311059" spans="8:8">
      <c r="H311059" s="12"/>
    </row>
    <row r="311060" spans="8:8">
      <c r="H311060" s="12"/>
    </row>
    <row r="311061" spans="8:8">
      <c r="H311061" s="12"/>
    </row>
    <row r="311062" spans="8:8">
      <c r="H311062" s="12"/>
    </row>
    <row r="311063" spans="8:8">
      <c r="H311063" s="12"/>
    </row>
    <row r="311064" spans="8:8">
      <c r="H311064" s="12"/>
    </row>
    <row r="311065" spans="8:8">
      <c r="H311065" s="12"/>
    </row>
    <row r="311066" spans="8:8">
      <c r="H311066" s="12"/>
    </row>
    <row r="311067" spans="8:8">
      <c r="H311067" s="12"/>
    </row>
    <row r="311068" spans="8:8">
      <c r="H311068" s="12"/>
    </row>
    <row r="311069" spans="8:8">
      <c r="H311069" s="12"/>
    </row>
    <row r="311070" spans="8:8">
      <c r="H311070" s="12"/>
    </row>
    <row r="311071" spans="8:8">
      <c r="H311071" s="12"/>
    </row>
    <row r="311072" spans="8:8">
      <c r="H311072" s="12"/>
    </row>
    <row r="311073" spans="8:8">
      <c r="H311073" s="12"/>
    </row>
    <row r="311074" spans="8:8">
      <c r="H311074" s="12"/>
    </row>
    <row r="311075" spans="8:8">
      <c r="H311075" s="12"/>
    </row>
    <row r="311076" spans="8:8">
      <c r="H311076" s="12"/>
    </row>
    <row r="311077" spans="8:8">
      <c r="H311077" s="12"/>
    </row>
    <row r="311078" spans="8:8">
      <c r="H311078" s="12"/>
    </row>
    <row r="311079" spans="8:8">
      <c r="H311079" s="12"/>
    </row>
    <row r="311080" spans="8:8">
      <c r="H311080" s="12"/>
    </row>
    <row r="311081" spans="8:8">
      <c r="H311081" s="12"/>
    </row>
    <row r="311082" spans="8:8">
      <c r="H311082" s="12"/>
    </row>
    <row r="311083" spans="8:8">
      <c r="H311083" s="12"/>
    </row>
    <row r="311084" spans="8:8">
      <c r="H311084" s="12"/>
    </row>
    <row r="311085" spans="8:8">
      <c r="H311085" s="12"/>
    </row>
    <row r="311086" spans="8:8">
      <c r="H311086" s="12"/>
    </row>
    <row r="311087" spans="8:8">
      <c r="H311087" s="12"/>
    </row>
    <row r="311088" spans="8:8">
      <c r="H311088" s="12"/>
    </row>
    <row r="311089" spans="8:8">
      <c r="H311089" s="12"/>
    </row>
    <row r="311090" spans="8:8">
      <c r="H311090" s="12"/>
    </row>
    <row r="311091" spans="8:8">
      <c r="H311091" s="12"/>
    </row>
    <row r="311092" spans="8:8">
      <c r="H311092" s="12"/>
    </row>
    <row r="311093" spans="8:8">
      <c r="H311093" s="12"/>
    </row>
    <row r="311094" spans="8:8">
      <c r="H311094" s="12"/>
    </row>
    <row r="311095" spans="8:8">
      <c r="H311095" s="12"/>
    </row>
    <row r="311096" spans="8:8">
      <c r="H311096" s="12"/>
    </row>
    <row r="311097" spans="8:8">
      <c r="H311097" s="12"/>
    </row>
    <row r="311098" spans="8:8">
      <c r="H311098" s="12"/>
    </row>
    <row r="311099" spans="8:8">
      <c r="H311099" s="12"/>
    </row>
    <row r="311100" spans="8:8">
      <c r="H311100" s="12"/>
    </row>
    <row r="311101" spans="8:8">
      <c r="H311101" s="12"/>
    </row>
    <row r="311102" spans="8:8">
      <c r="H311102" s="12"/>
    </row>
    <row r="311103" spans="8:8">
      <c r="H311103" s="12"/>
    </row>
    <row r="311104" spans="8:8">
      <c r="H311104" s="12"/>
    </row>
    <row r="311105" spans="8:8">
      <c r="H311105" s="12"/>
    </row>
    <row r="311106" spans="8:8">
      <c r="H311106" s="12"/>
    </row>
    <row r="311107" spans="8:8">
      <c r="H311107" s="12"/>
    </row>
    <row r="311108" spans="8:8">
      <c r="H311108" s="12"/>
    </row>
    <row r="311109" spans="8:8">
      <c r="H311109" s="12"/>
    </row>
    <row r="311110" spans="8:8">
      <c r="H311110" s="12"/>
    </row>
    <row r="311111" spans="8:8">
      <c r="H311111" s="12"/>
    </row>
    <row r="311112" spans="8:8">
      <c r="H311112" s="12"/>
    </row>
    <row r="311113" spans="8:8">
      <c r="H311113" s="12"/>
    </row>
    <row r="311114" spans="8:8">
      <c r="H311114" s="12"/>
    </row>
    <row r="311115" spans="8:8">
      <c r="H311115" s="12"/>
    </row>
    <row r="311116" spans="8:8">
      <c r="H311116" s="12"/>
    </row>
    <row r="311117" spans="8:8">
      <c r="H311117" s="12"/>
    </row>
    <row r="311118" spans="8:8">
      <c r="H311118" s="12"/>
    </row>
    <row r="311119" spans="8:8">
      <c r="H311119" s="12"/>
    </row>
    <row r="311120" spans="8:8">
      <c r="H311120" s="12"/>
    </row>
    <row r="311121" spans="8:8">
      <c r="H311121" s="12"/>
    </row>
    <row r="311122" spans="8:8">
      <c r="H311122" s="12"/>
    </row>
    <row r="311123" spans="8:8">
      <c r="H311123" s="12"/>
    </row>
    <row r="311124" spans="8:8">
      <c r="H311124" s="12"/>
    </row>
    <row r="311125" spans="8:8">
      <c r="H311125" s="12"/>
    </row>
    <row r="311126" spans="8:8">
      <c r="H311126" s="12"/>
    </row>
    <row r="311127" spans="8:8">
      <c r="H311127" s="12"/>
    </row>
    <row r="311128" spans="8:8">
      <c r="H311128" s="12"/>
    </row>
    <row r="311129" spans="8:8">
      <c r="H311129" s="12"/>
    </row>
    <row r="311130" spans="8:8">
      <c r="H311130" s="12"/>
    </row>
    <row r="311131" spans="8:8">
      <c r="H311131" s="12"/>
    </row>
    <row r="311132" spans="8:8">
      <c r="H311132" s="12"/>
    </row>
    <row r="311133" spans="8:8">
      <c r="H311133" s="12"/>
    </row>
    <row r="311134" spans="8:8">
      <c r="H311134" s="12"/>
    </row>
    <row r="311135" spans="8:8">
      <c r="H311135" s="12"/>
    </row>
    <row r="311136" spans="8:8">
      <c r="H311136" s="12"/>
    </row>
    <row r="311137" spans="8:8">
      <c r="H311137" s="12"/>
    </row>
    <row r="311138" spans="8:8">
      <c r="H311138" s="12"/>
    </row>
    <row r="311139" spans="8:8">
      <c r="H311139" s="12"/>
    </row>
    <row r="311140" spans="8:8">
      <c r="H311140" s="12"/>
    </row>
    <row r="311141" spans="8:8">
      <c r="H311141" s="12"/>
    </row>
    <row r="311142" spans="8:8">
      <c r="H311142" s="12"/>
    </row>
    <row r="311143" spans="8:8">
      <c r="H311143" s="12"/>
    </row>
    <row r="311144" spans="8:8">
      <c r="H311144" s="12"/>
    </row>
    <row r="311145" spans="8:8">
      <c r="H311145" s="12"/>
    </row>
    <row r="311146" spans="8:8">
      <c r="H311146" s="12"/>
    </row>
    <row r="311147" spans="8:8">
      <c r="H311147" s="12"/>
    </row>
    <row r="311148" spans="8:8">
      <c r="H311148" s="12"/>
    </row>
    <row r="311149" spans="8:8">
      <c r="H311149" s="12"/>
    </row>
    <row r="311150" spans="8:8">
      <c r="H311150" s="12"/>
    </row>
    <row r="311151" spans="8:8">
      <c r="H311151" s="12"/>
    </row>
    <row r="311152" spans="8:8">
      <c r="H311152" s="12"/>
    </row>
    <row r="311153" spans="8:8">
      <c r="H311153" s="12"/>
    </row>
    <row r="311154" spans="8:8">
      <c r="H311154" s="12"/>
    </row>
    <row r="311155" spans="8:8">
      <c r="H311155" s="12"/>
    </row>
    <row r="311156" spans="8:8">
      <c r="H311156" s="12"/>
    </row>
    <row r="311157" spans="8:8">
      <c r="H311157" s="12"/>
    </row>
    <row r="311158" spans="8:8">
      <c r="H311158" s="12"/>
    </row>
    <row r="311159" spans="8:8">
      <c r="H311159" s="12"/>
    </row>
    <row r="311160" spans="8:8">
      <c r="H311160" s="12"/>
    </row>
    <row r="311161" spans="8:8">
      <c r="H311161" s="12"/>
    </row>
    <row r="311162" spans="8:8">
      <c r="H311162" s="12"/>
    </row>
    <row r="311163" spans="8:8">
      <c r="H311163" s="12"/>
    </row>
    <row r="311164" spans="8:8">
      <c r="H311164" s="12"/>
    </row>
    <row r="311165" spans="8:8">
      <c r="H311165" s="12"/>
    </row>
    <row r="311166" spans="8:8">
      <c r="H311166" s="12"/>
    </row>
    <row r="311167" spans="8:8">
      <c r="H311167" s="12"/>
    </row>
    <row r="311168" spans="8:8">
      <c r="H311168" s="12"/>
    </row>
    <row r="311169" spans="8:8">
      <c r="H311169" s="12"/>
    </row>
    <row r="311170" spans="8:8">
      <c r="H311170" s="12"/>
    </row>
    <row r="311171" spans="8:8">
      <c r="H311171" s="12"/>
    </row>
    <row r="311172" spans="8:8">
      <c r="H311172" s="12"/>
    </row>
    <row r="311173" spans="8:8">
      <c r="H311173" s="12"/>
    </row>
    <row r="311174" spans="8:8">
      <c r="H311174" s="12"/>
    </row>
    <row r="311175" spans="8:8">
      <c r="H311175" s="12"/>
    </row>
    <row r="311176" spans="8:8">
      <c r="H311176" s="12"/>
    </row>
    <row r="311177" spans="8:8">
      <c r="H311177" s="12"/>
    </row>
    <row r="311178" spans="8:8">
      <c r="H311178" s="12"/>
    </row>
    <row r="311179" spans="8:8">
      <c r="H311179" s="12"/>
    </row>
    <row r="311180" spans="8:8">
      <c r="H311180" s="12"/>
    </row>
    <row r="311181" spans="8:8">
      <c r="H311181" s="12"/>
    </row>
    <row r="311182" spans="8:8">
      <c r="H311182" s="12"/>
    </row>
    <row r="311183" spans="8:8">
      <c r="H311183" s="12"/>
    </row>
    <row r="311184" spans="8:8">
      <c r="H311184" s="12"/>
    </row>
    <row r="311185" spans="8:8">
      <c r="H311185" s="12"/>
    </row>
    <row r="311186" spans="8:8">
      <c r="H311186" s="12"/>
    </row>
    <row r="311187" spans="8:8">
      <c r="H311187" s="12"/>
    </row>
    <row r="311188" spans="8:8">
      <c r="H311188" s="12"/>
    </row>
    <row r="311189" spans="8:8">
      <c r="H311189" s="12"/>
    </row>
    <row r="311190" spans="8:8">
      <c r="H311190" s="12"/>
    </row>
    <row r="311191" spans="8:8">
      <c r="H311191" s="12"/>
    </row>
    <row r="311192" spans="8:8">
      <c r="H311192" s="12"/>
    </row>
    <row r="311193" spans="8:8">
      <c r="H311193" s="12"/>
    </row>
    <row r="311194" spans="8:8">
      <c r="H311194" s="12"/>
    </row>
    <row r="311195" spans="8:8">
      <c r="H311195" s="12"/>
    </row>
    <row r="311196" spans="8:8">
      <c r="H311196" s="12"/>
    </row>
    <row r="311197" spans="8:8">
      <c r="H311197" s="12"/>
    </row>
    <row r="311198" spans="8:8">
      <c r="H311198" s="12"/>
    </row>
    <row r="311199" spans="8:8">
      <c r="H311199" s="12"/>
    </row>
    <row r="311200" spans="8:8">
      <c r="H311200" s="12"/>
    </row>
    <row r="311201" spans="8:8">
      <c r="H311201" s="12"/>
    </row>
    <row r="311202" spans="8:8">
      <c r="H311202" s="12"/>
    </row>
    <row r="311203" spans="8:8">
      <c r="H311203" s="12"/>
    </row>
    <row r="311204" spans="8:8">
      <c r="H311204" s="12"/>
    </row>
    <row r="311205" spans="8:8">
      <c r="H311205" s="12"/>
    </row>
    <row r="311206" spans="8:8">
      <c r="H311206" s="12"/>
    </row>
    <row r="311207" spans="8:8">
      <c r="H311207" s="12"/>
    </row>
    <row r="311208" spans="8:8">
      <c r="H311208" s="12"/>
    </row>
    <row r="311209" spans="8:8">
      <c r="H311209" s="12"/>
    </row>
    <row r="311210" spans="8:8">
      <c r="H311210" s="12"/>
    </row>
    <row r="311211" spans="8:8">
      <c r="H311211" s="12"/>
    </row>
    <row r="311212" spans="8:8">
      <c r="H311212" s="12"/>
    </row>
    <row r="311213" spans="8:8">
      <c r="H311213" s="12"/>
    </row>
    <row r="311214" spans="8:8">
      <c r="H311214" s="12"/>
    </row>
    <row r="311215" spans="8:8">
      <c r="H311215" s="12"/>
    </row>
    <row r="311216" spans="8:8">
      <c r="H311216" s="12"/>
    </row>
    <row r="311217" spans="8:8">
      <c r="H311217" s="12"/>
    </row>
    <row r="311218" spans="8:8">
      <c r="H311218" s="12"/>
    </row>
    <row r="311219" spans="8:8">
      <c r="H311219" s="12"/>
    </row>
    <row r="311220" spans="8:8">
      <c r="H311220" s="12"/>
    </row>
    <row r="311221" spans="8:8">
      <c r="H311221" s="12"/>
    </row>
    <row r="311222" spans="8:8">
      <c r="H311222" s="12"/>
    </row>
    <row r="311223" spans="8:8">
      <c r="H311223" s="12"/>
    </row>
    <row r="311224" spans="8:8">
      <c r="H311224" s="12"/>
    </row>
    <row r="311225" spans="8:8">
      <c r="H311225" s="12"/>
    </row>
    <row r="311226" spans="8:8">
      <c r="H311226" s="12"/>
    </row>
    <row r="311227" spans="8:8">
      <c r="H311227" s="12"/>
    </row>
    <row r="311228" spans="8:8">
      <c r="H311228" s="12"/>
    </row>
    <row r="311229" spans="8:8">
      <c r="H311229" s="12"/>
    </row>
    <row r="311230" spans="8:8">
      <c r="H311230" s="12"/>
    </row>
    <row r="311231" spans="8:8">
      <c r="H311231" s="12"/>
    </row>
    <row r="311232" spans="8:8">
      <c r="H311232" s="12"/>
    </row>
    <row r="311233" spans="8:8">
      <c r="H311233" s="12"/>
    </row>
    <row r="311234" spans="8:8">
      <c r="H311234" s="12"/>
    </row>
    <row r="311235" spans="8:8">
      <c r="H311235" s="12"/>
    </row>
    <row r="311236" spans="8:8">
      <c r="H311236" s="12"/>
    </row>
    <row r="311237" spans="8:8">
      <c r="H311237" s="12"/>
    </row>
    <row r="311238" spans="8:8">
      <c r="H311238" s="12"/>
    </row>
    <row r="311239" spans="8:8">
      <c r="H311239" s="12"/>
    </row>
    <row r="311240" spans="8:8">
      <c r="H311240" s="12"/>
    </row>
    <row r="311241" spans="8:8">
      <c r="H311241" s="12"/>
    </row>
    <row r="311242" spans="8:8">
      <c r="H311242" s="12"/>
    </row>
    <row r="311243" spans="8:8">
      <c r="H311243" s="12"/>
    </row>
    <row r="311244" spans="8:8">
      <c r="H311244" s="12"/>
    </row>
    <row r="311245" spans="8:8">
      <c r="H311245" s="12"/>
    </row>
    <row r="311246" spans="8:8">
      <c r="H311246" s="12"/>
    </row>
    <row r="311247" spans="8:8">
      <c r="H311247" s="12"/>
    </row>
    <row r="311248" spans="8:8">
      <c r="H311248" s="12"/>
    </row>
    <row r="311249" spans="8:8">
      <c r="H311249" s="12"/>
    </row>
    <row r="311250" spans="8:8">
      <c r="H311250" s="12"/>
    </row>
    <row r="311251" spans="8:8">
      <c r="H311251" s="12"/>
    </row>
    <row r="311252" spans="8:8">
      <c r="H311252" s="12"/>
    </row>
    <row r="311253" spans="8:8">
      <c r="H311253" s="12"/>
    </row>
    <row r="311254" spans="8:8">
      <c r="H311254" s="12"/>
    </row>
    <row r="311255" spans="8:8">
      <c r="H311255" s="12"/>
    </row>
    <row r="311256" spans="8:8">
      <c r="H311256" s="12"/>
    </row>
    <row r="311257" spans="8:8">
      <c r="H311257" s="12"/>
    </row>
    <row r="311258" spans="8:8">
      <c r="H311258" s="12"/>
    </row>
    <row r="311259" spans="8:8">
      <c r="H311259" s="12"/>
    </row>
    <row r="311260" spans="8:8">
      <c r="H311260" s="12"/>
    </row>
    <row r="311261" spans="8:8">
      <c r="H311261" s="12"/>
    </row>
    <row r="311262" spans="8:8">
      <c r="H311262" s="12"/>
    </row>
    <row r="311263" spans="8:8">
      <c r="H311263" s="12"/>
    </row>
    <row r="311264" spans="8:8">
      <c r="H311264" s="12"/>
    </row>
    <row r="311265" spans="8:8">
      <c r="H311265" s="12"/>
    </row>
    <row r="311266" spans="8:8">
      <c r="H311266" s="12"/>
    </row>
    <row r="311267" spans="8:8">
      <c r="H311267" s="12"/>
    </row>
    <row r="311268" spans="8:8">
      <c r="H311268" s="12"/>
    </row>
    <row r="311269" spans="8:8">
      <c r="H311269" s="12"/>
    </row>
    <row r="311270" spans="8:8">
      <c r="H311270" s="12"/>
    </row>
    <row r="311271" spans="8:8">
      <c r="H311271" s="12"/>
    </row>
    <row r="311272" spans="8:8">
      <c r="H311272" s="12"/>
    </row>
    <row r="311273" spans="8:8">
      <c r="H311273" s="12"/>
    </row>
    <row r="311274" spans="8:8">
      <c r="H311274" s="12"/>
    </row>
    <row r="311275" spans="8:8">
      <c r="H311275" s="12"/>
    </row>
    <row r="311276" spans="8:8">
      <c r="H311276" s="12"/>
    </row>
    <row r="311277" spans="8:8">
      <c r="H311277" s="12"/>
    </row>
    <row r="311278" spans="8:8">
      <c r="H311278" s="12"/>
    </row>
    <row r="311279" spans="8:8">
      <c r="H311279" s="12"/>
    </row>
    <row r="311280" spans="8:8">
      <c r="H311280" s="12"/>
    </row>
    <row r="311281" spans="8:8">
      <c r="H311281" s="12"/>
    </row>
    <row r="311282" spans="8:8">
      <c r="H311282" s="12"/>
    </row>
    <row r="311283" spans="8:8">
      <c r="H311283" s="12"/>
    </row>
    <row r="311284" spans="8:8">
      <c r="H311284" s="12"/>
    </row>
    <row r="311285" spans="8:8">
      <c r="H311285" s="12"/>
    </row>
    <row r="311286" spans="8:8">
      <c r="H311286" s="12"/>
    </row>
    <row r="311287" spans="8:8">
      <c r="H311287" s="12"/>
    </row>
    <row r="311288" spans="8:8">
      <c r="H311288" s="12"/>
    </row>
    <row r="311289" spans="8:8">
      <c r="H311289" s="12"/>
    </row>
    <row r="311290" spans="8:8">
      <c r="H311290" s="12"/>
    </row>
    <row r="311291" spans="8:8">
      <c r="H311291" s="12"/>
    </row>
    <row r="311292" spans="8:8">
      <c r="H311292" s="12"/>
    </row>
    <row r="311293" spans="8:8">
      <c r="H311293" s="12"/>
    </row>
    <row r="311294" spans="8:8">
      <c r="H311294" s="12"/>
    </row>
    <row r="311295" spans="8:8">
      <c r="H311295" s="12"/>
    </row>
    <row r="311296" spans="8:8">
      <c r="H311296" s="12"/>
    </row>
    <row r="311297" spans="8:8">
      <c r="H311297" s="12"/>
    </row>
    <row r="311298" spans="8:8">
      <c r="H311298" s="12"/>
    </row>
    <row r="311299" spans="8:8">
      <c r="H311299" s="12"/>
    </row>
    <row r="311300" spans="8:8">
      <c r="H311300" s="12"/>
    </row>
    <row r="311301" spans="8:8">
      <c r="H311301" s="12"/>
    </row>
    <row r="311302" spans="8:8">
      <c r="H311302" s="12"/>
    </row>
    <row r="311303" spans="8:8">
      <c r="H311303" s="12"/>
    </row>
    <row r="311304" spans="8:8">
      <c r="H311304" s="12"/>
    </row>
    <row r="311305" spans="8:8">
      <c r="H311305" s="12"/>
    </row>
    <row r="311306" spans="8:8">
      <c r="H311306" s="12"/>
    </row>
    <row r="311307" spans="8:8">
      <c r="H311307" s="12"/>
    </row>
    <row r="311308" spans="8:8">
      <c r="H311308" s="12"/>
    </row>
    <row r="311309" spans="8:8">
      <c r="H311309" s="12"/>
    </row>
    <row r="311310" spans="8:8">
      <c r="H311310" s="12"/>
    </row>
    <row r="311311" spans="8:8">
      <c r="H311311" s="12"/>
    </row>
    <row r="311312" spans="8:8">
      <c r="H311312" s="12"/>
    </row>
    <row r="311313" spans="8:8">
      <c r="H311313" s="12"/>
    </row>
    <row r="311314" spans="8:8">
      <c r="H311314" s="12"/>
    </row>
    <row r="311315" spans="8:8">
      <c r="H311315" s="12"/>
    </row>
    <row r="311316" spans="8:8">
      <c r="H311316" s="12"/>
    </row>
    <row r="311317" spans="8:8">
      <c r="H311317" s="12"/>
    </row>
    <row r="311318" spans="8:8">
      <c r="H311318" s="12"/>
    </row>
    <row r="311319" spans="8:8">
      <c r="H311319" s="12"/>
    </row>
    <row r="311320" spans="8:8">
      <c r="H311320" s="12"/>
    </row>
    <row r="311321" spans="8:8">
      <c r="H311321" s="12"/>
    </row>
    <row r="311322" spans="8:8">
      <c r="H311322" s="12"/>
    </row>
    <row r="311323" spans="8:8">
      <c r="H311323" s="12"/>
    </row>
    <row r="311324" spans="8:8">
      <c r="H311324" s="12"/>
    </row>
    <row r="311325" spans="8:8">
      <c r="H311325" s="12"/>
    </row>
    <row r="311326" spans="8:8">
      <c r="H311326" s="12"/>
    </row>
    <row r="311327" spans="8:8">
      <c r="H311327" s="12"/>
    </row>
    <row r="311328" spans="8:8">
      <c r="H311328" s="12"/>
    </row>
    <row r="311329" spans="8:8">
      <c r="H311329" s="12"/>
    </row>
    <row r="311330" spans="8:8">
      <c r="H311330" s="12"/>
    </row>
    <row r="311331" spans="8:8">
      <c r="H311331" s="12"/>
    </row>
    <row r="311332" spans="8:8">
      <c r="H311332" s="12"/>
    </row>
    <row r="311333" spans="8:8">
      <c r="H311333" s="12"/>
    </row>
    <row r="311334" spans="8:8">
      <c r="H311334" s="12"/>
    </row>
    <row r="311335" spans="8:8">
      <c r="H311335" s="12"/>
    </row>
    <row r="311336" spans="8:8">
      <c r="H311336" s="12"/>
    </row>
    <row r="311337" spans="8:8">
      <c r="H311337" s="12"/>
    </row>
    <row r="311338" spans="8:8">
      <c r="H311338" s="12"/>
    </row>
    <row r="311339" spans="8:8">
      <c r="H311339" s="12"/>
    </row>
    <row r="311340" spans="8:8">
      <c r="H311340" s="12"/>
    </row>
    <row r="311341" spans="8:8">
      <c r="H311341" s="12"/>
    </row>
    <row r="311342" spans="8:8">
      <c r="H311342" s="12"/>
    </row>
    <row r="311343" spans="8:8">
      <c r="H311343" s="12"/>
    </row>
    <row r="311344" spans="8:8">
      <c r="H311344" s="12"/>
    </row>
    <row r="311345" spans="8:8">
      <c r="H311345" s="12"/>
    </row>
    <row r="311346" spans="8:8">
      <c r="H311346" s="12"/>
    </row>
    <row r="311347" spans="8:8">
      <c r="H311347" s="12"/>
    </row>
    <row r="311348" spans="8:8">
      <c r="H311348" s="12"/>
    </row>
    <row r="311349" spans="8:8">
      <c r="H311349" s="12"/>
    </row>
    <row r="311350" spans="8:8">
      <c r="H311350" s="12"/>
    </row>
    <row r="311351" spans="8:8">
      <c r="H311351" s="12"/>
    </row>
    <row r="311352" spans="8:8">
      <c r="H311352" s="12"/>
    </row>
    <row r="311353" spans="8:8">
      <c r="H311353" s="12"/>
    </row>
    <row r="311354" spans="8:8">
      <c r="H311354" s="12"/>
    </row>
    <row r="311355" spans="8:8">
      <c r="H311355" s="12"/>
    </row>
    <row r="311356" spans="8:8">
      <c r="H311356" s="12"/>
    </row>
    <row r="311357" spans="8:8">
      <c r="H311357" s="12"/>
    </row>
    <row r="311358" spans="8:8">
      <c r="H311358" s="12"/>
    </row>
    <row r="311359" spans="8:8">
      <c r="H311359" s="12"/>
    </row>
    <row r="311360" spans="8:8">
      <c r="H311360" s="12"/>
    </row>
    <row r="311361" spans="8:8">
      <c r="H311361" s="12"/>
    </row>
    <row r="311362" spans="8:8">
      <c r="H311362" s="12"/>
    </row>
    <row r="311363" spans="8:8">
      <c r="H311363" s="12"/>
    </row>
    <row r="311364" spans="8:8">
      <c r="H311364" s="12"/>
    </row>
    <row r="311365" spans="8:8">
      <c r="H311365" s="12"/>
    </row>
    <row r="311366" spans="8:8">
      <c r="H311366" s="12"/>
    </row>
    <row r="311367" spans="8:8">
      <c r="H311367" s="12"/>
    </row>
    <row r="311368" spans="8:8">
      <c r="H311368" s="12"/>
    </row>
    <row r="311369" spans="8:8">
      <c r="H311369" s="12"/>
    </row>
    <row r="311370" spans="8:8">
      <c r="H311370" s="12"/>
    </row>
    <row r="311371" spans="8:8">
      <c r="H311371" s="12"/>
    </row>
    <row r="311372" spans="8:8">
      <c r="H311372" s="12"/>
    </row>
    <row r="311373" spans="8:8">
      <c r="H311373" s="12"/>
    </row>
    <row r="311374" spans="8:8">
      <c r="H311374" s="12"/>
    </row>
    <row r="311375" spans="8:8">
      <c r="H311375" s="12"/>
    </row>
    <row r="311376" spans="8:8">
      <c r="H311376" s="12"/>
    </row>
    <row r="311377" spans="8:8">
      <c r="H311377" s="12"/>
    </row>
    <row r="311378" spans="8:8">
      <c r="H311378" s="12"/>
    </row>
    <row r="311379" spans="8:8">
      <c r="H311379" s="12"/>
    </row>
    <row r="311380" spans="8:8">
      <c r="H311380" s="12"/>
    </row>
    <row r="311381" spans="8:8">
      <c r="H311381" s="12"/>
    </row>
    <row r="311382" spans="8:8">
      <c r="H311382" s="12"/>
    </row>
    <row r="311383" spans="8:8">
      <c r="H311383" s="12"/>
    </row>
    <row r="311384" spans="8:8">
      <c r="H311384" s="12"/>
    </row>
    <row r="311385" spans="8:8">
      <c r="H311385" s="12"/>
    </row>
    <row r="311386" spans="8:8">
      <c r="H311386" s="12"/>
    </row>
    <row r="311387" spans="8:8">
      <c r="H311387" s="12"/>
    </row>
    <row r="311388" spans="8:8">
      <c r="H311388" s="12"/>
    </row>
    <row r="311389" spans="8:8">
      <c r="H311389" s="12"/>
    </row>
    <row r="311390" spans="8:8">
      <c r="H311390" s="12"/>
    </row>
    <row r="311391" spans="8:8">
      <c r="H311391" s="12"/>
    </row>
    <row r="311392" spans="8:8">
      <c r="H311392" s="12"/>
    </row>
    <row r="311393" spans="8:8">
      <c r="H311393" s="12"/>
    </row>
    <row r="311394" spans="8:8">
      <c r="H311394" s="12"/>
    </row>
    <row r="311395" spans="8:8">
      <c r="H311395" s="12"/>
    </row>
    <row r="311396" spans="8:8">
      <c r="H311396" s="12"/>
    </row>
    <row r="311397" spans="8:8">
      <c r="H311397" s="12"/>
    </row>
    <row r="311398" spans="8:8">
      <c r="H311398" s="12"/>
    </row>
    <row r="311399" spans="8:8">
      <c r="H311399" s="12"/>
    </row>
    <row r="311400" spans="8:8">
      <c r="H311400" s="12"/>
    </row>
    <row r="311401" spans="8:8">
      <c r="H311401" s="12"/>
    </row>
    <row r="311402" spans="8:8">
      <c r="H311402" s="12"/>
    </row>
    <row r="311403" spans="8:8">
      <c r="H311403" s="12"/>
    </row>
    <row r="311404" spans="8:8">
      <c r="H311404" s="12"/>
    </row>
    <row r="311405" spans="8:8">
      <c r="H311405" s="12"/>
    </row>
    <row r="311406" spans="8:8">
      <c r="H311406" s="12"/>
    </row>
    <row r="311407" spans="8:8">
      <c r="H311407" s="12"/>
    </row>
    <row r="311408" spans="8:8">
      <c r="H311408" s="12"/>
    </row>
    <row r="311409" spans="8:8">
      <c r="H311409" s="12"/>
    </row>
    <row r="311410" spans="8:8">
      <c r="H311410" s="12"/>
    </row>
    <row r="311411" spans="8:8">
      <c r="H311411" s="12"/>
    </row>
    <row r="311412" spans="8:8">
      <c r="H311412" s="12"/>
    </row>
    <row r="311413" spans="8:8">
      <c r="H311413" s="12"/>
    </row>
    <row r="311414" spans="8:8">
      <c r="H311414" s="12"/>
    </row>
    <row r="311415" spans="8:8">
      <c r="H311415" s="12"/>
    </row>
    <row r="311416" spans="8:8">
      <c r="H311416" s="12"/>
    </row>
    <row r="311417" spans="8:8">
      <c r="H311417" s="12"/>
    </row>
    <row r="311418" spans="8:8">
      <c r="H311418" s="12"/>
    </row>
    <row r="311419" spans="8:8">
      <c r="H311419" s="12"/>
    </row>
    <row r="311420" spans="8:8">
      <c r="H311420" s="12"/>
    </row>
    <row r="311421" spans="8:8">
      <c r="H311421" s="12"/>
    </row>
    <row r="311422" spans="8:8">
      <c r="H311422" s="12"/>
    </row>
    <row r="311423" spans="8:8">
      <c r="H311423" s="12"/>
    </row>
    <row r="311424" spans="8:8">
      <c r="H311424" s="12"/>
    </row>
    <row r="311425" spans="8:8">
      <c r="H311425" s="12"/>
    </row>
    <row r="311426" spans="8:8">
      <c r="H311426" s="12"/>
    </row>
    <row r="311427" spans="8:8">
      <c r="H311427" s="12"/>
    </row>
    <row r="311428" spans="8:8">
      <c r="H311428" s="12"/>
    </row>
    <row r="311429" spans="8:8">
      <c r="H311429" s="12"/>
    </row>
    <row r="311430" spans="8:8">
      <c r="H311430" s="12"/>
    </row>
    <row r="311431" spans="8:8">
      <c r="H311431" s="12"/>
    </row>
    <row r="311432" spans="8:8">
      <c r="H311432" s="12"/>
    </row>
    <row r="311433" spans="8:8">
      <c r="H311433" s="12"/>
    </row>
    <row r="311434" spans="8:8">
      <c r="H311434" s="12"/>
    </row>
    <row r="311435" spans="8:8">
      <c r="H311435" s="12"/>
    </row>
    <row r="311436" spans="8:8">
      <c r="H311436" s="12"/>
    </row>
    <row r="311437" spans="8:8">
      <c r="H311437" s="12"/>
    </row>
    <row r="311438" spans="8:8">
      <c r="H311438" s="12"/>
    </row>
    <row r="311439" spans="8:8">
      <c r="H311439" s="12"/>
    </row>
    <row r="311440" spans="8:8">
      <c r="H311440" s="12"/>
    </row>
    <row r="311441" spans="8:8">
      <c r="H311441" s="12"/>
    </row>
    <row r="311442" spans="8:8">
      <c r="H311442" s="12"/>
    </row>
    <row r="311443" spans="8:8">
      <c r="H311443" s="12"/>
    </row>
    <row r="311444" spans="8:8">
      <c r="H311444" s="12"/>
    </row>
    <row r="311445" spans="8:8">
      <c r="H311445" s="12"/>
    </row>
    <row r="311446" spans="8:8">
      <c r="H311446" s="12"/>
    </row>
    <row r="311447" spans="8:8">
      <c r="H311447" s="12"/>
    </row>
    <row r="311448" spans="8:8">
      <c r="H311448" s="12"/>
    </row>
    <row r="311449" spans="8:8">
      <c r="H311449" s="12"/>
    </row>
    <row r="311450" spans="8:8">
      <c r="H311450" s="12"/>
    </row>
    <row r="311451" spans="8:8">
      <c r="H311451" s="12"/>
    </row>
    <row r="311452" spans="8:8">
      <c r="H311452" s="12"/>
    </row>
    <row r="311453" spans="8:8">
      <c r="H311453" s="12"/>
    </row>
    <row r="311454" spans="8:8">
      <c r="H311454" s="12"/>
    </row>
    <row r="311455" spans="8:8">
      <c r="H311455" s="12"/>
    </row>
    <row r="311456" spans="8:8">
      <c r="H311456" s="12"/>
    </row>
    <row r="311457" spans="8:8">
      <c r="H311457" s="12"/>
    </row>
    <row r="311458" spans="8:8">
      <c r="H311458" s="12"/>
    </row>
    <row r="311459" spans="8:8">
      <c r="H311459" s="12"/>
    </row>
    <row r="311460" spans="8:8">
      <c r="H311460" s="12"/>
    </row>
    <row r="311461" spans="8:8">
      <c r="H311461" s="12"/>
    </row>
    <row r="311462" spans="8:8">
      <c r="H311462" s="12"/>
    </row>
    <row r="311463" spans="8:8">
      <c r="H311463" s="12"/>
    </row>
    <row r="311464" spans="8:8">
      <c r="H311464" s="12"/>
    </row>
    <row r="311465" spans="8:8">
      <c r="H311465" s="12"/>
    </row>
    <row r="311466" spans="8:8">
      <c r="H311466" s="12"/>
    </row>
    <row r="311467" spans="8:8">
      <c r="H311467" s="12"/>
    </row>
    <row r="311468" spans="8:8">
      <c r="H311468" s="12"/>
    </row>
    <row r="311469" spans="8:8">
      <c r="H311469" s="12"/>
    </row>
    <row r="311470" spans="8:8">
      <c r="H311470" s="12"/>
    </row>
    <row r="311471" spans="8:8">
      <c r="H311471" s="12"/>
    </row>
    <row r="311472" spans="8:8">
      <c r="H311472" s="12"/>
    </row>
    <row r="311473" spans="8:8">
      <c r="H311473" s="12"/>
    </row>
    <row r="311474" spans="8:8">
      <c r="H311474" s="12"/>
    </row>
    <row r="311475" spans="8:8">
      <c r="H311475" s="12"/>
    </row>
    <row r="311476" spans="8:8">
      <c r="H311476" s="12"/>
    </row>
    <row r="311477" spans="8:8">
      <c r="H311477" s="12"/>
    </row>
    <row r="311478" spans="8:8">
      <c r="H311478" s="12"/>
    </row>
    <row r="311479" spans="8:8">
      <c r="H311479" s="12"/>
    </row>
    <row r="311480" spans="8:8">
      <c r="H311480" s="12"/>
    </row>
    <row r="311481" spans="8:8">
      <c r="H311481" s="12"/>
    </row>
    <row r="311482" spans="8:8">
      <c r="H311482" s="12"/>
    </row>
    <row r="311483" spans="8:8">
      <c r="H311483" s="12"/>
    </row>
    <row r="311484" spans="8:8">
      <c r="H311484" s="12"/>
    </row>
    <row r="311485" spans="8:8">
      <c r="H311485" s="12"/>
    </row>
    <row r="311486" spans="8:8">
      <c r="H311486" s="12"/>
    </row>
    <row r="311487" spans="8:8">
      <c r="H311487" s="12"/>
    </row>
    <row r="311488" spans="8:8">
      <c r="H311488" s="12"/>
    </row>
    <row r="311489" spans="8:8">
      <c r="H311489" s="12"/>
    </row>
    <row r="311490" spans="8:8">
      <c r="H311490" s="12"/>
    </row>
    <row r="311491" spans="8:8">
      <c r="H311491" s="12"/>
    </row>
    <row r="311492" spans="8:8">
      <c r="H311492" s="12"/>
    </row>
    <row r="311493" spans="8:8">
      <c r="H311493" s="12"/>
    </row>
    <row r="311494" spans="8:8">
      <c r="H311494" s="12"/>
    </row>
    <row r="311495" spans="8:8">
      <c r="H311495" s="12"/>
    </row>
    <row r="311496" spans="8:8">
      <c r="H311496" s="12"/>
    </row>
    <row r="311497" spans="8:8">
      <c r="H311497" s="12"/>
    </row>
    <row r="311498" spans="8:8">
      <c r="H311498" s="12"/>
    </row>
    <row r="311499" spans="8:8">
      <c r="H311499" s="12"/>
    </row>
    <row r="311500" spans="8:8">
      <c r="H311500" s="12"/>
    </row>
    <row r="311501" spans="8:8">
      <c r="H311501" s="12"/>
    </row>
    <row r="311502" spans="8:8">
      <c r="H311502" s="12"/>
    </row>
    <row r="311503" spans="8:8">
      <c r="H311503" s="12"/>
    </row>
    <row r="311504" spans="8:8">
      <c r="H311504" s="12"/>
    </row>
    <row r="311505" spans="8:8">
      <c r="H311505" s="12"/>
    </row>
    <row r="311506" spans="8:8">
      <c r="H311506" s="12"/>
    </row>
    <row r="311507" spans="8:8">
      <c r="H311507" s="12"/>
    </row>
    <row r="311508" spans="8:8">
      <c r="H311508" s="12"/>
    </row>
    <row r="311509" spans="8:8">
      <c r="H311509" s="12"/>
    </row>
    <row r="311510" spans="8:8">
      <c r="H311510" s="12"/>
    </row>
    <row r="311511" spans="8:8">
      <c r="H311511" s="12"/>
    </row>
    <row r="311512" spans="8:8">
      <c r="H311512" s="12"/>
    </row>
    <row r="311513" spans="8:8">
      <c r="H311513" s="12"/>
    </row>
    <row r="311514" spans="8:8">
      <c r="H311514" s="12"/>
    </row>
    <row r="311515" spans="8:8">
      <c r="H311515" s="12"/>
    </row>
    <row r="311516" spans="8:8">
      <c r="H311516" s="12"/>
    </row>
    <row r="311517" spans="8:8">
      <c r="H311517" s="12"/>
    </row>
    <row r="311518" spans="8:8">
      <c r="H311518" s="12"/>
    </row>
    <row r="311519" spans="8:8">
      <c r="H311519" s="12"/>
    </row>
    <row r="311520" spans="8:8">
      <c r="H311520" s="12"/>
    </row>
    <row r="311521" spans="8:8">
      <c r="H311521" s="12"/>
    </row>
    <row r="311522" spans="8:8">
      <c r="H311522" s="12"/>
    </row>
    <row r="311523" spans="8:8">
      <c r="H311523" s="12"/>
    </row>
    <row r="311524" spans="8:8">
      <c r="H311524" s="12"/>
    </row>
    <row r="311525" spans="8:8">
      <c r="H311525" s="12"/>
    </row>
    <row r="311526" spans="8:8">
      <c r="H311526" s="12"/>
    </row>
    <row r="311527" spans="8:8">
      <c r="H311527" s="12"/>
    </row>
    <row r="311528" spans="8:8">
      <c r="H311528" s="12"/>
    </row>
    <row r="311529" spans="8:8">
      <c r="H311529" s="12"/>
    </row>
    <row r="311530" spans="8:8">
      <c r="H311530" s="12"/>
    </row>
    <row r="311531" spans="8:8">
      <c r="H311531" s="12"/>
    </row>
    <row r="311532" spans="8:8">
      <c r="H311532" s="12"/>
    </row>
    <row r="311533" spans="8:8">
      <c r="H311533" s="12"/>
    </row>
    <row r="311534" spans="8:8">
      <c r="H311534" s="12"/>
    </row>
    <row r="311535" spans="8:8">
      <c r="H311535" s="12"/>
    </row>
    <row r="311536" spans="8:8">
      <c r="H311536" s="12"/>
    </row>
    <row r="311537" spans="8:8">
      <c r="H311537" s="12"/>
    </row>
    <row r="311538" spans="8:8">
      <c r="H311538" s="12"/>
    </row>
    <row r="311539" spans="8:8">
      <c r="H311539" s="12"/>
    </row>
    <row r="311540" spans="8:8">
      <c r="H311540" s="12"/>
    </row>
    <row r="311541" spans="8:8">
      <c r="H311541" s="12"/>
    </row>
    <row r="311542" spans="8:8">
      <c r="H311542" s="12"/>
    </row>
    <row r="311543" spans="8:8">
      <c r="H311543" s="12"/>
    </row>
    <row r="311544" spans="8:8">
      <c r="H311544" s="12"/>
    </row>
    <row r="311545" spans="8:8">
      <c r="H311545" s="12"/>
    </row>
    <row r="311546" spans="8:8">
      <c r="H311546" s="12"/>
    </row>
    <row r="311547" spans="8:8">
      <c r="H311547" s="12"/>
    </row>
    <row r="311548" spans="8:8">
      <c r="H311548" s="12"/>
    </row>
    <row r="311549" spans="8:8">
      <c r="H311549" s="12"/>
    </row>
    <row r="311550" spans="8:8">
      <c r="H311550" s="12"/>
    </row>
    <row r="311551" spans="8:8">
      <c r="H311551" s="12"/>
    </row>
    <row r="311552" spans="8:8">
      <c r="H311552" s="12"/>
    </row>
    <row r="311553" spans="8:8">
      <c r="H311553" s="12"/>
    </row>
    <row r="311554" spans="8:8">
      <c r="H311554" s="12"/>
    </row>
    <row r="311555" spans="8:8">
      <c r="H311555" s="12"/>
    </row>
    <row r="311556" spans="8:8">
      <c r="H311556" s="12"/>
    </row>
    <row r="311557" spans="8:8">
      <c r="H311557" s="12"/>
    </row>
    <row r="311558" spans="8:8">
      <c r="H311558" s="12"/>
    </row>
    <row r="311559" spans="8:8">
      <c r="H311559" s="12"/>
    </row>
    <row r="311560" spans="8:8">
      <c r="H311560" s="12"/>
    </row>
    <row r="311561" spans="8:8">
      <c r="H311561" s="12"/>
    </row>
    <row r="311562" spans="8:8">
      <c r="H311562" s="12"/>
    </row>
    <row r="311563" spans="8:8">
      <c r="H311563" s="12"/>
    </row>
    <row r="311564" spans="8:8">
      <c r="H311564" s="12"/>
    </row>
    <row r="311565" spans="8:8">
      <c r="H311565" s="12"/>
    </row>
    <row r="311566" spans="8:8">
      <c r="H311566" s="12"/>
    </row>
    <row r="311567" spans="8:8">
      <c r="H311567" s="12"/>
    </row>
    <row r="311568" spans="8:8">
      <c r="H311568" s="12"/>
    </row>
    <row r="311569" spans="8:8">
      <c r="H311569" s="12"/>
    </row>
    <row r="311570" spans="8:8">
      <c r="H311570" s="12"/>
    </row>
    <row r="311571" spans="8:8">
      <c r="H311571" s="12"/>
    </row>
    <row r="311572" spans="8:8">
      <c r="H311572" s="12"/>
    </row>
    <row r="311573" spans="8:8">
      <c r="H311573" s="12"/>
    </row>
    <row r="311574" spans="8:8">
      <c r="H311574" s="12"/>
    </row>
    <row r="311575" spans="8:8">
      <c r="H311575" s="12"/>
    </row>
    <row r="311576" spans="8:8">
      <c r="H311576" s="12"/>
    </row>
    <row r="311577" spans="8:8">
      <c r="H311577" s="12"/>
    </row>
    <row r="311578" spans="8:8">
      <c r="H311578" s="12"/>
    </row>
    <row r="311579" spans="8:8">
      <c r="H311579" s="12"/>
    </row>
    <row r="311580" spans="8:8">
      <c r="H311580" s="12"/>
    </row>
    <row r="311581" spans="8:8">
      <c r="H311581" s="12"/>
    </row>
    <row r="311582" spans="8:8">
      <c r="H311582" s="12"/>
    </row>
    <row r="311583" spans="8:8">
      <c r="H311583" s="12"/>
    </row>
    <row r="311584" spans="8:8">
      <c r="H311584" s="12"/>
    </row>
    <row r="311585" spans="8:8">
      <c r="H311585" s="12"/>
    </row>
    <row r="311586" spans="8:8">
      <c r="H311586" s="12"/>
    </row>
    <row r="311587" spans="8:8">
      <c r="H311587" s="12"/>
    </row>
    <row r="311588" spans="8:8">
      <c r="H311588" s="12"/>
    </row>
    <row r="311589" spans="8:8">
      <c r="H311589" s="12"/>
    </row>
    <row r="311590" spans="8:8">
      <c r="H311590" s="12"/>
    </row>
    <row r="311591" spans="8:8">
      <c r="H311591" s="12"/>
    </row>
    <row r="311592" spans="8:8">
      <c r="H311592" s="12"/>
    </row>
    <row r="311593" spans="8:8">
      <c r="H311593" s="12"/>
    </row>
    <row r="311594" spans="8:8">
      <c r="H311594" s="12"/>
    </row>
    <row r="311595" spans="8:8">
      <c r="H311595" s="12"/>
    </row>
    <row r="311596" spans="8:8">
      <c r="H311596" s="12"/>
    </row>
    <row r="311597" spans="8:8">
      <c r="H311597" s="12"/>
    </row>
    <row r="311598" spans="8:8">
      <c r="H311598" s="12"/>
    </row>
    <row r="311599" spans="8:8">
      <c r="H311599" s="12"/>
    </row>
    <row r="311600" spans="8:8">
      <c r="H311600" s="12"/>
    </row>
    <row r="311601" spans="8:8">
      <c r="H311601" s="12"/>
    </row>
    <row r="311602" spans="8:8">
      <c r="H311602" s="12"/>
    </row>
    <row r="311603" spans="8:8">
      <c r="H311603" s="12"/>
    </row>
    <row r="311604" spans="8:8">
      <c r="H311604" s="12"/>
    </row>
    <row r="311605" spans="8:8">
      <c r="H311605" s="12"/>
    </row>
    <row r="311606" spans="8:8">
      <c r="H311606" s="12"/>
    </row>
    <row r="311607" spans="8:8">
      <c r="H311607" s="12"/>
    </row>
    <row r="311608" spans="8:8">
      <c r="H311608" s="12"/>
    </row>
    <row r="311609" spans="8:8">
      <c r="H311609" s="12"/>
    </row>
    <row r="311610" spans="8:8">
      <c r="H311610" s="12"/>
    </row>
    <row r="311611" spans="8:8">
      <c r="H311611" s="12"/>
    </row>
    <row r="311612" spans="8:8">
      <c r="H311612" s="12"/>
    </row>
    <row r="311613" spans="8:8">
      <c r="H311613" s="12"/>
    </row>
    <row r="311614" spans="8:8">
      <c r="H311614" s="12"/>
    </row>
    <row r="311615" spans="8:8">
      <c r="H311615" s="12"/>
    </row>
    <row r="311616" spans="8:8">
      <c r="H311616" s="12"/>
    </row>
    <row r="311617" spans="8:8">
      <c r="H311617" s="12"/>
    </row>
    <row r="311618" spans="8:8">
      <c r="H311618" s="12"/>
    </row>
    <row r="311619" spans="8:8">
      <c r="H311619" s="12"/>
    </row>
    <row r="311620" spans="8:8">
      <c r="H311620" s="12"/>
    </row>
    <row r="311621" spans="8:8">
      <c r="H311621" s="12"/>
    </row>
    <row r="311622" spans="8:8">
      <c r="H311622" s="12"/>
    </row>
    <row r="311623" spans="8:8">
      <c r="H311623" s="12"/>
    </row>
    <row r="311624" spans="8:8">
      <c r="H311624" s="12"/>
    </row>
    <row r="311625" spans="8:8">
      <c r="H311625" s="12"/>
    </row>
    <row r="311626" spans="8:8">
      <c r="H311626" s="12"/>
    </row>
    <row r="311627" spans="8:8">
      <c r="H311627" s="12"/>
    </row>
    <row r="311628" spans="8:8">
      <c r="H311628" s="12"/>
    </row>
    <row r="311629" spans="8:8">
      <c r="H311629" s="12"/>
    </row>
    <row r="311630" spans="8:8">
      <c r="H311630" s="12"/>
    </row>
    <row r="311631" spans="8:8">
      <c r="H311631" s="12"/>
    </row>
    <row r="311632" spans="8:8">
      <c r="H311632" s="12"/>
    </row>
    <row r="311633" spans="8:8">
      <c r="H311633" s="12"/>
    </row>
    <row r="311634" spans="8:8">
      <c r="H311634" s="12"/>
    </row>
    <row r="311635" spans="8:8">
      <c r="H311635" s="12"/>
    </row>
    <row r="311636" spans="8:8">
      <c r="H311636" s="12"/>
    </row>
    <row r="311637" spans="8:8">
      <c r="H311637" s="12"/>
    </row>
    <row r="311638" spans="8:8">
      <c r="H311638" s="12"/>
    </row>
    <row r="311639" spans="8:8">
      <c r="H311639" s="12"/>
    </row>
    <row r="311640" spans="8:8">
      <c r="H311640" s="12"/>
    </row>
    <row r="311641" spans="8:8">
      <c r="H311641" s="12"/>
    </row>
    <row r="311642" spans="8:8">
      <c r="H311642" s="12"/>
    </row>
    <row r="311643" spans="8:8">
      <c r="H311643" s="12"/>
    </row>
    <row r="311644" spans="8:8">
      <c r="H311644" s="12"/>
    </row>
    <row r="311645" spans="8:8">
      <c r="H311645" s="12"/>
    </row>
    <row r="311646" spans="8:8">
      <c r="H311646" s="12"/>
    </row>
    <row r="311647" spans="8:8">
      <c r="H311647" s="12"/>
    </row>
    <row r="311648" spans="8:8">
      <c r="H311648" s="12"/>
    </row>
    <row r="311649" spans="8:8">
      <c r="H311649" s="12"/>
    </row>
    <row r="311650" spans="8:8">
      <c r="H311650" s="12"/>
    </row>
    <row r="311651" spans="8:8">
      <c r="H311651" s="12"/>
    </row>
    <row r="311652" spans="8:8">
      <c r="H311652" s="12"/>
    </row>
    <row r="311653" spans="8:8">
      <c r="H311653" s="12"/>
    </row>
    <row r="311654" spans="8:8">
      <c r="H311654" s="12"/>
    </row>
    <row r="311655" spans="8:8">
      <c r="H311655" s="12"/>
    </row>
    <row r="311656" spans="8:8">
      <c r="H311656" s="12"/>
    </row>
    <row r="311657" spans="8:8">
      <c r="H311657" s="12"/>
    </row>
    <row r="311658" spans="8:8">
      <c r="H311658" s="12"/>
    </row>
    <row r="311659" spans="8:8">
      <c r="H311659" s="12"/>
    </row>
    <row r="311660" spans="8:8">
      <c r="H311660" s="12"/>
    </row>
    <row r="311661" spans="8:8">
      <c r="H311661" s="12"/>
    </row>
    <row r="311662" spans="8:8">
      <c r="H311662" s="12"/>
    </row>
    <row r="311663" spans="8:8">
      <c r="H311663" s="12"/>
    </row>
    <row r="311664" spans="8:8">
      <c r="H311664" s="12"/>
    </row>
    <row r="311665" spans="8:8">
      <c r="H311665" s="12"/>
    </row>
    <row r="311666" spans="8:8">
      <c r="H311666" s="12"/>
    </row>
    <row r="311667" spans="8:8">
      <c r="H311667" s="12"/>
    </row>
    <row r="311668" spans="8:8">
      <c r="H311668" s="12"/>
    </row>
    <row r="311669" spans="8:8">
      <c r="H311669" s="12"/>
    </row>
    <row r="311670" spans="8:8">
      <c r="H311670" s="12"/>
    </row>
    <row r="311671" spans="8:8">
      <c r="H311671" s="12"/>
    </row>
    <row r="311672" spans="8:8">
      <c r="H311672" s="12"/>
    </row>
    <row r="311673" spans="8:8">
      <c r="H311673" s="12"/>
    </row>
    <row r="311674" spans="8:8">
      <c r="H311674" s="12"/>
    </row>
    <row r="311675" spans="8:8">
      <c r="H311675" s="12"/>
    </row>
    <row r="311676" spans="8:8">
      <c r="H311676" s="12"/>
    </row>
    <row r="311677" spans="8:8">
      <c r="H311677" s="12"/>
    </row>
    <row r="311678" spans="8:8">
      <c r="H311678" s="12"/>
    </row>
    <row r="311679" spans="8:8">
      <c r="H311679" s="12"/>
    </row>
    <row r="311680" spans="8:8">
      <c r="H311680" s="12"/>
    </row>
    <row r="311681" spans="8:8">
      <c r="H311681" s="12"/>
    </row>
    <row r="311682" spans="8:8">
      <c r="H311682" s="12"/>
    </row>
    <row r="311683" spans="8:8">
      <c r="H311683" s="12"/>
    </row>
    <row r="311684" spans="8:8">
      <c r="H311684" s="12"/>
    </row>
    <row r="311685" spans="8:8">
      <c r="H311685" s="12"/>
    </row>
    <row r="311686" spans="8:8">
      <c r="H311686" s="12"/>
    </row>
    <row r="311687" spans="8:8">
      <c r="H311687" s="12"/>
    </row>
    <row r="311688" spans="8:8">
      <c r="H311688" s="12"/>
    </row>
    <row r="311689" spans="8:8">
      <c r="H311689" s="12"/>
    </row>
    <row r="311690" spans="8:8">
      <c r="H311690" s="12"/>
    </row>
    <row r="311691" spans="8:8">
      <c r="H311691" s="12"/>
    </row>
    <row r="311692" spans="8:8">
      <c r="H311692" s="12"/>
    </row>
    <row r="311693" spans="8:8">
      <c r="H311693" s="12"/>
    </row>
    <row r="311694" spans="8:8">
      <c r="H311694" s="12"/>
    </row>
    <row r="311695" spans="8:8">
      <c r="H311695" s="12"/>
    </row>
    <row r="311696" spans="8:8">
      <c r="H311696" s="12"/>
    </row>
    <row r="311697" spans="8:8">
      <c r="H311697" s="12"/>
    </row>
    <row r="311698" spans="8:8">
      <c r="H311698" s="12"/>
    </row>
    <row r="311699" spans="8:8">
      <c r="H311699" s="12"/>
    </row>
    <row r="311700" spans="8:8">
      <c r="H311700" s="12"/>
    </row>
    <row r="311701" spans="8:8">
      <c r="H311701" s="12"/>
    </row>
    <row r="311702" spans="8:8">
      <c r="H311702" s="12"/>
    </row>
    <row r="311703" spans="8:8">
      <c r="H311703" s="12"/>
    </row>
    <row r="311704" spans="8:8">
      <c r="H311704" s="12"/>
    </row>
    <row r="311705" spans="8:8">
      <c r="H311705" s="12"/>
    </row>
    <row r="311706" spans="8:8">
      <c r="H311706" s="12"/>
    </row>
    <row r="311707" spans="8:8">
      <c r="H311707" s="12"/>
    </row>
    <row r="311708" spans="8:8">
      <c r="H311708" s="12"/>
    </row>
    <row r="311709" spans="8:8">
      <c r="H311709" s="12"/>
    </row>
    <row r="311710" spans="8:8">
      <c r="H311710" s="12"/>
    </row>
    <row r="311711" spans="8:8">
      <c r="H311711" s="12"/>
    </row>
    <row r="311712" spans="8:8">
      <c r="H311712" s="12"/>
    </row>
    <row r="311713" spans="8:8">
      <c r="H311713" s="12"/>
    </row>
    <row r="311714" spans="8:8">
      <c r="H311714" s="12"/>
    </row>
    <row r="311715" spans="8:8">
      <c r="H311715" s="12"/>
    </row>
    <row r="311716" spans="8:8">
      <c r="H311716" s="12"/>
    </row>
    <row r="311717" spans="8:8">
      <c r="H311717" s="12"/>
    </row>
    <row r="311718" spans="8:8">
      <c r="H311718" s="12"/>
    </row>
    <row r="311719" spans="8:8">
      <c r="H311719" s="12"/>
    </row>
    <row r="311720" spans="8:8">
      <c r="H311720" s="12"/>
    </row>
    <row r="311721" spans="8:8">
      <c r="H311721" s="12"/>
    </row>
    <row r="311722" spans="8:8">
      <c r="H311722" s="12"/>
    </row>
    <row r="311723" spans="8:8">
      <c r="H311723" s="12"/>
    </row>
    <row r="311724" spans="8:8">
      <c r="H311724" s="12"/>
    </row>
    <row r="311725" spans="8:8">
      <c r="H311725" s="12"/>
    </row>
    <row r="311726" spans="8:8">
      <c r="H311726" s="12"/>
    </row>
    <row r="311727" spans="8:8">
      <c r="H311727" s="12"/>
    </row>
    <row r="311728" spans="8:8">
      <c r="H311728" s="12"/>
    </row>
    <row r="311729" spans="8:8">
      <c r="H311729" s="12"/>
    </row>
    <row r="311730" spans="8:8">
      <c r="H311730" s="12"/>
    </row>
    <row r="311731" spans="8:8">
      <c r="H311731" s="12"/>
    </row>
    <row r="311732" spans="8:8">
      <c r="H311732" s="12"/>
    </row>
    <row r="311733" spans="8:8">
      <c r="H311733" s="12"/>
    </row>
    <row r="311734" spans="8:8">
      <c r="H311734" s="12"/>
    </row>
    <row r="311735" spans="8:8">
      <c r="H311735" s="12"/>
    </row>
    <row r="311736" spans="8:8">
      <c r="H311736" s="12"/>
    </row>
    <row r="311737" spans="8:8">
      <c r="H311737" s="12"/>
    </row>
    <row r="311738" spans="8:8">
      <c r="H311738" s="12"/>
    </row>
    <row r="311739" spans="8:8">
      <c r="H311739" s="12"/>
    </row>
    <row r="311740" spans="8:8">
      <c r="H311740" s="12"/>
    </row>
    <row r="311741" spans="8:8">
      <c r="H311741" s="12"/>
    </row>
    <row r="311742" spans="8:8">
      <c r="H311742" s="12"/>
    </row>
    <row r="311743" spans="8:8">
      <c r="H311743" s="12"/>
    </row>
    <row r="311744" spans="8:8">
      <c r="H311744" s="12"/>
    </row>
    <row r="311745" spans="8:8">
      <c r="H311745" s="12"/>
    </row>
    <row r="311746" spans="8:8">
      <c r="H311746" s="12"/>
    </row>
    <row r="311747" spans="8:8">
      <c r="H311747" s="12"/>
    </row>
    <row r="311748" spans="8:8">
      <c r="H311748" s="12"/>
    </row>
    <row r="311749" spans="8:8">
      <c r="H311749" s="12"/>
    </row>
    <row r="311750" spans="8:8">
      <c r="H311750" s="12"/>
    </row>
    <row r="311751" spans="8:8">
      <c r="H311751" s="12"/>
    </row>
    <row r="311752" spans="8:8">
      <c r="H311752" s="12"/>
    </row>
    <row r="311753" spans="8:8">
      <c r="H311753" s="12"/>
    </row>
    <row r="311754" spans="8:8">
      <c r="H311754" s="12"/>
    </row>
    <row r="311755" spans="8:8">
      <c r="H311755" s="12"/>
    </row>
    <row r="311756" spans="8:8">
      <c r="H311756" s="12"/>
    </row>
    <row r="311757" spans="8:8">
      <c r="H311757" s="12"/>
    </row>
    <row r="311758" spans="8:8">
      <c r="H311758" s="12"/>
    </row>
    <row r="311759" spans="8:8">
      <c r="H311759" s="12"/>
    </row>
    <row r="311760" spans="8:8">
      <c r="H311760" s="12"/>
    </row>
    <row r="311761" spans="8:8">
      <c r="H311761" s="12"/>
    </row>
    <row r="311762" spans="8:8">
      <c r="H311762" s="12"/>
    </row>
    <row r="311763" spans="8:8">
      <c r="H311763" s="12"/>
    </row>
    <row r="311764" spans="8:8">
      <c r="H311764" s="12"/>
    </row>
    <row r="311765" spans="8:8">
      <c r="H311765" s="12"/>
    </row>
    <row r="311766" spans="8:8">
      <c r="H311766" s="12"/>
    </row>
    <row r="311767" spans="8:8">
      <c r="H311767" s="12"/>
    </row>
    <row r="311768" spans="8:8">
      <c r="H311768" s="12"/>
    </row>
    <row r="311769" spans="8:8">
      <c r="H311769" s="12"/>
    </row>
    <row r="311770" spans="8:8">
      <c r="H311770" s="12"/>
    </row>
    <row r="311771" spans="8:8">
      <c r="H311771" s="12"/>
    </row>
    <row r="311772" spans="8:8">
      <c r="H311772" s="12"/>
    </row>
    <row r="311773" spans="8:8">
      <c r="H311773" s="12"/>
    </row>
    <row r="311774" spans="8:8">
      <c r="H311774" s="12"/>
    </row>
    <row r="311775" spans="8:8">
      <c r="H311775" s="12"/>
    </row>
    <row r="311776" spans="8:8">
      <c r="H311776" s="12"/>
    </row>
    <row r="311777" spans="8:8">
      <c r="H311777" s="12"/>
    </row>
    <row r="311778" spans="8:8">
      <c r="H311778" s="12"/>
    </row>
    <row r="311779" spans="8:8">
      <c r="H311779" s="12"/>
    </row>
    <row r="311780" spans="8:8">
      <c r="H311780" s="12"/>
    </row>
    <row r="311781" spans="8:8">
      <c r="H311781" s="12"/>
    </row>
    <row r="311782" spans="8:8">
      <c r="H311782" s="12"/>
    </row>
    <row r="311783" spans="8:8">
      <c r="H311783" s="12"/>
    </row>
    <row r="311784" spans="8:8">
      <c r="H311784" s="12"/>
    </row>
    <row r="311785" spans="8:8">
      <c r="H311785" s="12"/>
    </row>
    <row r="311786" spans="8:8">
      <c r="H311786" s="12"/>
    </row>
    <row r="311787" spans="8:8">
      <c r="H311787" s="12"/>
    </row>
    <row r="311788" spans="8:8">
      <c r="H311788" s="12"/>
    </row>
    <row r="311789" spans="8:8">
      <c r="H311789" s="12"/>
    </row>
    <row r="311790" spans="8:8">
      <c r="H311790" s="12"/>
    </row>
    <row r="311791" spans="8:8">
      <c r="H311791" s="12"/>
    </row>
    <row r="311792" spans="8:8">
      <c r="H311792" s="12"/>
    </row>
    <row r="311793" spans="8:8">
      <c r="H311793" s="12"/>
    </row>
    <row r="311794" spans="8:8">
      <c r="H311794" s="12"/>
    </row>
    <row r="311795" spans="8:8">
      <c r="H311795" s="12"/>
    </row>
    <row r="311796" spans="8:8">
      <c r="H311796" s="12"/>
    </row>
    <row r="311797" spans="8:8">
      <c r="H311797" s="12"/>
    </row>
    <row r="311798" spans="8:8">
      <c r="H311798" s="12"/>
    </row>
    <row r="311799" spans="8:8">
      <c r="H311799" s="12"/>
    </row>
    <row r="311800" spans="8:8">
      <c r="H311800" s="12"/>
    </row>
    <row r="311801" spans="8:8">
      <c r="H311801" s="12"/>
    </row>
    <row r="311802" spans="8:8">
      <c r="H311802" s="12"/>
    </row>
    <row r="311803" spans="8:8">
      <c r="H311803" s="12"/>
    </row>
    <row r="311804" spans="8:8">
      <c r="H311804" s="12"/>
    </row>
    <row r="311805" spans="8:8">
      <c r="H311805" s="12"/>
    </row>
    <row r="311806" spans="8:8">
      <c r="H311806" s="12"/>
    </row>
    <row r="311807" spans="8:8">
      <c r="H311807" s="12"/>
    </row>
    <row r="311808" spans="8:8">
      <c r="H311808" s="12"/>
    </row>
    <row r="311809" spans="8:8">
      <c r="H311809" s="12"/>
    </row>
    <row r="311810" spans="8:8">
      <c r="H311810" s="12"/>
    </row>
    <row r="311811" spans="8:8">
      <c r="H311811" s="12"/>
    </row>
    <row r="311812" spans="8:8">
      <c r="H311812" s="12"/>
    </row>
    <row r="311813" spans="8:8">
      <c r="H311813" s="12"/>
    </row>
    <row r="311814" spans="8:8">
      <c r="H311814" s="12"/>
    </row>
    <row r="311815" spans="8:8">
      <c r="H311815" s="12"/>
    </row>
    <row r="311816" spans="8:8">
      <c r="H311816" s="12"/>
    </row>
    <row r="311817" spans="8:8">
      <c r="H311817" s="12"/>
    </row>
    <row r="311818" spans="8:8">
      <c r="H311818" s="12"/>
    </row>
    <row r="311819" spans="8:8">
      <c r="H311819" s="12"/>
    </row>
    <row r="311820" spans="8:8">
      <c r="H311820" s="12"/>
    </row>
    <row r="311821" spans="8:8">
      <c r="H311821" s="12"/>
    </row>
    <row r="311822" spans="8:8">
      <c r="H311822" s="12"/>
    </row>
    <row r="311823" spans="8:8">
      <c r="H311823" s="12"/>
    </row>
    <row r="311824" spans="8:8">
      <c r="H311824" s="12"/>
    </row>
    <row r="311825" spans="8:8">
      <c r="H311825" s="12"/>
    </row>
    <row r="311826" spans="8:8">
      <c r="H311826" s="12"/>
    </row>
    <row r="311827" spans="8:8">
      <c r="H311827" s="12"/>
    </row>
    <row r="311828" spans="8:8">
      <c r="H311828" s="12"/>
    </row>
    <row r="311829" spans="8:8">
      <c r="H311829" s="12"/>
    </row>
    <row r="311830" spans="8:8">
      <c r="H311830" s="12"/>
    </row>
    <row r="311831" spans="8:8">
      <c r="H311831" s="12"/>
    </row>
    <row r="311832" spans="8:8">
      <c r="H311832" s="12"/>
    </row>
    <row r="311833" spans="8:8">
      <c r="H311833" s="12"/>
    </row>
    <row r="311834" spans="8:8">
      <c r="H311834" s="12"/>
    </row>
    <row r="311835" spans="8:8">
      <c r="H311835" s="12"/>
    </row>
    <row r="311836" spans="8:8">
      <c r="H311836" s="12"/>
    </row>
    <row r="311837" spans="8:8">
      <c r="H311837" s="12"/>
    </row>
    <row r="311838" spans="8:8">
      <c r="H311838" s="12"/>
    </row>
    <row r="311839" spans="8:8">
      <c r="H311839" s="12"/>
    </row>
    <row r="311840" spans="8:8">
      <c r="H311840" s="12"/>
    </row>
    <row r="311841" spans="8:8">
      <c r="H311841" s="12"/>
    </row>
    <row r="311842" spans="8:8">
      <c r="H311842" s="12"/>
    </row>
    <row r="311843" spans="8:8">
      <c r="H311843" s="12"/>
    </row>
    <row r="311844" spans="8:8">
      <c r="H311844" s="12"/>
    </row>
    <row r="311845" spans="8:8">
      <c r="H311845" s="12"/>
    </row>
    <row r="311846" spans="8:8">
      <c r="H311846" s="12"/>
    </row>
    <row r="311847" spans="8:8">
      <c r="H311847" s="12"/>
    </row>
    <row r="311848" spans="8:8">
      <c r="H311848" s="12"/>
    </row>
    <row r="311849" spans="8:8">
      <c r="H311849" s="12"/>
    </row>
    <row r="311850" spans="8:8">
      <c r="H311850" s="12"/>
    </row>
    <row r="311851" spans="8:8">
      <c r="H311851" s="12"/>
    </row>
    <row r="311852" spans="8:8">
      <c r="H311852" s="12"/>
    </row>
    <row r="311853" spans="8:8">
      <c r="H311853" s="12"/>
    </row>
    <row r="311854" spans="8:8">
      <c r="H311854" s="12"/>
    </row>
    <row r="311855" spans="8:8">
      <c r="H311855" s="12"/>
    </row>
    <row r="311856" spans="8:8">
      <c r="H311856" s="12"/>
    </row>
    <row r="311857" spans="8:8">
      <c r="H311857" s="12"/>
    </row>
    <row r="311858" spans="8:8">
      <c r="H311858" s="12"/>
    </row>
    <row r="311859" spans="8:8">
      <c r="H311859" s="12"/>
    </row>
    <row r="311860" spans="8:8">
      <c r="H311860" s="12"/>
    </row>
    <row r="311861" spans="8:8">
      <c r="H311861" s="12"/>
    </row>
    <row r="311862" spans="8:8">
      <c r="H311862" s="12"/>
    </row>
    <row r="311863" spans="8:8">
      <c r="H311863" s="12"/>
    </row>
    <row r="311864" spans="8:8">
      <c r="H311864" s="12"/>
    </row>
    <row r="311865" spans="8:8">
      <c r="H311865" s="12"/>
    </row>
    <row r="311866" spans="8:8">
      <c r="H311866" s="12"/>
    </row>
    <row r="311867" spans="8:8">
      <c r="H311867" s="12"/>
    </row>
    <row r="311868" spans="8:8">
      <c r="H311868" s="12"/>
    </row>
    <row r="311869" spans="8:8">
      <c r="H311869" s="12"/>
    </row>
    <row r="311870" spans="8:8">
      <c r="H311870" s="12"/>
    </row>
    <row r="311871" spans="8:8">
      <c r="H311871" s="12"/>
    </row>
    <row r="311872" spans="8:8">
      <c r="H311872" s="12"/>
    </row>
    <row r="311873" spans="8:8">
      <c r="H311873" s="12"/>
    </row>
    <row r="311874" spans="8:8">
      <c r="H311874" s="12"/>
    </row>
    <row r="311875" spans="8:8">
      <c r="H311875" s="12"/>
    </row>
    <row r="311876" spans="8:8">
      <c r="H311876" s="12"/>
    </row>
    <row r="311877" spans="8:8">
      <c r="H311877" s="12"/>
    </row>
    <row r="311878" spans="8:8">
      <c r="H311878" s="12"/>
    </row>
    <row r="311879" spans="8:8">
      <c r="H311879" s="12"/>
    </row>
    <row r="311880" spans="8:8">
      <c r="H311880" s="12"/>
    </row>
    <row r="311881" spans="8:8">
      <c r="H311881" s="12"/>
    </row>
    <row r="311882" spans="8:8">
      <c r="H311882" s="12"/>
    </row>
    <row r="311883" spans="8:8">
      <c r="H311883" s="12"/>
    </row>
    <row r="311884" spans="8:8">
      <c r="H311884" s="12"/>
    </row>
    <row r="311885" spans="8:8">
      <c r="H311885" s="12"/>
    </row>
    <row r="311886" spans="8:8">
      <c r="H311886" s="12"/>
    </row>
    <row r="311887" spans="8:8">
      <c r="H311887" s="12"/>
    </row>
    <row r="311888" spans="8:8">
      <c r="H311888" s="12"/>
    </row>
    <row r="311889" spans="8:8">
      <c r="H311889" s="12"/>
    </row>
    <row r="311890" spans="8:8">
      <c r="H311890" s="12"/>
    </row>
    <row r="311891" spans="8:8">
      <c r="H311891" s="12"/>
    </row>
    <row r="311892" spans="8:8">
      <c r="H311892" s="12"/>
    </row>
    <row r="311893" spans="8:8">
      <c r="H311893" s="12"/>
    </row>
    <row r="311894" spans="8:8">
      <c r="H311894" s="12"/>
    </row>
    <row r="311895" spans="8:8">
      <c r="H311895" s="12"/>
    </row>
    <row r="311896" spans="8:8">
      <c r="H311896" s="12"/>
    </row>
    <row r="311897" spans="8:8">
      <c r="H311897" s="12"/>
    </row>
    <row r="311898" spans="8:8">
      <c r="H311898" s="12"/>
    </row>
    <row r="311899" spans="8:8">
      <c r="H311899" s="12"/>
    </row>
    <row r="311900" spans="8:8">
      <c r="H311900" s="12"/>
    </row>
    <row r="311901" spans="8:8">
      <c r="H311901" s="12"/>
    </row>
    <row r="311902" spans="8:8">
      <c r="H311902" s="12"/>
    </row>
    <row r="311903" spans="8:8">
      <c r="H311903" s="12"/>
    </row>
    <row r="311904" spans="8:8">
      <c r="H311904" s="12"/>
    </row>
    <row r="311905" spans="8:8">
      <c r="H311905" s="12"/>
    </row>
    <row r="311906" spans="8:8">
      <c r="H311906" s="12"/>
    </row>
    <row r="311907" spans="8:8">
      <c r="H311907" s="12"/>
    </row>
    <row r="311908" spans="8:8">
      <c r="H311908" s="12"/>
    </row>
    <row r="311909" spans="8:8">
      <c r="H311909" s="12"/>
    </row>
    <row r="311910" spans="8:8">
      <c r="H311910" s="12"/>
    </row>
    <row r="311911" spans="8:8">
      <c r="H311911" s="12"/>
    </row>
    <row r="311912" spans="8:8">
      <c r="H311912" s="12"/>
    </row>
    <row r="311913" spans="8:8">
      <c r="H311913" s="12"/>
    </row>
    <row r="311914" spans="8:8">
      <c r="H311914" s="12"/>
    </row>
    <row r="311915" spans="8:8">
      <c r="H311915" s="12"/>
    </row>
    <row r="311916" spans="8:8">
      <c r="H311916" s="12"/>
    </row>
    <row r="311917" spans="8:8">
      <c r="H311917" s="12"/>
    </row>
    <row r="311918" spans="8:8">
      <c r="H311918" s="12"/>
    </row>
    <row r="311919" spans="8:8">
      <c r="H311919" s="12"/>
    </row>
    <row r="311920" spans="8:8">
      <c r="H311920" s="12"/>
    </row>
    <row r="311921" spans="8:8">
      <c r="H311921" s="12"/>
    </row>
    <row r="311922" spans="8:8">
      <c r="H311922" s="12"/>
    </row>
    <row r="311923" spans="8:8">
      <c r="H311923" s="12"/>
    </row>
    <row r="311924" spans="8:8">
      <c r="H311924" s="12"/>
    </row>
    <row r="311925" spans="8:8">
      <c r="H311925" s="12"/>
    </row>
    <row r="311926" spans="8:8">
      <c r="H311926" s="12"/>
    </row>
    <row r="311927" spans="8:8">
      <c r="H311927" s="12"/>
    </row>
    <row r="311928" spans="8:8">
      <c r="H311928" s="12"/>
    </row>
    <row r="311929" spans="8:8">
      <c r="H311929" s="12"/>
    </row>
    <row r="311930" spans="8:8">
      <c r="H311930" s="12"/>
    </row>
    <row r="311931" spans="8:8">
      <c r="H311931" s="12"/>
    </row>
    <row r="311932" spans="8:8">
      <c r="H311932" s="12"/>
    </row>
    <row r="311933" spans="8:8">
      <c r="H311933" s="12"/>
    </row>
    <row r="311934" spans="8:8">
      <c r="H311934" s="12"/>
    </row>
    <row r="311935" spans="8:8">
      <c r="H311935" s="12"/>
    </row>
    <row r="311936" spans="8:8">
      <c r="H311936" s="12"/>
    </row>
    <row r="311937" spans="8:8">
      <c r="H311937" s="12"/>
    </row>
    <row r="311938" spans="8:8">
      <c r="H311938" s="12"/>
    </row>
    <row r="311939" spans="8:8">
      <c r="H311939" s="12"/>
    </row>
    <row r="311940" spans="8:8">
      <c r="H311940" s="12"/>
    </row>
    <row r="311941" spans="8:8">
      <c r="H311941" s="12"/>
    </row>
    <row r="311942" spans="8:8">
      <c r="H311942" s="12"/>
    </row>
    <row r="311943" spans="8:8">
      <c r="H311943" s="12"/>
    </row>
    <row r="311944" spans="8:8">
      <c r="H311944" s="12"/>
    </row>
    <row r="311945" spans="8:8">
      <c r="H311945" s="12"/>
    </row>
    <row r="311946" spans="8:8">
      <c r="H311946" s="12"/>
    </row>
    <row r="311947" spans="8:8">
      <c r="H311947" s="12"/>
    </row>
    <row r="311948" spans="8:8">
      <c r="H311948" s="12"/>
    </row>
    <row r="311949" spans="8:8">
      <c r="H311949" s="12"/>
    </row>
    <row r="311950" spans="8:8">
      <c r="H311950" s="12"/>
    </row>
    <row r="311951" spans="8:8">
      <c r="H311951" s="12"/>
    </row>
    <row r="311952" spans="8:8">
      <c r="H311952" s="12"/>
    </row>
    <row r="311953" spans="8:8">
      <c r="H311953" s="12"/>
    </row>
    <row r="311954" spans="8:8">
      <c r="H311954" s="12"/>
    </row>
    <row r="311955" spans="8:8">
      <c r="H311955" s="12"/>
    </row>
    <row r="311956" spans="8:8">
      <c r="H311956" s="12"/>
    </row>
    <row r="311957" spans="8:8">
      <c r="H311957" s="12"/>
    </row>
    <row r="311958" spans="8:8">
      <c r="H311958" s="12"/>
    </row>
    <row r="311959" spans="8:8">
      <c r="H311959" s="12"/>
    </row>
    <row r="311960" spans="8:8">
      <c r="H311960" s="12"/>
    </row>
    <row r="311961" spans="8:8">
      <c r="H311961" s="12"/>
    </row>
    <row r="311962" spans="8:8">
      <c r="H311962" s="12"/>
    </row>
    <row r="311963" spans="8:8">
      <c r="H311963" s="12"/>
    </row>
    <row r="311964" spans="8:8">
      <c r="H311964" s="12"/>
    </row>
    <row r="311965" spans="8:8">
      <c r="H311965" s="12"/>
    </row>
    <row r="311966" spans="8:8">
      <c r="H311966" s="12"/>
    </row>
    <row r="311967" spans="8:8">
      <c r="H311967" s="12"/>
    </row>
    <row r="311968" spans="8:8">
      <c r="H311968" s="12"/>
    </row>
    <row r="311969" spans="8:8">
      <c r="H311969" s="12"/>
    </row>
    <row r="311970" spans="8:8">
      <c r="H311970" s="12"/>
    </row>
    <row r="311971" spans="8:8">
      <c r="H311971" s="12"/>
    </row>
    <row r="311972" spans="8:8">
      <c r="H311972" s="12"/>
    </row>
    <row r="311973" spans="8:8">
      <c r="H311973" s="12"/>
    </row>
    <row r="311974" spans="8:8">
      <c r="H311974" s="12"/>
    </row>
    <row r="311975" spans="8:8">
      <c r="H311975" s="12"/>
    </row>
    <row r="311976" spans="8:8">
      <c r="H311976" s="12"/>
    </row>
    <row r="311977" spans="8:8">
      <c r="H311977" s="12"/>
    </row>
    <row r="311978" spans="8:8">
      <c r="H311978" s="12"/>
    </row>
    <row r="311979" spans="8:8">
      <c r="H311979" s="12"/>
    </row>
    <row r="311980" spans="8:8">
      <c r="H311980" s="12"/>
    </row>
    <row r="311981" spans="8:8">
      <c r="H311981" s="12"/>
    </row>
    <row r="311982" spans="8:8">
      <c r="H311982" s="12"/>
    </row>
    <row r="311983" spans="8:8">
      <c r="H311983" s="12"/>
    </row>
    <row r="311984" spans="8:8">
      <c r="H311984" s="12"/>
    </row>
    <row r="311985" spans="8:8">
      <c r="H311985" s="12"/>
    </row>
    <row r="311986" spans="8:8">
      <c r="H311986" s="12"/>
    </row>
    <row r="311987" spans="8:8">
      <c r="H311987" s="12"/>
    </row>
    <row r="311988" spans="8:8">
      <c r="H311988" s="12"/>
    </row>
    <row r="311989" spans="8:8">
      <c r="H311989" s="12"/>
    </row>
    <row r="311990" spans="8:8">
      <c r="H311990" s="12"/>
    </row>
    <row r="311991" spans="8:8">
      <c r="H311991" s="12"/>
    </row>
    <row r="311992" spans="8:8">
      <c r="H311992" s="12"/>
    </row>
    <row r="311993" spans="8:8">
      <c r="H311993" s="12"/>
    </row>
    <row r="311994" spans="8:8">
      <c r="H311994" s="12"/>
    </row>
    <row r="311995" spans="8:8">
      <c r="H311995" s="12"/>
    </row>
    <row r="311996" spans="8:8">
      <c r="H311996" s="12"/>
    </row>
    <row r="311997" spans="8:8">
      <c r="H311997" s="12"/>
    </row>
    <row r="311998" spans="8:8">
      <c r="H311998" s="12"/>
    </row>
    <row r="311999" spans="8:8">
      <c r="H311999" s="12"/>
    </row>
    <row r="312000" spans="8:8">
      <c r="H312000" s="12"/>
    </row>
    <row r="312001" spans="8:8">
      <c r="H312001" s="12"/>
    </row>
    <row r="312002" spans="8:8">
      <c r="H312002" s="12"/>
    </row>
    <row r="312003" spans="8:8">
      <c r="H312003" s="12"/>
    </row>
    <row r="312004" spans="8:8">
      <c r="H312004" s="12"/>
    </row>
    <row r="312005" spans="8:8">
      <c r="H312005" s="12"/>
    </row>
    <row r="312006" spans="8:8">
      <c r="H312006" s="12"/>
    </row>
    <row r="312007" spans="8:8">
      <c r="H312007" s="12"/>
    </row>
    <row r="312008" spans="8:8">
      <c r="H312008" s="12"/>
    </row>
    <row r="312009" spans="8:8">
      <c r="H312009" s="12"/>
    </row>
    <row r="312010" spans="8:8">
      <c r="H312010" s="12"/>
    </row>
    <row r="312011" spans="8:8">
      <c r="H312011" s="12"/>
    </row>
    <row r="312012" spans="8:8">
      <c r="H312012" s="12"/>
    </row>
    <row r="312013" spans="8:8">
      <c r="H312013" s="12"/>
    </row>
    <row r="312014" spans="8:8">
      <c r="H312014" s="12"/>
    </row>
    <row r="312015" spans="8:8">
      <c r="H312015" s="12"/>
    </row>
    <row r="312016" spans="8:8">
      <c r="H312016" s="12"/>
    </row>
    <row r="312017" spans="8:8">
      <c r="H312017" s="12"/>
    </row>
    <row r="312018" spans="8:8">
      <c r="H312018" s="12"/>
    </row>
    <row r="312019" spans="8:8">
      <c r="H312019" s="12"/>
    </row>
    <row r="312020" spans="8:8">
      <c r="H312020" s="12"/>
    </row>
    <row r="312021" spans="8:8">
      <c r="H312021" s="12"/>
    </row>
    <row r="312022" spans="8:8">
      <c r="H312022" s="12"/>
    </row>
    <row r="312023" spans="8:8">
      <c r="H312023" s="12"/>
    </row>
    <row r="312024" spans="8:8">
      <c r="H312024" s="12"/>
    </row>
    <row r="312025" spans="8:8">
      <c r="H312025" s="12"/>
    </row>
    <row r="312026" spans="8:8">
      <c r="H312026" s="12"/>
    </row>
    <row r="312027" spans="8:8">
      <c r="H312027" s="12"/>
    </row>
    <row r="312028" spans="8:8">
      <c r="H312028" s="12"/>
    </row>
    <row r="312029" spans="8:8">
      <c r="H312029" s="12"/>
    </row>
    <row r="312030" spans="8:8">
      <c r="H312030" s="12"/>
    </row>
    <row r="312031" spans="8:8">
      <c r="H312031" s="12"/>
    </row>
    <row r="312032" spans="8:8">
      <c r="H312032" s="12"/>
    </row>
    <row r="312033" spans="8:8">
      <c r="H312033" s="12"/>
    </row>
    <row r="312034" spans="8:8">
      <c r="H312034" s="12"/>
    </row>
    <row r="312035" spans="8:8">
      <c r="H312035" s="12"/>
    </row>
    <row r="312036" spans="8:8">
      <c r="H312036" s="12"/>
    </row>
    <row r="312037" spans="8:8">
      <c r="H312037" s="12"/>
    </row>
    <row r="312038" spans="8:8">
      <c r="H312038" s="12"/>
    </row>
    <row r="312039" spans="8:8">
      <c r="H312039" s="12"/>
    </row>
    <row r="312040" spans="8:8">
      <c r="H312040" s="12"/>
    </row>
    <row r="312041" spans="8:8">
      <c r="H312041" s="12"/>
    </row>
    <row r="312042" spans="8:8">
      <c r="H312042" s="12"/>
    </row>
    <row r="312043" spans="8:8">
      <c r="H312043" s="12"/>
    </row>
    <row r="312044" spans="8:8">
      <c r="H312044" s="12"/>
    </row>
    <row r="312045" spans="8:8">
      <c r="H312045" s="12"/>
    </row>
    <row r="312046" spans="8:8">
      <c r="H312046" s="12"/>
    </row>
    <row r="312047" spans="8:8">
      <c r="H312047" s="12"/>
    </row>
    <row r="312048" spans="8:8">
      <c r="H312048" s="12"/>
    </row>
    <row r="312049" spans="8:8">
      <c r="H312049" s="12"/>
    </row>
    <row r="312050" spans="8:8">
      <c r="H312050" s="12"/>
    </row>
    <row r="312051" spans="8:8">
      <c r="H312051" s="12"/>
    </row>
    <row r="312052" spans="8:8">
      <c r="H312052" s="12"/>
    </row>
    <row r="312053" spans="8:8">
      <c r="H312053" s="12"/>
    </row>
    <row r="312054" spans="8:8">
      <c r="H312054" s="12"/>
    </row>
    <row r="312055" spans="8:8">
      <c r="H312055" s="12"/>
    </row>
    <row r="312056" spans="8:8">
      <c r="H312056" s="12"/>
    </row>
    <row r="312057" spans="8:8">
      <c r="H312057" s="12"/>
    </row>
    <row r="312058" spans="8:8">
      <c r="H312058" s="12"/>
    </row>
    <row r="312059" spans="8:8">
      <c r="H312059" s="12"/>
    </row>
    <row r="312060" spans="8:8">
      <c r="H312060" s="12"/>
    </row>
    <row r="312061" spans="8:8">
      <c r="H312061" s="12"/>
    </row>
    <row r="312062" spans="8:8">
      <c r="H312062" s="12"/>
    </row>
    <row r="312063" spans="8:8">
      <c r="H312063" s="12"/>
    </row>
    <row r="312064" spans="8:8">
      <c r="H312064" s="12"/>
    </row>
    <row r="312065" spans="8:8">
      <c r="H312065" s="12"/>
    </row>
    <row r="312066" spans="8:8">
      <c r="H312066" s="12"/>
    </row>
    <row r="312067" spans="8:8">
      <c r="H312067" s="12"/>
    </row>
    <row r="312068" spans="8:8">
      <c r="H312068" s="12"/>
    </row>
    <row r="312069" spans="8:8">
      <c r="H312069" s="12"/>
    </row>
    <row r="312070" spans="8:8">
      <c r="H312070" s="12"/>
    </row>
    <row r="312071" spans="8:8">
      <c r="H312071" s="12"/>
    </row>
    <row r="312072" spans="8:8">
      <c r="H312072" s="12"/>
    </row>
    <row r="312073" spans="8:8">
      <c r="H312073" s="12"/>
    </row>
    <row r="312074" spans="8:8">
      <c r="H312074" s="12"/>
    </row>
    <row r="312075" spans="8:8">
      <c r="H312075" s="12"/>
    </row>
    <row r="312076" spans="8:8">
      <c r="H312076" s="12"/>
    </row>
    <row r="312077" spans="8:8">
      <c r="H312077" s="12"/>
    </row>
    <row r="312078" spans="8:8">
      <c r="H312078" s="12"/>
    </row>
    <row r="312079" spans="8:8">
      <c r="H312079" s="12"/>
    </row>
    <row r="312080" spans="8:8">
      <c r="H312080" s="12"/>
    </row>
    <row r="312081" spans="8:8">
      <c r="H312081" s="12"/>
    </row>
    <row r="312082" spans="8:8">
      <c r="H312082" s="12"/>
    </row>
    <row r="312083" spans="8:8">
      <c r="H312083" s="12"/>
    </row>
    <row r="312084" spans="8:8">
      <c r="H312084" s="12"/>
    </row>
    <row r="312085" spans="8:8">
      <c r="H312085" s="12"/>
    </row>
    <row r="312086" spans="8:8">
      <c r="H312086" s="12"/>
    </row>
    <row r="312087" spans="8:8">
      <c r="H312087" s="12"/>
    </row>
    <row r="312088" spans="8:8">
      <c r="H312088" s="12"/>
    </row>
    <row r="312089" spans="8:8">
      <c r="H312089" s="12"/>
    </row>
    <row r="312090" spans="8:8">
      <c r="H312090" s="12"/>
    </row>
    <row r="312091" spans="8:8">
      <c r="H312091" s="12"/>
    </row>
    <row r="312092" spans="8:8">
      <c r="H312092" s="12"/>
    </row>
    <row r="312093" spans="8:8">
      <c r="H312093" s="12"/>
    </row>
    <row r="312094" spans="8:8">
      <c r="H312094" s="12"/>
    </row>
    <row r="312095" spans="8:8">
      <c r="H312095" s="12"/>
    </row>
    <row r="312096" spans="8:8">
      <c r="H312096" s="12"/>
    </row>
    <row r="312097" spans="8:8">
      <c r="H312097" s="12"/>
    </row>
    <row r="312098" spans="8:8">
      <c r="H312098" s="12"/>
    </row>
    <row r="312099" spans="8:8">
      <c r="H312099" s="12"/>
    </row>
    <row r="312100" spans="8:8">
      <c r="H312100" s="12"/>
    </row>
    <row r="312101" spans="8:8">
      <c r="H312101" s="12"/>
    </row>
    <row r="312102" spans="8:8">
      <c r="H312102" s="12"/>
    </row>
    <row r="312103" spans="8:8">
      <c r="H312103" s="12"/>
    </row>
    <row r="312104" spans="8:8">
      <c r="H312104" s="12"/>
    </row>
    <row r="312105" spans="8:8">
      <c r="H312105" s="12"/>
    </row>
    <row r="312106" spans="8:8">
      <c r="H312106" s="12"/>
    </row>
    <row r="312107" spans="8:8">
      <c r="H312107" s="12"/>
    </row>
    <row r="312108" spans="8:8">
      <c r="H312108" s="12"/>
    </row>
    <row r="312109" spans="8:8">
      <c r="H312109" s="12"/>
    </row>
    <row r="312110" spans="8:8">
      <c r="H312110" s="12"/>
    </row>
    <row r="312111" spans="8:8">
      <c r="H312111" s="12"/>
    </row>
    <row r="312112" spans="8:8">
      <c r="H312112" s="12"/>
    </row>
    <row r="312113" spans="8:8">
      <c r="H312113" s="12"/>
    </row>
    <row r="312114" spans="8:8">
      <c r="H312114" s="12"/>
    </row>
    <row r="312115" spans="8:8">
      <c r="H312115" s="12"/>
    </row>
    <row r="312116" spans="8:8">
      <c r="H312116" s="12"/>
    </row>
    <row r="312117" spans="8:8">
      <c r="H312117" s="12"/>
    </row>
    <row r="312118" spans="8:8">
      <c r="H312118" s="12"/>
    </row>
    <row r="312119" spans="8:8">
      <c r="H312119" s="12"/>
    </row>
    <row r="312120" spans="8:8">
      <c r="H312120" s="12"/>
    </row>
    <row r="312121" spans="8:8">
      <c r="H312121" s="12"/>
    </row>
    <row r="312122" spans="8:8">
      <c r="H312122" s="12"/>
    </row>
    <row r="312123" spans="8:8">
      <c r="H312123" s="12"/>
    </row>
    <row r="312124" spans="8:8">
      <c r="H312124" s="12"/>
    </row>
    <row r="312125" spans="8:8">
      <c r="H312125" s="12"/>
    </row>
    <row r="312126" spans="8:8">
      <c r="H312126" s="12"/>
    </row>
    <row r="312127" spans="8:8">
      <c r="H312127" s="12"/>
    </row>
    <row r="312128" spans="8:8">
      <c r="H312128" s="12"/>
    </row>
    <row r="312129" spans="8:8">
      <c r="H312129" s="12"/>
    </row>
    <row r="312130" spans="8:8">
      <c r="H312130" s="12"/>
    </row>
    <row r="312131" spans="8:8">
      <c r="H312131" s="12"/>
    </row>
    <row r="312132" spans="8:8">
      <c r="H312132" s="12"/>
    </row>
    <row r="312133" spans="8:8">
      <c r="H312133" s="12"/>
    </row>
    <row r="312134" spans="8:8">
      <c r="H312134" s="12"/>
    </row>
    <row r="312135" spans="8:8">
      <c r="H312135" s="12"/>
    </row>
    <row r="312136" spans="8:8">
      <c r="H312136" s="12"/>
    </row>
    <row r="312137" spans="8:8">
      <c r="H312137" s="12"/>
    </row>
    <row r="312138" spans="8:8">
      <c r="H312138" s="12"/>
    </row>
    <row r="312139" spans="8:8">
      <c r="H312139" s="12"/>
    </row>
    <row r="312140" spans="8:8">
      <c r="H312140" s="12"/>
    </row>
    <row r="312141" spans="8:8">
      <c r="H312141" s="12"/>
    </row>
    <row r="312142" spans="8:8">
      <c r="H312142" s="12"/>
    </row>
    <row r="312143" spans="8:8">
      <c r="H312143" s="12"/>
    </row>
    <row r="312144" spans="8:8">
      <c r="H312144" s="12"/>
    </row>
    <row r="312145" spans="8:8">
      <c r="H312145" s="12"/>
    </row>
    <row r="312146" spans="8:8">
      <c r="H312146" s="12"/>
    </row>
    <row r="312147" spans="8:8">
      <c r="H312147" s="12"/>
    </row>
    <row r="312148" spans="8:8">
      <c r="H312148" s="12"/>
    </row>
    <row r="312149" spans="8:8">
      <c r="H312149" s="12"/>
    </row>
    <row r="312150" spans="8:8">
      <c r="H312150" s="12"/>
    </row>
    <row r="312151" spans="8:8">
      <c r="H312151" s="12"/>
    </row>
    <row r="312152" spans="8:8">
      <c r="H312152" s="12"/>
    </row>
    <row r="312153" spans="8:8">
      <c r="H312153" s="12"/>
    </row>
    <row r="312154" spans="8:8">
      <c r="H312154" s="12"/>
    </row>
    <row r="312155" spans="8:8">
      <c r="H312155" s="12"/>
    </row>
    <row r="312156" spans="8:8">
      <c r="H312156" s="12"/>
    </row>
    <row r="312157" spans="8:8">
      <c r="H312157" s="12"/>
    </row>
    <row r="312158" spans="8:8">
      <c r="H312158" s="12"/>
    </row>
    <row r="312159" spans="8:8">
      <c r="H312159" s="12"/>
    </row>
    <row r="312160" spans="8:8">
      <c r="H312160" s="12"/>
    </row>
    <row r="312161" spans="8:8">
      <c r="H312161" s="12"/>
    </row>
    <row r="312162" spans="8:8">
      <c r="H312162" s="12"/>
    </row>
    <row r="312163" spans="8:8">
      <c r="H312163" s="12"/>
    </row>
    <row r="312164" spans="8:8">
      <c r="H312164" s="12"/>
    </row>
    <row r="312165" spans="8:8">
      <c r="H312165" s="12"/>
    </row>
    <row r="312166" spans="8:8">
      <c r="H312166" s="12"/>
    </row>
    <row r="312167" spans="8:8">
      <c r="H312167" s="12"/>
    </row>
    <row r="312168" spans="8:8">
      <c r="H312168" s="12"/>
    </row>
    <row r="312169" spans="8:8">
      <c r="H312169" s="12"/>
    </row>
    <row r="312170" spans="8:8">
      <c r="H312170" s="12"/>
    </row>
    <row r="312171" spans="8:8">
      <c r="H312171" s="12"/>
    </row>
    <row r="312172" spans="8:8">
      <c r="H312172" s="12"/>
    </row>
    <row r="312173" spans="8:8">
      <c r="H312173" s="12"/>
    </row>
    <row r="312174" spans="8:8">
      <c r="H312174" s="12"/>
    </row>
    <row r="312175" spans="8:8">
      <c r="H312175" s="12"/>
    </row>
    <row r="312176" spans="8:8">
      <c r="H312176" s="12"/>
    </row>
    <row r="312177" spans="8:8">
      <c r="H312177" s="12"/>
    </row>
    <row r="312178" spans="8:8">
      <c r="H312178" s="12"/>
    </row>
    <row r="312179" spans="8:8">
      <c r="H312179" s="12"/>
    </row>
    <row r="312180" spans="8:8">
      <c r="H312180" s="12"/>
    </row>
    <row r="312181" spans="8:8">
      <c r="H312181" s="12"/>
    </row>
    <row r="312182" spans="8:8">
      <c r="H312182" s="12"/>
    </row>
    <row r="312183" spans="8:8">
      <c r="H312183" s="12"/>
    </row>
    <row r="312184" spans="8:8">
      <c r="H312184" s="12"/>
    </row>
    <row r="312185" spans="8:8">
      <c r="H312185" s="12"/>
    </row>
    <row r="312186" spans="8:8">
      <c r="H312186" s="12"/>
    </row>
    <row r="312187" spans="8:8">
      <c r="H312187" s="12"/>
    </row>
    <row r="312188" spans="8:8">
      <c r="H312188" s="12"/>
    </row>
    <row r="312189" spans="8:8">
      <c r="H312189" s="12"/>
    </row>
    <row r="312190" spans="8:8">
      <c r="H312190" s="12"/>
    </row>
    <row r="312191" spans="8:8">
      <c r="H312191" s="12"/>
    </row>
    <row r="312192" spans="8:8">
      <c r="H312192" s="12"/>
    </row>
    <row r="312193" spans="8:8">
      <c r="H312193" s="12"/>
    </row>
    <row r="312194" spans="8:8">
      <c r="H312194" s="12"/>
    </row>
    <row r="312195" spans="8:8">
      <c r="H312195" s="12"/>
    </row>
    <row r="312196" spans="8:8">
      <c r="H312196" s="12"/>
    </row>
    <row r="312197" spans="8:8">
      <c r="H312197" s="12"/>
    </row>
    <row r="312198" spans="8:8">
      <c r="H312198" s="12"/>
    </row>
    <row r="312199" spans="8:8">
      <c r="H312199" s="12"/>
    </row>
    <row r="312200" spans="8:8">
      <c r="H312200" s="12"/>
    </row>
    <row r="312201" spans="8:8">
      <c r="H312201" s="12"/>
    </row>
    <row r="312202" spans="8:8">
      <c r="H312202" s="12"/>
    </row>
    <row r="312203" spans="8:8">
      <c r="H312203" s="12"/>
    </row>
    <row r="312204" spans="8:8">
      <c r="H312204" s="12"/>
    </row>
    <row r="312205" spans="8:8">
      <c r="H312205" s="12"/>
    </row>
    <row r="312206" spans="8:8">
      <c r="H312206" s="12"/>
    </row>
    <row r="312207" spans="8:8">
      <c r="H312207" s="12"/>
    </row>
    <row r="312208" spans="8:8">
      <c r="H312208" s="12"/>
    </row>
    <row r="312209" spans="8:8">
      <c r="H312209" s="12"/>
    </row>
    <row r="312210" spans="8:8">
      <c r="H312210" s="12"/>
    </row>
    <row r="312211" spans="8:8">
      <c r="H312211" s="12"/>
    </row>
    <row r="312212" spans="8:8">
      <c r="H312212" s="12"/>
    </row>
    <row r="312213" spans="8:8">
      <c r="H312213" s="12"/>
    </row>
    <row r="312214" spans="8:8">
      <c r="H312214" s="12"/>
    </row>
    <row r="312215" spans="8:8">
      <c r="H312215" s="12"/>
    </row>
    <row r="312216" spans="8:8">
      <c r="H312216" s="12"/>
    </row>
    <row r="312217" spans="8:8">
      <c r="H312217" s="12"/>
    </row>
    <row r="312218" spans="8:8">
      <c r="H312218" s="12"/>
    </row>
    <row r="312219" spans="8:8">
      <c r="H312219" s="12"/>
    </row>
    <row r="312220" spans="8:8">
      <c r="H312220" s="12"/>
    </row>
    <row r="312221" spans="8:8">
      <c r="H312221" s="12"/>
    </row>
    <row r="312222" spans="8:8">
      <c r="H312222" s="12"/>
    </row>
    <row r="312223" spans="8:8">
      <c r="H312223" s="12"/>
    </row>
    <row r="312224" spans="8:8">
      <c r="H312224" s="12"/>
    </row>
    <row r="312225" spans="8:8">
      <c r="H312225" s="12"/>
    </row>
    <row r="312226" spans="8:8">
      <c r="H312226" s="12"/>
    </row>
    <row r="312227" spans="8:8">
      <c r="H312227" s="12"/>
    </row>
    <row r="312228" spans="8:8">
      <c r="H312228" s="12"/>
    </row>
    <row r="312229" spans="8:8">
      <c r="H312229" s="12"/>
    </row>
    <row r="312230" spans="8:8">
      <c r="H312230" s="12"/>
    </row>
    <row r="312231" spans="8:8">
      <c r="H312231" s="12"/>
    </row>
    <row r="312232" spans="8:8">
      <c r="H312232" s="12"/>
    </row>
    <row r="312233" spans="8:8">
      <c r="H312233" s="12"/>
    </row>
    <row r="312234" spans="8:8">
      <c r="H312234" s="12"/>
    </row>
    <row r="312235" spans="8:8">
      <c r="H312235" s="12"/>
    </row>
    <row r="312236" spans="8:8">
      <c r="H312236" s="12"/>
    </row>
    <row r="312237" spans="8:8">
      <c r="H312237" s="12"/>
    </row>
    <row r="312238" spans="8:8">
      <c r="H312238" s="12"/>
    </row>
    <row r="312239" spans="8:8">
      <c r="H312239" s="12"/>
    </row>
    <row r="312240" spans="8:8">
      <c r="H312240" s="12"/>
    </row>
    <row r="312241" spans="8:8">
      <c r="H312241" s="12"/>
    </row>
    <row r="312242" spans="8:8">
      <c r="H312242" s="12"/>
    </row>
    <row r="312243" spans="8:8">
      <c r="H312243" s="12"/>
    </row>
    <row r="312244" spans="8:8">
      <c r="H312244" s="12"/>
    </row>
    <row r="312245" spans="8:8">
      <c r="H312245" s="12"/>
    </row>
    <row r="312246" spans="8:8">
      <c r="H312246" s="12"/>
    </row>
    <row r="312247" spans="8:8">
      <c r="H312247" s="12"/>
    </row>
    <row r="312248" spans="8:8">
      <c r="H312248" s="12"/>
    </row>
    <row r="312249" spans="8:8">
      <c r="H312249" s="12"/>
    </row>
    <row r="312250" spans="8:8">
      <c r="H312250" s="12"/>
    </row>
    <row r="312251" spans="8:8">
      <c r="H312251" s="12"/>
    </row>
    <row r="312252" spans="8:8">
      <c r="H312252" s="12"/>
    </row>
    <row r="312253" spans="8:8">
      <c r="H312253" s="12"/>
    </row>
    <row r="312254" spans="8:8">
      <c r="H312254" s="12"/>
    </row>
    <row r="312255" spans="8:8">
      <c r="H312255" s="12"/>
    </row>
    <row r="312256" spans="8:8">
      <c r="H312256" s="12"/>
    </row>
    <row r="312257" spans="8:8">
      <c r="H312257" s="12"/>
    </row>
    <row r="312258" spans="8:8">
      <c r="H312258" s="12"/>
    </row>
    <row r="312259" spans="8:8">
      <c r="H312259" s="12"/>
    </row>
    <row r="312260" spans="8:8">
      <c r="H312260" s="12"/>
    </row>
    <row r="312261" spans="8:8">
      <c r="H312261" s="12"/>
    </row>
    <row r="312262" spans="8:8">
      <c r="H312262" s="12"/>
    </row>
    <row r="312263" spans="8:8">
      <c r="H312263" s="12"/>
    </row>
    <row r="312264" spans="8:8">
      <c r="H312264" s="12"/>
    </row>
    <row r="312265" spans="8:8">
      <c r="H312265" s="12"/>
    </row>
    <row r="312266" spans="8:8">
      <c r="H312266" s="12"/>
    </row>
    <row r="312267" spans="8:8">
      <c r="H312267" s="12"/>
    </row>
    <row r="312268" spans="8:8">
      <c r="H312268" s="12"/>
    </row>
    <row r="312269" spans="8:8">
      <c r="H312269" s="12"/>
    </row>
    <row r="312270" spans="8:8">
      <c r="H312270" s="12"/>
    </row>
    <row r="312271" spans="8:8">
      <c r="H312271" s="12"/>
    </row>
    <row r="312272" spans="8:8">
      <c r="H312272" s="12"/>
    </row>
    <row r="312273" spans="8:8">
      <c r="H312273" s="12"/>
    </row>
    <row r="312274" spans="8:8">
      <c r="H312274" s="12"/>
    </row>
    <row r="312275" spans="8:8">
      <c r="H312275" s="12"/>
    </row>
    <row r="312276" spans="8:8">
      <c r="H312276" s="12"/>
    </row>
    <row r="312277" spans="8:8">
      <c r="H312277" s="12"/>
    </row>
    <row r="312278" spans="8:8">
      <c r="H312278" s="12"/>
    </row>
    <row r="312279" spans="8:8">
      <c r="H312279" s="12"/>
    </row>
    <row r="312280" spans="8:8">
      <c r="H312280" s="12"/>
    </row>
    <row r="312281" spans="8:8">
      <c r="H312281" s="12"/>
    </row>
    <row r="312282" spans="8:8">
      <c r="H312282" s="12"/>
    </row>
    <row r="312283" spans="8:8">
      <c r="H312283" s="12"/>
    </row>
    <row r="312284" spans="8:8">
      <c r="H312284" s="12"/>
    </row>
    <row r="312285" spans="8:8">
      <c r="H312285" s="12"/>
    </row>
    <row r="312286" spans="8:8">
      <c r="H312286" s="12"/>
    </row>
    <row r="312287" spans="8:8">
      <c r="H312287" s="12"/>
    </row>
    <row r="312288" spans="8:8">
      <c r="H312288" s="12"/>
    </row>
    <row r="312289" spans="8:8">
      <c r="H312289" s="12"/>
    </row>
    <row r="312290" spans="8:8">
      <c r="H312290" s="12"/>
    </row>
    <row r="312291" spans="8:8">
      <c r="H312291" s="12"/>
    </row>
    <row r="312292" spans="8:8">
      <c r="H312292" s="12"/>
    </row>
    <row r="312293" spans="8:8">
      <c r="H312293" s="12"/>
    </row>
    <row r="312294" spans="8:8">
      <c r="H312294" s="12"/>
    </row>
    <row r="312295" spans="8:8">
      <c r="H312295" s="12"/>
    </row>
    <row r="312296" spans="8:8">
      <c r="H312296" s="12"/>
    </row>
    <row r="312297" spans="8:8">
      <c r="H312297" s="12"/>
    </row>
    <row r="312298" spans="8:8">
      <c r="H312298" s="12"/>
    </row>
    <row r="312299" spans="8:8">
      <c r="H312299" s="12"/>
    </row>
    <row r="312300" spans="8:8">
      <c r="H312300" s="12"/>
    </row>
    <row r="312301" spans="8:8">
      <c r="H312301" s="12"/>
    </row>
    <row r="312302" spans="8:8">
      <c r="H312302" s="12"/>
    </row>
    <row r="312303" spans="8:8">
      <c r="H312303" s="12"/>
    </row>
    <row r="312304" spans="8:8">
      <c r="H312304" s="12"/>
    </row>
    <row r="312305" spans="8:8">
      <c r="H312305" s="12"/>
    </row>
    <row r="312306" spans="8:8">
      <c r="H312306" s="12"/>
    </row>
    <row r="312307" spans="8:8">
      <c r="H312307" s="12"/>
    </row>
    <row r="312308" spans="8:8">
      <c r="H312308" s="12"/>
    </row>
    <row r="312309" spans="8:8">
      <c r="H312309" s="12"/>
    </row>
    <row r="312310" spans="8:8">
      <c r="H312310" s="12"/>
    </row>
    <row r="312311" spans="8:8">
      <c r="H312311" s="12"/>
    </row>
    <row r="312312" spans="8:8">
      <c r="H312312" s="12"/>
    </row>
    <row r="312313" spans="8:8">
      <c r="H312313" s="12"/>
    </row>
    <row r="312314" spans="8:8">
      <c r="H312314" s="12"/>
    </row>
    <row r="312315" spans="8:8">
      <c r="H312315" s="12"/>
    </row>
    <row r="312316" spans="8:8">
      <c r="H312316" s="12"/>
    </row>
    <row r="312317" spans="8:8">
      <c r="H312317" s="12"/>
    </row>
    <row r="312318" spans="8:8">
      <c r="H312318" s="12"/>
    </row>
    <row r="312319" spans="8:8">
      <c r="H312319" s="12"/>
    </row>
    <row r="312320" spans="8:8">
      <c r="H312320" s="12"/>
    </row>
    <row r="312321" spans="8:8">
      <c r="H312321" s="12"/>
    </row>
    <row r="312322" spans="8:8">
      <c r="H312322" s="12"/>
    </row>
    <row r="312323" spans="8:8">
      <c r="H312323" s="12"/>
    </row>
    <row r="312324" spans="8:8">
      <c r="H312324" s="12"/>
    </row>
    <row r="312325" spans="8:8">
      <c r="H312325" s="12"/>
    </row>
    <row r="312326" spans="8:8">
      <c r="H312326" s="12"/>
    </row>
    <row r="312327" spans="8:8">
      <c r="H312327" s="12"/>
    </row>
    <row r="312328" spans="8:8">
      <c r="H312328" s="12"/>
    </row>
    <row r="312329" spans="8:8">
      <c r="H312329" s="12"/>
    </row>
    <row r="312330" spans="8:8">
      <c r="H312330" s="12"/>
    </row>
    <row r="312331" spans="8:8">
      <c r="H312331" s="12"/>
    </row>
    <row r="312332" spans="8:8">
      <c r="H312332" s="12"/>
    </row>
    <row r="312333" spans="8:8">
      <c r="H312333" s="12"/>
    </row>
    <row r="312334" spans="8:8">
      <c r="H312334" s="12"/>
    </row>
    <row r="312335" spans="8:8">
      <c r="H312335" s="12"/>
    </row>
    <row r="312336" spans="8:8">
      <c r="H312336" s="12"/>
    </row>
    <row r="312337" spans="8:8">
      <c r="H312337" s="12"/>
    </row>
    <row r="312338" spans="8:8">
      <c r="H312338" s="12"/>
    </row>
    <row r="312339" spans="8:8">
      <c r="H312339" s="12"/>
    </row>
    <row r="312340" spans="8:8">
      <c r="H312340" s="12"/>
    </row>
    <row r="312341" spans="8:8">
      <c r="H312341" s="12"/>
    </row>
    <row r="312342" spans="8:8">
      <c r="H312342" s="12"/>
    </row>
    <row r="312343" spans="8:8">
      <c r="H312343" s="12"/>
    </row>
    <row r="312344" spans="8:8">
      <c r="H312344" s="12"/>
    </row>
    <row r="312345" spans="8:8">
      <c r="H312345" s="12"/>
    </row>
    <row r="312346" spans="8:8">
      <c r="H312346" s="12"/>
    </row>
    <row r="312347" spans="8:8">
      <c r="H312347" s="12"/>
    </row>
    <row r="312348" spans="8:8">
      <c r="H312348" s="12"/>
    </row>
    <row r="312349" spans="8:8">
      <c r="H312349" s="12"/>
    </row>
    <row r="312350" spans="8:8">
      <c r="H312350" s="12"/>
    </row>
    <row r="312351" spans="8:8">
      <c r="H312351" s="12"/>
    </row>
    <row r="312352" spans="8:8">
      <c r="H312352" s="12"/>
    </row>
    <row r="312353" spans="8:8">
      <c r="H312353" s="12"/>
    </row>
    <row r="312354" spans="8:8">
      <c r="H312354" s="12"/>
    </row>
    <row r="312355" spans="8:8">
      <c r="H312355" s="12"/>
    </row>
    <row r="312356" spans="8:8">
      <c r="H312356" s="12"/>
    </row>
    <row r="312357" spans="8:8">
      <c r="H312357" s="12"/>
    </row>
    <row r="312358" spans="8:8">
      <c r="H312358" s="12"/>
    </row>
    <row r="312359" spans="8:8">
      <c r="H312359" s="12"/>
    </row>
    <row r="312360" spans="8:8">
      <c r="H312360" s="12"/>
    </row>
    <row r="312361" spans="8:8">
      <c r="H312361" s="12"/>
    </row>
    <row r="312362" spans="8:8">
      <c r="H312362" s="12"/>
    </row>
    <row r="312363" spans="8:8">
      <c r="H312363" s="12"/>
    </row>
    <row r="312364" spans="8:8">
      <c r="H312364" s="12"/>
    </row>
    <row r="312365" spans="8:8">
      <c r="H312365" s="12"/>
    </row>
    <row r="312366" spans="8:8">
      <c r="H312366" s="12"/>
    </row>
    <row r="312367" spans="8:8">
      <c r="H312367" s="12"/>
    </row>
    <row r="312368" spans="8:8">
      <c r="H312368" s="12"/>
    </row>
    <row r="312369" spans="8:8">
      <c r="H312369" s="12"/>
    </row>
    <row r="312370" spans="8:8">
      <c r="H312370" s="12"/>
    </row>
    <row r="312371" spans="8:8">
      <c r="H312371" s="12"/>
    </row>
    <row r="312372" spans="8:8">
      <c r="H312372" s="12"/>
    </row>
    <row r="312373" spans="8:8">
      <c r="H312373" s="12"/>
    </row>
    <row r="312374" spans="8:8">
      <c r="H312374" s="12"/>
    </row>
    <row r="312375" spans="8:8">
      <c r="H312375" s="12"/>
    </row>
    <row r="312376" spans="8:8">
      <c r="H312376" s="12"/>
    </row>
    <row r="312377" spans="8:8">
      <c r="H312377" s="12"/>
    </row>
    <row r="312378" spans="8:8">
      <c r="H312378" s="12"/>
    </row>
    <row r="312379" spans="8:8">
      <c r="H312379" s="12"/>
    </row>
    <row r="312380" spans="8:8">
      <c r="H312380" s="12"/>
    </row>
    <row r="312381" spans="8:8">
      <c r="H312381" s="12"/>
    </row>
    <row r="312382" spans="8:8">
      <c r="H312382" s="12"/>
    </row>
    <row r="312383" spans="8:8">
      <c r="H312383" s="12"/>
    </row>
    <row r="312384" spans="8:8">
      <c r="H312384" s="12"/>
    </row>
    <row r="312385" spans="8:8">
      <c r="H312385" s="12"/>
    </row>
    <row r="312386" spans="8:8">
      <c r="H312386" s="12"/>
    </row>
    <row r="312387" spans="8:8">
      <c r="H312387" s="12"/>
    </row>
    <row r="312388" spans="8:8">
      <c r="H312388" s="12"/>
    </row>
    <row r="312389" spans="8:8">
      <c r="H312389" s="12"/>
    </row>
    <row r="312390" spans="8:8">
      <c r="H312390" s="12"/>
    </row>
    <row r="312391" spans="8:8">
      <c r="H312391" s="12"/>
    </row>
    <row r="312392" spans="8:8">
      <c r="H312392" s="12"/>
    </row>
    <row r="312393" spans="8:8">
      <c r="H312393" s="12"/>
    </row>
    <row r="312394" spans="8:8">
      <c r="H312394" s="12"/>
    </row>
    <row r="312395" spans="8:8">
      <c r="H312395" s="12"/>
    </row>
    <row r="312396" spans="8:8">
      <c r="H312396" s="12"/>
    </row>
    <row r="312397" spans="8:8">
      <c r="H312397" s="12"/>
    </row>
    <row r="312398" spans="8:8">
      <c r="H312398" s="12"/>
    </row>
    <row r="312399" spans="8:8">
      <c r="H312399" s="12"/>
    </row>
    <row r="312400" spans="8:8">
      <c r="H312400" s="12"/>
    </row>
    <row r="312401" spans="8:8">
      <c r="H312401" s="12"/>
    </row>
    <row r="312402" spans="8:8">
      <c r="H312402" s="12"/>
    </row>
    <row r="312403" spans="8:8">
      <c r="H312403" s="12"/>
    </row>
    <row r="312404" spans="8:8">
      <c r="H312404" s="12"/>
    </row>
    <row r="312405" spans="8:8">
      <c r="H312405" s="12"/>
    </row>
    <row r="312406" spans="8:8">
      <c r="H312406" s="12"/>
    </row>
    <row r="312407" spans="8:8">
      <c r="H312407" s="12"/>
    </row>
    <row r="312408" spans="8:8">
      <c r="H312408" s="12"/>
    </row>
    <row r="312409" spans="8:8">
      <c r="H312409" s="12"/>
    </row>
    <row r="312410" spans="8:8">
      <c r="H312410" s="12"/>
    </row>
    <row r="312411" spans="8:8">
      <c r="H312411" s="12"/>
    </row>
    <row r="312412" spans="8:8">
      <c r="H312412" s="12"/>
    </row>
    <row r="312413" spans="8:8">
      <c r="H312413" s="12"/>
    </row>
    <row r="312414" spans="8:8">
      <c r="H312414" s="12"/>
    </row>
    <row r="312415" spans="8:8">
      <c r="H312415" s="12"/>
    </row>
    <row r="312416" spans="8:8">
      <c r="H312416" s="12"/>
    </row>
    <row r="312417" spans="8:8">
      <c r="H312417" s="12"/>
    </row>
    <row r="312418" spans="8:8">
      <c r="H312418" s="12"/>
    </row>
    <row r="312419" spans="8:8">
      <c r="H312419" s="12"/>
    </row>
    <row r="312420" spans="8:8">
      <c r="H312420" s="12"/>
    </row>
    <row r="312421" spans="8:8">
      <c r="H312421" s="12"/>
    </row>
    <row r="312422" spans="8:8">
      <c r="H312422" s="12"/>
    </row>
    <row r="312423" spans="8:8">
      <c r="H312423" s="12"/>
    </row>
    <row r="312424" spans="8:8">
      <c r="H312424" s="12"/>
    </row>
    <row r="312425" spans="8:8">
      <c r="H312425" s="12"/>
    </row>
    <row r="312426" spans="8:8">
      <c r="H312426" s="12"/>
    </row>
    <row r="312427" spans="8:8">
      <c r="H312427" s="12"/>
    </row>
    <row r="312428" spans="8:8">
      <c r="H312428" s="12"/>
    </row>
    <row r="312429" spans="8:8">
      <c r="H312429" s="12"/>
    </row>
    <row r="312430" spans="8:8">
      <c r="H312430" s="12"/>
    </row>
    <row r="312431" spans="8:8">
      <c r="H312431" s="12"/>
    </row>
    <row r="312432" spans="8:8">
      <c r="H312432" s="12"/>
    </row>
    <row r="312433" spans="8:8">
      <c r="H312433" s="12"/>
    </row>
    <row r="312434" spans="8:8">
      <c r="H312434" s="12"/>
    </row>
    <row r="312435" spans="8:8">
      <c r="H312435" s="12"/>
    </row>
    <row r="312436" spans="8:8">
      <c r="H312436" s="12"/>
    </row>
    <row r="312437" spans="8:8">
      <c r="H312437" s="12"/>
    </row>
    <row r="312438" spans="8:8">
      <c r="H312438" s="12"/>
    </row>
    <row r="312439" spans="8:8">
      <c r="H312439" s="12"/>
    </row>
    <row r="312440" spans="8:8">
      <c r="H312440" s="12"/>
    </row>
    <row r="312441" spans="8:8">
      <c r="H312441" s="12"/>
    </row>
    <row r="312442" spans="8:8">
      <c r="H312442" s="12"/>
    </row>
    <row r="312443" spans="8:8">
      <c r="H312443" s="12"/>
    </row>
    <row r="312444" spans="8:8">
      <c r="H312444" s="12"/>
    </row>
    <row r="312445" spans="8:8">
      <c r="H312445" s="12"/>
    </row>
    <row r="312446" spans="8:8">
      <c r="H312446" s="12"/>
    </row>
    <row r="312447" spans="8:8">
      <c r="H312447" s="12"/>
    </row>
    <row r="312448" spans="8:8">
      <c r="H312448" s="12"/>
    </row>
    <row r="312449" spans="8:8">
      <c r="H312449" s="12"/>
    </row>
    <row r="312450" spans="8:8">
      <c r="H312450" s="12"/>
    </row>
    <row r="312451" spans="8:8">
      <c r="H312451" s="12"/>
    </row>
    <row r="312452" spans="8:8">
      <c r="H312452" s="12"/>
    </row>
    <row r="312453" spans="8:8">
      <c r="H312453" s="12"/>
    </row>
    <row r="312454" spans="8:8">
      <c r="H312454" s="12"/>
    </row>
    <row r="312455" spans="8:8">
      <c r="H312455" s="12"/>
    </row>
    <row r="312456" spans="8:8">
      <c r="H312456" s="12"/>
    </row>
    <row r="312457" spans="8:8">
      <c r="H312457" s="12"/>
    </row>
    <row r="312458" spans="8:8">
      <c r="H312458" s="12"/>
    </row>
    <row r="312459" spans="8:8">
      <c r="H312459" s="12"/>
    </row>
    <row r="312460" spans="8:8">
      <c r="H312460" s="12"/>
    </row>
    <row r="312461" spans="8:8">
      <c r="H312461" s="12"/>
    </row>
    <row r="312462" spans="8:8">
      <c r="H312462" s="12"/>
    </row>
    <row r="312463" spans="8:8">
      <c r="H312463" s="12"/>
    </row>
    <row r="312464" spans="8:8">
      <c r="H312464" s="12"/>
    </row>
    <row r="312465" spans="8:8">
      <c r="H312465" s="12"/>
    </row>
    <row r="312466" spans="8:8">
      <c r="H312466" s="12"/>
    </row>
    <row r="312467" spans="8:8">
      <c r="H312467" s="12"/>
    </row>
    <row r="312468" spans="8:8">
      <c r="H312468" s="12"/>
    </row>
    <row r="312469" spans="8:8">
      <c r="H312469" s="12"/>
    </row>
    <row r="312470" spans="8:8">
      <c r="H312470" s="12"/>
    </row>
    <row r="312471" spans="8:8">
      <c r="H312471" s="12"/>
    </row>
    <row r="312472" spans="8:8">
      <c r="H312472" s="12"/>
    </row>
    <row r="312473" spans="8:8">
      <c r="H312473" s="12"/>
    </row>
    <row r="312474" spans="8:8">
      <c r="H312474" s="12"/>
    </row>
    <row r="312475" spans="8:8">
      <c r="H312475" s="12"/>
    </row>
    <row r="312476" spans="8:8">
      <c r="H312476" s="12"/>
    </row>
    <row r="312477" spans="8:8">
      <c r="H312477" s="12"/>
    </row>
    <row r="312478" spans="8:8">
      <c r="H312478" s="12"/>
    </row>
    <row r="312479" spans="8:8">
      <c r="H312479" s="12"/>
    </row>
    <row r="312480" spans="8:8">
      <c r="H312480" s="12"/>
    </row>
    <row r="312481" spans="8:8">
      <c r="H312481" s="12"/>
    </row>
    <row r="312482" spans="8:8">
      <c r="H312482" s="12"/>
    </row>
    <row r="312483" spans="8:8">
      <c r="H312483" s="12"/>
    </row>
    <row r="312484" spans="8:8">
      <c r="H312484" s="12"/>
    </row>
    <row r="312485" spans="8:8">
      <c r="H312485" s="12"/>
    </row>
    <row r="312486" spans="8:8">
      <c r="H312486" s="12"/>
    </row>
    <row r="312487" spans="8:8">
      <c r="H312487" s="12"/>
    </row>
    <row r="312488" spans="8:8">
      <c r="H312488" s="12"/>
    </row>
    <row r="312489" spans="8:8">
      <c r="H312489" s="12"/>
    </row>
    <row r="312490" spans="8:8">
      <c r="H312490" s="12"/>
    </row>
    <row r="312491" spans="8:8">
      <c r="H312491" s="12"/>
    </row>
    <row r="312492" spans="8:8">
      <c r="H312492" s="12"/>
    </row>
    <row r="312493" spans="8:8">
      <c r="H312493" s="12"/>
    </row>
    <row r="312494" spans="8:8">
      <c r="H312494" s="12"/>
    </row>
    <row r="312495" spans="8:8">
      <c r="H312495" s="12"/>
    </row>
    <row r="312496" spans="8:8">
      <c r="H312496" s="12"/>
    </row>
    <row r="312497" spans="8:8">
      <c r="H312497" s="12"/>
    </row>
    <row r="312498" spans="8:8">
      <c r="H312498" s="12"/>
    </row>
    <row r="312499" spans="8:8">
      <c r="H312499" s="12"/>
    </row>
    <row r="312500" spans="8:8">
      <c r="H312500" s="12"/>
    </row>
    <row r="312501" spans="8:8">
      <c r="H312501" s="12"/>
    </row>
    <row r="312502" spans="8:8">
      <c r="H312502" s="12"/>
    </row>
    <row r="312503" spans="8:8">
      <c r="H312503" s="12"/>
    </row>
    <row r="312504" spans="8:8">
      <c r="H312504" s="12"/>
    </row>
    <row r="312505" spans="8:8">
      <c r="H312505" s="12"/>
    </row>
    <row r="312506" spans="8:8">
      <c r="H312506" s="12"/>
    </row>
    <row r="312507" spans="8:8">
      <c r="H312507" s="12"/>
    </row>
    <row r="312508" spans="8:8">
      <c r="H312508" s="12"/>
    </row>
    <row r="312509" spans="8:8">
      <c r="H312509" s="12"/>
    </row>
    <row r="312510" spans="8:8">
      <c r="H312510" s="12"/>
    </row>
    <row r="312511" spans="8:8">
      <c r="H312511" s="12"/>
    </row>
    <row r="312512" spans="8:8">
      <c r="H312512" s="12"/>
    </row>
    <row r="312513" spans="8:8">
      <c r="H312513" s="12"/>
    </row>
    <row r="312514" spans="8:8">
      <c r="H312514" s="12"/>
    </row>
    <row r="312515" spans="8:8">
      <c r="H312515" s="12"/>
    </row>
    <row r="312516" spans="8:8">
      <c r="H312516" s="12"/>
    </row>
    <row r="312517" spans="8:8">
      <c r="H312517" s="12"/>
    </row>
    <row r="312518" spans="8:8">
      <c r="H312518" s="12"/>
    </row>
    <row r="312519" spans="8:8">
      <c r="H312519" s="12"/>
    </row>
    <row r="312520" spans="8:8">
      <c r="H312520" s="12"/>
    </row>
    <row r="312521" spans="8:8">
      <c r="H312521" s="12"/>
    </row>
    <row r="312522" spans="8:8">
      <c r="H312522" s="12"/>
    </row>
    <row r="312523" spans="8:8">
      <c r="H312523" s="12"/>
    </row>
    <row r="312524" spans="8:8">
      <c r="H312524" s="12"/>
    </row>
    <row r="312525" spans="8:8">
      <c r="H312525" s="12"/>
    </row>
    <row r="312526" spans="8:8">
      <c r="H312526" s="12"/>
    </row>
    <row r="312527" spans="8:8">
      <c r="H312527" s="12"/>
    </row>
    <row r="312528" spans="8:8">
      <c r="H312528" s="12"/>
    </row>
    <row r="312529" spans="8:8">
      <c r="H312529" s="12"/>
    </row>
    <row r="312530" spans="8:8">
      <c r="H312530" s="12"/>
    </row>
    <row r="312531" spans="8:8">
      <c r="H312531" s="12"/>
    </row>
    <row r="312532" spans="8:8">
      <c r="H312532" s="12"/>
    </row>
    <row r="312533" spans="8:8">
      <c r="H312533" s="12"/>
    </row>
    <row r="312534" spans="8:8">
      <c r="H312534" s="12"/>
    </row>
    <row r="312535" spans="8:8">
      <c r="H312535" s="12"/>
    </row>
    <row r="312536" spans="8:8">
      <c r="H312536" s="12"/>
    </row>
    <row r="312537" spans="8:8">
      <c r="H312537" s="12"/>
    </row>
    <row r="312538" spans="8:8">
      <c r="H312538" s="12"/>
    </row>
    <row r="312539" spans="8:8">
      <c r="H312539" s="12"/>
    </row>
    <row r="312540" spans="8:8">
      <c r="H312540" s="12"/>
    </row>
    <row r="312541" spans="8:8">
      <c r="H312541" s="12"/>
    </row>
    <row r="312542" spans="8:8">
      <c r="H312542" s="12"/>
    </row>
    <row r="312543" spans="8:8">
      <c r="H312543" s="12"/>
    </row>
    <row r="312544" spans="8:8">
      <c r="H312544" s="12"/>
    </row>
    <row r="312545" spans="8:8">
      <c r="H312545" s="12"/>
    </row>
    <row r="312546" spans="8:8">
      <c r="H312546" s="12"/>
    </row>
    <row r="312547" spans="8:8">
      <c r="H312547" s="12"/>
    </row>
    <row r="312548" spans="8:8">
      <c r="H312548" s="12"/>
    </row>
    <row r="312549" spans="8:8">
      <c r="H312549" s="12"/>
    </row>
    <row r="312550" spans="8:8">
      <c r="H312550" s="12"/>
    </row>
    <row r="312551" spans="8:8">
      <c r="H312551" s="12"/>
    </row>
    <row r="312552" spans="8:8">
      <c r="H312552" s="12"/>
    </row>
    <row r="312553" spans="8:8">
      <c r="H312553" s="12"/>
    </row>
    <row r="312554" spans="8:8">
      <c r="H312554" s="12"/>
    </row>
    <row r="312555" spans="8:8">
      <c r="H312555" s="12"/>
    </row>
    <row r="312556" spans="8:8">
      <c r="H312556" s="12"/>
    </row>
    <row r="312557" spans="8:8">
      <c r="H312557" s="12"/>
    </row>
    <row r="312558" spans="8:8">
      <c r="H312558" s="12"/>
    </row>
    <row r="312559" spans="8:8">
      <c r="H312559" s="12"/>
    </row>
    <row r="312560" spans="8:8">
      <c r="H312560" s="12"/>
    </row>
    <row r="312561" spans="8:8">
      <c r="H312561" s="12"/>
    </row>
    <row r="312562" spans="8:8">
      <c r="H312562" s="12"/>
    </row>
    <row r="312563" spans="8:8">
      <c r="H312563" s="12"/>
    </row>
    <row r="312564" spans="8:8">
      <c r="H312564" s="12"/>
    </row>
    <row r="312565" spans="8:8">
      <c r="H312565" s="12"/>
    </row>
    <row r="312566" spans="8:8">
      <c r="H312566" s="12"/>
    </row>
    <row r="312567" spans="8:8">
      <c r="H312567" s="12"/>
    </row>
    <row r="312568" spans="8:8">
      <c r="H312568" s="12"/>
    </row>
    <row r="312569" spans="8:8">
      <c r="H312569" s="12"/>
    </row>
    <row r="312570" spans="8:8">
      <c r="H312570" s="12"/>
    </row>
    <row r="312571" spans="8:8">
      <c r="H312571" s="12"/>
    </row>
    <row r="312572" spans="8:8">
      <c r="H312572" s="12"/>
    </row>
    <row r="312573" spans="8:8">
      <c r="H312573" s="12"/>
    </row>
    <row r="312574" spans="8:8">
      <c r="H312574" s="12"/>
    </row>
    <row r="312575" spans="8:8">
      <c r="H312575" s="12"/>
    </row>
    <row r="312576" spans="8:8">
      <c r="H312576" s="12"/>
    </row>
    <row r="312577" spans="8:8">
      <c r="H312577" s="12"/>
    </row>
    <row r="312578" spans="8:8">
      <c r="H312578" s="12"/>
    </row>
    <row r="312579" spans="8:8">
      <c r="H312579" s="12"/>
    </row>
    <row r="312580" spans="8:8">
      <c r="H312580" s="12"/>
    </row>
    <row r="312581" spans="8:8">
      <c r="H312581" s="12"/>
    </row>
    <row r="312582" spans="8:8">
      <c r="H312582" s="12"/>
    </row>
    <row r="312583" spans="8:8">
      <c r="H312583" s="12"/>
    </row>
    <row r="312584" spans="8:8">
      <c r="H312584" s="12"/>
    </row>
    <row r="312585" spans="8:8">
      <c r="H312585" s="12"/>
    </row>
    <row r="312586" spans="8:8">
      <c r="H312586" s="12"/>
    </row>
    <row r="312587" spans="8:8">
      <c r="H312587" s="12"/>
    </row>
    <row r="312588" spans="8:8">
      <c r="H312588" s="12"/>
    </row>
    <row r="312589" spans="8:8">
      <c r="H312589" s="12"/>
    </row>
    <row r="312590" spans="8:8">
      <c r="H312590" s="12"/>
    </row>
    <row r="312591" spans="8:8">
      <c r="H312591" s="12"/>
    </row>
    <row r="312592" spans="8:8">
      <c r="H312592" s="12"/>
    </row>
    <row r="312593" spans="8:8">
      <c r="H312593" s="12"/>
    </row>
    <row r="312594" spans="8:8">
      <c r="H312594" s="12"/>
    </row>
    <row r="312595" spans="8:8">
      <c r="H312595" s="12"/>
    </row>
    <row r="312596" spans="8:8">
      <c r="H312596" s="12"/>
    </row>
    <row r="312597" spans="8:8">
      <c r="H312597" s="12"/>
    </row>
    <row r="312598" spans="8:8">
      <c r="H312598" s="12"/>
    </row>
    <row r="312599" spans="8:8">
      <c r="H312599" s="12"/>
    </row>
    <row r="312600" spans="8:8">
      <c r="H312600" s="12"/>
    </row>
    <row r="312601" spans="8:8">
      <c r="H312601" s="12"/>
    </row>
    <row r="312602" spans="8:8">
      <c r="H312602" s="12"/>
    </row>
    <row r="312603" spans="8:8">
      <c r="H312603" s="12"/>
    </row>
    <row r="312604" spans="8:8">
      <c r="H312604" s="12"/>
    </row>
    <row r="312605" spans="8:8">
      <c r="H312605" s="12"/>
    </row>
    <row r="312606" spans="8:8">
      <c r="H312606" s="12"/>
    </row>
    <row r="312607" spans="8:8">
      <c r="H312607" s="12"/>
    </row>
    <row r="312608" spans="8:8">
      <c r="H312608" s="12"/>
    </row>
    <row r="312609" spans="8:8">
      <c r="H312609" s="12"/>
    </row>
    <row r="312610" spans="8:8">
      <c r="H312610" s="12"/>
    </row>
    <row r="312611" spans="8:8">
      <c r="H312611" s="12"/>
    </row>
    <row r="312612" spans="8:8">
      <c r="H312612" s="12"/>
    </row>
    <row r="312613" spans="8:8">
      <c r="H312613" s="12"/>
    </row>
    <row r="312614" spans="8:8">
      <c r="H312614" s="12"/>
    </row>
    <row r="312615" spans="8:8">
      <c r="H312615" s="12"/>
    </row>
    <row r="312616" spans="8:8">
      <c r="H312616" s="12"/>
    </row>
    <row r="312617" spans="8:8">
      <c r="H312617" s="12"/>
    </row>
    <row r="312618" spans="8:8">
      <c r="H312618" s="12"/>
    </row>
    <row r="312619" spans="8:8">
      <c r="H312619" s="12"/>
    </row>
    <row r="312620" spans="8:8">
      <c r="H312620" s="12"/>
    </row>
    <row r="312621" spans="8:8">
      <c r="H312621" s="12"/>
    </row>
    <row r="312622" spans="8:8">
      <c r="H312622" s="12"/>
    </row>
    <row r="312623" spans="8:8">
      <c r="H312623" s="12"/>
    </row>
    <row r="312624" spans="8:8">
      <c r="H312624" s="12"/>
    </row>
    <row r="312625" spans="8:8">
      <c r="H312625" s="12"/>
    </row>
    <row r="312626" spans="8:8">
      <c r="H312626" s="12"/>
    </row>
    <row r="312627" spans="8:8">
      <c r="H312627" s="12"/>
    </row>
    <row r="312628" spans="8:8">
      <c r="H312628" s="12"/>
    </row>
    <row r="312629" spans="8:8">
      <c r="H312629" s="12"/>
    </row>
    <row r="312630" spans="8:8">
      <c r="H312630" s="12"/>
    </row>
    <row r="312631" spans="8:8">
      <c r="H312631" s="12"/>
    </row>
    <row r="312632" spans="8:8">
      <c r="H312632" s="12"/>
    </row>
    <row r="312633" spans="8:8">
      <c r="H312633" s="12"/>
    </row>
    <row r="312634" spans="8:8">
      <c r="H312634" s="12"/>
    </row>
    <row r="312635" spans="8:8">
      <c r="H312635" s="12"/>
    </row>
    <row r="312636" spans="8:8">
      <c r="H312636" s="12"/>
    </row>
    <row r="312637" spans="8:8">
      <c r="H312637" s="12"/>
    </row>
    <row r="312638" spans="8:8">
      <c r="H312638" s="12"/>
    </row>
    <row r="312639" spans="8:8">
      <c r="H312639" s="12"/>
    </row>
    <row r="312640" spans="8:8">
      <c r="H312640" s="12"/>
    </row>
    <row r="312641" spans="8:8">
      <c r="H312641" s="12"/>
    </row>
    <row r="312642" spans="8:8">
      <c r="H312642" s="12"/>
    </row>
    <row r="312643" spans="8:8">
      <c r="H312643" s="12"/>
    </row>
    <row r="312644" spans="8:8">
      <c r="H312644" s="12"/>
    </row>
    <row r="312645" spans="8:8">
      <c r="H312645" s="12"/>
    </row>
    <row r="312646" spans="8:8">
      <c r="H312646" s="12"/>
    </row>
    <row r="312647" spans="8:8">
      <c r="H312647" s="12"/>
    </row>
    <row r="312648" spans="8:8">
      <c r="H312648" s="12"/>
    </row>
    <row r="312649" spans="8:8">
      <c r="H312649" s="12"/>
    </row>
    <row r="312650" spans="8:8">
      <c r="H312650" s="12"/>
    </row>
    <row r="312651" spans="8:8">
      <c r="H312651" s="12"/>
    </row>
    <row r="312652" spans="8:8">
      <c r="H312652" s="12"/>
    </row>
    <row r="312653" spans="8:8">
      <c r="H312653" s="12"/>
    </row>
    <row r="312654" spans="8:8">
      <c r="H312654" s="12"/>
    </row>
    <row r="312655" spans="8:8">
      <c r="H312655" s="12"/>
    </row>
    <row r="312656" spans="8:8">
      <c r="H312656" s="12"/>
    </row>
    <row r="312657" spans="8:8">
      <c r="H312657" s="12"/>
    </row>
    <row r="312658" spans="8:8">
      <c r="H312658" s="12"/>
    </row>
    <row r="312659" spans="8:8">
      <c r="H312659" s="12"/>
    </row>
    <row r="312660" spans="8:8">
      <c r="H312660" s="12"/>
    </row>
    <row r="312661" spans="8:8">
      <c r="H312661" s="12"/>
    </row>
    <row r="312662" spans="8:8">
      <c r="H312662" s="12"/>
    </row>
    <row r="312663" spans="8:8">
      <c r="H312663" s="12"/>
    </row>
    <row r="312664" spans="8:8">
      <c r="H312664" s="12"/>
    </row>
    <row r="312665" spans="8:8">
      <c r="H312665" s="12"/>
    </row>
    <row r="312666" spans="8:8">
      <c r="H312666" s="12"/>
    </row>
    <row r="312667" spans="8:8">
      <c r="H312667" s="12"/>
    </row>
    <row r="312668" spans="8:8">
      <c r="H312668" s="12"/>
    </row>
    <row r="312669" spans="8:8">
      <c r="H312669" s="12"/>
    </row>
    <row r="312670" spans="8:8">
      <c r="H312670" s="12"/>
    </row>
    <row r="312671" spans="8:8">
      <c r="H312671" s="12"/>
    </row>
    <row r="312672" spans="8:8">
      <c r="H312672" s="12"/>
    </row>
    <row r="312673" spans="8:8">
      <c r="H312673" s="12"/>
    </row>
    <row r="312674" spans="8:8">
      <c r="H312674" s="12"/>
    </row>
    <row r="312675" spans="8:8">
      <c r="H312675" s="12"/>
    </row>
    <row r="312676" spans="8:8">
      <c r="H312676" s="12"/>
    </row>
    <row r="312677" spans="8:8">
      <c r="H312677" s="12"/>
    </row>
    <row r="312678" spans="8:8">
      <c r="H312678" s="12"/>
    </row>
    <row r="312679" spans="8:8">
      <c r="H312679" s="12"/>
    </row>
    <row r="312680" spans="8:8">
      <c r="H312680" s="12"/>
    </row>
    <row r="312681" spans="8:8">
      <c r="H312681" s="12"/>
    </row>
    <row r="312682" spans="8:8">
      <c r="H312682" s="12"/>
    </row>
    <row r="312683" spans="8:8">
      <c r="H312683" s="12"/>
    </row>
    <row r="312684" spans="8:8">
      <c r="H312684" s="12"/>
    </row>
    <row r="312685" spans="8:8">
      <c r="H312685" s="12"/>
    </row>
    <row r="312686" spans="8:8">
      <c r="H312686" s="12"/>
    </row>
    <row r="312687" spans="8:8">
      <c r="H312687" s="12"/>
    </row>
    <row r="312688" spans="8:8">
      <c r="H312688" s="12"/>
    </row>
    <row r="312689" spans="8:8">
      <c r="H312689" s="12"/>
    </row>
    <row r="312690" spans="8:8">
      <c r="H312690" s="12"/>
    </row>
    <row r="312691" spans="8:8">
      <c r="H312691" s="12"/>
    </row>
    <row r="312692" spans="8:8">
      <c r="H312692" s="12"/>
    </row>
    <row r="312693" spans="8:8">
      <c r="H312693" s="12"/>
    </row>
    <row r="312694" spans="8:8">
      <c r="H312694" s="12"/>
    </row>
    <row r="312695" spans="8:8">
      <c r="H312695" s="12"/>
    </row>
    <row r="312696" spans="8:8">
      <c r="H312696" s="12"/>
    </row>
    <row r="312697" spans="8:8">
      <c r="H312697" s="12"/>
    </row>
    <row r="312698" spans="8:8">
      <c r="H312698" s="12"/>
    </row>
    <row r="312699" spans="8:8">
      <c r="H312699" s="12"/>
    </row>
    <row r="312700" spans="8:8">
      <c r="H312700" s="12"/>
    </row>
    <row r="312701" spans="8:8">
      <c r="H312701" s="12"/>
    </row>
    <row r="312702" spans="8:8">
      <c r="H312702" s="12"/>
    </row>
    <row r="312703" spans="8:8">
      <c r="H312703" s="12"/>
    </row>
    <row r="312704" spans="8:8">
      <c r="H312704" s="12"/>
    </row>
    <row r="312705" spans="8:8">
      <c r="H312705" s="12"/>
    </row>
    <row r="312706" spans="8:8">
      <c r="H312706" s="12"/>
    </row>
    <row r="312707" spans="8:8">
      <c r="H312707" s="12"/>
    </row>
    <row r="312708" spans="8:8">
      <c r="H312708" s="12"/>
    </row>
    <row r="312709" spans="8:8">
      <c r="H312709" s="12"/>
    </row>
    <row r="312710" spans="8:8">
      <c r="H312710" s="12"/>
    </row>
    <row r="312711" spans="8:8">
      <c r="H312711" s="12"/>
    </row>
    <row r="312712" spans="8:8">
      <c r="H312712" s="12"/>
    </row>
    <row r="312713" spans="8:8">
      <c r="H312713" s="12"/>
    </row>
    <row r="312714" spans="8:8">
      <c r="H312714" s="12"/>
    </row>
    <row r="312715" spans="8:8">
      <c r="H312715" s="12"/>
    </row>
    <row r="312716" spans="8:8">
      <c r="H312716" s="12"/>
    </row>
    <row r="312717" spans="8:8">
      <c r="H312717" s="12"/>
    </row>
    <row r="312718" spans="8:8">
      <c r="H312718" s="12"/>
    </row>
    <row r="312719" spans="8:8">
      <c r="H312719" s="12"/>
    </row>
    <row r="312720" spans="8:8">
      <c r="H312720" s="12"/>
    </row>
    <row r="312721" spans="8:8">
      <c r="H312721" s="12"/>
    </row>
    <row r="312722" spans="8:8">
      <c r="H312722" s="12"/>
    </row>
    <row r="312723" spans="8:8">
      <c r="H312723" s="12"/>
    </row>
    <row r="312724" spans="8:8">
      <c r="H312724" s="12"/>
    </row>
    <row r="312725" spans="8:8">
      <c r="H312725" s="12"/>
    </row>
    <row r="312726" spans="8:8">
      <c r="H312726" s="12"/>
    </row>
    <row r="312727" spans="8:8">
      <c r="H312727" s="12"/>
    </row>
    <row r="312728" spans="8:8">
      <c r="H312728" s="12"/>
    </row>
    <row r="312729" spans="8:8">
      <c r="H312729" s="12"/>
    </row>
    <row r="312730" spans="8:8">
      <c r="H312730" s="12"/>
    </row>
    <row r="312731" spans="8:8">
      <c r="H312731" s="12"/>
    </row>
    <row r="312732" spans="8:8">
      <c r="H312732" s="12"/>
    </row>
    <row r="312733" spans="8:8">
      <c r="H312733" s="12"/>
    </row>
    <row r="312734" spans="8:8">
      <c r="H312734" s="12"/>
    </row>
    <row r="312735" spans="8:8">
      <c r="H312735" s="12"/>
    </row>
    <row r="312736" spans="8:8">
      <c r="H312736" s="12"/>
    </row>
    <row r="312737" spans="8:8">
      <c r="H312737" s="12"/>
    </row>
    <row r="312738" spans="8:8">
      <c r="H312738" s="12"/>
    </row>
    <row r="312739" spans="8:8">
      <c r="H312739" s="12"/>
    </row>
    <row r="312740" spans="8:8">
      <c r="H312740" s="12"/>
    </row>
    <row r="312741" spans="8:8">
      <c r="H312741" s="12"/>
    </row>
    <row r="312742" spans="8:8">
      <c r="H312742" s="12"/>
    </row>
    <row r="312743" spans="8:8">
      <c r="H312743" s="12"/>
    </row>
    <row r="312744" spans="8:8">
      <c r="H312744" s="12"/>
    </row>
    <row r="312745" spans="8:8">
      <c r="H312745" s="12"/>
    </row>
    <row r="312746" spans="8:8">
      <c r="H312746" s="12"/>
    </row>
    <row r="312747" spans="8:8">
      <c r="H312747" s="12"/>
    </row>
    <row r="312748" spans="8:8">
      <c r="H312748" s="12"/>
    </row>
    <row r="312749" spans="8:8">
      <c r="H312749" s="12"/>
    </row>
    <row r="312750" spans="8:8">
      <c r="H312750" s="12"/>
    </row>
    <row r="312751" spans="8:8">
      <c r="H312751" s="12"/>
    </row>
    <row r="312752" spans="8:8">
      <c r="H312752" s="12"/>
    </row>
    <row r="312753" spans="8:8">
      <c r="H312753" s="12"/>
    </row>
    <row r="312754" spans="8:8">
      <c r="H312754" s="12"/>
    </row>
    <row r="312755" spans="8:8">
      <c r="H312755" s="12"/>
    </row>
    <row r="312756" spans="8:8">
      <c r="H312756" s="12"/>
    </row>
    <row r="312757" spans="8:8">
      <c r="H312757" s="12"/>
    </row>
    <row r="312758" spans="8:8">
      <c r="H312758" s="12"/>
    </row>
    <row r="312759" spans="8:8">
      <c r="H312759" s="12"/>
    </row>
    <row r="312760" spans="8:8">
      <c r="H312760" s="12"/>
    </row>
    <row r="312761" spans="8:8">
      <c r="H312761" s="12"/>
    </row>
    <row r="312762" spans="8:8">
      <c r="H312762" s="12"/>
    </row>
    <row r="312763" spans="8:8">
      <c r="H312763" s="12"/>
    </row>
    <row r="312764" spans="8:8">
      <c r="H312764" s="12"/>
    </row>
    <row r="312765" spans="8:8">
      <c r="H312765" s="12"/>
    </row>
    <row r="312766" spans="8:8">
      <c r="H312766" s="12"/>
    </row>
    <row r="312767" spans="8:8">
      <c r="H312767" s="12"/>
    </row>
    <row r="312768" spans="8:8">
      <c r="H312768" s="12"/>
    </row>
    <row r="312769" spans="8:8">
      <c r="H312769" s="12"/>
    </row>
    <row r="312770" spans="8:8">
      <c r="H312770" s="12"/>
    </row>
    <row r="312771" spans="8:8">
      <c r="H312771" s="12"/>
    </row>
    <row r="312772" spans="8:8">
      <c r="H312772" s="12"/>
    </row>
    <row r="312773" spans="8:8">
      <c r="H312773" s="12"/>
    </row>
    <row r="312774" spans="8:8">
      <c r="H312774" s="12"/>
    </row>
    <row r="312775" spans="8:8">
      <c r="H312775" s="12"/>
    </row>
    <row r="312776" spans="8:8">
      <c r="H312776" s="12"/>
    </row>
    <row r="312777" spans="8:8">
      <c r="H312777" s="12"/>
    </row>
    <row r="312778" spans="8:8">
      <c r="H312778" s="12"/>
    </row>
    <row r="312779" spans="8:8">
      <c r="H312779" s="12"/>
    </row>
    <row r="312780" spans="8:8">
      <c r="H312780" s="12"/>
    </row>
    <row r="312781" spans="8:8">
      <c r="H312781" s="12"/>
    </row>
    <row r="312782" spans="8:8">
      <c r="H312782" s="12"/>
    </row>
    <row r="312783" spans="8:8">
      <c r="H312783" s="12"/>
    </row>
    <row r="312784" spans="8:8">
      <c r="H312784" s="12"/>
    </row>
    <row r="312785" spans="8:8">
      <c r="H312785" s="12"/>
    </row>
    <row r="312786" spans="8:8">
      <c r="H312786" s="12"/>
    </row>
    <row r="312787" spans="8:8">
      <c r="H312787" s="12"/>
    </row>
    <row r="312788" spans="8:8">
      <c r="H312788" s="12"/>
    </row>
    <row r="312789" spans="8:8">
      <c r="H312789" s="12"/>
    </row>
    <row r="312790" spans="8:8">
      <c r="H312790" s="12"/>
    </row>
    <row r="312791" spans="8:8">
      <c r="H312791" s="12"/>
    </row>
    <row r="312792" spans="8:8">
      <c r="H312792" s="12"/>
    </row>
    <row r="312793" spans="8:8">
      <c r="H312793" s="12"/>
    </row>
    <row r="312794" spans="8:8">
      <c r="H312794" s="12"/>
    </row>
    <row r="312795" spans="8:8">
      <c r="H312795" s="12"/>
    </row>
    <row r="312796" spans="8:8">
      <c r="H312796" s="12"/>
    </row>
    <row r="312797" spans="8:8">
      <c r="H312797" s="12"/>
    </row>
    <row r="312798" spans="8:8">
      <c r="H312798" s="12"/>
    </row>
    <row r="312799" spans="8:8">
      <c r="H312799" s="12"/>
    </row>
    <row r="312800" spans="8:8">
      <c r="H312800" s="12"/>
    </row>
    <row r="312801" spans="8:8">
      <c r="H312801" s="12"/>
    </row>
    <row r="312802" spans="8:8">
      <c r="H312802" s="12"/>
    </row>
    <row r="312803" spans="8:8">
      <c r="H312803" s="12"/>
    </row>
    <row r="312804" spans="8:8">
      <c r="H312804" s="12"/>
    </row>
    <row r="312805" spans="8:8">
      <c r="H312805" s="12"/>
    </row>
    <row r="312806" spans="8:8">
      <c r="H312806" s="12"/>
    </row>
    <row r="312807" spans="8:8">
      <c r="H312807" s="12"/>
    </row>
    <row r="312808" spans="8:8">
      <c r="H312808" s="12"/>
    </row>
    <row r="312809" spans="8:8">
      <c r="H312809" s="12"/>
    </row>
    <row r="312810" spans="8:8">
      <c r="H312810" s="12"/>
    </row>
    <row r="312811" spans="8:8">
      <c r="H312811" s="12"/>
    </row>
    <row r="312812" spans="8:8">
      <c r="H312812" s="12"/>
    </row>
    <row r="312813" spans="8:8">
      <c r="H312813" s="12"/>
    </row>
    <row r="312814" spans="8:8">
      <c r="H312814" s="12"/>
    </row>
    <row r="312815" spans="8:8">
      <c r="H312815" s="12"/>
    </row>
    <row r="312816" spans="8:8">
      <c r="H312816" s="12"/>
    </row>
    <row r="312817" spans="8:8">
      <c r="H312817" s="12"/>
    </row>
    <row r="312818" spans="8:8">
      <c r="H312818" s="12"/>
    </row>
    <row r="312819" spans="8:8">
      <c r="H312819" s="12"/>
    </row>
    <row r="312820" spans="8:8">
      <c r="H312820" s="12"/>
    </row>
    <row r="312821" spans="8:8">
      <c r="H312821" s="12"/>
    </row>
    <row r="312822" spans="8:8">
      <c r="H312822" s="12"/>
    </row>
    <row r="312823" spans="8:8">
      <c r="H312823" s="12"/>
    </row>
    <row r="312824" spans="8:8">
      <c r="H312824" s="12"/>
    </row>
    <row r="312825" spans="8:8">
      <c r="H312825" s="12"/>
    </row>
    <row r="312826" spans="8:8">
      <c r="H312826" s="12"/>
    </row>
    <row r="312827" spans="8:8">
      <c r="H312827" s="12"/>
    </row>
    <row r="312828" spans="8:8">
      <c r="H312828" s="12"/>
    </row>
    <row r="312829" spans="8:8">
      <c r="H312829" s="12"/>
    </row>
    <row r="312830" spans="8:8">
      <c r="H312830" s="12"/>
    </row>
    <row r="312831" spans="8:8">
      <c r="H312831" s="12"/>
    </row>
    <row r="312832" spans="8:8">
      <c r="H312832" s="12"/>
    </row>
    <row r="312833" spans="8:8">
      <c r="H312833" s="12"/>
    </row>
    <row r="312834" spans="8:8">
      <c r="H312834" s="12"/>
    </row>
    <row r="312835" spans="8:8">
      <c r="H312835" s="12"/>
    </row>
    <row r="312836" spans="8:8">
      <c r="H312836" s="12"/>
    </row>
    <row r="312837" spans="8:8">
      <c r="H312837" s="12"/>
    </row>
    <row r="312838" spans="8:8">
      <c r="H312838" s="12"/>
    </row>
    <row r="312839" spans="8:8">
      <c r="H312839" s="12"/>
    </row>
    <row r="312840" spans="8:8">
      <c r="H312840" s="12"/>
    </row>
    <row r="312841" spans="8:8">
      <c r="H312841" s="12"/>
    </row>
    <row r="312842" spans="8:8">
      <c r="H312842" s="12"/>
    </row>
    <row r="312843" spans="8:8">
      <c r="H312843" s="12"/>
    </row>
    <row r="312844" spans="8:8">
      <c r="H312844" s="12"/>
    </row>
    <row r="312845" spans="8:8">
      <c r="H312845" s="12"/>
    </row>
    <row r="312846" spans="8:8">
      <c r="H312846" s="12"/>
    </row>
    <row r="312847" spans="8:8">
      <c r="H312847" s="12"/>
    </row>
    <row r="312848" spans="8:8">
      <c r="H312848" s="12"/>
    </row>
    <row r="312849" spans="8:8">
      <c r="H312849" s="12"/>
    </row>
    <row r="312850" spans="8:8">
      <c r="H312850" s="12"/>
    </row>
    <row r="312851" spans="8:8">
      <c r="H312851" s="12"/>
    </row>
    <row r="312852" spans="8:8">
      <c r="H312852" s="12"/>
    </row>
    <row r="312853" spans="8:8">
      <c r="H312853" s="12"/>
    </row>
    <row r="312854" spans="8:8">
      <c r="H312854" s="12"/>
    </row>
    <row r="312855" spans="8:8">
      <c r="H312855" s="12"/>
    </row>
    <row r="312856" spans="8:8">
      <c r="H312856" s="12"/>
    </row>
    <row r="312857" spans="8:8">
      <c r="H312857" s="12"/>
    </row>
    <row r="312858" spans="8:8">
      <c r="H312858" s="12"/>
    </row>
    <row r="312859" spans="8:8">
      <c r="H312859" s="12"/>
    </row>
    <row r="312860" spans="8:8">
      <c r="H312860" s="12"/>
    </row>
    <row r="312861" spans="8:8">
      <c r="H312861" s="12"/>
    </row>
    <row r="312862" spans="8:8">
      <c r="H312862" s="12"/>
    </row>
    <row r="312863" spans="8:8">
      <c r="H312863" s="12"/>
    </row>
    <row r="312864" spans="8:8">
      <c r="H312864" s="12"/>
    </row>
    <row r="312865" spans="8:8">
      <c r="H312865" s="12"/>
    </row>
    <row r="312866" spans="8:8">
      <c r="H312866" s="12"/>
    </row>
    <row r="312867" spans="8:8">
      <c r="H312867" s="12"/>
    </row>
    <row r="312868" spans="8:8">
      <c r="H312868" s="12"/>
    </row>
    <row r="312869" spans="8:8">
      <c r="H312869" s="12"/>
    </row>
    <row r="312870" spans="8:8">
      <c r="H312870" s="12"/>
    </row>
    <row r="312871" spans="8:8">
      <c r="H312871" s="12"/>
    </row>
    <row r="312872" spans="8:8">
      <c r="H312872" s="12"/>
    </row>
    <row r="312873" spans="8:8">
      <c r="H312873" s="12"/>
    </row>
    <row r="312874" spans="8:8">
      <c r="H312874" s="12"/>
    </row>
    <row r="312875" spans="8:8">
      <c r="H312875" s="12"/>
    </row>
    <row r="312876" spans="8:8">
      <c r="H312876" s="12"/>
    </row>
    <row r="312877" spans="8:8">
      <c r="H312877" s="12"/>
    </row>
    <row r="312878" spans="8:8">
      <c r="H312878" s="12"/>
    </row>
    <row r="312879" spans="8:8">
      <c r="H312879" s="12"/>
    </row>
    <row r="312880" spans="8:8">
      <c r="H312880" s="12"/>
    </row>
    <row r="312881" spans="8:8">
      <c r="H312881" s="12"/>
    </row>
    <row r="312882" spans="8:8">
      <c r="H312882" s="12"/>
    </row>
    <row r="312883" spans="8:8">
      <c r="H312883" s="12"/>
    </row>
    <row r="312884" spans="8:8">
      <c r="H312884" s="12"/>
    </row>
    <row r="312885" spans="8:8">
      <c r="H312885" s="12"/>
    </row>
    <row r="312886" spans="8:8">
      <c r="H312886" s="12"/>
    </row>
    <row r="312887" spans="8:8">
      <c r="H312887" s="12"/>
    </row>
    <row r="312888" spans="8:8">
      <c r="H312888" s="12"/>
    </row>
    <row r="312889" spans="8:8">
      <c r="H312889" s="12"/>
    </row>
    <row r="312890" spans="8:8">
      <c r="H312890" s="12"/>
    </row>
    <row r="312891" spans="8:8">
      <c r="H312891" s="12"/>
    </row>
    <row r="312892" spans="8:8">
      <c r="H312892" s="12"/>
    </row>
    <row r="312893" spans="8:8">
      <c r="H312893" s="12"/>
    </row>
    <row r="312894" spans="8:8">
      <c r="H312894" s="12"/>
    </row>
    <row r="312895" spans="8:8">
      <c r="H312895" s="12"/>
    </row>
    <row r="312896" spans="8:8">
      <c r="H312896" s="12"/>
    </row>
    <row r="312897" spans="8:8">
      <c r="H312897" s="12"/>
    </row>
    <row r="312898" spans="8:8">
      <c r="H312898" s="12"/>
    </row>
    <row r="312899" spans="8:8">
      <c r="H312899" s="12"/>
    </row>
    <row r="312900" spans="8:8">
      <c r="H312900" s="12"/>
    </row>
    <row r="312901" spans="8:8">
      <c r="H312901" s="12"/>
    </row>
    <row r="312902" spans="8:8">
      <c r="H312902" s="12"/>
    </row>
    <row r="312903" spans="8:8">
      <c r="H312903" s="12"/>
    </row>
    <row r="312904" spans="8:8">
      <c r="H312904" s="12"/>
    </row>
    <row r="312905" spans="8:8">
      <c r="H312905" s="12"/>
    </row>
    <row r="312906" spans="8:8">
      <c r="H312906" s="12"/>
    </row>
    <row r="312907" spans="8:8">
      <c r="H312907" s="12"/>
    </row>
    <row r="312908" spans="8:8">
      <c r="H312908" s="12"/>
    </row>
    <row r="312909" spans="8:8">
      <c r="H312909" s="12"/>
    </row>
    <row r="312910" spans="8:8">
      <c r="H312910" s="12"/>
    </row>
    <row r="312911" spans="8:8">
      <c r="H312911" s="12"/>
    </row>
    <row r="312912" spans="8:8">
      <c r="H312912" s="12"/>
    </row>
    <row r="312913" spans="8:8">
      <c r="H312913" s="12"/>
    </row>
    <row r="312914" spans="8:8">
      <c r="H312914" s="12"/>
    </row>
    <row r="312915" spans="8:8">
      <c r="H312915" s="12"/>
    </row>
    <row r="312916" spans="8:8">
      <c r="H312916" s="12"/>
    </row>
    <row r="312917" spans="8:8">
      <c r="H312917" s="12"/>
    </row>
    <row r="312918" spans="8:8">
      <c r="H312918" s="12"/>
    </row>
    <row r="312919" spans="8:8">
      <c r="H312919" s="12"/>
    </row>
    <row r="312920" spans="8:8">
      <c r="H312920" s="12"/>
    </row>
    <row r="312921" spans="8:8">
      <c r="H312921" s="12"/>
    </row>
    <row r="312922" spans="8:8">
      <c r="H312922" s="12"/>
    </row>
    <row r="312923" spans="8:8">
      <c r="H312923" s="12"/>
    </row>
    <row r="312924" spans="8:8">
      <c r="H312924" s="12"/>
    </row>
    <row r="312925" spans="8:8">
      <c r="H312925" s="12"/>
    </row>
    <row r="312926" spans="8:8">
      <c r="H312926" s="12"/>
    </row>
    <row r="312927" spans="8:8">
      <c r="H312927" s="12"/>
    </row>
    <row r="312928" spans="8:8">
      <c r="H312928" s="12"/>
    </row>
    <row r="312929" spans="8:8">
      <c r="H312929" s="12"/>
    </row>
    <row r="312930" spans="8:8">
      <c r="H312930" s="12"/>
    </row>
    <row r="312931" spans="8:8">
      <c r="H312931" s="12"/>
    </row>
    <row r="312932" spans="8:8">
      <c r="H312932" s="12"/>
    </row>
    <row r="312933" spans="8:8">
      <c r="H312933" s="12"/>
    </row>
    <row r="312934" spans="8:8">
      <c r="H312934" s="12"/>
    </row>
    <row r="312935" spans="8:8">
      <c r="H312935" s="12"/>
    </row>
    <row r="312936" spans="8:8">
      <c r="H312936" s="12"/>
    </row>
    <row r="312937" spans="8:8">
      <c r="H312937" s="12"/>
    </row>
    <row r="312938" spans="8:8">
      <c r="H312938" s="12"/>
    </row>
    <row r="312939" spans="8:8">
      <c r="H312939" s="12"/>
    </row>
    <row r="312940" spans="8:8">
      <c r="H312940" s="12"/>
    </row>
    <row r="312941" spans="8:8">
      <c r="H312941" s="12"/>
    </row>
    <row r="312942" spans="8:8">
      <c r="H312942" s="12"/>
    </row>
    <row r="312943" spans="8:8">
      <c r="H312943" s="12"/>
    </row>
    <row r="312944" spans="8:8">
      <c r="H312944" s="12"/>
    </row>
    <row r="312945" spans="8:8">
      <c r="H312945" s="12"/>
    </row>
    <row r="312946" spans="8:8">
      <c r="H312946" s="12"/>
    </row>
    <row r="312947" spans="8:8">
      <c r="H312947" s="12"/>
    </row>
    <row r="312948" spans="8:8">
      <c r="H312948" s="12"/>
    </row>
    <row r="312949" spans="8:8">
      <c r="H312949" s="12"/>
    </row>
    <row r="312950" spans="8:8">
      <c r="H312950" s="12"/>
    </row>
    <row r="312951" spans="8:8">
      <c r="H312951" s="12"/>
    </row>
    <row r="312952" spans="8:8">
      <c r="H312952" s="12"/>
    </row>
    <row r="312953" spans="8:8">
      <c r="H312953" s="12"/>
    </row>
    <row r="312954" spans="8:8">
      <c r="H312954" s="12"/>
    </row>
    <row r="312955" spans="8:8">
      <c r="H312955" s="12"/>
    </row>
    <row r="312956" spans="8:8">
      <c r="H312956" s="12"/>
    </row>
    <row r="312957" spans="8:8">
      <c r="H312957" s="12"/>
    </row>
    <row r="312958" spans="8:8">
      <c r="H312958" s="12"/>
    </row>
    <row r="312959" spans="8:8">
      <c r="H312959" s="12"/>
    </row>
    <row r="312960" spans="8:8">
      <c r="H312960" s="12"/>
    </row>
    <row r="312961" spans="8:8">
      <c r="H312961" s="12"/>
    </row>
    <row r="312962" spans="8:8">
      <c r="H312962" s="12"/>
    </row>
    <row r="312963" spans="8:8">
      <c r="H312963" s="12"/>
    </row>
    <row r="312964" spans="8:8">
      <c r="H312964" s="12"/>
    </row>
    <row r="312965" spans="8:8">
      <c r="H312965" s="12"/>
    </row>
    <row r="312966" spans="8:8">
      <c r="H312966" s="12"/>
    </row>
    <row r="312967" spans="8:8">
      <c r="H312967" s="12"/>
    </row>
    <row r="312968" spans="8:8">
      <c r="H312968" s="12"/>
    </row>
    <row r="312969" spans="8:8">
      <c r="H312969" s="12"/>
    </row>
    <row r="312970" spans="8:8">
      <c r="H312970" s="12"/>
    </row>
    <row r="312971" spans="8:8">
      <c r="H312971" s="12"/>
    </row>
    <row r="312972" spans="8:8">
      <c r="H312972" s="12"/>
    </row>
    <row r="312973" spans="8:8">
      <c r="H312973" s="12"/>
    </row>
    <row r="312974" spans="8:8">
      <c r="H312974" s="12"/>
    </row>
    <row r="312975" spans="8:8">
      <c r="H312975" s="12"/>
    </row>
    <row r="312976" spans="8:8">
      <c r="H312976" s="12"/>
    </row>
    <row r="312977" spans="8:8">
      <c r="H312977" s="12"/>
    </row>
    <row r="312978" spans="8:8">
      <c r="H312978" s="12"/>
    </row>
    <row r="312979" spans="8:8">
      <c r="H312979" s="12"/>
    </row>
    <row r="312980" spans="8:8">
      <c r="H312980" s="12"/>
    </row>
    <row r="312981" spans="8:8">
      <c r="H312981" s="12"/>
    </row>
    <row r="312982" spans="8:8">
      <c r="H312982" s="12"/>
    </row>
    <row r="312983" spans="8:8">
      <c r="H312983" s="12"/>
    </row>
    <row r="312984" spans="8:8">
      <c r="H312984" s="12"/>
    </row>
    <row r="312985" spans="8:8">
      <c r="H312985" s="12"/>
    </row>
    <row r="312986" spans="8:8">
      <c r="H312986" s="12"/>
    </row>
    <row r="312987" spans="8:8">
      <c r="H312987" s="12"/>
    </row>
    <row r="312988" spans="8:8">
      <c r="H312988" s="12"/>
    </row>
    <row r="312989" spans="8:8">
      <c r="H312989" s="12"/>
    </row>
    <row r="312990" spans="8:8">
      <c r="H312990" s="12"/>
    </row>
    <row r="312991" spans="8:8">
      <c r="H312991" s="12"/>
    </row>
    <row r="312992" spans="8:8">
      <c r="H312992" s="12"/>
    </row>
    <row r="312993" spans="8:8">
      <c r="H312993" s="12"/>
    </row>
    <row r="312994" spans="8:8">
      <c r="H312994" s="12"/>
    </row>
    <row r="312995" spans="8:8">
      <c r="H312995" s="12"/>
    </row>
    <row r="312996" spans="8:8">
      <c r="H312996" s="12"/>
    </row>
    <row r="312997" spans="8:8">
      <c r="H312997" s="12"/>
    </row>
    <row r="312998" spans="8:8">
      <c r="H312998" s="12"/>
    </row>
    <row r="312999" spans="8:8">
      <c r="H312999" s="12"/>
    </row>
    <row r="313000" spans="8:8">
      <c r="H313000" s="12"/>
    </row>
    <row r="313001" spans="8:8">
      <c r="H313001" s="12"/>
    </row>
    <row r="313002" spans="8:8">
      <c r="H313002" s="12"/>
    </row>
    <row r="313003" spans="8:8">
      <c r="H313003" s="12"/>
    </row>
    <row r="313004" spans="8:8">
      <c r="H313004" s="12"/>
    </row>
    <row r="313005" spans="8:8">
      <c r="H313005" s="12"/>
    </row>
    <row r="313006" spans="8:8">
      <c r="H313006" s="12"/>
    </row>
    <row r="313007" spans="8:8">
      <c r="H313007" s="12"/>
    </row>
    <row r="313008" spans="8:8">
      <c r="H313008" s="12"/>
    </row>
    <row r="313009" spans="8:8">
      <c r="H313009" s="12"/>
    </row>
    <row r="313010" spans="8:8">
      <c r="H313010" s="12"/>
    </row>
    <row r="313011" spans="8:8">
      <c r="H313011" s="12"/>
    </row>
    <row r="313012" spans="8:8">
      <c r="H313012" s="12"/>
    </row>
    <row r="313013" spans="8:8">
      <c r="H313013" s="12"/>
    </row>
    <row r="313014" spans="8:8">
      <c r="H313014" s="12"/>
    </row>
    <row r="313015" spans="8:8">
      <c r="H313015" s="12"/>
    </row>
    <row r="313016" spans="8:8">
      <c r="H313016" s="12"/>
    </row>
    <row r="313017" spans="8:8">
      <c r="H313017" s="12"/>
    </row>
    <row r="313018" spans="8:8">
      <c r="H313018" s="12"/>
    </row>
    <row r="313019" spans="8:8">
      <c r="H313019" s="12"/>
    </row>
    <row r="313020" spans="8:8">
      <c r="H313020" s="12"/>
    </row>
    <row r="313021" spans="8:8">
      <c r="H313021" s="12"/>
    </row>
    <row r="313022" spans="8:8">
      <c r="H313022" s="12"/>
    </row>
    <row r="313023" spans="8:8">
      <c r="H313023" s="12"/>
    </row>
    <row r="313024" spans="8:8">
      <c r="H313024" s="12"/>
    </row>
    <row r="313025" spans="8:8">
      <c r="H313025" s="12"/>
    </row>
    <row r="313026" spans="8:8">
      <c r="H313026" s="12"/>
    </row>
    <row r="313027" spans="8:8">
      <c r="H313027" s="12"/>
    </row>
    <row r="313028" spans="8:8">
      <c r="H313028" s="12"/>
    </row>
    <row r="313029" spans="8:8">
      <c r="H313029" s="12"/>
    </row>
    <row r="313030" spans="8:8">
      <c r="H313030" s="12"/>
    </row>
    <row r="313031" spans="8:8">
      <c r="H313031" s="12"/>
    </row>
    <row r="313032" spans="8:8">
      <c r="H313032" s="12"/>
    </row>
    <row r="313033" spans="8:8">
      <c r="H313033" s="12"/>
    </row>
    <row r="313034" spans="8:8">
      <c r="H313034" s="12"/>
    </row>
    <row r="313035" spans="8:8">
      <c r="H313035" s="12"/>
    </row>
    <row r="313036" spans="8:8">
      <c r="H313036" s="12"/>
    </row>
    <row r="313037" spans="8:8">
      <c r="H313037" s="12"/>
    </row>
    <row r="313038" spans="8:8">
      <c r="H313038" s="12"/>
    </row>
    <row r="313039" spans="8:8">
      <c r="H313039" s="12"/>
    </row>
    <row r="313040" spans="8:8">
      <c r="H313040" s="12"/>
    </row>
    <row r="313041" spans="8:8">
      <c r="H313041" s="12"/>
    </row>
    <row r="313042" spans="8:8">
      <c r="H313042" s="12"/>
    </row>
    <row r="313043" spans="8:8">
      <c r="H313043" s="12"/>
    </row>
    <row r="313044" spans="8:8">
      <c r="H313044" s="12"/>
    </row>
    <row r="313045" spans="8:8">
      <c r="H313045" s="12"/>
    </row>
    <row r="313046" spans="8:8">
      <c r="H313046" s="12"/>
    </row>
    <row r="313047" spans="8:8">
      <c r="H313047" s="12"/>
    </row>
    <row r="313048" spans="8:8">
      <c r="H313048" s="12"/>
    </row>
    <row r="313049" spans="8:8">
      <c r="H313049" s="12"/>
    </row>
    <row r="313050" spans="8:8">
      <c r="H313050" s="12"/>
    </row>
    <row r="313051" spans="8:8">
      <c r="H313051" s="12"/>
    </row>
    <row r="313052" spans="8:8">
      <c r="H313052" s="12"/>
    </row>
    <row r="313053" spans="8:8">
      <c r="H313053" s="12"/>
    </row>
    <row r="313054" spans="8:8">
      <c r="H313054" s="12"/>
    </row>
    <row r="313055" spans="8:8">
      <c r="H313055" s="12"/>
    </row>
    <row r="313056" spans="8:8">
      <c r="H313056" s="12"/>
    </row>
    <row r="313057" spans="8:8">
      <c r="H313057" s="12"/>
    </row>
    <row r="313058" spans="8:8">
      <c r="H313058" s="12"/>
    </row>
    <row r="313059" spans="8:8">
      <c r="H313059" s="12"/>
    </row>
    <row r="313060" spans="8:8">
      <c r="H313060" s="12"/>
    </row>
    <row r="313061" spans="8:8">
      <c r="H313061" s="12"/>
    </row>
    <row r="313062" spans="8:8">
      <c r="H313062" s="12"/>
    </row>
    <row r="313063" spans="8:8">
      <c r="H313063" s="12"/>
    </row>
    <row r="313064" spans="8:8">
      <c r="H313064" s="12"/>
    </row>
    <row r="313065" spans="8:8">
      <c r="H313065" s="12"/>
    </row>
    <row r="313066" spans="8:8">
      <c r="H313066" s="12"/>
    </row>
    <row r="313067" spans="8:8">
      <c r="H313067" s="12"/>
    </row>
    <row r="313068" spans="8:8">
      <c r="H313068" s="12"/>
    </row>
    <row r="313069" spans="8:8">
      <c r="H313069" s="12"/>
    </row>
    <row r="313070" spans="8:8">
      <c r="H313070" s="12"/>
    </row>
    <row r="313071" spans="8:8">
      <c r="H313071" s="12"/>
    </row>
    <row r="313072" spans="8:8">
      <c r="H313072" s="12"/>
    </row>
    <row r="313073" spans="8:8">
      <c r="H313073" s="12"/>
    </row>
    <row r="313074" spans="8:8">
      <c r="H313074" s="12"/>
    </row>
    <row r="313075" spans="8:8">
      <c r="H313075" s="12"/>
    </row>
    <row r="313076" spans="8:8">
      <c r="H313076" s="12"/>
    </row>
    <row r="313077" spans="8:8">
      <c r="H313077" s="12"/>
    </row>
    <row r="313078" spans="8:8">
      <c r="H313078" s="12"/>
    </row>
    <row r="313079" spans="8:8">
      <c r="H313079" s="12"/>
    </row>
    <row r="313080" spans="8:8">
      <c r="H313080" s="12"/>
    </row>
    <row r="313081" spans="8:8">
      <c r="H313081" s="12"/>
    </row>
    <row r="313082" spans="8:8">
      <c r="H313082" s="12"/>
    </row>
    <row r="313083" spans="8:8">
      <c r="H313083" s="12"/>
    </row>
    <row r="313084" spans="8:8">
      <c r="H313084" s="12"/>
    </row>
    <row r="313085" spans="8:8">
      <c r="H313085" s="12"/>
    </row>
    <row r="313086" spans="8:8">
      <c r="H313086" s="12"/>
    </row>
    <row r="313087" spans="8:8">
      <c r="H313087" s="12"/>
    </row>
    <row r="313088" spans="8:8">
      <c r="H313088" s="12"/>
    </row>
    <row r="313089" spans="8:8">
      <c r="H313089" s="12"/>
    </row>
    <row r="313090" spans="8:8">
      <c r="H313090" s="12"/>
    </row>
    <row r="313091" spans="8:8">
      <c r="H313091" s="12"/>
    </row>
    <row r="313092" spans="8:8">
      <c r="H313092" s="12"/>
    </row>
    <row r="313093" spans="8:8">
      <c r="H313093" s="12"/>
    </row>
    <row r="313094" spans="8:8">
      <c r="H313094" s="12"/>
    </row>
    <row r="313095" spans="8:8">
      <c r="H313095" s="12"/>
    </row>
    <row r="313096" spans="8:8">
      <c r="H313096" s="12"/>
    </row>
    <row r="313097" spans="8:8">
      <c r="H313097" s="12"/>
    </row>
    <row r="313098" spans="8:8">
      <c r="H313098" s="12"/>
    </row>
    <row r="313099" spans="8:8">
      <c r="H313099" s="12"/>
    </row>
    <row r="313100" spans="8:8">
      <c r="H313100" s="12"/>
    </row>
    <row r="313101" spans="8:8">
      <c r="H313101" s="12"/>
    </row>
    <row r="313102" spans="8:8">
      <c r="H313102" s="12"/>
    </row>
    <row r="313103" spans="8:8">
      <c r="H313103" s="12"/>
    </row>
    <row r="313104" spans="8:8">
      <c r="H313104" s="12"/>
    </row>
    <row r="313105" spans="8:8">
      <c r="H313105" s="12"/>
    </row>
    <row r="313106" spans="8:8">
      <c r="H313106" s="12"/>
    </row>
    <row r="313107" spans="8:8">
      <c r="H313107" s="12"/>
    </row>
    <row r="313108" spans="8:8">
      <c r="H313108" s="12"/>
    </row>
    <row r="313109" spans="8:8">
      <c r="H313109" s="12"/>
    </row>
    <row r="313110" spans="8:8">
      <c r="H313110" s="12"/>
    </row>
    <row r="313111" spans="8:8">
      <c r="H313111" s="12"/>
    </row>
    <row r="313112" spans="8:8">
      <c r="H313112" s="12"/>
    </row>
    <row r="313113" spans="8:8">
      <c r="H313113" s="12"/>
    </row>
    <row r="313114" spans="8:8">
      <c r="H313114" s="12"/>
    </row>
    <row r="313115" spans="8:8">
      <c r="H313115" s="12"/>
    </row>
    <row r="313116" spans="8:8">
      <c r="H313116" s="12"/>
    </row>
    <row r="313117" spans="8:8">
      <c r="H313117" s="12"/>
    </row>
    <row r="313118" spans="8:8">
      <c r="H313118" s="12"/>
    </row>
    <row r="313119" spans="8:8">
      <c r="H313119" s="12"/>
    </row>
    <row r="313120" spans="8:8">
      <c r="H313120" s="12"/>
    </row>
    <row r="313121" spans="8:8">
      <c r="H313121" s="12"/>
    </row>
    <row r="313122" spans="8:8">
      <c r="H313122" s="12"/>
    </row>
    <row r="313123" spans="8:8">
      <c r="H313123" s="12"/>
    </row>
    <row r="313124" spans="8:8">
      <c r="H313124" s="12"/>
    </row>
    <row r="313125" spans="8:8">
      <c r="H313125" s="12"/>
    </row>
    <row r="313126" spans="8:8">
      <c r="H313126" s="12"/>
    </row>
    <row r="313127" spans="8:8">
      <c r="H313127" s="12"/>
    </row>
    <row r="313128" spans="8:8">
      <c r="H313128" s="12"/>
    </row>
    <row r="313129" spans="8:8">
      <c r="H313129" s="12"/>
    </row>
    <row r="313130" spans="8:8">
      <c r="H313130" s="12"/>
    </row>
    <row r="313131" spans="8:8">
      <c r="H313131" s="12"/>
    </row>
    <row r="313132" spans="8:8">
      <c r="H313132" s="12"/>
    </row>
    <row r="313133" spans="8:8">
      <c r="H313133" s="12"/>
    </row>
    <row r="313134" spans="8:8">
      <c r="H313134" s="12"/>
    </row>
    <row r="313135" spans="8:8">
      <c r="H313135" s="12"/>
    </row>
    <row r="313136" spans="8:8">
      <c r="H313136" s="12"/>
    </row>
    <row r="313137" spans="8:8">
      <c r="H313137" s="12"/>
    </row>
    <row r="313138" spans="8:8">
      <c r="H313138" s="12"/>
    </row>
    <row r="313139" spans="8:8">
      <c r="H313139" s="12"/>
    </row>
    <row r="313140" spans="8:8">
      <c r="H313140" s="12"/>
    </row>
    <row r="313141" spans="8:8">
      <c r="H313141" s="12"/>
    </row>
    <row r="313142" spans="8:8">
      <c r="H313142" s="12"/>
    </row>
    <row r="313143" spans="8:8">
      <c r="H313143" s="12"/>
    </row>
    <row r="313144" spans="8:8">
      <c r="H313144" s="12"/>
    </row>
    <row r="313145" spans="8:8">
      <c r="H313145" s="12"/>
    </row>
    <row r="313146" spans="8:8">
      <c r="H313146" s="12"/>
    </row>
    <row r="313147" spans="8:8">
      <c r="H313147" s="12"/>
    </row>
    <row r="313148" spans="8:8">
      <c r="H313148" s="12"/>
    </row>
    <row r="313149" spans="8:8">
      <c r="H313149" s="12"/>
    </row>
    <row r="313150" spans="8:8">
      <c r="H313150" s="12"/>
    </row>
    <row r="313151" spans="8:8">
      <c r="H313151" s="12"/>
    </row>
    <row r="313152" spans="8:8">
      <c r="H313152" s="12"/>
    </row>
    <row r="313153" spans="8:8">
      <c r="H313153" s="12"/>
    </row>
    <row r="313154" spans="8:8">
      <c r="H313154" s="12"/>
    </row>
    <row r="313155" spans="8:8">
      <c r="H313155" s="12"/>
    </row>
    <row r="313156" spans="8:8">
      <c r="H313156" s="12"/>
    </row>
    <row r="313157" spans="8:8">
      <c r="H313157" s="12"/>
    </row>
    <row r="313158" spans="8:8">
      <c r="H313158" s="12"/>
    </row>
    <row r="313159" spans="8:8">
      <c r="H313159" s="12"/>
    </row>
    <row r="313160" spans="8:8">
      <c r="H313160" s="12"/>
    </row>
    <row r="313161" spans="8:8">
      <c r="H313161" s="12"/>
    </row>
    <row r="313162" spans="8:8">
      <c r="H313162" s="12"/>
    </row>
    <row r="313163" spans="8:8">
      <c r="H313163" s="12"/>
    </row>
    <row r="313164" spans="8:8">
      <c r="H313164" s="12"/>
    </row>
    <row r="313165" spans="8:8">
      <c r="H313165" s="12"/>
    </row>
    <row r="313166" spans="8:8">
      <c r="H313166" s="12"/>
    </row>
    <row r="313167" spans="8:8">
      <c r="H313167" s="12"/>
    </row>
    <row r="313168" spans="8:8">
      <c r="H313168" s="12"/>
    </row>
    <row r="313169" spans="8:8">
      <c r="H313169" s="12"/>
    </row>
    <row r="313170" spans="8:8">
      <c r="H313170" s="12"/>
    </row>
    <row r="313171" spans="8:8">
      <c r="H313171" s="12"/>
    </row>
    <row r="313172" spans="8:8">
      <c r="H313172" s="12"/>
    </row>
    <row r="313173" spans="8:8">
      <c r="H313173" s="12"/>
    </row>
    <row r="313174" spans="8:8">
      <c r="H313174" s="12"/>
    </row>
    <row r="313175" spans="8:8">
      <c r="H313175" s="12"/>
    </row>
    <row r="313176" spans="8:8">
      <c r="H313176" s="12"/>
    </row>
    <row r="313177" spans="8:8">
      <c r="H313177" s="12"/>
    </row>
    <row r="313178" spans="8:8">
      <c r="H313178" s="12"/>
    </row>
    <row r="313179" spans="8:8">
      <c r="H313179" s="12"/>
    </row>
    <row r="313180" spans="8:8">
      <c r="H313180" s="12"/>
    </row>
    <row r="313181" spans="8:8">
      <c r="H313181" s="12"/>
    </row>
    <row r="313182" spans="8:8">
      <c r="H313182" s="12"/>
    </row>
    <row r="313183" spans="8:8">
      <c r="H313183" s="12"/>
    </row>
    <row r="313184" spans="8:8">
      <c r="H313184" s="12"/>
    </row>
    <row r="313185" spans="8:8">
      <c r="H313185" s="12"/>
    </row>
    <row r="313186" spans="8:8">
      <c r="H313186" s="12"/>
    </row>
    <row r="313187" spans="8:8">
      <c r="H313187" s="12"/>
    </row>
    <row r="313188" spans="8:8">
      <c r="H313188" s="12"/>
    </row>
    <row r="313189" spans="8:8">
      <c r="H313189" s="12"/>
    </row>
    <row r="313190" spans="8:8">
      <c r="H313190" s="12"/>
    </row>
    <row r="313191" spans="8:8">
      <c r="H313191" s="12"/>
    </row>
    <row r="313192" spans="8:8">
      <c r="H313192" s="12"/>
    </row>
    <row r="313193" spans="8:8">
      <c r="H313193" s="12"/>
    </row>
    <row r="313194" spans="8:8">
      <c r="H313194" s="12"/>
    </row>
    <row r="313195" spans="8:8">
      <c r="H313195" s="12"/>
    </row>
    <row r="313196" spans="8:8">
      <c r="H313196" s="12"/>
    </row>
    <row r="313197" spans="8:8">
      <c r="H313197" s="12"/>
    </row>
    <row r="313198" spans="8:8">
      <c r="H313198" s="12"/>
    </row>
    <row r="313199" spans="8:8">
      <c r="H313199" s="12"/>
    </row>
    <row r="313200" spans="8:8">
      <c r="H313200" s="12"/>
    </row>
    <row r="313201" spans="8:8">
      <c r="H313201" s="12"/>
    </row>
    <row r="313202" spans="8:8">
      <c r="H313202" s="12"/>
    </row>
    <row r="313203" spans="8:8">
      <c r="H313203" s="12"/>
    </row>
    <row r="313204" spans="8:8">
      <c r="H313204" s="12"/>
    </row>
    <row r="313205" spans="8:8">
      <c r="H313205" s="12"/>
    </row>
    <row r="313206" spans="8:8">
      <c r="H313206" s="12"/>
    </row>
    <row r="313207" spans="8:8">
      <c r="H313207" s="12"/>
    </row>
    <row r="313208" spans="8:8">
      <c r="H313208" s="12"/>
    </row>
    <row r="313209" spans="8:8">
      <c r="H313209" s="12"/>
    </row>
    <row r="313210" spans="8:8">
      <c r="H313210" s="12"/>
    </row>
    <row r="313211" spans="8:8">
      <c r="H313211" s="12"/>
    </row>
    <row r="313212" spans="8:8">
      <c r="H313212" s="12"/>
    </row>
    <row r="313213" spans="8:8">
      <c r="H313213" s="12"/>
    </row>
    <row r="313214" spans="8:8">
      <c r="H313214" s="12"/>
    </row>
    <row r="313215" spans="8:8">
      <c r="H313215" s="12"/>
    </row>
    <row r="313216" spans="8:8">
      <c r="H313216" s="12"/>
    </row>
    <row r="313217" spans="8:8">
      <c r="H313217" s="12"/>
    </row>
    <row r="313218" spans="8:8">
      <c r="H313218" s="12"/>
    </row>
    <row r="313219" spans="8:8">
      <c r="H313219" s="12"/>
    </row>
    <row r="313220" spans="8:8">
      <c r="H313220" s="12"/>
    </row>
    <row r="313221" spans="8:8">
      <c r="H313221" s="12"/>
    </row>
    <row r="313222" spans="8:8">
      <c r="H313222" s="12"/>
    </row>
    <row r="313223" spans="8:8">
      <c r="H313223" s="12"/>
    </row>
    <row r="313224" spans="8:8">
      <c r="H313224" s="12"/>
    </row>
    <row r="313225" spans="8:8">
      <c r="H313225" s="12"/>
    </row>
    <row r="313226" spans="8:8">
      <c r="H313226" s="12"/>
    </row>
    <row r="313227" spans="8:8">
      <c r="H313227" s="12"/>
    </row>
    <row r="313228" spans="8:8">
      <c r="H313228" s="12"/>
    </row>
    <row r="313229" spans="8:8">
      <c r="H313229" s="12"/>
    </row>
    <row r="313230" spans="8:8">
      <c r="H313230" s="12"/>
    </row>
    <row r="313231" spans="8:8">
      <c r="H313231" s="12"/>
    </row>
    <row r="313232" spans="8:8">
      <c r="H313232" s="12"/>
    </row>
    <row r="313233" spans="8:8">
      <c r="H313233" s="12"/>
    </row>
    <row r="313234" spans="8:8">
      <c r="H313234" s="12"/>
    </row>
    <row r="313235" spans="8:8">
      <c r="H313235" s="12"/>
    </row>
    <row r="313236" spans="8:8">
      <c r="H313236" s="12"/>
    </row>
    <row r="313237" spans="8:8">
      <c r="H313237" s="12"/>
    </row>
    <row r="313238" spans="8:8">
      <c r="H313238" s="12"/>
    </row>
    <row r="313239" spans="8:8">
      <c r="H313239" s="12"/>
    </row>
    <row r="313240" spans="8:8">
      <c r="H313240" s="12"/>
    </row>
    <row r="313241" spans="8:8">
      <c r="H313241" s="12"/>
    </row>
    <row r="313242" spans="8:8">
      <c r="H313242" s="12"/>
    </row>
    <row r="313243" spans="8:8">
      <c r="H313243" s="12"/>
    </row>
    <row r="313244" spans="8:8">
      <c r="H313244" s="12"/>
    </row>
    <row r="313245" spans="8:8">
      <c r="H313245" s="12"/>
    </row>
    <row r="313246" spans="8:8">
      <c r="H313246" s="12"/>
    </row>
    <row r="313247" spans="8:8">
      <c r="H313247" s="12"/>
    </row>
    <row r="313248" spans="8:8">
      <c r="H313248" s="12"/>
    </row>
    <row r="313249" spans="8:8">
      <c r="H313249" s="12"/>
    </row>
    <row r="313250" spans="8:8">
      <c r="H313250" s="12"/>
    </row>
    <row r="313251" spans="8:8">
      <c r="H313251" s="12"/>
    </row>
    <row r="313252" spans="8:8">
      <c r="H313252" s="12"/>
    </row>
    <row r="313253" spans="8:8">
      <c r="H313253" s="12"/>
    </row>
    <row r="313254" spans="8:8">
      <c r="H313254" s="12"/>
    </row>
    <row r="313255" spans="8:8">
      <c r="H313255" s="12"/>
    </row>
    <row r="313256" spans="8:8">
      <c r="H313256" s="12"/>
    </row>
    <row r="313257" spans="8:8">
      <c r="H313257" s="12"/>
    </row>
    <row r="313258" spans="8:8">
      <c r="H313258" s="12"/>
    </row>
    <row r="313259" spans="8:8">
      <c r="H313259" s="12"/>
    </row>
    <row r="313260" spans="8:8">
      <c r="H313260" s="12"/>
    </row>
    <row r="313261" spans="8:8">
      <c r="H313261" s="12"/>
    </row>
    <row r="313262" spans="8:8">
      <c r="H313262" s="12"/>
    </row>
    <row r="313263" spans="8:8">
      <c r="H313263" s="12"/>
    </row>
    <row r="313264" spans="8:8">
      <c r="H313264" s="12"/>
    </row>
    <row r="313265" spans="8:8">
      <c r="H313265" s="12"/>
    </row>
    <row r="313266" spans="8:8">
      <c r="H313266" s="12"/>
    </row>
    <row r="313267" spans="8:8">
      <c r="H313267" s="12"/>
    </row>
    <row r="313268" spans="8:8">
      <c r="H313268" s="12"/>
    </row>
    <row r="313269" spans="8:8">
      <c r="H313269" s="12"/>
    </row>
    <row r="313270" spans="8:8">
      <c r="H313270" s="12"/>
    </row>
    <row r="313271" spans="8:8">
      <c r="H313271" s="12"/>
    </row>
    <row r="313272" spans="8:8">
      <c r="H313272" s="12"/>
    </row>
    <row r="313273" spans="8:8">
      <c r="H313273" s="12"/>
    </row>
    <row r="313274" spans="8:8">
      <c r="H313274" s="12"/>
    </row>
    <row r="313275" spans="8:8">
      <c r="H313275" s="12"/>
    </row>
    <row r="313276" spans="8:8">
      <c r="H313276" s="12"/>
    </row>
    <row r="313277" spans="8:8">
      <c r="H313277" s="12"/>
    </row>
    <row r="313278" spans="8:8">
      <c r="H313278" s="12"/>
    </row>
    <row r="313279" spans="8:8">
      <c r="H313279" s="12"/>
    </row>
    <row r="313280" spans="8:8">
      <c r="H313280" s="12"/>
    </row>
    <row r="313281" spans="8:8">
      <c r="H313281" s="12"/>
    </row>
    <row r="313282" spans="8:8">
      <c r="H313282" s="12"/>
    </row>
    <row r="313283" spans="8:8">
      <c r="H313283" s="12"/>
    </row>
    <row r="313284" spans="8:8">
      <c r="H313284" s="12"/>
    </row>
    <row r="313285" spans="8:8">
      <c r="H313285" s="12"/>
    </row>
    <row r="313286" spans="8:8">
      <c r="H313286" s="12"/>
    </row>
    <row r="313287" spans="8:8">
      <c r="H313287" s="12"/>
    </row>
    <row r="313288" spans="8:8">
      <c r="H313288" s="12"/>
    </row>
    <row r="313289" spans="8:8">
      <c r="H313289" s="12"/>
    </row>
    <row r="313290" spans="8:8">
      <c r="H313290" s="12"/>
    </row>
    <row r="313291" spans="8:8">
      <c r="H313291" s="12"/>
    </row>
    <row r="313292" spans="8:8">
      <c r="H313292" s="12"/>
    </row>
    <row r="313293" spans="8:8">
      <c r="H313293" s="12"/>
    </row>
    <row r="313294" spans="8:8">
      <c r="H313294" s="12"/>
    </row>
    <row r="313295" spans="8:8">
      <c r="H313295" s="12"/>
    </row>
    <row r="313296" spans="8:8">
      <c r="H313296" s="12"/>
    </row>
    <row r="313297" spans="8:8">
      <c r="H313297" s="12"/>
    </row>
    <row r="313298" spans="8:8">
      <c r="H313298" s="12"/>
    </row>
    <row r="313299" spans="8:8">
      <c r="H313299" s="12"/>
    </row>
    <row r="313300" spans="8:8">
      <c r="H313300" s="12"/>
    </row>
    <row r="313301" spans="8:8">
      <c r="H313301" s="12"/>
    </row>
    <row r="313302" spans="8:8">
      <c r="H313302" s="12"/>
    </row>
    <row r="313303" spans="8:8">
      <c r="H313303" s="12"/>
    </row>
    <row r="313304" spans="8:8">
      <c r="H313304" s="12"/>
    </row>
    <row r="313305" spans="8:8">
      <c r="H313305" s="12"/>
    </row>
    <row r="313306" spans="8:8">
      <c r="H313306" s="12"/>
    </row>
    <row r="313307" spans="8:8">
      <c r="H313307" s="12"/>
    </row>
    <row r="313308" spans="8:8">
      <c r="H313308" s="12"/>
    </row>
    <row r="313309" spans="8:8">
      <c r="H313309" s="12"/>
    </row>
    <row r="313310" spans="8:8">
      <c r="H313310" s="12"/>
    </row>
    <row r="313311" spans="8:8">
      <c r="H313311" s="12"/>
    </row>
    <row r="313312" spans="8:8">
      <c r="H313312" s="12"/>
    </row>
    <row r="313313" spans="8:8">
      <c r="H313313" s="12"/>
    </row>
    <row r="313314" spans="8:8">
      <c r="H313314" s="12"/>
    </row>
    <row r="313315" spans="8:8">
      <c r="H313315" s="12"/>
    </row>
    <row r="313316" spans="8:8">
      <c r="H313316" s="12"/>
    </row>
    <row r="313317" spans="8:8">
      <c r="H313317" s="12"/>
    </row>
    <row r="313318" spans="8:8">
      <c r="H313318" s="12"/>
    </row>
    <row r="313319" spans="8:8">
      <c r="H313319" s="12"/>
    </row>
    <row r="313320" spans="8:8">
      <c r="H313320" s="12"/>
    </row>
    <row r="313321" spans="8:8">
      <c r="H313321" s="12"/>
    </row>
    <row r="313322" spans="8:8">
      <c r="H313322" s="12"/>
    </row>
    <row r="313323" spans="8:8">
      <c r="H313323" s="12"/>
    </row>
    <row r="313324" spans="8:8">
      <c r="H313324" s="12"/>
    </row>
    <row r="313325" spans="8:8">
      <c r="H313325" s="12"/>
    </row>
    <row r="313326" spans="8:8">
      <c r="H313326" s="12"/>
    </row>
    <row r="313327" spans="8:8">
      <c r="H313327" s="12"/>
    </row>
    <row r="313328" spans="8:8">
      <c r="H313328" s="12"/>
    </row>
    <row r="313329" spans="8:8">
      <c r="H313329" s="12"/>
    </row>
    <row r="313330" spans="8:8">
      <c r="H313330" s="12"/>
    </row>
    <row r="313331" spans="8:8">
      <c r="H313331" s="12"/>
    </row>
    <row r="313332" spans="8:8">
      <c r="H313332" s="12"/>
    </row>
    <row r="313333" spans="8:8">
      <c r="H313333" s="12"/>
    </row>
    <row r="313334" spans="8:8">
      <c r="H313334" s="12"/>
    </row>
    <row r="313335" spans="8:8">
      <c r="H313335" s="12"/>
    </row>
    <row r="313336" spans="8:8">
      <c r="H313336" s="12"/>
    </row>
    <row r="313337" spans="8:8">
      <c r="H313337" s="12"/>
    </row>
    <row r="313338" spans="8:8">
      <c r="H313338" s="12"/>
    </row>
    <row r="313339" spans="8:8">
      <c r="H313339" s="12"/>
    </row>
    <row r="313340" spans="8:8">
      <c r="H313340" s="12"/>
    </row>
    <row r="313341" spans="8:8">
      <c r="H313341" s="12"/>
    </row>
    <row r="313342" spans="8:8">
      <c r="H313342" s="12"/>
    </row>
    <row r="313343" spans="8:8">
      <c r="H313343" s="12"/>
    </row>
    <row r="313344" spans="8:8">
      <c r="H313344" s="12"/>
    </row>
    <row r="313345" spans="8:8">
      <c r="H313345" s="12"/>
    </row>
    <row r="313346" spans="8:8">
      <c r="H313346" s="12"/>
    </row>
    <row r="313347" spans="8:8">
      <c r="H313347" s="12"/>
    </row>
    <row r="313348" spans="8:8">
      <c r="H313348" s="12"/>
    </row>
    <row r="313349" spans="8:8">
      <c r="H313349" s="12"/>
    </row>
    <row r="313350" spans="8:8">
      <c r="H313350" s="12"/>
    </row>
    <row r="313351" spans="8:8">
      <c r="H313351" s="12"/>
    </row>
    <row r="313352" spans="8:8">
      <c r="H313352" s="12"/>
    </row>
    <row r="313353" spans="8:8">
      <c r="H313353" s="12"/>
    </row>
    <row r="313354" spans="8:8">
      <c r="H313354" s="12"/>
    </row>
    <row r="313355" spans="8:8">
      <c r="H313355" s="12"/>
    </row>
    <row r="313356" spans="8:8">
      <c r="H313356" s="12"/>
    </row>
    <row r="313357" spans="8:8">
      <c r="H313357" s="12"/>
    </row>
    <row r="313358" spans="8:8">
      <c r="H313358" s="12"/>
    </row>
    <row r="313359" spans="8:8">
      <c r="H313359" s="12"/>
    </row>
    <row r="313360" spans="8:8">
      <c r="H313360" s="12"/>
    </row>
    <row r="313361" spans="8:8">
      <c r="H313361" s="12"/>
    </row>
    <row r="313362" spans="8:8">
      <c r="H313362" s="12"/>
    </row>
    <row r="313363" spans="8:8">
      <c r="H313363" s="12"/>
    </row>
    <row r="313364" spans="8:8">
      <c r="H313364" s="12"/>
    </row>
    <row r="313365" spans="8:8">
      <c r="H313365" s="12"/>
    </row>
    <row r="313366" spans="8:8">
      <c r="H313366" s="12"/>
    </row>
    <row r="313367" spans="8:8">
      <c r="H313367" s="12"/>
    </row>
    <row r="313368" spans="8:8">
      <c r="H313368" s="12"/>
    </row>
    <row r="313369" spans="8:8">
      <c r="H313369" s="12"/>
    </row>
    <row r="313370" spans="8:8">
      <c r="H313370" s="12"/>
    </row>
    <row r="313371" spans="8:8">
      <c r="H313371" s="12"/>
    </row>
    <row r="313372" spans="8:8">
      <c r="H313372" s="12"/>
    </row>
    <row r="313373" spans="8:8">
      <c r="H313373" s="12"/>
    </row>
    <row r="313374" spans="8:8">
      <c r="H313374" s="12"/>
    </row>
    <row r="313375" spans="8:8">
      <c r="H313375" s="12"/>
    </row>
    <row r="313376" spans="8:8">
      <c r="H313376" s="12"/>
    </row>
    <row r="313377" spans="8:8">
      <c r="H313377" s="12"/>
    </row>
    <row r="313378" spans="8:8">
      <c r="H313378" s="12"/>
    </row>
    <row r="313379" spans="8:8">
      <c r="H313379" s="12"/>
    </row>
    <row r="313380" spans="8:8">
      <c r="H313380" s="12"/>
    </row>
    <row r="313381" spans="8:8">
      <c r="H313381" s="12"/>
    </row>
    <row r="313382" spans="8:8">
      <c r="H313382" s="12"/>
    </row>
    <row r="313383" spans="8:8">
      <c r="H313383" s="12"/>
    </row>
    <row r="313384" spans="8:8">
      <c r="H313384" s="12"/>
    </row>
    <row r="313385" spans="8:8">
      <c r="H313385" s="12"/>
    </row>
    <row r="313386" spans="8:8">
      <c r="H313386" s="12"/>
    </row>
    <row r="313387" spans="8:8">
      <c r="H313387" s="12"/>
    </row>
    <row r="313388" spans="8:8">
      <c r="H313388" s="12"/>
    </row>
    <row r="313389" spans="8:8">
      <c r="H313389" s="12"/>
    </row>
    <row r="313390" spans="8:8">
      <c r="H313390" s="12"/>
    </row>
    <row r="313391" spans="8:8">
      <c r="H313391" s="12"/>
    </row>
    <row r="313392" spans="8:8">
      <c r="H313392" s="12"/>
    </row>
    <row r="313393" spans="8:8">
      <c r="H313393" s="12"/>
    </row>
    <row r="313394" spans="8:8">
      <c r="H313394" s="12"/>
    </row>
    <row r="313395" spans="8:8">
      <c r="H313395" s="12"/>
    </row>
    <row r="313396" spans="8:8">
      <c r="H313396" s="12"/>
    </row>
    <row r="313397" spans="8:8">
      <c r="H313397" s="12"/>
    </row>
    <row r="313398" spans="8:8">
      <c r="H313398" s="12"/>
    </row>
    <row r="313399" spans="8:8">
      <c r="H313399" s="12"/>
    </row>
    <row r="313400" spans="8:8">
      <c r="H313400" s="12"/>
    </row>
    <row r="313401" spans="8:8">
      <c r="H313401" s="12"/>
    </row>
    <row r="313402" spans="8:8">
      <c r="H313402" s="12"/>
    </row>
    <row r="313403" spans="8:8">
      <c r="H313403" s="12"/>
    </row>
    <row r="313404" spans="8:8">
      <c r="H313404" s="12"/>
    </row>
    <row r="313405" spans="8:8">
      <c r="H313405" s="12"/>
    </row>
    <row r="313406" spans="8:8">
      <c r="H313406" s="12"/>
    </row>
    <row r="313407" spans="8:8">
      <c r="H313407" s="12"/>
    </row>
    <row r="313408" spans="8:8">
      <c r="H313408" s="12"/>
    </row>
    <row r="313409" spans="8:8">
      <c r="H313409" s="12"/>
    </row>
    <row r="313410" spans="8:8">
      <c r="H313410" s="12"/>
    </row>
    <row r="313411" spans="8:8">
      <c r="H313411" s="12"/>
    </row>
    <row r="313412" spans="8:8">
      <c r="H313412" s="12"/>
    </row>
    <row r="313413" spans="8:8">
      <c r="H313413" s="12"/>
    </row>
    <row r="313414" spans="8:8">
      <c r="H313414" s="12"/>
    </row>
    <row r="313415" spans="8:8">
      <c r="H313415" s="12"/>
    </row>
    <row r="313416" spans="8:8">
      <c r="H313416" s="12"/>
    </row>
    <row r="313417" spans="8:8">
      <c r="H313417" s="12"/>
    </row>
    <row r="313418" spans="8:8">
      <c r="H313418" s="12"/>
    </row>
    <row r="313419" spans="8:8">
      <c r="H313419" s="12"/>
    </row>
    <row r="313420" spans="8:8">
      <c r="H313420" s="12"/>
    </row>
    <row r="313421" spans="8:8">
      <c r="H313421" s="12"/>
    </row>
    <row r="313422" spans="8:8">
      <c r="H313422" s="12"/>
    </row>
    <row r="313423" spans="8:8">
      <c r="H313423" s="12"/>
    </row>
    <row r="313424" spans="8:8">
      <c r="H313424" s="12"/>
    </row>
    <row r="313425" spans="8:8">
      <c r="H313425" s="12"/>
    </row>
    <row r="313426" spans="8:8">
      <c r="H313426" s="12"/>
    </row>
    <row r="313427" spans="8:8">
      <c r="H313427" s="12"/>
    </row>
    <row r="313428" spans="8:8">
      <c r="H313428" s="12"/>
    </row>
    <row r="313429" spans="8:8">
      <c r="H313429" s="12"/>
    </row>
    <row r="313430" spans="8:8">
      <c r="H313430" s="12"/>
    </row>
    <row r="313431" spans="8:8">
      <c r="H313431" s="12"/>
    </row>
    <row r="313432" spans="8:8">
      <c r="H313432" s="12"/>
    </row>
    <row r="313433" spans="8:8">
      <c r="H313433" s="12"/>
    </row>
    <row r="313434" spans="8:8">
      <c r="H313434" s="12"/>
    </row>
    <row r="313435" spans="8:8">
      <c r="H313435" s="12"/>
    </row>
    <row r="313436" spans="8:8">
      <c r="H313436" s="12"/>
    </row>
    <row r="313437" spans="8:8">
      <c r="H313437" s="12"/>
    </row>
    <row r="313438" spans="8:8">
      <c r="H313438" s="12"/>
    </row>
    <row r="313439" spans="8:8">
      <c r="H313439" s="12"/>
    </row>
    <row r="313440" spans="8:8">
      <c r="H313440" s="12"/>
    </row>
    <row r="313441" spans="8:8">
      <c r="H313441" s="12"/>
    </row>
    <row r="313442" spans="8:8">
      <c r="H313442" s="12"/>
    </row>
    <row r="313443" spans="8:8">
      <c r="H313443" s="12"/>
    </row>
    <row r="313444" spans="8:8">
      <c r="H313444" s="12"/>
    </row>
    <row r="313445" spans="8:8">
      <c r="H313445" s="12"/>
    </row>
    <row r="313446" spans="8:8">
      <c r="H313446" s="12"/>
    </row>
    <row r="313447" spans="8:8">
      <c r="H313447" s="12"/>
    </row>
    <row r="313448" spans="8:8">
      <c r="H313448" s="12"/>
    </row>
    <row r="313449" spans="8:8">
      <c r="H313449" s="12"/>
    </row>
    <row r="313450" spans="8:8">
      <c r="H313450" s="12"/>
    </row>
    <row r="313451" spans="8:8">
      <c r="H313451" s="12"/>
    </row>
    <row r="313452" spans="8:8">
      <c r="H313452" s="12"/>
    </row>
    <row r="313453" spans="8:8">
      <c r="H313453" s="12"/>
    </row>
    <row r="313454" spans="8:8">
      <c r="H313454" s="12"/>
    </row>
    <row r="313455" spans="8:8">
      <c r="H313455" s="12"/>
    </row>
    <row r="313456" spans="8:8">
      <c r="H313456" s="12"/>
    </row>
    <row r="313457" spans="8:8">
      <c r="H313457" s="12"/>
    </row>
    <row r="313458" spans="8:8">
      <c r="H313458" s="12"/>
    </row>
    <row r="313459" spans="8:8">
      <c r="H313459" s="12"/>
    </row>
    <row r="313460" spans="8:8">
      <c r="H313460" s="12"/>
    </row>
    <row r="313461" spans="8:8">
      <c r="H313461" s="12"/>
    </row>
    <row r="313462" spans="8:8">
      <c r="H313462" s="12"/>
    </row>
    <row r="313463" spans="8:8">
      <c r="H313463" s="12"/>
    </row>
    <row r="313464" spans="8:8">
      <c r="H313464" s="12"/>
    </row>
    <row r="313465" spans="8:8">
      <c r="H313465" s="12"/>
    </row>
    <row r="313466" spans="8:8">
      <c r="H313466" s="12"/>
    </row>
    <row r="313467" spans="8:8">
      <c r="H313467" s="12"/>
    </row>
    <row r="313468" spans="8:8">
      <c r="H313468" s="12"/>
    </row>
    <row r="313469" spans="8:8">
      <c r="H313469" s="12"/>
    </row>
    <row r="313470" spans="8:8">
      <c r="H313470" s="12"/>
    </row>
    <row r="313471" spans="8:8">
      <c r="H313471" s="12"/>
    </row>
    <row r="313472" spans="8:8">
      <c r="H313472" s="12"/>
    </row>
    <row r="313473" spans="8:8">
      <c r="H313473" s="12"/>
    </row>
    <row r="313474" spans="8:8">
      <c r="H313474" s="12"/>
    </row>
    <row r="313475" spans="8:8">
      <c r="H313475" s="12"/>
    </row>
    <row r="313476" spans="8:8">
      <c r="H313476" s="12"/>
    </row>
    <row r="313477" spans="8:8">
      <c r="H313477" s="12"/>
    </row>
    <row r="313478" spans="8:8">
      <c r="H313478" s="12"/>
    </row>
    <row r="313479" spans="8:8">
      <c r="H313479" s="12"/>
    </row>
    <row r="313480" spans="8:8">
      <c r="H313480" s="12"/>
    </row>
    <row r="313481" spans="8:8">
      <c r="H313481" s="12"/>
    </row>
    <row r="313482" spans="8:8">
      <c r="H313482" s="12"/>
    </row>
    <row r="313483" spans="8:8">
      <c r="H313483" s="12"/>
    </row>
    <row r="313484" spans="8:8">
      <c r="H313484" s="12"/>
    </row>
    <row r="313485" spans="8:8">
      <c r="H313485" s="12"/>
    </row>
    <row r="313486" spans="8:8">
      <c r="H313486" s="12"/>
    </row>
    <row r="313487" spans="8:8">
      <c r="H313487" s="12"/>
    </row>
    <row r="313488" spans="8:8">
      <c r="H313488" s="12"/>
    </row>
    <row r="313489" spans="8:8">
      <c r="H313489" s="12"/>
    </row>
    <row r="313490" spans="8:8">
      <c r="H313490" s="12"/>
    </row>
    <row r="313491" spans="8:8">
      <c r="H313491" s="12"/>
    </row>
    <row r="313492" spans="8:8">
      <c r="H313492" s="12"/>
    </row>
    <row r="313493" spans="8:8">
      <c r="H313493" s="12"/>
    </row>
    <row r="313494" spans="8:8">
      <c r="H313494" s="12"/>
    </row>
    <row r="313495" spans="8:8">
      <c r="H313495" s="12"/>
    </row>
    <row r="313496" spans="8:8">
      <c r="H313496" s="12"/>
    </row>
    <row r="313497" spans="8:8">
      <c r="H313497" s="12"/>
    </row>
    <row r="313498" spans="8:8">
      <c r="H313498" s="12"/>
    </row>
    <row r="313499" spans="8:8">
      <c r="H313499" s="12"/>
    </row>
    <row r="313500" spans="8:8">
      <c r="H313500" s="12"/>
    </row>
    <row r="313501" spans="8:8">
      <c r="H313501" s="12"/>
    </row>
    <row r="313502" spans="8:8">
      <c r="H313502" s="12"/>
    </row>
    <row r="313503" spans="8:8">
      <c r="H313503" s="12"/>
    </row>
    <row r="313504" spans="8:8">
      <c r="H313504" s="12"/>
    </row>
    <row r="313505" spans="8:8">
      <c r="H313505" s="12"/>
    </row>
    <row r="313506" spans="8:8">
      <c r="H313506" s="12"/>
    </row>
    <row r="313507" spans="8:8">
      <c r="H313507" s="12"/>
    </row>
    <row r="313508" spans="8:8">
      <c r="H313508" s="12"/>
    </row>
    <row r="313509" spans="8:8">
      <c r="H313509" s="12"/>
    </row>
    <row r="313510" spans="8:8">
      <c r="H313510" s="12"/>
    </row>
    <row r="313511" spans="8:8">
      <c r="H313511" s="12"/>
    </row>
    <row r="313512" spans="8:8">
      <c r="H313512" s="12"/>
    </row>
    <row r="313513" spans="8:8">
      <c r="H313513" s="12"/>
    </row>
    <row r="313514" spans="8:8">
      <c r="H313514" s="12"/>
    </row>
    <row r="313515" spans="8:8">
      <c r="H313515" s="12"/>
    </row>
    <row r="313516" spans="8:8">
      <c r="H313516" s="12"/>
    </row>
    <row r="313517" spans="8:8">
      <c r="H313517" s="12"/>
    </row>
    <row r="313518" spans="8:8">
      <c r="H313518" s="12"/>
    </row>
    <row r="313519" spans="8:8">
      <c r="H313519" s="12"/>
    </row>
    <row r="313520" spans="8:8">
      <c r="H313520" s="12"/>
    </row>
    <row r="313521" spans="8:8">
      <c r="H313521" s="12"/>
    </row>
    <row r="313522" spans="8:8">
      <c r="H313522" s="12"/>
    </row>
    <row r="313523" spans="8:8">
      <c r="H313523" s="12"/>
    </row>
    <row r="313524" spans="8:8">
      <c r="H313524" s="12"/>
    </row>
    <row r="313525" spans="8:8">
      <c r="H313525" s="12"/>
    </row>
    <row r="313526" spans="8:8">
      <c r="H313526" s="12"/>
    </row>
    <row r="313527" spans="8:8">
      <c r="H313527" s="12"/>
    </row>
    <row r="313528" spans="8:8">
      <c r="H313528" s="12"/>
    </row>
    <row r="313529" spans="8:8">
      <c r="H313529" s="12"/>
    </row>
    <row r="313530" spans="8:8">
      <c r="H313530" s="12"/>
    </row>
    <row r="313531" spans="8:8">
      <c r="H313531" s="12"/>
    </row>
    <row r="313532" spans="8:8">
      <c r="H313532" s="12"/>
    </row>
    <row r="313533" spans="8:8">
      <c r="H313533" s="12"/>
    </row>
    <row r="313534" spans="8:8">
      <c r="H313534" s="12"/>
    </row>
    <row r="313535" spans="8:8">
      <c r="H313535" s="12"/>
    </row>
    <row r="313536" spans="8:8">
      <c r="H313536" s="12"/>
    </row>
    <row r="313537" spans="8:8">
      <c r="H313537" s="12"/>
    </row>
    <row r="313538" spans="8:8">
      <c r="H313538" s="12"/>
    </row>
    <row r="313539" spans="8:8">
      <c r="H313539" s="12"/>
    </row>
    <row r="313540" spans="8:8">
      <c r="H313540" s="12"/>
    </row>
    <row r="313541" spans="8:8">
      <c r="H313541" s="12"/>
    </row>
    <row r="313542" spans="8:8">
      <c r="H313542" s="12"/>
    </row>
    <row r="313543" spans="8:8">
      <c r="H313543" s="12"/>
    </row>
    <row r="313544" spans="8:8">
      <c r="H313544" s="12"/>
    </row>
    <row r="313545" spans="8:8">
      <c r="H313545" s="12"/>
    </row>
    <row r="313546" spans="8:8">
      <c r="H313546" s="12"/>
    </row>
    <row r="313547" spans="8:8">
      <c r="H313547" s="12"/>
    </row>
    <row r="313548" spans="8:8">
      <c r="H313548" s="12"/>
    </row>
    <row r="313549" spans="8:8">
      <c r="H313549" s="12"/>
    </row>
    <row r="313550" spans="8:8">
      <c r="H313550" s="12"/>
    </row>
    <row r="313551" spans="8:8">
      <c r="H313551" s="12"/>
    </row>
    <row r="313552" spans="8:8">
      <c r="H313552" s="12"/>
    </row>
    <row r="313553" spans="8:8">
      <c r="H313553" s="12"/>
    </row>
    <row r="313554" spans="8:8">
      <c r="H313554" s="12"/>
    </row>
    <row r="313555" spans="8:8">
      <c r="H313555" s="12"/>
    </row>
    <row r="313556" spans="8:8">
      <c r="H313556" s="12"/>
    </row>
    <row r="313557" spans="8:8">
      <c r="H313557" s="12"/>
    </row>
    <row r="313558" spans="8:8">
      <c r="H313558" s="12"/>
    </row>
    <row r="313559" spans="8:8">
      <c r="H313559" s="12"/>
    </row>
    <row r="313560" spans="8:8">
      <c r="H313560" s="12"/>
    </row>
    <row r="313561" spans="8:8">
      <c r="H313561" s="12"/>
    </row>
    <row r="313562" spans="8:8">
      <c r="H313562" s="12"/>
    </row>
    <row r="313563" spans="8:8">
      <c r="H313563" s="12"/>
    </row>
    <row r="313564" spans="8:8">
      <c r="H313564" s="12"/>
    </row>
    <row r="313565" spans="8:8">
      <c r="H313565" s="12"/>
    </row>
    <row r="313566" spans="8:8">
      <c r="H313566" s="12"/>
    </row>
    <row r="313567" spans="8:8">
      <c r="H313567" s="12"/>
    </row>
    <row r="313568" spans="8:8">
      <c r="H313568" s="12"/>
    </row>
    <row r="313569" spans="8:8">
      <c r="H313569" s="12"/>
    </row>
    <row r="313570" spans="8:8">
      <c r="H313570" s="12"/>
    </row>
    <row r="313571" spans="8:8">
      <c r="H313571" s="12"/>
    </row>
    <row r="313572" spans="8:8">
      <c r="H313572" s="12"/>
    </row>
    <row r="313573" spans="8:8">
      <c r="H313573" s="12"/>
    </row>
    <row r="313574" spans="8:8">
      <c r="H313574" s="12"/>
    </row>
    <row r="313575" spans="8:8">
      <c r="H313575" s="12"/>
    </row>
    <row r="313576" spans="8:8">
      <c r="H313576" s="12"/>
    </row>
    <row r="313577" spans="8:8">
      <c r="H313577" s="12"/>
    </row>
    <row r="313578" spans="8:8">
      <c r="H313578" s="12"/>
    </row>
    <row r="313579" spans="8:8">
      <c r="H313579" s="12"/>
    </row>
    <row r="313580" spans="8:8">
      <c r="H313580" s="12"/>
    </row>
    <row r="313581" spans="8:8">
      <c r="H313581" s="12"/>
    </row>
    <row r="313582" spans="8:8">
      <c r="H313582" s="12"/>
    </row>
    <row r="313583" spans="8:8">
      <c r="H313583" s="12"/>
    </row>
    <row r="313584" spans="8:8">
      <c r="H313584" s="12"/>
    </row>
    <row r="313585" spans="8:8">
      <c r="H313585" s="12"/>
    </row>
    <row r="313586" spans="8:8">
      <c r="H313586" s="12"/>
    </row>
    <row r="313587" spans="8:8">
      <c r="H313587" s="12"/>
    </row>
    <row r="313588" spans="8:8">
      <c r="H313588" s="12"/>
    </row>
    <row r="313589" spans="8:8">
      <c r="H313589" s="12"/>
    </row>
    <row r="313590" spans="8:8">
      <c r="H313590" s="12"/>
    </row>
    <row r="313591" spans="8:8">
      <c r="H313591" s="12"/>
    </row>
    <row r="313592" spans="8:8">
      <c r="H313592" s="12"/>
    </row>
    <row r="313593" spans="8:8">
      <c r="H313593" s="12"/>
    </row>
    <row r="313594" spans="8:8">
      <c r="H313594" s="12"/>
    </row>
    <row r="313595" spans="8:8">
      <c r="H313595" s="12"/>
    </row>
    <row r="313596" spans="8:8">
      <c r="H313596" s="12"/>
    </row>
    <row r="313597" spans="8:8">
      <c r="H313597" s="12"/>
    </row>
    <row r="313598" spans="8:8">
      <c r="H313598" s="12"/>
    </row>
    <row r="313599" spans="8:8">
      <c r="H313599" s="12"/>
    </row>
    <row r="313600" spans="8:8">
      <c r="H313600" s="12"/>
    </row>
    <row r="313601" spans="8:8">
      <c r="H313601" s="12"/>
    </row>
    <row r="313602" spans="8:8">
      <c r="H313602" s="12"/>
    </row>
    <row r="313603" spans="8:8">
      <c r="H313603" s="12"/>
    </row>
    <row r="313604" spans="8:8">
      <c r="H313604" s="12"/>
    </row>
    <row r="313605" spans="8:8">
      <c r="H313605" s="12"/>
    </row>
    <row r="313606" spans="8:8">
      <c r="H313606" s="12"/>
    </row>
    <row r="313607" spans="8:8">
      <c r="H313607" s="12"/>
    </row>
    <row r="313608" spans="8:8">
      <c r="H313608" s="12"/>
    </row>
    <row r="313609" spans="8:8">
      <c r="H313609" s="12"/>
    </row>
    <row r="313610" spans="8:8">
      <c r="H313610" s="12"/>
    </row>
    <row r="313611" spans="8:8">
      <c r="H313611" s="12"/>
    </row>
    <row r="313612" spans="8:8">
      <c r="H313612" s="12"/>
    </row>
    <row r="313613" spans="8:8">
      <c r="H313613" s="12"/>
    </row>
    <row r="313614" spans="8:8">
      <c r="H313614" s="12"/>
    </row>
    <row r="313615" spans="8:8">
      <c r="H313615" s="12"/>
    </row>
    <row r="313616" spans="8:8">
      <c r="H313616" s="12"/>
    </row>
    <row r="313617" spans="8:8">
      <c r="H313617" s="12"/>
    </row>
    <row r="313618" spans="8:8">
      <c r="H313618" s="12"/>
    </row>
    <row r="313619" spans="8:8">
      <c r="H313619" s="12"/>
    </row>
    <row r="313620" spans="8:8">
      <c r="H313620" s="12"/>
    </row>
    <row r="313621" spans="8:8">
      <c r="H313621" s="12"/>
    </row>
    <row r="313622" spans="8:8">
      <c r="H313622" s="12"/>
    </row>
    <row r="313623" spans="8:8">
      <c r="H313623" s="12"/>
    </row>
    <row r="313624" spans="8:8">
      <c r="H313624" s="12"/>
    </row>
    <row r="313625" spans="8:8">
      <c r="H313625" s="12"/>
    </row>
    <row r="313626" spans="8:8">
      <c r="H313626" s="12"/>
    </row>
    <row r="313627" spans="8:8">
      <c r="H313627" s="12"/>
    </row>
    <row r="313628" spans="8:8">
      <c r="H313628" s="12"/>
    </row>
    <row r="313629" spans="8:8">
      <c r="H313629" s="12"/>
    </row>
    <row r="313630" spans="8:8">
      <c r="H313630" s="12"/>
    </row>
    <row r="313631" spans="8:8">
      <c r="H313631" s="12"/>
    </row>
    <row r="313632" spans="8:8">
      <c r="H313632" s="12"/>
    </row>
    <row r="313633" spans="8:8">
      <c r="H313633" s="12"/>
    </row>
    <row r="313634" spans="8:8">
      <c r="H313634" s="12"/>
    </row>
    <row r="313635" spans="8:8">
      <c r="H313635" s="12"/>
    </row>
    <row r="313636" spans="8:8">
      <c r="H313636" s="12"/>
    </row>
    <row r="313637" spans="8:8">
      <c r="H313637" s="12"/>
    </row>
    <row r="313638" spans="8:8">
      <c r="H313638" s="12"/>
    </row>
    <row r="313639" spans="8:8">
      <c r="H313639" s="12"/>
    </row>
    <row r="313640" spans="8:8">
      <c r="H313640" s="12"/>
    </row>
    <row r="313641" spans="8:8">
      <c r="H313641" s="12"/>
    </row>
    <row r="313642" spans="8:8">
      <c r="H313642" s="12"/>
    </row>
    <row r="313643" spans="8:8">
      <c r="H313643" s="12"/>
    </row>
    <row r="313644" spans="8:8">
      <c r="H313644" s="12"/>
    </row>
    <row r="313645" spans="8:8">
      <c r="H313645" s="12"/>
    </row>
    <row r="313646" spans="8:8">
      <c r="H313646" s="12"/>
    </row>
    <row r="313647" spans="8:8">
      <c r="H313647" s="12"/>
    </row>
    <row r="313648" spans="8:8">
      <c r="H313648" s="12"/>
    </row>
    <row r="313649" spans="8:8">
      <c r="H313649" s="12"/>
    </row>
    <row r="313650" spans="8:8">
      <c r="H313650" s="12"/>
    </row>
    <row r="313651" spans="8:8">
      <c r="H313651" s="12"/>
    </row>
    <row r="313652" spans="8:8">
      <c r="H313652" s="12"/>
    </row>
    <row r="313653" spans="8:8">
      <c r="H313653" s="12"/>
    </row>
    <row r="313654" spans="8:8">
      <c r="H313654" s="12"/>
    </row>
    <row r="313655" spans="8:8">
      <c r="H313655" s="12"/>
    </row>
    <row r="313656" spans="8:8">
      <c r="H313656" s="12"/>
    </row>
    <row r="313657" spans="8:8">
      <c r="H313657" s="12"/>
    </row>
    <row r="313658" spans="8:8">
      <c r="H313658" s="12"/>
    </row>
    <row r="313659" spans="8:8">
      <c r="H313659" s="12"/>
    </row>
    <row r="313660" spans="8:8">
      <c r="H313660" s="12"/>
    </row>
    <row r="313661" spans="8:8">
      <c r="H313661" s="12"/>
    </row>
    <row r="313662" spans="8:8">
      <c r="H313662" s="12"/>
    </row>
    <row r="313663" spans="8:8">
      <c r="H313663" s="12"/>
    </row>
    <row r="313664" spans="8:8">
      <c r="H313664" s="12"/>
    </row>
    <row r="313665" spans="8:8">
      <c r="H313665" s="12"/>
    </row>
    <row r="313666" spans="8:8">
      <c r="H313666" s="12"/>
    </row>
    <row r="313667" spans="8:8">
      <c r="H313667" s="12"/>
    </row>
    <row r="313668" spans="8:8">
      <c r="H313668" s="12"/>
    </row>
    <row r="313669" spans="8:8">
      <c r="H313669" s="12"/>
    </row>
    <row r="313670" spans="8:8">
      <c r="H313670" s="12"/>
    </row>
    <row r="313671" spans="8:8">
      <c r="H313671" s="12"/>
    </row>
    <row r="313672" spans="8:8">
      <c r="H313672" s="12"/>
    </row>
    <row r="313673" spans="8:8">
      <c r="H313673" s="12"/>
    </row>
    <row r="313674" spans="8:8">
      <c r="H313674" s="12"/>
    </row>
    <row r="313675" spans="8:8">
      <c r="H313675" s="12"/>
    </row>
    <row r="313676" spans="8:8">
      <c r="H313676" s="12"/>
    </row>
    <row r="313677" spans="8:8">
      <c r="H313677" s="12"/>
    </row>
    <row r="313678" spans="8:8">
      <c r="H313678" s="12"/>
    </row>
    <row r="313679" spans="8:8">
      <c r="H313679" s="12"/>
    </row>
    <row r="313680" spans="8:8">
      <c r="H313680" s="12"/>
    </row>
    <row r="313681" spans="8:8">
      <c r="H313681" s="12"/>
    </row>
    <row r="313682" spans="8:8">
      <c r="H313682" s="12"/>
    </row>
    <row r="313683" spans="8:8">
      <c r="H313683" s="12"/>
    </row>
    <row r="313684" spans="8:8">
      <c r="H313684" s="12"/>
    </row>
    <row r="313685" spans="8:8">
      <c r="H313685" s="12"/>
    </row>
    <row r="313686" spans="8:8">
      <c r="H313686" s="12"/>
    </row>
    <row r="313687" spans="8:8">
      <c r="H313687" s="12"/>
    </row>
    <row r="313688" spans="8:8">
      <c r="H313688" s="12"/>
    </row>
    <row r="313689" spans="8:8">
      <c r="H313689" s="12"/>
    </row>
    <row r="313690" spans="8:8">
      <c r="H313690" s="12"/>
    </row>
    <row r="313691" spans="8:8">
      <c r="H313691" s="12"/>
    </row>
    <row r="313692" spans="8:8">
      <c r="H313692" s="12"/>
    </row>
    <row r="313693" spans="8:8">
      <c r="H313693" s="12"/>
    </row>
    <row r="313694" spans="8:8">
      <c r="H313694" s="12"/>
    </row>
    <row r="313695" spans="8:8">
      <c r="H313695" s="12"/>
    </row>
    <row r="313696" spans="8:8">
      <c r="H313696" s="12"/>
    </row>
    <row r="313697" spans="8:8">
      <c r="H313697" s="12"/>
    </row>
    <row r="313698" spans="8:8">
      <c r="H313698" s="12"/>
    </row>
    <row r="313699" spans="8:8">
      <c r="H313699" s="12"/>
    </row>
    <row r="313700" spans="8:8">
      <c r="H313700" s="12"/>
    </row>
    <row r="313701" spans="8:8">
      <c r="H313701" s="12"/>
    </row>
    <row r="313702" spans="8:8">
      <c r="H313702" s="12"/>
    </row>
    <row r="313703" spans="8:8">
      <c r="H313703" s="12"/>
    </row>
    <row r="313704" spans="8:8">
      <c r="H313704" s="12"/>
    </row>
    <row r="313705" spans="8:8">
      <c r="H313705" s="12"/>
    </row>
    <row r="313706" spans="8:8">
      <c r="H313706" s="12"/>
    </row>
    <row r="313707" spans="8:8">
      <c r="H313707" s="12"/>
    </row>
    <row r="313708" spans="8:8">
      <c r="H313708" s="12"/>
    </row>
    <row r="313709" spans="8:8">
      <c r="H313709" s="12"/>
    </row>
    <row r="313710" spans="8:8">
      <c r="H313710" s="12"/>
    </row>
    <row r="313711" spans="8:8">
      <c r="H313711" s="12"/>
    </row>
    <row r="313712" spans="8:8">
      <c r="H313712" s="12"/>
    </row>
    <row r="313713" spans="8:8">
      <c r="H313713" s="12"/>
    </row>
    <row r="313714" spans="8:8">
      <c r="H313714" s="12"/>
    </row>
    <row r="313715" spans="8:8">
      <c r="H313715" s="12"/>
    </row>
    <row r="313716" spans="8:8">
      <c r="H313716" s="12"/>
    </row>
    <row r="313717" spans="8:8">
      <c r="H313717" s="12"/>
    </row>
    <row r="313718" spans="8:8">
      <c r="H313718" s="12"/>
    </row>
    <row r="313719" spans="8:8">
      <c r="H313719" s="12"/>
    </row>
    <row r="313720" spans="8:8">
      <c r="H313720" s="12"/>
    </row>
    <row r="313721" spans="8:8">
      <c r="H313721" s="12"/>
    </row>
    <row r="313722" spans="8:8">
      <c r="H313722" s="12"/>
    </row>
    <row r="313723" spans="8:8">
      <c r="H313723" s="12"/>
    </row>
    <row r="313724" spans="8:8">
      <c r="H313724" s="12"/>
    </row>
    <row r="313725" spans="8:8">
      <c r="H313725" s="12"/>
    </row>
    <row r="313726" spans="8:8">
      <c r="H313726" s="12"/>
    </row>
    <row r="313727" spans="8:8">
      <c r="H313727" s="12"/>
    </row>
    <row r="313728" spans="8:8">
      <c r="H313728" s="12"/>
    </row>
    <row r="313729" spans="8:8">
      <c r="H313729" s="12"/>
    </row>
    <row r="313730" spans="8:8">
      <c r="H313730" s="12"/>
    </row>
    <row r="313731" spans="8:8">
      <c r="H313731" s="12"/>
    </row>
    <row r="313732" spans="8:8">
      <c r="H313732" s="12"/>
    </row>
    <row r="313733" spans="8:8">
      <c r="H313733" s="12"/>
    </row>
    <row r="313734" spans="8:8">
      <c r="H313734" s="12"/>
    </row>
    <row r="313735" spans="8:8">
      <c r="H313735" s="12"/>
    </row>
    <row r="313736" spans="8:8">
      <c r="H313736" s="12"/>
    </row>
    <row r="313737" spans="8:8">
      <c r="H313737" s="12"/>
    </row>
    <row r="313738" spans="8:8">
      <c r="H313738" s="12"/>
    </row>
    <row r="313739" spans="8:8">
      <c r="H313739" s="12"/>
    </row>
    <row r="313740" spans="8:8">
      <c r="H313740" s="12"/>
    </row>
    <row r="313741" spans="8:8">
      <c r="H313741" s="12"/>
    </row>
    <row r="313742" spans="8:8">
      <c r="H313742" s="12"/>
    </row>
    <row r="313743" spans="8:8">
      <c r="H313743" s="12"/>
    </row>
    <row r="313744" spans="8:8">
      <c r="H313744" s="12"/>
    </row>
    <row r="313745" spans="8:8">
      <c r="H313745" s="12"/>
    </row>
    <row r="313746" spans="8:8">
      <c r="H313746" s="12"/>
    </row>
    <row r="313747" spans="8:8">
      <c r="H313747" s="12"/>
    </row>
    <row r="313748" spans="8:8">
      <c r="H313748" s="12"/>
    </row>
    <row r="313749" spans="8:8">
      <c r="H313749" s="12"/>
    </row>
    <row r="313750" spans="8:8">
      <c r="H313750" s="12"/>
    </row>
    <row r="313751" spans="8:8">
      <c r="H313751" s="12"/>
    </row>
    <row r="313752" spans="8:8">
      <c r="H313752" s="12"/>
    </row>
    <row r="313753" spans="8:8">
      <c r="H313753" s="12"/>
    </row>
    <row r="313754" spans="8:8">
      <c r="H313754" s="12"/>
    </row>
    <row r="313755" spans="8:8">
      <c r="H313755" s="12"/>
    </row>
    <row r="313756" spans="8:8">
      <c r="H313756" s="12"/>
    </row>
    <row r="313757" spans="8:8">
      <c r="H313757" s="12"/>
    </row>
    <row r="313758" spans="8:8">
      <c r="H313758" s="12"/>
    </row>
    <row r="313759" spans="8:8">
      <c r="H313759" s="12"/>
    </row>
    <row r="313760" spans="8:8">
      <c r="H313760" s="12"/>
    </row>
    <row r="313761" spans="8:8">
      <c r="H313761" s="12"/>
    </row>
    <row r="313762" spans="8:8">
      <c r="H313762" s="12"/>
    </row>
    <row r="313763" spans="8:8">
      <c r="H313763" s="12"/>
    </row>
    <row r="313764" spans="8:8">
      <c r="H313764" s="12"/>
    </row>
    <row r="313765" spans="8:8">
      <c r="H313765" s="12"/>
    </row>
    <row r="313766" spans="8:8">
      <c r="H313766" s="12"/>
    </row>
    <row r="313767" spans="8:8">
      <c r="H313767" s="12"/>
    </row>
    <row r="313768" spans="8:8">
      <c r="H313768" s="12"/>
    </row>
    <row r="313769" spans="8:8">
      <c r="H313769" s="12"/>
    </row>
    <row r="313770" spans="8:8">
      <c r="H313770" s="12"/>
    </row>
    <row r="313771" spans="8:8">
      <c r="H313771" s="12"/>
    </row>
    <row r="313772" spans="8:8">
      <c r="H313772" s="12"/>
    </row>
    <row r="313773" spans="8:8">
      <c r="H313773" s="12"/>
    </row>
    <row r="313774" spans="8:8">
      <c r="H313774" s="12"/>
    </row>
    <row r="313775" spans="8:8">
      <c r="H313775" s="12"/>
    </row>
    <row r="313776" spans="8:8">
      <c r="H313776" s="12"/>
    </row>
    <row r="313777" spans="8:8">
      <c r="H313777" s="12"/>
    </row>
    <row r="313778" spans="8:8">
      <c r="H313778" s="12"/>
    </row>
    <row r="313779" spans="8:8">
      <c r="H313779" s="12"/>
    </row>
    <row r="313780" spans="8:8">
      <c r="H313780" s="12"/>
    </row>
    <row r="313781" spans="8:8">
      <c r="H313781" s="12"/>
    </row>
    <row r="313782" spans="8:8">
      <c r="H313782" s="12"/>
    </row>
    <row r="313783" spans="8:8">
      <c r="H313783" s="12"/>
    </row>
    <row r="313784" spans="8:8">
      <c r="H313784" s="12"/>
    </row>
    <row r="313785" spans="8:8">
      <c r="H313785" s="12"/>
    </row>
    <row r="313786" spans="8:8">
      <c r="H313786" s="12"/>
    </row>
    <row r="313787" spans="8:8">
      <c r="H313787" s="12"/>
    </row>
    <row r="313788" spans="8:8">
      <c r="H313788" s="12"/>
    </row>
    <row r="313789" spans="8:8">
      <c r="H313789" s="12"/>
    </row>
    <row r="313790" spans="8:8">
      <c r="H313790" s="12"/>
    </row>
    <row r="313791" spans="8:8">
      <c r="H313791" s="12"/>
    </row>
    <row r="313792" spans="8:8">
      <c r="H313792" s="12"/>
    </row>
    <row r="313793" spans="8:8">
      <c r="H313793" s="12"/>
    </row>
    <row r="313794" spans="8:8">
      <c r="H313794" s="12"/>
    </row>
    <row r="313795" spans="8:8">
      <c r="H313795" s="12"/>
    </row>
    <row r="313796" spans="8:8">
      <c r="H313796" s="12"/>
    </row>
    <row r="313797" spans="8:8">
      <c r="H313797" s="12"/>
    </row>
    <row r="313798" spans="8:8">
      <c r="H313798" s="12"/>
    </row>
    <row r="313799" spans="8:8">
      <c r="H313799" s="12"/>
    </row>
    <row r="313800" spans="8:8">
      <c r="H313800" s="12"/>
    </row>
    <row r="313801" spans="8:8">
      <c r="H313801" s="12"/>
    </row>
    <row r="313802" spans="8:8">
      <c r="H313802" s="12"/>
    </row>
    <row r="313803" spans="8:8">
      <c r="H313803" s="12"/>
    </row>
    <row r="313804" spans="8:8">
      <c r="H313804" s="12"/>
    </row>
    <row r="313805" spans="8:8">
      <c r="H313805" s="12"/>
    </row>
    <row r="313806" spans="8:8">
      <c r="H313806" s="12"/>
    </row>
    <row r="313807" spans="8:8">
      <c r="H313807" s="12"/>
    </row>
    <row r="313808" spans="8:8">
      <c r="H313808" s="12"/>
    </row>
    <row r="313809" spans="8:8">
      <c r="H313809" s="12"/>
    </row>
    <row r="313810" spans="8:8">
      <c r="H313810" s="12"/>
    </row>
    <row r="313811" spans="8:8">
      <c r="H313811" s="12"/>
    </row>
    <row r="313812" spans="8:8">
      <c r="H313812" s="12"/>
    </row>
    <row r="313813" spans="8:8">
      <c r="H313813" s="12"/>
    </row>
    <row r="313814" spans="8:8">
      <c r="H313814" s="12"/>
    </row>
    <row r="313815" spans="8:8">
      <c r="H313815" s="12"/>
    </row>
    <row r="313816" spans="8:8">
      <c r="H313816" s="12"/>
    </row>
    <row r="313817" spans="8:8">
      <c r="H313817" s="12"/>
    </row>
    <row r="313818" spans="8:8">
      <c r="H313818" s="12"/>
    </row>
    <row r="313819" spans="8:8">
      <c r="H313819" s="12"/>
    </row>
    <row r="313820" spans="8:8">
      <c r="H313820" s="12"/>
    </row>
    <row r="313821" spans="8:8">
      <c r="H313821" s="12"/>
    </row>
    <row r="313822" spans="8:8">
      <c r="H313822" s="12"/>
    </row>
    <row r="313823" spans="8:8">
      <c r="H313823" s="12"/>
    </row>
    <row r="313824" spans="8:8">
      <c r="H313824" s="12"/>
    </row>
    <row r="313825" spans="8:8">
      <c r="H313825" s="12"/>
    </row>
    <row r="313826" spans="8:8">
      <c r="H313826" s="12"/>
    </row>
    <row r="313827" spans="8:8">
      <c r="H313827" s="12"/>
    </row>
    <row r="313828" spans="8:8">
      <c r="H313828" s="12"/>
    </row>
    <row r="313829" spans="8:8">
      <c r="H313829" s="12"/>
    </row>
    <row r="313830" spans="8:8">
      <c r="H313830" s="12"/>
    </row>
    <row r="313831" spans="8:8">
      <c r="H313831" s="12"/>
    </row>
    <row r="313832" spans="8:8">
      <c r="H313832" s="12"/>
    </row>
    <row r="313833" spans="8:8">
      <c r="H313833" s="12"/>
    </row>
    <row r="313834" spans="8:8">
      <c r="H313834" s="12"/>
    </row>
    <row r="313835" spans="8:8">
      <c r="H313835" s="12"/>
    </row>
    <row r="313836" spans="8:8">
      <c r="H313836" s="12"/>
    </row>
    <row r="313837" spans="8:8">
      <c r="H313837" s="12"/>
    </row>
    <row r="313838" spans="8:8">
      <c r="H313838" s="12"/>
    </row>
    <row r="313839" spans="8:8">
      <c r="H313839" s="12"/>
    </row>
    <row r="313840" spans="8:8">
      <c r="H313840" s="12"/>
    </row>
    <row r="313841" spans="8:8">
      <c r="H313841" s="12"/>
    </row>
    <row r="313842" spans="8:8">
      <c r="H313842" s="12"/>
    </row>
    <row r="313843" spans="8:8">
      <c r="H313843" s="12"/>
    </row>
    <row r="313844" spans="8:8">
      <c r="H313844" s="12"/>
    </row>
    <row r="313845" spans="8:8">
      <c r="H313845" s="12"/>
    </row>
    <row r="313846" spans="8:8">
      <c r="H313846" s="12"/>
    </row>
    <row r="313847" spans="8:8">
      <c r="H313847" s="12"/>
    </row>
    <row r="313848" spans="8:8">
      <c r="H313848" s="12"/>
    </row>
    <row r="313849" spans="8:8">
      <c r="H313849" s="12"/>
    </row>
    <row r="313850" spans="8:8">
      <c r="H313850" s="12"/>
    </row>
    <row r="313851" spans="8:8">
      <c r="H313851" s="12"/>
    </row>
    <row r="313852" spans="8:8">
      <c r="H313852" s="12"/>
    </row>
    <row r="313853" spans="8:8">
      <c r="H313853" s="12"/>
    </row>
    <row r="313854" spans="8:8">
      <c r="H313854" s="12"/>
    </row>
    <row r="313855" spans="8:8">
      <c r="H313855" s="12"/>
    </row>
    <row r="313856" spans="8:8">
      <c r="H313856" s="12"/>
    </row>
    <row r="313857" spans="8:8">
      <c r="H313857" s="12"/>
    </row>
    <row r="313858" spans="8:8">
      <c r="H313858" s="12"/>
    </row>
    <row r="313859" spans="8:8">
      <c r="H313859" s="12"/>
    </row>
    <row r="313860" spans="8:8">
      <c r="H313860" s="12"/>
    </row>
    <row r="313861" spans="8:8">
      <c r="H313861" s="12"/>
    </row>
    <row r="313862" spans="8:8">
      <c r="H313862" s="12"/>
    </row>
    <row r="313863" spans="8:8">
      <c r="H313863" s="12"/>
    </row>
    <row r="313864" spans="8:8">
      <c r="H313864" s="12"/>
    </row>
    <row r="313865" spans="8:8">
      <c r="H313865" s="12"/>
    </row>
    <row r="313866" spans="8:8">
      <c r="H313866" s="12"/>
    </row>
    <row r="313867" spans="8:8">
      <c r="H313867" s="12"/>
    </row>
    <row r="313868" spans="8:8">
      <c r="H313868" s="12"/>
    </row>
    <row r="313869" spans="8:8">
      <c r="H313869" s="12"/>
    </row>
    <row r="313870" spans="8:8">
      <c r="H313870" s="12"/>
    </row>
    <row r="313871" spans="8:8">
      <c r="H313871" s="12"/>
    </row>
    <row r="313872" spans="8:8">
      <c r="H313872" s="12"/>
    </row>
    <row r="313873" spans="8:8">
      <c r="H313873" s="12"/>
    </row>
    <row r="313874" spans="8:8">
      <c r="H313874" s="12"/>
    </row>
    <row r="313875" spans="8:8">
      <c r="H313875" s="12"/>
    </row>
    <row r="313876" spans="8:8">
      <c r="H313876" s="12"/>
    </row>
    <row r="313877" spans="8:8">
      <c r="H313877" s="12"/>
    </row>
    <row r="313878" spans="8:8">
      <c r="H313878" s="12"/>
    </row>
    <row r="313879" spans="8:8">
      <c r="H313879" s="12"/>
    </row>
    <row r="313880" spans="8:8">
      <c r="H313880" s="12"/>
    </row>
    <row r="313881" spans="8:8">
      <c r="H313881" s="12"/>
    </row>
    <row r="313882" spans="8:8">
      <c r="H313882" s="12"/>
    </row>
    <row r="313883" spans="8:8">
      <c r="H313883" s="12"/>
    </row>
    <row r="313884" spans="8:8">
      <c r="H313884" s="12"/>
    </row>
    <row r="313885" spans="8:8">
      <c r="H313885" s="12"/>
    </row>
    <row r="313886" spans="8:8">
      <c r="H313886" s="12"/>
    </row>
    <row r="313887" spans="8:8">
      <c r="H313887" s="12"/>
    </row>
    <row r="313888" spans="8:8">
      <c r="H313888" s="12"/>
    </row>
    <row r="313889" spans="8:8">
      <c r="H313889" s="12"/>
    </row>
    <row r="313890" spans="8:8">
      <c r="H313890" s="12"/>
    </row>
    <row r="313891" spans="8:8">
      <c r="H313891" s="12"/>
    </row>
    <row r="313892" spans="8:8">
      <c r="H313892" s="12"/>
    </row>
    <row r="313893" spans="8:8">
      <c r="H313893" s="12"/>
    </row>
    <row r="313894" spans="8:8">
      <c r="H313894" s="12"/>
    </row>
    <row r="313895" spans="8:8">
      <c r="H313895" s="12"/>
    </row>
    <row r="313896" spans="8:8">
      <c r="H313896" s="12"/>
    </row>
    <row r="313897" spans="8:8">
      <c r="H313897" s="12"/>
    </row>
    <row r="313898" spans="8:8">
      <c r="H313898" s="12"/>
    </row>
    <row r="313899" spans="8:8">
      <c r="H313899" s="12"/>
    </row>
    <row r="313900" spans="8:8">
      <c r="H313900" s="12"/>
    </row>
    <row r="313901" spans="8:8">
      <c r="H313901" s="12"/>
    </row>
    <row r="313902" spans="8:8">
      <c r="H313902" s="12"/>
    </row>
    <row r="313903" spans="8:8">
      <c r="H313903" s="12"/>
    </row>
    <row r="313904" spans="8:8">
      <c r="H313904" s="12"/>
    </row>
    <row r="313905" spans="8:8">
      <c r="H313905" s="12"/>
    </row>
    <row r="313906" spans="8:8">
      <c r="H313906" s="12"/>
    </row>
    <row r="313907" spans="8:8">
      <c r="H313907" s="12"/>
    </row>
    <row r="313908" spans="8:8">
      <c r="H313908" s="12"/>
    </row>
    <row r="313909" spans="8:8">
      <c r="H313909" s="12"/>
    </row>
    <row r="313910" spans="8:8">
      <c r="H313910" s="12"/>
    </row>
    <row r="313911" spans="8:8">
      <c r="H313911" s="12"/>
    </row>
    <row r="313912" spans="8:8">
      <c r="H313912" s="12"/>
    </row>
    <row r="313913" spans="8:8">
      <c r="H313913" s="12"/>
    </row>
    <row r="313914" spans="8:8">
      <c r="H313914" s="12"/>
    </row>
    <row r="313915" spans="8:8">
      <c r="H313915" s="12"/>
    </row>
    <row r="313916" spans="8:8">
      <c r="H313916" s="12"/>
    </row>
    <row r="313917" spans="8:8">
      <c r="H313917" s="12"/>
    </row>
    <row r="313918" spans="8:8">
      <c r="H313918" s="12"/>
    </row>
    <row r="313919" spans="8:8">
      <c r="H313919" s="12"/>
    </row>
    <row r="313920" spans="8:8">
      <c r="H313920" s="12"/>
    </row>
    <row r="313921" spans="8:8">
      <c r="H313921" s="12"/>
    </row>
    <row r="313922" spans="8:8">
      <c r="H313922" s="12"/>
    </row>
    <row r="313923" spans="8:8">
      <c r="H313923" s="12"/>
    </row>
    <row r="313924" spans="8:8">
      <c r="H313924" s="12"/>
    </row>
    <row r="313925" spans="8:8">
      <c r="H313925" s="12"/>
    </row>
    <row r="313926" spans="8:8">
      <c r="H313926" s="12"/>
    </row>
    <row r="313927" spans="8:8">
      <c r="H313927" s="12"/>
    </row>
    <row r="313928" spans="8:8">
      <c r="H313928" s="12"/>
    </row>
    <row r="313929" spans="8:8">
      <c r="H313929" s="12"/>
    </row>
    <row r="313930" spans="8:8">
      <c r="H313930" s="12"/>
    </row>
    <row r="313931" spans="8:8">
      <c r="H313931" s="12"/>
    </row>
    <row r="313932" spans="8:8">
      <c r="H313932" s="12"/>
    </row>
    <row r="313933" spans="8:8">
      <c r="H313933" s="12"/>
    </row>
    <row r="313934" spans="8:8">
      <c r="H313934" s="12"/>
    </row>
    <row r="313935" spans="8:8">
      <c r="H313935" s="12"/>
    </row>
    <row r="313936" spans="8:8">
      <c r="H313936" s="12"/>
    </row>
    <row r="313937" spans="8:8">
      <c r="H313937" s="12"/>
    </row>
    <row r="313938" spans="8:8">
      <c r="H313938" s="12"/>
    </row>
    <row r="313939" spans="8:8">
      <c r="H313939" s="12"/>
    </row>
    <row r="313940" spans="8:8">
      <c r="H313940" s="12"/>
    </row>
    <row r="313941" spans="8:8">
      <c r="H313941" s="12"/>
    </row>
    <row r="313942" spans="8:8">
      <c r="H313942" s="12"/>
    </row>
    <row r="313943" spans="8:8">
      <c r="H313943" s="12"/>
    </row>
    <row r="313944" spans="8:8">
      <c r="H313944" s="12"/>
    </row>
    <row r="313945" spans="8:8">
      <c r="H313945" s="12"/>
    </row>
    <row r="313946" spans="8:8">
      <c r="H313946" s="12"/>
    </row>
    <row r="313947" spans="8:8">
      <c r="H313947" s="12"/>
    </row>
    <row r="313948" spans="8:8">
      <c r="H313948" s="12"/>
    </row>
    <row r="313949" spans="8:8">
      <c r="H313949" s="12"/>
    </row>
    <row r="313950" spans="8:8">
      <c r="H313950" s="12"/>
    </row>
    <row r="313951" spans="8:8">
      <c r="H313951" s="12"/>
    </row>
    <row r="313952" spans="8:8">
      <c r="H313952" s="12"/>
    </row>
    <row r="313953" spans="8:8">
      <c r="H313953" s="12"/>
    </row>
    <row r="313954" spans="8:8">
      <c r="H313954" s="12"/>
    </row>
    <row r="313955" spans="8:8">
      <c r="H313955" s="12"/>
    </row>
    <row r="313956" spans="8:8">
      <c r="H313956" s="12"/>
    </row>
    <row r="313957" spans="8:8">
      <c r="H313957" s="12"/>
    </row>
    <row r="313958" spans="8:8">
      <c r="H313958" s="12"/>
    </row>
    <row r="313959" spans="8:8">
      <c r="H313959" s="12"/>
    </row>
    <row r="313960" spans="8:8">
      <c r="H313960" s="12"/>
    </row>
    <row r="313961" spans="8:8">
      <c r="H313961" s="12"/>
    </row>
    <row r="313962" spans="8:8">
      <c r="H313962" s="12"/>
    </row>
    <row r="313963" spans="8:8">
      <c r="H313963" s="12"/>
    </row>
    <row r="313964" spans="8:8">
      <c r="H313964" s="12"/>
    </row>
    <row r="313965" spans="8:8">
      <c r="H313965" s="12"/>
    </row>
    <row r="313966" spans="8:8">
      <c r="H313966" s="12"/>
    </row>
    <row r="313967" spans="8:8">
      <c r="H313967" s="12"/>
    </row>
    <row r="313968" spans="8:8">
      <c r="H313968" s="12"/>
    </row>
    <row r="313969" spans="8:8">
      <c r="H313969" s="12"/>
    </row>
    <row r="313970" spans="8:8">
      <c r="H313970" s="12"/>
    </row>
    <row r="313971" spans="8:8">
      <c r="H313971" s="12"/>
    </row>
    <row r="313972" spans="8:8">
      <c r="H313972" s="12"/>
    </row>
    <row r="313973" spans="8:8">
      <c r="H313973" s="12"/>
    </row>
    <row r="313974" spans="8:8">
      <c r="H313974" s="12"/>
    </row>
    <row r="313975" spans="8:8">
      <c r="H313975" s="12"/>
    </row>
    <row r="313976" spans="8:8">
      <c r="H313976" s="12"/>
    </row>
    <row r="313977" spans="8:8">
      <c r="H313977" s="12"/>
    </row>
    <row r="313978" spans="8:8">
      <c r="H313978" s="12"/>
    </row>
    <row r="313979" spans="8:8">
      <c r="H313979" s="12"/>
    </row>
    <row r="313980" spans="8:8">
      <c r="H313980" s="12"/>
    </row>
    <row r="313981" spans="8:8">
      <c r="H313981" s="12"/>
    </row>
    <row r="313982" spans="8:8">
      <c r="H313982" s="12"/>
    </row>
    <row r="313983" spans="8:8">
      <c r="H313983" s="12"/>
    </row>
    <row r="313984" spans="8:8">
      <c r="H313984" s="12"/>
    </row>
    <row r="313985" spans="8:8">
      <c r="H313985" s="12"/>
    </row>
    <row r="313986" spans="8:8">
      <c r="H313986" s="12"/>
    </row>
    <row r="313987" spans="8:8">
      <c r="H313987" s="12"/>
    </row>
    <row r="313988" spans="8:8">
      <c r="H313988" s="12"/>
    </row>
    <row r="313989" spans="8:8">
      <c r="H313989" s="12"/>
    </row>
    <row r="313990" spans="8:8">
      <c r="H313990" s="12"/>
    </row>
    <row r="313991" spans="8:8">
      <c r="H313991" s="12"/>
    </row>
    <row r="313992" spans="8:8">
      <c r="H313992" s="12"/>
    </row>
    <row r="313993" spans="8:8">
      <c r="H313993" s="12"/>
    </row>
    <row r="313994" spans="8:8">
      <c r="H313994" s="12"/>
    </row>
    <row r="313995" spans="8:8">
      <c r="H313995" s="12"/>
    </row>
    <row r="313996" spans="8:8">
      <c r="H313996" s="12"/>
    </row>
    <row r="313997" spans="8:8">
      <c r="H313997" s="12"/>
    </row>
    <row r="313998" spans="8:8">
      <c r="H313998" s="12"/>
    </row>
    <row r="313999" spans="8:8">
      <c r="H313999" s="12"/>
    </row>
    <row r="314000" spans="8:8">
      <c r="H314000" s="12"/>
    </row>
    <row r="314001" spans="8:8">
      <c r="H314001" s="12"/>
    </row>
    <row r="314002" spans="8:8">
      <c r="H314002" s="12"/>
    </row>
    <row r="314003" spans="8:8">
      <c r="H314003" s="12"/>
    </row>
    <row r="314004" spans="8:8">
      <c r="H314004" s="12"/>
    </row>
    <row r="314005" spans="8:8">
      <c r="H314005" s="12"/>
    </row>
    <row r="314006" spans="8:8">
      <c r="H314006" s="12"/>
    </row>
    <row r="314007" spans="8:8">
      <c r="H314007" s="12"/>
    </row>
    <row r="314008" spans="8:8">
      <c r="H314008" s="12"/>
    </row>
    <row r="314009" spans="8:8">
      <c r="H314009" s="12"/>
    </row>
    <row r="314010" spans="8:8">
      <c r="H314010" s="12"/>
    </row>
    <row r="314011" spans="8:8">
      <c r="H314011" s="12"/>
    </row>
    <row r="314012" spans="8:8">
      <c r="H314012" s="12"/>
    </row>
    <row r="314013" spans="8:8">
      <c r="H314013" s="12"/>
    </row>
    <row r="314014" spans="8:8">
      <c r="H314014" s="12"/>
    </row>
    <row r="314015" spans="8:8">
      <c r="H314015" s="12"/>
    </row>
    <row r="314016" spans="8:8">
      <c r="H314016" s="12"/>
    </row>
    <row r="314017" spans="8:8">
      <c r="H314017" s="12"/>
    </row>
    <row r="314018" spans="8:8">
      <c r="H314018" s="12"/>
    </row>
    <row r="314019" spans="8:8">
      <c r="H314019" s="12"/>
    </row>
    <row r="314020" spans="8:8">
      <c r="H314020" s="12"/>
    </row>
    <row r="314021" spans="8:8">
      <c r="H314021" s="12"/>
    </row>
    <row r="314022" spans="8:8">
      <c r="H314022" s="12"/>
    </row>
    <row r="314023" spans="8:8">
      <c r="H314023" s="12"/>
    </row>
    <row r="314024" spans="8:8">
      <c r="H314024" s="12"/>
    </row>
    <row r="314025" spans="8:8">
      <c r="H314025" s="12"/>
    </row>
    <row r="314026" spans="8:8">
      <c r="H314026" s="12"/>
    </row>
    <row r="314027" spans="8:8">
      <c r="H314027" s="12"/>
    </row>
    <row r="314028" spans="8:8">
      <c r="H314028" s="12"/>
    </row>
    <row r="314029" spans="8:8">
      <c r="H314029" s="12"/>
    </row>
    <row r="314030" spans="8:8">
      <c r="H314030" s="12"/>
    </row>
    <row r="314031" spans="8:8">
      <c r="H314031" s="12"/>
    </row>
    <row r="314032" spans="8:8">
      <c r="H314032" s="12"/>
    </row>
    <row r="314033" spans="8:8">
      <c r="H314033" s="12"/>
    </row>
    <row r="314034" spans="8:8">
      <c r="H314034" s="12"/>
    </row>
    <row r="314035" spans="8:8">
      <c r="H314035" s="12"/>
    </row>
    <row r="314036" spans="8:8">
      <c r="H314036" s="12"/>
    </row>
    <row r="314037" spans="8:8">
      <c r="H314037" s="12"/>
    </row>
    <row r="314038" spans="8:8">
      <c r="H314038" s="12"/>
    </row>
    <row r="314039" spans="8:8">
      <c r="H314039" s="12"/>
    </row>
    <row r="314040" spans="8:8">
      <c r="H314040" s="12"/>
    </row>
    <row r="314041" spans="8:8">
      <c r="H314041" s="12"/>
    </row>
    <row r="314042" spans="8:8">
      <c r="H314042" s="12"/>
    </row>
    <row r="314043" spans="8:8">
      <c r="H314043" s="12"/>
    </row>
    <row r="314044" spans="8:8">
      <c r="H314044" s="12"/>
    </row>
    <row r="314045" spans="8:8">
      <c r="H314045" s="12"/>
    </row>
    <row r="314046" spans="8:8">
      <c r="H314046" s="12"/>
    </row>
    <row r="314047" spans="8:8">
      <c r="H314047" s="12"/>
    </row>
    <row r="314048" spans="8:8">
      <c r="H314048" s="12"/>
    </row>
    <row r="314049" spans="8:8">
      <c r="H314049" s="12"/>
    </row>
    <row r="314050" spans="8:8">
      <c r="H314050" s="12"/>
    </row>
    <row r="314051" spans="8:8">
      <c r="H314051" s="12"/>
    </row>
    <row r="314052" spans="8:8">
      <c r="H314052" s="12"/>
    </row>
    <row r="314053" spans="8:8">
      <c r="H314053" s="12"/>
    </row>
    <row r="314054" spans="8:8">
      <c r="H314054" s="12"/>
    </row>
    <row r="314055" spans="8:8">
      <c r="H314055" s="12"/>
    </row>
    <row r="314056" spans="8:8">
      <c r="H314056" s="12"/>
    </row>
    <row r="314057" spans="8:8">
      <c r="H314057" s="12"/>
    </row>
    <row r="314058" spans="8:8">
      <c r="H314058" s="12"/>
    </row>
    <row r="314059" spans="8:8">
      <c r="H314059" s="12"/>
    </row>
    <row r="314060" spans="8:8">
      <c r="H314060" s="12"/>
    </row>
    <row r="314061" spans="8:8">
      <c r="H314061" s="12"/>
    </row>
    <row r="314062" spans="8:8">
      <c r="H314062" s="12"/>
    </row>
    <row r="314063" spans="8:8">
      <c r="H314063" s="12"/>
    </row>
    <row r="314064" spans="8:8">
      <c r="H314064" s="12"/>
    </row>
    <row r="314065" spans="8:8">
      <c r="H314065" s="12"/>
    </row>
    <row r="314066" spans="8:8">
      <c r="H314066" s="12"/>
    </row>
    <row r="314067" spans="8:8">
      <c r="H314067" s="12"/>
    </row>
    <row r="314068" spans="8:8">
      <c r="H314068" s="12"/>
    </row>
    <row r="314069" spans="8:8">
      <c r="H314069" s="12"/>
    </row>
    <row r="314070" spans="8:8">
      <c r="H314070" s="12"/>
    </row>
    <row r="314071" spans="8:8">
      <c r="H314071" s="12"/>
    </row>
    <row r="314072" spans="8:8">
      <c r="H314072" s="12"/>
    </row>
    <row r="314073" spans="8:8">
      <c r="H314073" s="12"/>
    </row>
    <row r="314074" spans="8:8">
      <c r="H314074" s="12"/>
    </row>
    <row r="314075" spans="8:8">
      <c r="H314075" s="12"/>
    </row>
    <row r="314076" spans="8:8">
      <c r="H314076" s="12"/>
    </row>
    <row r="314077" spans="8:8">
      <c r="H314077" s="12"/>
    </row>
    <row r="314078" spans="8:8">
      <c r="H314078" s="12"/>
    </row>
    <row r="314079" spans="8:8">
      <c r="H314079" s="12"/>
    </row>
    <row r="314080" spans="8:8">
      <c r="H314080" s="12"/>
    </row>
    <row r="314081" spans="8:8">
      <c r="H314081" s="12"/>
    </row>
    <row r="314082" spans="8:8">
      <c r="H314082" s="12"/>
    </row>
    <row r="314083" spans="8:8">
      <c r="H314083" s="12"/>
    </row>
    <row r="314084" spans="8:8">
      <c r="H314084" s="12"/>
    </row>
    <row r="314085" spans="8:8">
      <c r="H314085" s="12"/>
    </row>
    <row r="314086" spans="8:8">
      <c r="H314086" s="12"/>
    </row>
    <row r="314087" spans="8:8">
      <c r="H314087" s="12"/>
    </row>
    <row r="314088" spans="8:8">
      <c r="H314088" s="12"/>
    </row>
    <row r="314089" spans="8:8">
      <c r="H314089" s="12"/>
    </row>
    <row r="314090" spans="8:8">
      <c r="H314090" s="12"/>
    </row>
    <row r="314091" spans="8:8">
      <c r="H314091" s="12"/>
    </row>
    <row r="314092" spans="8:8">
      <c r="H314092" s="12"/>
    </row>
    <row r="314093" spans="8:8">
      <c r="H314093" s="12"/>
    </row>
    <row r="314094" spans="8:8">
      <c r="H314094" s="12"/>
    </row>
    <row r="314095" spans="8:8">
      <c r="H314095" s="12"/>
    </row>
    <row r="314096" spans="8:8">
      <c r="H314096" s="12"/>
    </row>
    <row r="314097" spans="8:8">
      <c r="H314097" s="12"/>
    </row>
    <row r="314098" spans="8:8">
      <c r="H314098" s="12"/>
    </row>
    <row r="314099" spans="8:8">
      <c r="H314099" s="12"/>
    </row>
    <row r="314100" spans="8:8">
      <c r="H314100" s="12"/>
    </row>
    <row r="314101" spans="8:8">
      <c r="H314101" s="12"/>
    </row>
    <row r="314102" spans="8:8">
      <c r="H314102" s="12"/>
    </row>
    <row r="314103" spans="8:8">
      <c r="H314103" s="12"/>
    </row>
    <row r="314104" spans="8:8">
      <c r="H314104" s="12"/>
    </row>
    <row r="314105" spans="8:8">
      <c r="H314105" s="12"/>
    </row>
    <row r="314106" spans="8:8">
      <c r="H314106" s="12"/>
    </row>
    <row r="314107" spans="8:8">
      <c r="H314107" s="12"/>
    </row>
    <row r="314108" spans="8:8">
      <c r="H314108" s="12"/>
    </row>
    <row r="314109" spans="8:8">
      <c r="H314109" s="12"/>
    </row>
    <row r="314110" spans="8:8">
      <c r="H314110" s="12"/>
    </row>
    <row r="314111" spans="8:8">
      <c r="H314111" s="12"/>
    </row>
    <row r="314112" spans="8:8">
      <c r="H314112" s="12"/>
    </row>
    <row r="314113" spans="8:8">
      <c r="H314113" s="12"/>
    </row>
    <row r="314114" spans="8:8">
      <c r="H314114" s="12"/>
    </row>
    <row r="314115" spans="8:8">
      <c r="H314115" s="12"/>
    </row>
    <row r="314116" spans="8:8">
      <c r="H314116" s="12"/>
    </row>
    <row r="314117" spans="8:8">
      <c r="H314117" s="12"/>
    </row>
    <row r="314118" spans="8:8">
      <c r="H314118" s="12"/>
    </row>
    <row r="314119" spans="8:8">
      <c r="H314119" s="12"/>
    </row>
    <row r="314120" spans="8:8">
      <c r="H314120" s="12"/>
    </row>
    <row r="314121" spans="8:8">
      <c r="H314121" s="12"/>
    </row>
    <row r="314122" spans="8:8">
      <c r="H314122" s="12"/>
    </row>
    <row r="314123" spans="8:8">
      <c r="H314123" s="12"/>
    </row>
    <row r="314124" spans="8:8">
      <c r="H314124" s="12"/>
    </row>
    <row r="314125" spans="8:8">
      <c r="H314125" s="12"/>
    </row>
    <row r="314126" spans="8:8">
      <c r="H314126" s="12"/>
    </row>
    <row r="314127" spans="8:8">
      <c r="H314127" s="12"/>
    </row>
    <row r="314128" spans="8:8">
      <c r="H314128" s="12"/>
    </row>
    <row r="314129" spans="8:8">
      <c r="H314129" s="12"/>
    </row>
    <row r="314130" spans="8:8">
      <c r="H314130" s="12"/>
    </row>
    <row r="314131" spans="8:8">
      <c r="H314131" s="12"/>
    </row>
    <row r="314132" spans="8:8">
      <c r="H314132" s="12"/>
    </row>
    <row r="314133" spans="8:8">
      <c r="H314133" s="12"/>
    </row>
    <row r="314134" spans="8:8">
      <c r="H314134" s="12"/>
    </row>
    <row r="314135" spans="8:8">
      <c r="H314135" s="12"/>
    </row>
    <row r="314136" spans="8:8">
      <c r="H314136" s="12"/>
    </row>
    <row r="314137" spans="8:8">
      <c r="H314137" s="12"/>
    </row>
    <row r="314138" spans="8:8">
      <c r="H314138" s="12"/>
    </row>
    <row r="314139" spans="8:8">
      <c r="H314139" s="12"/>
    </row>
    <row r="314140" spans="8:8">
      <c r="H314140" s="12"/>
    </row>
    <row r="314141" spans="8:8">
      <c r="H314141" s="12"/>
    </row>
    <row r="314142" spans="8:8">
      <c r="H314142" s="12"/>
    </row>
    <row r="314143" spans="8:8">
      <c r="H314143" s="12"/>
    </row>
    <row r="314144" spans="8:8">
      <c r="H314144" s="12"/>
    </row>
    <row r="314145" spans="8:8">
      <c r="H314145" s="12"/>
    </row>
    <row r="314146" spans="8:8">
      <c r="H314146" s="12"/>
    </row>
    <row r="314147" spans="8:8">
      <c r="H314147" s="12"/>
    </row>
    <row r="314148" spans="8:8">
      <c r="H314148" s="12"/>
    </row>
    <row r="314149" spans="8:8">
      <c r="H314149" s="12"/>
    </row>
    <row r="314150" spans="8:8">
      <c r="H314150" s="12"/>
    </row>
    <row r="314151" spans="8:8">
      <c r="H314151" s="12"/>
    </row>
    <row r="314152" spans="8:8">
      <c r="H314152" s="12"/>
    </row>
    <row r="314153" spans="8:8">
      <c r="H314153" s="12"/>
    </row>
    <row r="314154" spans="8:8">
      <c r="H314154" s="12"/>
    </row>
    <row r="314155" spans="8:8">
      <c r="H314155" s="12"/>
    </row>
    <row r="314156" spans="8:8">
      <c r="H314156" s="12"/>
    </row>
    <row r="314157" spans="8:8">
      <c r="H314157" s="12"/>
    </row>
    <row r="314158" spans="8:8">
      <c r="H314158" s="12"/>
    </row>
    <row r="314159" spans="8:8">
      <c r="H314159" s="12"/>
    </row>
    <row r="314160" spans="8:8">
      <c r="H314160" s="12"/>
    </row>
    <row r="314161" spans="8:8">
      <c r="H314161" s="12"/>
    </row>
    <row r="314162" spans="8:8">
      <c r="H314162" s="12"/>
    </row>
    <row r="314163" spans="8:8">
      <c r="H314163" s="12"/>
    </row>
    <row r="314164" spans="8:8">
      <c r="H314164" s="12"/>
    </row>
    <row r="314165" spans="8:8">
      <c r="H314165" s="12"/>
    </row>
    <row r="314166" spans="8:8">
      <c r="H314166" s="12"/>
    </row>
    <row r="314167" spans="8:8">
      <c r="H314167" s="12"/>
    </row>
    <row r="314168" spans="8:8">
      <c r="H314168" s="12"/>
    </row>
    <row r="314169" spans="8:8">
      <c r="H314169" s="12"/>
    </row>
    <row r="314170" spans="8:8">
      <c r="H314170" s="12"/>
    </row>
    <row r="314171" spans="8:8">
      <c r="H314171" s="12"/>
    </row>
    <row r="314172" spans="8:8">
      <c r="H314172" s="12"/>
    </row>
    <row r="314173" spans="8:8">
      <c r="H314173" s="12"/>
    </row>
    <row r="314174" spans="8:8">
      <c r="H314174" s="12"/>
    </row>
    <row r="314175" spans="8:8">
      <c r="H314175" s="12"/>
    </row>
    <row r="314176" spans="8:8">
      <c r="H314176" s="12"/>
    </row>
    <row r="314177" spans="8:8">
      <c r="H314177" s="12"/>
    </row>
    <row r="314178" spans="8:8">
      <c r="H314178" s="12"/>
    </row>
    <row r="314179" spans="8:8">
      <c r="H314179" s="12"/>
    </row>
    <row r="314180" spans="8:8">
      <c r="H314180" s="12"/>
    </row>
    <row r="314181" spans="8:8">
      <c r="H314181" s="12"/>
    </row>
    <row r="314182" spans="8:8">
      <c r="H314182" s="12"/>
    </row>
    <row r="314183" spans="8:8">
      <c r="H314183" s="12"/>
    </row>
    <row r="314184" spans="8:8">
      <c r="H314184" s="12"/>
    </row>
    <row r="314185" spans="8:8">
      <c r="H314185" s="12"/>
    </row>
    <row r="314186" spans="8:8">
      <c r="H314186" s="12"/>
    </row>
    <row r="314187" spans="8:8">
      <c r="H314187" s="12"/>
    </row>
    <row r="314188" spans="8:8">
      <c r="H314188" s="12"/>
    </row>
    <row r="314189" spans="8:8">
      <c r="H314189" s="12"/>
    </row>
    <row r="314190" spans="8:8">
      <c r="H314190" s="12"/>
    </row>
    <row r="314191" spans="8:8">
      <c r="H314191" s="12"/>
    </row>
    <row r="314192" spans="8:8">
      <c r="H314192" s="12"/>
    </row>
    <row r="314193" spans="8:8">
      <c r="H314193" s="12"/>
    </row>
    <row r="314194" spans="8:8">
      <c r="H314194" s="12"/>
    </row>
    <row r="314195" spans="8:8">
      <c r="H314195" s="12"/>
    </row>
    <row r="314196" spans="8:8">
      <c r="H314196" s="12"/>
    </row>
    <row r="314197" spans="8:8">
      <c r="H314197" s="12"/>
    </row>
    <row r="314198" spans="8:8">
      <c r="H314198" s="12"/>
    </row>
    <row r="314199" spans="8:8">
      <c r="H314199" s="12"/>
    </row>
    <row r="314200" spans="8:8">
      <c r="H314200" s="12"/>
    </row>
    <row r="314201" spans="8:8">
      <c r="H314201" s="12"/>
    </row>
    <row r="314202" spans="8:8">
      <c r="H314202" s="12"/>
    </row>
    <row r="314203" spans="8:8">
      <c r="H314203" s="12"/>
    </row>
    <row r="314204" spans="8:8">
      <c r="H314204" s="12"/>
    </row>
    <row r="314205" spans="8:8">
      <c r="H314205" s="12"/>
    </row>
    <row r="314206" spans="8:8">
      <c r="H314206" s="12"/>
    </row>
    <row r="314207" spans="8:8">
      <c r="H314207" s="12"/>
    </row>
    <row r="314208" spans="8:8">
      <c r="H314208" s="12"/>
    </row>
    <row r="314209" spans="8:8">
      <c r="H314209" s="12"/>
    </row>
    <row r="314210" spans="8:8">
      <c r="H314210" s="12"/>
    </row>
    <row r="314211" spans="8:8">
      <c r="H314211" s="12"/>
    </row>
    <row r="314212" spans="8:8">
      <c r="H314212" s="12"/>
    </row>
    <row r="314213" spans="8:8">
      <c r="H314213" s="12"/>
    </row>
    <row r="314214" spans="8:8">
      <c r="H314214" s="12"/>
    </row>
    <row r="314215" spans="8:8">
      <c r="H314215" s="12"/>
    </row>
    <row r="314216" spans="8:8">
      <c r="H314216" s="12"/>
    </row>
    <row r="314217" spans="8:8">
      <c r="H314217" s="12"/>
    </row>
    <row r="314218" spans="8:8">
      <c r="H314218" s="12"/>
    </row>
    <row r="314219" spans="8:8">
      <c r="H314219" s="12"/>
    </row>
    <row r="314220" spans="8:8">
      <c r="H314220" s="12"/>
    </row>
    <row r="314221" spans="8:8">
      <c r="H314221" s="12"/>
    </row>
    <row r="314222" spans="8:8">
      <c r="H314222" s="12"/>
    </row>
    <row r="314223" spans="8:8">
      <c r="H314223" s="12"/>
    </row>
    <row r="314224" spans="8:8">
      <c r="H314224" s="12"/>
    </row>
    <row r="314225" spans="8:8">
      <c r="H314225" s="12"/>
    </row>
    <row r="314226" spans="8:8">
      <c r="H314226" s="12"/>
    </row>
    <row r="314227" spans="8:8">
      <c r="H314227" s="12"/>
    </row>
    <row r="314228" spans="8:8">
      <c r="H314228" s="12"/>
    </row>
    <row r="314229" spans="8:8">
      <c r="H314229" s="12"/>
    </row>
    <row r="314230" spans="8:8">
      <c r="H314230" s="12"/>
    </row>
    <row r="314231" spans="8:8">
      <c r="H314231" s="12"/>
    </row>
    <row r="314232" spans="8:8">
      <c r="H314232" s="12"/>
    </row>
    <row r="314233" spans="8:8">
      <c r="H314233" s="12"/>
    </row>
    <row r="314234" spans="8:8">
      <c r="H314234" s="12"/>
    </row>
    <row r="314235" spans="8:8">
      <c r="H314235" s="12"/>
    </row>
    <row r="314236" spans="8:8">
      <c r="H314236" s="12"/>
    </row>
    <row r="314237" spans="8:8">
      <c r="H314237" s="12"/>
    </row>
    <row r="314238" spans="8:8">
      <c r="H314238" s="12"/>
    </row>
    <row r="314239" spans="8:8">
      <c r="H314239" s="12"/>
    </row>
    <row r="314240" spans="8:8">
      <c r="H314240" s="12"/>
    </row>
    <row r="314241" spans="8:8">
      <c r="H314241" s="12"/>
    </row>
    <row r="314242" spans="8:8">
      <c r="H314242" s="12"/>
    </row>
    <row r="314243" spans="8:8">
      <c r="H314243" s="12"/>
    </row>
    <row r="314244" spans="8:8">
      <c r="H314244" s="12"/>
    </row>
    <row r="314245" spans="8:8">
      <c r="H314245" s="12"/>
    </row>
    <row r="314246" spans="8:8">
      <c r="H314246" s="12"/>
    </row>
    <row r="314247" spans="8:8">
      <c r="H314247" s="12"/>
    </row>
    <row r="314248" spans="8:8">
      <c r="H314248" s="12"/>
    </row>
    <row r="314249" spans="8:8">
      <c r="H314249" s="12"/>
    </row>
    <row r="314250" spans="8:8">
      <c r="H314250" s="12"/>
    </row>
    <row r="314251" spans="8:8">
      <c r="H314251" s="12"/>
    </row>
    <row r="314252" spans="8:8">
      <c r="H314252" s="12"/>
    </row>
    <row r="314253" spans="8:8">
      <c r="H314253" s="12"/>
    </row>
    <row r="314254" spans="8:8">
      <c r="H314254" s="12"/>
    </row>
    <row r="314255" spans="8:8">
      <c r="H314255" s="12"/>
    </row>
    <row r="314256" spans="8:8">
      <c r="H314256" s="12"/>
    </row>
    <row r="314257" spans="8:8">
      <c r="H314257" s="12"/>
    </row>
    <row r="314258" spans="8:8">
      <c r="H314258" s="12"/>
    </row>
    <row r="314259" spans="8:8">
      <c r="H314259" s="12"/>
    </row>
    <row r="314260" spans="8:8">
      <c r="H314260" s="12"/>
    </row>
    <row r="314261" spans="8:8">
      <c r="H314261" s="12"/>
    </row>
    <row r="314262" spans="8:8">
      <c r="H314262" s="12"/>
    </row>
    <row r="314263" spans="8:8">
      <c r="H314263" s="12"/>
    </row>
    <row r="314264" spans="8:8">
      <c r="H314264" s="12"/>
    </row>
    <row r="314265" spans="8:8">
      <c r="H314265" s="12"/>
    </row>
    <row r="314266" spans="8:8">
      <c r="H314266" s="12"/>
    </row>
    <row r="314267" spans="8:8">
      <c r="H314267" s="12"/>
    </row>
    <row r="314268" spans="8:8">
      <c r="H314268" s="12"/>
    </row>
    <row r="314269" spans="8:8">
      <c r="H314269" s="12"/>
    </row>
    <row r="314270" spans="8:8">
      <c r="H314270" s="12"/>
    </row>
    <row r="314271" spans="8:8">
      <c r="H314271" s="12"/>
    </row>
    <row r="314272" spans="8:8">
      <c r="H314272" s="12"/>
    </row>
    <row r="314273" spans="8:8">
      <c r="H314273" s="12"/>
    </row>
    <row r="314274" spans="8:8">
      <c r="H314274" s="12"/>
    </row>
    <row r="314275" spans="8:8">
      <c r="H314275" s="12"/>
    </row>
    <row r="314276" spans="8:8">
      <c r="H314276" s="12"/>
    </row>
    <row r="314277" spans="8:8">
      <c r="H314277" s="12"/>
    </row>
    <row r="314278" spans="8:8">
      <c r="H314278" s="12"/>
    </row>
    <row r="314279" spans="8:8">
      <c r="H314279" s="12"/>
    </row>
    <row r="314280" spans="8:8">
      <c r="H314280" s="12"/>
    </row>
    <row r="314281" spans="8:8">
      <c r="H314281" s="12"/>
    </row>
    <row r="314282" spans="8:8">
      <c r="H314282" s="12"/>
    </row>
    <row r="314283" spans="8:8">
      <c r="H314283" s="12"/>
    </row>
    <row r="314284" spans="8:8">
      <c r="H314284" s="12"/>
    </row>
    <row r="314285" spans="8:8">
      <c r="H314285" s="12"/>
    </row>
    <row r="314286" spans="8:8">
      <c r="H314286" s="12"/>
    </row>
    <row r="314287" spans="8:8">
      <c r="H314287" s="12"/>
    </row>
    <row r="314288" spans="8:8">
      <c r="H314288" s="12"/>
    </row>
    <row r="314289" spans="8:8">
      <c r="H314289" s="12"/>
    </row>
    <row r="314290" spans="8:8">
      <c r="H314290" s="12"/>
    </row>
    <row r="314291" spans="8:8">
      <c r="H314291" s="12"/>
    </row>
    <row r="314292" spans="8:8">
      <c r="H314292" s="12"/>
    </row>
    <row r="314293" spans="8:8">
      <c r="H314293" s="12"/>
    </row>
    <row r="314294" spans="8:8">
      <c r="H314294" s="12"/>
    </row>
    <row r="314295" spans="8:8">
      <c r="H314295" s="12"/>
    </row>
    <row r="314296" spans="8:8">
      <c r="H314296" s="12"/>
    </row>
    <row r="314297" spans="8:8">
      <c r="H314297" s="12"/>
    </row>
    <row r="314298" spans="8:8">
      <c r="H314298" s="12"/>
    </row>
    <row r="314299" spans="8:8">
      <c r="H314299" s="12"/>
    </row>
    <row r="314300" spans="8:8">
      <c r="H314300" s="12"/>
    </row>
    <row r="314301" spans="8:8">
      <c r="H314301" s="12"/>
    </row>
    <row r="314302" spans="8:8">
      <c r="H314302" s="12"/>
    </row>
    <row r="314303" spans="8:8">
      <c r="H314303" s="12"/>
    </row>
    <row r="314304" spans="8:8">
      <c r="H314304" s="12"/>
    </row>
    <row r="314305" spans="8:8">
      <c r="H314305" s="12"/>
    </row>
    <row r="314306" spans="8:8">
      <c r="H314306" s="12"/>
    </row>
    <row r="314307" spans="8:8">
      <c r="H314307" s="12"/>
    </row>
    <row r="314308" spans="8:8">
      <c r="H314308" s="12"/>
    </row>
    <row r="314309" spans="8:8">
      <c r="H314309" s="12"/>
    </row>
    <row r="314310" spans="8:8">
      <c r="H314310" s="12"/>
    </row>
    <row r="314311" spans="8:8">
      <c r="H314311" s="12"/>
    </row>
    <row r="314312" spans="8:8">
      <c r="H314312" s="12"/>
    </row>
    <row r="314313" spans="8:8">
      <c r="H314313" s="12"/>
    </row>
    <row r="314314" spans="8:8">
      <c r="H314314" s="12"/>
    </row>
    <row r="314315" spans="8:8">
      <c r="H314315" s="12"/>
    </row>
    <row r="314316" spans="8:8">
      <c r="H314316" s="12"/>
    </row>
    <row r="314317" spans="8:8">
      <c r="H314317" s="12"/>
    </row>
    <row r="314318" spans="8:8">
      <c r="H314318" s="12"/>
    </row>
    <row r="314319" spans="8:8">
      <c r="H314319" s="12"/>
    </row>
    <row r="314320" spans="8:8">
      <c r="H314320" s="12"/>
    </row>
    <row r="314321" spans="8:8">
      <c r="H314321" s="12"/>
    </row>
    <row r="314322" spans="8:8">
      <c r="H314322" s="12"/>
    </row>
    <row r="314323" spans="8:8">
      <c r="H314323" s="12"/>
    </row>
    <row r="314324" spans="8:8">
      <c r="H314324" s="12"/>
    </row>
    <row r="314325" spans="8:8">
      <c r="H314325" s="12"/>
    </row>
    <row r="314326" spans="8:8">
      <c r="H314326" s="12"/>
    </row>
    <row r="314327" spans="8:8">
      <c r="H314327" s="12"/>
    </row>
    <row r="314328" spans="8:8">
      <c r="H314328" s="12"/>
    </row>
    <row r="314329" spans="8:8">
      <c r="H314329" s="12"/>
    </row>
    <row r="314330" spans="8:8">
      <c r="H314330" s="12"/>
    </row>
    <row r="314331" spans="8:8">
      <c r="H314331" s="12"/>
    </row>
    <row r="314332" spans="8:8">
      <c r="H314332" s="12"/>
    </row>
    <row r="314333" spans="8:8">
      <c r="H314333" s="12"/>
    </row>
    <row r="314334" spans="8:8">
      <c r="H314334" s="12"/>
    </row>
    <row r="314335" spans="8:8">
      <c r="H314335" s="12"/>
    </row>
    <row r="314336" spans="8:8">
      <c r="H314336" s="12"/>
    </row>
    <row r="314337" spans="8:8">
      <c r="H314337" s="12"/>
    </row>
    <row r="314338" spans="8:8">
      <c r="H314338" s="12"/>
    </row>
    <row r="314339" spans="8:8">
      <c r="H314339" s="12"/>
    </row>
    <row r="314340" spans="8:8">
      <c r="H314340" s="12"/>
    </row>
    <row r="314341" spans="8:8">
      <c r="H314341" s="12"/>
    </row>
    <row r="314342" spans="8:8">
      <c r="H314342" s="12"/>
    </row>
    <row r="314343" spans="8:8">
      <c r="H314343" s="12"/>
    </row>
    <row r="314344" spans="8:8">
      <c r="H314344" s="12"/>
    </row>
    <row r="314345" spans="8:8">
      <c r="H314345" s="12"/>
    </row>
    <row r="314346" spans="8:8">
      <c r="H314346" s="12"/>
    </row>
    <row r="314347" spans="8:8">
      <c r="H314347" s="12"/>
    </row>
    <row r="314348" spans="8:8">
      <c r="H314348" s="12"/>
    </row>
    <row r="314349" spans="8:8">
      <c r="H314349" s="12"/>
    </row>
    <row r="314350" spans="8:8">
      <c r="H314350" s="12"/>
    </row>
    <row r="314351" spans="8:8">
      <c r="H314351" s="12"/>
    </row>
    <row r="314352" spans="8:8">
      <c r="H314352" s="12"/>
    </row>
    <row r="314353" spans="8:8">
      <c r="H314353" s="12"/>
    </row>
    <row r="314354" spans="8:8">
      <c r="H314354" s="12"/>
    </row>
    <row r="314355" spans="8:8">
      <c r="H314355" s="12"/>
    </row>
    <row r="314356" spans="8:8">
      <c r="H314356" s="12"/>
    </row>
    <row r="314357" spans="8:8">
      <c r="H314357" s="12"/>
    </row>
    <row r="314358" spans="8:8">
      <c r="H314358" s="12"/>
    </row>
    <row r="314359" spans="8:8">
      <c r="H314359" s="12"/>
    </row>
    <row r="314360" spans="8:8">
      <c r="H314360" s="12"/>
    </row>
    <row r="314361" spans="8:8">
      <c r="H314361" s="12"/>
    </row>
    <row r="314362" spans="8:8">
      <c r="H314362" s="12"/>
    </row>
    <row r="314363" spans="8:8">
      <c r="H314363" s="12"/>
    </row>
    <row r="314364" spans="8:8">
      <c r="H314364" s="12"/>
    </row>
    <row r="314365" spans="8:8">
      <c r="H314365" s="12"/>
    </row>
    <row r="314366" spans="8:8">
      <c r="H314366" s="12"/>
    </row>
    <row r="314367" spans="8:8">
      <c r="H314367" s="12"/>
    </row>
    <row r="314368" spans="8:8">
      <c r="H314368" s="12"/>
    </row>
    <row r="314369" spans="8:8">
      <c r="H314369" s="12"/>
    </row>
    <row r="314370" spans="8:8">
      <c r="H314370" s="12"/>
    </row>
    <row r="314371" spans="8:8">
      <c r="H314371" s="12"/>
    </row>
    <row r="314372" spans="8:8">
      <c r="H314372" s="12"/>
    </row>
    <row r="314373" spans="8:8">
      <c r="H314373" s="12"/>
    </row>
    <row r="314374" spans="8:8">
      <c r="H314374" s="12"/>
    </row>
    <row r="314375" spans="8:8">
      <c r="H314375" s="12"/>
    </row>
    <row r="314376" spans="8:8">
      <c r="H314376" s="12"/>
    </row>
    <row r="314377" spans="8:8">
      <c r="H314377" s="12"/>
    </row>
    <row r="314378" spans="8:8">
      <c r="H314378" s="12"/>
    </row>
    <row r="314379" spans="8:8">
      <c r="H314379" s="12"/>
    </row>
    <row r="314380" spans="8:8">
      <c r="H314380" s="12"/>
    </row>
    <row r="314381" spans="8:8">
      <c r="H314381" s="12"/>
    </row>
    <row r="314382" spans="8:8">
      <c r="H314382" s="12"/>
    </row>
    <row r="314383" spans="8:8">
      <c r="H314383" s="12"/>
    </row>
    <row r="314384" spans="8:8">
      <c r="H314384" s="12"/>
    </row>
    <row r="314385" spans="8:8">
      <c r="H314385" s="12"/>
    </row>
    <row r="314386" spans="8:8">
      <c r="H314386" s="12"/>
    </row>
    <row r="314387" spans="8:8">
      <c r="H314387" s="12"/>
    </row>
    <row r="314388" spans="8:8">
      <c r="H314388" s="12"/>
    </row>
    <row r="314389" spans="8:8">
      <c r="H314389" s="12"/>
    </row>
    <row r="314390" spans="8:8">
      <c r="H314390" s="12"/>
    </row>
    <row r="314391" spans="8:8">
      <c r="H314391" s="12"/>
    </row>
    <row r="314392" spans="8:8">
      <c r="H314392" s="12"/>
    </row>
    <row r="314393" spans="8:8">
      <c r="H314393" s="12"/>
    </row>
    <row r="314394" spans="8:8">
      <c r="H314394" s="12"/>
    </row>
    <row r="314395" spans="8:8">
      <c r="H314395" s="12"/>
    </row>
    <row r="314396" spans="8:8">
      <c r="H314396" s="12"/>
    </row>
    <row r="314397" spans="8:8">
      <c r="H314397" s="12"/>
    </row>
    <row r="314398" spans="8:8">
      <c r="H314398" s="12"/>
    </row>
    <row r="314399" spans="8:8">
      <c r="H314399" s="12"/>
    </row>
    <row r="314400" spans="8:8">
      <c r="H314400" s="12"/>
    </row>
    <row r="314401" spans="8:8">
      <c r="H314401" s="12"/>
    </row>
    <row r="314402" spans="8:8">
      <c r="H314402" s="12"/>
    </row>
    <row r="314403" spans="8:8">
      <c r="H314403" s="12"/>
    </row>
    <row r="314404" spans="8:8">
      <c r="H314404" s="12"/>
    </row>
    <row r="314405" spans="8:8">
      <c r="H314405" s="12"/>
    </row>
    <row r="314406" spans="8:8">
      <c r="H314406" s="12"/>
    </row>
    <row r="314407" spans="8:8">
      <c r="H314407" s="12"/>
    </row>
    <row r="314408" spans="8:8">
      <c r="H314408" s="12"/>
    </row>
    <row r="314409" spans="8:8">
      <c r="H314409" s="12"/>
    </row>
    <row r="314410" spans="8:8">
      <c r="H314410" s="12"/>
    </row>
    <row r="314411" spans="8:8">
      <c r="H314411" s="12"/>
    </row>
    <row r="314412" spans="8:8">
      <c r="H314412" s="12"/>
    </row>
    <row r="314413" spans="8:8">
      <c r="H314413" s="12"/>
    </row>
    <row r="314414" spans="8:8">
      <c r="H314414" s="12"/>
    </row>
    <row r="314415" spans="8:8">
      <c r="H314415" s="12"/>
    </row>
    <row r="314416" spans="8:8">
      <c r="H314416" s="12"/>
    </row>
    <row r="314417" spans="8:8">
      <c r="H314417" s="12"/>
    </row>
    <row r="314418" spans="8:8">
      <c r="H314418" s="12"/>
    </row>
    <row r="314419" spans="8:8">
      <c r="H314419" s="12"/>
    </row>
    <row r="314420" spans="8:8">
      <c r="H314420" s="12"/>
    </row>
    <row r="314421" spans="8:8">
      <c r="H314421" s="12"/>
    </row>
    <row r="314422" spans="8:8">
      <c r="H314422" s="12"/>
    </row>
    <row r="314423" spans="8:8">
      <c r="H314423" s="12"/>
    </row>
    <row r="314424" spans="8:8">
      <c r="H314424" s="12"/>
    </row>
    <row r="314425" spans="8:8">
      <c r="H314425" s="12"/>
    </row>
    <row r="314426" spans="8:8">
      <c r="H314426" s="12"/>
    </row>
    <row r="314427" spans="8:8">
      <c r="H314427" s="12"/>
    </row>
    <row r="314428" spans="8:8">
      <c r="H314428" s="12"/>
    </row>
    <row r="314429" spans="8:8">
      <c r="H314429" s="12"/>
    </row>
    <row r="314430" spans="8:8">
      <c r="H314430" s="12"/>
    </row>
    <row r="314431" spans="8:8">
      <c r="H314431" s="12"/>
    </row>
    <row r="314432" spans="8:8">
      <c r="H314432" s="12"/>
    </row>
    <row r="314433" spans="8:8">
      <c r="H314433" s="12"/>
    </row>
    <row r="314434" spans="8:8">
      <c r="H314434" s="12"/>
    </row>
    <row r="314435" spans="8:8">
      <c r="H314435" s="12"/>
    </row>
    <row r="314436" spans="8:8">
      <c r="H314436" s="12"/>
    </row>
    <row r="314437" spans="8:8">
      <c r="H314437" s="12"/>
    </row>
    <row r="314438" spans="8:8">
      <c r="H314438" s="12"/>
    </row>
    <row r="314439" spans="8:8">
      <c r="H314439" s="12"/>
    </row>
    <row r="314440" spans="8:8">
      <c r="H314440" s="12"/>
    </row>
    <row r="314441" spans="8:8">
      <c r="H314441" s="12"/>
    </row>
    <row r="314442" spans="8:8">
      <c r="H314442" s="12"/>
    </row>
    <row r="314443" spans="8:8">
      <c r="H314443" s="12"/>
    </row>
    <row r="314444" spans="8:8">
      <c r="H314444" s="12"/>
    </row>
    <row r="314445" spans="8:8">
      <c r="H314445" s="12"/>
    </row>
    <row r="314446" spans="8:8">
      <c r="H314446" s="12"/>
    </row>
    <row r="314447" spans="8:8">
      <c r="H314447" s="12"/>
    </row>
    <row r="314448" spans="8:8">
      <c r="H314448" s="12"/>
    </row>
    <row r="314449" spans="8:8">
      <c r="H314449" s="12"/>
    </row>
    <row r="314450" spans="8:8">
      <c r="H314450" s="12"/>
    </row>
    <row r="314451" spans="8:8">
      <c r="H314451" s="12"/>
    </row>
    <row r="314452" spans="8:8">
      <c r="H314452" s="12"/>
    </row>
    <row r="314453" spans="8:8">
      <c r="H314453" s="12"/>
    </row>
    <row r="314454" spans="8:8">
      <c r="H314454" s="12"/>
    </row>
    <row r="314455" spans="8:8">
      <c r="H314455" s="12"/>
    </row>
    <row r="314456" spans="8:8">
      <c r="H314456" s="12"/>
    </row>
    <row r="314457" spans="8:8">
      <c r="H314457" s="12"/>
    </row>
    <row r="314458" spans="8:8">
      <c r="H314458" s="12"/>
    </row>
    <row r="314459" spans="8:8">
      <c r="H314459" s="12"/>
    </row>
    <row r="314460" spans="8:8">
      <c r="H314460" s="12"/>
    </row>
    <row r="314461" spans="8:8">
      <c r="H314461" s="12"/>
    </row>
    <row r="314462" spans="8:8">
      <c r="H314462" s="12"/>
    </row>
    <row r="314463" spans="8:8">
      <c r="H314463" s="12"/>
    </row>
    <row r="314464" spans="8:8">
      <c r="H314464" s="12"/>
    </row>
    <row r="314465" spans="8:8">
      <c r="H314465" s="12"/>
    </row>
    <row r="314466" spans="8:8">
      <c r="H314466" s="12"/>
    </row>
    <row r="314467" spans="8:8">
      <c r="H314467" s="12"/>
    </row>
    <row r="314468" spans="8:8">
      <c r="H314468" s="12"/>
    </row>
    <row r="314469" spans="8:8">
      <c r="H314469" s="12"/>
    </row>
    <row r="314470" spans="8:8">
      <c r="H314470" s="12"/>
    </row>
    <row r="314471" spans="8:8">
      <c r="H314471" s="12"/>
    </row>
    <row r="314472" spans="8:8">
      <c r="H314472" s="12"/>
    </row>
    <row r="314473" spans="8:8">
      <c r="H314473" s="12"/>
    </row>
    <row r="314474" spans="8:8">
      <c r="H314474" s="12"/>
    </row>
    <row r="314475" spans="8:8">
      <c r="H314475" s="12"/>
    </row>
    <row r="314476" spans="8:8">
      <c r="H314476" s="12"/>
    </row>
    <row r="314477" spans="8:8">
      <c r="H314477" s="12"/>
    </row>
    <row r="314478" spans="8:8">
      <c r="H314478" s="12"/>
    </row>
    <row r="314479" spans="8:8">
      <c r="H314479" s="12"/>
    </row>
    <row r="314480" spans="8:8">
      <c r="H314480" s="12"/>
    </row>
    <row r="314481" spans="8:8">
      <c r="H314481" s="12"/>
    </row>
    <row r="314482" spans="8:8">
      <c r="H314482" s="12"/>
    </row>
    <row r="314483" spans="8:8">
      <c r="H314483" s="12"/>
    </row>
    <row r="314484" spans="8:8">
      <c r="H314484" s="12"/>
    </row>
    <row r="314485" spans="8:8">
      <c r="H314485" s="12"/>
    </row>
    <row r="314486" spans="8:8">
      <c r="H314486" s="12"/>
    </row>
    <row r="314487" spans="8:8">
      <c r="H314487" s="12"/>
    </row>
    <row r="314488" spans="8:8">
      <c r="H314488" s="12"/>
    </row>
    <row r="314489" spans="8:8">
      <c r="H314489" s="12"/>
    </row>
    <row r="314490" spans="8:8">
      <c r="H314490" s="12"/>
    </row>
    <row r="314491" spans="8:8">
      <c r="H314491" s="12"/>
    </row>
    <row r="314492" spans="8:8">
      <c r="H314492" s="12"/>
    </row>
    <row r="314493" spans="8:8">
      <c r="H314493" s="12"/>
    </row>
    <row r="314494" spans="8:8">
      <c r="H314494" s="12"/>
    </row>
    <row r="314495" spans="8:8">
      <c r="H314495" s="12"/>
    </row>
    <row r="314496" spans="8:8">
      <c r="H314496" s="12"/>
    </row>
    <row r="314497" spans="8:8">
      <c r="H314497" s="12"/>
    </row>
    <row r="314498" spans="8:8">
      <c r="H314498" s="12"/>
    </row>
    <row r="314499" spans="8:8">
      <c r="H314499" s="12"/>
    </row>
    <row r="314500" spans="8:8">
      <c r="H314500" s="12"/>
    </row>
    <row r="314501" spans="8:8">
      <c r="H314501" s="12"/>
    </row>
    <row r="314502" spans="8:8">
      <c r="H314502" s="12"/>
    </row>
    <row r="314503" spans="8:8">
      <c r="H314503" s="12"/>
    </row>
    <row r="314504" spans="8:8">
      <c r="H314504" s="12"/>
    </row>
    <row r="314505" spans="8:8">
      <c r="H314505" s="12"/>
    </row>
    <row r="314506" spans="8:8">
      <c r="H314506" s="12"/>
    </row>
    <row r="314507" spans="8:8">
      <c r="H314507" s="12"/>
    </row>
    <row r="314508" spans="8:8">
      <c r="H314508" s="12"/>
    </row>
    <row r="314509" spans="8:8">
      <c r="H314509" s="12"/>
    </row>
    <row r="314510" spans="8:8">
      <c r="H314510" s="12"/>
    </row>
    <row r="314511" spans="8:8">
      <c r="H314511" s="12"/>
    </row>
    <row r="314512" spans="8:8">
      <c r="H314512" s="12"/>
    </row>
    <row r="314513" spans="8:8">
      <c r="H314513" s="12"/>
    </row>
    <row r="314514" spans="8:8">
      <c r="H314514" s="12"/>
    </row>
    <row r="314515" spans="8:8">
      <c r="H314515" s="12"/>
    </row>
    <row r="314516" spans="8:8">
      <c r="H314516" s="12"/>
    </row>
    <row r="314517" spans="8:8">
      <c r="H314517" s="12"/>
    </row>
    <row r="314518" spans="8:8">
      <c r="H314518" s="12"/>
    </row>
    <row r="314519" spans="8:8">
      <c r="H314519" s="12"/>
    </row>
    <row r="314520" spans="8:8">
      <c r="H314520" s="12"/>
    </row>
    <row r="314521" spans="8:8">
      <c r="H314521" s="12"/>
    </row>
    <row r="314522" spans="8:8">
      <c r="H314522" s="12"/>
    </row>
    <row r="314523" spans="8:8">
      <c r="H314523" s="12"/>
    </row>
    <row r="314524" spans="8:8">
      <c r="H314524" s="12"/>
    </row>
    <row r="314525" spans="8:8">
      <c r="H314525" s="12"/>
    </row>
    <row r="314526" spans="8:8">
      <c r="H314526" s="12"/>
    </row>
    <row r="314527" spans="8:8">
      <c r="H314527" s="12"/>
    </row>
    <row r="314528" spans="8:8">
      <c r="H314528" s="12"/>
    </row>
    <row r="314529" spans="8:8">
      <c r="H314529" s="12"/>
    </row>
    <row r="314530" spans="8:8">
      <c r="H314530" s="12"/>
    </row>
    <row r="314531" spans="8:8">
      <c r="H314531" s="12"/>
    </row>
    <row r="314532" spans="8:8">
      <c r="H314532" s="12"/>
    </row>
    <row r="314533" spans="8:8">
      <c r="H314533" s="12"/>
    </row>
    <row r="314534" spans="8:8">
      <c r="H314534" s="12"/>
    </row>
    <row r="314535" spans="8:8">
      <c r="H314535" s="12"/>
    </row>
    <row r="314536" spans="8:8">
      <c r="H314536" s="12"/>
    </row>
    <row r="314537" spans="8:8">
      <c r="H314537" s="12"/>
    </row>
    <row r="314538" spans="8:8">
      <c r="H314538" s="12"/>
    </row>
    <row r="314539" spans="8:8">
      <c r="H314539" s="12"/>
    </row>
    <row r="314540" spans="8:8">
      <c r="H314540" s="12"/>
    </row>
    <row r="314541" spans="8:8">
      <c r="H314541" s="12"/>
    </row>
    <row r="314542" spans="8:8">
      <c r="H314542" s="12"/>
    </row>
    <row r="314543" spans="8:8">
      <c r="H314543" s="12"/>
    </row>
    <row r="314544" spans="8:8">
      <c r="H314544" s="12"/>
    </row>
    <row r="314545" spans="8:8">
      <c r="H314545" s="12"/>
    </row>
    <row r="314546" spans="8:8">
      <c r="H314546" s="12"/>
    </row>
    <row r="314547" spans="8:8">
      <c r="H314547" s="12"/>
    </row>
    <row r="314548" spans="8:8">
      <c r="H314548" s="12"/>
    </row>
    <row r="314549" spans="8:8">
      <c r="H314549" s="12"/>
    </row>
    <row r="314550" spans="8:8">
      <c r="H314550" s="12"/>
    </row>
    <row r="314551" spans="8:8">
      <c r="H314551" s="12"/>
    </row>
    <row r="314552" spans="8:8">
      <c r="H314552" s="12"/>
    </row>
    <row r="314553" spans="8:8">
      <c r="H314553" s="12"/>
    </row>
    <row r="314554" spans="8:8">
      <c r="H314554" s="12"/>
    </row>
    <row r="314555" spans="8:8">
      <c r="H314555" s="12"/>
    </row>
    <row r="314556" spans="8:8">
      <c r="H314556" s="12"/>
    </row>
    <row r="314557" spans="8:8">
      <c r="H314557" s="12"/>
    </row>
    <row r="314558" spans="8:8">
      <c r="H314558" s="12"/>
    </row>
    <row r="314559" spans="8:8">
      <c r="H314559" s="12"/>
    </row>
    <row r="314560" spans="8:8">
      <c r="H314560" s="12"/>
    </row>
    <row r="314561" spans="8:8">
      <c r="H314561" s="12"/>
    </row>
    <row r="314562" spans="8:8">
      <c r="H314562" s="12"/>
    </row>
    <row r="314563" spans="8:8">
      <c r="H314563" s="12"/>
    </row>
    <row r="314564" spans="8:8">
      <c r="H314564" s="12"/>
    </row>
    <row r="314565" spans="8:8">
      <c r="H314565" s="12"/>
    </row>
    <row r="314566" spans="8:8">
      <c r="H314566" s="12"/>
    </row>
    <row r="314567" spans="8:8">
      <c r="H314567" s="12"/>
    </row>
    <row r="314568" spans="8:8">
      <c r="H314568" s="12"/>
    </row>
    <row r="314569" spans="8:8">
      <c r="H314569" s="12"/>
    </row>
    <row r="314570" spans="8:8">
      <c r="H314570" s="12"/>
    </row>
    <row r="314571" spans="8:8">
      <c r="H314571" s="12"/>
    </row>
    <row r="314572" spans="8:8">
      <c r="H314572" s="12"/>
    </row>
    <row r="314573" spans="8:8">
      <c r="H314573" s="12"/>
    </row>
    <row r="314574" spans="8:8">
      <c r="H314574" s="12"/>
    </row>
    <row r="314575" spans="8:8">
      <c r="H314575" s="12"/>
    </row>
    <row r="314576" spans="8:8">
      <c r="H314576" s="12"/>
    </row>
    <row r="314577" spans="8:8">
      <c r="H314577" s="12"/>
    </row>
    <row r="314578" spans="8:8">
      <c r="H314578" s="12"/>
    </row>
    <row r="314579" spans="8:8">
      <c r="H314579" s="12"/>
    </row>
    <row r="314580" spans="8:8">
      <c r="H314580" s="12"/>
    </row>
    <row r="314581" spans="8:8">
      <c r="H314581" s="12"/>
    </row>
    <row r="314582" spans="8:8">
      <c r="H314582" s="12"/>
    </row>
    <row r="314583" spans="8:8">
      <c r="H314583" s="12"/>
    </row>
    <row r="314584" spans="8:8">
      <c r="H314584" s="12"/>
    </row>
    <row r="314585" spans="8:8">
      <c r="H314585" s="12"/>
    </row>
    <row r="314586" spans="8:8">
      <c r="H314586" s="12"/>
    </row>
    <row r="314587" spans="8:8">
      <c r="H314587" s="12"/>
    </row>
    <row r="314588" spans="8:8">
      <c r="H314588" s="12"/>
    </row>
    <row r="314589" spans="8:8">
      <c r="H314589" s="12"/>
    </row>
    <row r="314590" spans="8:8">
      <c r="H314590" s="12"/>
    </row>
    <row r="314591" spans="8:8">
      <c r="H314591" s="12"/>
    </row>
    <row r="314592" spans="8:8">
      <c r="H314592" s="12"/>
    </row>
    <row r="314593" spans="8:8">
      <c r="H314593" s="12"/>
    </row>
    <row r="314594" spans="8:8">
      <c r="H314594" s="12"/>
    </row>
    <row r="314595" spans="8:8">
      <c r="H314595" s="12"/>
    </row>
    <row r="314596" spans="8:8">
      <c r="H314596" s="12"/>
    </row>
    <row r="314597" spans="8:8">
      <c r="H314597" s="12"/>
    </row>
    <row r="314598" spans="8:8">
      <c r="H314598" s="12"/>
    </row>
    <row r="314599" spans="8:8">
      <c r="H314599" s="12"/>
    </row>
    <row r="314600" spans="8:8">
      <c r="H314600" s="12"/>
    </row>
    <row r="314601" spans="8:8">
      <c r="H314601" s="12"/>
    </row>
    <row r="314602" spans="8:8">
      <c r="H314602" s="12"/>
    </row>
    <row r="314603" spans="8:8">
      <c r="H314603" s="12"/>
    </row>
    <row r="314604" spans="8:8">
      <c r="H314604" s="12"/>
    </row>
    <row r="314605" spans="8:8">
      <c r="H314605" s="12"/>
    </row>
    <row r="314606" spans="8:8">
      <c r="H314606" s="12"/>
    </row>
    <row r="314607" spans="8:8">
      <c r="H314607" s="12"/>
    </row>
    <row r="314608" spans="8:8">
      <c r="H314608" s="12"/>
    </row>
    <row r="314609" spans="8:8">
      <c r="H314609" s="12"/>
    </row>
    <row r="314610" spans="8:8">
      <c r="H314610" s="12"/>
    </row>
    <row r="314611" spans="8:8">
      <c r="H314611" s="12"/>
    </row>
    <row r="314612" spans="8:8">
      <c r="H314612" s="12"/>
    </row>
    <row r="314613" spans="8:8">
      <c r="H314613" s="12"/>
    </row>
    <row r="314614" spans="8:8">
      <c r="H314614" s="12"/>
    </row>
    <row r="314615" spans="8:8">
      <c r="H314615" s="12"/>
    </row>
    <row r="314616" spans="8:8">
      <c r="H314616" s="12"/>
    </row>
    <row r="314617" spans="8:8">
      <c r="H314617" s="12"/>
    </row>
    <row r="314618" spans="8:8">
      <c r="H314618" s="12"/>
    </row>
    <row r="314619" spans="8:8">
      <c r="H314619" s="12"/>
    </row>
    <row r="314620" spans="8:8">
      <c r="H314620" s="12"/>
    </row>
    <row r="314621" spans="8:8">
      <c r="H314621" s="12"/>
    </row>
    <row r="314622" spans="8:8">
      <c r="H314622" s="12"/>
    </row>
    <row r="314623" spans="8:8">
      <c r="H314623" s="12"/>
    </row>
    <row r="314624" spans="8:8">
      <c r="H314624" s="12"/>
    </row>
    <row r="314625" spans="8:8">
      <c r="H314625" s="12"/>
    </row>
    <row r="314626" spans="8:8">
      <c r="H314626" s="12"/>
    </row>
    <row r="314627" spans="8:8">
      <c r="H314627" s="12"/>
    </row>
    <row r="314628" spans="8:8">
      <c r="H314628" s="12"/>
    </row>
    <row r="314629" spans="8:8">
      <c r="H314629" s="12"/>
    </row>
    <row r="314630" spans="8:8">
      <c r="H314630" s="12"/>
    </row>
    <row r="314631" spans="8:8">
      <c r="H314631" s="12"/>
    </row>
    <row r="314632" spans="8:8">
      <c r="H314632" s="12"/>
    </row>
    <row r="314633" spans="8:8">
      <c r="H314633" s="12"/>
    </row>
    <row r="314634" spans="8:8">
      <c r="H314634" s="12"/>
    </row>
    <row r="314635" spans="8:8">
      <c r="H314635" s="12"/>
    </row>
    <row r="314636" spans="8:8">
      <c r="H314636" s="12"/>
    </row>
    <row r="314637" spans="8:8">
      <c r="H314637" s="12"/>
    </row>
    <row r="314638" spans="8:8">
      <c r="H314638" s="12"/>
    </row>
    <row r="314639" spans="8:8">
      <c r="H314639" s="12"/>
    </row>
    <row r="314640" spans="8:8">
      <c r="H314640" s="12"/>
    </row>
    <row r="314641" spans="8:8">
      <c r="H314641" s="12"/>
    </row>
    <row r="314642" spans="8:8">
      <c r="H314642" s="12"/>
    </row>
    <row r="314643" spans="8:8">
      <c r="H314643" s="12"/>
    </row>
    <row r="314644" spans="8:8">
      <c r="H314644" s="12"/>
    </row>
    <row r="314645" spans="8:8">
      <c r="H314645" s="12"/>
    </row>
    <row r="314646" spans="8:8">
      <c r="H314646" s="12"/>
    </row>
    <row r="314647" spans="8:8">
      <c r="H314647" s="12"/>
    </row>
    <row r="314648" spans="8:8">
      <c r="H314648" s="12"/>
    </row>
    <row r="314649" spans="8:8">
      <c r="H314649" s="12"/>
    </row>
    <row r="314650" spans="8:8">
      <c r="H314650" s="12"/>
    </row>
    <row r="314651" spans="8:8">
      <c r="H314651" s="12"/>
    </row>
    <row r="314652" spans="8:8">
      <c r="H314652" s="12"/>
    </row>
    <row r="314653" spans="8:8">
      <c r="H314653" s="12"/>
    </row>
    <row r="314654" spans="8:8">
      <c r="H314654" s="12"/>
    </row>
    <row r="314655" spans="8:8">
      <c r="H314655" s="12"/>
    </row>
    <row r="314656" spans="8:8">
      <c r="H314656" s="12"/>
    </row>
    <row r="314657" spans="8:8">
      <c r="H314657" s="12"/>
    </row>
    <row r="314658" spans="8:8">
      <c r="H314658" s="12"/>
    </row>
    <row r="314659" spans="8:8">
      <c r="H314659" s="12"/>
    </row>
    <row r="314660" spans="8:8">
      <c r="H314660" s="12"/>
    </row>
    <row r="314661" spans="8:8">
      <c r="H314661" s="12"/>
    </row>
    <row r="314662" spans="8:8">
      <c r="H314662" s="12"/>
    </row>
    <row r="314663" spans="8:8">
      <c r="H314663" s="12"/>
    </row>
    <row r="314664" spans="8:8">
      <c r="H314664" s="12"/>
    </row>
    <row r="314665" spans="8:8">
      <c r="H314665" s="12"/>
    </row>
    <row r="314666" spans="8:8">
      <c r="H314666" s="12"/>
    </row>
    <row r="314667" spans="8:8">
      <c r="H314667" s="12"/>
    </row>
    <row r="314668" spans="8:8">
      <c r="H314668" s="12"/>
    </row>
    <row r="314669" spans="8:8">
      <c r="H314669" s="12"/>
    </row>
    <row r="314670" spans="8:8">
      <c r="H314670" s="12"/>
    </row>
    <row r="314671" spans="8:8">
      <c r="H314671" s="12"/>
    </row>
    <row r="314672" spans="8:8">
      <c r="H314672" s="12"/>
    </row>
    <row r="314673" spans="8:8">
      <c r="H314673" s="12"/>
    </row>
    <row r="314674" spans="8:8">
      <c r="H314674" s="12"/>
    </row>
    <row r="314675" spans="8:8">
      <c r="H314675" s="12"/>
    </row>
    <row r="314676" spans="8:8">
      <c r="H314676" s="12"/>
    </row>
    <row r="314677" spans="8:8">
      <c r="H314677" s="12"/>
    </row>
    <row r="314678" spans="8:8">
      <c r="H314678" s="12"/>
    </row>
    <row r="314679" spans="8:8">
      <c r="H314679" s="12"/>
    </row>
    <row r="314680" spans="8:8">
      <c r="H314680" s="12"/>
    </row>
    <row r="314681" spans="8:8">
      <c r="H314681" s="12"/>
    </row>
    <row r="314682" spans="8:8">
      <c r="H314682" s="12"/>
    </row>
    <row r="314683" spans="8:8">
      <c r="H314683" s="12"/>
    </row>
    <row r="314684" spans="8:8">
      <c r="H314684" s="12"/>
    </row>
    <row r="314685" spans="8:8">
      <c r="H314685" s="12"/>
    </row>
    <row r="314686" spans="8:8">
      <c r="H314686" s="12"/>
    </row>
    <row r="314687" spans="8:8">
      <c r="H314687" s="12"/>
    </row>
    <row r="314688" spans="8:8">
      <c r="H314688" s="12"/>
    </row>
    <row r="314689" spans="8:8">
      <c r="H314689" s="12"/>
    </row>
    <row r="314690" spans="8:8">
      <c r="H314690" s="12"/>
    </row>
    <row r="314691" spans="8:8">
      <c r="H314691" s="12"/>
    </row>
    <row r="314692" spans="8:8">
      <c r="H314692" s="12"/>
    </row>
    <row r="314693" spans="8:8">
      <c r="H314693" s="12"/>
    </row>
    <row r="314694" spans="8:8">
      <c r="H314694" s="12"/>
    </row>
    <row r="314695" spans="8:8">
      <c r="H314695" s="12"/>
    </row>
    <row r="314696" spans="8:8">
      <c r="H314696" s="12"/>
    </row>
    <row r="314697" spans="8:8">
      <c r="H314697" s="12"/>
    </row>
    <row r="314698" spans="8:8">
      <c r="H314698" s="12"/>
    </row>
    <row r="314699" spans="8:8">
      <c r="H314699" s="12"/>
    </row>
    <row r="314700" spans="8:8">
      <c r="H314700" s="12"/>
    </row>
    <row r="314701" spans="8:8">
      <c r="H314701" s="12"/>
    </row>
    <row r="314702" spans="8:8">
      <c r="H314702" s="12"/>
    </row>
    <row r="314703" spans="8:8">
      <c r="H314703" s="12"/>
    </row>
    <row r="314704" spans="8:8">
      <c r="H314704" s="12"/>
    </row>
    <row r="314705" spans="8:8">
      <c r="H314705" s="12"/>
    </row>
    <row r="314706" spans="8:8">
      <c r="H314706" s="12"/>
    </row>
    <row r="314707" spans="8:8">
      <c r="H314707" s="12"/>
    </row>
    <row r="314708" spans="8:8">
      <c r="H314708" s="12"/>
    </row>
    <row r="314709" spans="8:8">
      <c r="H314709" s="12"/>
    </row>
    <row r="314710" spans="8:8">
      <c r="H314710" s="12"/>
    </row>
    <row r="314711" spans="8:8">
      <c r="H314711" s="12"/>
    </row>
    <row r="314712" spans="8:8">
      <c r="H314712" s="12"/>
    </row>
    <row r="314713" spans="8:8">
      <c r="H314713" s="12"/>
    </row>
    <row r="314714" spans="8:8">
      <c r="H314714" s="12"/>
    </row>
    <row r="314715" spans="8:8">
      <c r="H314715" s="12"/>
    </row>
    <row r="314716" spans="8:8">
      <c r="H314716" s="12"/>
    </row>
    <row r="314717" spans="8:8">
      <c r="H314717" s="12"/>
    </row>
    <row r="314718" spans="8:8">
      <c r="H314718" s="12"/>
    </row>
    <row r="314719" spans="8:8">
      <c r="H314719" s="12"/>
    </row>
    <row r="314720" spans="8:8">
      <c r="H314720" s="12"/>
    </row>
    <row r="314721" spans="8:8">
      <c r="H314721" s="12"/>
    </row>
    <row r="314722" spans="8:8">
      <c r="H314722" s="12"/>
    </row>
    <row r="314723" spans="8:8">
      <c r="H314723" s="12"/>
    </row>
    <row r="314724" spans="8:8">
      <c r="H314724" s="12"/>
    </row>
    <row r="314725" spans="8:8">
      <c r="H314725" s="12"/>
    </row>
    <row r="314726" spans="8:8">
      <c r="H314726" s="12"/>
    </row>
    <row r="314727" spans="8:8">
      <c r="H314727" s="12"/>
    </row>
    <row r="314728" spans="8:8">
      <c r="H314728" s="12"/>
    </row>
    <row r="314729" spans="8:8">
      <c r="H314729" s="12"/>
    </row>
    <row r="314730" spans="8:8">
      <c r="H314730" s="12"/>
    </row>
    <row r="314731" spans="8:8">
      <c r="H314731" s="12"/>
    </row>
    <row r="314732" spans="8:8">
      <c r="H314732" s="12"/>
    </row>
    <row r="314733" spans="8:8">
      <c r="H314733" s="12"/>
    </row>
    <row r="314734" spans="8:8">
      <c r="H314734" s="12"/>
    </row>
    <row r="314735" spans="8:8">
      <c r="H314735" s="12"/>
    </row>
    <row r="314736" spans="8:8">
      <c r="H314736" s="12"/>
    </row>
    <row r="314737" spans="8:8">
      <c r="H314737" s="12"/>
    </row>
    <row r="314738" spans="8:8">
      <c r="H314738" s="12"/>
    </row>
    <row r="314739" spans="8:8">
      <c r="H314739" s="12"/>
    </row>
    <row r="314740" spans="8:8">
      <c r="H314740" s="12"/>
    </row>
    <row r="314741" spans="8:8">
      <c r="H314741" s="12"/>
    </row>
    <row r="314742" spans="8:8">
      <c r="H314742" s="12"/>
    </row>
    <row r="314743" spans="8:8">
      <c r="H314743" s="12"/>
    </row>
    <row r="314744" spans="8:8">
      <c r="H314744" s="12"/>
    </row>
    <row r="314745" spans="8:8">
      <c r="H314745" s="12"/>
    </row>
    <row r="314746" spans="8:8">
      <c r="H314746" s="12"/>
    </row>
    <row r="314747" spans="8:8">
      <c r="H314747" s="12"/>
    </row>
    <row r="314748" spans="8:8">
      <c r="H314748" s="12"/>
    </row>
    <row r="314749" spans="8:8">
      <c r="H314749" s="12"/>
    </row>
    <row r="314750" spans="8:8">
      <c r="H314750" s="12"/>
    </row>
    <row r="314751" spans="8:8">
      <c r="H314751" s="12"/>
    </row>
    <row r="314752" spans="8:8">
      <c r="H314752" s="12"/>
    </row>
    <row r="314753" spans="8:8">
      <c r="H314753" s="12"/>
    </row>
    <row r="314754" spans="8:8">
      <c r="H314754" s="12"/>
    </row>
    <row r="314755" spans="8:8">
      <c r="H314755" s="12"/>
    </row>
    <row r="314756" spans="8:8">
      <c r="H314756" s="12"/>
    </row>
    <row r="314757" spans="8:8">
      <c r="H314757" s="12"/>
    </row>
    <row r="314758" spans="8:8">
      <c r="H314758" s="12"/>
    </row>
    <row r="314759" spans="8:8">
      <c r="H314759" s="12"/>
    </row>
    <row r="314760" spans="8:8">
      <c r="H314760" s="12"/>
    </row>
    <row r="314761" spans="8:8">
      <c r="H314761" s="12"/>
    </row>
    <row r="314762" spans="8:8">
      <c r="H314762" s="12"/>
    </row>
    <row r="314763" spans="8:8">
      <c r="H314763" s="12"/>
    </row>
    <row r="314764" spans="8:8">
      <c r="H314764" s="12"/>
    </row>
    <row r="314765" spans="8:8">
      <c r="H314765" s="12"/>
    </row>
    <row r="314766" spans="8:8">
      <c r="H314766" s="12"/>
    </row>
    <row r="314767" spans="8:8">
      <c r="H314767" s="12"/>
    </row>
    <row r="314768" spans="8:8">
      <c r="H314768" s="12"/>
    </row>
    <row r="314769" spans="8:8">
      <c r="H314769" s="12"/>
    </row>
    <row r="314770" spans="8:8">
      <c r="H314770" s="12"/>
    </row>
    <row r="314771" spans="8:8">
      <c r="H314771" s="12"/>
    </row>
    <row r="314772" spans="8:8">
      <c r="H314772" s="12"/>
    </row>
    <row r="314773" spans="8:8">
      <c r="H314773" s="12"/>
    </row>
    <row r="314774" spans="8:8">
      <c r="H314774" s="12"/>
    </row>
    <row r="314775" spans="8:8">
      <c r="H314775" s="12"/>
    </row>
    <row r="314776" spans="8:8">
      <c r="H314776" s="12"/>
    </row>
    <row r="314777" spans="8:8">
      <c r="H314777" s="12"/>
    </row>
    <row r="314778" spans="8:8">
      <c r="H314778" s="12"/>
    </row>
    <row r="314779" spans="8:8">
      <c r="H314779" s="12"/>
    </row>
    <row r="314780" spans="8:8">
      <c r="H314780" s="12"/>
    </row>
    <row r="314781" spans="8:8">
      <c r="H314781" s="12"/>
    </row>
    <row r="314782" spans="8:8">
      <c r="H314782" s="12"/>
    </row>
    <row r="314783" spans="8:8">
      <c r="H314783" s="12"/>
    </row>
    <row r="314784" spans="8:8">
      <c r="H314784" s="12"/>
    </row>
    <row r="314785" spans="8:8">
      <c r="H314785" s="12"/>
    </row>
    <row r="314786" spans="8:8">
      <c r="H314786" s="12"/>
    </row>
    <row r="314787" spans="8:8">
      <c r="H314787" s="12"/>
    </row>
    <row r="314788" spans="8:8">
      <c r="H314788" s="12"/>
    </row>
    <row r="314789" spans="8:8">
      <c r="H314789" s="12"/>
    </row>
    <row r="314790" spans="8:8">
      <c r="H314790" s="12"/>
    </row>
    <row r="314791" spans="8:8">
      <c r="H314791" s="12"/>
    </row>
    <row r="314792" spans="8:8">
      <c r="H314792" s="12"/>
    </row>
    <row r="314793" spans="8:8">
      <c r="H314793" s="12"/>
    </row>
    <row r="314794" spans="8:8">
      <c r="H314794" s="12"/>
    </row>
    <row r="314795" spans="8:8">
      <c r="H314795" s="12"/>
    </row>
    <row r="314796" spans="8:8">
      <c r="H314796" s="12"/>
    </row>
    <row r="314797" spans="8:8">
      <c r="H314797" s="12"/>
    </row>
    <row r="314798" spans="8:8">
      <c r="H314798" s="12"/>
    </row>
    <row r="314799" spans="8:8">
      <c r="H314799" s="12"/>
    </row>
    <row r="314800" spans="8:8">
      <c r="H314800" s="12"/>
    </row>
    <row r="314801" spans="8:8">
      <c r="H314801" s="12"/>
    </row>
    <row r="314802" spans="8:8">
      <c r="H314802" s="12"/>
    </row>
    <row r="314803" spans="8:8">
      <c r="H314803" s="12"/>
    </row>
    <row r="314804" spans="8:8">
      <c r="H314804" s="12"/>
    </row>
    <row r="314805" spans="8:8">
      <c r="H314805" s="12"/>
    </row>
    <row r="314806" spans="8:8">
      <c r="H314806" s="12"/>
    </row>
    <row r="314807" spans="8:8">
      <c r="H314807" s="12"/>
    </row>
    <row r="314808" spans="8:8">
      <c r="H314808" s="12"/>
    </row>
    <row r="314809" spans="8:8">
      <c r="H314809" s="12"/>
    </row>
    <row r="314810" spans="8:8">
      <c r="H314810" s="12"/>
    </row>
    <row r="314811" spans="8:8">
      <c r="H314811" s="12"/>
    </row>
    <row r="314812" spans="8:8">
      <c r="H314812" s="12"/>
    </row>
    <row r="314813" spans="8:8">
      <c r="H314813" s="12"/>
    </row>
    <row r="314814" spans="8:8">
      <c r="H314814" s="12"/>
    </row>
    <row r="314815" spans="8:8">
      <c r="H314815" s="12"/>
    </row>
    <row r="314816" spans="8:8">
      <c r="H314816" s="12"/>
    </row>
    <row r="314817" spans="8:8">
      <c r="H314817" s="12"/>
    </row>
    <row r="314818" spans="8:8">
      <c r="H314818" s="12"/>
    </row>
    <row r="314819" spans="8:8">
      <c r="H314819" s="12"/>
    </row>
    <row r="314820" spans="8:8">
      <c r="H314820" s="12"/>
    </row>
    <row r="314821" spans="8:8">
      <c r="H314821" s="12"/>
    </row>
    <row r="314822" spans="8:8">
      <c r="H314822" s="12"/>
    </row>
    <row r="314823" spans="8:8">
      <c r="H314823" s="12"/>
    </row>
    <row r="314824" spans="8:8">
      <c r="H314824" s="12"/>
    </row>
    <row r="314825" spans="8:8">
      <c r="H314825" s="12"/>
    </row>
    <row r="314826" spans="8:8">
      <c r="H314826" s="12"/>
    </row>
    <row r="314827" spans="8:8">
      <c r="H314827" s="12"/>
    </row>
    <row r="314828" spans="8:8">
      <c r="H314828" s="12"/>
    </row>
    <row r="314829" spans="8:8">
      <c r="H314829" s="12"/>
    </row>
    <row r="314830" spans="8:8">
      <c r="H314830" s="12"/>
    </row>
    <row r="314831" spans="8:8">
      <c r="H314831" s="12"/>
    </row>
    <row r="314832" spans="8:8">
      <c r="H314832" s="12"/>
    </row>
    <row r="314833" spans="8:8">
      <c r="H314833" s="12"/>
    </row>
    <row r="314834" spans="8:8">
      <c r="H314834" s="12"/>
    </row>
    <row r="314835" spans="8:8">
      <c r="H314835" s="12"/>
    </row>
    <row r="314836" spans="8:8">
      <c r="H314836" s="12"/>
    </row>
    <row r="314837" spans="8:8">
      <c r="H314837" s="12"/>
    </row>
    <row r="314838" spans="8:8">
      <c r="H314838" s="12"/>
    </row>
    <row r="314839" spans="8:8">
      <c r="H314839" s="12"/>
    </row>
    <row r="314840" spans="8:8">
      <c r="H314840" s="12"/>
    </row>
    <row r="314841" spans="8:8">
      <c r="H314841" s="12"/>
    </row>
    <row r="314842" spans="8:8">
      <c r="H314842" s="12"/>
    </row>
    <row r="314843" spans="8:8">
      <c r="H314843" s="12"/>
    </row>
    <row r="314844" spans="8:8">
      <c r="H314844" s="12"/>
    </row>
    <row r="314845" spans="8:8">
      <c r="H314845" s="12"/>
    </row>
    <row r="314846" spans="8:8">
      <c r="H314846" s="12"/>
    </row>
    <row r="314847" spans="8:8">
      <c r="H314847" s="12"/>
    </row>
    <row r="314848" spans="8:8">
      <c r="H314848" s="12"/>
    </row>
    <row r="314849" spans="8:8">
      <c r="H314849" s="12"/>
    </row>
    <row r="314850" spans="8:8">
      <c r="H314850" s="12"/>
    </row>
    <row r="314851" spans="8:8">
      <c r="H314851" s="12"/>
    </row>
    <row r="314852" spans="8:8">
      <c r="H314852" s="12"/>
    </row>
    <row r="314853" spans="8:8">
      <c r="H314853" s="12"/>
    </row>
    <row r="314854" spans="8:8">
      <c r="H314854" s="12"/>
    </row>
    <row r="314855" spans="8:8">
      <c r="H314855" s="12"/>
    </row>
    <row r="314856" spans="8:8">
      <c r="H314856" s="12"/>
    </row>
    <row r="314857" spans="8:8">
      <c r="H314857" s="12"/>
    </row>
    <row r="314858" spans="8:8">
      <c r="H314858" s="12"/>
    </row>
    <row r="314859" spans="8:8">
      <c r="H314859" s="12"/>
    </row>
    <row r="314860" spans="8:8">
      <c r="H314860" s="12"/>
    </row>
    <row r="314861" spans="8:8">
      <c r="H314861" s="12"/>
    </row>
    <row r="314862" spans="8:8">
      <c r="H314862" s="12"/>
    </row>
    <row r="314863" spans="8:8">
      <c r="H314863" s="12"/>
    </row>
    <row r="314864" spans="8:8">
      <c r="H314864" s="12"/>
    </row>
    <row r="314865" spans="8:8">
      <c r="H314865" s="12"/>
    </row>
    <row r="314866" spans="8:8">
      <c r="H314866" s="12"/>
    </row>
    <row r="314867" spans="8:8">
      <c r="H314867" s="12"/>
    </row>
    <row r="314868" spans="8:8">
      <c r="H314868" s="12"/>
    </row>
    <row r="314869" spans="8:8">
      <c r="H314869" s="12"/>
    </row>
    <row r="314870" spans="8:8">
      <c r="H314870" s="12"/>
    </row>
    <row r="314871" spans="8:8">
      <c r="H314871" s="12"/>
    </row>
    <row r="314872" spans="8:8">
      <c r="H314872" s="12"/>
    </row>
    <row r="314873" spans="8:8">
      <c r="H314873" s="12"/>
    </row>
    <row r="314874" spans="8:8">
      <c r="H314874" s="12"/>
    </row>
    <row r="314875" spans="8:8">
      <c r="H314875" s="12"/>
    </row>
    <row r="314876" spans="8:8">
      <c r="H314876" s="12"/>
    </row>
    <row r="314877" spans="8:8">
      <c r="H314877" s="12"/>
    </row>
    <row r="314878" spans="8:8">
      <c r="H314878" s="12"/>
    </row>
    <row r="314879" spans="8:8">
      <c r="H314879" s="12"/>
    </row>
    <row r="314880" spans="8:8">
      <c r="H314880" s="12"/>
    </row>
    <row r="314881" spans="8:8">
      <c r="H314881" s="12"/>
    </row>
    <row r="314882" spans="8:8">
      <c r="H314882" s="12"/>
    </row>
    <row r="314883" spans="8:8">
      <c r="H314883" s="12"/>
    </row>
    <row r="314884" spans="8:8">
      <c r="H314884" s="12"/>
    </row>
    <row r="314885" spans="8:8">
      <c r="H314885" s="12"/>
    </row>
    <row r="314886" spans="8:8">
      <c r="H314886" s="12"/>
    </row>
    <row r="314887" spans="8:8">
      <c r="H314887" s="12"/>
    </row>
    <row r="314888" spans="8:8">
      <c r="H314888" s="12"/>
    </row>
    <row r="314889" spans="8:8">
      <c r="H314889" s="12"/>
    </row>
    <row r="314890" spans="8:8">
      <c r="H314890" s="12"/>
    </row>
    <row r="314891" spans="8:8">
      <c r="H314891" s="12"/>
    </row>
    <row r="314892" spans="8:8">
      <c r="H314892" s="12"/>
    </row>
    <row r="314893" spans="8:8">
      <c r="H314893" s="12"/>
    </row>
    <row r="314894" spans="8:8">
      <c r="H314894" s="12"/>
    </row>
    <row r="314895" spans="8:8">
      <c r="H314895" s="12"/>
    </row>
    <row r="314896" spans="8:8">
      <c r="H314896" s="12"/>
    </row>
    <row r="314897" spans="8:8">
      <c r="H314897" s="12"/>
    </row>
    <row r="314898" spans="8:8">
      <c r="H314898" s="12"/>
    </row>
    <row r="314899" spans="8:8">
      <c r="H314899" s="12"/>
    </row>
    <row r="314900" spans="8:8">
      <c r="H314900" s="12"/>
    </row>
    <row r="314901" spans="8:8">
      <c r="H314901" s="12"/>
    </row>
    <row r="314902" spans="8:8">
      <c r="H314902" s="12"/>
    </row>
    <row r="314903" spans="8:8">
      <c r="H314903" s="12"/>
    </row>
    <row r="314904" spans="8:8">
      <c r="H314904" s="12"/>
    </row>
    <row r="314905" spans="8:8">
      <c r="H314905" s="12"/>
    </row>
    <row r="314906" spans="8:8">
      <c r="H314906" s="12"/>
    </row>
    <row r="314907" spans="8:8">
      <c r="H314907" s="12"/>
    </row>
    <row r="314908" spans="8:8">
      <c r="H314908" s="12"/>
    </row>
    <row r="314909" spans="8:8">
      <c r="H314909" s="12"/>
    </row>
    <row r="314910" spans="8:8">
      <c r="H314910" s="12"/>
    </row>
    <row r="314911" spans="8:8">
      <c r="H314911" s="12"/>
    </row>
    <row r="314912" spans="8:8">
      <c r="H314912" s="12"/>
    </row>
    <row r="314913" spans="8:8">
      <c r="H314913" s="12"/>
    </row>
    <row r="314914" spans="8:8">
      <c r="H314914" s="12"/>
    </row>
    <row r="314915" spans="8:8">
      <c r="H314915" s="12"/>
    </row>
    <row r="314916" spans="8:8">
      <c r="H314916" s="12"/>
    </row>
    <row r="314917" spans="8:8">
      <c r="H314917" s="12"/>
    </row>
    <row r="314918" spans="8:8">
      <c r="H314918" s="12"/>
    </row>
    <row r="314919" spans="8:8">
      <c r="H314919" s="12"/>
    </row>
    <row r="314920" spans="8:8">
      <c r="H314920" s="12"/>
    </row>
    <row r="314921" spans="8:8">
      <c r="H314921" s="12"/>
    </row>
    <row r="314922" spans="8:8">
      <c r="H314922" s="12"/>
    </row>
    <row r="314923" spans="8:8">
      <c r="H314923" s="12"/>
    </row>
    <row r="314924" spans="8:8">
      <c r="H314924" s="12"/>
    </row>
    <row r="314925" spans="8:8">
      <c r="H314925" s="12"/>
    </row>
    <row r="314926" spans="8:8">
      <c r="H314926" s="12"/>
    </row>
    <row r="314927" spans="8:8">
      <c r="H314927" s="12"/>
    </row>
    <row r="314928" spans="8:8">
      <c r="H314928" s="12"/>
    </row>
    <row r="314929" spans="8:8">
      <c r="H314929" s="12"/>
    </row>
    <row r="314930" spans="8:8">
      <c r="H314930" s="12"/>
    </row>
    <row r="314931" spans="8:8">
      <c r="H314931" s="12"/>
    </row>
    <row r="314932" spans="8:8">
      <c r="H314932" s="12"/>
    </row>
    <row r="314933" spans="8:8">
      <c r="H314933" s="12"/>
    </row>
    <row r="314934" spans="8:8">
      <c r="H314934" s="12"/>
    </row>
    <row r="314935" spans="8:8">
      <c r="H314935" s="12"/>
    </row>
    <row r="314936" spans="8:8">
      <c r="H314936" s="12"/>
    </row>
    <row r="314937" spans="8:8">
      <c r="H314937" s="12"/>
    </row>
    <row r="314938" spans="8:8">
      <c r="H314938" s="12"/>
    </row>
    <row r="314939" spans="8:8">
      <c r="H314939" s="12"/>
    </row>
    <row r="314940" spans="8:8">
      <c r="H314940" s="12"/>
    </row>
    <row r="314941" spans="8:8">
      <c r="H314941" s="12"/>
    </row>
    <row r="314942" spans="8:8">
      <c r="H314942" s="12"/>
    </row>
    <row r="314943" spans="8:8">
      <c r="H314943" s="12"/>
    </row>
    <row r="314944" spans="8:8">
      <c r="H314944" s="12"/>
    </row>
    <row r="314945" spans="8:8">
      <c r="H314945" s="12"/>
    </row>
    <row r="314946" spans="8:8">
      <c r="H314946" s="12"/>
    </row>
    <row r="314947" spans="8:8">
      <c r="H314947" s="12"/>
    </row>
    <row r="314948" spans="8:8">
      <c r="H314948" s="12"/>
    </row>
    <row r="314949" spans="8:8">
      <c r="H314949" s="12"/>
    </row>
    <row r="314950" spans="8:8">
      <c r="H314950" s="12"/>
    </row>
    <row r="314951" spans="8:8">
      <c r="H314951" s="12"/>
    </row>
    <row r="314952" spans="8:8">
      <c r="H314952" s="12"/>
    </row>
    <row r="314953" spans="8:8">
      <c r="H314953" s="12"/>
    </row>
    <row r="314954" spans="8:8">
      <c r="H314954" s="12"/>
    </row>
    <row r="314955" spans="8:8">
      <c r="H314955" s="12"/>
    </row>
    <row r="314956" spans="8:8">
      <c r="H314956" s="12"/>
    </row>
    <row r="314957" spans="8:8">
      <c r="H314957" s="12"/>
    </row>
    <row r="314958" spans="8:8">
      <c r="H314958" s="12"/>
    </row>
    <row r="314959" spans="8:8">
      <c r="H314959" s="12"/>
    </row>
    <row r="314960" spans="8:8">
      <c r="H314960" s="12"/>
    </row>
    <row r="314961" spans="8:8">
      <c r="H314961" s="12"/>
    </row>
    <row r="314962" spans="8:8">
      <c r="H314962" s="12"/>
    </row>
    <row r="314963" spans="8:8">
      <c r="H314963" s="12"/>
    </row>
    <row r="314964" spans="8:8">
      <c r="H314964" s="12"/>
    </row>
    <row r="314965" spans="8:8">
      <c r="H314965" s="12"/>
    </row>
    <row r="314966" spans="8:8">
      <c r="H314966" s="12"/>
    </row>
    <row r="314967" spans="8:8">
      <c r="H314967" s="12"/>
    </row>
    <row r="314968" spans="8:8">
      <c r="H314968" s="12"/>
    </row>
    <row r="314969" spans="8:8">
      <c r="H314969" s="12"/>
    </row>
    <row r="314970" spans="8:8">
      <c r="H314970" s="12"/>
    </row>
    <row r="314971" spans="8:8">
      <c r="H314971" s="12"/>
    </row>
    <row r="314972" spans="8:8">
      <c r="H314972" s="12"/>
    </row>
    <row r="314973" spans="8:8">
      <c r="H314973" s="12"/>
    </row>
    <row r="314974" spans="8:8">
      <c r="H314974" s="12"/>
    </row>
    <row r="314975" spans="8:8">
      <c r="H314975" s="12"/>
    </row>
    <row r="314976" spans="8:8">
      <c r="H314976" s="12"/>
    </row>
    <row r="314977" spans="8:8">
      <c r="H314977" s="12"/>
    </row>
    <row r="314978" spans="8:8">
      <c r="H314978" s="12"/>
    </row>
    <row r="314979" spans="8:8">
      <c r="H314979" s="12"/>
    </row>
    <row r="314980" spans="8:8">
      <c r="H314980" s="12"/>
    </row>
    <row r="314981" spans="8:8">
      <c r="H314981" s="12"/>
    </row>
    <row r="314982" spans="8:8">
      <c r="H314982" s="12"/>
    </row>
    <row r="314983" spans="8:8">
      <c r="H314983" s="12"/>
    </row>
    <row r="314984" spans="8:8">
      <c r="H314984" s="12"/>
    </row>
    <row r="314985" spans="8:8">
      <c r="H314985" s="12"/>
    </row>
    <row r="314986" spans="8:8">
      <c r="H314986" s="12"/>
    </row>
    <row r="314987" spans="8:8">
      <c r="H314987" s="12"/>
    </row>
    <row r="314988" spans="8:8">
      <c r="H314988" s="12"/>
    </row>
    <row r="314989" spans="8:8">
      <c r="H314989" s="12"/>
    </row>
    <row r="314990" spans="8:8">
      <c r="H314990" s="12"/>
    </row>
    <row r="314991" spans="8:8">
      <c r="H314991" s="12"/>
    </row>
    <row r="314992" spans="8:8">
      <c r="H314992" s="12"/>
    </row>
    <row r="314993" spans="8:8">
      <c r="H314993" s="12"/>
    </row>
    <row r="314994" spans="8:8">
      <c r="H314994" s="12"/>
    </row>
    <row r="314995" spans="8:8">
      <c r="H314995" s="12"/>
    </row>
    <row r="314996" spans="8:8">
      <c r="H314996" s="12"/>
    </row>
    <row r="314997" spans="8:8">
      <c r="H314997" s="12"/>
    </row>
    <row r="314998" spans="8:8">
      <c r="H314998" s="12"/>
    </row>
    <row r="314999" spans="8:8">
      <c r="H314999" s="12"/>
    </row>
    <row r="315000" spans="8:8">
      <c r="H315000" s="12"/>
    </row>
    <row r="315001" spans="8:8">
      <c r="H315001" s="12"/>
    </row>
    <row r="315002" spans="8:8">
      <c r="H315002" s="12"/>
    </row>
    <row r="315003" spans="8:8">
      <c r="H315003" s="12"/>
    </row>
    <row r="315004" spans="8:8">
      <c r="H315004" s="12"/>
    </row>
    <row r="315005" spans="8:8">
      <c r="H315005" s="12"/>
    </row>
    <row r="315006" spans="8:8">
      <c r="H315006" s="12"/>
    </row>
    <row r="315007" spans="8:8">
      <c r="H315007" s="12"/>
    </row>
    <row r="315008" spans="8:8">
      <c r="H315008" s="12"/>
    </row>
    <row r="315009" spans="8:8">
      <c r="H315009" s="12"/>
    </row>
    <row r="315010" spans="8:8">
      <c r="H315010" s="12"/>
    </row>
    <row r="315011" spans="8:8">
      <c r="H315011" s="12"/>
    </row>
    <row r="315012" spans="8:8">
      <c r="H315012" s="12"/>
    </row>
    <row r="315013" spans="8:8">
      <c r="H315013" s="12"/>
    </row>
    <row r="315014" spans="8:8">
      <c r="H315014" s="12"/>
    </row>
    <row r="315015" spans="8:8">
      <c r="H315015" s="12"/>
    </row>
    <row r="315016" spans="8:8">
      <c r="H315016" s="12"/>
    </row>
    <row r="315017" spans="8:8">
      <c r="H315017" s="12"/>
    </row>
    <row r="315018" spans="8:8">
      <c r="H315018" s="12"/>
    </row>
    <row r="315019" spans="8:8">
      <c r="H315019" s="12"/>
    </row>
    <row r="315020" spans="8:8">
      <c r="H315020" s="12"/>
    </row>
    <row r="315021" spans="8:8">
      <c r="H315021" s="12"/>
    </row>
    <row r="315022" spans="8:8">
      <c r="H315022" s="12"/>
    </row>
    <row r="315023" spans="8:8">
      <c r="H315023" s="12"/>
    </row>
    <row r="315024" spans="8:8">
      <c r="H315024" s="12"/>
    </row>
    <row r="315025" spans="8:8">
      <c r="H315025" s="12"/>
    </row>
    <row r="315026" spans="8:8">
      <c r="H315026" s="12"/>
    </row>
    <row r="315027" spans="8:8">
      <c r="H315027" s="12"/>
    </row>
    <row r="315028" spans="8:8">
      <c r="H315028" s="12"/>
    </row>
    <row r="315029" spans="8:8">
      <c r="H315029" s="12"/>
    </row>
    <row r="315030" spans="8:8">
      <c r="H315030" s="12"/>
    </row>
    <row r="315031" spans="8:8">
      <c r="H315031" s="12"/>
    </row>
    <row r="315032" spans="8:8">
      <c r="H315032" s="12"/>
    </row>
    <row r="315033" spans="8:8">
      <c r="H315033" s="12"/>
    </row>
    <row r="315034" spans="8:8">
      <c r="H315034" s="12"/>
    </row>
    <row r="315035" spans="8:8">
      <c r="H315035" s="12"/>
    </row>
    <row r="315036" spans="8:8">
      <c r="H315036" s="12"/>
    </row>
    <row r="315037" spans="8:8">
      <c r="H315037" s="12"/>
    </row>
    <row r="315038" spans="8:8">
      <c r="H315038" s="12"/>
    </row>
    <row r="315039" spans="8:8">
      <c r="H315039" s="12"/>
    </row>
    <row r="315040" spans="8:8">
      <c r="H315040" s="12"/>
    </row>
    <row r="315041" spans="8:8">
      <c r="H315041" s="12"/>
    </row>
    <row r="315042" spans="8:8">
      <c r="H315042" s="12"/>
    </row>
    <row r="315043" spans="8:8">
      <c r="H315043" s="12"/>
    </row>
    <row r="315044" spans="8:8">
      <c r="H315044" s="12"/>
    </row>
    <row r="315045" spans="8:8">
      <c r="H315045" s="12"/>
    </row>
    <row r="315046" spans="8:8">
      <c r="H315046" s="12"/>
    </row>
    <row r="315047" spans="8:8">
      <c r="H315047" s="12"/>
    </row>
    <row r="315048" spans="8:8">
      <c r="H315048" s="12"/>
    </row>
    <row r="315049" spans="8:8">
      <c r="H315049" s="12"/>
    </row>
    <row r="315050" spans="8:8">
      <c r="H315050" s="12"/>
    </row>
    <row r="315051" spans="8:8">
      <c r="H315051" s="12"/>
    </row>
    <row r="315052" spans="8:8">
      <c r="H315052" s="12"/>
    </row>
    <row r="315053" spans="8:8">
      <c r="H315053" s="12"/>
    </row>
    <row r="315054" spans="8:8">
      <c r="H315054" s="12"/>
    </row>
    <row r="315055" spans="8:8">
      <c r="H315055" s="12"/>
    </row>
    <row r="315056" spans="8:8">
      <c r="H315056" s="12"/>
    </row>
    <row r="315057" spans="8:8">
      <c r="H315057" s="12"/>
    </row>
    <row r="315058" spans="8:8">
      <c r="H315058" s="12"/>
    </row>
    <row r="315059" spans="8:8">
      <c r="H315059" s="12"/>
    </row>
    <row r="315060" spans="8:8">
      <c r="H315060" s="12"/>
    </row>
    <row r="315061" spans="8:8">
      <c r="H315061" s="12"/>
    </row>
    <row r="315062" spans="8:8">
      <c r="H315062" s="12"/>
    </row>
    <row r="315063" spans="8:8">
      <c r="H315063" s="12"/>
    </row>
    <row r="315064" spans="8:8">
      <c r="H315064" s="12"/>
    </row>
    <row r="315065" spans="8:8">
      <c r="H315065" s="12"/>
    </row>
    <row r="315066" spans="8:8">
      <c r="H315066" s="12"/>
    </row>
    <row r="315067" spans="8:8">
      <c r="H315067" s="12"/>
    </row>
    <row r="315068" spans="8:8">
      <c r="H315068" s="12"/>
    </row>
    <row r="315069" spans="8:8">
      <c r="H315069" s="12"/>
    </row>
    <row r="315070" spans="8:8">
      <c r="H315070" s="12"/>
    </row>
    <row r="315071" spans="8:8">
      <c r="H315071" s="12"/>
    </row>
    <row r="315072" spans="8:8">
      <c r="H315072" s="12"/>
    </row>
    <row r="315073" spans="8:8">
      <c r="H315073" s="12"/>
    </row>
    <row r="315074" spans="8:8">
      <c r="H315074" s="12"/>
    </row>
    <row r="315075" spans="8:8">
      <c r="H315075" s="12"/>
    </row>
    <row r="315076" spans="8:8">
      <c r="H315076" s="12"/>
    </row>
    <row r="315077" spans="8:8">
      <c r="H315077" s="12"/>
    </row>
    <row r="315078" spans="8:8">
      <c r="H315078" s="12"/>
    </row>
    <row r="315079" spans="8:8">
      <c r="H315079" s="12"/>
    </row>
    <row r="315080" spans="8:8">
      <c r="H315080" s="12"/>
    </row>
    <row r="315081" spans="8:8">
      <c r="H315081" s="12"/>
    </row>
    <row r="315082" spans="8:8">
      <c r="H315082" s="12"/>
    </row>
    <row r="315083" spans="8:8">
      <c r="H315083" s="12"/>
    </row>
    <row r="315084" spans="8:8">
      <c r="H315084" s="12"/>
    </row>
    <row r="315085" spans="8:8">
      <c r="H315085" s="12"/>
    </row>
    <row r="315086" spans="8:8">
      <c r="H315086" s="12"/>
    </row>
    <row r="315087" spans="8:8">
      <c r="H315087" s="12"/>
    </row>
    <row r="315088" spans="8:8">
      <c r="H315088" s="12"/>
    </row>
    <row r="315089" spans="8:8">
      <c r="H315089" s="12"/>
    </row>
    <row r="315090" spans="8:8">
      <c r="H315090" s="12"/>
    </row>
    <row r="315091" spans="8:8">
      <c r="H315091" s="12"/>
    </row>
    <row r="315092" spans="8:8">
      <c r="H315092" s="12"/>
    </row>
    <row r="315093" spans="8:8">
      <c r="H315093" s="12"/>
    </row>
    <row r="315094" spans="8:8">
      <c r="H315094" s="12"/>
    </row>
    <row r="315095" spans="8:8">
      <c r="H315095" s="12"/>
    </row>
    <row r="315096" spans="8:8">
      <c r="H315096" s="12"/>
    </row>
    <row r="315097" spans="8:8">
      <c r="H315097" s="12"/>
    </row>
    <row r="315098" spans="8:8">
      <c r="H315098" s="12"/>
    </row>
    <row r="315099" spans="8:8">
      <c r="H315099" s="12"/>
    </row>
    <row r="315100" spans="8:8">
      <c r="H315100" s="12"/>
    </row>
    <row r="315101" spans="8:8">
      <c r="H315101" s="12"/>
    </row>
    <row r="315102" spans="8:8">
      <c r="H315102" s="12"/>
    </row>
    <row r="315103" spans="8:8">
      <c r="H315103" s="12"/>
    </row>
    <row r="315104" spans="8:8">
      <c r="H315104" s="12"/>
    </row>
    <row r="315105" spans="8:8">
      <c r="H315105" s="12"/>
    </row>
    <row r="315106" spans="8:8">
      <c r="H315106" s="12"/>
    </row>
    <row r="315107" spans="8:8">
      <c r="H315107" s="12"/>
    </row>
    <row r="315108" spans="8:8">
      <c r="H315108" s="12"/>
    </row>
    <row r="315109" spans="8:8">
      <c r="H315109" s="12"/>
    </row>
    <row r="315110" spans="8:8">
      <c r="H315110" s="12"/>
    </row>
    <row r="315111" spans="8:8">
      <c r="H315111" s="12"/>
    </row>
    <row r="315112" spans="8:8">
      <c r="H315112" s="12"/>
    </row>
    <row r="315113" spans="8:8">
      <c r="H315113" s="12"/>
    </row>
    <row r="315114" spans="8:8">
      <c r="H315114" s="12"/>
    </row>
    <row r="315115" spans="8:8">
      <c r="H315115" s="12"/>
    </row>
    <row r="315116" spans="8:8">
      <c r="H315116" s="12"/>
    </row>
    <row r="315117" spans="8:8">
      <c r="H315117" s="12"/>
    </row>
    <row r="315118" spans="8:8">
      <c r="H315118" s="12"/>
    </row>
    <row r="315119" spans="8:8">
      <c r="H315119" s="12"/>
    </row>
    <row r="315120" spans="8:8">
      <c r="H315120" s="12"/>
    </row>
    <row r="315121" spans="8:8">
      <c r="H315121" s="12"/>
    </row>
    <row r="315122" spans="8:8">
      <c r="H315122" s="12"/>
    </row>
    <row r="315123" spans="8:8">
      <c r="H315123" s="12"/>
    </row>
    <row r="315124" spans="8:8">
      <c r="H315124" s="12"/>
    </row>
    <row r="315125" spans="8:8">
      <c r="H315125" s="12"/>
    </row>
    <row r="315126" spans="8:8">
      <c r="H315126" s="12"/>
    </row>
    <row r="315127" spans="8:8">
      <c r="H315127" s="12"/>
    </row>
    <row r="315128" spans="8:8">
      <c r="H315128" s="12"/>
    </row>
    <row r="315129" spans="8:8">
      <c r="H315129" s="12"/>
    </row>
    <row r="315130" spans="8:8">
      <c r="H315130" s="12"/>
    </row>
    <row r="315131" spans="8:8">
      <c r="H315131" s="12"/>
    </row>
    <row r="315132" spans="8:8">
      <c r="H315132" s="12"/>
    </row>
    <row r="315133" spans="8:8">
      <c r="H315133" s="12"/>
    </row>
    <row r="315134" spans="8:8">
      <c r="H315134" s="12"/>
    </row>
    <row r="315135" spans="8:8">
      <c r="H315135" s="12"/>
    </row>
    <row r="315136" spans="8:8">
      <c r="H315136" s="12"/>
    </row>
    <row r="315137" spans="8:8">
      <c r="H315137" s="12"/>
    </row>
    <row r="315138" spans="8:8">
      <c r="H315138" s="12"/>
    </row>
    <row r="315139" spans="8:8">
      <c r="H315139" s="12"/>
    </row>
    <row r="315140" spans="8:8">
      <c r="H315140" s="12"/>
    </row>
    <row r="315141" spans="8:8">
      <c r="H315141" s="12"/>
    </row>
    <row r="315142" spans="8:8">
      <c r="H315142" s="12"/>
    </row>
    <row r="315143" spans="8:8">
      <c r="H315143" s="12"/>
    </row>
    <row r="315144" spans="8:8">
      <c r="H315144" s="12"/>
    </row>
    <row r="315145" spans="8:8">
      <c r="H315145" s="12"/>
    </row>
    <row r="315146" spans="8:8">
      <c r="H315146" s="12"/>
    </row>
    <row r="315147" spans="8:8">
      <c r="H315147" s="12"/>
    </row>
    <row r="315148" spans="8:8">
      <c r="H315148" s="12"/>
    </row>
    <row r="315149" spans="8:8">
      <c r="H315149" s="12"/>
    </row>
    <row r="315150" spans="8:8">
      <c r="H315150" s="12"/>
    </row>
    <row r="315151" spans="8:8">
      <c r="H315151" s="12"/>
    </row>
    <row r="315152" spans="8:8">
      <c r="H315152" s="12"/>
    </row>
    <row r="315153" spans="8:8">
      <c r="H315153" s="12"/>
    </row>
    <row r="315154" spans="8:8">
      <c r="H315154" s="12"/>
    </row>
    <row r="315155" spans="8:8">
      <c r="H315155" s="12"/>
    </row>
    <row r="315156" spans="8:8">
      <c r="H315156" s="12"/>
    </row>
    <row r="315157" spans="8:8">
      <c r="H315157" s="12"/>
    </row>
    <row r="315158" spans="8:8">
      <c r="H315158" s="12"/>
    </row>
    <row r="315159" spans="8:8">
      <c r="H315159" s="12"/>
    </row>
    <row r="315160" spans="8:8">
      <c r="H315160" s="12"/>
    </row>
    <row r="315161" spans="8:8">
      <c r="H315161" s="12"/>
    </row>
    <row r="315162" spans="8:8">
      <c r="H315162" s="12"/>
    </row>
    <row r="315163" spans="8:8">
      <c r="H315163" s="12"/>
    </row>
    <row r="315164" spans="8:8">
      <c r="H315164" s="12"/>
    </row>
    <row r="315165" spans="8:8">
      <c r="H315165" s="12"/>
    </row>
    <row r="315166" spans="8:8">
      <c r="H315166" s="12"/>
    </row>
    <row r="315167" spans="8:8">
      <c r="H315167" s="12"/>
    </row>
    <row r="315168" spans="8:8">
      <c r="H315168" s="12"/>
    </row>
    <row r="315169" spans="8:8">
      <c r="H315169" s="12"/>
    </row>
    <row r="315170" spans="8:8">
      <c r="H315170" s="12"/>
    </row>
    <row r="315171" spans="8:8">
      <c r="H315171" s="12"/>
    </row>
    <row r="315172" spans="8:8">
      <c r="H315172" s="12"/>
    </row>
    <row r="315173" spans="8:8">
      <c r="H315173" s="12"/>
    </row>
    <row r="315174" spans="8:8">
      <c r="H315174" s="12"/>
    </row>
    <row r="315175" spans="8:8">
      <c r="H315175" s="12"/>
    </row>
    <row r="315176" spans="8:8">
      <c r="H315176" s="12"/>
    </row>
    <row r="315177" spans="8:8">
      <c r="H315177" s="12"/>
    </row>
    <row r="315178" spans="8:8">
      <c r="H315178" s="12"/>
    </row>
    <row r="315179" spans="8:8">
      <c r="H315179" s="12"/>
    </row>
    <row r="315180" spans="8:8">
      <c r="H315180" s="12"/>
    </row>
    <row r="315181" spans="8:8">
      <c r="H315181" s="12"/>
    </row>
    <row r="315182" spans="8:8">
      <c r="H315182" s="12"/>
    </row>
    <row r="315183" spans="8:8">
      <c r="H315183" s="12"/>
    </row>
    <row r="315184" spans="8:8">
      <c r="H315184" s="12"/>
    </row>
    <row r="315185" spans="8:8">
      <c r="H315185" s="12"/>
    </row>
    <row r="315186" spans="8:8">
      <c r="H315186" s="12"/>
    </row>
    <row r="315187" spans="8:8">
      <c r="H315187" s="12"/>
    </row>
    <row r="315188" spans="8:8">
      <c r="H315188" s="12"/>
    </row>
    <row r="315189" spans="8:8">
      <c r="H315189" s="12"/>
    </row>
    <row r="315190" spans="8:8">
      <c r="H315190" s="12"/>
    </row>
    <row r="315191" spans="8:8">
      <c r="H315191" s="12"/>
    </row>
    <row r="315192" spans="8:8">
      <c r="H315192" s="12"/>
    </row>
    <row r="315193" spans="8:8">
      <c r="H315193" s="12"/>
    </row>
    <row r="315194" spans="8:8">
      <c r="H315194" s="12"/>
    </row>
    <row r="315195" spans="8:8">
      <c r="H315195" s="12"/>
    </row>
    <row r="315196" spans="8:8">
      <c r="H315196" s="12"/>
    </row>
    <row r="315197" spans="8:8">
      <c r="H315197" s="12"/>
    </row>
    <row r="315198" spans="8:8">
      <c r="H315198" s="12"/>
    </row>
    <row r="315199" spans="8:8">
      <c r="H315199" s="12"/>
    </row>
    <row r="315200" spans="8:8">
      <c r="H315200" s="12"/>
    </row>
    <row r="315201" spans="8:8">
      <c r="H315201" s="12"/>
    </row>
    <row r="315202" spans="8:8">
      <c r="H315202" s="12"/>
    </row>
    <row r="315203" spans="8:8">
      <c r="H315203" s="12"/>
    </row>
    <row r="315204" spans="8:8">
      <c r="H315204" s="12"/>
    </row>
    <row r="315205" spans="8:8">
      <c r="H315205" s="12"/>
    </row>
    <row r="315206" spans="8:8">
      <c r="H315206" s="12"/>
    </row>
    <row r="315207" spans="8:8">
      <c r="H315207" s="12"/>
    </row>
    <row r="315208" spans="8:8">
      <c r="H315208" s="12"/>
    </row>
    <row r="315209" spans="8:8">
      <c r="H315209" s="12"/>
    </row>
    <row r="315210" spans="8:8">
      <c r="H315210" s="12"/>
    </row>
    <row r="315211" spans="8:8">
      <c r="H315211" s="12"/>
    </row>
    <row r="315212" spans="8:8">
      <c r="H315212" s="12"/>
    </row>
    <row r="315213" spans="8:8">
      <c r="H315213" s="12"/>
    </row>
    <row r="315214" spans="8:8">
      <c r="H315214" s="12"/>
    </row>
    <row r="315215" spans="8:8">
      <c r="H315215" s="12"/>
    </row>
    <row r="315216" spans="8:8">
      <c r="H315216" s="12"/>
    </row>
    <row r="315217" spans="8:8">
      <c r="H315217" s="12"/>
    </row>
    <row r="315218" spans="8:8">
      <c r="H315218" s="12"/>
    </row>
    <row r="315219" spans="8:8">
      <c r="H315219" s="12"/>
    </row>
    <row r="315220" spans="8:8">
      <c r="H315220" s="12"/>
    </row>
    <row r="315221" spans="8:8">
      <c r="H315221" s="12"/>
    </row>
    <row r="315222" spans="8:8">
      <c r="H315222" s="12"/>
    </row>
    <row r="315223" spans="8:8">
      <c r="H315223" s="12"/>
    </row>
    <row r="315224" spans="8:8">
      <c r="H315224" s="12"/>
    </row>
    <row r="315225" spans="8:8">
      <c r="H315225" s="12"/>
    </row>
    <row r="315226" spans="8:8">
      <c r="H315226" s="12"/>
    </row>
    <row r="315227" spans="8:8">
      <c r="H315227" s="12"/>
    </row>
    <row r="315228" spans="8:8">
      <c r="H315228" s="12"/>
    </row>
    <row r="315229" spans="8:8">
      <c r="H315229" s="12"/>
    </row>
    <row r="315230" spans="8:8">
      <c r="H315230" s="12"/>
    </row>
    <row r="315231" spans="8:8">
      <c r="H315231" s="12"/>
    </row>
    <row r="315232" spans="8:8">
      <c r="H315232" s="12"/>
    </row>
    <row r="315233" spans="8:8">
      <c r="H315233" s="12"/>
    </row>
    <row r="315234" spans="8:8">
      <c r="H315234" s="12"/>
    </row>
    <row r="315235" spans="8:8">
      <c r="H315235" s="12"/>
    </row>
    <row r="315236" spans="8:8">
      <c r="H315236" s="12"/>
    </row>
    <row r="315237" spans="8:8">
      <c r="H315237" s="12"/>
    </row>
    <row r="315238" spans="8:8">
      <c r="H315238" s="12"/>
    </row>
    <row r="315239" spans="8:8">
      <c r="H315239" s="12"/>
    </row>
    <row r="315240" spans="8:8">
      <c r="H315240" s="12"/>
    </row>
    <row r="315241" spans="8:8">
      <c r="H315241" s="12"/>
    </row>
    <row r="315242" spans="8:8">
      <c r="H315242" s="12"/>
    </row>
    <row r="315243" spans="8:8">
      <c r="H315243" s="12"/>
    </row>
    <row r="315244" spans="8:8">
      <c r="H315244" s="12"/>
    </row>
    <row r="315245" spans="8:8">
      <c r="H315245" s="12"/>
    </row>
    <row r="315246" spans="8:8">
      <c r="H315246" s="12"/>
    </row>
    <row r="315247" spans="8:8">
      <c r="H315247" s="12"/>
    </row>
    <row r="315248" spans="8:8">
      <c r="H315248" s="12"/>
    </row>
    <row r="315249" spans="8:8">
      <c r="H315249" s="12"/>
    </row>
    <row r="315250" spans="8:8">
      <c r="H315250" s="12"/>
    </row>
    <row r="315251" spans="8:8">
      <c r="H315251" s="12"/>
    </row>
    <row r="315252" spans="8:8">
      <c r="H315252" s="12"/>
    </row>
    <row r="315253" spans="8:8">
      <c r="H315253" s="12"/>
    </row>
    <row r="315254" spans="8:8">
      <c r="H315254" s="12"/>
    </row>
    <row r="315255" spans="8:8">
      <c r="H315255" s="12"/>
    </row>
    <row r="315256" spans="8:8">
      <c r="H315256" s="12"/>
    </row>
    <row r="315257" spans="8:8">
      <c r="H315257" s="12"/>
    </row>
    <row r="315258" spans="8:8">
      <c r="H315258" s="12"/>
    </row>
    <row r="315259" spans="8:8">
      <c r="H315259" s="12"/>
    </row>
    <row r="315260" spans="8:8">
      <c r="H315260" s="12"/>
    </row>
    <row r="315261" spans="8:8">
      <c r="H315261" s="12"/>
    </row>
    <row r="315262" spans="8:8">
      <c r="H315262" s="12"/>
    </row>
    <row r="315263" spans="8:8">
      <c r="H315263" s="12"/>
    </row>
    <row r="315264" spans="8:8">
      <c r="H315264" s="12"/>
    </row>
    <row r="315265" spans="8:8">
      <c r="H315265" s="12"/>
    </row>
    <row r="315266" spans="8:8">
      <c r="H315266" s="12"/>
    </row>
    <row r="315267" spans="8:8">
      <c r="H315267" s="12"/>
    </row>
    <row r="315268" spans="8:8">
      <c r="H315268" s="12"/>
    </row>
    <row r="315269" spans="8:8">
      <c r="H315269" s="12"/>
    </row>
    <row r="315270" spans="8:8">
      <c r="H315270" s="12"/>
    </row>
    <row r="315271" spans="8:8">
      <c r="H315271" s="12"/>
    </row>
    <row r="315272" spans="8:8">
      <c r="H315272" s="12"/>
    </row>
    <row r="315273" spans="8:8">
      <c r="H315273" s="12"/>
    </row>
    <row r="315274" spans="8:8">
      <c r="H315274" s="12"/>
    </row>
    <row r="315275" spans="8:8">
      <c r="H315275" s="12"/>
    </row>
    <row r="315276" spans="8:8">
      <c r="H315276" s="12"/>
    </row>
    <row r="315277" spans="8:8">
      <c r="H315277" s="12"/>
    </row>
    <row r="315278" spans="8:8">
      <c r="H315278" s="12"/>
    </row>
    <row r="315279" spans="8:8">
      <c r="H315279" s="12"/>
    </row>
    <row r="315280" spans="8:8">
      <c r="H315280" s="12"/>
    </row>
    <row r="315281" spans="8:8">
      <c r="H315281" s="12"/>
    </row>
    <row r="315282" spans="8:8">
      <c r="H315282" s="12"/>
    </row>
    <row r="315283" spans="8:8">
      <c r="H315283" s="12"/>
    </row>
    <row r="315284" spans="8:8">
      <c r="H315284" s="12"/>
    </row>
    <row r="315285" spans="8:8">
      <c r="H315285" s="12"/>
    </row>
    <row r="315286" spans="8:8">
      <c r="H315286" s="12"/>
    </row>
    <row r="315287" spans="8:8">
      <c r="H315287" s="12"/>
    </row>
    <row r="315288" spans="8:8">
      <c r="H315288" s="12"/>
    </row>
    <row r="315289" spans="8:8">
      <c r="H315289" s="12"/>
    </row>
    <row r="315290" spans="8:8">
      <c r="H315290" s="12"/>
    </row>
    <row r="315291" spans="8:8">
      <c r="H315291" s="12"/>
    </row>
    <row r="315292" spans="8:8">
      <c r="H315292" s="12"/>
    </row>
    <row r="315293" spans="8:8">
      <c r="H315293" s="12"/>
    </row>
    <row r="315294" spans="8:8">
      <c r="H315294" s="12"/>
    </row>
    <row r="315295" spans="8:8">
      <c r="H315295" s="12"/>
    </row>
    <row r="315296" spans="8:8">
      <c r="H315296" s="12"/>
    </row>
    <row r="315297" spans="8:8">
      <c r="H315297" s="12"/>
    </row>
    <row r="315298" spans="8:8">
      <c r="H315298" s="12"/>
    </row>
    <row r="315299" spans="8:8">
      <c r="H315299" s="12"/>
    </row>
    <row r="315300" spans="8:8">
      <c r="H315300" s="12"/>
    </row>
    <row r="315301" spans="8:8">
      <c r="H315301" s="12"/>
    </row>
    <row r="315302" spans="8:8">
      <c r="H315302" s="12"/>
    </row>
    <row r="315303" spans="8:8">
      <c r="H315303" s="12"/>
    </row>
    <row r="315304" spans="8:8">
      <c r="H315304" s="12"/>
    </row>
    <row r="315305" spans="8:8">
      <c r="H315305" s="12"/>
    </row>
    <row r="315306" spans="8:8">
      <c r="H315306" s="12"/>
    </row>
    <row r="315307" spans="8:8">
      <c r="H315307" s="12"/>
    </row>
    <row r="315308" spans="8:8">
      <c r="H315308" s="12"/>
    </row>
    <row r="315309" spans="8:8">
      <c r="H315309" s="12"/>
    </row>
    <row r="315310" spans="8:8">
      <c r="H315310" s="12"/>
    </row>
    <row r="315311" spans="8:8">
      <c r="H315311" s="12"/>
    </row>
    <row r="315312" spans="8:8">
      <c r="H315312" s="12"/>
    </row>
    <row r="315313" spans="8:8">
      <c r="H315313" s="12"/>
    </row>
    <row r="315314" spans="8:8">
      <c r="H315314" s="12"/>
    </row>
    <row r="315315" spans="8:8">
      <c r="H315315" s="12"/>
    </row>
    <row r="315316" spans="8:8">
      <c r="H315316" s="12"/>
    </row>
    <row r="315317" spans="8:8">
      <c r="H315317" s="12"/>
    </row>
    <row r="315318" spans="8:8">
      <c r="H315318" s="12"/>
    </row>
    <row r="315319" spans="8:8">
      <c r="H315319" s="12"/>
    </row>
    <row r="315320" spans="8:8">
      <c r="H315320" s="12"/>
    </row>
    <row r="315321" spans="8:8">
      <c r="H315321" s="12"/>
    </row>
    <row r="315322" spans="8:8">
      <c r="H315322" s="12"/>
    </row>
    <row r="315323" spans="8:8">
      <c r="H315323" s="12"/>
    </row>
    <row r="315324" spans="8:8">
      <c r="H315324" s="12"/>
    </row>
    <row r="315325" spans="8:8">
      <c r="H315325" s="12"/>
    </row>
    <row r="315326" spans="8:8">
      <c r="H315326" s="12"/>
    </row>
    <row r="315327" spans="8:8">
      <c r="H315327" s="12"/>
    </row>
    <row r="315328" spans="8:8">
      <c r="H315328" s="12"/>
    </row>
    <row r="315329" spans="8:8">
      <c r="H315329" s="12"/>
    </row>
    <row r="315330" spans="8:8">
      <c r="H315330" s="12"/>
    </row>
    <row r="315331" spans="8:8">
      <c r="H315331" s="12"/>
    </row>
    <row r="315332" spans="8:8">
      <c r="H315332" s="12"/>
    </row>
    <row r="315333" spans="8:8">
      <c r="H315333" s="12"/>
    </row>
    <row r="315334" spans="8:8">
      <c r="H315334" s="12"/>
    </row>
    <row r="315335" spans="8:8">
      <c r="H315335" s="12"/>
    </row>
    <row r="315336" spans="8:8">
      <c r="H315336" s="12"/>
    </row>
    <row r="315337" spans="8:8">
      <c r="H315337" s="12"/>
    </row>
    <row r="315338" spans="8:8">
      <c r="H315338" s="12"/>
    </row>
    <row r="315339" spans="8:8">
      <c r="H315339" s="12"/>
    </row>
    <row r="315340" spans="8:8">
      <c r="H315340" s="12"/>
    </row>
    <row r="315341" spans="8:8">
      <c r="H315341" s="12"/>
    </row>
    <row r="315342" spans="8:8">
      <c r="H315342" s="12"/>
    </row>
    <row r="315343" spans="8:8">
      <c r="H315343" s="12"/>
    </row>
    <row r="315344" spans="8:8">
      <c r="H315344" s="12"/>
    </row>
    <row r="315345" spans="8:8">
      <c r="H315345" s="12"/>
    </row>
    <row r="315346" spans="8:8">
      <c r="H315346" s="12"/>
    </row>
    <row r="315347" spans="8:8">
      <c r="H315347" s="12"/>
    </row>
    <row r="315348" spans="8:8">
      <c r="H315348" s="12"/>
    </row>
    <row r="315349" spans="8:8">
      <c r="H315349" s="12"/>
    </row>
    <row r="315350" spans="8:8">
      <c r="H315350" s="12"/>
    </row>
    <row r="315351" spans="8:8">
      <c r="H315351" s="12"/>
    </row>
    <row r="315352" spans="8:8">
      <c r="H315352" s="12"/>
    </row>
    <row r="315353" spans="8:8">
      <c r="H315353" s="12"/>
    </row>
    <row r="315354" spans="8:8">
      <c r="H315354" s="12"/>
    </row>
    <row r="315355" spans="8:8">
      <c r="H315355" s="12"/>
    </row>
    <row r="315356" spans="8:8">
      <c r="H315356" s="12"/>
    </row>
    <row r="315357" spans="8:8">
      <c r="H315357" s="12"/>
    </row>
    <row r="315358" spans="8:8">
      <c r="H315358" s="12"/>
    </row>
    <row r="315359" spans="8:8">
      <c r="H315359" s="12"/>
    </row>
    <row r="315360" spans="8:8">
      <c r="H315360" s="12"/>
    </row>
    <row r="315361" spans="8:8">
      <c r="H315361" s="12"/>
    </row>
    <row r="315362" spans="8:8">
      <c r="H315362" s="12"/>
    </row>
    <row r="315363" spans="8:8">
      <c r="H315363" s="12"/>
    </row>
    <row r="315364" spans="8:8">
      <c r="H315364" s="12"/>
    </row>
    <row r="315365" spans="8:8">
      <c r="H315365" s="12"/>
    </row>
    <row r="315366" spans="8:8">
      <c r="H315366" s="12"/>
    </row>
    <row r="315367" spans="8:8">
      <c r="H315367" s="12"/>
    </row>
    <row r="315368" spans="8:8">
      <c r="H315368" s="12"/>
    </row>
    <row r="315369" spans="8:8">
      <c r="H315369" s="12"/>
    </row>
    <row r="315370" spans="8:8">
      <c r="H315370" s="12"/>
    </row>
    <row r="315371" spans="8:8">
      <c r="H315371" s="12"/>
    </row>
    <row r="315372" spans="8:8">
      <c r="H315372" s="12"/>
    </row>
    <row r="315373" spans="8:8">
      <c r="H315373" s="12"/>
    </row>
    <row r="315374" spans="8:8">
      <c r="H315374" s="12"/>
    </row>
    <row r="315375" spans="8:8">
      <c r="H315375" s="12"/>
    </row>
    <row r="315376" spans="8:8">
      <c r="H315376" s="12"/>
    </row>
    <row r="315377" spans="8:8">
      <c r="H315377" s="12"/>
    </row>
    <row r="315378" spans="8:8">
      <c r="H315378" s="12"/>
    </row>
    <row r="315379" spans="8:8">
      <c r="H315379" s="12"/>
    </row>
    <row r="315380" spans="8:8">
      <c r="H315380" s="12"/>
    </row>
    <row r="315381" spans="8:8">
      <c r="H315381" s="12"/>
    </row>
    <row r="315382" spans="8:8">
      <c r="H315382" s="12"/>
    </row>
    <row r="315383" spans="8:8">
      <c r="H315383" s="12"/>
    </row>
    <row r="315384" spans="8:8">
      <c r="H315384" s="12"/>
    </row>
    <row r="315385" spans="8:8">
      <c r="H315385" s="12"/>
    </row>
    <row r="315386" spans="8:8">
      <c r="H315386" s="12"/>
    </row>
    <row r="315387" spans="8:8">
      <c r="H315387" s="12"/>
    </row>
    <row r="315388" spans="8:8">
      <c r="H315388" s="12"/>
    </row>
    <row r="315389" spans="8:8">
      <c r="H315389" s="12"/>
    </row>
    <row r="315390" spans="8:8">
      <c r="H315390" s="12"/>
    </row>
    <row r="315391" spans="8:8">
      <c r="H315391" s="12"/>
    </row>
    <row r="315392" spans="8:8">
      <c r="H315392" s="12"/>
    </row>
    <row r="315393" spans="8:8">
      <c r="H315393" s="12"/>
    </row>
    <row r="315394" spans="8:8">
      <c r="H315394" s="12"/>
    </row>
    <row r="315395" spans="8:8">
      <c r="H315395" s="12"/>
    </row>
    <row r="315396" spans="8:8">
      <c r="H315396" s="12"/>
    </row>
    <row r="315397" spans="8:8">
      <c r="H315397" s="12"/>
    </row>
    <row r="315398" spans="8:8">
      <c r="H315398" s="12"/>
    </row>
    <row r="315399" spans="8:8">
      <c r="H315399" s="12"/>
    </row>
    <row r="315400" spans="8:8">
      <c r="H315400" s="12"/>
    </row>
    <row r="315401" spans="8:8">
      <c r="H315401" s="12"/>
    </row>
    <row r="315402" spans="8:8">
      <c r="H315402" s="12"/>
    </row>
    <row r="315403" spans="8:8">
      <c r="H315403" s="12"/>
    </row>
    <row r="315404" spans="8:8">
      <c r="H315404" s="12"/>
    </row>
    <row r="315405" spans="8:8">
      <c r="H315405" s="12"/>
    </row>
    <row r="315406" spans="8:8">
      <c r="H315406" s="12"/>
    </row>
    <row r="315407" spans="8:8">
      <c r="H315407" s="12"/>
    </row>
    <row r="315408" spans="8:8">
      <c r="H315408" s="12"/>
    </row>
    <row r="315409" spans="8:8">
      <c r="H315409" s="12"/>
    </row>
    <row r="315410" spans="8:8">
      <c r="H315410" s="12"/>
    </row>
    <row r="315411" spans="8:8">
      <c r="H315411" s="12"/>
    </row>
    <row r="315412" spans="8:8">
      <c r="H315412" s="12"/>
    </row>
    <row r="315413" spans="8:8">
      <c r="H315413" s="12"/>
    </row>
    <row r="315414" spans="8:8">
      <c r="H315414" s="12"/>
    </row>
    <row r="315415" spans="8:8">
      <c r="H315415" s="12"/>
    </row>
    <row r="315416" spans="8:8">
      <c r="H315416" s="12"/>
    </row>
    <row r="315417" spans="8:8">
      <c r="H315417" s="12"/>
    </row>
    <row r="315418" spans="8:8">
      <c r="H315418" s="12"/>
    </row>
    <row r="315419" spans="8:8">
      <c r="H315419" s="12"/>
    </row>
    <row r="315420" spans="8:8">
      <c r="H315420" s="12"/>
    </row>
    <row r="315421" spans="8:8">
      <c r="H315421" s="12"/>
    </row>
    <row r="315422" spans="8:8">
      <c r="H315422" s="12"/>
    </row>
    <row r="315423" spans="8:8">
      <c r="H315423" s="12"/>
    </row>
    <row r="315424" spans="8:8">
      <c r="H315424" s="12"/>
    </row>
    <row r="315425" spans="8:8">
      <c r="H315425" s="12"/>
    </row>
    <row r="315426" spans="8:8">
      <c r="H315426" s="12"/>
    </row>
    <row r="315427" spans="8:8">
      <c r="H315427" s="12"/>
    </row>
    <row r="315428" spans="8:8">
      <c r="H315428" s="12"/>
    </row>
    <row r="315429" spans="8:8">
      <c r="H315429" s="12"/>
    </row>
    <row r="315430" spans="8:8">
      <c r="H315430" s="12"/>
    </row>
    <row r="315431" spans="8:8">
      <c r="H315431" s="12"/>
    </row>
    <row r="315432" spans="8:8">
      <c r="H315432" s="12"/>
    </row>
    <row r="315433" spans="8:8">
      <c r="H315433" s="12"/>
    </row>
    <row r="315434" spans="8:8">
      <c r="H315434" s="12"/>
    </row>
    <row r="315435" spans="8:8">
      <c r="H315435" s="12"/>
    </row>
    <row r="315436" spans="8:8">
      <c r="H315436" s="12"/>
    </row>
    <row r="315437" spans="8:8">
      <c r="H315437" s="12"/>
    </row>
    <row r="315438" spans="8:8">
      <c r="H315438" s="12"/>
    </row>
    <row r="315439" spans="8:8">
      <c r="H315439" s="12"/>
    </row>
    <row r="315440" spans="8:8">
      <c r="H315440" s="12"/>
    </row>
    <row r="315441" spans="8:8">
      <c r="H315441" s="12"/>
    </row>
    <row r="315442" spans="8:8">
      <c r="H315442" s="12"/>
    </row>
    <row r="315443" spans="8:8">
      <c r="H315443" s="12"/>
    </row>
    <row r="315444" spans="8:8">
      <c r="H315444" s="12"/>
    </row>
    <row r="315445" spans="8:8">
      <c r="H315445" s="12"/>
    </row>
    <row r="315446" spans="8:8">
      <c r="H315446" s="12"/>
    </row>
    <row r="315447" spans="8:8">
      <c r="H315447" s="12"/>
    </row>
    <row r="315448" spans="8:8">
      <c r="H315448" s="12"/>
    </row>
    <row r="315449" spans="8:8">
      <c r="H315449" s="12"/>
    </row>
    <row r="315450" spans="8:8">
      <c r="H315450" s="12"/>
    </row>
    <row r="315451" spans="8:8">
      <c r="H315451" s="12"/>
    </row>
    <row r="315452" spans="8:8">
      <c r="H315452" s="12"/>
    </row>
    <row r="315453" spans="8:8">
      <c r="H315453" s="12"/>
    </row>
    <row r="315454" spans="8:8">
      <c r="H315454" s="12"/>
    </row>
    <row r="315455" spans="8:8">
      <c r="H315455" s="12"/>
    </row>
    <row r="315456" spans="8:8">
      <c r="H315456" s="12"/>
    </row>
    <row r="315457" spans="8:8">
      <c r="H315457" s="12"/>
    </row>
    <row r="315458" spans="8:8">
      <c r="H315458" s="12"/>
    </row>
    <row r="315459" spans="8:8">
      <c r="H315459" s="12"/>
    </row>
    <row r="315460" spans="8:8">
      <c r="H315460" s="12"/>
    </row>
    <row r="315461" spans="8:8">
      <c r="H315461" s="12"/>
    </row>
    <row r="315462" spans="8:8">
      <c r="H315462" s="12"/>
    </row>
    <row r="315463" spans="8:8">
      <c r="H315463" s="12"/>
    </row>
    <row r="315464" spans="8:8">
      <c r="H315464" s="12"/>
    </row>
    <row r="315465" spans="8:8">
      <c r="H315465" s="12"/>
    </row>
    <row r="315466" spans="8:8">
      <c r="H315466" s="12"/>
    </row>
    <row r="315467" spans="8:8">
      <c r="H315467" s="12"/>
    </row>
    <row r="315468" spans="8:8">
      <c r="H315468" s="12"/>
    </row>
    <row r="315469" spans="8:8">
      <c r="H315469" s="12"/>
    </row>
    <row r="315470" spans="8:8">
      <c r="H315470" s="12"/>
    </row>
    <row r="315471" spans="8:8">
      <c r="H315471" s="12"/>
    </row>
    <row r="315472" spans="8:8">
      <c r="H315472" s="12"/>
    </row>
    <row r="315473" spans="8:8">
      <c r="H315473" s="12"/>
    </row>
    <row r="315474" spans="8:8">
      <c r="H315474" s="12"/>
    </row>
    <row r="315475" spans="8:8">
      <c r="H315475" s="12"/>
    </row>
    <row r="315476" spans="8:8">
      <c r="H315476" s="12"/>
    </row>
    <row r="315477" spans="8:8">
      <c r="H315477" s="12"/>
    </row>
    <row r="315478" spans="8:8">
      <c r="H315478" s="12"/>
    </row>
    <row r="315479" spans="8:8">
      <c r="H315479" s="12"/>
    </row>
    <row r="315480" spans="8:8">
      <c r="H315480" s="12"/>
    </row>
    <row r="315481" spans="8:8">
      <c r="H315481" s="12"/>
    </row>
    <row r="315482" spans="8:8">
      <c r="H315482" s="12"/>
    </row>
    <row r="315483" spans="8:8">
      <c r="H315483" s="12"/>
    </row>
    <row r="315484" spans="8:8">
      <c r="H315484" s="12"/>
    </row>
    <row r="315485" spans="8:8">
      <c r="H315485" s="12"/>
    </row>
    <row r="315486" spans="8:8">
      <c r="H315486" s="12"/>
    </row>
    <row r="315487" spans="8:8">
      <c r="H315487" s="12"/>
    </row>
    <row r="315488" spans="8:8">
      <c r="H315488" s="12"/>
    </row>
    <row r="315489" spans="8:8">
      <c r="H315489" s="12"/>
    </row>
    <row r="315490" spans="8:8">
      <c r="H315490" s="12"/>
    </row>
    <row r="315491" spans="8:8">
      <c r="H315491" s="12"/>
    </row>
    <row r="315492" spans="8:8">
      <c r="H315492" s="12"/>
    </row>
    <row r="315493" spans="8:8">
      <c r="H315493" s="12"/>
    </row>
    <row r="315494" spans="8:8">
      <c r="H315494" s="12"/>
    </row>
    <row r="315495" spans="8:8">
      <c r="H315495" s="12"/>
    </row>
    <row r="315496" spans="8:8">
      <c r="H315496" s="12"/>
    </row>
    <row r="315497" spans="8:8">
      <c r="H315497" s="12"/>
    </row>
    <row r="315498" spans="8:8">
      <c r="H315498" s="12"/>
    </row>
    <row r="315499" spans="8:8">
      <c r="H315499" s="12"/>
    </row>
    <row r="315500" spans="8:8">
      <c r="H315500" s="12"/>
    </row>
    <row r="315501" spans="8:8">
      <c r="H315501" s="12"/>
    </row>
    <row r="315502" spans="8:8">
      <c r="H315502" s="12"/>
    </row>
    <row r="315503" spans="8:8">
      <c r="H315503" s="12"/>
    </row>
    <row r="315504" spans="8:8">
      <c r="H315504" s="12"/>
    </row>
    <row r="315505" spans="8:8">
      <c r="H315505" s="12"/>
    </row>
    <row r="315506" spans="8:8">
      <c r="H315506" s="12"/>
    </row>
    <row r="315507" spans="8:8">
      <c r="H315507" s="12"/>
    </row>
    <row r="315508" spans="8:8">
      <c r="H315508" s="12"/>
    </row>
    <row r="315509" spans="8:8">
      <c r="H315509" s="12"/>
    </row>
    <row r="315510" spans="8:8">
      <c r="H315510" s="12"/>
    </row>
    <row r="315511" spans="8:8">
      <c r="H315511" s="12"/>
    </row>
    <row r="315512" spans="8:8">
      <c r="H315512" s="12"/>
    </row>
    <row r="315513" spans="8:8">
      <c r="H315513" s="12"/>
    </row>
    <row r="315514" spans="8:8">
      <c r="H315514" s="12"/>
    </row>
    <row r="315515" spans="8:8">
      <c r="H315515" s="12"/>
    </row>
    <row r="315516" spans="8:8">
      <c r="H315516" s="12"/>
    </row>
    <row r="315517" spans="8:8">
      <c r="H315517" s="12"/>
    </row>
    <row r="315518" spans="8:8">
      <c r="H315518" s="12"/>
    </row>
    <row r="315519" spans="8:8">
      <c r="H315519" s="12"/>
    </row>
    <row r="315520" spans="8:8">
      <c r="H315520" s="12"/>
    </row>
    <row r="315521" spans="8:8">
      <c r="H315521" s="12"/>
    </row>
    <row r="315522" spans="8:8">
      <c r="H315522" s="12"/>
    </row>
    <row r="315523" spans="8:8">
      <c r="H315523" s="12"/>
    </row>
    <row r="315524" spans="8:8">
      <c r="H315524" s="12"/>
    </row>
    <row r="315525" spans="8:8">
      <c r="H315525" s="12"/>
    </row>
    <row r="315526" spans="8:8">
      <c r="H315526" s="12"/>
    </row>
    <row r="315527" spans="8:8">
      <c r="H315527" s="12"/>
    </row>
    <row r="315528" spans="8:8">
      <c r="H315528" s="12"/>
    </row>
    <row r="315529" spans="8:8">
      <c r="H315529" s="12"/>
    </row>
    <row r="315530" spans="8:8">
      <c r="H315530" s="12"/>
    </row>
    <row r="315531" spans="8:8">
      <c r="H315531" s="12"/>
    </row>
    <row r="315532" spans="8:8">
      <c r="H315532" s="12"/>
    </row>
    <row r="315533" spans="8:8">
      <c r="H315533" s="12"/>
    </row>
    <row r="315534" spans="8:8">
      <c r="H315534" s="12"/>
    </row>
    <row r="315535" spans="8:8">
      <c r="H315535" s="12"/>
    </row>
    <row r="315536" spans="8:8">
      <c r="H315536" s="12"/>
    </row>
    <row r="315537" spans="8:8">
      <c r="H315537" s="12"/>
    </row>
    <row r="315538" spans="8:8">
      <c r="H315538" s="12"/>
    </row>
    <row r="315539" spans="8:8">
      <c r="H315539" s="12"/>
    </row>
    <row r="315540" spans="8:8">
      <c r="H315540" s="12"/>
    </row>
    <row r="315541" spans="8:8">
      <c r="H315541" s="12"/>
    </row>
    <row r="315542" spans="8:8">
      <c r="H315542" s="12"/>
    </row>
    <row r="315543" spans="8:8">
      <c r="H315543" s="12"/>
    </row>
    <row r="315544" spans="8:8">
      <c r="H315544" s="12"/>
    </row>
    <row r="315545" spans="8:8">
      <c r="H315545" s="12"/>
    </row>
    <row r="315546" spans="8:8">
      <c r="H315546" s="12"/>
    </row>
    <row r="315547" spans="8:8">
      <c r="H315547" s="12"/>
    </row>
    <row r="315548" spans="8:8">
      <c r="H315548" s="12"/>
    </row>
    <row r="315549" spans="8:8">
      <c r="H315549" s="12"/>
    </row>
    <row r="315550" spans="8:8">
      <c r="H315550" s="12"/>
    </row>
    <row r="315551" spans="8:8">
      <c r="H315551" s="12"/>
    </row>
    <row r="315552" spans="8:8">
      <c r="H315552" s="12"/>
    </row>
    <row r="315553" spans="8:8">
      <c r="H315553" s="12"/>
    </row>
    <row r="315554" spans="8:8">
      <c r="H315554" s="12"/>
    </row>
    <row r="315555" spans="8:8">
      <c r="H315555" s="12"/>
    </row>
    <row r="315556" spans="8:8">
      <c r="H315556" s="12"/>
    </row>
    <row r="315557" spans="8:8">
      <c r="H315557" s="12"/>
    </row>
    <row r="315558" spans="8:8">
      <c r="H315558" s="12"/>
    </row>
    <row r="315559" spans="8:8">
      <c r="H315559" s="12"/>
    </row>
    <row r="315560" spans="8:8">
      <c r="H315560" s="12"/>
    </row>
    <row r="315561" spans="8:8">
      <c r="H315561" s="12"/>
    </row>
    <row r="315562" spans="8:8">
      <c r="H315562" s="12"/>
    </row>
    <row r="315563" spans="8:8">
      <c r="H315563" s="12"/>
    </row>
    <row r="315564" spans="8:8">
      <c r="H315564" s="12"/>
    </row>
    <row r="315565" spans="8:8">
      <c r="H315565" s="12"/>
    </row>
    <row r="315566" spans="8:8">
      <c r="H315566" s="12"/>
    </row>
    <row r="315567" spans="8:8">
      <c r="H315567" s="12"/>
    </row>
    <row r="315568" spans="8:8">
      <c r="H315568" s="12"/>
    </row>
    <row r="315569" spans="8:8">
      <c r="H315569" s="12"/>
    </row>
    <row r="315570" spans="8:8">
      <c r="H315570" s="12"/>
    </row>
    <row r="315571" spans="8:8">
      <c r="H315571" s="12"/>
    </row>
    <row r="315572" spans="8:8">
      <c r="H315572" s="12"/>
    </row>
    <row r="315573" spans="8:8">
      <c r="H315573" s="12"/>
    </row>
    <row r="315574" spans="8:8">
      <c r="H315574" s="12"/>
    </row>
    <row r="315575" spans="8:8">
      <c r="H315575" s="12"/>
    </row>
    <row r="315576" spans="8:8">
      <c r="H315576" s="12"/>
    </row>
    <row r="315577" spans="8:8">
      <c r="H315577" s="12"/>
    </row>
    <row r="315578" spans="8:8">
      <c r="H315578" s="12"/>
    </row>
    <row r="315579" spans="8:8">
      <c r="H315579" s="12"/>
    </row>
    <row r="315580" spans="8:8">
      <c r="H315580" s="12"/>
    </row>
    <row r="315581" spans="8:8">
      <c r="H315581" s="12"/>
    </row>
    <row r="315582" spans="8:8">
      <c r="H315582" s="12"/>
    </row>
    <row r="315583" spans="8:8">
      <c r="H315583" s="12"/>
    </row>
    <row r="315584" spans="8:8">
      <c r="H315584" s="12"/>
    </row>
    <row r="315585" spans="8:8">
      <c r="H315585" s="12"/>
    </row>
    <row r="315586" spans="8:8">
      <c r="H315586" s="12"/>
    </row>
    <row r="315587" spans="8:8">
      <c r="H315587" s="12"/>
    </row>
    <row r="315588" spans="8:8">
      <c r="H315588" s="12"/>
    </row>
    <row r="315589" spans="8:8">
      <c r="H315589" s="12"/>
    </row>
    <row r="315590" spans="8:8">
      <c r="H315590" s="12"/>
    </row>
    <row r="315591" spans="8:8">
      <c r="H315591" s="12"/>
    </row>
    <row r="315592" spans="8:8">
      <c r="H315592" s="12"/>
    </row>
    <row r="315593" spans="8:8">
      <c r="H315593" s="12"/>
    </row>
    <row r="315594" spans="8:8">
      <c r="H315594" s="12"/>
    </row>
    <row r="315595" spans="8:8">
      <c r="H315595" s="12"/>
    </row>
    <row r="315596" spans="8:8">
      <c r="H315596" s="12"/>
    </row>
    <row r="315597" spans="8:8">
      <c r="H315597" s="12"/>
    </row>
    <row r="315598" spans="8:8">
      <c r="H315598" s="12"/>
    </row>
    <row r="315599" spans="8:8">
      <c r="H315599" s="12"/>
    </row>
    <row r="315600" spans="8:8">
      <c r="H315600" s="12"/>
    </row>
    <row r="315601" spans="8:8">
      <c r="H315601" s="12"/>
    </row>
    <row r="315602" spans="8:8">
      <c r="H315602" s="12"/>
    </row>
    <row r="315603" spans="8:8">
      <c r="H315603" s="12"/>
    </row>
    <row r="315604" spans="8:8">
      <c r="H315604" s="12"/>
    </row>
    <row r="315605" spans="8:8">
      <c r="H315605" s="12"/>
    </row>
    <row r="315606" spans="8:8">
      <c r="H315606" s="12"/>
    </row>
    <row r="315607" spans="8:8">
      <c r="H315607" s="12"/>
    </row>
    <row r="315608" spans="8:8">
      <c r="H315608" s="12"/>
    </row>
    <row r="315609" spans="8:8">
      <c r="H315609" s="12"/>
    </row>
    <row r="315610" spans="8:8">
      <c r="H315610" s="12"/>
    </row>
    <row r="315611" spans="8:8">
      <c r="H315611" s="12"/>
    </row>
    <row r="315612" spans="8:8">
      <c r="H315612" s="12"/>
    </row>
    <row r="315613" spans="8:8">
      <c r="H315613" s="12"/>
    </row>
    <row r="315614" spans="8:8">
      <c r="H315614" s="12"/>
    </row>
    <row r="315615" spans="8:8">
      <c r="H315615" s="12"/>
    </row>
    <row r="315616" spans="8:8">
      <c r="H315616" s="12"/>
    </row>
    <row r="315617" spans="8:8">
      <c r="H315617" s="12"/>
    </row>
    <row r="315618" spans="8:8">
      <c r="H315618" s="12"/>
    </row>
    <row r="315619" spans="8:8">
      <c r="H315619" s="12"/>
    </row>
    <row r="315620" spans="8:8">
      <c r="H315620" s="12"/>
    </row>
    <row r="315621" spans="8:8">
      <c r="H315621" s="12"/>
    </row>
    <row r="315622" spans="8:8">
      <c r="H315622" s="12"/>
    </row>
    <row r="315623" spans="8:8">
      <c r="H315623" s="12"/>
    </row>
    <row r="315624" spans="8:8">
      <c r="H315624" s="12"/>
    </row>
    <row r="315625" spans="8:8">
      <c r="H315625" s="12"/>
    </row>
    <row r="315626" spans="8:8">
      <c r="H315626" s="12"/>
    </row>
    <row r="315627" spans="8:8">
      <c r="H315627" s="12"/>
    </row>
    <row r="315628" spans="8:8">
      <c r="H315628" s="12"/>
    </row>
    <row r="315629" spans="8:8">
      <c r="H315629" s="12"/>
    </row>
    <row r="315630" spans="8:8">
      <c r="H315630" s="12"/>
    </row>
    <row r="315631" spans="8:8">
      <c r="H315631" s="12"/>
    </row>
    <row r="315632" spans="8:8">
      <c r="H315632" s="12"/>
    </row>
    <row r="315633" spans="8:8">
      <c r="H315633" s="12"/>
    </row>
    <row r="315634" spans="8:8">
      <c r="H315634" s="12"/>
    </row>
    <row r="315635" spans="8:8">
      <c r="H315635" s="12"/>
    </row>
    <row r="315636" spans="8:8">
      <c r="H315636" s="12"/>
    </row>
    <row r="315637" spans="8:8">
      <c r="H315637" s="12"/>
    </row>
    <row r="315638" spans="8:8">
      <c r="H315638" s="12"/>
    </row>
    <row r="315639" spans="8:8">
      <c r="H315639" s="12"/>
    </row>
    <row r="315640" spans="8:8">
      <c r="H315640" s="12"/>
    </row>
    <row r="315641" spans="8:8">
      <c r="H315641" s="12"/>
    </row>
    <row r="315642" spans="8:8">
      <c r="H315642" s="12"/>
    </row>
    <row r="315643" spans="8:8">
      <c r="H315643" s="12"/>
    </row>
    <row r="315644" spans="8:8">
      <c r="H315644" s="12"/>
    </row>
    <row r="315645" spans="8:8">
      <c r="H315645" s="12"/>
    </row>
    <row r="315646" spans="8:8">
      <c r="H315646" s="12"/>
    </row>
    <row r="315647" spans="8:8">
      <c r="H315647" s="12"/>
    </row>
    <row r="315648" spans="8:8">
      <c r="H315648" s="12"/>
    </row>
    <row r="315649" spans="8:8">
      <c r="H315649" s="12"/>
    </row>
    <row r="315650" spans="8:8">
      <c r="H315650" s="12"/>
    </row>
    <row r="315651" spans="8:8">
      <c r="H315651" s="12"/>
    </row>
    <row r="315652" spans="8:8">
      <c r="H315652" s="12"/>
    </row>
    <row r="315653" spans="8:8">
      <c r="H315653" s="12"/>
    </row>
    <row r="315654" spans="8:8">
      <c r="H315654" s="12"/>
    </row>
    <row r="315655" spans="8:8">
      <c r="H315655" s="12"/>
    </row>
    <row r="315656" spans="8:8">
      <c r="H315656" s="12"/>
    </row>
    <row r="315657" spans="8:8">
      <c r="H315657" s="12"/>
    </row>
    <row r="315658" spans="8:8">
      <c r="H315658" s="12"/>
    </row>
    <row r="315659" spans="8:8">
      <c r="H315659" s="12"/>
    </row>
    <row r="315660" spans="8:8">
      <c r="H315660" s="12"/>
    </row>
    <row r="315661" spans="8:8">
      <c r="H315661" s="12"/>
    </row>
    <row r="315662" spans="8:8">
      <c r="H315662" s="12"/>
    </row>
    <row r="315663" spans="8:8">
      <c r="H315663" s="12"/>
    </row>
    <row r="315664" spans="8:8">
      <c r="H315664" s="12"/>
    </row>
    <row r="315665" spans="8:8">
      <c r="H315665" s="12"/>
    </row>
    <row r="315666" spans="8:8">
      <c r="H315666" s="12"/>
    </row>
    <row r="315667" spans="8:8">
      <c r="H315667" s="12"/>
    </row>
    <row r="315668" spans="8:8">
      <c r="H315668" s="12"/>
    </row>
    <row r="315669" spans="8:8">
      <c r="H315669" s="12"/>
    </row>
    <row r="315670" spans="8:8">
      <c r="H315670" s="12"/>
    </row>
    <row r="315671" spans="8:8">
      <c r="H315671" s="12"/>
    </row>
    <row r="315672" spans="8:8">
      <c r="H315672" s="12"/>
    </row>
    <row r="315673" spans="8:8">
      <c r="H315673" s="12"/>
    </row>
    <row r="315674" spans="8:8">
      <c r="H315674" s="12"/>
    </row>
    <row r="315675" spans="8:8">
      <c r="H315675" s="12"/>
    </row>
    <row r="315676" spans="8:8">
      <c r="H315676" s="12"/>
    </row>
    <row r="315677" spans="8:8">
      <c r="H315677" s="12"/>
    </row>
    <row r="315678" spans="8:8">
      <c r="H315678" s="12"/>
    </row>
    <row r="315679" spans="8:8">
      <c r="H315679" s="12"/>
    </row>
    <row r="315680" spans="8:8">
      <c r="H315680" s="12"/>
    </row>
    <row r="315681" spans="8:8">
      <c r="H315681" s="12"/>
    </row>
    <row r="315682" spans="8:8">
      <c r="H315682" s="12"/>
    </row>
    <row r="315683" spans="8:8">
      <c r="H315683" s="12"/>
    </row>
    <row r="315684" spans="8:8">
      <c r="H315684" s="12"/>
    </row>
    <row r="315685" spans="8:8">
      <c r="H315685" s="12"/>
    </row>
    <row r="315686" spans="8:8">
      <c r="H315686" s="12"/>
    </row>
    <row r="315687" spans="8:8">
      <c r="H315687" s="12"/>
    </row>
    <row r="315688" spans="8:8">
      <c r="H315688" s="12"/>
    </row>
    <row r="315689" spans="8:8">
      <c r="H315689" s="12"/>
    </row>
    <row r="315690" spans="8:8">
      <c r="H315690" s="12"/>
    </row>
    <row r="315691" spans="8:8">
      <c r="H315691" s="12"/>
    </row>
    <row r="315692" spans="8:8">
      <c r="H315692" s="12"/>
    </row>
    <row r="315693" spans="8:8">
      <c r="H315693" s="12"/>
    </row>
    <row r="315694" spans="8:8">
      <c r="H315694" s="12"/>
    </row>
    <row r="315695" spans="8:8">
      <c r="H315695" s="12"/>
    </row>
    <row r="315696" spans="8:8">
      <c r="H315696" s="12"/>
    </row>
    <row r="315697" spans="8:8">
      <c r="H315697" s="12"/>
    </row>
    <row r="315698" spans="8:8">
      <c r="H315698" s="12"/>
    </row>
    <row r="315699" spans="8:8">
      <c r="H315699" s="12"/>
    </row>
    <row r="315700" spans="8:8">
      <c r="H315700" s="12"/>
    </row>
    <row r="315701" spans="8:8">
      <c r="H315701" s="12"/>
    </row>
    <row r="315702" spans="8:8">
      <c r="H315702" s="12"/>
    </row>
    <row r="315703" spans="8:8">
      <c r="H315703" s="12"/>
    </row>
    <row r="315704" spans="8:8">
      <c r="H315704" s="12"/>
    </row>
    <row r="315705" spans="8:8">
      <c r="H315705" s="12"/>
    </row>
    <row r="315706" spans="8:8">
      <c r="H315706" s="12"/>
    </row>
    <row r="315707" spans="8:8">
      <c r="H315707" s="12"/>
    </row>
    <row r="315708" spans="8:8">
      <c r="H315708" s="12"/>
    </row>
    <row r="315709" spans="8:8">
      <c r="H315709" s="12"/>
    </row>
    <row r="315710" spans="8:8">
      <c r="H315710" s="12"/>
    </row>
    <row r="315711" spans="8:8">
      <c r="H315711" s="12"/>
    </row>
    <row r="315712" spans="8:8">
      <c r="H315712" s="12"/>
    </row>
    <row r="315713" spans="8:8">
      <c r="H315713" s="12"/>
    </row>
    <row r="315714" spans="8:8">
      <c r="H315714" s="12"/>
    </row>
    <row r="315715" spans="8:8">
      <c r="H315715" s="12"/>
    </row>
    <row r="315716" spans="8:8">
      <c r="H315716" s="12"/>
    </row>
    <row r="315717" spans="8:8">
      <c r="H315717" s="12"/>
    </row>
    <row r="315718" spans="8:8">
      <c r="H315718" s="12"/>
    </row>
    <row r="315719" spans="8:8">
      <c r="H315719" s="12"/>
    </row>
    <row r="315720" spans="8:8">
      <c r="H315720" s="12"/>
    </row>
    <row r="315721" spans="8:8">
      <c r="H315721" s="12"/>
    </row>
    <row r="315722" spans="8:8">
      <c r="H315722" s="12"/>
    </row>
    <row r="315723" spans="8:8">
      <c r="H315723" s="12"/>
    </row>
    <row r="315724" spans="8:8">
      <c r="H315724" s="12"/>
    </row>
    <row r="315725" spans="8:8">
      <c r="H315725" s="12"/>
    </row>
    <row r="315726" spans="8:8">
      <c r="H315726" s="12"/>
    </row>
    <row r="315727" spans="8:8">
      <c r="H315727" s="12"/>
    </row>
    <row r="315728" spans="8:8">
      <c r="H315728" s="12"/>
    </row>
    <row r="315729" spans="8:8">
      <c r="H315729" s="12"/>
    </row>
    <row r="315730" spans="8:8">
      <c r="H315730" s="12"/>
    </row>
    <row r="315731" spans="8:8">
      <c r="H315731" s="12"/>
    </row>
    <row r="315732" spans="8:8">
      <c r="H315732" s="12"/>
    </row>
    <row r="315733" spans="8:8">
      <c r="H315733" s="12"/>
    </row>
    <row r="315734" spans="8:8">
      <c r="H315734" s="12"/>
    </row>
    <row r="315735" spans="8:8">
      <c r="H315735" s="12"/>
    </row>
    <row r="315736" spans="8:8">
      <c r="H315736" s="12"/>
    </row>
    <row r="315737" spans="8:8">
      <c r="H315737" s="12"/>
    </row>
    <row r="315738" spans="8:8">
      <c r="H315738" s="12"/>
    </row>
    <row r="315739" spans="8:8">
      <c r="H315739" s="12"/>
    </row>
    <row r="315740" spans="8:8">
      <c r="H315740" s="12"/>
    </row>
    <row r="315741" spans="8:8">
      <c r="H315741" s="12"/>
    </row>
    <row r="315742" spans="8:8">
      <c r="H315742" s="12"/>
    </row>
    <row r="315743" spans="8:8">
      <c r="H315743" s="12"/>
    </row>
    <row r="315744" spans="8:8">
      <c r="H315744" s="12"/>
    </row>
    <row r="315745" spans="8:8">
      <c r="H315745" s="12"/>
    </row>
    <row r="315746" spans="8:8">
      <c r="H315746" s="12"/>
    </row>
    <row r="315747" spans="8:8">
      <c r="H315747" s="12"/>
    </row>
    <row r="315748" spans="8:8">
      <c r="H315748" s="12"/>
    </row>
    <row r="315749" spans="8:8">
      <c r="H315749" s="12"/>
    </row>
    <row r="315750" spans="8:8">
      <c r="H315750" s="12"/>
    </row>
    <row r="315751" spans="8:8">
      <c r="H315751" s="12"/>
    </row>
    <row r="315752" spans="8:8">
      <c r="H315752" s="12"/>
    </row>
    <row r="315753" spans="8:8">
      <c r="H315753" s="12"/>
    </row>
    <row r="315754" spans="8:8">
      <c r="H315754" s="12"/>
    </row>
    <row r="315755" spans="8:8">
      <c r="H315755" s="12"/>
    </row>
    <row r="315756" spans="8:8">
      <c r="H315756" s="12"/>
    </row>
    <row r="315757" spans="8:8">
      <c r="H315757" s="12"/>
    </row>
    <row r="315758" spans="8:8">
      <c r="H315758" s="12"/>
    </row>
    <row r="315759" spans="8:8">
      <c r="H315759" s="12"/>
    </row>
    <row r="315760" spans="8:8">
      <c r="H315760" s="12"/>
    </row>
    <row r="315761" spans="8:8">
      <c r="H315761" s="12"/>
    </row>
    <row r="315762" spans="8:8">
      <c r="H315762" s="12"/>
    </row>
    <row r="315763" spans="8:8">
      <c r="H315763" s="12"/>
    </row>
    <row r="315764" spans="8:8">
      <c r="H315764" s="12"/>
    </row>
    <row r="315765" spans="8:8">
      <c r="H315765" s="12"/>
    </row>
    <row r="315766" spans="8:8">
      <c r="H315766" s="12"/>
    </row>
    <row r="315767" spans="8:8">
      <c r="H315767" s="12"/>
    </row>
    <row r="315768" spans="8:8">
      <c r="H315768" s="12"/>
    </row>
    <row r="315769" spans="8:8">
      <c r="H315769" s="12"/>
    </row>
    <row r="315770" spans="8:8">
      <c r="H315770" s="12"/>
    </row>
    <row r="315771" spans="8:8">
      <c r="H315771" s="12"/>
    </row>
    <row r="315772" spans="8:8">
      <c r="H315772" s="12"/>
    </row>
    <row r="315773" spans="8:8">
      <c r="H315773" s="12"/>
    </row>
    <row r="315774" spans="8:8">
      <c r="H315774" s="12"/>
    </row>
    <row r="315775" spans="8:8">
      <c r="H315775" s="12"/>
    </row>
    <row r="315776" spans="8:8">
      <c r="H315776" s="12"/>
    </row>
    <row r="315777" spans="8:8">
      <c r="H315777" s="12"/>
    </row>
    <row r="315778" spans="8:8">
      <c r="H315778" s="12"/>
    </row>
    <row r="315779" spans="8:8">
      <c r="H315779" s="12"/>
    </row>
    <row r="315780" spans="8:8">
      <c r="H315780" s="12"/>
    </row>
    <row r="315781" spans="8:8">
      <c r="H315781" s="12"/>
    </row>
    <row r="315782" spans="8:8">
      <c r="H315782" s="12"/>
    </row>
    <row r="315783" spans="8:8">
      <c r="H315783" s="12"/>
    </row>
    <row r="315784" spans="8:8">
      <c r="H315784" s="12"/>
    </row>
    <row r="315785" spans="8:8">
      <c r="H315785" s="12"/>
    </row>
    <row r="315786" spans="8:8">
      <c r="H315786" s="12"/>
    </row>
    <row r="315787" spans="8:8">
      <c r="H315787" s="12"/>
    </row>
    <row r="315788" spans="8:8">
      <c r="H315788" s="12"/>
    </row>
    <row r="315789" spans="8:8">
      <c r="H315789" s="12"/>
    </row>
    <row r="315790" spans="8:8">
      <c r="H315790" s="12"/>
    </row>
    <row r="315791" spans="8:8">
      <c r="H315791" s="12"/>
    </row>
    <row r="315792" spans="8:8">
      <c r="H315792" s="12"/>
    </row>
    <row r="315793" spans="8:8">
      <c r="H315793" s="12"/>
    </row>
    <row r="315794" spans="8:8">
      <c r="H315794" s="12"/>
    </row>
    <row r="315795" spans="8:8">
      <c r="H315795" s="12"/>
    </row>
    <row r="315796" spans="8:8">
      <c r="H315796" s="12"/>
    </row>
    <row r="315797" spans="8:8">
      <c r="H315797" s="12"/>
    </row>
    <row r="315798" spans="8:8">
      <c r="H315798" s="12"/>
    </row>
    <row r="315799" spans="8:8">
      <c r="H315799" s="12"/>
    </row>
    <row r="315800" spans="8:8">
      <c r="H315800" s="12"/>
    </row>
    <row r="315801" spans="8:8">
      <c r="H315801" s="12"/>
    </row>
    <row r="315802" spans="8:8">
      <c r="H315802" s="12"/>
    </row>
    <row r="315803" spans="8:8">
      <c r="H315803" s="12"/>
    </row>
    <row r="315804" spans="8:8">
      <c r="H315804" s="12"/>
    </row>
    <row r="315805" spans="8:8">
      <c r="H315805" s="12"/>
    </row>
    <row r="315806" spans="8:8">
      <c r="H315806" s="12"/>
    </row>
    <row r="315807" spans="8:8">
      <c r="H315807" s="12"/>
    </row>
    <row r="315808" spans="8:8">
      <c r="H315808" s="12"/>
    </row>
    <row r="315809" spans="8:8">
      <c r="H315809" s="12"/>
    </row>
    <row r="315810" spans="8:8">
      <c r="H315810" s="12"/>
    </row>
    <row r="315811" spans="8:8">
      <c r="H315811" s="12"/>
    </row>
    <row r="315812" spans="8:8">
      <c r="H315812" s="12"/>
    </row>
    <row r="315813" spans="8:8">
      <c r="H315813" s="12"/>
    </row>
    <row r="315814" spans="8:8">
      <c r="H315814" s="12"/>
    </row>
    <row r="315815" spans="8:8">
      <c r="H315815" s="12"/>
    </row>
    <row r="315816" spans="8:8">
      <c r="H315816" s="12"/>
    </row>
    <row r="315817" spans="8:8">
      <c r="H315817" s="12"/>
    </row>
    <row r="315818" spans="8:8">
      <c r="H315818" s="12"/>
    </row>
    <row r="315819" spans="8:8">
      <c r="H315819" s="12"/>
    </row>
    <row r="315820" spans="8:8">
      <c r="H315820" s="12"/>
    </row>
    <row r="315821" spans="8:8">
      <c r="H315821" s="12"/>
    </row>
    <row r="315822" spans="8:8">
      <c r="H315822" s="12"/>
    </row>
    <row r="315823" spans="8:8">
      <c r="H315823" s="12"/>
    </row>
    <row r="315824" spans="8:8">
      <c r="H315824" s="12"/>
    </row>
    <row r="315825" spans="8:8">
      <c r="H315825" s="12"/>
    </row>
    <row r="315826" spans="8:8">
      <c r="H315826" s="12"/>
    </row>
    <row r="315827" spans="8:8">
      <c r="H315827" s="12"/>
    </row>
    <row r="315828" spans="8:8">
      <c r="H315828" s="12"/>
    </row>
    <row r="315829" spans="8:8">
      <c r="H315829" s="12"/>
    </row>
    <row r="315830" spans="8:8">
      <c r="H315830" s="12"/>
    </row>
    <row r="315831" spans="8:8">
      <c r="H315831" s="12"/>
    </row>
    <row r="315832" spans="8:8">
      <c r="H315832" s="12"/>
    </row>
    <row r="315833" spans="8:8">
      <c r="H315833" s="12"/>
    </row>
    <row r="315834" spans="8:8">
      <c r="H315834" s="12"/>
    </row>
    <row r="315835" spans="8:8">
      <c r="H315835" s="12"/>
    </row>
    <row r="315836" spans="8:8">
      <c r="H315836" s="12"/>
    </row>
    <row r="315837" spans="8:8">
      <c r="H315837" s="12"/>
    </row>
    <row r="315838" spans="8:8">
      <c r="H315838" s="12"/>
    </row>
    <row r="315839" spans="8:8">
      <c r="H315839" s="12"/>
    </row>
    <row r="315840" spans="8:8">
      <c r="H315840" s="12"/>
    </row>
    <row r="315841" spans="8:8">
      <c r="H315841" s="12"/>
    </row>
    <row r="315842" spans="8:8">
      <c r="H315842" s="12"/>
    </row>
    <row r="315843" spans="8:8">
      <c r="H315843" s="12"/>
    </row>
    <row r="315844" spans="8:8">
      <c r="H315844" s="12"/>
    </row>
    <row r="315845" spans="8:8">
      <c r="H315845" s="12"/>
    </row>
    <row r="315846" spans="8:8">
      <c r="H315846" s="12"/>
    </row>
    <row r="315847" spans="8:8">
      <c r="H315847" s="12"/>
    </row>
    <row r="315848" spans="8:8">
      <c r="H315848" s="12"/>
    </row>
    <row r="315849" spans="8:8">
      <c r="H315849" s="12"/>
    </row>
    <row r="315850" spans="8:8">
      <c r="H315850" s="12"/>
    </row>
    <row r="315851" spans="8:8">
      <c r="H315851" s="12"/>
    </row>
    <row r="315852" spans="8:8">
      <c r="H315852" s="12"/>
    </row>
    <row r="315853" spans="8:8">
      <c r="H315853" s="12"/>
    </row>
    <row r="315854" spans="8:8">
      <c r="H315854" s="12"/>
    </row>
    <row r="315855" spans="8:8">
      <c r="H315855" s="12"/>
    </row>
    <row r="315856" spans="8:8">
      <c r="H315856" s="12"/>
    </row>
    <row r="315857" spans="8:8">
      <c r="H315857" s="12"/>
    </row>
    <row r="315858" spans="8:8">
      <c r="H315858" s="12"/>
    </row>
    <row r="315859" spans="8:8">
      <c r="H315859" s="12"/>
    </row>
    <row r="315860" spans="8:8">
      <c r="H315860" s="12"/>
    </row>
    <row r="315861" spans="8:8">
      <c r="H315861" s="12"/>
    </row>
    <row r="315862" spans="8:8">
      <c r="H315862" s="12"/>
    </row>
    <row r="315863" spans="8:8">
      <c r="H315863" s="12"/>
    </row>
    <row r="315864" spans="8:8">
      <c r="H315864" s="12"/>
    </row>
    <row r="315865" spans="8:8">
      <c r="H315865" s="12"/>
    </row>
    <row r="315866" spans="8:8">
      <c r="H315866" s="12"/>
    </row>
    <row r="315867" spans="8:8">
      <c r="H315867" s="12"/>
    </row>
    <row r="315868" spans="8:8">
      <c r="H315868" s="12"/>
    </row>
    <row r="315869" spans="8:8">
      <c r="H315869" s="12"/>
    </row>
    <row r="315870" spans="8:8">
      <c r="H315870" s="12"/>
    </row>
    <row r="315871" spans="8:8">
      <c r="H315871" s="12"/>
    </row>
    <row r="315872" spans="8:8">
      <c r="H315872" s="12"/>
    </row>
    <row r="315873" spans="8:8">
      <c r="H315873" s="12"/>
    </row>
    <row r="315874" spans="8:8">
      <c r="H315874" s="12"/>
    </row>
    <row r="315875" spans="8:8">
      <c r="H315875" s="12"/>
    </row>
    <row r="315876" spans="8:8">
      <c r="H315876" s="12"/>
    </row>
    <row r="315877" spans="8:8">
      <c r="H315877" s="12"/>
    </row>
    <row r="315878" spans="8:8">
      <c r="H315878" s="12"/>
    </row>
    <row r="315879" spans="8:8">
      <c r="H315879" s="12"/>
    </row>
    <row r="315880" spans="8:8">
      <c r="H315880" s="12"/>
    </row>
    <row r="315881" spans="8:8">
      <c r="H315881" s="12"/>
    </row>
    <row r="315882" spans="8:8">
      <c r="H315882" s="12"/>
    </row>
    <row r="315883" spans="8:8">
      <c r="H315883" s="12"/>
    </row>
    <row r="315884" spans="8:8">
      <c r="H315884" s="12"/>
    </row>
    <row r="315885" spans="8:8">
      <c r="H315885" s="12"/>
    </row>
    <row r="315886" spans="8:8">
      <c r="H315886" s="12"/>
    </row>
    <row r="315887" spans="8:8">
      <c r="H315887" s="12"/>
    </row>
    <row r="315888" spans="8:8">
      <c r="H315888" s="12"/>
    </row>
    <row r="315889" spans="8:8">
      <c r="H315889" s="12"/>
    </row>
    <row r="315890" spans="8:8">
      <c r="H315890" s="12"/>
    </row>
    <row r="315891" spans="8:8">
      <c r="H315891" s="12"/>
    </row>
    <row r="315892" spans="8:8">
      <c r="H315892" s="12"/>
    </row>
    <row r="315893" spans="8:8">
      <c r="H315893" s="12"/>
    </row>
    <row r="315894" spans="8:8">
      <c r="H315894" s="12"/>
    </row>
    <row r="315895" spans="8:8">
      <c r="H315895" s="12"/>
    </row>
    <row r="315896" spans="8:8">
      <c r="H315896" s="12"/>
    </row>
    <row r="315897" spans="8:8">
      <c r="H315897" s="12"/>
    </row>
    <row r="315898" spans="8:8">
      <c r="H315898" s="12"/>
    </row>
    <row r="315899" spans="8:8">
      <c r="H315899" s="12"/>
    </row>
    <row r="315900" spans="8:8">
      <c r="H315900" s="12"/>
    </row>
    <row r="315901" spans="8:8">
      <c r="H315901" s="12"/>
    </row>
    <row r="315902" spans="8:8">
      <c r="H315902" s="12"/>
    </row>
    <row r="315903" spans="8:8">
      <c r="H315903" s="12"/>
    </row>
    <row r="315904" spans="8:8">
      <c r="H315904" s="12"/>
    </row>
    <row r="315905" spans="8:8">
      <c r="H315905" s="12"/>
    </row>
    <row r="315906" spans="8:8">
      <c r="H315906" s="12"/>
    </row>
    <row r="315907" spans="8:8">
      <c r="H315907" s="12"/>
    </row>
    <row r="315908" spans="8:8">
      <c r="H315908" s="12"/>
    </row>
    <row r="315909" spans="8:8">
      <c r="H315909" s="12"/>
    </row>
    <row r="315910" spans="8:8">
      <c r="H315910" s="12"/>
    </row>
    <row r="315911" spans="8:8">
      <c r="H315911" s="12"/>
    </row>
    <row r="315912" spans="8:8">
      <c r="H315912" s="12"/>
    </row>
    <row r="315913" spans="8:8">
      <c r="H315913" s="12"/>
    </row>
    <row r="315914" spans="8:8">
      <c r="H315914" s="12"/>
    </row>
    <row r="315915" spans="8:8">
      <c r="H315915" s="12"/>
    </row>
    <row r="315916" spans="8:8">
      <c r="H315916" s="12"/>
    </row>
    <row r="315917" spans="8:8">
      <c r="H315917" s="12"/>
    </row>
    <row r="315918" spans="8:8">
      <c r="H315918" s="12"/>
    </row>
    <row r="315919" spans="8:8">
      <c r="H315919" s="12"/>
    </row>
    <row r="315920" spans="8:8">
      <c r="H315920" s="12"/>
    </row>
    <row r="315921" spans="8:8">
      <c r="H315921" s="12"/>
    </row>
    <row r="315922" spans="8:8">
      <c r="H315922" s="12"/>
    </row>
    <row r="315923" spans="8:8">
      <c r="H315923" s="12"/>
    </row>
    <row r="315924" spans="8:8">
      <c r="H315924" s="12"/>
    </row>
    <row r="315925" spans="8:8">
      <c r="H315925" s="12"/>
    </row>
    <row r="315926" spans="8:8">
      <c r="H315926" s="12"/>
    </row>
    <row r="315927" spans="8:8">
      <c r="H315927" s="12"/>
    </row>
    <row r="315928" spans="8:8">
      <c r="H315928" s="12"/>
    </row>
    <row r="315929" spans="8:8">
      <c r="H315929" s="12"/>
    </row>
    <row r="315930" spans="8:8">
      <c r="H315930" s="12"/>
    </row>
    <row r="315931" spans="8:8">
      <c r="H315931" s="12"/>
    </row>
    <row r="315932" spans="8:8">
      <c r="H315932" s="12"/>
    </row>
    <row r="315933" spans="8:8">
      <c r="H315933" s="12"/>
    </row>
    <row r="315934" spans="8:8">
      <c r="H315934" s="12"/>
    </row>
    <row r="315935" spans="8:8">
      <c r="H315935" s="12"/>
    </row>
    <row r="315936" spans="8:8">
      <c r="H315936" s="12"/>
    </row>
    <row r="315937" spans="8:8">
      <c r="H315937" s="12"/>
    </row>
    <row r="315938" spans="8:8">
      <c r="H315938" s="12"/>
    </row>
    <row r="315939" spans="8:8">
      <c r="H315939" s="12"/>
    </row>
    <row r="315940" spans="8:8">
      <c r="H315940" s="12"/>
    </row>
    <row r="315941" spans="8:8">
      <c r="H315941" s="12"/>
    </row>
    <row r="315942" spans="8:8">
      <c r="H315942" s="12"/>
    </row>
    <row r="315943" spans="8:8">
      <c r="H315943" s="12"/>
    </row>
    <row r="315944" spans="8:8">
      <c r="H315944" s="12"/>
    </row>
    <row r="315945" spans="8:8">
      <c r="H315945" s="12"/>
    </row>
    <row r="315946" spans="8:8">
      <c r="H315946" s="12"/>
    </row>
    <row r="315947" spans="8:8">
      <c r="H315947" s="12"/>
    </row>
    <row r="315948" spans="8:8">
      <c r="H315948" s="12"/>
    </row>
    <row r="315949" spans="8:8">
      <c r="H315949" s="12"/>
    </row>
    <row r="315950" spans="8:8">
      <c r="H315950" s="12"/>
    </row>
    <row r="315951" spans="8:8">
      <c r="H315951" s="12"/>
    </row>
    <row r="315952" spans="8:8">
      <c r="H315952" s="12"/>
    </row>
    <row r="315953" spans="8:8">
      <c r="H315953" s="12"/>
    </row>
    <row r="315954" spans="8:8">
      <c r="H315954" s="12"/>
    </row>
    <row r="315955" spans="8:8">
      <c r="H315955" s="12"/>
    </row>
    <row r="315956" spans="8:8">
      <c r="H315956" s="12"/>
    </row>
    <row r="315957" spans="8:8">
      <c r="H315957" s="12"/>
    </row>
    <row r="315958" spans="8:8">
      <c r="H315958" s="12"/>
    </row>
    <row r="315959" spans="8:8">
      <c r="H315959" s="12"/>
    </row>
    <row r="315960" spans="8:8">
      <c r="H315960" s="12"/>
    </row>
    <row r="315961" spans="8:8">
      <c r="H315961" s="12"/>
    </row>
    <row r="315962" spans="8:8">
      <c r="H315962" s="12"/>
    </row>
    <row r="315963" spans="8:8">
      <c r="H315963" s="12"/>
    </row>
    <row r="315964" spans="8:8">
      <c r="H315964" s="12"/>
    </row>
    <row r="315965" spans="8:8">
      <c r="H315965" s="12"/>
    </row>
    <row r="315966" spans="8:8">
      <c r="H315966" s="12"/>
    </row>
    <row r="315967" spans="8:8">
      <c r="H315967" s="12"/>
    </row>
    <row r="315968" spans="8:8">
      <c r="H315968" s="12"/>
    </row>
    <row r="315969" spans="8:8">
      <c r="H315969" s="12"/>
    </row>
    <row r="315970" spans="8:8">
      <c r="H315970" s="12"/>
    </row>
    <row r="315971" spans="8:8">
      <c r="H315971" s="12"/>
    </row>
    <row r="315972" spans="8:8">
      <c r="H315972" s="12"/>
    </row>
    <row r="315973" spans="8:8">
      <c r="H315973" s="12"/>
    </row>
    <row r="315974" spans="8:8">
      <c r="H315974" s="12"/>
    </row>
    <row r="315975" spans="8:8">
      <c r="H315975" s="12"/>
    </row>
    <row r="315976" spans="8:8">
      <c r="H315976" s="12"/>
    </row>
    <row r="315977" spans="8:8">
      <c r="H315977" s="12"/>
    </row>
    <row r="315978" spans="8:8">
      <c r="H315978" s="12"/>
    </row>
    <row r="315979" spans="8:8">
      <c r="H315979" s="12"/>
    </row>
    <row r="315980" spans="8:8">
      <c r="H315980" s="12"/>
    </row>
    <row r="315981" spans="8:8">
      <c r="H315981" s="12"/>
    </row>
    <row r="315982" spans="8:8">
      <c r="H315982" s="12"/>
    </row>
    <row r="315983" spans="8:8">
      <c r="H315983" s="12"/>
    </row>
    <row r="315984" spans="8:8">
      <c r="H315984" s="12"/>
    </row>
    <row r="315985" spans="8:8">
      <c r="H315985" s="12"/>
    </row>
    <row r="315986" spans="8:8">
      <c r="H315986" s="12"/>
    </row>
    <row r="315987" spans="8:8">
      <c r="H315987" s="12"/>
    </row>
    <row r="315988" spans="8:8">
      <c r="H315988" s="12"/>
    </row>
    <row r="315989" spans="8:8">
      <c r="H315989" s="12"/>
    </row>
    <row r="315990" spans="8:8">
      <c r="H315990" s="12"/>
    </row>
    <row r="315991" spans="8:8">
      <c r="H315991" s="12"/>
    </row>
    <row r="315992" spans="8:8">
      <c r="H315992" s="12"/>
    </row>
    <row r="315993" spans="8:8">
      <c r="H315993" s="12"/>
    </row>
    <row r="315994" spans="8:8">
      <c r="H315994" s="12"/>
    </row>
    <row r="315995" spans="8:8">
      <c r="H315995" s="12"/>
    </row>
    <row r="315996" spans="8:8">
      <c r="H315996" s="12"/>
    </row>
    <row r="315997" spans="8:8">
      <c r="H315997" s="12"/>
    </row>
    <row r="315998" spans="8:8">
      <c r="H315998" s="12"/>
    </row>
    <row r="315999" spans="8:8">
      <c r="H315999" s="12"/>
    </row>
    <row r="316000" spans="8:8">
      <c r="H316000" s="12"/>
    </row>
    <row r="316001" spans="8:8">
      <c r="H316001" s="12"/>
    </row>
    <row r="316002" spans="8:8">
      <c r="H316002" s="12"/>
    </row>
    <row r="316003" spans="8:8">
      <c r="H316003" s="12"/>
    </row>
    <row r="316004" spans="8:8">
      <c r="H316004" s="12"/>
    </row>
    <row r="316005" spans="8:8">
      <c r="H316005" s="12"/>
    </row>
    <row r="316006" spans="8:8">
      <c r="H316006" s="12"/>
    </row>
    <row r="316007" spans="8:8">
      <c r="H316007" s="12"/>
    </row>
    <row r="316008" spans="8:8">
      <c r="H316008" s="12"/>
    </row>
    <row r="316009" spans="8:8">
      <c r="H316009" s="12"/>
    </row>
    <row r="316010" spans="8:8">
      <c r="H316010" s="12"/>
    </row>
    <row r="316011" spans="8:8">
      <c r="H316011" s="12"/>
    </row>
    <row r="316012" spans="8:8">
      <c r="H316012" s="12"/>
    </row>
    <row r="316013" spans="8:8">
      <c r="H316013" s="12"/>
    </row>
    <row r="316014" spans="8:8">
      <c r="H316014" s="12"/>
    </row>
    <row r="316015" spans="8:8">
      <c r="H316015" s="12"/>
    </row>
    <row r="316016" spans="8:8">
      <c r="H316016" s="12"/>
    </row>
    <row r="316017" spans="8:8">
      <c r="H316017" s="12"/>
    </row>
    <row r="316018" spans="8:8">
      <c r="H316018" s="12"/>
    </row>
    <row r="316019" spans="8:8">
      <c r="H316019" s="12"/>
    </row>
    <row r="316020" spans="8:8">
      <c r="H316020" s="12"/>
    </row>
    <row r="316021" spans="8:8">
      <c r="H316021" s="12"/>
    </row>
    <row r="316022" spans="8:8">
      <c r="H316022" s="12"/>
    </row>
    <row r="316023" spans="8:8">
      <c r="H316023" s="12"/>
    </row>
    <row r="316024" spans="8:8">
      <c r="H316024" s="12"/>
    </row>
    <row r="316025" spans="8:8">
      <c r="H316025" s="12"/>
    </row>
    <row r="316026" spans="8:8">
      <c r="H316026" s="12"/>
    </row>
    <row r="316027" spans="8:8">
      <c r="H316027" s="12"/>
    </row>
    <row r="316028" spans="8:8">
      <c r="H316028" s="12"/>
    </row>
    <row r="316029" spans="8:8">
      <c r="H316029" s="12"/>
    </row>
    <row r="316030" spans="8:8">
      <c r="H316030" s="12"/>
    </row>
    <row r="316031" spans="8:8">
      <c r="H316031" s="12"/>
    </row>
    <row r="316032" spans="8:8">
      <c r="H316032" s="12"/>
    </row>
    <row r="316033" spans="8:8">
      <c r="H316033" s="12"/>
    </row>
    <row r="316034" spans="8:8">
      <c r="H316034" s="12"/>
    </row>
    <row r="316035" spans="8:8">
      <c r="H316035" s="12"/>
    </row>
    <row r="316036" spans="8:8">
      <c r="H316036" s="12"/>
    </row>
    <row r="316037" spans="8:8">
      <c r="H316037" s="12"/>
    </row>
    <row r="316038" spans="8:8">
      <c r="H316038" s="12"/>
    </row>
    <row r="316039" spans="8:8">
      <c r="H316039" s="12"/>
    </row>
    <row r="316040" spans="8:8">
      <c r="H316040" s="12"/>
    </row>
    <row r="316041" spans="8:8">
      <c r="H316041" s="12"/>
    </row>
    <row r="316042" spans="8:8">
      <c r="H316042" s="12"/>
    </row>
    <row r="316043" spans="8:8">
      <c r="H316043" s="12"/>
    </row>
    <row r="316044" spans="8:8">
      <c r="H316044" s="12"/>
    </row>
    <row r="316045" spans="8:8">
      <c r="H316045" s="12"/>
    </row>
    <row r="316046" spans="8:8">
      <c r="H316046" s="12"/>
    </row>
    <row r="316047" spans="8:8">
      <c r="H316047" s="12"/>
    </row>
    <row r="316048" spans="8:8">
      <c r="H316048" s="12"/>
    </row>
    <row r="316049" spans="8:8">
      <c r="H316049" s="12"/>
    </row>
    <row r="316050" spans="8:8">
      <c r="H316050" s="12"/>
    </row>
    <row r="316051" spans="8:8">
      <c r="H316051" s="12"/>
    </row>
    <row r="316052" spans="8:8">
      <c r="H316052" s="12"/>
    </row>
    <row r="316053" spans="8:8">
      <c r="H316053" s="12"/>
    </row>
    <row r="316054" spans="8:8">
      <c r="H316054" s="12"/>
    </row>
    <row r="316055" spans="8:8">
      <c r="H316055" s="12"/>
    </row>
    <row r="316056" spans="8:8">
      <c r="H316056" s="12"/>
    </row>
    <row r="316057" spans="8:8">
      <c r="H316057" s="12"/>
    </row>
    <row r="316058" spans="8:8">
      <c r="H316058" s="12"/>
    </row>
    <row r="316059" spans="8:8">
      <c r="H316059" s="12"/>
    </row>
    <row r="316060" spans="8:8">
      <c r="H316060" s="12"/>
    </row>
    <row r="316061" spans="8:8">
      <c r="H316061" s="12"/>
    </row>
    <row r="316062" spans="8:8">
      <c r="H316062" s="12"/>
    </row>
    <row r="316063" spans="8:8">
      <c r="H316063" s="12"/>
    </row>
    <row r="316064" spans="8:8">
      <c r="H316064" s="12"/>
    </row>
    <row r="316065" spans="8:8">
      <c r="H316065" s="12"/>
    </row>
    <row r="316066" spans="8:8">
      <c r="H316066" s="12"/>
    </row>
    <row r="316067" spans="8:8">
      <c r="H316067" s="12"/>
    </row>
    <row r="316068" spans="8:8">
      <c r="H316068" s="12"/>
    </row>
    <row r="316069" spans="8:8">
      <c r="H316069" s="12"/>
    </row>
    <row r="316070" spans="8:8">
      <c r="H316070" s="12"/>
    </row>
    <row r="316071" spans="8:8">
      <c r="H316071" s="12"/>
    </row>
    <row r="316072" spans="8:8">
      <c r="H316072" s="12"/>
    </row>
    <row r="316073" spans="8:8">
      <c r="H316073" s="12"/>
    </row>
    <row r="316074" spans="8:8">
      <c r="H316074" s="12"/>
    </row>
    <row r="316075" spans="8:8">
      <c r="H316075" s="12"/>
    </row>
    <row r="316076" spans="8:8">
      <c r="H316076" s="12"/>
    </row>
    <row r="316077" spans="8:8">
      <c r="H316077" s="12"/>
    </row>
    <row r="316078" spans="8:8">
      <c r="H316078" s="12"/>
    </row>
    <row r="316079" spans="8:8">
      <c r="H316079" s="12"/>
    </row>
    <row r="316080" spans="8:8">
      <c r="H316080" s="12"/>
    </row>
    <row r="316081" spans="8:8">
      <c r="H316081" s="12"/>
    </row>
    <row r="316082" spans="8:8">
      <c r="H316082" s="12"/>
    </row>
    <row r="316083" spans="8:8">
      <c r="H316083" s="12"/>
    </row>
    <row r="316084" spans="8:8">
      <c r="H316084" s="12"/>
    </row>
    <row r="316085" spans="8:8">
      <c r="H316085" s="12"/>
    </row>
    <row r="316086" spans="8:8">
      <c r="H316086" s="12"/>
    </row>
    <row r="316087" spans="8:8">
      <c r="H316087" s="12"/>
    </row>
    <row r="316088" spans="8:8">
      <c r="H316088" s="12"/>
    </row>
    <row r="316089" spans="8:8">
      <c r="H316089" s="12"/>
    </row>
    <row r="316090" spans="8:8">
      <c r="H316090" s="12"/>
    </row>
    <row r="316091" spans="8:8">
      <c r="H316091" s="12"/>
    </row>
    <row r="316092" spans="8:8">
      <c r="H316092" s="12"/>
    </row>
    <row r="316093" spans="8:8">
      <c r="H316093" s="12"/>
    </row>
    <row r="316094" spans="8:8">
      <c r="H316094" s="12"/>
    </row>
    <row r="316095" spans="8:8">
      <c r="H316095" s="12"/>
    </row>
    <row r="316096" spans="8:8">
      <c r="H316096" s="12"/>
    </row>
    <row r="316097" spans="8:8">
      <c r="H316097" s="12"/>
    </row>
    <row r="316098" spans="8:8">
      <c r="H316098" s="12"/>
    </row>
    <row r="316099" spans="8:8">
      <c r="H316099" s="12"/>
    </row>
    <row r="316100" spans="8:8">
      <c r="H316100" s="12"/>
    </row>
    <row r="316101" spans="8:8">
      <c r="H316101" s="12"/>
    </row>
    <row r="316102" spans="8:8">
      <c r="H316102" s="12"/>
    </row>
    <row r="316103" spans="8:8">
      <c r="H316103" s="12"/>
    </row>
    <row r="316104" spans="8:8">
      <c r="H316104" s="12"/>
    </row>
    <row r="316105" spans="8:8">
      <c r="H316105" s="12"/>
    </row>
    <row r="316106" spans="8:8">
      <c r="H316106" s="12"/>
    </row>
    <row r="316107" spans="8:8">
      <c r="H316107" s="12"/>
    </row>
    <row r="316108" spans="8:8">
      <c r="H316108" s="12"/>
    </row>
    <row r="316109" spans="8:8">
      <c r="H316109" s="12"/>
    </row>
    <row r="316110" spans="8:8">
      <c r="H316110" s="12"/>
    </row>
    <row r="316111" spans="8:8">
      <c r="H316111" s="12"/>
    </row>
    <row r="316112" spans="8:8">
      <c r="H316112" s="12"/>
    </row>
    <row r="316113" spans="8:8">
      <c r="H316113" s="12"/>
    </row>
    <row r="316114" spans="8:8">
      <c r="H316114" s="12"/>
    </row>
    <row r="316115" spans="8:8">
      <c r="H316115" s="12"/>
    </row>
    <row r="316116" spans="8:8">
      <c r="H316116" s="12"/>
    </row>
    <row r="316117" spans="8:8">
      <c r="H316117" s="12"/>
    </row>
    <row r="316118" spans="8:8">
      <c r="H316118" s="12"/>
    </row>
    <row r="316119" spans="8:8">
      <c r="H316119" s="12"/>
    </row>
    <row r="316120" spans="8:8">
      <c r="H316120" s="12"/>
    </row>
    <row r="316121" spans="8:8">
      <c r="H316121" s="12"/>
    </row>
    <row r="316122" spans="8:8">
      <c r="H316122" s="12"/>
    </row>
    <row r="316123" spans="8:8">
      <c r="H316123" s="12"/>
    </row>
    <row r="316124" spans="8:8">
      <c r="H316124" s="12"/>
    </row>
    <row r="316125" spans="8:8">
      <c r="H316125" s="12"/>
    </row>
    <row r="316126" spans="8:8">
      <c r="H316126" s="12"/>
    </row>
    <row r="316127" spans="8:8">
      <c r="H316127" s="12"/>
    </row>
    <row r="316128" spans="8:8">
      <c r="H316128" s="12"/>
    </row>
    <row r="316129" spans="8:8">
      <c r="H316129" s="12"/>
    </row>
    <row r="316130" spans="8:8">
      <c r="H316130" s="12"/>
    </row>
    <row r="316131" spans="8:8">
      <c r="H316131" s="12"/>
    </row>
    <row r="316132" spans="8:8">
      <c r="H316132" s="12"/>
    </row>
    <row r="316133" spans="8:8">
      <c r="H316133" s="12"/>
    </row>
    <row r="316134" spans="8:8">
      <c r="H316134" s="12"/>
    </row>
    <row r="316135" spans="8:8">
      <c r="H316135" s="12"/>
    </row>
    <row r="316136" spans="8:8">
      <c r="H316136" s="12"/>
    </row>
    <row r="316137" spans="8:8">
      <c r="H316137" s="12"/>
    </row>
    <row r="316138" spans="8:8">
      <c r="H316138" s="12"/>
    </row>
    <row r="316139" spans="8:8">
      <c r="H316139" s="12"/>
    </row>
    <row r="316140" spans="8:8">
      <c r="H316140" s="12"/>
    </row>
    <row r="316141" spans="8:8">
      <c r="H316141" s="12"/>
    </row>
    <row r="316142" spans="8:8">
      <c r="H316142" s="12"/>
    </row>
    <row r="316143" spans="8:8">
      <c r="H316143" s="12"/>
    </row>
    <row r="316144" spans="8:8">
      <c r="H316144" s="12"/>
    </row>
    <row r="316145" spans="8:8">
      <c r="H316145" s="12"/>
    </row>
    <row r="316146" spans="8:8">
      <c r="H316146" s="12"/>
    </row>
    <row r="316147" spans="8:8">
      <c r="H316147" s="12"/>
    </row>
    <row r="316148" spans="8:8">
      <c r="H316148" s="12"/>
    </row>
    <row r="316149" spans="8:8">
      <c r="H316149" s="12"/>
    </row>
    <row r="316150" spans="8:8">
      <c r="H316150" s="12"/>
    </row>
    <row r="316151" spans="8:8">
      <c r="H316151" s="12"/>
    </row>
    <row r="316152" spans="8:8">
      <c r="H316152" s="12"/>
    </row>
    <row r="316153" spans="8:8">
      <c r="H316153" s="12"/>
    </row>
    <row r="316154" spans="8:8">
      <c r="H316154" s="12"/>
    </row>
    <row r="316155" spans="8:8">
      <c r="H316155" s="12"/>
    </row>
    <row r="316156" spans="8:8">
      <c r="H316156" s="12"/>
    </row>
    <row r="316157" spans="8:8">
      <c r="H316157" s="12"/>
    </row>
    <row r="316158" spans="8:8">
      <c r="H316158" s="12"/>
    </row>
    <row r="316159" spans="8:8">
      <c r="H316159" s="12"/>
    </row>
    <row r="316160" spans="8:8">
      <c r="H316160" s="12"/>
    </row>
    <row r="316161" spans="8:8">
      <c r="H316161" s="12"/>
    </row>
    <row r="316162" spans="8:8">
      <c r="H316162" s="12"/>
    </row>
    <row r="316163" spans="8:8">
      <c r="H316163" s="12"/>
    </row>
    <row r="316164" spans="8:8">
      <c r="H316164" s="12"/>
    </row>
    <row r="316165" spans="8:8">
      <c r="H316165" s="12"/>
    </row>
    <row r="316166" spans="8:8">
      <c r="H316166" s="12"/>
    </row>
    <row r="316167" spans="8:8">
      <c r="H316167" s="12"/>
    </row>
    <row r="316168" spans="8:8">
      <c r="H316168" s="12"/>
    </row>
    <row r="316169" spans="8:8">
      <c r="H316169" s="12"/>
    </row>
    <row r="316170" spans="8:8">
      <c r="H316170" s="12"/>
    </row>
    <row r="316171" spans="8:8">
      <c r="H316171" s="12"/>
    </row>
    <row r="316172" spans="8:8">
      <c r="H316172" s="12"/>
    </row>
    <row r="316173" spans="8:8">
      <c r="H316173" s="12"/>
    </row>
    <row r="316174" spans="8:8">
      <c r="H316174" s="12"/>
    </row>
    <row r="316175" spans="8:8">
      <c r="H316175" s="12"/>
    </row>
    <row r="316176" spans="8:8">
      <c r="H316176" s="12"/>
    </row>
    <row r="316177" spans="8:8">
      <c r="H316177" s="12"/>
    </row>
    <row r="316178" spans="8:8">
      <c r="H316178" s="12"/>
    </row>
    <row r="316179" spans="8:8">
      <c r="H316179" s="12"/>
    </row>
    <row r="316180" spans="8:8">
      <c r="H316180" s="12"/>
    </row>
    <row r="316181" spans="8:8">
      <c r="H316181" s="12"/>
    </row>
    <row r="316182" spans="8:8">
      <c r="H316182" s="12"/>
    </row>
    <row r="316183" spans="8:8">
      <c r="H316183" s="12"/>
    </row>
    <row r="316184" spans="8:8">
      <c r="H316184" s="12"/>
    </row>
    <row r="316185" spans="8:8">
      <c r="H316185" s="12"/>
    </row>
    <row r="316186" spans="8:8">
      <c r="H316186" s="12"/>
    </row>
    <row r="316187" spans="8:8">
      <c r="H316187" s="12"/>
    </row>
    <row r="316188" spans="8:8">
      <c r="H316188" s="12"/>
    </row>
    <row r="316189" spans="8:8">
      <c r="H316189" s="12"/>
    </row>
    <row r="316190" spans="8:8">
      <c r="H316190" s="12"/>
    </row>
    <row r="316191" spans="8:8">
      <c r="H316191" s="12"/>
    </row>
    <row r="316192" spans="8:8">
      <c r="H316192" s="12"/>
    </row>
    <row r="316193" spans="8:8">
      <c r="H316193" s="12"/>
    </row>
    <row r="316194" spans="8:8">
      <c r="H316194" s="12"/>
    </row>
    <row r="316195" spans="8:8">
      <c r="H316195" s="12"/>
    </row>
    <row r="316196" spans="8:8">
      <c r="H316196" s="12"/>
    </row>
    <row r="316197" spans="8:8">
      <c r="H316197" s="12"/>
    </row>
    <row r="316198" spans="8:8">
      <c r="H316198" s="12"/>
    </row>
    <row r="316199" spans="8:8">
      <c r="H316199" s="12"/>
    </row>
    <row r="316200" spans="8:8">
      <c r="H316200" s="12"/>
    </row>
    <row r="316201" spans="8:8">
      <c r="H316201" s="12"/>
    </row>
    <row r="316202" spans="8:8">
      <c r="H316202" s="12"/>
    </row>
    <row r="316203" spans="8:8">
      <c r="H316203" s="12"/>
    </row>
    <row r="316204" spans="8:8">
      <c r="H316204" s="12"/>
    </row>
    <row r="316205" spans="8:8">
      <c r="H316205" s="12"/>
    </row>
    <row r="316206" spans="8:8">
      <c r="H316206" s="12"/>
    </row>
    <row r="316207" spans="8:8">
      <c r="H316207" s="12"/>
    </row>
    <row r="316208" spans="8:8">
      <c r="H316208" s="12"/>
    </row>
    <row r="316209" spans="8:8">
      <c r="H316209" s="12"/>
    </row>
    <row r="316210" spans="8:8">
      <c r="H316210" s="12"/>
    </row>
    <row r="316211" spans="8:8">
      <c r="H316211" s="12"/>
    </row>
    <row r="316212" spans="8:8">
      <c r="H316212" s="12"/>
    </row>
    <row r="316213" spans="8:8">
      <c r="H316213" s="12"/>
    </row>
    <row r="316214" spans="8:8">
      <c r="H316214" s="12"/>
    </row>
    <row r="316215" spans="8:8">
      <c r="H316215" s="12"/>
    </row>
    <row r="316216" spans="8:8">
      <c r="H316216" s="12"/>
    </row>
    <row r="316217" spans="8:8">
      <c r="H316217" s="12"/>
    </row>
    <row r="316218" spans="8:8">
      <c r="H316218" s="12"/>
    </row>
    <row r="316219" spans="8:8">
      <c r="H316219" s="12"/>
    </row>
    <row r="316220" spans="8:8">
      <c r="H316220" s="12"/>
    </row>
    <row r="316221" spans="8:8">
      <c r="H316221" s="12"/>
    </row>
    <row r="316222" spans="8:8">
      <c r="H316222" s="12"/>
    </row>
    <row r="316223" spans="8:8">
      <c r="H316223" s="12"/>
    </row>
    <row r="316224" spans="8:8">
      <c r="H316224" s="12"/>
    </row>
    <row r="316225" spans="8:8">
      <c r="H316225" s="12"/>
    </row>
    <row r="316226" spans="8:8">
      <c r="H316226" s="12"/>
    </row>
    <row r="316227" spans="8:8">
      <c r="H316227" s="12"/>
    </row>
    <row r="316228" spans="8:8">
      <c r="H316228" s="12"/>
    </row>
    <row r="316229" spans="8:8">
      <c r="H316229" s="12"/>
    </row>
    <row r="316230" spans="8:8">
      <c r="H316230" s="12"/>
    </row>
    <row r="316231" spans="8:8">
      <c r="H316231" s="12"/>
    </row>
    <row r="316232" spans="8:8">
      <c r="H316232" s="12"/>
    </row>
    <row r="316233" spans="8:8">
      <c r="H316233" s="12"/>
    </row>
    <row r="316234" spans="8:8">
      <c r="H316234" s="12"/>
    </row>
    <row r="316235" spans="8:8">
      <c r="H316235" s="12"/>
    </row>
    <row r="316236" spans="8:8">
      <c r="H316236" s="12"/>
    </row>
    <row r="316237" spans="8:8">
      <c r="H316237" s="12"/>
    </row>
    <row r="316238" spans="8:8">
      <c r="H316238" s="12"/>
    </row>
    <row r="316239" spans="8:8">
      <c r="H316239" s="12"/>
    </row>
    <row r="316240" spans="8:8">
      <c r="H316240" s="12"/>
    </row>
    <row r="316241" spans="8:8">
      <c r="H316241" s="12"/>
    </row>
    <row r="316242" spans="8:8">
      <c r="H316242" s="12"/>
    </row>
    <row r="316243" spans="8:8">
      <c r="H316243" s="12"/>
    </row>
    <row r="316244" spans="8:8">
      <c r="H316244" s="12"/>
    </row>
    <row r="316245" spans="8:8">
      <c r="H316245" s="12"/>
    </row>
    <row r="316246" spans="8:8">
      <c r="H316246" s="12"/>
    </row>
    <row r="316247" spans="8:8">
      <c r="H316247" s="12"/>
    </row>
    <row r="316248" spans="8:8">
      <c r="H316248" s="12"/>
    </row>
    <row r="316249" spans="8:8">
      <c r="H316249" s="12"/>
    </row>
    <row r="316250" spans="8:8">
      <c r="H316250" s="12"/>
    </row>
    <row r="316251" spans="8:8">
      <c r="H316251" s="12"/>
    </row>
    <row r="316252" spans="8:8">
      <c r="H316252" s="12"/>
    </row>
    <row r="316253" spans="8:8">
      <c r="H316253" s="12"/>
    </row>
    <row r="316254" spans="8:8">
      <c r="H316254" s="12"/>
    </row>
    <row r="316255" spans="8:8">
      <c r="H316255" s="12"/>
    </row>
    <row r="316256" spans="8:8">
      <c r="H316256" s="12"/>
    </row>
    <row r="316257" spans="8:8">
      <c r="H316257" s="12"/>
    </row>
    <row r="316258" spans="8:8">
      <c r="H316258" s="12"/>
    </row>
    <row r="316259" spans="8:8">
      <c r="H316259" s="12"/>
    </row>
    <row r="316260" spans="8:8">
      <c r="H316260" s="12"/>
    </row>
    <row r="316261" spans="8:8">
      <c r="H316261" s="12"/>
    </row>
    <row r="316262" spans="8:8">
      <c r="H316262" s="12"/>
    </row>
    <row r="316263" spans="8:8">
      <c r="H316263" s="12"/>
    </row>
    <row r="316264" spans="8:8">
      <c r="H316264" s="12"/>
    </row>
    <row r="316265" spans="8:8">
      <c r="H316265" s="12"/>
    </row>
    <row r="316266" spans="8:8">
      <c r="H316266" s="12"/>
    </row>
    <row r="316267" spans="8:8">
      <c r="H316267" s="12"/>
    </row>
    <row r="316268" spans="8:8">
      <c r="H316268" s="12"/>
    </row>
    <row r="316269" spans="8:8">
      <c r="H316269" s="12"/>
    </row>
    <row r="316270" spans="8:8">
      <c r="H316270" s="12"/>
    </row>
    <row r="316271" spans="8:8">
      <c r="H316271" s="12"/>
    </row>
    <row r="316272" spans="8:8">
      <c r="H316272" s="12"/>
    </row>
    <row r="316273" spans="8:8">
      <c r="H316273" s="12"/>
    </row>
    <row r="316274" spans="8:8">
      <c r="H316274" s="12"/>
    </row>
    <row r="316275" spans="8:8">
      <c r="H316275" s="12"/>
    </row>
    <row r="316276" spans="8:8">
      <c r="H316276" s="12"/>
    </row>
    <row r="316277" spans="8:8">
      <c r="H316277" s="12"/>
    </row>
    <row r="316278" spans="8:8">
      <c r="H316278" s="12"/>
    </row>
    <row r="316279" spans="8:8">
      <c r="H316279" s="12"/>
    </row>
    <row r="316280" spans="8:8">
      <c r="H316280" s="12"/>
    </row>
    <row r="316281" spans="8:8">
      <c r="H316281" s="12"/>
    </row>
    <row r="316282" spans="8:8">
      <c r="H316282" s="12"/>
    </row>
    <row r="316283" spans="8:8">
      <c r="H316283" s="12"/>
    </row>
    <row r="316284" spans="8:8">
      <c r="H316284" s="12"/>
    </row>
    <row r="316285" spans="8:8">
      <c r="H316285" s="12"/>
    </row>
    <row r="316286" spans="8:8">
      <c r="H316286" s="12"/>
    </row>
    <row r="316287" spans="8:8">
      <c r="H316287" s="12"/>
    </row>
    <row r="316288" spans="8:8">
      <c r="H316288" s="12"/>
    </row>
    <row r="316289" spans="8:8">
      <c r="H316289" s="12"/>
    </row>
    <row r="316290" spans="8:8">
      <c r="H316290" s="12"/>
    </row>
    <row r="316291" spans="8:8">
      <c r="H316291" s="12"/>
    </row>
    <row r="316292" spans="8:8">
      <c r="H316292" s="12"/>
    </row>
    <row r="316293" spans="8:8">
      <c r="H316293" s="12"/>
    </row>
    <row r="316294" spans="8:8">
      <c r="H316294" s="12"/>
    </row>
    <row r="316295" spans="8:8">
      <c r="H316295" s="12"/>
    </row>
    <row r="316296" spans="8:8">
      <c r="H316296" s="12"/>
    </row>
    <row r="316297" spans="8:8">
      <c r="H316297" s="12"/>
    </row>
    <row r="316298" spans="8:8">
      <c r="H316298" s="12"/>
    </row>
    <row r="316299" spans="8:8">
      <c r="H316299" s="12"/>
    </row>
    <row r="316300" spans="8:8">
      <c r="H316300" s="12"/>
    </row>
    <row r="316301" spans="8:8">
      <c r="H316301" s="12"/>
    </row>
    <row r="316302" spans="8:8">
      <c r="H316302" s="12"/>
    </row>
    <row r="316303" spans="8:8">
      <c r="H316303" s="12"/>
    </row>
    <row r="316304" spans="8:8">
      <c r="H316304" s="12"/>
    </row>
    <row r="316305" spans="8:8">
      <c r="H316305" s="12"/>
    </row>
    <row r="316306" spans="8:8">
      <c r="H316306" s="12"/>
    </row>
    <row r="316307" spans="8:8">
      <c r="H316307" s="12"/>
    </row>
    <row r="316308" spans="8:8">
      <c r="H316308" s="12"/>
    </row>
    <row r="316309" spans="8:8">
      <c r="H316309" s="12"/>
    </row>
    <row r="316310" spans="8:8">
      <c r="H316310" s="12"/>
    </row>
    <row r="316311" spans="8:8">
      <c r="H316311" s="12"/>
    </row>
    <row r="316312" spans="8:8">
      <c r="H316312" s="12"/>
    </row>
    <row r="316313" spans="8:8">
      <c r="H316313" s="12"/>
    </row>
    <row r="316314" spans="8:8">
      <c r="H316314" s="12"/>
    </row>
    <row r="316315" spans="8:8">
      <c r="H316315" s="12"/>
    </row>
    <row r="316316" spans="8:8">
      <c r="H316316" s="12"/>
    </row>
    <row r="316317" spans="8:8">
      <c r="H316317" s="12"/>
    </row>
    <row r="316318" spans="8:8">
      <c r="H316318" s="12"/>
    </row>
    <row r="316319" spans="8:8">
      <c r="H316319" s="12"/>
    </row>
    <row r="316320" spans="8:8">
      <c r="H316320" s="12"/>
    </row>
    <row r="316321" spans="8:8">
      <c r="H316321" s="12"/>
    </row>
    <row r="316322" spans="8:8">
      <c r="H316322" s="12"/>
    </row>
    <row r="316323" spans="8:8">
      <c r="H316323" s="12"/>
    </row>
    <row r="316324" spans="8:8">
      <c r="H316324" s="12"/>
    </row>
    <row r="316325" spans="8:8">
      <c r="H316325" s="12"/>
    </row>
    <row r="316326" spans="8:8">
      <c r="H316326" s="12"/>
    </row>
    <row r="316327" spans="8:8">
      <c r="H316327" s="12"/>
    </row>
    <row r="316328" spans="8:8">
      <c r="H316328" s="12"/>
    </row>
    <row r="316329" spans="8:8">
      <c r="H316329" s="12"/>
    </row>
    <row r="316330" spans="8:8">
      <c r="H316330" s="12"/>
    </row>
    <row r="316331" spans="8:8">
      <c r="H316331" s="12"/>
    </row>
    <row r="316332" spans="8:8">
      <c r="H316332" s="12"/>
    </row>
    <row r="316333" spans="8:8">
      <c r="H316333" s="12"/>
    </row>
    <row r="316334" spans="8:8">
      <c r="H316334" s="12"/>
    </row>
    <row r="316335" spans="8:8">
      <c r="H316335" s="12"/>
    </row>
    <row r="316336" spans="8:8">
      <c r="H316336" s="12"/>
    </row>
    <row r="316337" spans="8:8">
      <c r="H316337" s="12"/>
    </row>
    <row r="316338" spans="8:8">
      <c r="H316338" s="12"/>
    </row>
    <row r="316339" spans="8:8">
      <c r="H316339" s="12"/>
    </row>
    <row r="316340" spans="8:8">
      <c r="H316340" s="12"/>
    </row>
    <row r="316341" spans="8:8">
      <c r="H316341" s="12"/>
    </row>
    <row r="316342" spans="8:8">
      <c r="H316342" s="12"/>
    </row>
    <row r="316343" spans="8:8">
      <c r="H316343" s="12"/>
    </row>
    <row r="316344" spans="8:8">
      <c r="H316344" s="12"/>
    </row>
    <row r="316345" spans="8:8">
      <c r="H316345" s="12"/>
    </row>
    <row r="316346" spans="8:8">
      <c r="H316346" s="12"/>
    </row>
    <row r="316347" spans="8:8">
      <c r="H316347" s="12"/>
    </row>
    <row r="316348" spans="8:8">
      <c r="H316348" s="12"/>
    </row>
    <row r="316349" spans="8:8">
      <c r="H316349" s="12"/>
    </row>
    <row r="316350" spans="8:8">
      <c r="H316350" s="12"/>
    </row>
    <row r="316351" spans="8:8">
      <c r="H316351" s="12"/>
    </row>
    <row r="316352" spans="8:8">
      <c r="H316352" s="12"/>
    </row>
    <row r="316353" spans="8:8">
      <c r="H316353" s="12"/>
    </row>
    <row r="316354" spans="8:8">
      <c r="H316354" s="12"/>
    </row>
    <row r="316355" spans="8:8">
      <c r="H316355" s="12"/>
    </row>
    <row r="316356" spans="8:8">
      <c r="H316356" s="12"/>
    </row>
    <row r="316357" spans="8:8">
      <c r="H316357" s="12"/>
    </row>
    <row r="316358" spans="8:8">
      <c r="H316358" s="12"/>
    </row>
    <row r="316359" spans="8:8">
      <c r="H316359" s="12"/>
    </row>
    <row r="316360" spans="8:8">
      <c r="H316360" s="12"/>
    </row>
    <row r="316361" spans="8:8">
      <c r="H316361" s="12"/>
    </row>
    <row r="316362" spans="8:8">
      <c r="H316362" s="12"/>
    </row>
    <row r="316363" spans="8:8">
      <c r="H316363" s="12"/>
    </row>
    <row r="316364" spans="8:8">
      <c r="H316364" s="12"/>
    </row>
    <row r="316365" spans="8:8">
      <c r="H316365" s="12"/>
    </row>
    <row r="316366" spans="8:8">
      <c r="H316366" s="12"/>
    </row>
    <row r="316367" spans="8:8">
      <c r="H316367" s="12"/>
    </row>
    <row r="316368" spans="8:8">
      <c r="H316368" s="12"/>
    </row>
    <row r="316369" spans="8:8">
      <c r="H316369" s="12"/>
    </row>
    <row r="316370" spans="8:8">
      <c r="H316370" s="12"/>
    </row>
    <row r="316371" spans="8:8">
      <c r="H316371" s="12"/>
    </row>
    <row r="316372" spans="8:8">
      <c r="H316372" s="12"/>
    </row>
    <row r="316373" spans="8:8">
      <c r="H316373" s="12"/>
    </row>
    <row r="316374" spans="8:8">
      <c r="H316374" s="12"/>
    </row>
    <row r="316375" spans="8:8">
      <c r="H316375" s="12"/>
    </row>
    <row r="316376" spans="8:8">
      <c r="H316376" s="12"/>
    </row>
    <row r="316377" spans="8:8">
      <c r="H316377" s="12"/>
    </row>
    <row r="316378" spans="8:8">
      <c r="H316378" s="12"/>
    </row>
    <row r="316379" spans="8:8">
      <c r="H316379" s="12"/>
    </row>
    <row r="316380" spans="8:8">
      <c r="H316380" s="12"/>
    </row>
    <row r="316381" spans="8:8">
      <c r="H316381" s="12"/>
    </row>
    <row r="316382" spans="8:8">
      <c r="H316382" s="12"/>
    </row>
    <row r="316383" spans="8:8">
      <c r="H316383" s="12"/>
    </row>
    <row r="316384" spans="8:8">
      <c r="H316384" s="12"/>
    </row>
    <row r="316385" spans="8:8">
      <c r="H316385" s="12"/>
    </row>
    <row r="316386" spans="8:8">
      <c r="H316386" s="12"/>
    </row>
    <row r="316387" spans="8:8">
      <c r="H316387" s="12"/>
    </row>
    <row r="316388" spans="8:8">
      <c r="H316388" s="12"/>
    </row>
    <row r="316389" spans="8:8">
      <c r="H316389" s="12"/>
    </row>
    <row r="316390" spans="8:8">
      <c r="H316390" s="12"/>
    </row>
    <row r="316391" spans="8:8">
      <c r="H316391" s="12"/>
    </row>
    <row r="316392" spans="8:8">
      <c r="H316392" s="12"/>
    </row>
    <row r="316393" spans="8:8">
      <c r="H316393" s="12"/>
    </row>
    <row r="316394" spans="8:8">
      <c r="H316394" s="12"/>
    </row>
    <row r="316395" spans="8:8">
      <c r="H316395" s="12"/>
    </row>
    <row r="316396" spans="8:8">
      <c r="H316396" s="12"/>
    </row>
    <row r="316397" spans="8:8">
      <c r="H316397" s="12"/>
    </row>
    <row r="316398" spans="8:8">
      <c r="H316398" s="12"/>
    </row>
    <row r="316399" spans="8:8">
      <c r="H316399" s="12"/>
    </row>
    <row r="316400" spans="8:8">
      <c r="H316400" s="12"/>
    </row>
    <row r="316401" spans="8:8">
      <c r="H316401" s="12"/>
    </row>
    <row r="316402" spans="8:8">
      <c r="H316402" s="12"/>
    </row>
    <row r="316403" spans="8:8">
      <c r="H316403" s="12"/>
    </row>
    <row r="316404" spans="8:8">
      <c r="H316404" s="12"/>
    </row>
    <row r="316405" spans="8:8">
      <c r="H316405" s="12"/>
    </row>
    <row r="316406" spans="8:8">
      <c r="H316406" s="12"/>
    </row>
    <row r="316407" spans="8:8">
      <c r="H316407" s="12"/>
    </row>
    <row r="316408" spans="8:8">
      <c r="H316408" s="12"/>
    </row>
    <row r="316409" spans="8:8">
      <c r="H316409" s="12"/>
    </row>
    <row r="316410" spans="8:8">
      <c r="H316410" s="12"/>
    </row>
    <row r="316411" spans="8:8">
      <c r="H316411" s="12"/>
    </row>
    <row r="316412" spans="8:8">
      <c r="H316412" s="12"/>
    </row>
    <row r="316413" spans="8:8">
      <c r="H316413" s="12"/>
    </row>
    <row r="316414" spans="8:8">
      <c r="H316414" s="12"/>
    </row>
    <row r="316415" spans="8:8">
      <c r="H316415" s="12"/>
    </row>
    <row r="316416" spans="8:8">
      <c r="H316416" s="12"/>
    </row>
    <row r="316417" spans="8:8">
      <c r="H316417" s="12"/>
    </row>
    <row r="316418" spans="8:8">
      <c r="H316418" s="12"/>
    </row>
    <row r="316419" spans="8:8">
      <c r="H316419" s="12"/>
    </row>
    <row r="316420" spans="8:8">
      <c r="H316420" s="12"/>
    </row>
    <row r="316421" spans="8:8">
      <c r="H316421" s="12"/>
    </row>
    <row r="316422" spans="8:8">
      <c r="H316422" s="12"/>
    </row>
    <row r="316423" spans="8:8">
      <c r="H316423" s="12"/>
    </row>
    <row r="316424" spans="8:8">
      <c r="H316424" s="12"/>
    </row>
    <row r="316425" spans="8:8">
      <c r="H316425" s="12"/>
    </row>
    <row r="316426" spans="8:8">
      <c r="H316426" s="12"/>
    </row>
    <row r="316427" spans="8:8">
      <c r="H316427" s="12"/>
    </row>
    <row r="316428" spans="8:8">
      <c r="H316428" s="12"/>
    </row>
    <row r="316429" spans="8:8">
      <c r="H316429" s="12"/>
    </row>
    <row r="316430" spans="8:8">
      <c r="H316430" s="12"/>
    </row>
    <row r="316431" spans="8:8">
      <c r="H316431" s="12"/>
    </row>
    <row r="316432" spans="8:8">
      <c r="H316432" s="12"/>
    </row>
    <row r="316433" spans="8:8">
      <c r="H316433" s="12"/>
    </row>
    <row r="316434" spans="8:8">
      <c r="H316434" s="12"/>
    </row>
    <row r="316435" spans="8:8">
      <c r="H316435" s="12"/>
    </row>
    <row r="316436" spans="8:8">
      <c r="H316436" s="12"/>
    </row>
    <row r="316437" spans="8:8">
      <c r="H316437" s="12"/>
    </row>
    <row r="316438" spans="8:8">
      <c r="H316438" s="12"/>
    </row>
    <row r="316439" spans="8:8">
      <c r="H316439" s="12"/>
    </row>
    <row r="316440" spans="8:8">
      <c r="H316440" s="12"/>
    </row>
    <row r="316441" spans="8:8">
      <c r="H316441" s="12"/>
    </row>
    <row r="316442" spans="8:8">
      <c r="H316442" s="12"/>
    </row>
    <row r="316443" spans="8:8">
      <c r="H316443" s="12"/>
    </row>
    <row r="316444" spans="8:8">
      <c r="H316444" s="12"/>
    </row>
    <row r="316445" spans="8:8">
      <c r="H316445" s="12"/>
    </row>
    <row r="316446" spans="8:8">
      <c r="H316446" s="12"/>
    </row>
    <row r="316447" spans="8:8">
      <c r="H316447" s="12"/>
    </row>
    <row r="316448" spans="8:8">
      <c r="H316448" s="12"/>
    </row>
    <row r="316449" spans="8:8">
      <c r="H316449" s="12"/>
    </row>
    <row r="316450" spans="8:8">
      <c r="H316450" s="12"/>
    </row>
    <row r="316451" spans="8:8">
      <c r="H316451" s="12"/>
    </row>
    <row r="316452" spans="8:8">
      <c r="H316452" s="12"/>
    </row>
    <row r="316453" spans="8:8">
      <c r="H316453" s="12"/>
    </row>
    <row r="316454" spans="8:8">
      <c r="H316454" s="12"/>
    </row>
    <row r="316455" spans="8:8">
      <c r="H316455" s="12"/>
    </row>
    <row r="316456" spans="8:8">
      <c r="H316456" s="12"/>
    </row>
    <row r="316457" spans="8:8">
      <c r="H316457" s="12"/>
    </row>
    <row r="316458" spans="8:8">
      <c r="H316458" s="12"/>
    </row>
    <row r="316459" spans="8:8">
      <c r="H316459" s="12"/>
    </row>
    <row r="316460" spans="8:8">
      <c r="H316460" s="12"/>
    </row>
    <row r="316461" spans="8:8">
      <c r="H316461" s="12"/>
    </row>
    <row r="316462" spans="8:8">
      <c r="H316462" s="12"/>
    </row>
    <row r="316463" spans="8:8">
      <c r="H316463" s="12"/>
    </row>
    <row r="316464" spans="8:8">
      <c r="H316464" s="12"/>
    </row>
    <row r="316465" spans="8:8">
      <c r="H316465" s="12"/>
    </row>
    <row r="316466" spans="8:8">
      <c r="H316466" s="12"/>
    </row>
    <row r="316467" spans="8:8">
      <c r="H316467" s="12"/>
    </row>
    <row r="316468" spans="8:8">
      <c r="H316468" s="12"/>
    </row>
    <row r="316469" spans="8:8">
      <c r="H316469" s="12"/>
    </row>
    <row r="316470" spans="8:8">
      <c r="H316470" s="12"/>
    </row>
    <row r="316471" spans="8:8">
      <c r="H316471" s="12"/>
    </row>
    <row r="316472" spans="8:8">
      <c r="H316472" s="12"/>
    </row>
    <row r="316473" spans="8:8">
      <c r="H316473" s="12"/>
    </row>
    <row r="316474" spans="8:8">
      <c r="H316474" s="12"/>
    </row>
    <row r="316475" spans="8:8">
      <c r="H316475" s="12"/>
    </row>
    <row r="316476" spans="8:8">
      <c r="H316476" s="12"/>
    </row>
    <row r="316477" spans="8:8">
      <c r="H316477" s="12"/>
    </row>
    <row r="316478" spans="8:8">
      <c r="H316478" s="12"/>
    </row>
    <row r="316479" spans="8:8">
      <c r="H316479" s="12"/>
    </row>
    <row r="316480" spans="8:8">
      <c r="H316480" s="12"/>
    </row>
    <row r="316481" spans="8:8">
      <c r="H316481" s="12"/>
    </row>
    <row r="316482" spans="8:8">
      <c r="H316482" s="12"/>
    </row>
    <row r="316483" spans="8:8">
      <c r="H316483" s="12"/>
    </row>
    <row r="316484" spans="8:8">
      <c r="H316484" s="12"/>
    </row>
    <row r="316485" spans="8:8">
      <c r="H316485" s="12"/>
    </row>
    <row r="316486" spans="8:8">
      <c r="H316486" s="12"/>
    </row>
    <row r="316487" spans="8:8">
      <c r="H316487" s="12"/>
    </row>
    <row r="316488" spans="8:8">
      <c r="H316488" s="12"/>
    </row>
    <row r="316489" spans="8:8">
      <c r="H316489" s="12"/>
    </row>
    <row r="316490" spans="8:8">
      <c r="H316490" s="12"/>
    </row>
    <row r="316491" spans="8:8">
      <c r="H316491" s="12"/>
    </row>
    <row r="316492" spans="8:8">
      <c r="H316492" s="12"/>
    </row>
    <row r="316493" spans="8:8">
      <c r="H316493" s="12"/>
    </row>
    <row r="316494" spans="8:8">
      <c r="H316494" s="12"/>
    </row>
    <row r="316495" spans="8:8">
      <c r="H316495" s="12"/>
    </row>
    <row r="316496" spans="8:8">
      <c r="H316496" s="12"/>
    </row>
    <row r="316497" spans="8:8">
      <c r="H316497" s="12"/>
    </row>
    <row r="316498" spans="8:8">
      <c r="H316498" s="12"/>
    </row>
    <row r="316499" spans="8:8">
      <c r="H316499" s="12"/>
    </row>
    <row r="316500" spans="8:8">
      <c r="H316500" s="12"/>
    </row>
    <row r="316501" spans="8:8">
      <c r="H316501" s="12"/>
    </row>
    <row r="316502" spans="8:8">
      <c r="H316502" s="12"/>
    </row>
    <row r="316503" spans="8:8">
      <c r="H316503" s="12"/>
    </row>
    <row r="316504" spans="8:8">
      <c r="H316504" s="12"/>
    </row>
    <row r="316505" spans="8:8">
      <c r="H316505" s="12"/>
    </row>
    <row r="316506" spans="8:8">
      <c r="H316506" s="12"/>
    </row>
    <row r="316507" spans="8:8">
      <c r="H316507" s="12"/>
    </row>
    <row r="316508" spans="8:8">
      <c r="H316508" s="12"/>
    </row>
    <row r="316509" spans="8:8">
      <c r="H316509" s="12"/>
    </row>
    <row r="316510" spans="8:8">
      <c r="H316510" s="12"/>
    </row>
    <row r="316511" spans="8:8">
      <c r="H316511" s="12"/>
    </row>
    <row r="316512" spans="8:8">
      <c r="H316512" s="12"/>
    </row>
    <row r="316513" spans="8:8">
      <c r="H316513" s="12"/>
    </row>
    <row r="316514" spans="8:8">
      <c r="H316514" s="12"/>
    </row>
    <row r="316515" spans="8:8">
      <c r="H316515" s="12"/>
    </row>
    <row r="316516" spans="8:8">
      <c r="H316516" s="12"/>
    </row>
    <row r="316517" spans="8:8">
      <c r="H316517" s="12"/>
    </row>
    <row r="316518" spans="8:8">
      <c r="H316518" s="12"/>
    </row>
    <row r="316519" spans="8:8">
      <c r="H316519" s="12"/>
    </row>
    <row r="316520" spans="8:8">
      <c r="H316520" s="12"/>
    </row>
    <row r="316521" spans="8:8">
      <c r="H316521" s="12"/>
    </row>
    <row r="316522" spans="8:8">
      <c r="H316522" s="12"/>
    </row>
    <row r="316523" spans="8:8">
      <c r="H316523" s="12"/>
    </row>
    <row r="316524" spans="8:8">
      <c r="H316524" s="12"/>
    </row>
    <row r="316525" spans="8:8">
      <c r="H316525" s="12"/>
    </row>
    <row r="316526" spans="8:8">
      <c r="H316526" s="12"/>
    </row>
    <row r="316527" spans="8:8">
      <c r="H316527" s="12"/>
    </row>
    <row r="316528" spans="8:8">
      <c r="H316528" s="12"/>
    </row>
    <row r="316529" spans="8:8">
      <c r="H316529" s="12"/>
    </row>
    <row r="316530" spans="8:8">
      <c r="H316530" s="12"/>
    </row>
    <row r="316531" spans="8:8">
      <c r="H316531" s="12"/>
    </row>
    <row r="316532" spans="8:8">
      <c r="H316532" s="12"/>
    </row>
    <row r="316533" spans="8:8">
      <c r="H316533" s="12"/>
    </row>
    <row r="316534" spans="8:8">
      <c r="H316534" s="12"/>
    </row>
    <row r="316535" spans="8:8">
      <c r="H316535" s="12"/>
    </row>
    <row r="316536" spans="8:8">
      <c r="H316536" s="12"/>
    </row>
    <row r="316537" spans="8:8">
      <c r="H316537" s="12"/>
    </row>
    <row r="316538" spans="8:8">
      <c r="H316538" s="12"/>
    </row>
    <row r="316539" spans="8:8">
      <c r="H316539" s="12"/>
    </row>
    <row r="316540" spans="8:8">
      <c r="H316540" s="12"/>
    </row>
    <row r="316541" spans="8:8">
      <c r="H316541" s="12"/>
    </row>
    <row r="316542" spans="8:8">
      <c r="H316542" s="12"/>
    </row>
    <row r="316543" spans="8:8">
      <c r="H316543" s="12"/>
    </row>
    <row r="316544" spans="8:8">
      <c r="H316544" s="12"/>
    </row>
    <row r="316545" spans="8:8">
      <c r="H316545" s="12"/>
    </row>
    <row r="316546" spans="8:8">
      <c r="H316546" s="12"/>
    </row>
    <row r="316547" spans="8:8">
      <c r="H316547" s="12"/>
    </row>
    <row r="316548" spans="8:8">
      <c r="H316548" s="12"/>
    </row>
    <row r="316549" spans="8:8">
      <c r="H316549" s="12"/>
    </row>
    <row r="316550" spans="8:8">
      <c r="H316550" s="12"/>
    </row>
    <row r="316551" spans="8:8">
      <c r="H316551" s="12"/>
    </row>
    <row r="316552" spans="8:8">
      <c r="H316552" s="12"/>
    </row>
    <row r="316553" spans="8:8">
      <c r="H316553" s="12"/>
    </row>
    <row r="316554" spans="8:8">
      <c r="H316554" s="12"/>
    </row>
    <row r="316555" spans="8:8">
      <c r="H316555" s="12"/>
    </row>
    <row r="316556" spans="8:8">
      <c r="H316556" s="12"/>
    </row>
    <row r="316557" spans="8:8">
      <c r="H316557" s="12"/>
    </row>
    <row r="316558" spans="8:8">
      <c r="H316558" s="12"/>
    </row>
    <row r="316559" spans="8:8">
      <c r="H316559" s="12"/>
    </row>
    <row r="316560" spans="8:8">
      <c r="H316560" s="12"/>
    </row>
    <row r="316561" spans="8:8">
      <c r="H316561" s="12"/>
    </row>
    <row r="316562" spans="8:8">
      <c r="H316562" s="12"/>
    </row>
    <row r="316563" spans="8:8">
      <c r="H316563" s="12"/>
    </row>
    <row r="316564" spans="8:8">
      <c r="H316564" s="12"/>
    </row>
    <row r="316565" spans="8:8">
      <c r="H316565" s="12"/>
    </row>
    <row r="316566" spans="8:8">
      <c r="H316566" s="12"/>
    </row>
    <row r="316567" spans="8:8">
      <c r="H316567" s="12"/>
    </row>
    <row r="316568" spans="8:8">
      <c r="H316568" s="12"/>
    </row>
    <row r="316569" spans="8:8">
      <c r="H316569" s="12"/>
    </row>
    <row r="316570" spans="8:8">
      <c r="H316570" s="12"/>
    </row>
    <row r="316571" spans="8:8">
      <c r="H316571" s="12"/>
    </row>
    <row r="316572" spans="8:8">
      <c r="H316572" s="12"/>
    </row>
    <row r="316573" spans="8:8">
      <c r="H316573" s="12"/>
    </row>
    <row r="316574" spans="8:8">
      <c r="H316574" s="12"/>
    </row>
    <row r="316575" spans="8:8">
      <c r="H316575" s="12"/>
    </row>
    <row r="316576" spans="8:8">
      <c r="H316576" s="12"/>
    </row>
    <row r="316577" spans="8:8">
      <c r="H316577" s="12"/>
    </row>
    <row r="316578" spans="8:8">
      <c r="H316578" s="12"/>
    </row>
    <row r="316579" spans="8:8">
      <c r="H316579" s="12"/>
    </row>
    <row r="316580" spans="8:8">
      <c r="H316580" s="12"/>
    </row>
    <row r="316581" spans="8:8">
      <c r="H316581" s="12"/>
    </row>
    <row r="316582" spans="8:8">
      <c r="H316582" s="12"/>
    </row>
    <row r="316583" spans="8:8">
      <c r="H316583" s="12"/>
    </row>
    <row r="316584" spans="8:8">
      <c r="H316584" s="12"/>
    </row>
    <row r="316585" spans="8:8">
      <c r="H316585" s="12"/>
    </row>
    <row r="316586" spans="8:8">
      <c r="H316586" s="12"/>
    </row>
    <row r="316587" spans="8:8">
      <c r="H316587" s="12"/>
    </row>
    <row r="316588" spans="8:8">
      <c r="H316588" s="12"/>
    </row>
    <row r="316589" spans="8:8">
      <c r="H316589" s="12"/>
    </row>
    <row r="316590" spans="8:8">
      <c r="H316590" s="12"/>
    </row>
    <row r="316591" spans="8:8">
      <c r="H316591" s="12"/>
    </row>
    <row r="316592" spans="8:8">
      <c r="H316592" s="12"/>
    </row>
    <row r="316593" spans="8:8">
      <c r="H316593" s="12"/>
    </row>
    <row r="316594" spans="8:8">
      <c r="H316594" s="12"/>
    </row>
    <row r="316595" spans="8:8">
      <c r="H316595" s="12"/>
    </row>
    <row r="316596" spans="8:8">
      <c r="H316596" s="12"/>
    </row>
    <row r="316597" spans="8:8">
      <c r="H316597" s="12"/>
    </row>
    <row r="316598" spans="8:8">
      <c r="H316598" s="12"/>
    </row>
    <row r="316599" spans="8:8">
      <c r="H316599" s="12"/>
    </row>
    <row r="316600" spans="8:8">
      <c r="H316600" s="12"/>
    </row>
    <row r="316601" spans="8:8">
      <c r="H316601" s="12"/>
    </row>
    <row r="316602" spans="8:8">
      <c r="H316602" s="12"/>
    </row>
    <row r="316603" spans="8:8">
      <c r="H316603" s="12"/>
    </row>
    <row r="316604" spans="8:8">
      <c r="H316604" s="12"/>
    </row>
    <row r="316605" spans="8:8">
      <c r="H316605" s="12"/>
    </row>
    <row r="316606" spans="8:8">
      <c r="H316606" s="12"/>
    </row>
    <row r="316607" spans="8:8">
      <c r="H316607" s="12"/>
    </row>
    <row r="316608" spans="8:8">
      <c r="H316608" s="12"/>
    </row>
    <row r="316609" spans="8:8">
      <c r="H316609" s="12"/>
    </row>
    <row r="316610" spans="8:8">
      <c r="H316610" s="12"/>
    </row>
    <row r="316611" spans="8:8">
      <c r="H316611" s="12"/>
    </row>
    <row r="316612" spans="8:8">
      <c r="H316612" s="12"/>
    </row>
    <row r="316613" spans="8:8">
      <c r="H316613" s="12"/>
    </row>
    <row r="316614" spans="8:8">
      <c r="H316614" s="12"/>
    </row>
    <row r="316615" spans="8:8">
      <c r="H316615" s="12"/>
    </row>
    <row r="316616" spans="8:8">
      <c r="H316616" s="12"/>
    </row>
    <row r="316617" spans="8:8">
      <c r="H316617" s="12"/>
    </row>
    <row r="316618" spans="8:8">
      <c r="H316618" s="12"/>
    </row>
    <row r="316619" spans="8:8">
      <c r="H316619" s="12"/>
    </row>
    <row r="316620" spans="8:8">
      <c r="H316620" s="12"/>
    </row>
    <row r="316621" spans="8:8">
      <c r="H316621" s="12"/>
    </row>
    <row r="316622" spans="8:8">
      <c r="H316622" s="12"/>
    </row>
    <row r="316623" spans="8:8">
      <c r="H316623" s="12"/>
    </row>
    <row r="316624" spans="8:8">
      <c r="H316624" s="12"/>
    </row>
    <row r="316625" spans="8:8">
      <c r="H316625" s="12"/>
    </row>
    <row r="316626" spans="8:8">
      <c r="H316626" s="12"/>
    </row>
    <row r="316627" spans="8:8">
      <c r="H316627" s="12"/>
    </row>
    <row r="316628" spans="8:8">
      <c r="H316628" s="12"/>
    </row>
    <row r="316629" spans="8:8">
      <c r="H316629" s="12"/>
    </row>
    <row r="316630" spans="8:8">
      <c r="H316630" s="12"/>
    </row>
    <row r="316631" spans="8:8">
      <c r="H316631" s="12"/>
    </row>
    <row r="316632" spans="8:8">
      <c r="H316632" s="12"/>
    </row>
    <row r="316633" spans="8:8">
      <c r="H316633" s="12"/>
    </row>
    <row r="316634" spans="8:8">
      <c r="H316634" s="12"/>
    </row>
    <row r="316635" spans="8:8">
      <c r="H316635" s="12"/>
    </row>
    <row r="316636" spans="8:8">
      <c r="H316636" s="12"/>
    </row>
    <row r="316637" spans="8:8">
      <c r="H316637" s="12"/>
    </row>
    <row r="316638" spans="8:8">
      <c r="H316638" s="12"/>
    </row>
    <row r="316639" spans="8:8">
      <c r="H316639" s="12"/>
    </row>
    <row r="316640" spans="8:8">
      <c r="H316640" s="12"/>
    </row>
    <row r="316641" spans="8:8">
      <c r="H316641" s="12"/>
    </row>
    <row r="316642" spans="8:8">
      <c r="H316642" s="12"/>
    </row>
    <row r="316643" spans="8:8">
      <c r="H316643" s="12"/>
    </row>
    <row r="316644" spans="8:8">
      <c r="H316644" s="12"/>
    </row>
    <row r="316645" spans="8:8">
      <c r="H316645" s="12"/>
    </row>
    <row r="316646" spans="8:8">
      <c r="H316646" s="12"/>
    </row>
    <row r="316647" spans="8:8">
      <c r="H316647" s="12"/>
    </row>
    <row r="316648" spans="8:8">
      <c r="H316648" s="12"/>
    </row>
    <row r="316649" spans="8:8">
      <c r="H316649" s="12"/>
    </row>
    <row r="316650" spans="8:8">
      <c r="H316650" s="12"/>
    </row>
    <row r="316651" spans="8:8">
      <c r="H316651" s="12"/>
    </row>
    <row r="316652" spans="8:8">
      <c r="H316652" s="12"/>
    </row>
    <row r="316653" spans="8:8">
      <c r="H316653" s="12"/>
    </row>
    <row r="316654" spans="8:8">
      <c r="H316654" s="12"/>
    </row>
    <row r="316655" spans="8:8">
      <c r="H316655" s="12"/>
    </row>
    <row r="316656" spans="8:8">
      <c r="H316656" s="12"/>
    </row>
    <row r="316657" spans="8:8">
      <c r="H316657" s="12"/>
    </row>
    <row r="316658" spans="8:8">
      <c r="H316658" s="12"/>
    </row>
    <row r="316659" spans="8:8">
      <c r="H316659" s="12"/>
    </row>
    <row r="316660" spans="8:8">
      <c r="H316660" s="12"/>
    </row>
    <row r="316661" spans="8:8">
      <c r="H316661" s="12"/>
    </row>
    <row r="316662" spans="8:8">
      <c r="H316662" s="12"/>
    </row>
    <row r="316663" spans="8:8">
      <c r="H316663" s="12"/>
    </row>
    <row r="316664" spans="8:8">
      <c r="H316664" s="12"/>
    </row>
    <row r="316665" spans="8:8">
      <c r="H316665" s="12"/>
    </row>
    <row r="316666" spans="8:8">
      <c r="H316666" s="12"/>
    </row>
    <row r="316667" spans="8:8">
      <c r="H316667" s="12"/>
    </row>
    <row r="316668" spans="8:8">
      <c r="H316668" s="12"/>
    </row>
    <row r="316669" spans="8:8">
      <c r="H316669" s="12"/>
    </row>
    <row r="316670" spans="8:8">
      <c r="H316670" s="12"/>
    </row>
    <row r="316671" spans="8:8">
      <c r="H316671" s="12"/>
    </row>
    <row r="316672" spans="8:8">
      <c r="H316672" s="12"/>
    </row>
    <row r="316673" spans="8:8">
      <c r="H316673" s="12"/>
    </row>
    <row r="316674" spans="8:8">
      <c r="H316674" s="12"/>
    </row>
    <row r="316675" spans="8:8">
      <c r="H316675" s="12"/>
    </row>
    <row r="316676" spans="8:8">
      <c r="H316676" s="12"/>
    </row>
    <row r="316677" spans="8:8">
      <c r="H316677" s="12"/>
    </row>
    <row r="316678" spans="8:8">
      <c r="H316678" s="12"/>
    </row>
    <row r="316679" spans="8:8">
      <c r="H316679" s="12"/>
    </row>
    <row r="316680" spans="8:8">
      <c r="H316680" s="12"/>
    </row>
    <row r="316681" spans="8:8">
      <c r="H316681" s="12"/>
    </row>
    <row r="316682" spans="8:8">
      <c r="H316682" s="12"/>
    </row>
    <row r="316683" spans="8:8">
      <c r="H316683" s="12"/>
    </row>
    <row r="316684" spans="8:8">
      <c r="H316684" s="12"/>
    </row>
    <row r="316685" spans="8:8">
      <c r="H316685" s="12"/>
    </row>
    <row r="316686" spans="8:8">
      <c r="H316686" s="12"/>
    </row>
    <row r="316687" spans="8:8">
      <c r="H316687" s="12"/>
    </row>
    <row r="316688" spans="8:8">
      <c r="H316688" s="12"/>
    </row>
    <row r="316689" spans="8:8">
      <c r="H316689" s="12"/>
    </row>
    <row r="316690" spans="8:8">
      <c r="H316690" s="12"/>
    </row>
    <row r="316691" spans="8:8">
      <c r="H316691" s="12"/>
    </row>
    <row r="316692" spans="8:8">
      <c r="H316692" s="12"/>
    </row>
    <row r="316693" spans="8:8">
      <c r="H316693" s="12"/>
    </row>
    <row r="316694" spans="8:8">
      <c r="H316694" s="12"/>
    </row>
    <row r="316695" spans="8:8">
      <c r="H316695" s="12"/>
    </row>
    <row r="316696" spans="8:8">
      <c r="H316696" s="12"/>
    </row>
    <row r="316697" spans="8:8">
      <c r="H316697" s="12"/>
    </row>
    <row r="316698" spans="8:8">
      <c r="H316698" s="12"/>
    </row>
    <row r="316699" spans="8:8">
      <c r="H316699" s="12"/>
    </row>
    <row r="316700" spans="8:8">
      <c r="H316700" s="12"/>
    </row>
    <row r="316701" spans="8:8">
      <c r="H316701" s="12"/>
    </row>
    <row r="316702" spans="8:8">
      <c r="H316702" s="12"/>
    </row>
    <row r="316703" spans="8:8">
      <c r="H316703" s="12"/>
    </row>
    <row r="316704" spans="8:8">
      <c r="H316704" s="12"/>
    </row>
    <row r="316705" spans="8:8">
      <c r="H316705" s="12"/>
    </row>
    <row r="316706" spans="8:8">
      <c r="H316706" s="12"/>
    </row>
    <row r="316707" spans="8:8">
      <c r="H316707" s="12"/>
    </row>
    <row r="316708" spans="8:8">
      <c r="H316708" s="12"/>
    </row>
    <row r="316709" spans="8:8">
      <c r="H316709" s="12"/>
    </row>
    <row r="316710" spans="8:8">
      <c r="H316710" s="12"/>
    </row>
    <row r="316711" spans="8:8">
      <c r="H316711" s="12"/>
    </row>
    <row r="316712" spans="8:8">
      <c r="H316712" s="12"/>
    </row>
    <row r="316713" spans="8:8">
      <c r="H316713" s="12"/>
    </row>
    <row r="316714" spans="8:8">
      <c r="H316714" s="12"/>
    </row>
    <row r="316715" spans="8:8">
      <c r="H316715" s="12"/>
    </row>
    <row r="316716" spans="8:8">
      <c r="H316716" s="12"/>
    </row>
    <row r="316717" spans="8:8">
      <c r="H316717" s="12"/>
    </row>
    <row r="316718" spans="8:8">
      <c r="H316718" s="12"/>
    </row>
    <row r="316719" spans="8:8">
      <c r="H316719" s="12"/>
    </row>
    <row r="316720" spans="8:8">
      <c r="H316720" s="12"/>
    </row>
    <row r="316721" spans="8:8">
      <c r="H316721" s="12"/>
    </row>
    <row r="316722" spans="8:8">
      <c r="H316722" s="12"/>
    </row>
    <row r="316723" spans="8:8">
      <c r="H316723" s="12"/>
    </row>
    <row r="316724" spans="8:8">
      <c r="H316724" s="12"/>
    </row>
    <row r="316725" spans="8:8">
      <c r="H316725" s="12"/>
    </row>
    <row r="316726" spans="8:8">
      <c r="H316726" s="12"/>
    </row>
    <row r="316727" spans="8:8">
      <c r="H316727" s="12"/>
    </row>
    <row r="316728" spans="8:8">
      <c r="H316728" s="12"/>
    </row>
    <row r="316729" spans="8:8">
      <c r="H316729" s="12"/>
    </row>
    <row r="316730" spans="8:8">
      <c r="H316730" s="12"/>
    </row>
    <row r="316731" spans="8:8">
      <c r="H316731" s="12"/>
    </row>
    <row r="316732" spans="8:8">
      <c r="H316732" s="12"/>
    </row>
    <row r="316733" spans="8:8">
      <c r="H316733" s="12"/>
    </row>
    <row r="316734" spans="8:8">
      <c r="H316734" s="12"/>
    </row>
    <row r="316735" spans="8:8">
      <c r="H316735" s="12"/>
    </row>
    <row r="316736" spans="8:8">
      <c r="H316736" s="12"/>
    </row>
    <row r="316737" spans="8:8">
      <c r="H316737" s="12"/>
    </row>
    <row r="316738" spans="8:8">
      <c r="H316738" s="12"/>
    </row>
    <row r="316739" spans="8:8">
      <c r="H316739" s="12"/>
    </row>
    <row r="316740" spans="8:8">
      <c r="H316740" s="12"/>
    </row>
    <row r="316741" spans="8:8">
      <c r="H316741" s="12"/>
    </row>
    <row r="316742" spans="8:8">
      <c r="H316742" s="12"/>
    </row>
    <row r="316743" spans="8:8">
      <c r="H316743" s="12"/>
    </row>
    <row r="316744" spans="8:8">
      <c r="H316744" s="12"/>
    </row>
    <row r="316745" spans="8:8">
      <c r="H316745" s="12"/>
    </row>
    <row r="316746" spans="8:8">
      <c r="H316746" s="12"/>
    </row>
    <row r="316747" spans="8:8">
      <c r="H316747" s="12"/>
    </row>
    <row r="316748" spans="8:8">
      <c r="H316748" s="12"/>
    </row>
    <row r="316749" spans="8:8">
      <c r="H316749" s="12"/>
    </row>
    <row r="316750" spans="8:8">
      <c r="H316750" s="12"/>
    </row>
    <row r="316751" spans="8:8">
      <c r="H316751" s="12"/>
    </row>
    <row r="316752" spans="8:8">
      <c r="H316752" s="12"/>
    </row>
    <row r="316753" spans="8:8">
      <c r="H316753" s="12"/>
    </row>
    <row r="316754" spans="8:8">
      <c r="H316754" s="12"/>
    </row>
    <row r="316755" spans="8:8">
      <c r="H316755" s="12"/>
    </row>
    <row r="316756" spans="8:8">
      <c r="H316756" s="12"/>
    </row>
    <row r="316757" spans="8:8">
      <c r="H316757" s="12"/>
    </row>
    <row r="316758" spans="8:8">
      <c r="H316758" s="12"/>
    </row>
    <row r="316759" spans="8:8">
      <c r="H316759" s="12"/>
    </row>
    <row r="316760" spans="8:8">
      <c r="H316760" s="12"/>
    </row>
    <row r="316761" spans="8:8">
      <c r="H316761" s="12"/>
    </row>
    <row r="316762" spans="8:8">
      <c r="H316762" s="12"/>
    </row>
    <row r="316763" spans="8:8">
      <c r="H316763" s="12"/>
    </row>
    <row r="316764" spans="8:8">
      <c r="H316764" s="12"/>
    </row>
    <row r="316765" spans="8:8">
      <c r="H316765" s="12"/>
    </row>
    <row r="316766" spans="8:8">
      <c r="H316766" s="12"/>
    </row>
    <row r="316767" spans="8:8">
      <c r="H316767" s="12"/>
    </row>
    <row r="316768" spans="8:8">
      <c r="H316768" s="12"/>
    </row>
    <row r="316769" spans="8:8">
      <c r="H316769" s="12"/>
    </row>
    <row r="316770" spans="8:8">
      <c r="H316770" s="12"/>
    </row>
    <row r="316771" spans="8:8">
      <c r="H316771" s="12"/>
    </row>
    <row r="316772" spans="8:8">
      <c r="H316772" s="12"/>
    </row>
    <row r="316773" spans="8:8">
      <c r="H316773" s="12"/>
    </row>
    <row r="316774" spans="8:8">
      <c r="H316774" s="12"/>
    </row>
    <row r="316775" spans="8:8">
      <c r="H316775" s="12"/>
    </row>
    <row r="316776" spans="8:8">
      <c r="H316776" s="12"/>
    </row>
    <row r="316777" spans="8:8">
      <c r="H316777" s="12"/>
    </row>
    <row r="316778" spans="8:8">
      <c r="H316778" s="12"/>
    </row>
    <row r="316779" spans="8:8">
      <c r="H316779" s="12"/>
    </row>
    <row r="316780" spans="8:8">
      <c r="H316780" s="12"/>
    </row>
    <row r="316781" spans="8:8">
      <c r="H316781" s="12"/>
    </row>
    <row r="316782" spans="8:8">
      <c r="H316782" s="12"/>
    </row>
    <row r="316783" spans="8:8">
      <c r="H316783" s="12"/>
    </row>
    <row r="316784" spans="8:8">
      <c r="H316784" s="12"/>
    </row>
    <row r="316785" spans="8:8">
      <c r="H316785" s="12"/>
    </row>
    <row r="316786" spans="8:8">
      <c r="H316786" s="12"/>
    </row>
    <row r="316787" spans="8:8">
      <c r="H316787" s="12"/>
    </row>
    <row r="316788" spans="8:8">
      <c r="H316788" s="12"/>
    </row>
    <row r="316789" spans="8:8">
      <c r="H316789" s="12"/>
    </row>
    <row r="316790" spans="8:8">
      <c r="H316790" s="12"/>
    </row>
    <row r="316791" spans="8:8">
      <c r="H316791" s="12"/>
    </row>
    <row r="316792" spans="8:8">
      <c r="H316792" s="12"/>
    </row>
    <row r="316793" spans="8:8">
      <c r="H316793" s="12"/>
    </row>
    <row r="316794" spans="8:8">
      <c r="H316794" s="12"/>
    </row>
    <row r="316795" spans="8:8">
      <c r="H316795" s="12"/>
    </row>
    <row r="316796" spans="8:8">
      <c r="H316796" s="12"/>
    </row>
    <row r="316797" spans="8:8">
      <c r="H316797" s="12"/>
    </row>
    <row r="316798" spans="8:8">
      <c r="H316798" s="12"/>
    </row>
    <row r="316799" spans="8:8">
      <c r="H316799" s="12"/>
    </row>
    <row r="316800" spans="8:8">
      <c r="H316800" s="12"/>
    </row>
    <row r="316801" spans="8:8">
      <c r="H316801" s="12"/>
    </row>
    <row r="316802" spans="8:8">
      <c r="H316802" s="12"/>
    </row>
    <row r="316803" spans="8:8">
      <c r="H316803" s="12"/>
    </row>
    <row r="316804" spans="8:8">
      <c r="H316804" s="12"/>
    </row>
    <row r="316805" spans="8:8">
      <c r="H316805" s="12"/>
    </row>
    <row r="316806" spans="8:8">
      <c r="H316806" s="12"/>
    </row>
    <row r="316807" spans="8:8">
      <c r="H316807" s="12"/>
    </row>
    <row r="316808" spans="8:8">
      <c r="H316808" s="12"/>
    </row>
    <row r="316809" spans="8:8">
      <c r="H316809" s="12"/>
    </row>
    <row r="316810" spans="8:8">
      <c r="H316810" s="12"/>
    </row>
    <row r="316811" spans="8:8">
      <c r="H316811" s="12"/>
    </row>
    <row r="316812" spans="8:8">
      <c r="H316812" s="12"/>
    </row>
    <row r="316813" spans="8:8">
      <c r="H316813" s="12"/>
    </row>
    <row r="316814" spans="8:8">
      <c r="H316814" s="12"/>
    </row>
    <row r="316815" spans="8:8">
      <c r="H316815" s="12"/>
    </row>
    <row r="316816" spans="8:8">
      <c r="H316816" s="12"/>
    </row>
    <row r="316817" spans="8:8">
      <c r="H316817" s="12"/>
    </row>
    <row r="316818" spans="8:8">
      <c r="H316818" s="12"/>
    </row>
    <row r="316819" spans="8:8">
      <c r="H316819" s="12"/>
    </row>
    <row r="316820" spans="8:8">
      <c r="H316820" s="12"/>
    </row>
    <row r="316821" spans="8:8">
      <c r="H316821" s="12"/>
    </row>
    <row r="316822" spans="8:8">
      <c r="H316822" s="12"/>
    </row>
    <row r="316823" spans="8:8">
      <c r="H316823" s="12"/>
    </row>
    <row r="316824" spans="8:8">
      <c r="H316824" s="12"/>
    </row>
    <row r="316825" spans="8:8">
      <c r="H316825" s="12"/>
    </row>
    <row r="316826" spans="8:8">
      <c r="H316826" s="12"/>
    </row>
    <row r="316827" spans="8:8">
      <c r="H316827" s="12"/>
    </row>
    <row r="316828" spans="8:8">
      <c r="H316828" s="12"/>
    </row>
    <row r="316829" spans="8:8">
      <c r="H316829" s="12"/>
    </row>
    <row r="316830" spans="8:8">
      <c r="H316830" s="12"/>
    </row>
    <row r="316831" spans="8:8">
      <c r="H316831" s="12"/>
    </row>
    <row r="316832" spans="8:8">
      <c r="H316832" s="12"/>
    </row>
    <row r="316833" spans="8:8">
      <c r="H316833" s="12"/>
    </row>
    <row r="316834" spans="8:8">
      <c r="H316834" s="12"/>
    </row>
    <row r="316835" spans="8:8">
      <c r="H316835" s="12"/>
    </row>
    <row r="316836" spans="8:8">
      <c r="H316836" s="12"/>
    </row>
    <row r="316837" spans="8:8">
      <c r="H316837" s="12"/>
    </row>
    <row r="316838" spans="8:8">
      <c r="H316838" s="12"/>
    </row>
    <row r="316839" spans="8:8">
      <c r="H316839" s="12"/>
    </row>
    <row r="316840" spans="8:8">
      <c r="H316840" s="12"/>
    </row>
    <row r="316841" spans="8:8">
      <c r="H316841" s="12"/>
    </row>
    <row r="316842" spans="8:8">
      <c r="H316842" s="12"/>
    </row>
    <row r="316843" spans="8:8">
      <c r="H316843" s="12"/>
    </row>
    <row r="316844" spans="8:8">
      <c r="H316844" s="12"/>
    </row>
    <row r="316845" spans="8:8">
      <c r="H316845" s="12"/>
    </row>
    <row r="316846" spans="8:8">
      <c r="H316846" s="12"/>
    </row>
    <row r="316847" spans="8:8">
      <c r="H316847" s="12"/>
    </row>
    <row r="316848" spans="8:8">
      <c r="H316848" s="12"/>
    </row>
    <row r="316849" spans="8:8">
      <c r="H316849" s="12"/>
    </row>
    <row r="316850" spans="8:8">
      <c r="H316850" s="12"/>
    </row>
    <row r="316851" spans="8:8">
      <c r="H316851" s="12"/>
    </row>
    <row r="316852" spans="8:8">
      <c r="H316852" s="12"/>
    </row>
    <row r="316853" spans="8:8">
      <c r="H316853" s="12"/>
    </row>
    <row r="316854" spans="8:8">
      <c r="H316854" s="12"/>
    </row>
    <row r="316855" spans="8:8">
      <c r="H316855" s="12"/>
    </row>
    <row r="316856" spans="8:8">
      <c r="H316856" s="12"/>
    </row>
    <row r="316857" spans="8:8">
      <c r="H316857" s="12"/>
    </row>
    <row r="316858" spans="8:8">
      <c r="H316858" s="12"/>
    </row>
    <row r="316859" spans="8:8">
      <c r="H316859" s="12"/>
    </row>
    <row r="316860" spans="8:8">
      <c r="H316860" s="12"/>
    </row>
    <row r="316861" spans="8:8">
      <c r="H316861" s="12"/>
    </row>
    <row r="316862" spans="8:8">
      <c r="H316862" s="12"/>
    </row>
    <row r="316863" spans="8:8">
      <c r="H316863" s="12"/>
    </row>
    <row r="316864" spans="8:8">
      <c r="H316864" s="12"/>
    </row>
    <row r="316865" spans="8:8">
      <c r="H316865" s="12"/>
    </row>
    <row r="316866" spans="8:8">
      <c r="H316866" s="12"/>
    </row>
    <row r="316867" spans="8:8">
      <c r="H316867" s="12"/>
    </row>
    <row r="316868" spans="8:8">
      <c r="H316868" s="12"/>
    </row>
    <row r="316869" spans="8:8">
      <c r="H316869" s="12"/>
    </row>
    <row r="316870" spans="8:8">
      <c r="H316870" s="12"/>
    </row>
    <row r="316871" spans="8:8">
      <c r="H316871" s="12"/>
    </row>
    <row r="316872" spans="8:8">
      <c r="H316872" s="12"/>
    </row>
    <row r="316873" spans="8:8">
      <c r="H316873" s="12"/>
    </row>
    <row r="316874" spans="8:8">
      <c r="H316874" s="12"/>
    </row>
    <row r="316875" spans="8:8">
      <c r="H316875" s="12"/>
    </row>
    <row r="316876" spans="8:8">
      <c r="H316876" s="12"/>
    </row>
    <row r="316877" spans="8:8">
      <c r="H316877" s="12"/>
    </row>
    <row r="316878" spans="8:8">
      <c r="H316878" s="12"/>
    </row>
    <row r="316879" spans="8:8">
      <c r="H316879" s="12"/>
    </row>
    <row r="316880" spans="8:8">
      <c r="H316880" s="12"/>
    </row>
    <row r="316881" spans="8:8">
      <c r="H316881" s="12"/>
    </row>
    <row r="316882" spans="8:8">
      <c r="H316882" s="12"/>
    </row>
    <row r="316883" spans="8:8">
      <c r="H316883" s="12"/>
    </row>
    <row r="316884" spans="8:8">
      <c r="H316884" s="12"/>
    </row>
    <row r="316885" spans="8:8">
      <c r="H316885" s="12"/>
    </row>
    <row r="316886" spans="8:8">
      <c r="H316886" s="12"/>
    </row>
    <row r="316887" spans="8:8">
      <c r="H316887" s="12"/>
    </row>
    <row r="316888" spans="8:8">
      <c r="H316888" s="12"/>
    </row>
    <row r="316889" spans="8:8">
      <c r="H316889" s="12"/>
    </row>
    <row r="316890" spans="8:8">
      <c r="H316890" s="12"/>
    </row>
    <row r="316891" spans="8:8">
      <c r="H316891" s="12"/>
    </row>
    <row r="316892" spans="8:8">
      <c r="H316892" s="12"/>
    </row>
    <row r="316893" spans="8:8">
      <c r="H316893" s="12"/>
    </row>
    <row r="316894" spans="8:8">
      <c r="H316894" s="12"/>
    </row>
    <row r="316895" spans="8:8">
      <c r="H316895" s="12"/>
    </row>
    <row r="316896" spans="8:8">
      <c r="H316896" s="12"/>
    </row>
    <row r="316897" spans="8:8">
      <c r="H316897" s="12"/>
    </row>
    <row r="316898" spans="8:8">
      <c r="H316898" s="12"/>
    </row>
    <row r="316899" spans="8:8">
      <c r="H316899" s="12"/>
    </row>
    <row r="316900" spans="8:8">
      <c r="H316900" s="12"/>
    </row>
    <row r="316901" spans="8:8">
      <c r="H316901" s="12"/>
    </row>
    <row r="316902" spans="8:8">
      <c r="H316902" s="12"/>
    </row>
    <row r="316903" spans="8:8">
      <c r="H316903" s="12"/>
    </row>
    <row r="316904" spans="8:8">
      <c r="H316904" s="12"/>
    </row>
    <row r="316905" spans="8:8">
      <c r="H316905" s="12"/>
    </row>
    <row r="316906" spans="8:8">
      <c r="H316906" s="12"/>
    </row>
    <row r="316907" spans="8:8">
      <c r="H316907" s="12"/>
    </row>
    <row r="316908" spans="8:8">
      <c r="H316908" s="12"/>
    </row>
    <row r="316909" spans="8:8">
      <c r="H316909" s="12"/>
    </row>
    <row r="316910" spans="8:8">
      <c r="H316910" s="12"/>
    </row>
    <row r="316911" spans="8:8">
      <c r="H316911" s="12"/>
    </row>
    <row r="316912" spans="8:8">
      <c r="H316912" s="12"/>
    </row>
    <row r="316913" spans="8:8">
      <c r="H316913" s="12"/>
    </row>
    <row r="316914" spans="8:8">
      <c r="H316914" s="12"/>
    </row>
    <row r="316915" spans="8:8">
      <c r="H316915" s="12"/>
    </row>
    <row r="316916" spans="8:8">
      <c r="H316916" s="12"/>
    </row>
    <row r="316917" spans="8:8">
      <c r="H316917" s="12"/>
    </row>
    <row r="316918" spans="8:8">
      <c r="H316918" s="12"/>
    </row>
    <row r="316919" spans="8:8">
      <c r="H316919" s="12"/>
    </row>
    <row r="316920" spans="8:8">
      <c r="H316920" s="12"/>
    </row>
    <row r="316921" spans="8:8">
      <c r="H316921" s="12"/>
    </row>
    <row r="316922" spans="8:8">
      <c r="H316922" s="12"/>
    </row>
    <row r="316923" spans="8:8">
      <c r="H316923" s="12"/>
    </row>
    <row r="316924" spans="8:8">
      <c r="H316924" s="12"/>
    </row>
    <row r="316925" spans="8:8">
      <c r="H316925" s="12"/>
    </row>
    <row r="316926" spans="8:8">
      <c r="H316926" s="12"/>
    </row>
    <row r="316927" spans="8:8">
      <c r="H316927" s="12"/>
    </row>
    <row r="316928" spans="8:8">
      <c r="H316928" s="12"/>
    </row>
    <row r="316929" spans="8:8">
      <c r="H316929" s="12"/>
    </row>
    <row r="316930" spans="8:8">
      <c r="H316930" s="12"/>
    </row>
    <row r="316931" spans="8:8">
      <c r="H316931" s="12"/>
    </row>
    <row r="316932" spans="8:8">
      <c r="H316932" s="12"/>
    </row>
    <row r="316933" spans="8:8">
      <c r="H316933" s="12"/>
    </row>
    <row r="316934" spans="8:8">
      <c r="H316934" s="12"/>
    </row>
    <row r="316935" spans="8:8">
      <c r="H316935" s="12"/>
    </row>
    <row r="316936" spans="8:8">
      <c r="H316936" s="12"/>
    </row>
    <row r="316937" spans="8:8">
      <c r="H316937" s="12"/>
    </row>
    <row r="316938" spans="8:8">
      <c r="H316938" s="12"/>
    </row>
    <row r="316939" spans="8:8">
      <c r="H316939" s="12"/>
    </row>
    <row r="316940" spans="8:8">
      <c r="H316940" s="12"/>
    </row>
    <row r="316941" spans="8:8">
      <c r="H316941" s="12"/>
    </row>
    <row r="316942" spans="8:8">
      <c r="H316942" s="12"/>
    </row>
    <row r="316943" spans="8:8">
      <c r="H316943" s="12"/>
    </row>
    <row r="316944" spans="8:8">
      <c r="H316944" s="12"/>
    </row>
    <row r="316945" spans="8:8">
      <c r="H316945" s="12"/>
    </row>
    <row r="316946" spans="8:8">
      <c r="H316946" s="12"/>
    </row>
    <row r="316947" spans="8:8">
      <c r="H316947" s="12"/>
    </row>
    <row r="316948" spans="8:8">
      <c r="H316948" s="12"/>
    </row>
    <row r="316949" spans="8:8">
      <c r="H316949" s="12"/>
    </row>
    <row r="316950" spans="8:8">
      <c r="H316950" s="12"/>
    </row>
    <row r="316951" spans="8:8">
      <c r="H316951" s="12"/>
    </row>
    <row r="316952" spans="8:8">
      <c r="H316952" s="12"/>
    </row>
    <row r="316953" spans="8:8">
      <c r="H316953" s="12"/>
    </row>
    <row r="316954" spans="8:8">
      <c r="H316954" s="12"/>
    </row>
    <row r="316955" spans="8:8">
      <c r="H316955" s="12"/>
    </row>
    <row r="316956" spans="8:8">
      <c r="H316956" s="12"/>
    </row>
    <row r="316957" spans="8:8">
      <c r="H316957" s="12"/>
    </row>
    <row r="316958" spans="8:8">
      <c r="H316958" s="12"/>
    </row>
    <row r="316959" spans="8:8">
      <c r="H316959" s="12"/>
    </row>
    <row r="316960" spans="8:8">
      <c r="H316960" s="12"/>
    </row>
    <row r="316961" spans="8:8">
      <c r="H316961" s="12"/>
    </row>
    <row r="316962" spans="8:8">
      <c r="H316962" s="12"/>
    </row>
    <row r="316963" spans="8:8">
      <c r="H316963" s="12"/>
    </row>
    <row r="316964" spans="8:8">
      <c r="H316964" s="12"/>
    </row>
    <row r="316965" spans="8:8">
      <c r="H316965" s="12"/>
    </row>
    <row r="316966" spans="8:8">
      <c r="H316966" s="12"/>
    </row>
    <row r="316967" spans="8:8">
      <c r="H316967" s="12"/>
    </row>
    <row r="316968" spans="8:8">
      <c r="H316968" s="12"/>
    </row>
    <row r="316969" spans="8:8">
      <c r="H316969" s="12"/>
    </row>
    <row r="316970" spans="8:8">
      <c r="H316970" s="12"/>
    </row>
    <row r="316971" spans="8:8">
      <c r="H316971" s="12"/>
    </row>
    <row r="316972" spans="8:8">
      <c r="H316972" s="12"/>
    </row>
    <row r="316973" spans="8:8">
      <c r="H316973" s="12"/>
    </row>
    <row r="316974" spans="8:8">
      <c r="H316974" s="12"/>
    </row>
    <row r="316975" spans="8:8">
      <c r="H316975" s="12"/>
    </row>
    <row r="316976" spans="8:8">
      <c r="H316976" s="12"/>
    </row>
    <row r="316977" spans="8:8">
      <c r="H316977" s="12"/>
    </row>
    <row r="316978" spans="8:8">
      <c r="H316978" s="12"/>
    </row>
    <row r="316979" spans="8:8">
      <c r="H316979" s="12"/>
    </row>
    <row r="316980" spans="8:8">
      <c r="H316980" s="12"/>
    </row>
    <row r="316981" spans="8:8">
      <c r="H316981" s="12"/>
    </row>
    <row r="316982" spans="8:8">
      <c r="H316982" s="12"/>
    </row>
    <row r="316983" spans="8:8">
      <c r="H316983" s="12"/>
    </row>
    <row r="316984" spans="8:8">
      <c r="H316984" s="12"/>
    </row>
    <row r="316985" spans="8:8">
      <c r="H316985" s="12"/>
    </row>
    <row r="316986" spans="8:8">
      <c r="H316986" s="12"/>
    </row>
    <row r="316987" spans="8:8">
      <c r="H316987" s="12"/>
    </row>
    <row r="316988" spans="8:8">
      <c r="H316988" s="12"/>
    </row>
    <row r="316989" spans="8:8">
      <c r="H316989" s="12"/>
    </row>
    <row r="316990" spans="8:8">
      <c r="H316990" s="12"/>
    </row>
    <row r="316991" spans="8:8">
      <c r="H316991" s="12"/>
    </row>
    <row r="316992" spans="8:8">
      <c r="H316992" s="12"/>
    </row>
    <row r="316993" spans="8:8">
      <c r="H316993" s="12"/>
    </row>
    <row r="316994" spans="8:8">
      <c r="H316994" s="12"/>
    </row>
    <row r="316995" spans="8:8">
      <c r="H316995" s="12"/>
    </row>
    <row r="316996" spans="8:8">
      <c r="H316996" s="12"/>
    </row>
    <row r="316997" spans="8:8">
      <c r="H316997" s="12"/>
    </row>
    <row r="316998" spans="8:8">
      <c r="H316998" s="12"/>
    </row>
    <row r="316999" spans="8:8">
      <c r="H316999" s="12"/>
    </row>
    <row r="317000" spans="8:8">
      <c r="H317000" s="12"/>
    </row>
    <row r="317001" spans="8:8">
      <c r="H317001" s="12"/>
    </row>
    <row r="317002" spans="8:8">
      <c r="H317002" s="12"/>
    </row>
    <row r="317003" spans="8:8">
      <c r="H317003" s="12"/>
    </row>
    <row r="317004" spans="8:8">
      <c r="H317004" s="12"/>
    </row>
    <row r="317005" spans="8:8">
      <c r="H317005" s="12"/>
    </row>
    <row r="317006" spans="8:8">
      <c r="H317006" s="12"/>
    </row>
    <row r="317007" spans="8:8">
      <c r="H317007" s="12"/>
    </row>
    <row r="317008" spans="8:8">
      <c r="H317008" s="12"/>
    </row>
    <row r="317009" spans="8:8">
      <c r="H317009" s="12"/>
    </row>
    <row r="317010" spans="8:8">
      <c r="H317010" s="12"/>
    </row>
    <row r="317011" spans="8:8">
      <c r="H317011" s="12"/>
    </row>
    <row r="317012" spans="8:8">
      <c r="H317012" s="12"/>
    </row>
    <row r="317013" spans="8:8">
      <c r="H317013" s="12"/>
    </row>
    <row r="317014" spans="8:8">
      <c r="H317014" s="12"/>
    </row>
    <row r="317015" spans="8:8">
      <c r="H317015" s="12"/>
    </row>
    <row r="317016" spans="8:8">
      <c r="H317016" s="12"/>
    </row>
    <row r="317017" spans="8:8">
      <c r="H317017" s="12"/>
    </row>
    <row r="317018" spans="8:8">
      <c r="H317018" s="12"/>
    </row>
    <row r="317019" spans="8:8">
      <c r="H317019" s="12"/>
    </row>
    <row r="317020" spans="8:8">
      <c r="H317020" s="12"/>
    </row>
    <row r="317021" spans="8:8">
      <c r="H317021" s="12"/>
    </row>
    <row r="317022" spans="8:8">
      <c r="H317022" s="12"/>
    </row>
    <row r="317023" spans="8:8">
      <c r="H317023" s="12"/>
    </row>
    <row r="317024" spans="8:8">
      <c r="H317024" s="12"/>
    </row>
    <row r="317025" spans="8:8">
      <c r="H317025" s="12"/>
    </row>
    <row r="317026" spans="8:8">
      <c r="H317026" s="12"/>
    </row>
    <row r="317027" spans="8:8">
      <c r="H317027" s="12"/>
    </row>
    <row r="317028" spans="8:8">
      <c r="H317028" s="12"/>
    </row>
    <row r="317029" spans="8:8">
      <c r="H317029" s="12"/>
    </row>
    <row r="317030" spans="8:8">
      <c r="H317030" s="12"/>
    </row>
    <row r="317031" spans="8:8">
      <c r="H317031" s="12"/>
    </row>
    <row r="317032" spans="8:8">
      <c r="H317032" s="12"/>
    </row>
    <row r="317033" spans="8:8">
      <c r="H317033" s="12"/>
    </row>
    <row r="317034" spans="8:8">
      <c r="H317034" s="12"/>
    </row>
    <row r="317035" spans="8:8">
      <c r="H317035" s="12"/>
    </row>
    <row r="317036" spans="8:8">
      <c r="H317036" s="12"/>
    </row>
    <row r="317037" spans="8:8">
      <c r="H317037" s="12"/>
    </row>
    <row r="317038" spans="8:8">
      <c r="H317038" s="12"/>
    </row>
    <row r="317039" spans="8:8">
      <c r="H317039" s="12"/>
    </row>
    <row r="317040" spans="8:8">
      <c r="H317040" s="12"/>
    </row>
    <row r="317041" spans="8:8">
      <c r="H317041" s="12"/>
    </row>
    <row r="317042" spans="8:8">
      <c r="H317042" s="12"/>
    </row>
    <row r="317043" spans="8:8">
      <c r="H317043" s="12"/>
    </row>
    <row r="317044" spans="8:8">
      <c r="H317044" s="12"/>
    </row>
    <row r="317045" spans="8:8">
      <c r="H317045" s="12"/>
    </row>
    <row r="317046" spans="8:8">
      <c r="H317046" s="12"/>
    </row>
    <row r="317047" spans="8:8">
      <c r="H317047" s="12"/>
    </row>
    <row r="317048" spans="8:8">
      <c r="H317048" s="12"/>
    </row>
    <row r="317049" spans="8:8">
      <c r="H317049" s="12"/>
    </row>
    <row r="317050" spans="8:8">
      <c r="H317050" s="12"/>
    </row>
    <row r="317051" spans="8:8">
      <c r="H317051" s="12"/>
    </row>
    <row r="317052" spans="8:8">
      <c r="H317052" s="12"/>
    </row>
    <row r="317053" spans="8:8">
      <c r="H317053" s="12"/>
    </row>
    <row r="317054" spans="8:8">
      <c r="H317054" s="12"/>
    </row>
    <row r="317055" spans="8:8">
      <c r="H317055" s="12"/>
    </row>
    <row r="317056" spans="8:8">
      <c r="H317056" s="12"/>
    </row>
    <row r="317057" spans="8:8">
      <c r="H317057" s="12"/>
    </row>
    <row r="317058" spans="8:8">
      <c r="H317058" s="12"/>
    </row>
    <row r="317059" spans="8:8">
      <c r="H317059" s="12"/>
    </row>
    <row r="317060" spans="8:8">
      <c r="H317060" s="12"/>
    </row>
    <row r="317061" spans="8:8">
      <c r="H317061" s="12"/>
    </row>
    <row r="317062" spans="8:8">
      <c r="H317062" s="12"/>
    </row>
    <row r="317063" spans="8:8">
      <c r="H317063" s="12"/>
    </row>
    <row r="317064" spans="8:8">
      <c r="H317064" s="12"/>
    </row>
    <row r="317065" spans="8:8">
      <c r="H317065" s="12"/>
    </row>
    <row r="317066" spans="8:8">
      <c r="H317066" s="12"/>
    </row>
    <row r="317067" spans="8:8">
      <c r="H317067" s="12"/>
    </row>
    <row r="317068" spans="8:8">
      <c r="H317068" s="12"/>
    </row>
    <row r="317069" spans="8:8">
      <c r="H317069" s="12"/>
    </row>
    <row r="317070" spans="8:8">
      <c r="H317070" s="12"/>
    </row>
    <row r="317071" spans="8:8">
      <c r="H317071" s="12"/>
    </row>
    <row r="317072" spans="8:8">
      <c r="H317072" s="12"/>
    </row>
    <row r="317073" spans="8:8">
      <c r="H317073" s="12"/>
    </row>
    <row r="317074" spans="8:8">
      <c r="H317074" s="12"/>
    </row>
    <row r="317075" spans="8:8">
      <c r="H317075" s="12"/>
    </row>
    <row r="317076" spans="8:8">
      <c r="H317076" s="12"/>
    </row>
    <row r="317077" spans="8:8">
      <c r="H317077" s="12"/>
    </row>
    <row r="317078" spans="8:8">
      <c r="H317078" s="12"/>
    </row>
    <row r="317079" spans="8:8">
      <c r="H317079" s="12"/>
    </row>
    <row r="317080" spans="8:8">
      <c r="H317080" s="12"/>
    </row>
    <row r="317081" spans="8:8">
      <c r="H317081" s="12"/>
    </row>
    <row r="317082" spans="8:8">
      <c r="H317082" s="12"/>
    </row>
    <row r="317083" spans="8:8">
      <c r="H317083" s="12"/>
    </row>
    <row r="317084" spans="8:8">
      <c r="H317084" s="12"/>
    </row>
    <row r="317085" spans="8:8">
      <c r="H317085" s="12"/>
    </row>
    <row r="317086" spans="8:8">
      <c r="H317086" s="12"/>
    </row>
    <row r="317087" spans="8:8">
      <c r="H317087" s="12"/>
    </row>
    <row r="317088" spans="8:8">
      <c r="H317088" s="12"/>
    </row>
    <row r="317089" spans="8:8">
      <c r="H317089" s="12"/>
    </row>
    <row r="317090" spans="8:8">
      <c r="H317090" s="12"/>
    </row>
    <row r="317091" spans="8:8">
      <c r="H317091" s="12"/>
    </row>
    <row r="317092" spans="8:8">
      <c r="H317092" s="12"/>
    </row>
    <row r="317093" spans="8:8">
      <c r="H317093" s="12"/>
    </row>
    <row r="317094" spans="8:8">
      <c r="H317094" s="12"/>
    </row>
    <row r="317095" spans="8:8">
      <c r="H317095" s="12"/>
    </row>
    <row r="317096" spans="8:8">
      <c r="H317096" s="12"/>
    </row>
    <row r="317097" spans="8:8">
      <c r="H317097" s="12"/>
    </row>
    <row r="317098" spans="8:8">
      <c r="H317098" s="12"/>
    </row>
    <row r="317099" spans="8:8">
      <c r="H317099" s="12"/>
    </row>
    <row r="317100" spans="8:8">
      <c r="H317100" s="12"/>
    </row>
    <row r="317101" spans="8:8">
      <c r="H317101" s="12"/>
    </row>
    <row r="317102" spans="8:8">
      <c r="H317102" s="12"/>
    </row>
    <row r="317103" spans="8:8">
      <c r="H317103" s="12"/>
    </row>
    <row r="317104" spans="8:8">
      <c r="H317104" s="12"/>
    </row>
    <row r="317105" spans="8:8">
      <c r="H317105" s="12"/>
    </row>
    <row r="317106" spans="8:8">
      <c r="H317106" s="12"/>
    </row>
    <row r="317107" spans="8:8">
      <c r="H317107" s="12"/>
    </row>
    <row r="317108" spans="8:8">
      <c r="H317108" s="12"/>
    </row>
    <row r="317109" spans="8:8">
      <c r="H317109" s="12"/>
    </row>
    <row r="317110" spans="8:8">
      <c r="H317110" s="12"/>
    </row>
    <row r="317111" spans="8:8">
      <c r="H317111" s="12"/>
    </row>
    <row r="317112" spans="8:8">
      <c r="H317112" s="12"/>
    </row>
    <row r="317113" spans="8:8">
      <c r="H317113" s="12"/>
    </row>
    <row r="317114" spans="8:8">
      <c r="H317114" s="12"/>
    </row>
    <row r="317115" spans="8:8">
      <c r="H317115" s="12"/>
    </row>
    <row r="317116" spans="8:8">
      <c r="H317116" s="12"/>
    </row>
    <row r="317117" spans="8:8">
      <c r="H317117" s="12"/>
    </row>
    <row r="317118" spans="8:8">
      <c r="H317118" s="12"/>
    </row>
    <row r="317119" spans="8:8">
      <c r="H317119" s="12"/>
    </row>
    <row r="317120" spans="8:8">
      <c r="H317120" s="12"/>
    </row>
    <row r="317121" spans="8:8">
      <c r="H317121" s="12"/>
    </row>
    <row r="317122" spans="8:8">
      <c r="H317122" s="12"/>
    </row>
    <row r="317123" spans="8:8">
      <c r="H317123" s="12"/>
    </row>
    <row r="317124" spans="8:8">
      <c r="H317124" s="12"/>
    </row>
    <row r="317125" spans="8:8">
      <c r="H317125" s="12"/>
    </row>
    <row r="317126" spans="8:8">
      <c r="H317126" s="12"/>
    </row>
    <row r="317127" spans="8:8">
      <c r="H317127" s="12"/>
    </row>
    <row r="317128" spans="8:8">
      <c r="H317128" s="12"/>
    </row>
    <row r="317129" spans="8:8">
      <c r="H317129" s="12"/>
    </row>
    <row r="317130" spans="8:8">
      <c r="H317130" s="12"/>
    </row>
    <row r="317131" spans="8:8">
      <c r="H317131" s="12"/>
    </row>
    <row r="317132" spans="8:8">
      <c r="H317132" s="12"/>
    </row>
    <row r="317133" spans="8:8">
      <c r="H317133" s="12"/>
    </row>
    <row r="317134" spans="8:8">
      <c r="H317134" s="12"/>
    </row>
    <row r="317135" spans="8:8">
      <c r="H317135" s="12"/>
    </row>
    <row r="317136" spans="8:8">
      <c r="H317136" s="12"/>
    </row>
    <row r="317137" spans="8:8">
      <c r="H317137" s="12"/>
    </row>
    <row r="317138" spans="8:8">
      <c r="H317138" s="12"/>
    </row>
    <row r="317139" spans="8:8">
      <c r="H317139" s="12"/>
    </row>
    <row r="317140" spans="8:8">
      <c r="H317140" s="12"/>
    </row>
    <row r="317141" spans="8:8">
      <c r="H317141" s="12"/>
    </row>
    <row r="317142" spans="8:8">
      <c r="H317142" s="12"/>
    </row>
    <row r="317143" spans="8:8">
      <c r="H317143" s="12"/>
    </row>
    <row r="317144" spans="8:8">
      <c r="H317144" s="12"/>
    </row>
    <row r="317145" spans="8:8">
      <c r="H317145" s="12"/>
    </row>
    <row r="317146" spans="8:8">
      <c r="H317146" s="12"/>
    </row>
    <row r="317147" spans="8:8">
      <c r="H317147" s="12"/>
    </row>
    <row r="317148" spans="8:8">
      <c r="H317148" s="12"/>
    </row>
    <row r="317149" spans="8:8">
      <c r="H317149" s="12"/>
    </row>
    <row r="317150" spans="8:8">
      <c r="H317150" s="12"/>
    </row>
    <row r="317151" spans="8:8">
      <c r="H317151" s="12"/>
    </row>
    <row r="317152" spans="8:8">
      <c r="H317152" s="12"/>
    </row>
    <row r="317153" spans="8:8">
      <c r="H317153" s="12"/>
    </row>
    <row r="317154" spans="8:8">
      <c r="H317154" s="12"/>
    </row>
    <row r="317155" spans="8:8">
      <c r="H317155" s="12"/>
    </row>
    <row r="317156" spans="8:8">
      <c r="H317156" s="12"/>
    </row>
    <row r="317157" spans="8:8">
      <c r="H317157" s="12"/>
    </row>
    <row r="317158" spans="8:8">
      <c r="H317158" s="12"/>
    </row>
    <row r="317159" spans="8:8">
      <c r="H317159" s="12"/>
    </row>
    <row r="317160" spans="8:8">
      <c r="H317160" s="12"/>
    </row>
    <row r="317161" spans="8:8">
      <c r="H317161" s="12"/>
    </row>
    <row r="317162" spans="8:8">
      <c r="H317162" s="12"/>
    </row>
    <row r="317163" spans="8:8">
      <c r="H317163" s="12"/>
    </row>
    <row r="317164" spans="8:8">
      <c r="H317164" s="12"/>
    </row>
    <row r="317165" spans="8:8">
      <c r="H317165" s="12"/>
    </row>
    <row r="317166" spans="8:8">
      <c r="H317166" s="12"/>
    </row>
    <row r="317167" spans="8:8">
      <c r="H317167" s="12"/>
    </row>
    <row r="317168" spans="8:8">
      <c r="H317168" s="12"/>
    </row>
    <row r="317169" spans="8:8">
      <c r="H317169" s="12"/>
    </row>
    <row r="317170" spans="8:8">
      <c r="H317170" s="12"/>
    </row>
    <row r="317171" spans="8:8">
      <c r="H317171" s="12"/>
    </row>
    <row r="317172" spans="8:8">
      <c r="H317172" s="12"/>
    </row>
    <row r="317173" spans="8:8">
      <c r="H317173" s="12"/>
    </row>
    <row r="317174" spans="8:8">
      <c r="H317174" s="12"/>
    </row>
    <row r="317175" spans="8:8">
      <c r="H317175" s="12"/>
    </row>
    <row r="317176" spans="8:8">
      <c r="H317176" s="12"/>
    </row>
    <row r="317177" spans="8:8">
      <c r="H317177" s="12"/>
    </row>
    <row r="317178" spans="8:8">
      <c r="H317178" s="12"/>
    </row>
    <row r="317179" spans="8:8">
      <c r="H317179" s="12"/>
    </row>
    <row r="317180" spans="8:8">
      <c r="H317180" s="12"/>
    </row>
    <row r="317181" spans="8:8">
      <c r="H317181" s="12"/>
    </row>
    <row r="317182" spans="8:8">
      <c r="H317182" s="12"/>
    </row>
    <row r="317183" spans="8:8">
      <c r="H317183" s="12"/>
    </row>
    <row r="317184" spans="8:8">
      <c r="H317184" s="12"/>
    </row>
    <row r="317185" spans="8:8">
      <c r="H317185" s="12"/>
    </row>
    <row r="317186" spans="8:8">
      <c r="H317186" s="12"/>
    </row>
    <row r="317187" spans="8:8">
      <c r="H317187" s="12"/>
    </row>
    <row r="317188" spans="8:8">
      <c r="H317188" s="12"/>
    </row>
    <row r="317189" spans="8:8">
      <c r="H317189" s="12"/>
    </row>
    <row r="317190" spans="8:8">
      <c r="H317190" s="12"/>
    </row>
    <row r="317191" spans="8:8">
      <c r="H317191" s="12"/>
    </row>
    <row r="317192" spans="8:8">
      <c r="H317192" s="12"/>
    </row>
    <row r="317193" spans="8:8">
      <c r="H317193" s="12"/>
    </row>
    <row r="317194" spans="8:8">
      <c r="H317194" s="12"/>
    </row>
    <row r="317195" spans="8:8">
      <c r="H317195" s="12"/>
    </row>
    <row r="317196" spans="8:8">
      <c r="H317196" s="12"/>
    </row>
    <row r="317197" spans="8:8">
      <c r="H317197" s="12"/>
    </row>
    <row r="317198" spans="8:8">
      <c r="H317198" s="12"/>
    </row>
    <row r="317199" spans="8:8">
      <c r="H317199" s="12"/>
    </row>
    <row r="317200" spans="8:8">
      <c r="H317200" s="12"/>
    </row>
    <row r="317201" spans="8:8">
      <c r="H317201" s="12"/>
    </row>
    <row r="317202" spans="8:8">
      <c r="H317202" s="12"/>
    </row>
    <row r="317203" spans="8:8">
      <c r="H317203" s="12"/>
    </row>
    <row r="317204" spans="8:8">
      <c r="H317204" s="12"/>
    </row>
    <row r="317205" spans="8:8">
      <c r="H317205" s="12"/>
    </row>
    <row r="317206" spans="8:8">
      <c r="H317206" s="12"/>
    </row>
    <row r="317207" spans="8:8">
      <c r="H317207" s="12"/>
    </row>
    <row r="317208" spans="8:8">
      <c r="H317208" s="12"/>
    </row>
    <row r="317209" spans="8:8">
      <c r="H317209" s="12"/>
    </row>
    <row r="317210" spans="8:8">
      <c r="H317210" s="12"/>
    </row>
    <row r="317211" spans="8:8">
      <c r="H317211" s="12"/>
    </row>
    <row r="317212" spans="8:8">
      <c r="H317212" s="12"/>
    </row>
    <row r="317213" spans="8:8">
      <c r="H317213" s="12"/>
    </row>
    <row r="317214" spans="8:8">
      <c r="H317214" s="12"/>
    </row>
    <row r="317215" spans="8:8">
      <c r="H317215" s="12"/>
    </row>
    <row r="317216" spans="8:8">
      <c r="H317216" s="12"/>
    </row>
    <row r="317217" spans="8:8">
      <c r="H317217" s="12"/>
    </row>
    <row r="317218" spans="8:8">
      <c r="H317218" s="12"/>
    </row>
    <row r="317219" spans="8:8">
      <c r="H317219" s="12"/>
    </row>
    <row r="317220" spans="8:8">
      <c r="H317220" s="12"/>
    </row>
    <row r="317221" spans="8:8">
      <c r="H317221" s="12"/>
    </row>
    <row r="317222" spans="8:8">
      <c r="H317222" s="12"/>
    </row>
    <row r="317223" spans="8:8">
      <c r="H317223" s="12"/>
    </row>
    <row r="317224" spans="8:8">
      <c r="H317224" s="12"/>
    </row>
    <row r="317225" spans="8:8">
      <c r="H317225" s="12"/>
    </row>
    <row r="317226" spans="8:8">
      <c r="H317226" s="12"/>
    </row>
    <row r="317227" spans="8:8">
      <c r="H317227" s="12"/>
    </row>
    <row r="317228" spans="8:8">
      <c r="H317228" s="12"/>
    </row>
    <row r="317229" spans="8:8">
      <c r="H317229" s="12"/>
    </row>
    <row r="317230" spans="8:8">
      <c r="H317230" s="12"/>
    </row>
    <row r="317231" spans="8:8">
      <c r="H317231" s="12"/>
    </row>
    <row r="317232" spans="8:8">
      <c r="H317232" s="12"/>
    </row>
    <row r="317233" spans="8:8">
      <c r="H317233" s="12"/>
    </row>
    <row r="317234" spans="8:8">
      <c r="H317234" s="12"/>
    </row>
    <row r="317235" spans="8:8">
      <c r="H317235" s="12"/>
    </row>
    <row r="317236" spans="8:8">
      <c r="H317236" s="12"/>
    </row>
    <row r="317237" spans="8:8">
      <c r="H317237" s="12"/>
    </row>
    <row r="317238" spans="8:8">
      <c r="H317238" s="12"/>
    </row>
    <row r="317239" spans="8:8">
      <c r="H317239" s="12"/>
    </row>
    <row r="317240" spans="8:8">
      <c r="H317240" s="12"/>
    </row>
    <row r="317241" spans="8:8">
      <c r="H317241" s="12"/>
    </row>
    <row r="317242" spans="8:8">
      <c r="H317242" s="12"/>
    </row>
    <row r="317243" spans="8:8">
      <c r="H317243" s="12"/>
    </row>
    <row r="317244" spans="8:8">
      <c r="H317244" s="12"/>
    </row>
    <row r="317245" spans="8:8">
      <c r="H317245" s="12"/>
    </row>
    <row r="317246" spans="8:8">
      <c r="H317246" s="12"/>
    </row>
    <row r="317247" spans="8:8">
      <c r="H317247" s="12"/>
    </row>
    <row r="317248" spans="8:8">
      <c r="H317248" s="12"/>
    </row>
    <row r="317249" spans="8:8">
      <c r="H317249" s="12"/>
    </row>
    <row r="317250" spans="8:8">
      <c r="H317250" s="12"/>
    </row>
    <row r="317251" spans="8:8">
      <c r="H317251" s="12"/>
    </row>
    <row r="317252" spans="8:8">
      <c r="H317252" s="12"/>
    </row>
    <row r="317253" spans="8:8">
      <c r="H317253" s="12"/>
    </row>
    <row r="317254" spans="8:8">
      <c r="H317254" s="12"/>
    </row>
    <row r="317255" spans="8:8">
      <c r="H317255" s="12"/>
    </row>
    <row r="317256" spans="8:8">
      <c r="H317256" s="12"/>
    </row>
    <row r="317257" spans="8:8">
      <c r="H317257" s="12"/>
    </row>
    <row r="317258" spans="8:8">
      <c r="H317258" s="12"/>
    </row>
    <row r="317259" spans="8:8">
      <c r="H317259" s="12"/>
    </row>
    <row r="317260" spans="8:8">
      <c r="H317260" s="12"/>
    </row>
    <row r="317261" spans="8:8">
      <c r="H317261" s="12"/>
    </row>
    <row r="317262" spans="8:8">
      <c r="H317262" s="12"/>
    </row>
    <row r="317263" spans="8:8">
      <c r="H317263" s="12"/>
    </row>
    <row r="317264" spans="8:8">
      <c r="H317264" s="12"/>
    </row>
    <row r="317265" spans="8:8">
      <c r="H317265" s="12"/>
    </row>
    <row r="317266" spans="8:8">
      <c r="H317266" s="12"/>
    </row>
    <row r="317267" spans="8:8">
      <c r="H317267" s="12"/>
    </row>
    <row r="317268" spans="8:8">
      <c r="H317268" s="12"/>
    </row>
    <row r="317269" spans="8:8">
      <c r="H317269" s="12"/>
    </row>
    <row r="317270" spans="8:8">
      <c r="H317270" s="12"/>
    </row>
    <row r="317271" spans="8:8">
      <c r="H317271" s="12"/>
    </row>
    <row r="317272" spans="8:8">
      <c r="H317272" s="12"/>
    </row>
    <row r="317273" spans="8:8">
      <c r="H317273" s="12"/>
    </row>
    <row r="317274" spans="8:8">
      <c r="H317274" s="12"/>
    </row>
    <row r="317275" spans="8:8">
      <c r="H317275" s="12"/>
    </row>
    <row r="317276" spans="8:8">
      <c r="H317276" s="12"/>
    </row>
    <row r="317277" spans="8:8">
      <c r="H317277" s="12"/>
    </row>
    <row r="317278" spans="8:8">
      <c r="H317278" s="12"/>
    </row>
    <row r="317279" spans="8:8">
      <c r="H317279" s="12"/>
    </row>
    <row r="317280" spans="8:8">
      <c r="H317280" s="12"/>
    </row>
    <row r="317281" spans="8:8">
      <c r="H317281" s="12"/>
    </row>
    <row r="317282" spans="8:8">
      <c r="H317282" s="12"/>
    </row>
    <row r="317283" spans="8:8">
      <c r="H317283" s="12"/>
    </row>
    <row r="317284" spans="8:8">
      <c r="H317284" s="12"/>
    </row>
    <row r="317285" spans="8:8">
      <c r="H317285" s="12"/>
    </row>
    <row r="317286" spans="8:8">
      <c r="H317286" s="12"/>
    </row>
    <row r="317287" spans="8:8">
      <c r="H317287" s="12"/>
    </row>
    <row r="317288" spans="8:8">
      <c r="H317288" s="12"/>
    </row>
    <row r="317289" spans="8:8">
      <c r="H317289" s="12"/>
    </row>
    <row r="317290" spans="8:8">
      <c r="H317290" s="12"/>
    </row>
    <row r="317291" spans="8:8">
      <c r="H317291" s="12"/>
    </row>
    <row r="317292" spans="8:8">
      <c r="H317292" s="12"/>
    </row>
    <row r="317293" spans="8:8">
      <c r="H317293" s="12"/>
    </row>
    <row r="317294" spans="8:8">
      <c r="H317294" s="12"/>
    </row>
    <row r="317295" spans="8:8">
      <c r="H317295" s="12"/>
    </row>
    <row r="317296" spans="8:8">
      <c r="H317296" s="12"/>
    </row>
    <row r="317297" spans="8:8">
      <c r="H317297" s="12"/>
    </row>
    <row r="317298" spans="8:8">
      <c r="H317298" s="12"/>
    </row>
    <row r="317299" spans="8:8">
      <c r="H317299" s="12"/>
    </row>
    <row r="317300" spans="8:8">
      <c r="H317300" s="12"/>
    </row>
    <row r="317301" spans="8:8">
      <c r="H317301" s="12"/>
    </row>
    <row r="317302" spans="8:8">
      <c r="H317302" s="12"/>
    </row>
    <row r="317303" spans="8:8">
      <c r="H317303" s="12"/>
    </row>
    <row r="317304" spans="8:8">
      <c r="H317304" s="12"/>
    </row>
    <row r="317305" spans="8:8">
      <c r="H317305" s="12"/>
    </row>
    <row r="317306" spans="8:8">
      <c r="H317306" s="12"/>
    </row>
    <row r="317307" spans="8:8">
      <c r="H317307" s="12"/>
    </row>
    <row r="317308" spans="8:8">
      <c r="H317308" s="12"/>
    </row>
    <row r="317309" spans="8:8">
      <c r="H317309" s="12"/>
    </row>
    <row r="317310" spans="8:8">
      <c r="H317310" s="12"/>
    </row>
    <row r="317311" spans="8:8">
      <c r="H317311" s="12"/>
    </row>
    <row r="317312" spans="8:8">
      <c r="H317312" s="12"/>
    </row>
    <row r="317313" spans="8:8">
      <c r="H317313" s="12"/>
    </row>
    <row r="317314" spans="8:8">
      <c r="H317314" s="12"/>
    </row>
    <row r="317315" spans="8:8">
      <c r="H317315" s="12"/>
    </row>
    <row r="317316" spans="8:8">
      <c r="H317316" s="12"/>
    </row>
    <row r="317317" spans="8:8">
      <c r="H317317" s="12"/>
    </row>
    <row r="317318" spans="8:8">
      <c r="H317318" s="12"/>
    </row>
    <row r="317319" spans="8:8">
      <c r="H317319" s="12"/>
    </row>
    <row r="317320" spans="8:8">
      <c r="H317320" s="12"/>
    </row>
    <row r="317321" spans="8:8">
      <c r="H317321" s="12"/>
    </row>
    <row r="317322" spans="8:8">
      <c r="H317322" s="12"/>
    </row>
    <row r="317323" spans="8:8">
      <c r="H317323" s="12"/>
    </row>
    <row r="317324" spans="8:8">
      <c r="H317324" s="12"/>
    </row>
    <row r="317325" spans="8:8">
      <c r="H317325" s="12"/>
    </row>
    <row r="317326" spans="8:8">
      <c r="H317326" s="12"/>
    </row>
    <row r="317327" spans="8:8">
      <c r="H317327" s="12"/>
    </row>
    <row r="317328" spans="8:8">
      <c r="H317328" s="12"/>
    </row>
    <row r="317329" spans="8:8">
      <c r="H317329" s="12"/>
    </row>
    <row r="317330" spans="8:8">
      <c r="H317330" s="12"/>
    </row>
    <row r="317331" spans="8:8">
      <c r="H317331" s="12"/>
    </row>
    <row r="317332" spans="8:8">
      <c r="H317332" s="12"/>
    </row>
    <row r="317333" spans="8:8">
      <c r="H317333" s="12"/>
    </row>
    <row r="317334" spans="8:8">
      <c r="H317334" s="12"/>
    </row>
    <row r="317335" spans="8:8">
      <c r="H317335" s="12"/>
    </row>
    <row r="317336" spans="8:8">
      <c r="H317336" s="12"/>
    </row>
    <row r="317337" spans="8:8">
      <c r="H317337" s="12"/>
    </row>
    <row r="317338" spans="8:8">
      <c r="H317338" s="12"/>
    </row>
    <row r="317339" spans="8:8">
      <c r="H317339" s="12"/>
    </row>
    <row r="317340" spans="8:8">
      <c r="H317340" s="12"/>
    </row>
    <row r="317341" spans="8:8">
      <c r="H317341" s="12"/>
    </row>
    <row r="317342" spans="8:8">
      <c r="H317342" s="12"/>
    </row>
    <row r="317343" spans="8:8">
      <c r="H317343" s="12"/>
    </row>
    <row r="317344" spans="8:8">
      <c r="H317344" s="12"/>
    </row>
    <row r="317345" spans="8:8">
      <c r="H317345" s="12"/>
    </row>
    <row r="317346" spans="8:8">
      <c r="H317346" s="12"/>
    </row>
    <row r="317347" spans="8:8">
      <c r="H317347" s="12"/>
    </row>
    <row r="317348" spans="8:8">
      <c r="H317348" s="12"/>
    </row>
    <row r="317349" spans="8:8">
      <c r="H317349" s="12"/>
    </row>
    <row r="317350" spans="8:8">
      <c r="H317350" s="12"/>
    </row>
    <row r="317351" spans="8:8">
      <c r="H317351" s="12"/>
    </row>
    <row r="317352" spans="8:8">
      <c r="H317352" s="12"/>
    </row>
    <row r="317353" spans="8:8">
      <c r="H317353" s="12"/>
    </row>
    <row r="317354" spans="8:8">
      <c r="H317354" s="12"/>
    </row>
    <row r="317355" spans="8:8">
      <c r="H317355" s="12"/>
    </row>
    <row r="317356" spans="8:8">
      <c r="H317356" s="12"/>
    </row>
    <row r="317357" spans="8:8">
      <c r="H317357" s="12"/>
    </row>
    <row r="317358" spans="8:8">
      <c r="H317358" s="12"/>
    </row>
    <row r="317359" spans="8:8">
      <c r="H317359" s="12"/>
    </row>
    <row r="317360" spans="8:8">
      <c r="H317360" s="12"/>
    </row>
    <row r="317361" spans="8:8">
      <c r="H317361" s="12"/>
    </row>
    <row r="317362" spans="8:8">
      <c r="H317362" s="12"/>
    </row>
    <row r="317363" spans="8:8">
      <c r="H317363" s="12"/>
    </row>
    <row r="317364" spans="8:8">
      <c r="H317364" s="12"/>
    </row>
    <row r="317365" spans="8:8">
      <c r="H317365" s="12"/>
    </row>
    <row r="317366" spans="8:8">
      <c r="H317366" s="12"/>
    </row>
    <row r="317367" spans="8:8">
      <c r="H317367" s="12"/>
    </row>
    <row r="317368" spans="8:8">
      <c r="H317368" s="12"/>
    </row>
    <row r="317369" spans="8:8">
      <c r="H317369" s="12"/>
    </row>
    <row r="317370" spans="8:8">
      <c r="H317370" s="12"/>
    </row>
    <row r="317371" spans="8:8">
      <c r="H317371" s="12"/>
    </row>
    <row r="317372" spans="8:8">
      <c r="H317372" s="12"/>
    </row>
    <row r="317373" spans="8:8">
      <c r="H317373" s="12"/>
    </row>
    <row r="317374" spans="8:8">
      <c r="H317374" s="12"/>
    </row>
    <row r="317375" spans="8:8">
      <c r="H317375" s="12"/>
    </row>
    <row r="317376" spans="8:8">
      <c r="H317376" s="12"/>
    </row>
    <row r="317377" spans="8:8">
      <c r="H317377" s="12"/>
    </row>
    <row r="317378" spans="8:8">
      <c r="H317378" s="12"/>
    </row>
    <row r="317379" spans="8:8">
      <c r="H317379" s="12"/>
    </row>
    <row r="317380" spans="8:8">
      <c r="H317380" s="12"/>
    </row>
    <row r="317381" spans="8:8">
      <c r="H317381" s="12"/>
    </row>
    <row r="317382" spans="8:8">
      <c r="H317382" s="12"/>
    </row>
    <row r="317383" spans="8:8">
      <c r="H317383" s="12"/>
    </row>
    <row r="317384" spans="8:8">
      <c r="H317384" s="12"/>
    </row>
    <row r="317385" spans="8:8">
      <c r="H317385" s="12"/>
    </row>
    <row r="317386" spans="8:8">
      <c r="H317386" s="12"/>
    </row>
    <row r="317387" spans="8:8">
      <c r="H317387" s="12"/>
    </row>
    <row r="317388" spans="8:8">
      <c r="H317388" s="12"/>
    </row>
    <row r="317389" spans="8:8">
      <c r="H317389" s="12"/>
    </row>
    <row r="317390" spans="8:8">
      <c r="H317390" s="12"/>
    </row>
    <row r="317391" spans="8:8">
      <c r="H317391" s="12"/>
    </row>
    <row r="317392" spans="8:8">
      <c r="H317392" s="12"/>
    </row>
    <row r="317393" spans="8:8">
      <c r="H317393" s="12"/>
    </row>
    <row r="317394" spans="8:8">
      <c r="H317394" s="12"/>
    </row>
    <row r="317395" spans="8:8">
      <c r="H317395" s="12"/>
    </row>
    <row r="317396" spans="8:8">
      <c r="H317396" s="12"/>
    </row>
    <row r="317397" spans="8:8">
      <c r="H317397" s="12"/>
    </row>
    <row r="317398" spans="8:8">
      <c r="H317398" s="12"/>
    </row>
    <row r="317399" spans="8:8">
      <c r="H317399" s="12"/>
    </row>
    <row r="317400" spans="8:8">
      <c r="H317400" s="12"/>
    </row>
    <row r="317401" spans="8:8">
      <c r="H317401" s="12"/>
    </row>
    <row r="317402" spans="8:8">
      <c r="H317402" s="12"/>
    </row>
    <row r="317403" spans="8:8">
      <c r="H317403" s="12"/>
    </row>
    <row r="317404" spans="8:8">
      <c r="H317404" s="12"/>
    </row>
    <row r="317405" spans="8:8">
      <c r="H317405" s="12"/>
    </row>
    <row r="317406" spans="8:8">
      <c r="H317406" s="12"/>
    </row>
    <row r="317407" spans="8:8">
      <c r="H317407" s="12"/>
    </row>
    <row r="317408" spans="8:8">
      <c r="H317408" s="12"/>
    </row>
    <row r="317409" spans="8:8">
      <c r="H317409" s="12"/>
    </row>
    <row r="317410" spans="8:8">
      <c r="H317410" s="12"/>
    </row>
    <row r="317411" spans="8:8">
      <c r="H317411" s="12"/>
    </row>
    <row r="317412" spans="8:8">
      <c r="H317412" s="12"/>
    </row>
    <row r="317413" spans="8:8">
      <c r="H317413" s="12"/>
    </row>
    <row r="317414" spans="8:8">
      <c r="H317414" s="12"/>
    </row>
    <row r="317415" spans="8:8">
      <c r="H317415" s="12"/>
    </row>
    <row r="317416" spans="8:8">
      <c r="H317416" s="12"/>
    </row>
    <row r="317417" spans="8:8">
      <c r="H317417" s="12"/>
    </row>
    <row r="317418" spans="8:8">
      <c r="H317418" s="12"/>
    </row>
    <row r="317419" spans="8:8">
      <c r="H317419" s="12"/>
    </row>
    <row r="317420" spans="8:8">
      <c r="H317420" s="12"/>
    </row>
    <row r="317421" spans="8:8">
      <c r="H317421" s="12"/>
    </row>
    <row r="317422" spans="8:8">
      <c r="H317422" s="12"/>
    </row>
    <row r="317423" spans="8:8">
      <c r="H317423" s="12"/>
    </row>
    <row r="317424" spans="8:8">
      <c r="H317424" s="12"/>
    </row>
    <row r="317425" spans="8:8">
      <c r="H317425" s="12"/>
    </row>
    <row r="317426" spans="8:8">
      <c r="H317426" s="12"/>
    </row>
    <row r="317427" spans="8:8">
      <c r="H317427" s="12"/>
    </row>
    <row r="317428" spans="8:8">
      <c r="H317428" s="12"/>
    </row>
    <row r="317429" spans="8:8">
      <c r="H317429" s="12"/>
    </row>
    <row r="317430" spans="8:8">
      <c r="H317430" s="12"/>
    </row>
    <row r="317431" spans="8:8">
      <c r="H317431" s="12"/>
    </row>
    <row r="317432" spans="8:8">
      <c r="H317432" s="12"/>
    </row>
    <row r="317433" spans="8:8">
      <c r="H317433" s="12"/>
    </row>
    <row r="317434" spans="8:8">
      <c r="H317434" s="12"/>
    </row>
    <row r="317435" spans="8:8">
      <c r="H317435" s="12"/>
    </row>
    <row r="317436" spans="8:8">
      <c r="H317436" s="12"/>
    </row>
    <row r="317437" spans="8:8">
      <c r="H317437" s="12"/>
    </row>
    <row r="317438" spans="8:8">
      <c r="H317438" s="12"/>
    </row>
    <row r="317439" spans="8:8">
      <c r="H317439" s="12"/>
    </row>
    <row r="317440" spans="8:8">
      <c r="H317440" s="12"/>
    </row>
    <row r="317441" spans="8:8">
      <c r="H317441" s="12"/>
    </row>
    <row r="317442" spans="8:8">
      <c r="H317442" s="12"/>
    </row>
    <row r="317443" spans="8:8">
      <c r="H317443" s="12"/>
    </row>
    <row r="317444" spans="8:8">
      <c r="H317444" s="12"/>
    </row>
    <row r="317445" spans="8:8">
      <c r="H317445" s="12"/>
    </row>
    <row r="317446" spans="8:8">
      <c r="H317446" s="12"/>
    </row>
    <row r="317447" spans="8:8">
      <c r="H317447" s="12"/>
    </row>
    <row r="317448" spans="8:8">
      <c r="H317448" s="12"/>
    </row>
    <row r="317449" spans="8:8">
      <c r="H317449" s="12"/>
    </row>
    <row r="317450" spans="8:8">
      <c r="H317450" s="12"/>
    </row>
    <row r="317451" spans="8:8">
      <c r="H317451" s="12"/>
    </row>
    <row r="317452" spans="8:8">
      <c r="H317452" s="12"/>
    </row>
    <row r="317453" spans="8:8">
      <c r="H317453" s="12"/>
    </row>
    <row r="317454" spans="8:8">
      <c r="H317454" s="12"/>
    </row>
    <row r="317455" spans="8:8">
      <c r="H317455" s="12"/>
    </row>
    <row r="317456" spans="8:8">
      <c r="H317456" s="12"/>
    </row>
    <row r="317457" spans="8:8">
      <c r="H317457" s="12"/>
    </row>
    <row r="317458" spans="8:8">
      <c r="H317458" s="12"/>
    </row>
    <row r="317459" spans="8:8">
      <c r="H317459" s="12"/>
    </row>
    <row r="317460" spans="8:8">
      <c r="H317460" s="12"/>
    </row>
    <row r="317461" spans="8:8">
      <c r="H317461" s="12"/>
    </row>
    <row r="317462" spans="8:8">
      <c r="H317462" s="12"/>
    </row>
    <row r="317463" spans="8:8">
      <c r="H317463" s="12"/>
    </row>
    <row r="317464" spans="8:8">
      <c r="H317464" s="12"/>
    </row>
    <row r="317465" spans="8:8">
      <c r="H317465" s="12"/>
    </row>
    <row r="317466" spans="8:8">
      <c r="H317466" s="12"/>
    </row>
    <row r="317467" spans="8:8">
      <c r="H317467" s="12"/>
    </row>
    <row r="317468" spans="8:8">
      <c r="H317468" s="12"/>
    </row>
    <row r="317469" spans="8:8">
      <c r="H317469" s="12"/>
    </row>
    <row r="317470" spans="8:8">
      <c r="H317470" s="12"/>
    </row>
    <row r="317471" spans="8:8">
      <c r="H317471" s="12"/>
    </row>
    <row r="317472" spans="8:8">
      <c r="H317472" s="12"/>
    </row>
    <row r="317473" spans="8:8">
      <c r="H317473" s="12"/>
    </row>
    <row r="317474" spans="8:8">
      <c r="H317474" s="12"/>
    </row>
    <row r="317475" spans="8:8">
      <c r="H317475" s="12"/>
    </row>
    <row r="317476" spans="8:8">
      <c r="H317476" s="12"/>
    </row>
    <row r="317477" spans="8:8">
      <c r="H317477" s="12"/>
    </row>
    <row r="317478" spans="8:8">
      <c r="H317478" s="12"/>
    </row>
    <row r="317479" spans="8:8">
      <c r="H317479" s="12"/>
    </row>
    <row r="317480" spans="8:8">
      <c r="H317480" s="12"/>
    </row>
    <row r="317481" spans="8:8">
      <c r="H317481" s="12"/>
    </row>
    <row r="317482" spans="8:8">
      <c r="H317482" s="12"/>
    </row>
    <row r="317483" spans="8:8">
      <c r="H317483" s="12"/>
    </row>
    <row r="317484" spans="8:8">
      <c r="H317484" s="12"/>
    </row>
    <row r="317485" spans="8:8">
      <c r="H317485" s="12"/>
    </row>
    <row r="317486" spans="8:8">
      <c r="H317486" s="12"/>
    </row>
    <row r="317487" spans="8:8">
      <c r="H317487" s="12"/>
    </row>
    <row r="317488" spans="8:8">
      <c r="H317488" s="12"/>
    </row>
    <row r="317489" spans="8:8">
      <c r="H317489" s="12"/>
    </row>
    <row r="317490" spans="8:8">
      <c r="H317490" s="12"/>
    </row>
    <row r="317491" spans="8:8">
      <c r="H317491" s="12"/>
    </row>
    <row r="317492" spans="8:8">
      <c r="H317492" s="12"/>
    </row>
    <row r="317493" spans="8:8">
      <c r="H317493" s="12"/>
    </row>
    <row r="317494" spans="8:8">
      <c r="H317494" s="12"/>
    </row>
    <row r="317495" spans="8:8">
      <c r="H317495" s="12"/>
    </row>
    <row r="317496" spans="8:8">
      <c r="H317496" s="12"/>
    </row>
    <row r="317497" spans="8:8">
      <c r="H317497" s="12"/>
    </row>
    <row r="317498" spans="8:8">
      <c r="H317498" s="12"/>
    </row>
    <row r="317499" spans="8:8">
      <c r="H317499" s="12"/>
    </row>
    <row r="317500" spans="8:8">
      <c r="H317500" s="12"/>
    </row>
    <row r="317501" spans="8:8">
      <c r="H317501" s="12"/>
    </row>
    <row r="317502" spans="8:8">
      <c r="H317502" s="12"/>
    </row>
    <row r="317503" spans="8:8">
      <c r="H317503" s="12"/>
    </row>
    <row r="317504" spans="8:8">
      <c r="H317504" s="12"/>
    </row>
    <row r="317505" spans="8:8">
      <c r="H317505" s="12"/>
    </row>
    <row r="317506" spans="8:8">
      <c r="H317506" s="12"/>
    </row>
    <row r="317507" spans="8:8">
      <c r="H317507" s="12"/>
    </row>
    <row r="317508" spans="8:8">
      <c r="H317508" s="12"/>
    </row>
    <row r="317509" spans="8:8">
      <c r="H317509" s="12"/>
    </row>
    <row r="317510" spans="8:8">
      <c r="H317510" s="12"/>
    </row>
    <row r="317511" spans="8:8">
      <c r="H317511" s="12"/>
    </row>
    <row r="317512" spans="8:8">
      <c r="H317512" s="12"/>
    </row>
    <row r="317513" spans="8:8">
      <c r="H317513" s="12"/>
    </row>
    <row r="317514" spans="8:8">
      <c r="H317514" s="12"/>
    </row>
    <row r="317515" spans="8:8">
      <c r="H317515" s="12"/>
    </row>
    <row r="317516" spans="8:8">
      <c r="H317516" s="12"/>
    </row>
    <row r="317517" spans="8:8">
      <c r="H317517" s="12"/>
    </row>
    <row r="317518" spans="8:8">
      <c r="H317518" s="12"/>
    </row>
    <row r="317519" spans="8:8">
      <c r="H317519" s="12"/>
    </row>
    <row r="317520" spans="8:8">
      <c r="H317520" s="12"/>
    </row>
    <row r="317521" spans="8:8">
      <c r="H317521" s="12"/>
    </row>
    <row r="317522" spans="8:8">
      <c r="H317522" s="12"/>
    </row>
    <row r="317523" spans="8:8">
      <c r="H317523" s="12"/>
    </row>
    <row r="317524" spans="8:8">
      <c r="H317524" s="12"/>
    </row>
    <row r="317525" spans="8:8">
      <c r="H317525" s="12"/>
    </row>
    <row r="317526" spans="8:8">
      <c r="H317526" s="12"/>
    </row>
    <row r="317527" spans="8:8">
      <c r="H317527" s="12"/>
    </row>
    <row r="317528" spans="8:8">
      <c r="H317528" s="12"/>
    </row>
    <row r="317529" spans="8:8">
      <c r="H317529" s="12"/>
    </row>
    <row r="317530" spans="8:8">
      <c r="H317530" s="12"/>
    </row>
    <row r="317531" spans="8:8">
      <c r="H317531" s="12"/>
    </row>
    <row r="317532" spans="8:8">
      <c r="H317532" s="12"/>
    </row>
    <row r="317533" spans="8:8">
      <c r="H317533" s="12"/>
    </row>
    <row r="317534" spans="8:8">
      <c r="H317534" s="12"/>
    </row>
    <row r="317535" spans="8:8">
      <c r="H317535" s="12"/>
    </row>
    <row r="317536" spans="8:8">
      <c r="H317536" s="12"/>
    </row>
    <row r="317537" spans="8:8">
      <c r="H317537" s="12"/>
    </row>
    <row r="317538" spans="8:8">
      <c r="H317538" s="12"/>
    </row>
    <row r="317539" spans="8:8">
      <c r="H317539" s="12"/>
    </row>
    <row r="317540" spans="8:8">
      <c r="H317540" s="12"/>
    </row>
    <row r="317541" spans="8:8">
      <c r="H317541" s="12"/>
    </row>
    <row r="317542" spans="8:8">
      <c r="H317542" s="12"/>
    </row>
    <row r="317543" spans="8:8">
      <c r="H317543" s="12"/>
    </row>
    <row r="317544" spans="8:8">
      <c r="H317544" s="12"/>
    </row>
    <row r="317545" spans="8:8">
      <c r="H317545" s="12"/>
    </row>
    <row r="317546" spans="8:8">
      <c r="H317546" s="12"/>
    </row>
    <row r="317547" spans="8:8">
      <c r="H317547" s="12"/>
    </row>
    <row r="317548" spans="8:8">
      <c r="H317548" s="12"/>
    </row>
    <row r="317549" spans="8:8">
      <c r="H317549" s="12"/>
    </row>
    <row r="317550" spans="8:8">
      <c r="H317550" s="12"/>
    </row>
    <row r="317551" spans="8:8">
      <c r="H317551" s="12"/>
    </row>
    <row r="317552" spans="8:8">
      <c r="H317552" s="12"/>
    </row>
    <row r="317553" spans="8:8">
      <c r="H317553" s="12"/>
    </row>
    <row r="317554" spans="8:8">
      <c r="H317554" s="12"/>
    </row>
    <row r="317555" spans="8:8">
      <c r="H317555" s="12"/>
    </row>
    <row r="317556" spans="8:8">
      <c r="H317556" s="12"/>
    </row>
    <row r="317557" spans="8:8">
      <c r="H317557" s="12"/>
    </row>
    <row r="317558" spans="8:8">
      <c r="H317558" s="12"/>
    </row>
    <row r="317559" spans="8:8">
      <c r="H317559" s="12"/>
    </row>
    <row r="317560" spans="8:8">
      <c r="H317560" s="12"/>
    </row>
    <row r="317561" spans="8:8">
      <c r="H317561" s="12"/>
    </row>
    <row r="317562" spans="8:8">
      <c r="H317562" s="12"/>
    </row>
    <row r="317563" spans="8:8">
      <c r="H317563" s="12"/>
    </row>
    <row r="317564" spans="8:8">
      <c r="H317564" s="12"/>
    </row>
    <row r="317565" spans="8:8">
      <c r="H317565" s="12"/>
    </row>
    <row r="317566" spans="8:8">
      <c r="H317566" s="12"/>
    </row>
    <row r="317567" spans="8:8">
      <c r="H317567" s="12"/>
    </row>
    <row r="317568" spans="8:8">
      <c r="H317568" s="12"/>
    </row>
    <row r="317569" spans="8:8">
      <c r="H317569" s="12"/>
    </row>
    <row r="317570" spans="8:8">
      <c r="H317570" s="12"/>
    </row>
    <row r="317571" spans="8:8">
      <c r="H317571" s="12"/>
    </row>
    <row r="317572" spans="8:8">
      <c r="H317572" s="12"/>
    </row>
    <row r="317573" spans="8:8">
      <c r="H317573" s="12"/>
    </row>
    <row r="317574" spans="8:8">
      <c r="H317574" s="12"/>
    </row>
    <row r="317575" spans="8:8">
      <c r="H317575" s="12"/>
    </row>
    <row r="317576" spans="8:8">
      <c r="H317576" s="12"/>
    </row>
    <row r="317577" spans="8:8">
      <c r="H317577" s="12"/>
    </row>
    <row r="317578" spans="8:8">
      <c r="H317578" s="12"/>
    </row>
    <row r="317579" spans="8:8">
      <c r="H317579" s="12"/>
    </row>
    <row r="317580" spans="8:8">
      <c r="H317580" s="12"/>
    </row>
    <row r="317581" spans="8:8">
      <c r="H317581" s="12"/>
    </row>
    <row r="317582" spans="8:8">
      <c r="H317582" s="12"/>
    </row>
    <row r="317583" spans="8:8">
      <c r="H317583" s="12"/>
    </row>
    <row r="317584" spans="8:8">
      <c r="H317584" s="12"/>
    </row>
    <row r="317585" spans="8:8">
      <c r="H317585" s="12"/>
    </row>
    <row r="317586" spans="8:8">
      <c r="H317586" s="12"/>
    </row>
    <row r="317587" spans="8:8">
      <c r="H317587" s="12"/>
    </row>
    <row r="317588" spans="8:8">
      <c r="H317588" s="12"/>
    </row>
    <row r="317589" spans="8:8">
      <c r="H317589" s="12"/>
    </row>
    <row r="317590" spans="8:8">
      <c r="H317590" s="12"/>
    </row>
    <row r="317591" spans="8:8">
      <c r="H317591" s="12"/>
    </row>
    <row r="317592" spans="8:8">
      <c r="H317592" s="12"/>
    </row>
    <row r="317593" spans="8:8">
      <c r="H317593" s="12"/>
    </row>
    <row r="317594" spans="8:8">
      <c r="H317594" s="12"/>
    </row>
    <row r="317595" spans="8:8">
      <c r="H317595" s="12"/>
    </row>
    <row r="317596" spans="8:8">
      <c r="H317596" s="12"/>
    </row>
    <row r="317597" spans="8:8">
      <c r="H317597" s="12"/>
    </row>
    <row r="317598" spans="8:8">
      <c r="H317598" s="12"/>
    </row>
    <row r="317599" spans="8:8">
      <c r="H317599" s="12"/>
    </row>
    <row r="317600" spans="8:8">
      <c r="H317600" s="12"/>
    </row>
    <row r="317601" spans="8:8">
      <c r="H317601" s="12"/>
    </row>
    <row r="317602" spans="8:8">
      <c r="H317602" s="12"/>
    </row>
    <row r="317603" spans="8:8">
      <c r="H317603" s="12"/>
    </row>
    <row r="317604" spans="8:8">
      <c r="H317604" s="12"/>
    </row>
    <row r="317605" spans="8:8">
      <c r="H317605" s="12"/>
    </row>
    <row r="317606" spans="8:8">
      <c r="H317606" s="12"/>
    </row>
    <row r="317607" spans="8:8">
      <c r="H317607" s="12"/>
    </row>
    <row r="317608" spans="8:8">
      <c r="H317608" s="12"/>
    </row>
    <row r="317609" spans="8:8">
      <c r="H317609" s="12"/>
    </row>
    <row r="317610" spans="8:8">
      <c r="H317610" s="12"/>
    </row>
    <row r="317611" spans="8:8">
      <c r="H317611" s="12"/>
    </row>
    <row r="317612" spans="8:8">
      <c r="H317612" s="12"/>
    </row>
    <row r="317613" spans="8:8">
      <c r="H317613" s="12"/>
    </row>
    <row r="317614" spans="8:8">
      <c r="H317614" s="12"/>
    </row>
    <row r="317615" spans="8:8">
      <c r="H317615" s="12"/>
    </row>
    <row r="317616" spans="8:8">
      <c r="H317616" s="12"/>
    </row>
    <row r="317617" spans="8:8">
      <c r="H317617" s="12"/>
    </row>
    <row r="317618" spans="8:8">
      <c r="H317618" s="12"/>
    </row>
    <row r="317619" spans="8:8">
      <c r="H317619" s="12"/>
    </row>
    <row r="317620" spans="8:8">
      <c r="H317620" s="12"/>
    </row>
    <row r="317621" spans="8:8">
      <c r="H317621" s="12"/>
    </row>
    <row r="317622" spans="8:8">
      <c r="H317622" s="12"/>
    </row>
    <row r="317623" spans="8:8">
      <c r="H317623" s="12"/>
    </row>
    <row r="317624" spans="8:8">
      <c r="H317624" s="12"/>
    </row>
    <row r="317625" spans="8:8">
      <c r="H317625" s="12"/>
    </row>
    <row r="317626" spans="8:8">
      <c r="H317626" s="12"/>
    </row>
    <row r="317627" spans="8:8">
      <c r="H317627" s="12"/>
    </row>
    <row r="317628" spans="8:8">
      <c r="H317628" s="12"/>
    </row>
    <row r="317629" spans="8:8">
      <c r="H317629" s="12"/>
    </row>
    <row r="317630" spans="8:8">
      <c r="H317630" s="12"/>
    </row>
    <row r="317631" spans="8:8">
      <c r="H317631" s="12"/>
    </row>
    <row r="317632" spans="8:8">
      <c r="H317632" s="12"/>
    </row>
    <row r="317633" spans="8:8">
      <c r="H317633" s="12"/>
    </row>
    <row r="317634" spans="8:8">
      <c r="H317634" s="12"/>
    </row>
    <row r="317635" spans="8:8">
      <c r="H317635" s="12"/>
    </row>
    <row r="317636" spans="8:8">
      <c r="H317636" s="12"/>
    </row>
    <row r="317637" spans="8:8">
      <c r="H317637" s="12"/>
    </row>
    <row r="317638" spans="8:8">
      <c r="H317638" s="12"/>
    </row>
    <row r="317639" spans="8:8">
      <c r="H317639" s="12"/>
    </row>
    <row r="317640" spans="8:8">
      <c r="H317640" s="12"/>
    </row>
    <row r="317641" spans="8:8">
      <c r="H317641" s="12"/>
    </row>
    <row r="317642" spans="8:8">
      <c r="H317642" s="12"/>
    </row>
    <row r="317643" spans="8:8">
      <c r="H317643" s="12"/>
    </row>
    <row r="317644" spans="8:8">
      <c r="H317644" s="12"/>
    </row>
    <row r="317645" spans="8:8">
      <c r="H317645" s="12"/>
    </row>
    <row r="317646" spans="8:8">
      <c r="H317646" s="12"/>
    </row>
    <row r="317647" spans="8:8">
      <c r="H317647" s="12"/>
    </row>
    <row r="317648" spans="8:8">
      <c r="H317648" s="12"/>
    </row>
    <row r="317649" spans="8:8">
      <c r="H317649" s="12"/>
    </row>
    <row r="317650" spans="8:8">
      <c r="H317650" s="12"/>
    </row>
    <row r="317651" spans="8:8">
      <c r="H317651" s="12"/>
    </row>
    <row r="317652" spans="8:8">
      <c r="H317652" s="12"/>
    </row>
    <row r="317653" spans="8:8">
      <c r="H317653" s="12"/>
    </row>
    <row r="317654" spans="8:8">
      <c r="H317654" s="12"/>
    </row>
    <row r="317655" spans="8:8">
      <c r="H317655" s="12"/>
    </row>
    <row r="317656" spans="8:8">
      <c r="H317656" s="12"/>
    </row>
    <row r="317657" spans="8:8">
      <c r="H317657" s="12"/>
    </row>
    <row r="317658" spans="8:8">
      <c r="H317658" s="12"/>
    </row>
    <row r="317659" spans="8:8">
      <c r="H317659" s="12"/>
    </row>
    <row r="317660" spans="8:8">
      <c r="H317660" s="12"/>
    </row>
    <row r="317661" spans="8:8">
      <c r="H317661" s="12"/>
    </row>
    <row r="317662" spans="8:8">
      <c r="H317662" s="12"/>
    </row>
    <row r="317663" spans="8:8">
      <c r="H317663" s="12"/>
    </row>
    <row r="317664" spans="8:8">
      <c r="H317664" s="12"/>
    </row>
    <row r="317665" spans="8:8">
      <c r="H317665" s="12"/>
    </row>
    <row r="317666" spans="8:8">
      <c r="H317666" s="12"/>
    </row>
    <row r="317667" spans="8:8">
      <c r="H317667" s="12"/>
    </row>
    <row r="317668" spans="8:8">
      <c r="H317668" s="12"/>
    </row>
    <row r="317669" spans="8:8">
      <c r="H317669" s="12"/>
    </row>
    <row r="317670" spans="8:8">
      <c r="H317670" s="12"/>
    </row>
    <row r="317671" spans="8:8">
      <c r="H317671" s="12"/>
    </row>
    <row r="317672" spans="8:8">
      <c r="H317672" s="12"/>
    </row>
    <row r="317673" spans="8:8">
      <c r="H317673" s="12"/>
    </row>
    <row r="317674" spans="8:8">
      <c r="H317674" s="12"/>
    </row>
    <row r="317675" spans="8:8">
      <c r="H317675" s="12"/>
    </row>
    <row r="317676" spans="8:8">
      <c r="H317676" s="12"/>
    </row>
    <row r="317677" spans="8:8">
      <c r="H317677" s="12"/>
    </row>
    <row r="317678" spans="8:8">
      <c r="H317678" s="12"/>
    </row>
    <row r="317679" spans="8:8">
      <c r="H317679" s="12"/>
    </row>
    <row r="317680" spans="8:8">
      <c r="H317680" s="12"/>
    </row>
    <row r="317681" spans="8:8">
      <c r="H317681" s="12"/>
    </row>
    <row r="317682" spans="8:8">
      <c r="H317682" s="12"/>
    </row>
    <row r="317683" spans="8:8">
      <c r="H317683" s="12"/>
    </row>
    <row r="317684" spans="8:8">
      <c r="H317684" s="12"/>
    </row>
    <row r="317685" spans="8:8">
      <c r="H317685" s="12"/>
    </row>
    <row r="317686" spans="8:8">
      <c r="H317686" s="12"/>
    </row>
    <row r="317687" spans="8:8">
      <c r="H317687" s="12"/>
    </row>
    <row r="317688" spans="8:8">
      <c r="H317688" s="12"/>
    </row>
    <row r="317689" spans="8:8">
      <c r="H317689" s="12"/>
    </row>
    <row r="317690" spans="8:8">
      <c r="H317690" s="12"/>
    </row>
    <row r="317691" spans="8:8">
      <c r="H317691" s="12"/>
    </row>
    <row r="317692" spans="8:8">
      <c r="H317692" s="12"/>
    </row>
    <row r="317693" spans="8:8">
      <c r="H317693" s="12"/>
    </row>
    <row r="317694" spans="8:8">
      <c r="H317694" s="12"/>
    </row>
    <row r="317695" spans="8:8">
      <c r="H317695" s="12"/>
    </row>
    <row r="317696" spans="8:8">
      <c r="H317696" s="12"/>
    </row>
    <row r="317697" spans="8:8">
      <c r="H317697" s="12"/>
    </row>
    <row r="317698" spans="8:8">
      <c r="H317698" s="12"/>
    </row>
    <row r="317699" spans="8:8">
      <c r="H317699" s="12"/>
    </row>
    <row r="317700" spans="8:8">
      <c r="H317700" s="12"/>
    </row>
    <row r="317701" spans="8:8">
      <c r="H317701" s="12"/>
    </row>
    <row r="317702" spans="8:8">
      <c r="H317702" s="12"/>
    </row>
    <row r="317703" spans="8:8">
      <c r="H317703" s="12"/>
    </row>
    <row r="317704" spans="8:8">
      <c r="H317704" s="12"/>
    </row>
    <row r="317705" spans="8:8">
      <c r="H317705" s="12"/>
    </row>
    <row r="317706" spans="8:8">
      <c r="H317706" s="12"/>
    </row>
    <row r="317707" spans="8:8">
      <c r="H317707" s="12"/>
    </row>
    <row r="317708" spans="8:8">
      <c r="H317708" s="12"/>
    </row>
    <row r="317709" spans="8:8">
      <c r="H317709" s="12"/>
    </row>
    <row r="317710" spans="8:8">
      <c r="H317710" s="12"/>
    </row>
    <row r="317711" spans="8:8">
      <c r="H317711" s="12"/>
    </row>
    <row r="317712" spans="8:8">
      <c r="H317712" s="12"/>
    </row>
    <row r="317713" spans="8:8">
      <c r="H317713" s="12"/>
    </row>
    <row r="317714" spans="8:8">
      <c r="H317714" s="12"/>
    </row>
    <row r="317715" spans="8:8">
      <c r="H317715" s="12"/>
    </row>
    <row r="317716" spans="8:8">
      <c r="H317716" s="12"/>
    </row>
    <row r="317717" spans="8:8">
      <c r="H317717" s="12"/>
    </row>
    <row r="317718" spans="8:8">
      <c r="H317718" s="12"/>
    </row>
    <row r="317719" spans="8:8">
      <c r="H317719" s="12"/>
    </row>
    <row r="317720" spans="8:8">
      <c r="H317720" s="12"/>
    </row>
    <row r="317721" spans="8:8">
      <c r="H317721" s="12"/>
    </row>
    <row r="317722" spans="8:8">
      <c r="H317722" s="12"/>
    </row>
    <row r="317723" spans="8:8">
      <c r="H317723" s="12"/>
    </row>
    <row r="317724" spans="8:8">
      <c r="H317724" s="12"/>
    </row>
    <row r="317725" spans="8:8">
      <c r="H317725" s="12"/>
    </row>
    <row r="317726" spans="8:8">
      <c r="H317726" s="12"/>
    </row>
    <row r="317727" spans="8:8">
      <c r="H317727" s="12"/>
    </row>
    <row r="317728" spans="8:8">
      <c r="H317728" s="12"/>
    </row>
    <row r="317729" spans="8:8">
      <c r="H317729" s="12"/>
    </row>
    <row r="317730" spans="8:8">
      <c r="H317730" s="12"/>
    </row>
    <row r="317731" spans="8:8">
      <c r="H317731" s="12"/>
    </row>
    <row r="317732" spans="8:8">
      <c r="H317732" s="12"/>
    </row>
    <row r="317733" spans="8:8">
      <c r="H317733" s="12"/>
    </row>
    <row r="317734" spans="8:8">
      <c r="H317734" s="12"/>
    </row>
    <row r="317735" spans="8:8">
      <c r="H317735" s="12"/>
    </row>
    <row r="317736" spans="8:8">
      <c r="H317736" s="12"/>
    </row>
    <row r="317737" spans="8:8">
      <c r="H317737" s="12"/>
    </row>
    <row r="317738" spans="8:8">
      <c r="H317738" s="12"/>
    </row>
    <row r="317739" spans="8:8">
      <c r="H317739" s="12"/>
    </row>
    <row r="317740" spans="8:8">
      <c r="H317740" s="12"/>
    </row>
    <row r="317741" spans="8:8">
      <c r="H317741" s="12"/>
    </row>
    <row r="317742" spans="8:8">
      <c r="H317742" s="12"/>
    </row>
    <row r="317743" spans="8:8">
      <c r="H317743" s="12"/>
    </row>
    <row r="317744" spans="8:8">
      <c r="H317744" s="12"/>
    </row>
    <row r="317745" spans="8:8">
      <c r="H317745" s="12"/>
    </row>
    <row r="317746" spans="8:8">
      <c r="H317746" s="12"/>
    </row>
    <row r="317747" spans="8:8">
      <c r="H317747" s="12"/>
    </row>
    <row r="317748" spans="8:8">
      <c r="H317748" s="12"/>
    </row>
    <row r="317749" spans="8:8">
      <c r="H317749" s="12"/>
    </row>
    <row r="317750" spans="8:8">
      <c r="H317750" s="12"/>
    </row>
    <row r="317751" spans="8:8">
      <c r="H317751" s="12"/>
    </row>
    <row r="317752" spans="8:8">
      <c r="H317752" s="12"/>
    </row>
    <row r="317753" spans="8:8">
      <c r="H317753" s="12"/>
    </row>
    <row r="317754" spans="8:8">
      <c r="H317754" s="12"/>
    </row>
    <row r="317755" spans="8:8">
      <c r="H317755" s="12"/>
    </row>
    <row r="317756" spans="8:8">
      <c r="H317756" s="12"/>
    </row>
    <row r="317757" spans="8:8">
      <c r="H317757" s="12"/>
    </row>
    <row r="317758" spans="8:8">
      <c r="H317758" s="12"/>
    </row>
    <row r="317759" spans="8:8">
      <c r="H317759" s="12"/>
    </row>
    <row r="317760" spans="8:8">
      <c r="H317760" s="12"/>
    </row>
    <row r="317761" spans="8:8">
      <c r="H317761" s="12"/>
    </row>
    <row r="317762" spans="8:8">
      <c r="H317762" s="12"/>
    </row>
    <row r="317763" spans="8:8">
      <c r="H317763" s="12"/>
    </row>
    <row r="317764" spans="8:8">
      <c r="H317764" s="12"/>
    </row>
    <row r="317765" spans="8:8">
      <c r="H317765" s="12"/>
    </row>
    <row r="317766" spans="8:8">
      <c r="H317766" s="12"/>
    </row>
    <row r="317767" spans="8:8">
      <c r="H317767" s="12"/>
    </row>
    <row r="317768" spans="8:8">
      <c r="H317768" s="12"/>
    </row>
    <row r="317769" spans="8:8">
      <c r="H317769" s="12"/>
    </row>
    <row r="317770" spans="8:8">
      <c r="H317770" s="12"/>
    </row>
    <row r="317771" spans="8:8">
      <c r="H317771" s="12"/>
    </row>
    <row r="317772" spans="8:8">
      <c r="H317772" s="12"/>
    </row>
    <row r="317773" spans="8:8">
      <c r="H317773" s="12"/>
    </row>
    <row r="317774" spans="8:8">
      <c r="H317774" s="12"/>
    </row>
    <row r="317775" spans="8:8">
      <c r="H317775" s="12"/>
    </row>
    <row r="317776" spans="8:8">
      <c r="H317776" s="12"/>
    </row>
    <row r="317777" spans="8:8">
      <c r="H317777" s="12"/>
    </row>
    <row r="317778" spans="8:8">
      <c r="H317778" s="12"/>
    </row>
    <row r="317779" spans="8:8">
      <c r="H317779" s="12"/>
    </row>
    <row r="317780" spans="8:8">
      <c r="H317780" s="12"/>
    </row>
    <row r="317781" spans="8:8">
      <c r="H317781" s="12"/>
    </row>
    <row r="317782" spans="8:8">
      <c r="H317782" s="12"/>
    </row>
    <row r="317783" spans="8:8">
      <c r="H317783" s="12"/>
    </row>
    <row r="317784" spans="8:8">
      <c r="H317784" s="12"/>
    </row>
    <row r="317785" spans="8:8">
      <c r="H317785" s="12"/>
    </row>
    <row r="317786" spans="8:8">
      <c r="H317786" s="12"/>
    </row>
    <row r="317787" spans="8:8">
      <c r="H317787" s="12"/>
    </row>
    <row r="317788" spans="8:8">
      <c r="H317788" s="12"/>
    </row>
    <row r="317789" spans="8:8">
      <c r="H317789" s="12"/>
    </row>
    <row r="317790" spans="8:8">
      <c r="H317790" s="12"/>
    </row>
    <row r="317791" spans="8:8">
      <c r="H317791" s="12"/>
    </row>
    <row r="317792" spans="8:8">
      <c r="H317792" s="12"/>
    </row>
    <row r="317793" spans="8:8">
      <c r="H317793" s="12"/>
    </row>
    <row r="317794" spans="8:8">
      <c r="H317794" s="12"/>
    </row>
    <row r="317795" spans="8:8">
      <c r="H317795" s="12"/>
    </row>
    <row r="317796" spans="8:8">
      <c r="H317796" s="12"/>
    </row>
    <row r="317797" spans="8:8">
      <c r="H317797" s="12"/>
    </row>
    <row r="317798" spans="8:8">
      <c r="H317798" s="12"/>
    </row>
    <row r="317799" spans="8:8">
      <c r="H317799" s="12"/>
    </row>
    <row r="317800" spans="8:8">
      <c r="H317800" s="12"/>
    </row>
    <row r="317801" spans="8:8">
      <c r="H317801" s="12"/>
    </row>
    <row r="317802" spans="8:8">
      <c r="H317802" s="12"/>
    </row>
    <row r="317803" spans="8:8">
      <c r="H317803" s="12"/>
    </row>
    <row r="317804" spans="8:8">
      <c r="H317804" s="12"/>
    </row>
    <row r="317805" spans="8:8">
      <c r="H317805" s="12"/>
    </row>
    <row r="317806" spans="8:8">
      <c r="H317806" s="12"/>
    </row>
    <row r="317807" spans="8:8">
      <c r="H317807" s="12"/>
    </row>
    <row r="317808" spans="8:8">
      <c r="H317808" s="12"/>
    </row>
    <row r="317809" spans="8:8">
      <c r="H317809" s="12"/>
    </row>
    <row r="317810" spans="8:8">
      <c r="H317810" s="12"/>
    </row>
    <row r="317811" spans="8:8">
      <c r="H317811" s="12"/>
    </row>
    <row r="317812" spans="8:8">
      <c r="H317812" s="12"/>
    </row>
    <row r="317813" spans="8:8">
      <c r="H317813" s="12"/>
    </row>
    <row r="317814" spans="8:8">
      <c r="H317814" s="12"/>
    </row>
    <row r="317815" spans="8:8">
      <c r="H317815" s="12"/>
    </row>
    <row r="317816" spans="8:8">
      <c r="H317816" s="12"/>
    </row>
    <row r="317817" spans="8:8">
      <c r="H317817" s="12"/>
    </row>
    <row r="317818" spans="8:8">
      <c r="H317818" s="12"/>
    </row>
    <row r="317819" spans="8:8">
      <c r="H317819" s="12"/>
    </row>
    <row r="317820" spans="8:8">
      <c r="H317820" s="12"/>
    </row>
    <row r="317821" spans="8:8">
      <c r="H317821" s="12"/>
    </row>
    <row r="317822" spans="8:8">
      <c r="H317822" s="12"/>
    </row>
    <row r="317823" spans="8:8">
      <c r="H317823" s="12"/>
    </row>
    <row r="317824" spans="8:8">
      <c r="H317824" s="12"/>
    </row>
    <row r="317825" spans="8:8">
      <c r="H317825" s="12"/>
    </row>
    <row r="317826" spans="8:8">
      <c r="H317826" s="12"/>
    </row>
    <row r="317827" spans="8:8">
      <c r="H317827" s="12"/>
    </row>
    <row r="317828" spans="8:8">
      <c r="H317828" s="12"/>
    </row>
    <row r="317829" spans="8:8">
      <c r="H317829" s="12"/>
    </row>
    <row r="317830" spans="8:8">
      <c r="H317830" s="12"/>
    </row>
    <row r="317831" spans="8:8">
      <c r="H317831" s="12"/>
    </row>
    <row r="317832" spans="8:8">
      <c r="H317832" s="12"/>
    </row>
    <row r="317833" spans="8:8">
      <c r="H317833" s="12"/>
    </row>
    <row r="317834" spans="8:8">
      <c r="H317834" s="12"/>
    </row>
    <row r="317835" spans="8:8">
      <c r="H317835" s="12"/>
    </row>
    <row r="317836" spans="8:8">
      <c r="H317836" s="12"/>
    </row>
    <row r="317837" spans="8:8">
      <c r="H317837" s="12"/>
    </row>
    <row r="317838" spans="8:8">
      <c r="H317838" s="12"/>
    </row>
    <row r="317839" spans="8:8">
      <c r="H317839" s="12"/>
    </row>
    <row r="317840" spans="8:8">
      <c r="H317840" s="12"/>
    </row>
    <row r="317841" spans="8:8">
      <c r="H317841" s="12"/>
    </row>
    <row r="317842" spans="8:8">
      <c r="H317842" s="12"/>
    </row>
    <row r="317843" spans="8:8">
      <c r="H317843" s="12"/>
    </row>
    <row r="317844" spans="8:8">
      <c r="H317844" s="12"/>
    </row>
    <row r="317845" spans="8:8">
      <c r="H317845" s="12"/>
    </row>
    <row r="317846" spans="8:8">
      <c r="H317846" s="12"/>
    </row>
    <row r="317847" spans="8:8">
      <c r="H317847" s="12"/>
    </row>
    <row r="317848" spans="8:8">
      <c r="H317848" s="12"/>
    </row>
    <row r="317849" spans="8:8">
      <c r="H317849" s="12"/>
    </row>
    <row r="317850" spans="8:8">
      <c r="H317850" s="12"/>
    </row>
    <row r="317851" spans="8:8">
      <c r="H317851" s="12"/>
    </row>
    <row r="317852" spans="8:8">
      <c r="H317852" s="12"/>
    </row>
    <row r="317853" spans="8:8">
      <c r="H317853" s="12"/>
    </row>
    <row r="317854" spans="8:8">
      <c r="H317854" s="12"/>
    </row>
    <row r="317855" spans="8:8">
      <c r="H317855" s="12"/>
    </row>
    <row r="317856" spans="8:8">
      <c r="H317856" s="12"/>
    </row>
    <row r="317857" spans="8:8">
      <c r="H317857" s="12"/>
    </row>
    <row r="317858" spans="8:8">
      <c r="H317858" s="12"/>
    </row>
    <row r="317859" spans="8:8">
      <c r="H317859" s="12"/>
    </row>
    <row r="317860" spans="8:8">
      <c r="H317860" s="12"/>
    </row>
    <row r="317861" spans="8:8">
      <c r="H317861" s="12"/>
    </row>
    <row r="317862" spans="8:8">
      <c r="H317862" s="12"/>
    </row>
    <row r="317863" spans="8:8">
      <c r="H317863" s="12"/>
    </row>
    <row r="317864" spans="8:8">
      <c r="H317864" s="12"/>
    </row>
    <row r="317865" spans="8:8">
      <c r="H317865" s="12"/>
    </row>
    <row r="317866" spans="8:8">
      <c r="H317866" s="12"/>
    </row>
    <row r="317867" spans="8:8">
      <c r="H317867" s="12"/>
    </row>
    <row r="317868" spans="8:8">
      <c r="H317868" s="12"/>
    </row>
    <row r="317869" spans="8:8">
      <c r="H317869" s="12"/>
    </row>
    <row r="317870" spans="8:8">
      <c r="H317870" s="12"/>
    </row>
    <row r="317871" spans="8:8">
      <c r="H317871" s="12"/>
    </row>
    <row r="317872" spans="8:8">
      <c r="H317872" s="12"/>
    </row>
    <row r="317873" spans="8:8">
      <c r="H317873" s="12"/>
    </row>
    <row r="317874" spans="8:8">
      <c r="H317874" s="12"/>
    </row>
    <row r="317875" spans="8:8">
      <c r="H317875" s="12"/>
    </row>
    <row r="317876" spans="8:8">
      <c r="H317876" s="12"/>
    </row>
    <row r="317877" spans="8:8">
      <c r="H317877" s="12"/>
    </row>
    <row r="317878" spans="8:8">
      <c r="H317878" s="12"/>
    </row>
    <row r="317879" spans="8:8">
      <c r="H317879" s="12"/>
    </row>
    <row r="317880" spans="8:8">
      <c r="H317880" s="12"/>
    </row>
    <row r="317881" spans="8:8">
      <c r="H317881" s="12"/>
    </row>
    <row r="317882" spans="8:8">
      <c r="H317882" s="12"/>
    </row>
    <row r="317883" spans="8:8">
      <c r="H317883" s="12"/>
    </row>
    <row r="317884" spans="8:8">
      <c r="H317884" s="12"/>
    </row>
    <row r="317885" spans="8:8">
      <c r="H317885" s="12"/>
    </row>
    <row r="317886" spans="8:8">
      <c r="H317886" s="12"/>
    </row>
    <row r="317887" spans="8:8">
      <c r="H317887" s="12"/>
    </row>
    <row r="317888" spans="8:8">
      <c r="H317888" s="12"/>
    </row>
    <row r="317889" spans="8:8">
      <c r="H317889" s="12"/>
    </row>
    <row r="317890" spans="8:8">
      <c r="H317890" s="12"/>
    </row>
    <row r="317891" spans="8:8">
      <c r="H317891" s="12"/>
    </row>
    <row r="317892" spans="8:8">
      <c r="H317892" s="12"/>
    </row>
    <row r="317893" spans="8:8">
      <c r="H317893" s="12"/>
    </row>
    <row r="317894" spans="8:8">
      <c r="H317894" s="12"/>
    </row>
    <row r="317895" spans="8:8">
      <c r="H317895" s="12"/>
    </row>
    <row r="317896" spans="8:8">
      <c r="H317896" s="12"/>
    </row>
    <row r="317897" spans="8:8">
      <c r="H317897" s="12"/>
    </row>
    <row r="317898" spans="8:8">
      <c r="H317898" s="12"/>
    </row>
    <row r="317899" spans="8:8">
      <c r="H317899" s="12"/>
    </row>
    <row r="317900" spans="8:8">
      <c r="H317900" s="12"/>
    </row>
    <row r="317901" spans="8:8">
      <c r="H317901" s="12"/>
    </row>
    <row r="317902" spans="8:8">
      <c r="H317902" s="12"/>
    </row>
    <row r="317903" spans="8:8">
      <c r="H317903" s="12"/>
    </row>
    <row r="317904" spans="8:8">
      <c r="H317904" s="12"/>
    </row>
    <row r="317905" spans="8:8">
      <c r="H317905" s="12"/>
    </row>
    <row r="317906" spans="8:8">
      <c r="H317906" s="12"/>
    </row>
    <row r="317907" spans="8:8">
      <c r="H317907" s="12"/>
    </row>
    <row r="317908" spans="8:8">
      <c r="H317908" s="12"/>
    </row>
    <row r="317909" spans="8:8">
      <c r="H317909" s="12"/>
    </row>
    <row r="317910" spans="8:8">
      <c r="H317910" s="12"/>
    </row>
    <row r="317911" spans="8:8">
      <c r="H317911" s="12"/>
    </row>
    <row r="317912" spans="8:8">
      <c r="H317912" s="12"/>
    </row>
    <row r="317913" spans="8:8">
      <c r="H317913" s="12"/>
    </row>
    <row r="317914" spans="8:8">
      <c r="H317914" s="12"/>
    </row>
    <row r="317915" spans="8:8">
      <c r="H317915" s="12"/>
    </row>
    <row r="317916" spans="8:8">
      <c r="H317916" s="12"/>
    </row>
    <row r="317917" spans="8:8">
      <c r="H317917" s="12"/>
    </row>
    <row r="317918" spans="8:8">
      <c r="H317918" s="12"/>
    </row>
    <row r="317919" spans="8:8">
      <c r="H317919" s="12"/>
    </row>
    <row r="317920" spans="8:8">
      <c r="H317920" s="12"/>
    </row>
    <row r="317921" spans="8:8">
      <c r="H317921" s="12"/>
    </row>
    <row r="317922" spans="8:8">
      <c r="H317922" s="12"/>
    </row>
    <row r="317923" spans="8:8">
      <c r="H317923" s="12"/>
    </row>
    <row r="317924" spans="8:8">
      <c r="H317924" s="12"/>
    </row>
    <row r="317925" spans="8:8">
      <c r="H317925" s="12"/>
    </row>
    <row r="317926" spans="8:8">
      <c r="H317926" s="12"/>
    </row>
    <row r="317927" spans="8:8">
      <c r="H317927" s="12"/>
    </row>
    <row r="317928" spans="8:8">
      <c r="H317928" s="12"/>
    </row>
    <row r="317929" spans="8:8">
      <c r="H317929" s="12"/>
    </row>
    <row r="317930" spans="8:8">
      <c r="H317930" s="12"/>
    </row>
    <row r="317931" spans="8:8">
      <c r="H317931" s="12"/>
    </row>
    <row r="317932" spans="8:8">
      <c r="H317932" s="12"/>
    </row>
    <row r="317933" spans="8:8">
      <c r="H317933" s="12"/>
    </row>
    <row r="317934" spans="8:8">
      <c r="H317934" s="12"/>
    </row>
    <row r="317935" spans="8:8">
      <c r="H317935" s="12"/>
    </row>
    <row r="317936" spans="8:8">
      <c r="H317936" s="12"/>
    </row>
    <row r="317937" spans="8:8">
      <c r="H317937" s="12"/>
    </row>
    <row r="317938" spans="8:8">
      <c r="H317938" s="12"/>
    </row>
    <row r="317939" spans="8:8">
      <c r="H317939" s="12"/>
    </row>
    <row r="317940" spans="8:8">
      <c r="H317940" s="12"/>
    </row>
    <row r="317941" spans="8:8">
      <c r="H317941" s="12"/>
    </row>
    <row r="317942" spans="8:8">
      <c r="H317942" s="12"/>
    </row>
    <row r="317943" spans="8:8">
      <c r="H317943" s="12"/>
    </row>
    <row r="317944" spans="8:8">
      <c r="H317944" s="12"/>
    </row>
    <row r="317945" spans="8:8">
      <c r="H317945" s="12"/>
    </row>
    <row r="317946" spans="8:8">
      <c r="H317946" s="12"/>
    </row>
    <row r="317947" spans="8:8">
      <c r="H317947" s="12"/>
    </row>
    <row r="317948" spans="8:8">
      <c r="H317948" s="12"/>
    </row>
    <row r="317949" spans="8:8">
      <c r="H317949" s="12"/>
    </row>
    <row r="317950" spans="8:8">
      <c r="H317950" s="12"/>
    </row>
    <row r="317951" spans="8:8">
      <c r="H317951" s="12"/>
    </row>
    <row r="317952" spans="8:8">
      <c r="H317952" s="12"/>
    </row>
    <row r="317953" spans="8:8">
      <c r="H317953" s="12"/>
    </row>
    <row r="317954" spans="8:8">
      <c r="H317954" s="12"/>
    </row>
    <row r="317955" spans="8:8">
      <c r="H317955" s="12"/>
    </row>
    <row r="317956" spans="8:8">
      <c r="H317956" s="12"/>
    </row>
    <row r="317957" spans="8:8">
      <c r="H317957" s="12"/>
    </row>
    <row r="317958" spans="8:8">
      <c r="H317958" s="12"/>
    </row>
    <row r="317959" spans="8:8">
      <c r="H317959" s="12"/>
    </row>
    <row r="317960" spans="8:8">
      <c r="H317960" s="12"/>
    </row>
    <row r="317961" spans="8:8">
      <c r="H317961" s="12"/>
    </row>
    <row r="317962" spans="8:8">
      <c r="H317962" s="12"/>
    </row>
    <row r="317963" spans="8:8">
      <c r="H317963" s="12"/>
    </row>
    <row r="317964" spans="8:8">
      <c r="H317964" s="12"/>
    </row>
    <row r="317965" spans="8:8">
      <c r="H317965" s="12"/>
    </row>
    <row r="317966" spans="8:8">
      <c r="H317966" s="12"/>
    </row>
    <row r="317967" spans="8:8">
      <c r="H317967" s="12"/>
    </row>
    <row r="317968" spans="8:8">
      <c r="H317968" s="12"/>
    </row>
    <row r="317969" spans="8:8">
      <c r="H317969" s="12"/>
    </row>
    <row r="317970" spans="8:8">
      <c r="H317970" s="12"/>
    </row>
    <row r="317971" spans="8:8">
      <c r="H317971" s="12"/>
    </row>
    <row r="317972" spans="8:8">
      <c r="H317972" s="12"/>
    </row>
    <row r="317973" spans="8:8">
      <c r="H317973" s="12"/>
    </row>
    <row r="317974" spans="8:8">
      <c r="H317974" s="12"/>
    </row>
    <row r="317975" spans="8:8">
      <c r="H317975" s="12"/>
    </row>
    <row r="317976" spans="8:8">
      <c r="H317976" s="12"/>
    </row>
    <row r="317977" spans="8:8">
      <c r="H317977" s="12"/>
    </row>
    <row r="317978" spans="8:8">
      <c r="H317978" s="12"/>
    </row>
    <row r="317979" spans="8:8">
      <c r="H317979" s="12"/>
    </row>
    <row r="317980" spans="8:8">
      <c r="H317980" s="12"/>
    </row>
    <row r="317981" spans="8:8">
      <c r="H317981" s="12"/>
    </row>
    <row r="317982" spans="8:8">
      <c r="H317982" s="12"/>
    </row>
    <row r="317983" spans="8:8">
      <c r="H317983" s="12"/>
    </row>
    <row r="317984" spans="8:8">
      <c r="H317984" s="12"/>
    </row>
    <row r="317985" spans="8:8">
      <c r="H317985" s="12"/>
    </row>
    <row r="317986" spans="8:8">
      <c r="H317986" s="12"/>
    </row>
    <row r="317987" spans="8:8">
      <c r="H317987" s="12"/>
    </row>
    <row r="317988" spans="8:8">
      <c r="H317988" s="12"/>
    </row>
    <row r="317989" spans="8:8">
      <c r="H317989" s="12"/>
    </row>
    <row r="317990" spans="8:8">
      <c r="H317990" s="12"/>
    </row>
    <row r="317991" spans="8:8">
      <c r="H317991" s="12"/>
    </row>
    <row r="317992" spans="8:8">
      <c r="H317992" s="12"/>
    </row>
    <row r="317993" spans="8:8">
      <c r="H317993" s="12"/>
    </row>
    <row r="317994" spans="8:8">
      <c r="H317994" s="12"/>
    </row>
    <row r="317995" spans="8:8">
      <c r="H317995" s="12"/>
    </row>
    <row r="317996" spans="8:8">
      <c r="H317996" s="12"/>
    </row>
    <row r="317997" spans="8:8">
      <c r="H317997" s="12"/>
    </row>
    <row r="317998" spans="8:8">
      <c r="H317998" s="12"/>
    </row>
    <row r="317999" spans="8:8">
      <c r="H317999" s="12"/>
    </row>
    <row r="318000" spans="8:8">
      <c r="H318000" s="12"/>
    </row>
    <row r="318001" spans="8:8">
      <c r="H318001" s="12"/>
    </row>
    <row r="318002" spans="8:8">
      <c r="H318002" s="12"/>
    </row>
    <row r="318003" spans="8:8">
      <c r="H318003" s="12"/>
    </row>
    <row r="318004" spans="8:8">
      <c r="H318004" s="12"/>
    </row>
    <row r="318005" spans="8:8">
      <c r="H318005" s="12"/>
    </row>
    <row r="318006" spans="8:8">
      <c r="H318006" s="12"/>
    </row>
    <row r="318007" spans="8:8">
      <c r="H318007" s="12"/>
    </row>
    <row r="318008" spans="8:8">
      <c r="H318008" s="12"/>
    </row>
    <row r="318009" spans="8:8">
      <c r="H318009" s="12"/>
    </row>
    <row r="318010" spans="8:8">
      <c r="H318010" s="12"/>
    </row>
    <row r="318011" spans="8:8">
      <c r="H318011" s="12"/>
    </row>
    <row r="318012" spans="8:8">
      <c r="H318012" s="12"/>
    </row>
    <row r="318013" spans="8:8">
      <c r="H318013" s="12"/>
    </row>
    <row r="318014" spans="8:8">
      <c r="H318014" s="12"/>
    </row>
    <row r="318015" spans="8:8">
      <c r="H318015" s="12"/>
    </row>
    <row r="318016" spans="8:8">
      <c r="H318016" s="12"/>
    </row>
    <row r="318017" spans="8:8">
      <c r="H318017" s="12"/>
    </row>
    <row r="318018" spans="8:8">
      <c r="H318018" s="12"/>
    </row>
    <row r="318019" spans="8:8">
      <c r="H318019" s="12"/>
    </row>
    <row r="318020" spans="8:8">
      <c r="H318020" s="12"/>
    </row>
    <row r="318021" spans="8:8">
      <c r="H318021" s="12"/>
    </row>
    <row r="318022" spans="8:8">
      <c r="H318022" s="12"/>
    </row>
    <row r="318023" spans="8:8">
      <c r="H318023" s="12"/>
    </row>
    <row r="318024" spans="8:8">
      <c r="H318024" s="12"/>
    </row>
    <row r="318025" spans="8:8">
      <c r="H318025" s="12"/>
    </row>
    <row r="318026" spans="8:8">
      <c r="H318026" s="12"/>
    </row>
    <row r="318027" spans="8:8">
      <c r="H318027" s="12"/>
    </row>
    <row r="318028" spans="8:8">
      <c r="H318028" s="12"/>
    </row>
    <row r="318029" spans="8:8">
      <c r="H318029" s="12"/>
    </row>
    <row r="318030" spans="8:8">
      <c r="H318030" s="12"/>
    </row>
    <row r="318031" spans="8:8">
      <c r="H318031" s="12"/>
    </row>
    <row r="318032" spans="8:8">
      <c r="H318032" s="12"/>
    </row>
    <row r="318033" spans="8:8">
      <c r="H318033" s="12"/>
    </row>
    <row r="318034" spans="8:8">
      <c r="H318034" s="12"/>
    </row>
    <row r="318035" spans="8:8">
      <c r="H318035" s="12"/>
    </row>
    <row r="318036" spans="8:8">
      <c r="H318036" s="12"/>
    </row>
    <row r="318037" spans="8:8">
      <c r="H318037" s="12"/>
    </row>
    <row r="318038" spans="8:8">
      <c r="H318038" s="12"/>
    </row>
    <row r="318039" spans="8:8">
      <c r="H318039" s="12"/>
    </row>
    <row r="318040" spans="8:8">
      <c r="H318040" s="12"/>
    </row>
    <row r="318041" spans="8:8">
      <c r="H318041" s="12"/>
    </row>
    <row r="318042" spans="8:8">
      <c r="H318042" s="12"/>
    </row>
    <row r="318043" spans="8:8">
      <c r="H318043" s="12"/>
    </row>
    <row r="318044" spans="8:8">
      <c r="H318044" s="12"/>
    </row>
    <row r="318045" spans="8:8">
      <c r="H318045" s="12"/>
    </row>
    <row r="318046" spans="8:8">
      <c r="H318046" s="12"/>
    </row>
    <row r="318047" spans="8:8">
      <c r="H318047" s="12"/>
    </row>
    <row r="318048" spans="8:8">
      <c r="H318048" s="12"/>
    </row>
    <row r="318049" spans="8:8">
      <c r="H318049" s="12"/>
    </row>
    <row r="318050" spans="8:8">
      <c r="H318050" s="12"/>
    </row>
    <row r="318051" spans="8:8">
      <c r="H318051" s="12"/>
    </row>
    <row r="318052" spans="8:8">
      <c r="H318052" s="12"/>
    </row>
    <row r="318053" spans="8:8">
      <c r="H318053" s="12"/>
    </row>
    <row r="318054" spans="8:8">
      <c r="H318054" s="12"/>
    </row>
    <row r="318055" spans="8:8">
      <c r="H318055" s="12"/>
    </row>
    <row r="318056" spans="8:8">
      <c r="H318056" s="12"/>
    </row>
    <row r="318057" spans="8:8">
      <c r="H318057" s="12"/>
    </row>
    <row r="318058" spans="8:8">
      <c r="H318058" s="12"/>
    </row>
    <row r="318059" spans="8:8">
      <c r="H318059" s="12"/>
    </row>
    <row r="318060" spans="8:8">
      <c r="H318060" s="12"/>
    </row>
    <row r="318061" spans="8:8">
      <c r="H318061" s="12"/>
    </row>
    <row r="318062" spans="8:8">
      <c r="H318062" s="12"/>
    </row>
    <row r="318063" spans="8:8">
      <c r="H318063" s="12"/>
    </row>
    <row r="318064" spans="8:8">
      <c r="H318064" s="12"/>
    </row>
    <row r="318065" spans="8:8">
      <c r="H318065" s="12"/>
    </row>
    <row r="318066" spans="8:8">
      <c r="H318066" s="12"/>
    </row>
    <row r="318067" spans="8:8">
      <c r="H318067" s="12"/>
    </row>
    <row r="318068" spans="8:8">
      <c r="H318068" s="12"/>
    </row>
    <row r="318069" spans="8:8">
      <c r="H318069" s="12"/>
    </row>
    <row r="318070" spans="8:8">
      <c r="H318070" s="12"/>
    </row>
    <row r="318071" spans="8:8">
      <c r="H318071" s="12"/>
    </row>
    <row r="318072" spans="8:8">
      <c r="H318072" s="12"/>
    </row>
    <row r="318073" spans="8:8">
      <c r="H318073" s="12"/>
    </row>
    <row r="318074" spans="8:8">
      <c r="H318074" s="12"/>
    </row>
    <row r="318075" spans="8:8">
      <c r="H318075" s="12"/>
    </row>
    <row r="318076" spans="8:8">
      <c r="H318076" s="12"/>
    </row>
    <row r="318077" spans="8:8">
      <c r="H318077" s="12"/>
    </row>
    <row r="318078" spans="8:8">
      <c r="H318078" s="12"/>
    </row>
    <row r="318079" spans="8:8">
      <c r="H318079" s="12"/>
    </row>
    <row r="318080" spans="8:8">
      <c r="H318080" s="12"/>
    </row>
    <row r="318081" spans="8:8">
      <c r="H318081" s="12"/>
    </row>
    <row r="318082" spans="8:8">
      <c r="H318082" s="12"/>
    </row>
    <row r="318083" spans="8:8">
      <c r="H318083" s="12"/>
    </row>
    <row r="318084" spans="8:8">
      <c r="H318084" s="12"/>
    </row>
    <row r="318085" spans="8:8">
      <c r="H318085" s="12"/>
    </row>
    <row r="318086" spans="8:8">
      <c r="H318086" s="12"/>
    </row>
    <row r="318087" spans="8:8">
      <c r="H318087" s="12"/>
    </row>
    <row r="318088" spans="8:8">
      <c r="H318088" s="12"/>
    </row>
    <row r="318089" spans="8:8">
      <c r="H318089" s="12"/>
    </row>
    <row r="318090" spans="8:8">
      <c r="H318090" s="12"/>
    </row>
    <row r="318091" spans="8:8">
      <c r="H318091" s="12"/>
    </row>
    <row r="318092" spans="8:8">
      <c r="H318092" s="12"/>
    </row>
    <row r="318093" spans="8:8">
      <c r="H318093" s="12"/>
    </row>
    <row r="318094" spans="8:8">
      <c r="H318094" s="12"/>
    </row>
    <row r="318095" spans="8:8">
      <c r="H318095" s="12"/>
    </row>
    <row r="318096" spans="8:8">
      <c r="H318096" s="12"/>
    </row>
    <row r="318097" spans="8:8">
      <c r="H318097" s="12"/>
    </row>
    <row r="318098" spans="8:8">
      <c r="H318098" s="12"/>
    </row>
    <row r="318099" spans="8:8">
      <c r="H318099" s="12"/>
    </row>
    <row r="318100" spans="8:8">
      <c r="H318100" s="12"/>
    </row>
    <row r="318101" spans="8:8">
      <c r="H318101" s="12"/>
    </row>
    <row r="318102" spans="8:8">
      <c r="H318102" s="12"/>
    </row>
    <row r="318103" spans="8:8">
      <c r="H318103" s="12"/>
    </row>
    <row r="318104" spans="8:8">
      <c r="H318104" s="12"/>
    </row>
    <row r="318105" spans="8:8">
      <c r="H318105" s="12"/>
    </row>
    <row r="318106" spans="8:8">
      <c r="H318106" s="12"/>
    </row>
    <row r="318107" spans="8:8">
      <c r="H318107" s="12"/>
    </row>
    <row r="318108" spans="8:8">
      <c r="H318108" s="12"/>
    </row>
    <row r="318109" spans="8:8">
      <c r="H318109" s="12"/>
    </row>
    <row r="318110" spans="8:8">
      <c r="H318110" s="12"/>
    </row>
    <row r="318111" spans="8:8">
      <c r="H318111" s="12"/>
    </row>
    <row r="318112" spans="8:8">
      <c r="H318112" s="12"/>
    </row>
    <row r="318113" spans="8:8">
      <c r="H318113" s="12"/>
    </row>
    <row r="318114" spans="8:8">
      <c r="H318114" s="12"/>
    </row>
    <row r="318115" spans="8:8">
      <c r="H318115" s="12"/>
    </row>
    <row r="318116" spans="8:8">
      <c r="H318116" s="12"/>
    </row>
    <row r="318117" spans="8:8">
      <c r="H318117" s="12"/>
    </row>
    <row r="318118" spans="8:8">
      <c r="H318118" s="12"/>
    </row>
    <row r="318119" spans="8:8">
      <c r="H318119" s="12"/>
    </row>
    <row r="318120" spans="8:8">
      <c r="H318120" s="12"/>
    </row>
    <row r="318121" spans="8:8">
      <c r="H318121" s="12"/>
    </row>
    <row r="318122" spans="8:8">
      <c r="H318122" s="12"/>
    </row>
    <row r="318123" spans="8:8">
      <c r="H318123" s="12"/>
    </row>
    <row r="318124" spans="8:8">
      <c r="H318124" s="12"/>
    </row>
    <row r="318125" spans="8:8">
      <c r="H318125" s="12"/>
    </row>
    <row r="318126" spans="8:8">
      <c r="H318126" s="12"/>
    </row>
    <row r="318127" spans="8:8">
      <c r="H318127" s="12"/>
    </row>
    <row r="318128" spans="8:8">
      <c r="H318128" s="12"/>
    </row>
    <row r="318129" spans="8:8">
      <c r="H318129" s="12"/>
    </row>
    <row r="318130" spans="8:8">
      <c r="H318130" s="12"/>
    </row>
    <row r="318131" spans="8:8">
      <c r="H318131" s="12"/>
    </row>
    <row r="318132" spans="8:8">
      <c r="H318132" s="12"/>
    </row>
    <row r="318133" spans="8:8">
      <c r="H318133" s="12"/>
    </row>
    <row r="318134" spans="8:8">
      <c r="H318134" s="12"/>
    </row>
    <row r="318135" spans="8:8">
      <c r="H318135" s="12"/>
    </row>
    <row r="318136" spans="8:8">
      <c r="H318136" s="12"/>
    </row>
    <row r="318137" spans="8:8">
      <c r="H318137" s="12"/>
    </row>
    <row r="318138" spans="8:8">
      <c r="H318138" s="12"/>
    </row>
    <row r="318139" spans="8:8">
      <c r="H318139" s="12"/>
    </row>
    <row r="318140" spans="8:8">
      <c r="H318140" s="12"/>
    </row>
    <row r="318141" spans="8:8">
      <c r="H318141" s="12"/>
    </row>
    <row r="318142" spans="8:8">
      <c r="H318142" s="12"/>
    </row>
    <row r="318143" spans="8:8">
      <c r="H318143" s="12"/>
    </row>
    <row r="318144" spans="8:8">
      <c r="H318144" s="12"/>
    </row>
    <row r="318145" spans="8:8">
      <c r="H318145" s="12"/>
    </row>
    <row r="318146" spans="8:8">
      <c r="H318146" s="12"/>
    </row>
    <row r="318147" spans="8:8">
      <c r="H318147" s="12"/>
    </row>
    <row r="318148" spans="8:8">
      <c r="H318148" s="12"/>
    </row>
    <row r="318149" spans="8:8">
      <c r="H318149" s="12"/>
    </row>
    <row r="318150" spans="8:8">
      <c r="H318150" s="12"/>
    </row>
    <row r="318151" spans="8:8">
      <c r="H318151" s="12"/>
    </row>
    <row r="318152" spans="8:8">
      <c r="H318152" s="12"/>
    </row>
    <row r="318153" spans="8:8">
      <c r="H318153" s="12"/>
    </row>
    <row r="318154" spans="8:8">
      <c r="H318154" s="12"/>
    </row>
    <row r="318155" spans="8:8">
      <c r="H318155" s="12"/>
    </row>
    <row r="318156" spans="8:8">
      <c r="H318156" s="12"/>
    </row>
    <row r="318157" spans="8:8">
      <c r="H318157" s="12"/>
    </row>
    <row r="318158" spans="8:8">
      <c r="H318158" s="12"/>
    </row>
    <row r="318159" spans="8:8">
      <c r="H318159" s="12"/>
    </row>
    <row r="318160" spans="8:8">
      <c r="H318160" s="12"/>
    </row>
    <row r="318161" spans="8:8">
      <c r="H318161" s="12"/>
    </row>
    <row r="318162" spans="8:8">
      <c r="H318162" s="12"/>
    </row>
    <row r="318163" spans="8:8">
      <c r="H318163" s="12"/>
    </row>
    <row r="318164" spans="8:8">
      <c r="H318164" s="12"/>
    </row>
    <row r="318165" spans="8:8">
      <c r="H318165" s="12"/>
    </row>
    <row r="318166" spans="8:8">
      <c r="H318166" s="12"/>
    </row>
    <row r="318167" spans="8:8">
      <c r="H318167" s="12"/>
    </row>
    <row r="318168" spans="8:8">
      <c r="H318168" s="12"/>
    </row>
    <row r="318169" spans="8:8">
      <c r="H318169" s="12"/>
    </row>
    <row r="318170" spans="8:8">
      <c r="H318170" s="12"/>
    </row>
    <row r="318171" spans="8:8">
      <c r="H318171" s="12"/>
    </row>
    <row r="318172" spans="8:8">
      <c r="H318172" s="12"/>
    </row>
    <row r="318173" spans="8:8">
      <c r="H318173" s="12"/>
    </row>
    <row r="318174" spans="8:8">
      <c r="H318174" s="12"/>
    </row>
    <row r="318175" spans="8:8">
      <c r="H318175" s="12"/>
    </row>
    <row r="318176" spans="8:8">
      <c r="H318176" s="12"/>
    </row>
    <row r="318177" spans="8:8">
      <c r="H318177" s="12"/>
    </row>
    <row r="318178" spans="8:8">
      <c r="H318178" s="12"/>
    </row>
    <row r="318179" spans="8:8">
      <c r="H318179" s="12"/>
    </row>
    <row r="318180" spans="8:8">
      <c r="H318180" s="12"/>
    </row>
    <row r="318181" spans="8:8">
      <c r="H318181" s="12"/>
    </row>
    <row r="318182" spans="8:8">
      <c r="H318182" s="12"/>
    </row>
    <row r="318183" spans="8:8">
      <c r="H318183" s="12"/>
    </row>
    <row r="318184" spans="8:8">
      <c r="H318184" s="12"/>
    </row>
    <row r="318185" spans="8:8">
      <c r="H318185" s="12"/>
    </row>
    <row r="318186" spans="8:8">
      <c r="H318186" s="12"/>
    </row>
    <row r="318187" spans="8:8">
      <c r="H318187" s="12"/>
    </row>
    <row r="318188" spans="8:8">
      <c r="H318188" s="12"/>
    </row>
    <row r="318189" spans="8:8">
      <c r="H318189" s="12"/>
    </row>
    <row r="318190" spans="8:8">
      <c r="H318190" s="12"/>
    </row>
    <row r="318191" spans="8:8">
      <c r="H318191" s="12"/>
    </row>
    <row r="318192" spans="8:8">
      <c r="H318192" s="12"/>
    </row>
    <row r="318193" spans="8:8">
      <c r="H318193" s="12"/>
    </row>
    <row r="318194" spans="8:8">
      <c r="H318194" s="12"/>
    </row>
    <row r="318195" spans="8:8">
      <c r="H318195" s="12"/>
    </row>
    <row r="318196" spans="8:8">
      <c r="H318196" s="12"/>
    </row>
    <row r="318197" spans="8:8">
      <c r="H318197" s="12"/>
    </row>
    <row r="318198" spans="8:8">
      <c r="H318198" s="12"/>
    </row>
    <row r="318199" spans="8:8">
      <c r="H318199" s="12"/>
    </row>
    <row r="318200" spans="8:8">
      <c r="H318200" s="12"/>
    </row>
    <row r="318201" spans="8:8">
      <c r="H318201" s="12"/>
    </row>
    <row r="318202" spans="8:8">
      <c r="H318202" s="12"/>
    </row>
    <row r="318203" spans="8:8">
      <c r="H318203" s="12"/>
    </row>
    <row r="318204" spans="8:8">
      <c r="H318204" s="12"/>
    </row>
    <row r="318205" spans="8:8">
      <c r="H318205" s="12"/>
    </row>
    <row r="318206" spans="8:8">
      <c r="H318206" s="12"/>
    </row>
    <row r="318207" spans="8:8">
      <c r="H318207" s="12"/>
    </row>
    <row r="318208" spans="8:8">
      <c r="H318208" s="12"/>
    </row>
    <row r="318209" spans="8:8">
      <c r="H318209" s="12"/>
    </row>
    <row r="318210" spans="8:8">
      <c r="H318210" s="12"/>
    </row>
    <row r="318211" spans="8:8">
      <c r="H318211" s="12"/>
    </row>
    <row r="318212" spans="8:8">
      <c r="H318212" s="12"/>
    </row>
    <row r="318213" spans="8:8">
      <c r="H318213" s="12"/>
    </row>
    <row r="318214" spans="8:8">
      <c r="H318214" s="12"/>
    </row>
    <row r="318215" spans="8:8">
      <c r="H318215" s="12"/>
    </row>
    <row r="318216" spans="8:8">
      <c r="H318216" s="12"/>
    </row>
    <row r="318217" spans="8:8">
      <c r="H318217" s="12"/>
    </row>
    <row r="318218" spans="8:8">
      <c r="H318218" s="12"/>
    </row>
    <row r="318219" spans="8:8">
      <c r="H318219" s="12"/>
    </row>
    <row r="318220" spans="8:8">
      <c r="H318220" s="12"/>
    </row>
    <row r="318221" spans="8:8">
      <c r="H318221" s="12"/>
    </row>
    <row r="318222" spans="8:8">
      <c r="H318222" s="12"/>
    </row>
    <row r="318223" spans="8:8">
      <c r="H318223" s="12"/>
    </row>
    <row r="318224" spans="8:8">
      <c r="H318224" s="12"/>
    </row>
    <row r="318225" spans="8:8">
      <c r="H318225" s="12"/>
    </row>
    <row r="318226" spans="8:8">
      <c r="H318226" s="12"/>
    </row>
    <row r="318227" spans="8:8">
      <c r="H318227" s="12"/>
    </row>
    <row r="318228" spans="8:8">
      <c r="H318228" s="12"/>
    </row>
    <row r="318229" spans="8:8">
      <c r="H318229" s="12"/>
    </row>
    <row r="318230" spans="8:8">
      <c r="H318230" s="12"/>
    </row>
    <row r="318231" spans="8:8">
      <c r="H318231" s="12"/>
    </row>
    <row r="318232" spans="8:8">
      <c r="H318232" s="12"/>
    </row>
    <row r="318233" spans="8:8">
      <c r="H318233" s="12"/>
    </row>
    <row r="318234" spans="8:8">
      <c r="H318234" s="12"/>
    </row>
    <row r="318235" spans="8:8">
      <c r="H318235" s="12"/>
    </row>
    <row r="318236" spans="8:8">
      <c r="H318236" s="12"/>
    </row>
    <row r="318237" spans="8:8">
      <c r="H318237" s="12"/>
    </row>
    <row r="318238" spans="8:8">
      <c r="H318238" s="12"/>
    </row>
    <row r="318239" spans="8:8">
      <c r="H318239" s="12"/>
    </row>
    <row r="318240" spans="8:8">
      <c r="H318240" s="12"/>
    </row>
    <row r="318241" spans="8:8">
      <c r="H318241" s="12"/>
    </row>
    <row r="318242" spans="8:8">
      <c r="H318242" s="12"/>
    </row>
    <row r="318243" spans="8:8">
      <c r="H318243" s="12"/>
    </row>
    <row r="318244" spans="8:8">
      <c r="H318244" s="12"/>
    </row>
    <row r="318245" spans="8:8">
      <c r="H318245" s="12"/>
    </row>
    <row r="318246" spans="8:8">
      <c r="H318246" s="12"/>
    </row>
    <row r="318247" spans="8:8">
      <c r="H318247" s="12"/>
    </row>
    <row r="318248" spans="8:8">
      <c r="H318248" s="12"/>
    </row>
    <row r="318249" spans="8:8">
      <c r="H318249" s="12"/>
    </row>
    <row r="318250" spans="8:8">
      <c r="H318250" s="12"/>
    </row>
    <row r="318251" spans="8:8">
      <c r="H318251" s="12"/>
    </row>
    <row r="318252" spans="8:8">
      <c r="H318252" s="12"/>
    </row>
    <row r="318253" spans="8:8">
      <c r="H318253" s="12"/>
    </row>
    <row r="318254" spans="8:8">
      <c r="H318254" s="12"/>
    </row>
    <row r="318255" spans="8:8">
      <c r="H318255" s="12"/>
    </row>
    <row r="318256" spans="8:8">
      <c r="H318256" s="12"/>
    </row>
    <row r="318257" spans="8:8">
      <c r="H318257" s="12"/>
    </row>
    <row r="318258" spans="8:8">
      <c r="H318258" s="12"/>
    </row>
    <row r="318259" spans="8:8">
      <c r="H318259" s="12"/>
    </row>
    <row r="318260" spans="8:8">
      <c r="H318260" s="12"/>
    </row>
    <row r="318261" spans="8:8">
      <c r="H318261" s="12"/>
    </row>
    <row r="318262" spans="8:8">
      <c r="H318262" s="12"/>
    </row>
    <row r="318263" spans="8:8">
      <c r="H318263" s="12"/>
    </row>
    <row r="318264" spans="8:8">
      <c r="H318264" s="12"/>
    </row>
    <row r="318265" spans="8:8">
      <c r="H318265" s="12"/>
    </row>
    <row r="318266" spans="8:8">
      <c r="H318266" s="12"/>
    </row>
    <row r="318267" spans="8:8">
      <c r="H318267" s="12"/>
    </row>
    <row r="318268" spans="8:8">
      <c r="H318268" s="12"/>
    </row>
    <row r="318269" spans="8:8">
      <c r="H318269" s="12"/>
    </row>
    <row r="318270" spans="8:8">
      <c r="H318270" s="12"/>
    </row>
    <row r="318271" spans="8:8">
      <c r="H318271" s="12"/>
    </row>
    <row r="318272" spans="8:8">
      <c r="H318272" s="12"/>
    </row>
    <row r="318273" spans="8:8">
      <c r="H318273" s="12"/>
    </row>
    <row r="318274" spans="8:8">
      <c r="H318274" s="12"/>
    </row>
    <row r="318275" spans="8:8">
      <c r="H318275" s="12"/>
    </row>
    <row r="318276" spans="8:8">
      <c r="H318276" s="12"/>
    </row>
    <row r="318277" spans="8:8">
      <c r="H318277" s="12"/>
    </row>
    <row r="318278" spans="8:8">
      <c r="H318278" s="12"/>
    </row>
    <row r="318279" spans="8:8">
      <c r="H318279" s="12"/>
    </row>
    <row r="318280" spans="8:8">
      <c r="H318280" s="12"/>
    </row>
    <row r="318281" spans="8:8">
      <c r="H318281" s="12"/>
    </row>
    <row r="318282" spans="8:8">
      <c r="H318282" s="12"/>
    </row>
    <row r="318283" spans="8:8">
      <c r="H318283" s="12"/>
    </row>
    <row r="318284" spans="8:8">
      <c r="H318284" s="12"/>
    </row>
    <row r="318285" spans="8:8">
      <c r="H318285" s="12"/>
    </row>
    <row r="318286" spans="8:8">
      <c r="H318286" s="12"/>
    </row>
    <row r="318287" spans="8:8">
      <c r="H318287" s="12"/>
    </row>
    <row r="318288" spans="8:8">
      <c r="H318288" s="12"/>
    </row>
    <row r="318289" spans="8:8">
      <c r="H318289" s="12"/>
    </row>
    <row r="318290" spans="8:8">
      <c r="H318290" s="12"/>
    </row>
    <row r="318291" spans="8:8">
      <c r="H318291" s="12"/>
    </row>
    <row r="318292" spans="8:8">
      <c r="H318292" s="12"/>
    </row>
    <row r="318293" spans="8:8">
      <c r="H318293" s="12"/>
    </row>
    <row r="318294" spans="8:8">
      <c r="H318294" s="12"/>
    </row>
    <row r="318295" spans="8:8">
      <c r="H318295" s="12"/>
    </row>
    <row r="318296" spans="8:8">
      <c r="H318296" s="12"/>
    </row>
    <row r="318297" spans="8:8">
      <c r="H318297" s="12"/>
    </row>
    <row r="318298" spans="8:8">
      <c r="H318298" s="12"/>
    </row>
    <row r="318299" spans="8:8">
      <c r="H318299" s="12"/>
    </row>
    <row r="318300" spans="8:8">
      <c r="H318300" s="12"/>
    </row>
    <row r="318301" spans="8:8">
      <c r="H318301" s="12"/>
    </row>
    <row r="318302" spans="8:8">
      <c r="H318302" s="12"/>
    </row>
    <row r="318303" spans="8:8">
      <c r="H318303" s="12"/>
    </row>
    <row r="318304" spans="8:8">
      <c r="H318304" s="12"/>
    </row>
    <row r="318305" spans="8:8">
      <c r="H318305" s="12"/>
    </row>
    <row r="318306" spans="8:8">
      <c r="H318306" s="12"/>
    </row>
    <row r="318307" spans="8:8">
      <c r="H318307" s="12"/>
    </row>
    <row r="318308" spans="8:8">
      <c r="H318308" s="12"/>
    </row>
    <row r="318309" spans="8:8">
      <c r="H318309" s="12"/>
    </row>
    <row r="318310" spans="8:8">
      <c r="H318310" s="12"/>
    </row>
    <row r="318311" spans="8:8">
      <c r="H318311" s="12"/>
    </row>
    <row r="318312" spans="8:8">
      <c r="H318312" s="12"/>
    </row>
    <row r="318313" spans="8:8">
      <c r="H318313" s="12"/>
    </row>
    <row r="318314" spans="8:8">
      <c r="H318314" s="12"/>
    </row>
    <row r="318315" spans="8:8">
      <c r="H318315" s="12"/>
    </row>
    <row r="318316" spans="8:8">
      <c r="H318316" s="12"/>
    </row>
    <row r="318317" spans="8:8">
      <c r="H318317" s="12"/>
    </row>
    <row r="318318" spans="8:8">
      <c r="H318318" s="12"/>
    </row>
    <row r="318319" spans="8:8">
      <c r="H318319" s="12"/>
    </row>
    <row r="318320" spans="8:8">
      <c r="H318320" s="12"/>
    </row>
    <row r="318321" spans="8:8">
      <c r="H318321" s="12"/>
    </row>
    <row r="318322" spans="8:8">
      <c r="H318322" s="12"/>
    </row>
    <row r="318323" spans="8:8">
      <c r="H318323" s="12"/>
    </row>
    <row r="318324" spans="8:8">
      <c r="H318324" s="12"/>
    </row>
    <row r="318325" spans="8:8">
      <c r="H318325" s="12"/>
    </row>
    <row r="318326" spans="8:8">
      <c r="H318326" s="12"/>
    </row>
    <row r="318327" spans="8:8">
      <c r="H318327" s="12"/>
    </row>
    <row r="318328" spans="8:8">
      <c r="H318328" s="12"/>
    </row>
    <row r="318329" spans="8:8">
      <c r="H318329" s="12"/>
    </row>
    <row r="318330" spans="8:8">
      <c r="H318330" s="12"/>
    </row>
    <row r="318331" spans="8:8">
      <c r="H318331" s="12"/>
    </row>
    <row r="318332" spans="8:8">
      <c r="H318332" s="12"/>
    </row>
    <row r="318333" spans="8:8">
      <c r="H318333" s="12"/>
    </row>
    <row r="318334" spans="8:8">
      <c r="H318334" s="12"/>
    </row>
    <row r="318335" spans="8:8">
      <c r="H318335" s="12"/>
    </row>
    <row r="318336" spans="8:8">
      <c r="H318336" s="12"/>
    </row>
    <row r="318337" spans="8:8">
      <c r="H318337" s="12"/>
    </row>
    <row r="318338" spans="8:8">
      <c r="H318338" s="12"/>
    </row>
    <row r="318339" spans="8:8">
      <c r="H318339" s="12"/>
    </row>
    <row r="318340" spans="8:8">
      <c r="H318340" s="12"/>
    </row>
    <row r="318341" spans="8:8">
      <c r="H318341" s="12"/>
    </row>
    <row r="318342" spans="8:8">
      <c r="H318342" s="12"/>
    </row>
    <row r="318343" spans="8:8">
      <c r="H318343" s="12"/>
    </row>
    <row r="318344" spans="8:8">
      <c r="H318344" s="12"/>
    </row>
    <row r="318345" spans="8:8">
      <c r="H318345" s="12"/>
    </row>
    <row r="318346" spans="8:8">
      <c r="H318346" s="12"/>
    </row>
    <row r="318347" spans="8:8">
      <c r="H318347" s="12"/>
    </row>
    <row r="318348" spans="8:8">
      <c r="H318348" s="12"/>
    </row>
    <row r="318349" spans="8:8">
      <c r="H318349" s="12"/>
    </row>
    <row r="318350" spans="8:8">
      <c r="H318350" s="12"/>
    </row>
    <row r="318351" spans="8:8">
      <c r="H318351" s="12"/>
    </row>
    <row r="318352" spans="8:8">
      <c r="H318352" s="12"/>
    </row>
    <row r="318353" spans="8:8">
      <c r="H318353" s="12"/>
    </row>
    <row r="318354" spans="8:8">
      <c r="H318354" s="12"/>
    </row>
    <row r="318355" spans="8:8">
      <c r="H318355" s="12"/>
    </row>
    <row r="318356" spans="8:8">
      <c r="H318356" s="12"/>
    </row>
    <row r="318357" spans="8:8">
      <c r="H318357" s="12"/>
    </row>
    <row r="318358" spans="8:8">
      <c r="H318358" s="12"/>
    </row>
    <row r="318359" spans="8:8">
      <c r="H318359" s="12"/>
    </row>
    <row r="318360" spans="8:8">
      <c r="H318360" s="12"/>
    </row>
    <row r="318361" spans="8:8">
      <c r="H318361" s="12"/>
    </row>
    <row r="318362" spans="8:8">
      <c r="H318362" s="12"/>
    </row>
    <row r="318363" spans="8:8">
      <c r="H318363" s="12"/>
    </row>
    <row r="318364" spans="8:8">
      <c r="H318364" s="12"/>
    </row>
    <row r="318365" spans="8:8">
      <c r="H318365" s="12"/>
    </row>
    <row r="318366" spans="8:8">
      <c r="H318366" s="12"/>
    </row>
    <row r="318367" spans="8:8">
      <c r="H318367" s="12"/>
    </row>
    <row r="318368" spans="8:8">
      <c r="H318368" s="12"/>
    </row>
    <row r="318369" spans="8:8">
      <c r="H318369" s="12"/>
    </row>
    <row r="318370" spans="8:8">
      <c r="H318370" s="12"/>
    </row>
    <row r="318371" spans="8:8">
      <c r="H318371" s="12"/>
    </row>
    <row r="318372" spans="8:8">
      <c r="H318372" s="12"/>
    </row>
    <row r="318373" spans="8:8">
      <c r="H318373" s="12"/>
    </row>
    <row r="318374" spans="8:8">
      <c r="H318374" s="12"/>
    </row>
    <row r="318375" spans="8:8">
      <c r="H318375" s="12"/>
    </row>
    <row r="318376" spans="8:8">
      <c r="H318376" s="12"/>
    </row>
    <row r="318377" spans="8:8">
      <c r="H318377" s="12"/>
    </row>
    <row r="318378" spans="8:8">
      <c r="H318378" s="12"/>
    </row>
    <row r="318379" spans="8:8">
      <c r="H318379" s="12"/>
    </row>
    <row r="318380" spans="8:8">
      <c r="H318380" s="12"/>
    </row>
    <row r="318381" spans="8:8">
      <c r="H318381" s="12"/>
    </row>
    <row r="318382" spans="8:8">
      <c r="H318382" s="12"/>
    </row>
    <row r="318383" spans="8:8">
      <c r="H318383" s="12"/>
    </row>
    <row r="318384" spans="8:8">
      <c r="H318384" s="12"/>
    </row>
    <row r="318385" spans="8:8">
      <c r="H318385" s="12"/>
    </row>
    <row r="318386" spans="8:8">
      <c r="H318386" s="12"/>
    </row>
    <row r="318387" spans="8:8">
      <c r="H318387" s="12"/>
    </row>
    <row r="318388" spans="8:8">
      <c r="H318388" s="12"/>
    </row>
    <row r="318389" spans="8:8">
      <c r="H318389" s="12"/>
    </row>
    <row r="318390" spans="8:8">
      <c r="H318390" s="12"/>
    </row>
    <row r="318391" spans="8:8">
      <c r="H318391" s="12"/>
    </row>
    <row r="318392" spans="8:8">
      <c r="H318392" s="12"/>
    </row>
    <row r="318393" spans="8:8">
      <c r="H318393" s="12"/>
    </row>
    <row r="318394" spans="8:8">
      <c r="H318394" s="12"/>
    </row>
    <row r="318395" spans="8:8">
      <c r="H318395" s="12"/>
    </row>
    <row r="318396" spans="8:8">
      <c r="H318396" s="12"/>
    </row>
    <row r="318397" spans="8:8">
      <c r="H318397" s="12"/>
    </row>
    <row r="318398" spans="8:8">
      <c r="H318398" s="12"/>
    </row>
    <row r="318399" spans="8:8">
      <c r="H318399" s="12"/>
    </row>
    <row r="318400" spans="8:8">
      <c r="H318400" s="12"/>
    </row>
    <row r="318401" spans="8:8">
      <c r="H318401" s="12"/>
    </row>
    <row r="318402" spans="8:8">
      <c r="H318402" s="12"/>
    </row>
    <row r="318403" spans="8:8">
      <c r="H318403" s="12"/>
    </row>
    <row r="318404" spans="8:8">
      <c r="H318404" s="12"/>
    </row>
    <row r="318405" spans="8:8">
      <c r="H318405" s="12"/>
    </row>
    <row r="318406" spans="8:8">
      <c r="H318406" s="12"/>
    </row>
    <row r="318407" spans="8:8">
      <c r="H318407" s="12"/>
    </row>
    <row r="318408" spans="8:8">
      <c r="H318408" s="12"/>
    </row>
    <row r="318409" spans="8:8">
      <c r="H318409" s="12"/>
    </row>
    <row r="318410" spans="8:8">
      <c r="H318410" s="12"/>
    </row>
    <row r="318411" spans="8:8">
      <c r="H318411" s="12"/>
    </row>
    <row r="318412" spans="8:8">
      <c r="H318412" s="12"/>
    </row>
    <row r="318413" spans="8:8">
      <c r="H318413" s="12"/>
    </row>
    <row r="318414" spans="8:8">
      <c r="H318414" s="12"/>
    </row>
    <row r="318415" spans="8:8">
      <c r="H318415" s="12"/>
    </row>
    <row r="318416" spans="8:8">
      <c r="H318416" s="12"/>
    </row>
    <row r="318417" spans="8:8">
      <c r="H318417" s="12"/>
    </row>
    <row r="318418" spans="8:8">
      <c r="H318418" s="12"/>
    </row>
    <row r="318419" spans="8:8">
      <c r="H318419" s="12"/>
    </row>
    <row r="318420" spans="8:8">
      <c r="H318420" s="12"/>
    </row>
    <row r="318421" spans="8:8">
      <c r="H318421" s="12"/>
    </row>
    <row r="318422" spans="8:8">
      <c r="H318422" s="12"/>
    </row>
    <row r="318423" spans="8:8">
      <c r="H318423" s="12"/>
    </row>
    <row r="318424" spans="8:8">
      <c r="H318424" s="12"/>
    </row>
    <row r="318425" spans="8:8">
      <c r="H318425" s="12"/>
    </row>
    <row r="318426" spans="8:8">
      <c r="H318426" s="12"/>
    </row>
    <row r="318427" spans="8:8">
      <c r="H318427" s="12"/>
    </row>
    <row r="318428" spans="8:8">
      <c r="H318428" s="12"/>
    </row>
    <row r="318429" spans="8:8">
      <c r="H318429" s="12"/>
    </row>
    <row r="318430" spans="8:8">
      <c r="H318430" s="12"/>
    </row>
    <row r="318431" spans="8:8">
      <c r="H318431" s="12"/>
    </row>
    <row r="318432" spans="8:8">
      <c r="H318432" s="12"/>
    </row>
    <row r="318433" spans="8:8">
      <c r="H318433" s="12"/>
    </row>
    <row r="318434" spans="8:8">
      <c r="H318434" s="12"/>
    </row>
    <row r="318435" spans="8:8">
      <c r="H318435" s="12"/>
    </row>
    <row r="318436" spans="8:8">
      <c r="H318436" s="12"/>
    </row>
    <row r="318437" spans="8:8">
      <c r="H318437" s="12"/>
    </row>
    <row r="318438" spans="8:8">
      <c r="H318438" s="12"/>
    </row>
    <row r="318439" spans="8:8">
      <c r="H318439" s="12"/>
    </row>
    <row r="318440" spans="8:8">
      <c r="H318440" s="12"/>
    </row>
    <row r="318441" spans="8:8">
      <c r="H318441" s="12"/>
    </row>
    <row r="318442" spans="8:8">
      <c r="H318442" s="12"/>
    </row>
    <row r="318443" spans="8:8">
      <c r="H318443" s="12"/>
    </row>
    <row r="318444" spans="8:8">
      <c r="H318444" s="12"/>
    </row>
    <row r="318445" spans="8:8">
      <c r="H318445" s="12"/>
    </row>
    <row r="318446" spans="8:8">
      <c r="H318446" s="12"/>
    </row>
    <row r="318447" spans="8:8">
      <c r="H318447" s="12"/>
    </row>
    <row r="318448" spans="8:8">
      <c r="H318448" s="12"/>
    </row>
    <row r="318449" spans="8:8">
      <c r="H318449" s="12"/>
    </row>
    <row r="318450" spans="8:8">
      <c r="H318450" s="12"/>
    </row>
    <row r="318451" spans="8:8">
      <c r="H318451" s="12"/>
    </row>
    <row r="318452" spans="8:8">
      <c r="H318452" s="12"/>
    </row>
    <row r="318453" spans="8:8">
      <c r="H318453" s="12"/>
    </row>
    <row r="318454" spans="8:8">
      <c r="H318454" s="12"/>
    </row>
    <row r="318455" spans="8:8">
      <c r="H318455" s="12"/>
    </row>
    <row r="318456" spans="8:8">
      <c r="H318456" s="12"/>
    </row>
    <row r="318457" spans="8:8">
      <c r="H318457" s="12"/>
    </row>
    <row r="318458" spans="8:8">
      <c r="H318458" s="12"/>
    </row>
    <row r="318459" spans="8:8">
      <c r="H318459" s="12"/>
    </row>
    <row r="318460" spans="8:8">
      <c r="H318460" s="12"/>
    </row>
    <row r="318461" spans="8:8">
      <c r="H318461" s="12"/>
    </row>
    <row r="318462" spans="8:8">
      <c r="H318462" s="12"/>
    </row>
    <row r="318463" spans="8:8">
      <c r="H318463" s="12"/>
    </row>
    <row r="318464" spans="8:8">
      <c r="H318464" s="12"/>
    </row>
    <row r="318465" spans="8:8">
      <c r="H318465" s="12"/>
    </row>
    <row r="318466" spans="8:8">
      <c r="H318466" s="12"/>
    </row>
    <row r="318467" spans="8:8">
      <c r="H318467" s="12"/>
    </row>
    <row r="318468" spans="8:8">
      <c r="H318468" s="12"/>
    </row>
    <row r="318469" spans="8:8">
      <c r="H318469" s="12"/>
    </row>
    <row r="318470" spans="8:8">
      <c r="H318470" s="12"/>
    </row>
    <row r="318471" spans="8:8">
      <c r="H318471" s="12"/>
    </row>
    <row r="318472" spans="8:8">
      <c r="H318472" s="12"/>
    </row>
    <row r="318473" spans="8:8">
      <c r="H318473" s="12"/>
    </row>
    <row r="318474" spans="8:8">
      <c r="H318474" s="12"/>
    </row>
    <row r="318475" spans="8:8">
      <c r="H318475" s="12"/>
    </row>
    <row r="318476" spans="8:8">
      <c r="H318476" s="12"/>
    </row>
    <row r="318477" spans="8:8">
      <c r="H318477" s="12"/>
    </row>
    <row r="318478" spans="8:8">
      <c r="H318478" s="12"/>
    </row>
    <row r="318479" spans="8:8">
      <c r="H318479" s="12"/>
    </row>
    <row r="318480" spans="8:8">
      <c r="H318480" s="12"/>
    </row>
    <row r="318481" spans="8:8">
      <c r="H318481" s="12"/>
    </row>
    <row r="318482" spans="8:8">
      <c r="H318482" s="12"/>
    </row>
    <row r="318483" spans="8:8">
      <c r="H318483" s="12"/>
    </row>
    <row r="318484" spans="8:8">
      <c r="H318484" s="12"/>
    </row>
    <row r="318485" spans="8:8">
      <c r="H318485" s="12"/>
    </row>
    <row r="318486" spans="8:8">
      <c r="H318486" s="12"/>
    </row>
    <row r="318487" spans="8:8">
      <c r="H318487" s="12"/>
    </row>
    <row r="318488" spans="8:8">
      <c r="H318488" s="12"/>
    </row>
    <row r="318489" spans="8:8">
      <c r="H318489" s="12"/>
    </row>
    <row r="318490" spans="8:8">
      <c r="H318490" s="12"/>
    </row>
    <row r="318491" spans="8:8">
      <c r="H318491" s="12"/>
    </row>
    <row r="318492" spans="8:8">
      <c r="H318492" s="12"/>
    </row>
    <row r="318493" spans="8:8">
      <c r="H318493" s="12"/>
    </row>
    <row r="318494" spans="8:8">
      <c r="H318494" s="12"/>
    </row>
    <row r="318495" spans="8:8">
      <c r="H318495" s="12"/>
    </row>
    <row r="318496" spans="8:8">
      <c r="H318496" s="12"/>
    </row>
    <row r="318497" spans="8:8">
      <c r="H318497" s="12"/>
    </row>
    <row r="318498" spans="8:8">
      <c r="H318498" s="12"/>
    </row>
    <row r="318499" spans="8:8">
      <c r="H318499" s="12"/>
    </row>
    <row r="318500" spans="8:8">
      <c r="H318500" s="12"/>
    </row>
    <row r="318501" spans="8:8">
      <c r="H318501" s="12"/>
    </row>
    <row r="318502" spans="8:8">
      <c r="H318502" s="12"/>
    </row>
    <row r="318503" spans="8:8">
      <c r="H318503" s="12"/>
    </row>
    <row r="318504" spans="8:8">
      <c r="H318504" s="12"/>
    </row>
    <row r="318505" spans="8:8">
      <c r="H318505" s="12"/>
    </row>
    <row r="318506" spans="8:8">
      <c r="H318506" s="12"/>
    </row>
    <row r="318507" spans="8:8">
      <c r="H318507" s="12"/>
    </row>
    <row r="318508" spans="8:8">
      <c r="H318508" s="12"/>
    </row>
    <row r="318509" spans="8:8">
      <c r="H318509" s="12"/>
    </row>
    <row r="318510" spans="8:8">
      <c r="H318510" s="12"/>
    </row>
    <row r="318511" spans="8:8">
      <c r="H318511" s="12"/>
    </row>
    <row r="318512" spans="8:8">
      <c r="H318512" s="12"/>
    </row>
    <row r="318513" spans="8:8">
      <c r="H318513" s="12"/>
    </row>
    <row r="318514" spans="8:8">
      <c r="H318514" s="12"/>
    </row>
    <row r="318515" spans="8:8">
      <c r="H318515" s="12"/>
    </row>
    <row r="318516" spans="8:8">
      <c r="H318516" s="12"/>
    </row>
    <row r="318517" spans="8:8">
      <c r="H318517" s="12"/>
    </row>
    <row r="318518" spans="8:8">
      <c r="H318518" s="12"/>
    </row>
    <row r="318519" spans="8:8">
      <c r="H318519" s="12"/>
    </row>
    <row r="318520" spans="8:8">
      <c r="H318520" s="12"/>
    </row>
    <row r="318521" spans="8:8">
      <c r="H318521" s="12"/>
    </row>
    <row r="318522" spans="8:8">
      <c r="H318522" s="12"/>
    </row>
    <row r="318523" spans="8:8">
      <c r="H318523" s="12"/>
    </row>
    <row r="318524" spans="8:8">
      <c r="H318524" s="12"/>
    </row>
    <row r="318525" spans="8:8">
      <c r="H318525" s="12"/>
    </row>
    <row r="318526" spans="8:8">
      <c r="H318526" s="12"/>
    </row>
    <row r="318527" spans="8:8">
      <c r="H318527" s="12"/>
    </row>
    <row r="318528" spans="8:8">
      <c r="H318528" s="12"/>
    </row>
    <row r="318529" spans="8:8">
      <c r="H318529" s="12"/>
    </row>
    <row r="318530" spans="8:8">
      <c r="H318530" s="12"/>
    </row>
    <row r="318531" spans="8:8">
      <c r="H318531" s="12"/>
    </row>
    <row r="318532" spans="8:8">
      <c r="H318532" s="12"/>
    </row>
    <row r="318533" spans="8:8">
      <c r="H318533" s="12"/>
    </row>
    <row r="318534" spans="8:8">
      <c r="H318534" s="12"/>
    </row>
    <row r="318535" spans="8:8">
      <c r="H318535" s="12"/>
    </row>
    <row r="318536" spans="8:8">
      <c r="H318536" s="12"/>
    </row>
    <row r="318537" spans="8:8">
      <c r="H318537" s="12"/>
    </row>
    <row r="318538" spans="8:8">
      <c r="H318538" s="12"/>
    </row>
    <row r="318539" spans="8:8">
      <c r="H318539" s="12"/>
    </row>
    <row r="318540" spans="8:8">
      <c r="H318540" s="12"/>
    </row>
    <row r="318541" spans="8:8">
      <c r="H318541" s="12"/>
    </row>
    <row r="318542" spans="8:8">
      <c r="H318542" s="12"/>
    </row>
    <row r="318543" spans="8:8">
      <c r="H318543" s="12"/>
    </row>
    <row r="318544" spans="8:8">
      <c r="H318544" s="12"/>
    </row>
    <row r="318545" spans="8:8">
      <c r="H318545" s="12"/>
    </row>
    <row r="318546" spans="8:8">
      <c r="H318546" s="12"/>
    </row>
    <row r="318547" spans="8:8">
      <c r="H318547" s="12"/>
    </row>
    <row r="318548" spans="8:8">
      <c r="H318548" s="12"/>
    </row>
    <row r="318549" spans="8:8">
      <c r="H318549" s="12"/>
    </row>
    <row r="318550" spans="8:8">
      <c r="H318550" s="12"/>
    </row>
    <row r="318551" spans="8:8">
      <c r="H318551" s="12"/>
    </row>
    <row r="318552" spans="8:8">
      <c r="H318552" s="12"/>
    </row>
    <row r="318553" spans="8:8">
      <c r="H318553" s="12"/>
    </row>
    <row r="318554" spans="8:8">
      <c r="H318554" s="12"/>
    </row>
    <row r="318555" spans="8:8">
      <c r="H318555" s="12"/>
    </row>
    <row r="318556" spans="8:8">
      <c r="H318556" s="12"/>
    </row>
    <row r="318557" spans="8:8">
      <c r="H318557" s="12"/>
    </row>
    <row r="318558" spans="8:8">
      <c r="H318558" s="12"/>
    </row>
    <row r="318559" spans="8:8">
      <c r="H318559" s="12"/>
    </row>
    <row r="318560" spans="8:8">
      <c r="H318560" s="12"/>
    </row>
    <row r="318561" spans="8:8">
      <c r="H318561" s="12"/>
    </row>
    <row r="318562" spans="8:8">
      <c r="H318562" s="12"/>
    </row>
    <row r="318563" spans="8:8">
      <c r="H318563" s="12"/>
    </row>
    <row r="318564" spans="8:8">
      <c r="H318564" s="12"/>
    </row>
    <row r="318565" spans="8:8">
      <c r="H318565" s="12"/>
    </row>
    <row r="318566" spans="8:8">
      <c r="H318566" s="12"/>
    </row>
    <row r="318567" spans="8:8">
      <c r="H318567" s="12"/>
    </row>
    <row r="318568" spans="8:8">
      <c r="H318568" s="12"/>
    </row>
    <row r="318569" spans="8:8">
      <c r="H318569" s="12"/>
    </row>
    <row r="318570" spans="8:8">
      <c r="H318570" s="12"/>
    </row>
    <row r="318571" spans="8:8">
      <c r="H318571" s="12"/>
    </row>
    <row r="318572" spans="8:8">
      <c r="H318572" s="12"/>
    </row>
    <row r="318573" spans="8:8">
      <c r="H318573" s="12"/>
    </row>
    <row r="318574" spans="8:8">
      <c r="H318574" s="12"/>
    </row>
    <row r="318575" spans="8:8">
      <c r="H318575" s="12"/>
    </row>
    <row r="318576" spans="8:8">
      <c r="H318576" s="12"/>
    </row>
    <row r="318577" spans="8:8">
      <c r="H318577" s="12"/>
    </row>
    <row r="318578" spans="8:8">
      <c r="H318578" s="12"/>
    </row>
    <row r="318579" spans="8:8">
      <c r="H318579" s="12"/>
    </row>
    <row r="318580" spans="8:8">
      <c r="H318580" s="12"/>
    </row>
    <row r="318581" spans="8:8">
      <c r="H318581" s="12"/>
    </row>
    <row r="318582" spans="8:8">
      <c r="H318582" s="12"/>
    </row>
    <row r="318583" spans="8:8">
      <c r="H318583" s="12"/>
    </row>
    <row r="318584" spans="8:8">
      <c r="H318584" s="12"/>
    </row>
    <row r="318585" spans="8:8">
      <c r="H318585" s="12"/>
    </row>
    <row r="318586" spans="8:8">
      <c r="H318586" s="12"/>
    </row>
    <row r="318587" spans="8:8">
      <c r="H318587" s="12"/>
    </row>
    <row r="318588" spans="8:8">
      <c r="H318588" s="12"/>
    </row>
    <row r="318589" spans="8:8">
      <c r="H318589" s="12"/>
    </row>
    <row r="318590" spans="8:8">
      <c r="H318590" s="12"/>
    </row>
    <row r="318591" spans="8:8">
      <c r="H318591" s="12"/>
    </row>
    <row r="318592" spans="8:8">
      <c r="H318592" s="12"/>
    </row>
    <row r="318593" spans="8:8">
      <c r="H318593" s="12"/>
    </row>
    <row r="318594" spans="8:8">
      <c r="H318594" s="12"/>
    </row>
    <row r="318595" spans="8:8">
      <c r="H318595" s="12"/>
    </row>
    <row r="318596" spans="8:8">
      <c r="H318596" s="12"/>
    </row>
    <row r="318597" spans="8:8">
      <c r="H318597" s="12"/>
    </row>
    <row r="318598" spans="8:8">
      <c r="H318598" s="12"/>
    </row>
    <row r="318599" spans="8:8">
      <c r="H318599" s="12"/>
    </row>
    <row r="318600" spans="8:8">
      <c r="H318600" s="12"/>
    </row>
    <row r="318601" spans="8:8">
      <c r="H318601" s="12"/>
    </row>
    <row r="318602" spans="8:8">
      <c r="H318602" s="12"/>
    </row>
    <row r="318603" spans="8:8">
      <c r="H318603" s="12"/>
    </row>
    <row r="318604" spans="8:8">
      <c r="H318604" s="12"/>
    </row>
    <row r="318605" spans="8:8">
      <c r="H318605" s="12"/>
    </row>
    <row r="318606" spans="8:8">
      <c r="H318606" s="12"/>
    </row>
    <row r="318607" spans="8:8">
      <c r="H318607" s="12"/>
    </row>
    <row r="318608" spans="8:8">
      <c r="H318608" s="12"/>
    </row>
    <row r="318609" spans="8:8">
      <c r="H318609" s="12"/>
    </row>
    <row r="318610" spans="8:8">
      <c r="H318610" s="12"/>
    </row>
    <row r="318611" spans="8:8">
      <c r="H318611" s="12"/>
    </row>
    <row r="318612" spans="8:8">
      <c r="H318612" s="12"/>
    </row>
    <row r="318613" spans="8:8">
      <c r="H318613" s="12"/>
    </row>
    <row r="318614" spans="8:8">
      <c r="H318614" s="12"/>
    </row>
    <row r="318615" spans="8:8">
      <c r="H318615" s="12"/>
    </row>
    <row r="318616" spans="8:8">
      <c r="H318616" s="12"/>
    </row>
    <row r="318617" spans="8:8">
      <c r="H318617" s="12"/>
    </row>
    <row r="318618" spans="8:8">
      <c r="H318618" s="12"/>
    </row>
    <row r="318619" spans="8:8">
      <c r="H318619" s="12"/>
    </row>
    <row r="318620" spans="8:8">
      <c r="H318620" s="12"/>
    </row>
    <row r="318621" spans="8:8">
      <c r="H318621" s="12"/>
    </row>
    <row r="318622" spans="8:8">
      <c r="H318622" s="12"/>
    </row>
    <row r="318623" spans="8:8">
      <c r="H318623" s="12"/>
    </row>
    <row r="318624" spans="8:8">
      <c r="H318624" s="12"/>
    </row>
    <row r="318625" spans="8:8">
      <c r="H318625" s="12"/>
    </row>
    <row r="318626" spans="8:8">
      <c r="H318626" s="12"/>
    </row>
    <row r="318627" spans="8:8">
      <c r="H318627" s="12"/>
    </row>
    <row r="318628" spans="8:8">
      <c r="H318628" s="12"/>
    </row>
    <row r="318629" spans="8:8">
      <c r="H318629" s="12"/>
    </row>
    <row r="318630" spans="8:8">
      <c r="H318630" s="12"/>
    </row>
    <row r="318631" spans="8:8">
      <c r="H318631" s="12"/>
    </row>
    <row r="318632" spans="8:8">
      <c r="H318632" s="12"/>
    </row>
    <row r="318633" spans="8:8">
      <c r="H318633" s="12"/>
    </row>
    <row r="318634" spans="8:8">
      <c r="H318634" s="12"/>
    </row>
    <row r="318635" spans="8:8">
      <c r="H318635" s="12"/>
    </row>
    <row r="318636" spans="8:8">
      <c r="H318636" s="12"/>
    </row>
    <row r="318637" spans="8:8">
      <c r="H318637" s="12"/>
    </row>
    <row r="318638" spans="8:8">
      <c r="H318638" s="12"/>
    </row>
    <row r="318639" spans="8:8">
      <c r="H318639" s="12"/>
    </row>
    <row r="318640" spans="8:8">
      <c r="H318640" s="12"/>
    </row>
    <row r="318641" spans="8:8">
      <c r="H318641" s="12"/>
    </row>
    <row r="318642" spans="8:8">
      <c r="H318642" s="12"/>
    </row>
    <row r="318643" spans="8:8">
      <c r="H318643" s="12"/>
    </row>
    <row r="318644" spans="8:8">
      <c r="H318644" s="12"/>
    </row>
    <row r="318645" spans="8:8">
      <c r="H318645" s="12"/>
    </row>
    <row r="318646" spans="8:8">
      <c r="H318646" s="12"/>
    </row>
    <row r="318647" spans="8:8">
      <c r="H318647" s="12"/>
    </row>
    <row r="318648" spans="8:8">
      <c r="H318648" s="12"/>
    </row>
    <row r="318649" spans="8:8">
      <c r="H318649" s="12"/>
    </row>
    <row r="318650" spans="8:8">
      <c r="H318650" s="12"/>
    </row>
    <row r="318651" spans="8:8">
      <c r="H318651" s="12"/>
    </row>
    <row r="318652" spans="8:8">
      <c r="H318652" s="12"/>
    </row>
    <row r="318653" spans="8:8">
      <c r="H318653" s="12"/>
    </row>
    <row r="318654" spans="8:8">
      <c r="H318654" s="12"/>
    </row>
    <row r="318655" spans="8:8">
      <c r="H318655" s="12"/>
    </row>
    <row r="318656" spans="8:8">
      <c r="H318656" s="12"/>
    </row>
    <row r="318657" spans="8:8">
      <c r="H318657" s="12"/>
    </row>
    <row r="318658" spans="8:8">
      <c r="H318658" s="12"/>
    </row>
    <row r="318659" spans="8:8">
      <c r="H318659" s="12"/>
    </row>
    <row r="318660" spans="8:8">
      <c r="H318660" s="12"/>
    </row>
    <row r="318661" spans="8:8">
      <c r="H318661" s="12"/>
    </row>
    <row r="318662" spans="8:8">
      <c r="H318662" s="12"/>
    </row>
    <row r="318663" spans="8:8">
      <c r="H318663" s="12"/>
    </row>
    <row r="318664" spans="8:8">
      <c r="H318664" s="12"/>
    </row>
    <row r="318665" spans="8:8">
      <c r="H318665" s="12"/>
    </row>
    <row r="318666" spans="8:8">
      <c r="H318666" s="12"/>
    </row>
    <row r="318667" spans="8:8">
      <c r="H318667" s="12"/>
    </row>
    <row r="318668" spans="8:8">
      <c r="H318668" s="12"/>
    </row>
    <row r="318669" spans="8:8">
      <c r="H318669" s="12"/>
    </row>
    <row r="318670" spans="8:8">
      <c r="H318670" s="12"/>
    </row>
    <row r="318671" spans="8:8">
      <c r="H318671" s="12"/>
    </row>
    <row r="318672" spans="8:8">
      <c r="H318672" s="12"/>
    </row>
    <row r="318673" spans="8:8">
      <c r="H318673" s="12"/>
    </row>
    <row r="318674" spans="8:8">
      <c r="H318674" s="12"/>
    </row>
    <row r="318675" spans="8:8">
      <c r="H318675" s="12"/>
    </row>
    <row r="318676" spans="8:8">
      <c r="H318676" s="12"/>
    </row>
    <row r="318677" spans="8:8">
      <c r="H318677" s="12"/>
    </row>
    <row r="318678" spans="8:8">
      <c r="H318678" s="12"/>
    </row>
    <row r="318679" spans="8:8">
      <c r="H318679" s="12"/>
    </row>
    <row r="318680" spans="8:8">
      <c r="H318680" s="12"/>
    </row>
    <row r="318681" spans="8:8">
      <c r="H318681" s="12"/>
    </row>
    <row r="318682" spans="8:8">
      <c r="H318682" s="12"/>
    </row>
    <row r="318683" spans="8:8">
      <c r="H318683" s="12"/>
    </row>
    <row r="318684" spans="8:8">
      <c r="H318684" s="12"/>
    </row>
    <row r="318685" spans="8:8">
      <c r="H318685" s="12"/>
    </row>
    <row r="318686" spans="8:8">
      <c r="H318686" s="12"/>
    </row>
    <row r="318687" spans="8:8">
      <c r="H318687" s="12"/>
    </row>
    <row r="318688" spans="8:8">
      <c r="H318688" s="12"/>
    </row>
    <row r="318689" spans="8:8">
      <c r="H318689" s="12"/>
    </row>
    <row r="318690" spans="8:8">
      <c r="H318690" s="12"/>
    </row>
    <row r="318691" spans="8:8">
      <c r="H318691" s="12"/>
    </row>
    <row r="318692" spans="8:8">
      <c r="H318692" s="12"/>
    </row>
    <row r="318693" spans="8:8">
      <c r="H318693" s="12"/>
    </row>
    <row r="318694" spans="8:8">
      <c r="H318694" s="12"/>
    </row>
    <row r="318695" spans="8:8">
      <c r="H318695" s="12"/>
    </row>
    <row r="318696" spans="8:8">
      <c r="H318696" s="12"/>
    </row>
    <row r="318697" spans="8:8">
      <c r="H318697" s="12"/>
    </row>
    <row r="318698" spans="8:8">
      <c r="H318698" s="12"/>
    </row>
    <row r="318699" spans="8:8">
      <c r="H318699" s="12"/>
    </row>
    <row r="318700" spans="8:8">
      <c r="H318700" s="12"/>
    </row>
    <row r="318701" spans="8:8">
      <c r="H318701" s="12"/>
    </row>
    <row r="318702" spans="8:8">
      <c r="H318702" s="12"/>
    </row>
    <row r="318703" spans="8:8">
      <c r="H318703" s="12"/>
    </row>
    <row r="318704" spans="8:8">
      <c r="H318704" s="12"/>
    </row>
    <row r="318705" spans="8:8">
      <c r="H318705" s="12"/>
    </row>
    <row r="318706" spans="8:8">
      <c r="H318706" s="12"/>
    </row>
    <row r="318707" spans="8:8">
      <c r="H318707" s="12"/>
    </row>
    <row r="318708" spans="8:8">
      <c r="H318708" s="12"/>
    </row>
    <row r="318709" spans="8:8">
      <c r="H318709" s="12"/>
    </row>
    <row r="318710" spans="8:8">
      <c r="H318710" s="12"/>
    </row>
    <row r="318711" spans="8:8">
      <c r="H318711" s="12"/>
    </row>
    <row r="318712" spans="8:8">
      <c r="H318712" s="12"/>
    </row>
    <row r="318713" spans="8:8">
      <c r="H318713" s="12"/>
    </row>
    <row r="318714" spans="8:8">
      <c r="H318714" s="12"/>
    </row>
    <row r="318715" spans="8:8">
      <c r="H318715" s="12"/>
    </row>
    <row r="318716" spans="8:8">
      <c r="H318716" s="12"/>
    </row>
    <row r="318717" spans="8:8">
      <c r="H318717" s="12"/>
    </row>
    <row r="318718" spans="8:8">
      <c r="H318718" s="12"/>
    </row>
    <row r="318719" spans="8:8">
      <c r="H318719" s="12"/>
    </row>
    <row r="318720" spans="8:8">
      <c r="H318720" s="12"/>
    </row>
    <row r="318721" spans="8:8">
      <c r="H318721" s="12"/>
    </row>
    <row r="318722" spans="8:8">
      <c r="H318722" s="12"/>
    </row>
    <row r="318723" spans="8:8">
      <c r="H318723" s="12"/>
    </row>
    <row r="318724" spans="8:8">
      <c r="H318724" s="12"/>
    </row>
    <row r="318725" spans="8:8">
      <c r="H318725" s="12"/>
    </row>
    <row r="318726" spans="8:8">
      <c r="H318726" s="12"/>
    </row>
    <row r="318727" spans="8:8">
      <c r="H318727" s="12"/>
    </row>
    <row r="318728" spans="8:8">
      <c r="H318728" s="12"/>
    </row>
    <row r="318729" spans="8:8">
      <c r="H318729" s="12"/>
    </row>
    <row r="318730" spans="8:8">
      <c r="H318730" s="12"/>
    </row>
    <row r="318731" spans="8:8">
      <c r="H318731" s="12"/>
    </row>
    <row r="318732" spans="8:8">
      <c r="H318732" s="12"/>
    </row>
    <row r="318733" spans="8:8">
      <c r="H318733" s="12"/>
    </row>
    <row r="318734" spans="8:8">
      <c r="H318734" s="12"/>
    </row>
    <row r="318735" spans="8:8">
      <c r="H318735" s="12"/>
    </row>
    <row r="318736" spans="8:8">
      <c r="H318736" s="12"/>
    </row>
    <row r="318737" spans="8:8">
      <c r="H318737" s="12"/>
    </row>
    <row r="318738" spans="8:8">
      <c r="H318738" s="12"/>
    </row>
    <row r="318739" spans="8:8">
      <c r="H318739" s="12"/>
    </row>
    <row r="318740" spans="8:8">
      <c r="H318740" s="12"/>
    </row>
    <row r="318741" spans="8:8">
      <c r="H318741" s="12"/>
    </row>
    <row r="318742" spans="8:8">
      <c r="H318742" s="12"/>
    </row>
    <row r="318743" spans="8:8">
      <c r="H318743" s="12"/>
    </row>
    <row r="318744" spans="8:8">
      <c r="H318744" s="12"/>
    </row>
    <row r="318745" spans="8:8">
      <c r="H318745" s="12"/>
    </row>
    <row r="318746" spans="8:8">
      <c r="H318746" s="12"/>
    </row>
    <row r="318747" spans="8:8">
      <c r="H318747" s="12"/>
    </row>
    <row r="318748" spans="8:8">
      <c r="H318748" s="12"/>
    </row>
    <row r="318749" spans="8:8">
      <c r="H318749" s="12"/>
    </row>
    <row r="318750" spans="8:8">
      <c r="H318750" s="12"/>
    </row>
    <row r="318751" spans="8:8">
      <c r="H318751" s="12"/>
    </row>
    <row r="318752" spans="8:8">
      <c r="H318752" s="12"/>
    </row>
    <row r="318753" spans="8:8">
      <c r="H318753" s="12"/>
    </row>
    <row r="318754" spans="8:8">
      <c r="H318754" s="12"/>
    </row>
    <row r="318755" spans="8:8">
      <c r="H318755" s="12"/>
    </row>
    <row r="318756" spans="8:8">
      <c r="H318756" s="12"/>
    </row>
    <row r="318757" spans="8:8">
      <c r="H318757" s="12"/>
    </row>
    <row r="318758" spans="8:8">
      <c r="H318758" s="12"/>
    </row>
    <row r="318759" spans="8:8">
      <c r="H318759" s="12"/>
    </row>
    <row r="318760" spans="8:8">
      <c r="H318760" s="12"/>
    </row>
    <row r="318761" spans="8:8">
      <c r="H318761" s="12"/>
    </row>
    <row r="318762" spans="8:8">
      <c r="H318762" s="12"/>
    </row>
    <row r="318763" spans="8:8">
      <c r="H318763" s="12"/>
    </row>
    <row r="318764" spans="8:8">
      <c r="H318764" s="12"/>
    </row>
    <row r="318765" spans="8:8">
      <c r="H318765" s="12"/>
    </row>
    <row r="318766" spans="8:8">
      <c r="H318766" s="12"/>
    </row>
    <row r="318767" spans="8:8">
      <c r="H318767" s="12"/>
    </row>
    <row r="318768" spans="8:8">
      <c r="H318768" s="12"/>
    </row>
    <row r="318769" spans="8:8">
      <c r="H318769" s="12"/>
    </row>
    <row r="318770" spans="8:8">
      <c r="H318770" s="12"/>
    </row>
    <row r="318771" spans="8:8">
      <c r="H318771" s="12"/>
    </row>
    <row r="318772" spans="8:8">
      <c r="H318772" s="12"/>
    </row>
    <row r="318773" spans="8:8">
      <c r="H318773" s="12"/>
    </row>
    <row r="318774" spans="8:8">
      <c r="H318774" s="12"/>
    </row>
    <row r="318775" spans="8:8">
      <c r="H318775" s="12"/>
    </row>
    <row r="318776" spans="8:8">
      <c r="H318776" s="12"/>
    </row>
    <row r="318777" spans="8:8">
      <c r="H318777" s="12"/>
    </row>
    <row r="318778" spans="8:8">
      <c r="H318778" s="12"/>
    </row>
    <row r="318779" spans="8:8">
      <c r="H318779" s="12"/>
    </row>
    <row r="318780" spans="8:8">
      <c r="H318780" s="12"/>
    </row>
    <row r="318781" spans="8:8">
      <c r="H318781" s="12"/>
    </row>
    <row r="318782" spans="8:8">
      <c r="H318782" s="12"/>
    </row>
    <row r="318783" spans="8:8">
      <c r="H318783" s="12"/>
    </row>
    <row r="318784" spans="8:8">
      <c r="H318784" s="12"/>
    </row>
    <row r="318785" spans="8:8">
      <c r="H318785" s="12"/>
    </row>
    <row r="318786" spans="8:8">
      <c r="H318786" s="12"/>
    </row>
    <row r="318787" spans="8:8">
      <c r="H318787" s="12"/>
    </row>
    <row r="318788" spans="8:8">
      <c r="H318788" s="12"/>
    </row>
    <row r="318789" spans="8:8">
      <c r="H318789" s="12"/>
    </row>
    <row r="318790" spans="8:8">
      <c r="H318790" s="12"/>
    </row>
    <row r="318791" spans="8:8">
      <c r="H318791" s="12"/>
    </row>
    <row r="318792" spans="8:8">
      <c r="H318792" s="12"/>
    </row>
    <row r="318793" spans="8:8">
      <c r="H318793" s="12"/>
    </row>
    <row r="318794" spans="8:8">
      <c r="H318794" s="12"/>
    </row>
    <row r="318795" spans="8:8">
      <c r="H318795" s="12"/>
    </row>
    <row r="318796" spans="8:8">
      <c r="H318796" s="12"/>
    </row>
    <row r="318797" spans="8:8">
      <c r="H318797" s="12"/>
    </row>
    <row r="318798" spans="8:8">
      <c r="H318798" s="12"/>
    </row>
    <row r="318799" spans="8:8">
      <c r="H318799" s="12"/>
    </row>
    <row r="318800" spans="8:8">
      <c r="H318800" s="12"/>
    </row>
    <row r="318801" spans="8:8">
      <c r="H318801" s="12"/>
    </row>
    <row r="318802" spans="8:8">
      <c r="H318802" s="12"/>
    </row>
    <row r="318803" spans="8:8">
      <c r="H318803" s="12"/>
    </row>
    <row r="318804" spans="8:8">
      <c r="H318804" s="12"/>
    </row>
    <row r="318805" spans="8:8">
      <c r="H318805" s="12"/>
    </row>
    <row r="318806" spans="8:8">
      <c r="H318806" s="12"/>
    </row>
    <row r="318807" spans="8:8">
      <c r="H318807" s="12"/>
    </row>
    <row r="318808" spans="8:8">
      <c r="H318808" s="12"/>
    </row>
    <row r="318809" spans="8:8">
      <c r="H318809" s="12"/>
    </row>
    <row r="318810" spans="8:8">
      <c r="H318810" s="12"/>
    </row>
    <row r="318811" spans="8:8">
      <c r="H318811" s="12"/>
    </row>
    <row r="318812" spans="8:8">
      <c r="H318812" s="12"/>
    </row>
    <row r="318813" spans="8:8">
      <c r="H318813" s="12"/>
    </row>
    <row r="318814" spans="8:8">
      <c r="H318814" s="12"/>
    </row>
    <row r="318815" spans="8:8">
      <c r="H318815" s="12"/>
    </row>
    <row r="318816" spans="8:8">
      <c r="H318816" s="12"/>
    </row>
    <row r="318817" spans="8:8">
      <c r="H318817" s="12"/>
    </row>
    <row r="318818" spans="8:8">
      <c r="H318818" s="12"/>
    </row>
    <row r="318819" spans="8:8">
      <c r="H318819" s="12"/>
    </row>
    <row r="318820" spans="8:8">
      <c r="H318820" s="12"/>
    </row>
    <row r="318821" spans="8:8">
      <c r="H318821" s="12"/>
    </row>
    <row r="318822" spans="8:8">
      <c r="H318822" s="12"/>
    </row>
    <row r="318823" spans="8:8">
      <c r="H318823" s="12"/>
    </row>
    <row r="318824" spans="8:8">
      <c r="H318824" s="12"/>
    </row>
    <row r="318825" spans="8:8">
      <c r="H318825" s="12"/>
    </row>
    <row r="318826" spans="8:8">
      <c r="H318826" s="12"/>
    </row>
    <row r="318827" spans="8:8">
      <c r="H318827" s="12"/>
    </row>
    <row r="318828" spans="8:8">
      <c r="H318828" s="12"/>
    </row>
    <row r="318829" spans="8:8">
      <c r="H318829" s="12"/>
    </row>
    <row r="318830" spans="8:8">
      <c r="H318830" s="12"/>
    </row>
    <row r="318831" spans="8:8">
      <c r="H318831" s="12"/>
    </row>
    <row r="318832" spans="8:8">
      <c r="H318832" s="12"/>
    </row>
    <row r="318833" spans="8:8">
      <c r="H318833" s="12"/>
    </row>
    <row r="318834" spans="8:8">
      <c r="H318834" s="12"/>
    </row>
    <row r="318835" spans="8:8">
      <c r="H318835" s="12"/>
    </row>
    <row r="318836" spans="8:8">
      <c r="H318836" s="12"/>
    </row>
    <row r="318837" spans="8:8">
      <c r="H318837" s="12"/>
    </row>
    <row r="318838" spans="8:8">
      <c r="H318838" s="12"/>
    </row>
    <row r="318839" spans="8:8">
      <c r="H318839" s="12"/>
    </row>
    <row r="318840" spans="8:8">
      <c r="H318840" s="12"/>
    </row>
    <row r="318841" spans="8:8">
      <c r="H318841" s="12"/>
    </row>
    <row r="318842" spans="8:8">
      <c r="H318842" s="12"/>
    </row>
    <row r="318843" spans="8:8">
      <c r="H318843" s="12"/>
    </row>
    <row r="318844" spans="8:8">
      <c r="H318844" s="12"/>
    </row>
    <row r="318845" spans="8:8">
      <c r="H318845" s="12"/>
    </row>
    <row r="318846" spans="8:8">
      <c r="H318846" s="12"/>
    </row>
    <row r="318847" spans="8:8">
      <c r="H318847" s="12"/>
    </row>
    <row r="318848" spans="8:8">
      <c r="H318848" s="12"/>
    </row>
    <row r="318849" spans="8:8">
      <c r="H318849" s="12"/>
    </row>
    <row r="318850" spans="8:8">
      <c r="H318850" s="12"/>
    </row>
    <row r="318851" spans="8:8">
      <c r="H318851" s="12"/>
    </row>
    <row r="318852" spans="8:8">
      <c r="H318852" s="12"/>
    </row>
    <row r="318853" spans="8:8">
      <c r="H318853" s="12"/>
    </row>
    <row r="318854" spans="8:8">
      <c r="H318854" s="12"/>
    </row>
    <row r="318855" spans="8:8">
      <c r="H318855" s="12"/>
    </row>
    <row r="318856" spans="8:8">
      <c r="H318856" s="12"/>
    </row>
    <row r="318857" spans="8:8">
      <c r="H318857" s="12"/>
    </row>
    <row r="318858" spans="8:8">
      <c r="H318858" s="12"/>
    </row>
    <row r="318859" spans="8:8">
      <c r="H318859" s="12"/>
    </row>
    <row r="318860" spans="8:8">
      <c r="H318860" s="12"/>
    </row>
    <row r="318861" spans="8:8">
      <c r="H318861" s="12"/>
    </row>
    <row r="318862" spans="8:8">
      <c r="H318862" s="12"/>
    </row>
    <row r="318863" spans="8:8">
      <c r="H318863" s="12"/>
    </row>
    <row r="318864" spans="8:8">
      <c r="H318864" s="12"/>
    </row>
    <row r="318865" spans="8:8">
      <c r="H318865" s="12"/>
    </row>
    <row r="318866" spans="8:8">
      <c r="H318866" s="12"/>
    </row>
    <row r="318867" spans="8:8">
      <c r="H318867" s="12"/>
    </row>
    <row r="318868" spans="8:8">
      <c r="H318868" s="12"/>
    </row>
    <row r="318869" spans="8:8">
      <c r="H318869" s="12"/>
    </row>
    <row r="318870" spans="8:8">
      <c r="H318870" s="12"/>
    </row>
    <row r="318871" spans="8:8">
      <c r="H318871" s="12"/>
    </row>
    <row r="318872" spans="8:8">
      <c r="H318872" s="12"/>
    </row>
    <row r="318873" spans="8:8">
      <c r="H318873" s="12"/>
    </row>
    <row r="318874" spans="8:8">
      <c r="H318874" s="12"/>
    </row>
    <row r="318875" spans="8:8">
      <c r="H318875" s="12"/>
    </row>
    <row r="318876" spans="8:8">
      <c r="H318876" s="12"/>
    </row>
    <row r="318877" spans="8:8">
      <c r="H318877" s="12"/>
    </row>
    <row r="318878" spans="8:8">
      <c r="H318878" s="12"/>
    </row>
    <row r="318879" spans="8:8">
      <c r="H318879" s="12"/>
    </row>
    <row r="318880" spans="8:8">
      <c r="H318880" s="12"/>
    </row>
    <row r="318881" spans="8:8">
      <c r="H318881" s="12"/>
    </row>
    <row r="318882" spans="8:8">
      <c r="H318882" s="12"/>
    </row>
    <row r="318883" spans="8:8">
      <c r="H318883" s="12"/>
    </row>
    <row r="318884" spans="8:8">
      <c r="H318884" s="12"/>
    </row>
    <row r="318885" spans="8:8">
      <c r="H318885" s="12"/>
    </row>
    <row r="318886" spans="8:8">
      <c r="H318886" s="12"/>
    </row>
    <row r="318887" spans="8:8">
      <c r="H318887" s="12"/>
    </row>
    <row r="318888" spans="8:8">
      <c r="H318888" s="12"/>
    </row>
    <row r="318889" spans="8:8">
      <c r="H318889" s="12"/>
    </row>
    <row r="318890" spans="8:8">
      <c r="H318890" s="12"/>
    </row>
    <row r="318891" spans="8:8">
      <c r="H318891" s="12"/>
    </row>
    <row r="318892" spans="8:8">
      <c r="H318892" s="12"/>
    </row>
    <row r="318893" spans="8:8">
      <c r="H318893" s="12"/>
    </row>
    <row r="318894" spans="8:8">
      <c r="H318894" s="12"/>
    </row>
    <row r="318895" spans="8:8">
      <c r="H318895" s="12"/>
    </row>
    <row r="318896" spans="8:8">
      <c r="H318896" s="12"/>
    </row>
    <row r="318897" spans="8:8">
      <c r="H318897" s="12"/>
    </row>
    <row r="318898" spans="8:8">
      <c r="H318898" s="12"/>
    </row>
    <row r="318899" spans="8:8">
      <c r="H318899" s="12"/>
    </row>
    <row r="318900" spans="8:8">
      <c r="H318900" s="12"/>
    </row>
    <row r="318901" spans="8:8">
      <c r="H318901" s="12"/>
    </row>
    <row r="318902" spans="8:8">
      <c r="H318902" s="12"/>
    </row>
    <row r="318903" spans="8:8">
      <c r="H318903" s="12"/>
    </row>
    <row r="318904" spans="8:8">
      <c r="H318904" s="12"/>
    </row>
    <row r="318905" spans="8:8">
      <c r="H318905" s="12"/>
    </row>
    <row r="318906" spans="8:8">
      <c r="H318906" s="12"/>
    </row>
    <row r="318907" spans="8:8">
      <c r="H318907" s="12"/>
    </row>
    <row r="318908" spans="8:8">
      <c r="H318908" s="12"/>
    </row>
    <row r="318909" spans="8:8">
      <c r="H318909" s="12"/>
    </row>
    <row r="318910" spans="8:8">
      <c r="H318910" s="12"/>
    </row>
    <row r="318911" spans="8:8">
      <c r="H318911" s="12"/>
    </row>
    <row r="318912" spans="8:8">
      <c r="H318912" s="12"/>
    </row>
    <row r="318913" spans="8:8">
      <c r="H318913" s="12"/>
    </row>
    <row r="318914" spans="8:8">
      <c r="H318914" s="12"/>
    </row>
    <row r="318915" spans="8:8">
      <c r="H318915" s="12"/>
    </row>
    <row r="318916" spans="8:8">
      <c r="H318916" s="12"/>
    </row>
    <row r="318917" spans="8:8">
      <c r="H318917" s="12"/>
    </row>
    <row r="318918" spans="8:8">
      <c r="H318918" s="12"/>
    </row>
    <row r="318919" spans="8:8">
      <c r="H318919" s="12"/>
    </row>
    <row r="318920" spans="8:8">
      <c r="H318920" s="12"/>
    </row>
    <row r="318921" spans="8:8">
      <c r="H318921" s="12"/>
    </row>
    <row r="318922" spans="8:8">
      <c r="H318922" s="12"/>
    </row>
    <row r="318923" spans="8:8">
      <c r="H318923" s="12"/>
    </row>
    <row r="318924" spans="8:8">
      <c r="H318924" s="12"/>
    </row>
    <row r="318925" spans="8:8">
      <c r="H318925" s="12"/>
    </row>
    <row r="318926" spans="8:8">
      <c r="H318926" s="12"/>
    </row>
    <row r="318927" spans="8:8">
      <c r="H318927" s="12"/>
    </row>
    <row r="318928" spans="8:8">
      <c r="H318928" s="12"/>
    </row>
    <row r="318929" spans="8:8">
      <c r="H318929" s="12"/>
    </row>
    <row r="318930" spans="8:8">
      <c r="H318930" s="12"/>
    </row>
    <row r="318931" spans="8:8">
      <c r="H318931" s="12"/>
    </row>
    <row r="318932" spans="8:8">
      <c r="H318932" s="12"/>
    </row>
    <row r="318933" spans="8:8">
      <c r="H318933" s="12"/>
    </row>
    <row r="318934" spans="8:8">
      <c r="H318934" s="12"/>
    </row>
    <row r="318935" spans="8:8">
      <c r="H318935" s="12"/>
    </row>
    <row r="318936" spans="8:8">
      <c r="H318936" s="12"/>
    </row>
    <row r="318937" spans="8:8">
      <c r="H318937" s="12"/>
    </row>
    <row r="318938" spans="8:8">
      <c r="H318938" s="12"/>
    </row>
    <row r="318939" spans="8:8">
      <c r="H318939" s="12"/>
    </row>
    <row r="318940" spans="8:8">
      <c r="H318940" s="12"/>
    </row>
    <row r="318941" spans="8:8">
      <c r="H318941" s="12"/>
    </row>
    <row r="318942" spans="8:8">
      <c r="H318942" s="12"/>
    </row>
    <row r="318943" spans="8:8">
      <c r="H318943" s="12"/>
    </row>
    <row r="318944" spans="8:8">
      <c r="H318944" s="12"/>
    </row>
    <row r="318945" spans="8:8">
      <c r="H318945" s="12"/>
    </row>
    <row r="318946" spans="8:8">
      <c r="H318946" s="12"/>
    </row>
    <row r="318947" spans="8:8">
      <c r="H318947" s="12"/>
    </row>
    <row r="318948" spans="8:8">
      <c r="H318948" s="12"/>
    </row>
    <row r="318949" spans="8:8">
      <c r="H318949" s="12"/>
    </row>
    <row r="318950" spans="8:8">
      <c r="H318950" s="12"/>
    </row>
    <row r="318951" spans="8:8">
      <c r="H318951" s="12"/>
    </row>
    <row r="318952" spans="8:8">
      <c r="H318952" s="12"/>
    </row>
    <row r="318953" spans="8:8">
      <c r="H318953" s="12"/>
    </row>
    <row r="318954" spans="8:8">
      <c r="H318954" s="12"/>
    </row>
    <row r="318955" spans="8:8">
      <c r="H318955" s="12"/>
    </row>
    <row r="318956" spans="8:8">
      <c r="H318956" s="12"/>
    </row>
    <row r="318957" spans="8:8">
      <c r="H318957" s="12"/>
    </row>
    <row r="318958" spans="8:8">
      <c r="H318958" s="12"/>
    </row>
    <row r="318959" spans="8:8">
      <c r="H318959" s="12"/>
    </row>
    <row r="318960" spans="8:8">
      <c r="H318960" s="12"/>
    </row>
    <row r="318961" spans="8:8">
      <c r="H318961" s="12"/>
    </row>
    <row r="318962" spans="8:8">
      <c r="H318962" s="12"/>
    </row>
    <row r="318963" spans="8:8">
      <c r="H318963" s="12"/>
    </row>
    <row r="318964" spans="8:8">
      <c r="H318964" s="12"/>
    </row>
    <row r="318965" spans="8:8">
      <c r="H318965" s="12"/>
    </row>
    <row r="318966" spans="8:8">
      <c r="H318966" s="12"/>
    </row>
    <row r="318967" spans="8:8">
      <c r="H318967" s="12"/>
    </row>
    <row r="318968" spans="8:8">
      <c r="H318968" s="12"/>
    </row>
    <row r="318969" spans="8:8">
      <c r="H318969" s="12"/>
    </row>
    <row r="318970" spans="8:8">
      <c r="H318970" s="12"/>
    </row>
    <row r="318971" spans="8:8">
      <c r="H318971" s="12"/>
    </row>
    <row r="318972" spans="8:8">
      <c r="H318972" s="12"/>
    </row>
    <row r="318973" spans="8:8">
      <c r="H318973" s="12"/>
    </row>
    <row r="318974" spans="8:8">
      <c r="H318974" s="12"/>
    </row>
    <row r="318975" spans="8:8">
      <c r="H318975" s="12"/>
    </row>
    <row r="318976" spans="8:8">
      <c r="H318976" s="12"/>
    </row>
    <row r="318977" spans="8:8">
      <c r="H318977" s="12"/>
    </row>
    <row r="318978" spans="8:8">
      <c r="H318978" s="12"/>
    </row>
    <row r="318979" spans="8:8">
      <c r="H318979" s="12"/>
    </row>
    <row r="318980" spans="8:8">
      <c r="H318980" s="12"/>
    </row>
    <row r="318981" spans="8:8">
      <c r="H318981" s="12"/>
    </row>
    <row r="318982" spans="8:8">
      <c r="H318982" s="12"/>
    </row>
    <row r="318983" spans="8:8">
      <c r="H318983" s="12"/>
    </row>
    <row r="318984" spans="8:8">
      <c r="H318984" s="12"/>
    </row>
    <row r="318985" spans="8:8">
      <c r="H318985" s="12"/>
    </row>
    <row r="318986" spans="8:8">
      <c r="H318986" s="12"/>
    </row>
    <row r="318987" spans="8:8">
      <c r="H318987" s="12"/>
    </row>
    <row r="318988" spans="8:8">
      <c r="H318988" s="12"/>
    </row>
    <row r="318989" spans="8:8">
      <c r="H318989" s="12"/>
    </row>
    <row r="318990" spans="8:8">
      <c r="H318990" s="12"/>
    </row>
    <row r="318991" spans="8:8">
      <c r="H318991" s="12"/>
    </row>
    <row r="318992" spans="8:8">
      <c r="H318992" s="12"/>
    </row>
    <row r="318993" spans="8:8">
      <c r="H318993" s="12"/>
    </row>
    <row r="318994" spans="8:8">
      <c r="H318994" s="12"/>
    </row>
    <row r="318995" spans="8:8">
      <c r="H318995" s="12"/>
    </row>
    <row r="318996" spans="8:8">
      <c r="H318996" s="12"/>
    </row>
    <row r="318997" spans="8:8">
      <c r="H318997" s="12"/>
    </row>
    <row r="318998" spans="8:8">
      <c r="H318998" s="12"/>
    </row>
    <row r="318999" spans="8:8">
      <c r="H318999" s="12"/>
    </row>
    <row r="319000" spans="8:8">
      <c r="H319000" s="12"/>
    </row>
    <row r="319001" spans="8:8">
      <c r="H319001" s="12"/>
    </row>
    <row r="319002" spans="8:8">
      <c r="H319002" s="12"/>
    </row>
    <row r="319003" spans="8:8">
      <c r="H319003" s="12"/>
    </row>
    <row r="319004" spans="8:8">
      <c r="H319004" s="12"/>
    </row>
    <row r="319005" spans="8:8">
      <c r="H319005" s="12"/>
    </row>
    <row r="319006" spans="8:8">
      <c r="H319006" s="12"/>
    </row>
    <row r="319007" spans="8:8">
      <c r="H319007" s="12"/>
    </row>
    <row r="319008" spans="8:8">
      <c r="H319008" s="12"/>
    </row>
    <row r="319009" spans="8:8">
      <c r="H319009" s="12"/>
    </row>
    <row r="319010" spans="8:8">
      <c r="H319010" s="12"/>
    </row>
    <row r="319011" spans="8:8">
      <c r="H319011" s="12"/>
    </row>
    <row r="319012" spans="8:8">
      <c r="H319012" s="12"/>
    </row>
    <row r="319013" spans="8:8">
      <c r="H319013" s="12"/>
    </row>
    <row r="319014" spans="8:8">
      <c r="H319014" s="12"/>
    </row>
    <row r="319015" spans="8:8">
      <c r="H319015" s="12"/>
    </row>
    <row r="319016" spans="8:8">
      <c r="H319016" s="12"/>
    </row>
    <row r="319017" spans="8:8">
      <c r="H319017" s="12"/>
    </row>
    <row r="319018" spans="8:8">
      <c r="H319018" s="12"/>
    </row>
    <row r="319019" spans="8:8">
      <c r="H319019" s="12"/>
    </row>
    <row r="319020" spans="8:8">
      <c r="H319020" s="12"/>
    </row>
    <row r="319021" spans="8:8">
      <c r="H319021" s="12"/>
    </row>
    <row r="319022" spans="8:8">
      <c r="H319022" s="12"/>
    </row>
    <row r="319023" spans="8:8">
      <c r="H319023" s="12"/>
    </row>
    <row r="319024" spans="8:8">
      <c r="H319024" s="12"/>
    </row>
    <row r="319025" spans="8:8">
      <c r="H319025" s="12"/>
    </row>
    <row r="319026" spans="8:8">
      <c r="H319026" s="12"/>
    </row>
    <row r="319027" spans="8:8">
      <c r="H319027" s="12"/>
    </row>
    <row r="319028" spans="8:8">
      <c r="H319028" s="12"/>
    </row>
    <row r="319029" spans="8:8">
      <c r="H319029" s="12"/>
    </row>
    <row r="319030" spans="8:8">
      <c r="H319030" s="12"/>
    </row>
    <row r="319031" spans="8:8">
      <c r="H319031" s="12"/>
    </row>
    <row r="319032" spans="8:8">
      <c r="H319032" s="12"/>
    </row>
    <row r="319033" spans="8:8">
      <c r="H319033" s="12"/>
    </row>
    <row r="319034" spans="8:8">
      <c r="H319034" s="12"/>
    </row>
    <row r="319035" spans="8:8">
      <c r="H319035" s="12"/>
    </row>
    <row r="319036" spans="8:8">
      <c r="H319036" s="12"/>
    </row>
    <row r="319037" spans="8:8">
      <c r="H319037" s="12"/>
    </row>
    <row r="319038" spans="8:8">
      <c r="H319038" s="12"/>
    </row>
    <row r="319039" spans="8:8">
      <c r="H319039" s="12"/>
    </row>
    <row r="319040" spans="8:8">
      <c r="H319040" s="12"/>
    </row>
    <row r="319041" spans="8:8">
      <c r="H319041" s="12"/>
    </row>
    <row r="319042" spans="8:8">
      <c r="H319042" s="12"/>
    </row>
    <row r="319043" spans="8:8">
      <c r="H319043" s="12"/>
    </row>
    <row r="319044" spans="8:8">
      <c r="H319044" s="12"/>
    </row>
    <row r="319045" spans="8:8">
      <c r="H319045" s="12"/>
    </row>
    <row r="319046" spans="8:8">
      <c r="H319046" s="12"/>
    </row>
    <row r="319047" spans="8:8">
      <c r="H319047" s="12"/>
    </row>
    <row r="319048" spans="8:8">
      <c r="H319048" s="12"/>
    </row>
    <row r="319049" spans="8:8">
      <c r="H319049" s="12"/>
    </row>
    <row r="319050" spans="8:8">
      <c r="H319050" s="12"/>
    </row>
    <row r="319051" spans="8:8">
      <c r="H319051" s="12"/>
    </row>
    <row r="319052" spans="8:8">
      <c r="H319052" s="12"/>
    </row>
    <row r="319053" spans="8:8">
      <c r="H319053" s="12"/>
    </row>
    <row r="319054" spans="8:8">
      <c r="H319054" s="12"/>
    </row>
    <row r="319055" spans="8:8">
      <c r="H319055" s="12"/>
    </row>
    <row r="319056" spans="8:8">
      <c r="H319056" s="12"/>
    </row>
    <row r="319057" spans="8:8">
      <c r="H319057" s="12"/>
    </row>
    <row r="319058" spans="8:8">
      <c r="H319058" s="12"/>
    </row>
    <row r="319059" spans="8:8">
      <c r="H319059" s="12"/>
    </row>
    <row r="319060" spans="8:8">
      <c r="H319060" s="12"/>
    </row>
    <row r="319061" spans="8:8">
      <c r="H319061" s="12"/>
    </row>
    <row r="319062" spans="8:8">
      <c r="H319062" s="12"/>
    </row>
    <row r="319063" spans="8:8">
      <c r="H319063" s="12"/>
    </row>
    <row r="319064" spans="8:8">
      <c r="H319064" s="12"/>
    </row>
    <row r="319065" spans="8:8">
      <c r="H319065" s="12"/>
    </row>
    <row r="319066" spans="8:8">
      <c r="H319066" s="12"/>
    </row>
    <row r="319067" spans="8:8">
      <c r="H319067" s="12"/>
    </row>
    <row r="319068" spans="8:8">
      <c r="H319068" s="12"/>
    </row>
    <row r="319069" spans="8:8">
      <c r="H319069" s="12"/>
    </row>
    <row r="319070" spans="8:8">
      <c r="H319070" s="12"/>
    </row>
    <row r="319071" spans="8:8">
      <c r="H319071" s="12"/>
    </row>
    <row r="319072" spans="8:8">
      <c r="H319072" s="12"/>
    </row>
    <row r="319073" spans="8:8">
      <c r="H319073" s="12"/>
    </row>
    <row r="319074" spans="8:8">
      <c r="H319074" s="12"/>
    </row>
    <row r="319075" spans="8:8">
      <c r="H319075" s="12"/>
    </row>
    <row r="319076" spans="8:8">
      <c r="H319076" s="12"/>
    </row>
    <row r="319077" spans="8:8">
      <c r="H319077" s="12"/>
    </row>
    <row r="319078" spans="8:8">
      <c r="H319078" s="12"/>
    </row>
    <row r="319079" spans="8:8">
      <c r="H319079" s="12"/>
    </row>
    <row r="319080" spans="8:8">
      <c r="H319080" s="12"/>
    </row>
    <row r="319081" spans="8:8">
      <c r="H319081" s="12"/>
    </row>
    <row r="319082" spans="8:8">
      <c r="H319082" s="12"/>
    </row>
    <row r="319083" spans="8:8">
      <c r="H319083" s="12"/>
    </row>
    <row r="319084" spans="8:8">
      <c r="H319084" s="12"/>
    </row>
    <row r="319085" spans="8:8">
      <c r="H319085" s="12"/>
    </row>
    <row r="319086" spans="8:8">
      <c r="H319086" s="12"/>
    </row>
    <row r="319087" spans="8:8">
      <c r="H319087" s="12"/>
    </row>
    <row r="319088" spans="8:8">
      <c r="H319088" s="12"/>
    </row>
    <row r="319089" spans="8:8">
      <c r="H319089" s="12"/>
    </row>
    <row r="319090" spans="8:8">
      <c r="H319090" s="12"/>
    </row>
    <row r="319091" spans="8:8">
      <c r="H319091" s="12"/>
    </row>
    <row r="319092" spans="8:8">
      <c r="H319092" s="12"/>
    </row>
    <row r="319093" spans="8:8">
      <c r="H319093" s="12"/>
    </row>
    <row r="319094" spans="8:8">
      <c r="H319094" s="12"/>
    </row>
    <row r="319095" spans="8:8">
      <c r="H319095" s="12"/>
    </row>
    <row r="319096" spans="8:8">
      <c r="H319096" s="12"/>
    </row>
    <row r="319097" spans="8:8">
      <c r="H319097" s="12"/>
    </row>
    <row r="319098" spans="8:8">
      <c r="H319098" s="12"/>
    </row>
    <row r="319099" spans="8:8">
      <c r="H319099" s="12"/>
    </row>
    <row r="319100" spans="8:8">
      <c r="H319100" s="12"/>
    </row>
    <row r="319101" spans="8:8">
      <c r="H319101" s="12"/>
    </row>
    <row r="319102" spans="8:8">
      <c r="H319102" s="12"/>
    </row>
    <row r="319103" spans="8:8">
      <c r="H319103" s="12"/>
    </row>
    <row r="319104" spans="8:8">
      <c r="H319104" s="12"/>
    </row>
    <row r="319105" spans="8:8">
      <c r="H319105" s="12"/>
    </row>
    <row r="319106" spans="8:8">
      <c r="H319106" s="12"/>
    </row>
    <row r="319107" spans="8:8">
      <c r="H319107" s="12"/>
    </row>
    <row r="319108" spans="8:8">
      <c r="H319108" s="12"/>
    </row>
    <row r="319109" spans="8:8">
      <c r="H319109" s="12"/>
    </row>
    <row r="319110" spans="8:8">
      <c r="H319110" s="12"/>
    </row>
    <row r="319111" spans="8:8">
      <c r="H319111" s="12"/>
    </row>
    <row r="319112" spans="8:8">
      <c r="H319112" s="12"/>
    </row>
    <row r="319113" spans="8:8">
      <c r="H319113" s="12"/>
    </row>
    <row r="319114" spans="8:8">
      <c r="H319114" s="12"/>
    </row>
    <row r="319115" spans="8:8">
      <c r="H319115" s="12"/>
    </row>
    <row r="319116" spans="8:8">
      <c r="H319116" s="12"/>
    </row>
    <row r="319117" spans="8:8">
      <c r="H319117" s="12"/>
    </row>
    <row r="319118" spans="8:8">
      <c r="H319118" s="12"/>
    </row>
    <row r="319119" spans="8:8">
      <c r="H319119" s="12"/>
    </row>
    <row r="319120" spans="8:8">
      <c r="H319120" s="12"/>
    </row>
    <row r="319121" spans="8:8">
      <c r="H319121" s="12"/>
    </row>
    <row r="319122" spans="8:8">
      <c r="H319122" s="12"/>
    </row>
    <row r="319123" spans="8:8">
      <c r="H319123" s="12"/>
    </row>
    <row r="319124" spans="8:8">
      <c r="H319124" s="12"/>
    </row>
    <row r="319125" spans="8:8">
      <c r="H319125" s="12"/>
    </row>
    <row r="319126" spans="8:8">
      <c r="H319126" s="12"/>
    </row>
    <row r="319127" spans="8:8">
      <c r="H319127" s="12"/>
    </row>
    <row r="319128" spans="8:8">
      <c r="H319128" s="12"/>
    </row>
    <row r="319129" spans="8:8">
      <c r="H319129" s="12"/>
    </row>
    <row r="319130" spans="8:8">
      <c r="H319130" s="12"/>
    </row>
    <row r="319131" spans="8:8">
      <c r="H319131" s="12"/>
    </row>
    <row r="319132" spans="8:8">
      <c r="H319132" s="12"/>
    </row>
    <row r="319133" spans="8:8">
      <c r="H319133" s="12"/>
    </row>
    <row r="319134" spans="8:8">
      <c r="H319134" s="12"/>
    </row>
    <row r="319135" spans="8:8">
      <c r="H319135" s="12"/>
    </row>
    <row r="319136" spans="8:8">
      <c r="H319136" s="12"/>
    </row>
    <row r="319137" spans="8:8">
      <c r="H319137" s="12"/>
    </row>
    <row r="319138" spans="8:8">
      <c r="H319138" s="12"/>
    </row>
    <row r="319139" spans="8:8">
      <c r="H319139" s="12"/>
    </row>
    <row r="319140" spans="8:8">
      <c r="H319140" s="12"/>
    </row>
    <row r="319141" spans="8:8">
      <c r="H319141" s="12"/>
    </row>
    <row r="319142" spans="8:8">
      <c r="H319142" s="12"/>
    </row>
    <row r="319143" spans="8:8">
      <c r="H319143" s="12"/>
    </row>
    <row r="319144" spans="8:8">
      <c r="H319144" s="12"/>
    </row>
    <row r="319145" spans="8:8">
      <c r="H319145" s="12"/>
    </row>
    <row r="319146" spans="8:8">
      <c r="H319146" s="12"/>
    </row>
    <row r="319147" spans="8:8">
      <c r="H319147" s="12"/>
    </row>
    <row r="319148" spans="8:8">
      <c r="H319148" s="12"/>
    </row>
    <row r="319149" spans="8:8">
      <c r="H319149" s="12"/>
    </row>
    <row r="319150" spans="8:8">
      <c r="H319150" s="12"/>
    </row>
    <row r="319151" spans="8:8">
      <c r="H319151" s="12"/>
    </row>
    <row r="319152" spans="8:8">
      <c r="H319152" s="12"/>
    </row>
    <row r="319153" spans="8:8">
      <c r="H319153" s="12"/>
    </row>
    <row r="319154" spans="8:8">
      <c r="H319154" s="12"/>
    </row>
    <row r="319155" spans="8:8">
      <c r="H319155" s="12"/>
    </row>
    <row r="319156" spans="8:8">
      <c r="H319156" s="12"/>
    </row>
    <row r="319157" spans="8:8">
      <c r="H319157" s="12"/>
    </row>
    <row r="319158" spans="8:8">
      <c r="H319158" s="12"/>
    </row>
    <row r="319159" spans="8:8">
      <c r="H319159" s="12"/>
    </row>
    <row r="319160" spans="8:8">
      <c r="H319160" s="12"/>
    </row>
    <row r="319161" spans="8:8">
      <c r="H319161" s="12"/>
    </row>
    <row r="319162" spans="8:8">
      <c r="H319162" s="12"/>
    </row>
    <row r="319163" spans="8:8">
      <c r="H319163" s="12"/>
    </row>
    <row r="319164" spans="8:8">
      <c r="H319164" s="12"/>
    </row>
    <row r="319165" spans="8:8">
      <c r="H319165" s="12"/>
    </row>
    <row r="319166" spans="8:8">
      <c r="H319166" s="12"/>
    </row>
    <row r="319167" spans="8:8">
      <c r="H319167" s="12"/>
    </row>
    <row r="319168" spans="8:8">
      <c r="H319168" s="12"/>
    </row>
    <row r="319169" spans="8:8">
      <c r="H319169" s="12"/>
    </row>
    <row r="319170" spans="8:8">
      <c r="H319170" s="12"/>
    </row>
    <row r="319171" spans="8:8">
      <c r="H319171" s="12"/>
    </row>
    <row r="319172" spans="8:8">
      <c r="H319172" s="12"/>
    </row>
    <row r="319173" spans="8:8">
      <c r="H319173" s="12"/>
    </row>
    <row r="319174" spans="8:8">
      <c r="H319174" s="12"/>
    </row>
    <row r="319175" spans="8:8">
      <c r="H319175" s="12"/>
    </row>
    <row r="319176" spans="8:8">
      <c r="H319176" s="12"/>
    </row>
    <row r="319177" spans="8:8">
      <c r="H319177" s="12"/>
    </row>
    <row r="319178" spans="8:8">
      <c r="H319178" s="12"/>
    </row>
    <row r="319179" spans="8:8">
      <c r="H319179" s="12"/>
    </row>
    <row r="319180" spans="8:8">
      <c r="H319180" s="12"/>
    </row>
    <row r="319181" spans="8:8">
      <c r="H319181" s="12"/>
    </row>
    <row r="319182" spans="8:8">
      <c r="H319182" s="12"/>
    </row>
    <row r="319183" spans="8:8">
      <c r="H319183" s="12"/>
    </row>
    <row r="319184" spans="8:8">
      <c r="H319184" s="12"/>
    </row>
    <row r="319185" spans="8:8">
      <c r="H319185" s="12"/>
    </row>
    <row r="319186" spans="8:8">
      <c r="H319186" s="12"/>
    </row>
    <row r="319187" spans="8:8">
      <c r="H319187" s="12"/>
    </row>
    <row r="319188" spans="8:8">
      <c r="H319188" s="12"/>
    </row>
    <row r="319189" spans="8:8">
      <c r="H319189" s="12"/>
    </row>
    <row r="319190" spans="8:8">
      <c r="H319190" s="12"/>
    </row>
    <row r="319191" spans="8:8">
      <c r="H319191" s="12"/>
    </row>
    <row r="319192" spans="8:8">
      <c r="H319192" s="12"/>
    </row>
    <row r="319193" spans="8:8">
      <c r="H319193" s="12"/>
    </row>
    <row r="319194" spans="8:8">
      <c r="H319194" s="12"/>
    </row>
    <row r="319195" spans="8:8">
      <c r="H319195" s="12"/>
    </row>
    <row r="319196" spans="8:8">
      <c r="H319196" s="12"/>
    </row>
    <row r="319197" spans="8:8">
      <c r="H319197" s="12"/>
    </row>
    <row r="319198" spans="8:8">
      <c r="H319198" s="12"/>
    </row>
    <row r="319199" spans="8:8">
      <c r="H319199" s="12"/>
    </row>
    <row r="319200" spans="8:8">
      <c r="H319200" s="12"/>
    </row>
    <row r="319201" spans="8:8">
      <c r="H319201" s="12"/>
    </row>
    <row r="319202" spans="8:8">
      <c r="H319202" s="12"/>
    </row>
    <row r="319203" spans="8:8">
      <c r="H319203" s="12"/>
    </row>
    <row r="319204" spans="8:8">
      <c r="H319204" s="12"/>
    </row>
    <row r="319205" spans="8:8">
      <c r="H319205" s="12"/>
    </row>
    <row r="319206" spans="8:8">
      <c r="H319206" s="12"/>
    </row>
    <row r="319207" spans="8:8">
      <c r="H319207" s="12"/>
    </row>
    <row r="319208" spans="8:8">
      <c r="H319208" s="12"/>
    </row>
    <row r="319209" spans="8:8">
      <c r="H319209" s="12"/>
    </row>
    <row r="319210" spans="8:8">
      <c r="H319210" s="12"/>
    </row>
    <row r="319211" spans="8:8">
      <c r="H319211" s="12"/>
    </row>
    <row r="319212" spans="8:8">
      <c r="H319212" s="12"/>
    </row>
    <row r="319213" spans="8:8">
      <c r="H319213" s="12"/>
    </row>
    <row r="319214" spans="8:8">
      <c r="H319214" s="12"/>
    </row>
    <row r="319215" spans="8:8">
      <c r="H319215" s="12"/>
    </row>
    <row r="319216" spans="8:8">
      <c r="H319216" s="12"/>
    </row>
    <row r="319217" spans="8:8">
      <c r="H319217" s="12"/>
    </row>
    <row r="319218" spans="8:8">
      <c r="H319218" s="12"/>
    </row>
    <row r="319219" spans="8:8">
      <c r="H319219" s="12"/>
    </row>
    <row r="319220" spans="8:8">
      <c r="H319220" s="12"/>
    </row>
    <row r="319221" spans="8:8">
      <c r="H319221" s="12"/>
    </row>
    <row r="319222" spans="8:8">
      <c r="H319222" s="12"/>
    </row>
    <row r="319223" spans="8:8">
      <c r="H319223" s="12"/>
    </row>
    <row r="319224" spans="8:8">
      <c r="H319224" s="12"/>
    </row>
    <row r="319225" spans="8:8">
      <c r="H319225" s="12"/>
    </row>
    <row r="319226" spans="8:8">
      <c r="H319226" s="12"/>
    </row>
    <row r="319227" spans="8:8">
      <c r="H319227" s="12"/>
    </row>
    <row r="319228" spans="8:8">
      <c r="H319228" s="12"/>
    </row>
    <row r="319229" spans="8:8">
      <c r="H319229" s="12"/>
    </row>
    <row r="319230" spans="8:8">
      <c r="H319230" s="12"/>
    </row>
    <row r="319231" spans="8:8">
      <c r="H319231" s="12"/>
    </row>
    <row r="319232" spans="8:8">
      <c r="H319232" s="12"/>
    </row>
    <row r="319233" spans="8:8">
      <c r="H319233" s="12"/>
    </row>
    <row r="319234" spans="8:8">
      <c r="H319234" s="12"/>
    </row>
    <row r="319235" spans="8:8">
      <c r="H319235" s="12"/>
    </row>
    <row r="319236" spans="8:8">
      <c r="H319236" s="12"/>
    </row>
    <row r="319237" spans="8:8">
      <c r="H319237" s="12"/>
    </row>
    <row r="319238" spans="8:8">
      <c r="H319238" s="12"/>
    </row>
    <row r="319239" spans="8:8">
      <c r="H319239" s="12"/>
    </row>
    <row r="319240" spans="8:8">
      <c r="H319240" s="12"/>
    </row>
    <row r="319241" spans="8:8">
      <c r="H319241" s="12"/>
    </row>
    <row r="319242" spans="8:8">
      <c r="H319242" s="12"/>
    </row>
    <row r="319243" spans="8:8">
      <c r="H319243" s="12"/>
    </row>
    <row r="319244" spans="8:8">
      <c r="H319244" s="12"/>
    </row>
    <row r="319245" spans="8:8">
      <c r="H319245" s="12"/>
    </row>
    <row r="319246" spans="8:8">
      <c r="H319246" s="12"/>
    </row>
    <row r="319247" spans="8:8">
      <c r="H319247" s="12"/>
    </row>
    <row r="319248" spans="8:8">
      <c r="H319248" s="12"/>
    </row>
    <row r="319249" spans="8:8">
      <c r="H319249" s="12"/>
    </row>
    <row r="319250" spans="8:8">
      <c r="H319250" s="12"/>
    </row>
    <row r="319251" spans="8:8">
      <c r="H319251" s="12"/>
    </row>
    <row r="319252" spans="8:8">
      <c r="H319252" s="12"/>
    </row>
    <row r="319253" spans="8:8">
      <c r="H319253" s="12"/>
    </row>
    <row r="319254" spans="8:8">
      <c r="H319254" s="12"/>
    </row>
    <row r="319255" spans="8:8">
      <c r="H319255" s="12"/>
    </row>
    <row r="319256" spans="8:8">
      <c r="H319256" s="12"/>
    </row>
    <row r="319257" spans="8:8">
      <c r="H319257" s="12"/>
    </row>
    <row r="319258" spans="8:8">
      <c r="H319258" s="12"/>
    </row>
    <row r="319259" spans="8:8">
      <c r="H319259" s="12"/>
    </row>
    <row r="319260" spans="8:8">
      <c r="H319260" s="12"/>
    </row>
    <row r="319261" spans="8:8">
      <c r="H319261" s="12"/>
    </row>
    <row r="319262" spans="8:8">
      <c r="H319262" s="12"/>
    </row>
    <row r="319263" spans="8:8">
      <c r="H319263" s="12"/>
    </row>
    <row r="319264" spans="8:8">
      <c r="H319264" s="12"/>
    </row>
    <row r="319265" spans="8:8">
      <c r="H319265" s="12"/>
    </row>
    <row r="319266" spans="8:8">
      <c r="H319266" s="12"/>
    </row>
    <row r="319267" spans="8:8">
      <c r="H319267" s="12"/>
    </row>
    <row r="319268" spans="8:8">
      <c r="H319268" s="12"/>
    </row>
    <row r="319269" spans="8:8">
      <c r="H319269" s="12"/>
    </row>
    <row r="319270" spans="8:8">
      <c r="H319270" s="12"/>
    </row>
    <row r="319271" spans="8:8">
      <c r="H319271" s="12"/>
    </row>
    <row r="319272" spans="8:8">
      <c r="H319272" s="12"/>
    </row>
    <row r="319273" spans="8:8">
      <c r="H319273" s="12"/>
    </row>
    <row r="319274" spans="8:8">
      <c r="H319274" s="12"/>
    </row>
    <row r="319275" spans="8:8">
      <c r="H319275" s="12"/>
    </row>
    <row r="319276" spans="8:8">
      <c r="H319276" s="12"/>
    </row>
    <row r="319277" spans="8:8">
      <c r="H319277" s="12"/>
    </row>
    <row r="319278" spans="8:8">
      <c r="H319278" s="12"/>
    </row>
    <row r="319279" spans="8:8">
      <c r="H319279" s="12"/>
    </row>
    <row r="319280" spans="8:8">
      <c r="H319280" s="12"/>
    </row>
    <row r="319281" spans="8:8">
      <c r="H319281" s="12"/>
    </row>
    <row r="319282" spans="8:8">
      <c r="H319282" s="12"/>
    </row>
    <row r="319283" spans="8:8">
      <c r="H319283" s="12"/>
    </row>
    <row r="319284" spans="8:8">
      <c r="H319284" s="12"/>
    </row>
    <row r="319285" spans="8:8">
      <c r="H319285" s="12"/>
    </row>
    <row r="319286" spans="8:8">
      <c r="H319286" s="12"/>
    </row>
    <row r="319287" spans="8:8">
      <c r="H319287" s="12"/>
    </row>
    <row r="319288" spans="8:8">
      <c r="H319288" s="12"/>
    </row>
    <row r="319289" spans="8:8">
      <c r="H319289" s="12"/>
    </row>
    <row r="319290" spans="8:8">
      <c r="H319290" s="12"/>
    </row>
    <row r="319291" spans="8:8">
      <c r="H319291" s="12"/>
    </row>
    <row r="319292" spans="8:8">
      <c r="H319292" s="12"/>
    </row>
    <row r="319293" spans="8:8">
      <c r="H319293" s="12"/>
    </row>
    <row r="319294" spans="8:8">
      <c r="H319294" s="12"/>
    </row>
    <row r="319295" spans="8:8">
      <c r="H319295" s="12"/>
    </row>
    <row r="319296" spans="8:8">
      <c r="H319296" s="12"/>
    </row>
    <row r="319297" spans="8:8">
      <c r="H319297" s="12"/>
    </row>
    <row r="319298" spans="8:8">
      <c r="H319298" s="12"/>
    </row>
    <row r="319299" spans="8:8">
      <c r="H319299" s="12"/>
    </row>
    <row r="319300" spans="8:8">
      <c r="H319300" s="12"/>
    </row>
    <row r="319301" spans="8:8">
      <c r="H319301" s="12"/>
    </row>
    <row r="319302" spans="8:8">
      <c r="H319302" s="12"/>
    </row>
    <row r="319303" spans="8:8">
      <c r="H319303" s="12"/>
    </row>
    <row r="319304" spans="8:8">
      <c r="H319304" s="12"/>
    </row>
    <row r="319305" spans="8:8">
      <c r="H319305" s="12"/>
    </row>
    <row r="319306" spans="8:8">
      <c r="H319306" s="12"/>
    </row>
    <row r="319307" spans="8:8">
      <c r="H319307" s="12"/>
    </row>
    <row r="319308" spans="8:8">
      <c r="H319308" s="12"/>
    </row>
    <row r="319309" spans="8:8">
      <c r="H319309" s="12"/>
    </row>
    <row r="319310" spans="8:8">
      <c r="H319310" s="12"/>
    </row>
    <row r="319311" spans="8:8">
      <c r="H319311" s="12"/>
    </row>
    <row r="319312" spans="8:8">
      <c r="H319312" s="12"/>
    </row>
    <row r="319313" spans="8:8">
      <c r="H319313" s="12"/>
    </row>
    <row r="319314" spans="8:8">
      <c r="H319314" s="12"/>
    </row>
    <row r="319315" spans="8:8">
      <c r="H319315" s="12"/>
    </row>
    <row r="319316" spans="8:8">
      <c r="H319316" s="12"/>
    </row>
    <row r="319317" spans="8:8">
      <c r="H319317" s="12"/>
    </row>
    <row r="319318" spans="8:8">
      <c r="H319318" s="12"/>
    </row>
    <row r="319319" spans="8:8">
      <c r="H319319" s="12"/>
    </row>
    <row r="319320" spans="8:8">
      <c r="H319320" s="12"/>
    </row>
    <row r="319321" spans="8:8">
      <c r="H319321" s="12"/>
    </row>
    <row r="319322" spans="8:8">
      <c r="H319322" s="12"/>
    </row>
    <row r="319323" spans="8:8">
      <c r="H319323" s="12"/>
    </row>
    <row r="319324" spans="8:8">
      <c r="H319324" s="12"/>
    </row>
    <row r="319325" spans="8:8">
      <c r="H319325" s="12"/>
    </row>
    <row r="319326" spans="8:8">
      <c r="H319326" s="12"/>
    </row>
    <row r="319327" spans="8:8">
      <c r="H319327" s="12"/>
    </row>
    <row r="319328" spans="8:8">
      <c r="H319328" s="12"/>
    </row>
    <row r="319329" spans="8:8">
      <c r="H319329" s="12"/>
    </row>
    <row r="319330" spans="8:8">
      <c r="H319330" s="12"/>
    </row>
    <row r="319331" spans="8:8">
      <c r="H319331" s="12"/>
    </row>
    <row r="319332" spans="8:8">
      <c r="H319332" s="12"/>
    </row>
    <row r="319333" spans="8:8">
      <c r="H319333" s="12"/>
    </row>
    <row r="319334" spans="8:8">
      <c r="H319334" s="12"/>
    </row>
    <row r="319335" spans="8:8">
      <c r="H319335" s="12"/>
    </row>
    <row r="319336" spans="8:8">
      <c r="H319336" s="12"/>
    </row>
    <row r="319337" spans="8:8">
      <c r="H319337" s="12"/>
    </row>
    <row r="319338" spans="8:8">
      <c r="H319338" s="12"/>
    </row>
    <row r="319339" spans="8:8">
      <c r="H319339" s="12"/>
    </row>
    <row r="319340" spans="8:8">
      <c r="H319340" s="12"/>
    </row>
    <row r="319341" spans="8:8">
      <c r="H319341" s="12"/>
    </row>
    <row r="319342" spans="8:8">
      <c r="H319342" s="12"/>
    </row>
    <row r="319343" spans="8:8">
      <c r="H319343" s="12"/>
    </row>
    <row r="319344" spans="8:8">
      <c r="H319344" s="12"/>
    </row>
    <row r="319345" spans="8:8">
      <c r="H319345" s="12"/>
    </row>
    <row r="319346" spans="8:8">
      <c r="H319346" s="12"/>
    </row>
    <row r="319347" spans="8:8">
      <c r="H319347" s="12"/>
    </row>
    <row r="319348" spans="8:8">
      <c r="H319348" s="12"/>
    </row>
    <row r="319349" spans="8:8">
      <c r="H319349" s="12"/>
    </row>
    <row r="319350" spans="8:8">
      <c r="H319350" s="12"/>
    </row>
    <row r="319351" spans="8:8">
      <c r="H319351" s="12"/>
    </row>
    <row r="319352" spans="8:8">
      <c r="H319352" s="12"/>
    </row>
    <row r="319353" spans="8:8">
      <c r="H319353" s="12"/>
    </row>
    <row r="319354" spans="8:8">
      <c r="H319354" s="12"/>
    </row>
    <row r="319355" spans="8:8">
      <c r="H319355" s="12"/>
    </row>
    <row r="319356" spans="8:8">
      <c r="H319356" s="12"/>
    </row>
    <row r="319357" spans="8:8">
      <c r="H319357" s="12"/>
    </row>
    <row r="319358" spans="8:8">
      <c r="H319358" s="12"/>
    </row>
    <row r="319359" spans="8:8">
      <c r="H319359" s="12"/>
    </row>
    <row r="319360" spans="8:8">
      <c r="H319360" s="12"/>
    </row>
    <row r="319361" spans="8:8">
      <c r="H319361" s="12"/>
    </row>
    <row r="319362" spans="8:8">
      <c r="H319362" s="12"/>
    </row>
    <row r="319363" spans="8:8">
      <c r="H319363" s="12"/>
    </row>
    <row r="319364" spans="8:8">
      <c r="H319364" s="12"/>
    </row>
    <row r="319365" spans="8:8">
      <c r="H319365" s="12"/>
    </row>
    <row r="319366" spans="8:8">
      <c r="H319366" s="12"/>
    </row>
    <row r="319367" spans="8:8">
      <c r="H319367" s="12"/>
    </row>
    <row r="319368" spans="8:8">
      <c r="H319368" s="12"/>
    </row>
    <row r="319369" spans="8:8">
      <c r="H319369" s="12"/>
    </row>
    <row r="319370" spans="8:8">
      <c r="H319370" s="12"/>
    </row>
    <row r="319371" spans="8:8">
      <c r="H319371" s="12"/>
    </row>
    <row r="319372" spans="8:8">
      <c r="H319372" s="12"/>
    </row>
    <row r="319373" spans="8:8">
      <c r="H319373" s="12"/>
    </row>
    <row r="319374" spans="8:8">
      <c r="H319374" s="12"/>
    </row>
    <row r="319375" spans="8:8">
      <c r="H319375" s="12"/>
    </row>
    <row r="319376" spans="8:8">
      <c r="H319376" s="12"/>
    </row>
    <row r="319377" spans="8:8">
      <c r="H319377" s="12"/>
    </row>
    <row r="319378" spans="8:8">
      <c r="H319378" s="12"/>
    </row>
    <row r="319379" spans="8:8">
      <c r="H319379" s="12"/>
    </row>
    <row r="319380" spans="8:8">
      <c r="H319380" s="12"/>
    </row>
    <row r="319381" spans="8:8">
      <c r="H319381" s="12"/>
    </row>
    <row r="319382" spans="8:8">
      <c r="H319382" s="12"/>
    </row>
    <row r="319383" spans="8:8">
      <c r="H319383" s="12"/>
    </row>
    <row r="319384" spans="8:8">
      <c r="H319384" s="12"/>
    </row>
    <row r="319385" spans="8:8">
      <c r="H319385" s="12"/>
    </row>
    <row r="319386" spans="8:8">
      <c r="H319386" s="12"/>
    </row>
    <row r="319387" spans="8:8">
      <c r="H319387" s="12"/>
    </row>
    <row r="319388" spans="8:8">
      <c r="H319388" s="12"/>
    </row>
    <row r="319389" spans="8:8">
      <c r="H319389" s="12"/>
    </row>
    <row r="319390" spans="8:8">
      <c r="H319390" s="12"/>
    </row>
    <row r="319391" spans="8:8">
      <c r="H319391" s="12"/>
    </row>
    <row r="319392" spans="8:8">
      <c r="H319392" s="12"/>
    </row>
    <row r="319393" spans="8:8">
      <c r="H319393" s="12"/>
    </row>
    <row r="319394" spans="8:8">
      <c r="H319394" s="12"/>
    </row>
    <row r="319395" spans="8:8">
      <c r="H319395" s="12"/>
    </row>
    <row r="319396" spans="8:8">
      <c r="H319396" s="12"/>
    </row>
    <row r="319397" spans="8:8">
      <c r="H319397" s="12"/>
    </row>
    <row r="319398" spans="8:8">
      <c r="H319398" s="12"/>
    </row>
    <row r="319399" spans="8:8">
      <c r="H319399" s="12"/>
    </row>
    <row r="319400" spans="8:8">
      <c r="H319400" s="12"/>
    </row>
    <row r="319401" spans="8:8">
      <c r="H319401" s="12"/>
    </row>
    <row r="319402" spans="8:8">
      <c r="H319402" s="12"/>
    </row>
    <row r="319403" spans="8:8">
      <c r="H319403" s="12"/>
    </row>
    <row r="319404" spans="8:8">
      <c r="H319404" s="12"/>
    </row>
    <row r="319405" spans="8:8">
      <c r="H319405" s="12"/>
    </row>
    <row r="319406" spans="8:8">
      <c r="H319406" s="12"/>
    </row>
    <row r="319407" spans="8:8">
      <c r="H319407" s="12"/>
    </row>
    <row r="319408" spans="8:8">
      <c r="H319408" s="12"/>
    </row>
    <row r="319409" spans="8:8">
      <c r="H319409" s="12"/>
    </row>
    <row r="319410" spans="8:8">
      <c r="H319410" s="12"/>
    </row>
    <row r="319411" spans="8:8">
      <c r="H319411" s="12"/>
    </row>
    <row r="319412" spans="8:8">
      <c r="H319412" s="12"/>
    </row>
    <row r="319413" spans="8:8">
      <c r="H319413" s="12"/>
    </row>
    <row r="319414" spans="8:8">
      <c r="H319414" s="12"/>
    </row>
    <row r="319415" spans="8:8">
      <c r="H319415" s="12"/>
    </row>
    <row r="319416" spans="8:8">
      <c r="H319416" s="12"/>
    </row>
    <row r="319417" spans="8:8">
      <c r="H319417" s="12"/>
    </row>
    <row r="319418" spans="8:8">
      <c r="H319418" s="12"/>
    </row>
    <row r="319419" spans="8:8">
      <c r="H319419" s="12"/>
    </row>
    <row r="319420" spans="8:8">
      <c r="H319420" s="12"/>
    </row>
    <row r="319421" spans="8:8">
      <c r="H319421" s="12"/>
    </row>
    <row r="319422" spans="8:8">
      <c r="H319422" s="12"/>
    </row>
    <row r="319423" spans="8:8">
      <c r="H319423" s="12"/>
    </row>
    <row r="319424" spans="8:8">
      <c r="H319424" s="12"/>
    </row>
    <row r="319425" spans="8:8">
      <c r="H319425" s="12"/>
    </row>
    <row r="319426" spans="8:8">
      <c r="H319426" s="12"/>
    </row>
    <row r="319427" spans="8:8">
      <c r="H319427" s="12"/>
    </row>
    <row r="319428" spans="8:8">
      <c r="H319428" s="12"/>
    </row>
    <row r="319429" spans="8:8">
      <c r="H319429" s="12"/>
    </row>
    <row r="319430" spans="8:8">
      <c r="H319430" s="12"/>
    </row>
    <row r="319431" spans="8:8">
      <c r="H319431" s="12"/>
    </row>
    <row r="319432" spans="8:8">
      <c r="H319432" s="12"/>
    </row>
    <row r="319433" spans="8:8">
      <c r="H319433" s="12"/>
    </row>
    <row r="319434" spans="8:8">
      <c r="H319434" s="12"/>
    </row>
    <row r="319435" spans="8:8">
      <c r="H319435" s="12"/>
    </row>
    <row r="319436" spans="8:8">
      <c r="H319436" s="12"/>
    </row>
    <row r="319437" spans="8:8">
      <c r="H319437" s="12"/>
    </row>
    <row r="319438" spans="8:8">
      <c r="H319438" s="12"/>
    </row>
    <row r="319439" spans="8:8">
      <c r="H319439" s="12"/>
    </row>
    <row r="319440" spans="8:8">
      <c r="H319440" s="12"/>
    </row>
    <row r="319441" spans="8:8">
      <c r="H319441" s="12"/>
    </row>
    <row r="319442" spans="8:8">
      <c r="H319442" s="12"/>
    </row>
    <row r="319443" spans="8:8">
      <c r="H319443" s="12"/>
    </row>
    <row r="319444" spans="8:8">
      <c r="H319444" s="12"/>
    </row>
    <row r="319445" spans="8:8">
      <c r="H319445" s="12"/>
    </row>
    <row r="319446" spans="8:8">
      <c r="H319446" s="12"/>
    </row>
    <row r="319447" spans="8:8">
      <c r="H319447" s="12"/>
    </row>
    <row r="319448" spans="8:8">
      <c r="H319448" s="12"/>
    </row>
    <row r="319449" spans="8:8">
      <c r="H319449" s="12"/>
    </row>
    <row r="319450" spans="8:8">
      <c r="H319450" s="12"/>
    </row>
    <row r="319451" spans="8:8">
      <c r="H319451" s="12"/>
    </row>
    <row r="319452" spans="8:8">
      <c r="H319452" s="12"/>
    </row>
    <row r="319453" spans="8:8">
      <c r="H319453" s="12"/>
    </row>
    <row r="319454" spans="8:8">
      <c r="H319454" s="12"/>
    </row>
    <row r="319455" spans="8:8">
      <c r="H319455" s="12"/>
    </row>
    <row r="319456" spans="8:8">
      <c r="H319456" s="12"/>
    </row>
    <row r="319457" spans="8:8">
      <c r="H319457" s="12"/>
    </row>
    <row r="319458" spans="8:8">
      <c r="H319458" s="12"/>
    </row>
    <row r="319459" spans="8:8">
      <c r="H319459" s="12"/>
    </row>
    <row r="319460" spans="8:8">
      <c r="H319460" s="12"/>
    </row>
    <row r="319461" spans="8:8">
      <c r="H319461" s="12"/>
    </row>
    <row r="319462" spans="8:8">
      <c r="H319462" s="12"/>
    </row>
    <row r="319463" spans="8:8">
      <c r="H319463" s="12"/>
    </row>
    <row r="319464" spans="8:8">
      <c r="H319464" s="12"/>
    </row>
    <row r="319465" spans="8:8">
      <c r="H319465" s="12"/>
    </row>
    <row r="319466" spans="8:8">
      <c r="H319466" s="12"/>
    </row>
    <row r="319467" spans="8:8">
      <c r="H319467" s="12"/>
    </row>
    <row r="319468" spans="8:8">
      <c r="H319468" s="12"/>
    </row>
    <row r="319469" spans="8:8">
      <c r="H319469" s="12"/>
    </row>
    <row r="319470" spans="8:8">
      <c r="H319470" s="12"/>
    </row>
    <row r="319471" spans="8:8">
      <c r="H319471" s="12"/>
    </row>
    <row r="319472" spans="8:8">
      <c r="H319472" s="12"/>
    </row>
    <row r="319473" spans="8:8">
      <c r="H319473" s="12"/>
    </row>
    <row r="319474" spans="8:8">
      <c r="H319474" s="12"/>
    </row>
    <row r="319475" spans="8:8">
      <c r="H319475" s="12"/>
    </row>
    <row r="319476" spans="8:8">
      <c r="H319476" s="12"/>
    </row>
    <row r="319477" spans="8:8">
      <c r="H319477" s="12"/>
    </row>
    <row r="319478" spans="8:8">
      <c r="H319478" s="12"/>
    </row>
    <row r="319479" spans="8:8">
      <c r="H319479" s="12"/>
    </row>
    <row r="319480" spans="8:8">
      <c r="H319480" s="12"/>
    </row>
    <row r="319481" spans="8:8">
      <c r="H319481" s="12"/>
    </row>
    <row r="319482" spans="8:8">
      <c r="H319482" s="12"/>
    </row>
    <row r="319483" spans="8:8">
      <c r="H319483" s="12"/>
    </row>
    <row r="319484" spans="8:8">
      <c r="H319484" s="12"/>
    </row>
    <row r="319485" spans="8:8">
      <c r="H319485" s="12"/>
    </row>
    <row r="319486" spans="8:8">
      <c r="H319486" s="12"/>
    </row>
    <row r="319487" spans="8:8">
      <c r="H319487" s="12"/>
    </row>
    <row r="319488" spans="8:8">
      <c r="H319488" s="12"/>
    </row>
    <row r="319489" spans="8:8">
      <c r="H319489" s="12"/>
    </row>
    <row r="319490" spans="8:8">
      <c r="H319490" s="12"/>
    </row>
    <row r="319491" spans="8:8">
      <c r="H319491" s="12"/>
    </row>
    <row r="319492" spans="8:8">
      <c r="H319492" s="12"/>
    </row>
    <row r="319493" spans="8:8">
      <c r="H319493" s="12"/>
    </row>
    <row r="319494" spans="8:8">
      <c r="H319494" s="12"/>
    </row>
    <row r="319495" spans="8:8">
      <c r="H319495" s="12"/>
    </row>
    <row r="319496" spans="8:8">
      <c r="H319496" s="12"/>
    </row>
    <row r="319497" spans="8:8">
      <c r="H319497" s="12"/>
    </row>
    <row r="319498" spans="8:8">
      <c r="H319498" s="12"/>
    </row>
    <row r="319499" spans="8:8">
      <c r="H319499" s="12"/>
    </row>
    <row r="319500" spans="8:8">
      <c r="H319500" s="12"/>
    </row>
    <row r="319501" spans="8:8">
      <c r="H319501" s="12"/>
    </row>
    <row r="319502" spans="8:8">
      <c r="H319502" s="12"/>
    </row>
    <row r="319503" spans="8:8">
      <c r="H319503" s="12"/>
    </row>
    <row r="319504" spans="8:8">
      <c r="H319504" s="12"/>
    </row>
    <row r="319505" spans="8:8">
      <c r="H319505" s="12"/>
    </row>
    <row r="319506" spans="8:8">
      <c r="H319506" s="12"/>
    </row>
    <row r="319507" spans="8:8">
      <c r="H319507" s="12"/>
    </row>
    <row r="319508" spans="8:8">
      <c r="H319508" s="12"/>
    </row>
    <row r="319509" spans="8:8">
      <c r="H319509" s="12"/>
    </row>
    <row r="319510" spans="8:8">
      <c r="H319510" s="12"/>
    </row>
    <row r="319511" spans="8:8">
      <c r="H319511" s="12"/>
    </row>
    <row r="319512" spans="8:8">
      <c r="H319512" s="12"/>
    </row>
    <row r="319513" spans="8:8">
      <c r="H319513" s="12"/>
    </row>
    <row r="319514" spans="8:8">
      <c r="H319514" s="12"/>
    </row>
    <row r="319515" spans="8:8">
      <c r="H319515" s="12"/>
    </row>
    <row r="319516" spans="8:8">
      <c r="H319516" s="12"/>
    </row>
    <row r="319517" spans="8:8">
      <c r="H319517" s="12"/>
    </row>
    <row r="319518" spans="8:8">
      <c r="H319518" s="12"/>
    </row>
    <row r="319519" spans="8:8">
      <c r="H319519" s="12"/>
    </row>
    <row r="319520" spans="8:8">
      <c r="H319520" s="12"/>
    </row>
    <row r="319521" spans="8:8">
      <c r="H319521" s="12"/>
    </row>
    <row r="319522" spans="8:8">
      <c r="H319522" s="12"/>
    </row>
    <row r="319523" spans="8:8">
      <c r="H319523" s="12"/>
    </row>
    <row r="319524" spans="8:8">
      <c r="H319524" s="12"/>
    </row>
    <row r="319525" spans="8:8">
      <c r="H319525" s="12"/>
    </row>
    <row r="319526" spans="8:8">
      <c r="H319526" s="12"/>
    </row>
    <row r="319527" spans="8:8">
      <c r="H319527" s="12"/>
    </row>
    <row r="319528" spans="8:8">
      <c r="H319528" s="12"/>
    </row>
    <row r="319529" spans="8:8">
      <c r="H319529" s="12"/>
    </row>
    <row r="319530" spans="8:8">
      <c r="H319530" s="12"/>
    </row>
    <row r="319531" spans="8:8">
      <c r="H319531" s="12"/>
    </row>
    <row r="319532" spans="8:8">
      <c r="H319532" s="12"/>
    </row>
    <row r="319533" spans="8:8">
      <c r="H319533" s="12"/>
    </row>
    <row r="319534" spans="8:8">
      <c r="H319534" s="12"/>
    </row>
    <row r="319535" spans="8:8">
      <c r="H319535" s="12"/>
    </row>
    <row r="319536" spans="8:8">
      <c r="H319536" s="12"/>
    </row>
    <row r="319537" spans="8:8">
      <c r="H319537" s="12"/>
    </row>
    <row r="319538" spans="8:8">
      <c r="H319538" s="12"/>
    </row>
    <row r="319539" spans="8:8">
      <c r="H319539" s="12"/>
    </row>
    <row r="319540" spans="8:8">
      <c r="H319540" s="12"/>
    </row>
    <row r="319541" spans="8:8">
      <c r="H319541" s="12"/>
    </row>
    <row r="319542" spans="8:8">
      <c r="H319542" s="12"/>
    </row>
    <row r="319543" spans="8:8">
      <c r="H319543" s="12"/>
    </row>
    <row r="319544" spans="8:8">
      <c r="H319544" s="12"/>
    </row>
    <row r="319545" spans="8:8">
      <c r="H319545" s="12"/>
    </row>
    <row r="319546" spans="8:8">
      <c r="H319546" s="12"/>
    </row>
    <row r="319547" spans="8:8">
      <c r="H319547" s="12"/>
    </row>
    <row r="319548" spans="8:8">
      <c r="H319548" s="12"/>
    </row>
    <row r="319549" spans="8:8">
      <c r="H319549" s="12"/>
    </row>
    <row r="319550" spans="8:8">
      <c r="H319550" s="12"/>
    </row>
    <row r="319551" spans="8:8">
      <c r="H319551" s="12"/>
    </row>
    <row r="319552" spans="8:8">
      <c r="H319552" s="12"/>
    </row>
    <row r="319553" spans="8:8">
      <c r="H319553" s="12"/>
    </row>
    <row r="319554" spans="8:8">
      <c r="H319554" s="12"/>
    </row>
    <row r="319555" spans="8:8">
      <c r="H319555" s="12"/>
    </row>
    <row r="319556" spans="8:8">
      <c r="H319556" s="12"/>
    </row>
    <row r="319557" spans="8:8">
      <c r="H319557" s="12"/>
    </row>
    <row r="319558" spans="8:8">
      <c r="H319558" s="12"/>
    </row>
    <row r="319559" spans="8:8">
      <c r="H319559" s="12"/>
    </row>
    <row r="319560" spans="8:8">
      <c r="H319560" s="12"/>
    </row>
    <row r="319561" spans="8:8">
      <c r="H319561" s="12"/>
    </row>
    <row r="319562" spans="8:8">
      <c r="H319562" s="12"/>
    </row>
    <row r="319563" spans="8:8">
      <c r="H319563" s="12"/>
    </row>
    <row r="319564" spans="8:8">
      <c r="H319564" s="12"/>
    </row>
    <row r="319565" spans="8:8">
      <c r="H319565" s="12"/>
    </row>
    <row r="319566" spans="8:8">
      <c r="H319566" s="12"/>
    </row>
    <row r="319567" spans="8:8">
      <c r="H319567" s="12"/>
    </row>
    <row r="319568" spans="8:8">
      <c r="H319568" s="12"/>
    </row>
    <row r="319569" spans="8:8">
      <c r="H319569" s="12"/>
    </row>
    <row r="319570" spans="8:8">
      <c r="H319570" s="12"/>
    </row>
    <row r="319571" spans="8:8">
      <c r="H319571" s="12"/>
    </row>
    <row r="319572" spans="8:8">
      <c r="H319572" s="12"/>
    </row>
    <row r="319573" spans="8:8">
      <c r="H319573" s="12"/>
    </row>
    <row r="319574" spans="8:8">
      <c r="H319574" s="12"/>
    </row>
    <row r="319575" spans="8:8">
      <c r="H319575" s="12"/>
    </row>
    <row r="319576" spans="8:8">
      <c r="H319576" s="12"/>
    </row>
    <row r="319577" spans="8:8">
      <c r="H319577" s="12"/>
    </row>
    <row r="319578" spans="8:8">
      <c r="H319578" s="12"/>
    </row>
    <row r="319579" spans="8:8">
      <c r="H319579" s="12"/>
    </row>
    <row r="319580" spans="8:8">
      <c r="H319580" s="12"/>
    </row>
    <row r="319581" spans="8:8">
      <c r="H319581" s="12"/>
    </row>
    <row r="319582" spans="8:8">
      <c r="H319582" s="12"/>
    </row>
    <row r="319583" spans="8:8">
      <c r="H319583" s="12"/>
    </row>
    <row r="319584" spans="8:8">
      <c r="H319584" s="12"/>
    </row>
    <row r="319585" spans="8:8">
      <c r="H319585" s="12"/>
    </row>
    <row r="319586" spans="8:8">
      <c r="H319586" s="12"/>
    </row>
    <row r="319587" spans="8:8">
      <c r="H319587" s="12"/>
    </row>
    <row r="319588" spans="8:8">
      <c r="H319588" s="12"/>
    </row>
    <row r="319589" spans="8:8">
      <c r="H319589" s="12"/>
    </row>
    <row r="319590" spans="8:8">
      <c r="H319590" s="12"/>
    </row>
    <row r="319591" spans="8:8">
      <c r="H319591" s="12"/>
    </row>
    <row r="319592" spans="8:8">
      <c r="H319592" s="12"/>
    </row>
    <row r="319593" spans="8:8">
      <c r="H319593" s="12"/>
    </row>
    <row r="319594" spans="8:8">
      <c r="H319594" s="12"/>
    </row>
    <row r="319595" spans="8:8">
      <c r="H319595" s="12"/>
    </row>
    <row r="319596" spans="8:8">
      <c r="H319596" s="12"/>
    </row>
    <row r="319597" spans="8:8">
      <c r="H319597" s="12"/>
    </row>
    <row r="319598" spans="8:8">
      <c r="H319598" s="12"/>
    </row>
    <row r="319599" spans="8:8">
      <c r="H319599" s="12"/>
    </row>
    <row r="319600" spans="8:8">
      <c r="H319600" s="12"/>
    </row>
    <row r="319601" spans="8:8">
      <c r="H319601" s="12"/>
    </row>
    <row r="319602" spans="8:8">
      <c r="H319602" s="12"/>
    </row>
    <row r="319603" spans="8:8">
      <c r="H319603" s="12"/>
    </row>
    <row r="319604" spans="8:8">
      <c r="H319604" s="12"/>
    </row>
    <row r="319605" spans="8:8">
      <c r="H319605" s="12"/>
    </row>
    <row r="319606" spans="8:8">
      <c r="H319606" s="12"/>
    </row>
    <row r="319607" spans="8:8">
      <c r="H319607" s="12"/>
    </row>
    <row r="319608" spans="8:8">
      <c r="H319608" s="12"/>
    </row>
    <row r="319609" spans="8:8">
      <c r="H319609" s="12"/>
    </row>
    <row r="319610" spans="8:8">
      <c r="H319610" s="12"/>
    </row>
    <row r="319611" spans="8:8">
      <c r="H319611" s="12"/>
    </row>
    <row r="319612" spans="8:8">
      <c r="H319612" s="12"/>
    </row>
    <row r="319613" spans="8:8">
      <c r="H319613" s="12"/>
    </row>
    <row r="319614" spans="8:8">
      <c r="H319614" s="12"/>
    </row>
    <row r="319615" spans="8:8">
      <c r="H319615" s="12"/>
    </row>
    <row r="319616" spans="8:8">
      <c r="H319616" s="12"/>
    </row>
    <row r="319617" spans="8:8">
      <c r="H319617" s="12"/>
    </row>
    <row r="319618" spans="8:8">
      <c r="H319618" s="12"/>
    </row>
    <row r="319619" spans="8:8">
      <c r="H319619" s="12"/>
    </row>
    <row r="319620" spans="8:8">
      <c r="H319620" s="12"/>
    </row>
    <row r="319621" spans="8:8">
      <c r="H319621" s="12"/>
    </row>
    <row r="319622" spans="8:8">
      <c r="H319622" s="12"/>
    </row>
    <row r="319623" spans="8:8">
      <c r="H319623" s="12"/>
    </row>
    <row r="319624" spans="8:8">
      <c r="H319624" s="12"/>
    </row>
    <row r="319625" spans="8:8">
      <c r="H319625" s="12"/>
    </row>
    <row r="319626" spans="8:8">
      <c r="H319626" s="12"/>
    </row>
    <row r="319627" spans="8:8">
      <c r="H319627" s="12"/>
    </row>
    <row r="319628" spans="8:8">
      <c r="H319628" s="12"/>
    </row>
    <row r="319629" spans="8:8">
      <c r="H319629" s="12"/>
    </row>
    <row r="319630" spans="8:8">
      <c r="H319630" s="12"/>
    </row>
    <row r="319631" spans="8:8">
      <c r="H319631" s="12"/>
    </row>
    <row r="319632" spans="8:8">
      <c r="H319632" s="12"/>
    </row>
    <row r="319633" spans="8:8">
      <c r="H319633" s="12"/>
    </row>
    <row r="319634" spans="8:8">
      <c r="H319634" s="12"/>
    </row>
    <row r="319635" spans="8:8">
      <c r="H319635" s="12"/>
    </row>
    <row r="319636" spans="8:8">
      <c r="H319636" s="12"/>
    </row>
    <row r="319637" spans="8:8">
      <c r="H319637" s="12"/>
    </row>
    <row r="319638" spans="8:8">
      <c r="H319638" s="12"/>
    </row>
    <row r="319639" spans="8:8">
      <c r="H319639" s="12"/>
    </row>
    <row r="319640" spans="8:8">
      <c r="H319640" s="12"/>
    </row>
    <row r="319641" spans="8:8">
      <c r="H319641" s="12"/>
    </row>
    <row r="319642" spans="8:8">
      <c r="H319642" s="12"/>
    </row>
    <row r="319643" spans="8:8">
      <c r="H319643" s="12"/>
    </row>
    <row r="319644" spans="8:8">
      <c r="H319644" s="12"/>
    </row>
    <row r="319645" spans="8:8">
      <c r="H319645" s="12"/>
    </row>
    <row r="319646" spans="8:8">
      <c r="H319646" s="12"/>
    </row>
    <row r="319647" spans="8:8">
      <c r="H319647" s="12"/>
    </row>
    <row r="319648" spans="8:8">
      <c r="H319648" s="12"/>
    </row>
    <row r="319649" spans="8:8">
      <c r="H319649" s="12"/>
    </row>
    <row r="319650" spans="8:8">
      <c r="H319650" s="12"/>
    </row>
    <row r="319651" spans="8:8">
      <c r="H319651" s="12"/>
    </row>
    <row r="319652" spans="8:8">
      <c r="H319652" s="12"/>
    </row>
    <row r="319653" spans="8:8">
      <c r="H319653" s="12"/>
    </row>
    <row r="319654" spans="8:8">
      <c r="H319654" s="12"/>
    </row>
    <row r="319655" spans="8:8">
      <c r="H319655" s="12"/>
    </row>
    <row r="319656" spans="8:8">
      <c r="H319656" s="12"/>
    </row>
    <row r="319657" spans="8:8">
      <c r="H319657" s="12"/>
    </row>
    <row r="319658" spans="8:8">
      <c r="H319658" s="12"/>
    </row>
    <row r="319659" spans="8:8">
      <c r="H319659" s="12"/>
    </row>
    <row r="319660" spans="8:8">
      <c r="H319660" s="12"/>
    </row>
    <row r="319661" spans="8:8">
      <c r="H319661" s="12"/>
    </row>
    <row r="319662" spans="8:8">
      <c r="H319662" s="12"/>
    </row>
    <row r="319663" spans="8:8">
      <c r="H319663" s="12"/>
    </row>
    <row r="319664" spans="8:8">
      <c r="H319664" s="12"/>
    </row>
    <row r="319665" spans="8:8">
      <c r="H319665" s="12"/>
    </row>
    <row r="319666" spans="8:8">
      <c r="H319666" s="12"/>
    </row>
    <row r="319667" spans="8:8">
      <c r="H319667" s="12"/>
    </row>
    <row r="319668" spans="8:8">
      <c r="H319668" s="12"/>
    </row>
    <row r="319669" spans="8:8">
      <c r="H319669" s="12"/>
    </row>
    <row r="319670" spans="8:8">
      <c r="H319670" s="12"/>
    </row>
    <row r="319671" spans="8:8">
      <c r="H319671" s="12"/>
    </row>
    <row r="319672" spans="8:8">
      <c r="H319672" s="12"/>
    </row>
    <row r="319673" spans="8:8">
      <c r="H319673" s="12"/>
    </row>
    <row r="319674" spans="8:8">
      <c r="H319674" s="12"/>
    </row>
    <row r="319675" spans="8:8">
      <c r="H319675" s="12"/>
    </row>
    <row r="319676" spans="8:8">
      <c r="H319676" s="12"/>
    </row>
    <row r="319677" spans="8:8">
      <c r="H319677" s="12"/>
    </row>
    <row r="319678" spans="8:8">
      <c r="H319678" s="12"/>
    </row>
    <row r="319679" spans="8:8">
      <c r="H319679" s="12"/>
    </row>
    <row r="319680" spans="8:8">
      <c r="H319680" s="12"/>
    </row>
    <row r="319681" spans="8:8">
      <c r="H319681" s="12"/>
    </row>
    <row r="319682" spans="8:8">
      <c r="H319682" s="12"/>
    </row>
    <row r="319683" spans="8:8">
      <c r="H319683" s="12"/>
    </row>
    <row r="319684" spans="8:8">
      <c r="H319684" s="12"/>
    </row>
    <row r="319685" spans="8:8">
      <c r="H319685" s="12"/>
    </row>
    <row r="319686" spans="8:8">
      <c r="H319686" s="12"/>
    </row>
    <row r="319687" spans="8:8">
      <c r="H319687" s="12"/>
    </row>
    <row r="319688" spans="8:8">
      <c r="H319688" s="12"/>
    </row>
    <row r="319689" spans="8:8">
      <c r="H319689" s="12"/>
    </row>
    <row r="319690" spans="8:8">
      <c r="H319690" s="12"/>
    </row>
    <row r="319691" spans="8:8">
      <c r="H319691" s="12"/>
    </row>
    <row r="319692" spans="8:8">
      <c r="H319692" s="12"/>
    </row>
    <row r="319693" spans="8:8">
      <c r="H319693" s="12"/>
    </row>
    <row r="319694" spans="8:8">
      <c r="H319694" s="12"/>
    </row>
    <row r="319695" spans="8:8">
      <c r="H319695" s="12"/>
    </row>
    <row r="319696" spans="8:8">
      <c r="H319696" s="12"/>
    </row>
    <row r="319697" spans="8:8">
      <c r="H319697" s="12"/>
    </row>
    <row r="319698" spans="8:8">
      <c r="H319698" s="12"/>
    </row>
    <row r="319699" spans="8:8">
      <c r="H319699" s="12"/>
    </row>
    <row r="319700" spans="8:8">
      <c r="H319700" s="12"/>
    </row>
    <row r="319701" spans="8:8">
      <c r="H319701" s="12"/>
    </row>
    <row r="319702" spans="8:8">
      <c r="H319702" s="12"/>
    </row>
    <row r="319703" spans="8:8">
      <c r="H319703" s="12"/>
    </row>
    <row r="319704" spans="8:8">
      <c r="H319704" s="12"/>
    </row>
    <row r="319705" spans="8:8">
      <c r="H319705" s="12"/>
    </row>
    <row r="319706" spans="8:8">
      <c r="H319706" s="12"/>
    </row>
    <row r="319707" spans="8:8">
      <c r="H319707" s="12"/>
    </row>
    <row r="319708" spans="8:8">
      <c r="H319708" s="12"/>
    </row>
    <row r="319709" spans="8:8">
      <c r="H319709" s="12"/>
    </row>
    <row r="319710" spans="8:8">
      <c r="H319710" s="12"/>
    </row>
    <row r="319711" spans="8:8">
      <c r="H319711" s="12"/>
    </row>
    <row r="319712" spans="8:8">
      <c r="H319712" s="12"/>
    </row>
    <row r="319713" spans="8:8">
      <c r="H319713" s="12"/>
    </row>
    <row r="319714" spans="8:8">
      <c r="H319714" s="12"/>
    </row>
    <row r="319715" spans="8:8">
      <c r="H319715" s="12"/>
    </row>
    <row r="319716" spans="8:8">
      <c r="H319716" s="12"/>
    </row>
    <row r="319717" spans="8:8">
      <c r="H319717" s="12"/>
    </row>
    <row r="319718" spans="8:8">
      <c r="H319718" s="12"/>
    </row>
    <row r="319719" spans="8:8">
      <c r="H319719" s="12"/>
    </row>
    <row r="319720" spans="8:8">
      <c r="H319720" s="12"/>
    </row>
    <row r="319721" spans="8:8">
      <c r="H319721" s="12"/>
    </row>
    <row r="319722" spans="8:8">
      <c r="H319722" s="12"/>
    </row>
    <row r="319723" spans="8:8">
      <c r="H319723" s="12"/>
    </row>
    <row r="319724" spans="8:8">
      <c r="H319724" s="12"/>
    </row>
    <row r="319725" spans="8:8">
      <c r="H319725" s="12"/>
    </row>
    <row r="319726" spans="8:8">
      <c r="H319726" s="12"/>
    </row>
    <row r="319727" spans="8:8">
      <c r="H319727" s="12"/>
    </row>
    <row r="319728" spans="8:8">
      <c r="H319728" s="12"/>
    </row>
    <row r="319729" spans="8:8">
      <c r="H319729" s="12"/>
    </row>
    <row r="319730" spans="8:8">
      <c r="H319730" s="12"/>
    </row>
    <row r="319731" spans="8:8">
      <c r="H319731" s="12"/>
    </row>
    <row r="319732" spans="8:8">
      <c r="H319732" s="12"/>
    </row>
    <row r="319733" spans="8:8">
      <c r="H319733" s="12"/>
    </row>
    <row r="319734" spans="8:8">
      <c r="H319734" s="12"/>
    </row>
    <row r="319735" spans="8:8">
      <c r="H319735" s="12"/>
    </row>
    <row r="319736" spans="8:8">
      <c r="H319736" s="12"/>
    </row>
    <row r="319737" spans="8:8">
      <c r="H319737" s="12"/>
    </row>
    <row r="319738" spans="8:8">
      <c r="H319738" s="12"/>
    </row>
    <row r="319739" spans="8:8">
      <c r="H319739" s="12"/>
    </row>
    <row r="319740" spans="8:8">
      <c r="H319740" s="12"/>
    </row>
    <row r="319741" spans="8:8">
      <c r="H319741" s="12"/>
    </row>
    <row r="319742" spans="8:8">
      <c r="H319742" s="12"/>
    </row>
    <row r="319743" spans="8:8">
      <c r="H319743" s="12"/>
    </row>
    <row r="319744" spans="8:8">
      <c r="H319744" s="12"/>
    </row>
    <row r="319745" spans="8:8">
      <c r="H319745" s="12"/>
    </row>
    <row r="319746" spans="8:8">
      <c r="H319746" s="12"/>
    </row>
    <row r="319747" spans="8:8">
      <c r="H319747" s="12"/>
    </row>
    <row r="319748" spans="8:8">
      <c r="H319748" s="12"/>
    </row>
    <row r="319749" spans="8:8">
      <c r="H319749" s="12"/>
    </row>
    <row r="319750" spans="8:8">
      <c r="H319750" s="12"/>
    </row>
    <row r="319751" spans="8:8">
      <c r="H319751" s="12"/>
    </row>
    <row r="319752" spans="8:8">
      <c r="H319752" s="12"/>
    </row>
    <row r="319753" spans="8:8">
      <c r="H319753" s="12"/>
    </row>
    <row r="319754" spans="8:8">
      <c r="H319754" s="12"/>
    </row>
    <row r="319755" spans="8:8">
      <c r="H319755" s="12"/>
    </row>
    <row r="319756" spans="8:8">
      <c r="H319756" s="12"/>
    </row>
    <row r="319757" spans="8:8">
      <c r="H319757" s="12"/>
    </row>
    <row r="319758" spans="8:8">
      <c r="H319758" s="12"/>
    </row>
    <row r="319759" spans="8:8">
      <c r="H319759" s="12"/>
    </row>
    <row r="319760" spans="8:8">
      <c r="H319760" s="12"/>
    </row>
    <row r="319761" spans="8:8">
      <c r="H319761" s="12"/>
    </row>
    <row r="319762" spans="8:8">
      <c r="H319762" s="12"/>
    </row>
    <row r="319763" spans="8:8">
      <c r="H319763" s="12"/>
    </row>
    <row r="319764" spans="8:8">
      <c r="H319764" s="12"/>
    </row>
    <row r="319765" spans="8:8">
      <c r="H319765" s="12"/>
    </row>
    <row r="319766" spans="8:8">
      <c r="H319766" s="12"/>
    </row>
    <row r="319767" spans="8:8">
      <c r="H319767" s="12"/>
    </row>
    <row r="319768" spans="8:8">
      <c r="H319768" s="12"/>
    </row>
    <row r="319769" spans="8:8">
      <c r="H319769" s="12"/>
    </row>
    <row r="319770" spans="8:8">
      <c r="H319770" s="12"/>
    </row>
    <row r="319771" spans="8:8">
      <c r="H319771" s="12"/>
    </row>
    <row r="319772" spans="8:8">
      <c r="H319772" s="12"/>
    </row>
    <row r="319773" spans="8:8">
      <c r="H319773" s="12"/>
    </row>
    <row r="319774" spans="8:8">
      <c r="H319774" s="12"/>
    </row>
    <row r="319775" spans="8:8">
      <c r="H319775" s="12"/>
    </row>
    <row r="319776" spans="8:8">
      <c r="H319776" s="12"/>
    </row>
    <row r="319777" spans="8:8">
      <c r="H319777" s="12"/>
    </row>
    <row r="319778" spans="8:8">
      <c r="H319778" s="12"/>
    </row>
    <row r="319779" spans="8:8">
      <c r="H319779" s="12"/>
    </row>
    <row r="319780" spans="8:8">
      <c r="H319780" s="12"/>
    </row>
    <row r="319781" spans="8:8">
      <c r="H319781" s="12"/>
    </row>
    <row r="319782" spans="8:8">
      <c r="H319782" s="12"/>
    </row>
    <row r="319783" spans="8:8">
      <c r="H319783" s="12"/>
    </row>
    <row r="319784" spans="8:8">
      <c r="H319784" s="12"/>
    </row>
    <row r="319785" spans="8:8">
      <c r="H319785" s="12"/>
    </row>
    <row r="319786" spans="8:8">
      <c r="H319786" s="12"/>
    </row>
    <row r="319787" spans="8:8">
      <c r="H319787" s="12"/>
    </row>
    <row r="319788" spans="8:8">
      <c r="H319788" s="12"/>
    </row>
    <row r="319789" spans="8:8">
      <c r="H319789" s="12"/>
    </row>
    <row r="319790" spans="8:8">
      <c r="H319790" s="12"/>
    </row>
    <row r="319791" spans="8:8">
      <c r="H319791" s="12"/>
    </row>
    <row r="319792" spans="8:8">
      <c r="H319792" s="12"/>
    </row>
    <row r="319793" spans="8:8">
      <c r="H319793" s="12"/>
    </row>
    <row r="319794" spans="8:8">
      <c r="H319794" s="12"/>
    </row>
    <row r="319795" spans="8:8">
      <c r="H319795" s="12"/>
    </row>
    <row r="319796" spans="8:8">
      <c r="H319796" s="12"/>
    </row>
    <row r="319797" spans="8:8">
      <c r="H319797" s="12"/>
    </row>
    <row r="319798" spans="8:8">
      <c r="H319798" s="12"/>
    </row>
    <row r="319799" spans="8:8">
      <c r="H319799" s="12"/>
    </row>
    <row r="319800" spans="8:8">
      <c r="H319800" s="12"/>
    </row>
    <row r="319801" spans="8:8">
      <c r="H319801" s="12"/>
    </row>
    <row r="319802" spans="8:8">
      <c r="H319802" s="12"/>
    </row>
    <row r="319803" spans="8:8">
      <c r="H319803" s="12"/>
    </row>
    <row r="319804" spans="8:8">
      <c r="H319804" s="12"/>
    </row>
    <row r="319805" spans="8:8">
      <c r="H319805" s="12"/>
    </row>
    <row r="319806" spans="8:8">
      <c r="H319806" s="12"/>
    </row>
    <row r="319807" spans="8:8">
      <c r="H319807" s="12"/>
    </row>
    <row r="319808" spans="8:8">
      <c r="H319808" s="12"/>
    </row>
    <row r="319809" spans="8:8">
      <c r="H319809" s="12"/>
    </row>
    <row r="319810" spans="8:8">
      <c r="H319810" s="12"/>
    </row>
    <row r="319811" spans="8:8">
      <c r="H319811" s="12"/>
    </row>
    <row r="319812" spans="8:8">
      <c r="H319812" s="12"/>
    </row>
    <row r="319813" spans="8:8">
      <c r="H319813" s="12"/>
    </row>
    <row r="319814" spans="8:8">
      <c r="H319814" s="12"/>
    </row>
    <row r="319815" spans="8:8">
      <c r="H319815" s="12"/>
    </row>
    <row r="319816" spans="8:8">
      <c r="H319816" s="12"/>
    </row>
    <row r="319817" spans="8:8">
      <c r="H319817" s="12"/>
    </row>
    <row r="319818" spans="8:8">
      <c r="H319818" s="12"/>
    </row>
    <row r="319819" spans="8:8">
      <c r="H319819" s="12"/>
    </row>
    <row r="319820" spans="8:8">
      <c r="H319820" s="12"/>
    </row>
    <row r="319821" spans="8:8">
      <c r="H319821" s="12"/>
    </row>
    <row r="319822" spans="8:8">
      <c r="H319822" s="12"/>
    </row>
    <row r="319823" spans="8:8">
      <c r="H319823" s="12"/>
    </row>
    <row r="319824" spans="8:8">
      <c r="H319824" s="12"/>
    </row>
    <row r="319825" spans="8:8">
      <c r="H319825" s="12"/>
    </row>
    <row r="319826" spans="8:8">
      <c r="H319826" s="12"/>
    </row>
    <row r="319827" spans="8:8">
      <c r="H319827" s="12"/>
    </row>
    <row r="319828" spans="8:8">
      <c r="H319828" s="12"/>
    </row>
    <row r="319829" spans="8:8">
      <c r="H319829" s="12"/>
    </row>
    <row r="319830" spans="8:8">
      <c r="H319830" s="12"/>
    </row>
    <row r="319831" spans="8:8">
      <c r="H319831" s="12"/>
    </row>
    <row r="319832" spans="8:8">
      <c r="H319832" s="12"/>
    </row>
    <row r="319833" spans="8:8">
      <c r="H319833" s="12"/>
    </row>
    <row r="319834" spans="8:8">
      <c r="H319834" s="12"/>
    </row>
    <row r="319835" spans="8:8">
      <c r="H319835" s="12"/>
    </row>
    <row r="319836" spans="8:8">
      <c r="H319836" s="12"/>
    </row>
    <row r="319837" spans="8:8">
      <c r="H319837" s="12"/>
    </row>
    <row r="319838" spans="8:8">
      <c r="H319838" s="12"/>
    </row>
    <row r="319839" spans="8:8">
      <c r="H319839" s="12"/>
    </row>
    <row r="319840" spans="8:8">
      <c r="H319840" s="12"/>
    </row>
    <row r="319841" spans="8:8">
      <c r="H319841" s="12"/>
    </row>
    <row r="319842" spans="8:8">
      <c r="H319842" s="12"/>
    </row>
    <row r="319843" spans="8:8">
      <c r="H319843" s="12"/>
    </row>
    <row r="319844" spans="8:8">
      <c r="H319844" s="12"/>
    </row>
    <row r="319845" spans="8:8">
      <c r="H319845" s="12"/>
    </row>
    <row r="319846" spans="8:8">
      <c r="H319846" s="12"/>
    </row>
    <row r="319847" spans="8:8">
      <c r="H319847" s="12"/>
    </row>
    <row r="319848" spans="8:8">
      <c r="H319848" s="12"/>
    </row>
    <row r="319849" spans="8:8">
      <c r="H319849" s="12"/>
    </row>
    <row r="319850" spans="8:8">
      <c r="H319850" s="12"/>
    </row>
    <row r="319851" spans="8:8">
      <c r="H319851" s="12"/>
    </row>
    <row r="319852" spans="8:8">
      <c r="H319852" s="12"/>
    </row>
    <row r="319853" spans="8:8">
      <c r="H319853" s="12"/>
    </row>
    <row r="319854" spans="8:8">
      <c r="H319854" s="12"/>
    </row>
    <row r="319855" spans="8:8">
      <c r="H319855" s="12"/>
    </row>
    <row r="319856" spans="8:8">
      <c r="H319856" s="12"/>
    </row>
    <row r="319857" spans="8:8">
      <c r="H319857" s="12"/>
    </row>
    <row r="319858" spans="8:8">
      <c r="H319858" s="12"/>
    </row>
    <row r="319859" spans="8:8">
      <c r="H319859" s="12"/>
    </row>
    <row r="319860" spans="8:8">
      <c r="H319860" s="12"/>
    </row>
    <row r="319861" spans="8:8">
      <c r="H319861" s="12"/>
    </row>
    <row r="319862" spans="8:8">
      <c r="H319862" s="12"/>
    </row>
    <row r="319863" spans="8:8">
      <c r="H319863" s="12"/>
    </row>
    <row r="319864" spans="8:8">
      <c r="H319864" s="12"/>
    </row>
    <row r="319865" spans="8:8">
      <c r="H319865" s="12"/>
    </row>
    <row r="319866" spans="8:8">
      <c r="H319866" s="12"/>
    </row>
    <row r="319867" spans="8:8">
      <c r="H319867" s="12"/>
    </row>
    <row r="319868" spans="8:8">
      <c r="H319868" s="12"/>
    </row>
    <row r="319869" spans="8:8">
      <c r="H319869" s="12"/>
    </row>
    <row r="319870" spans="8:8">
      <c r="H319870" s="12"/>
    </row>
    <row r="319871" spans="8:8">
      <c r="H319871" s="12"/>
    </row>
    <row r="319872" spans="8:8">
      <c r="H319872" s="12"/>
    </row>
    <row r="319873" spans="8:8">
      <c r="H319873" s="12"/>
    </row>
    <row r="319874" spans="8:8">
      <c r="H319874" s="12"/>
    </row>
    <row r="319875" spans="8:8">
      <c r="H319875" s="12"/>
    </row>
    <row r="319876" spans="8:8">
      <c r="H319876" s="12"/>
    </row>
    <row r="319877" spans="8:8">
      <c r="H319877" s="12"/>
    </row>
    <row r="319878" spans="8:8">
      <c r="H319878" s="12"/>
    </row>
    <row r="319879" spans="8:8">
      <c r="H319879" s="12"/>
    </row>
    <row r="319880" spans="8:8">
      <c r="H319880" s="12"/>
    </row>
    <row r="319881" spans="8:8">
      <c r="H319881" s="12"/>
    </row>
    <row r="319882" spans="8:8">
      <c r="H319882" s="12"/>
    </row>
    <row r="319883" spans="8:8">
      <c r="H319883" s="12"/>
    </row>
    <row r="319884" spans="8:8">
      <c r="H319884" s="12"/>
    </row>
    <row r="319885" spans="8:8">
      <c r="H319885" s="12"/>
    </row>
    <row r="319886" spans="8:8">
      <c r="H319886" s="12"/>
    </row>
    <row r="319887" spans="8:8">
      <c r="H319887" s="12"/>
    </row>
    <row r="319888" spans="8:8">
      <c r="H319888" s="12"/>
    </row>
    <row r="319889" spans="8:8">
      <c r="H319889" s="12"/>
    </row>
    <row r="319890" spans="8:8">
      <c r="H319890" s="12"/>
    </row>
    <row r="319891" spans="8:8">
      <c r="H319891" s="12"/>
    </row>
    <row r="319892" spans="8:8">
      <c r="H319892" s="12"/>
    </row>
    <row r="319893" spans="8:8">
      <c r="H319893" s="12"/>
    </row>
    <row r="319894" spans="8:8">
      <c r="H319894" s="12"/>
    </row>
    <row r="319895" spans="8:8">
      <c r="H319895" s="12"/>
    </row>
    <row r="319896" spans="8:8">
      <c r="H319896" s="12"/>
    </row>
    <row r="319897" spans="8:8">
      <c r="H319897" s="12"/>
    </row>
    <row r="319898" spans="8:8">
      <c r="H319898" s="12"/>
    </row>
    <row r="319899" spans="8:8">
      <c r="H319899" s="12"/>
    </row>
    <row r="319900" spans="8:8">
      <c r="H319900" s="12"/>
    </row>
    <row r="319901" spans="8:8">
      <c r="H319901" s="12"/>
    </row>
    <row r="319902" spans="8:8">
      <c r="H319902" s="12"/>
    </row>
    <row r="319903" spans="8:8">
      <c r="H319903" s="12"/>
    </row>
    <row r="319904" spans="8:8">
      <c r="H319904" s="12"/>
    </row>
    <row r="319905" spans="8:8">
      <c r="H319905" s="12"/>
    </row>
    <row r="319906" spans="8:8">
      <c r="H319906" s="12"/>
    </row>
    <row r="319907" spans="8:8">
      <c r="H319907" s="12"/>
    </row>
    <row r="319908" spans="8:8">
      <c r="H319908" s="12"/>
    </row>
    <row r="319909" spans="8:8">
      <c r="H319909" s="12"/>
    </row>
    <row r="319910" spans="8:8">
      <c r="H319910" s="12"/>
    </row>
    <row r="319911" spans="8:8">
      <c r="H319911" s="12"/>
    </row>
    <row r="319912" spans="8:8">
      <c r="H319912" s="12"/>
    </row>
    <row r="319913" spans="8:8">
      <c r="H319913" s="12"/>
    </row>
    <row r="319914" spans="8:8">
      <c r="H319914" s="12"/>
    </row>
    <row r="319915" spans="8:8">
      <c r="H319915" s="12"/>
    </row>
    <row r="319916" spans="8:8">
      <c r="H319916" s="12"/>
    </row>
    <row r="319917" spans="8:8">
      <c r="H319917" s="12"/>
    </row>
    <row r="319918" spans="8:8">
      <c r="H319918" s="12"/>
    </row>
    <row r="319919" spans="8:8">
      <c r="H319919" s="12"/>
    </row>
    <row r="319920" spans="8:8">
      <c r="H319920" s="12"/>
    </row>
    <row r="319921" spans="8:8">
      <c r="H319921" s="12"/>
    </row>
    <row r="319922" spans="8:8">
      <c r="H319922" s="12"/>
    </row>
    <row r="319923" spans="8:8">
      <c r="H319923" s="12"/>
    </row>
    <row r="319924" spans="8:8">
      <c r="H319924" s="12"/>
    </row>
    <row r="319925" spans="8:8">
      <c r="H319925" s="12"/>
    </row>
    <row r="319926" spans="8:8">
      <c r="H319926" s="12"/>
    </row>
    <row r="319927" spans="8:8">
      <c r="H319927" s="12"/>
    </row>
    <row r="319928" spans="8:8">
      <c r="H319928" s="12"/>
    </row>
    <row r="319929" spans="8:8">
      <c r="H319929" s="12"/>
    </row>
    <row r="319930" spans="8:8">
      <c r="H319930" s="12"/>
    </row>
    <row r="319931" spans="8:8">
      <c r="H319931" s="12"/>
    </row>
    <row r="319932" spans="8:8">
      <c r="H319932" s="12"/>
    </row>
    <row r="319933" spans="8:8">
      <c r="H319933" s="12"/>
    </row>
    <row r="319934" spans="8:8">
      <c r="H319934" s="12"/>
    </row>
    <row r="319935" spans="8:8">
      <c r="H319935" s="12"/>
    </row>
    <row r="319936" spans="8:8">
      <c r="H319936" s="12"/>
    </row>
    <row r="319937" spans="8:8">
      <c r="H319937" s="12"/>
    </row>
    <row r="319938" spans="8:8">
      <c r="H319938" s="12"/>
    </row>
    <row r="319939" spans="8:8">
      <c r="H319939" s="12"/>
    </row>
    <row r="319940" spans="8:8">
      <c r="H319940" s="12"/>
    </row>
    <row r="319941" spans="8:8">
      <c r="H319941" s="12"/>
    </row>
    <row r="319942" spans="8:8">
      <c r="H319942" s="12"/>
    </row>
    <row r="319943" spans="8:8">
      <c r="H319943" s="12"/>
    </row>
    <row r="319944" spans="8:8">
      <c r="H319944" s="12"/>
    </row>
    <row r="319945" spans="8:8">
      <c r="H319945" s="12"/>
    </row>
    <row r="319946" spans="8:8">
      <c r="H319946" s="12"/>
    </row>
    <row r="319947" spans="8:8">
      <c r="H319947" s="12"/>
    </row>
    <row r="319948" spans="8:8">
      <c r="H319948" s="12"/>
    </row>
    <row r="319949" spans="8:8">
      <c r="H319949" s="12"/>
    </row>
    <row r="319950" spans="8:8">
      <c r="H319950" s="12"/>
    </row>
    <row r="319951" spans="8:8">
      <c r="H319951" s="12"/>
    </row>
    <row r="319952" spans="8:8">
      <c r="H319952" s="12"/>
    </row>
    <row r="319953" spans="8:8">
      <c r="H319953" s="12"/>
    </row>
    <row r="319954" spans="8:8">
      <c r="H319954" s="12"/>
    </row>
    <row r="319955" spans="8:8">
      <c r="H319955" s="12"/>
    </row>
    <row r="319956" spans="8:8">
      <c r="H319956" s="12"/>
    </row>
    <row r="319957" spans="8:8">
      <c r="H319957" s="12"/>
    </row>
    <row r="319958" spans="8:8">
      <c r="H319958" s="12"/>
    </row>
    <row r="319959" spans="8:8">
      <c r="H319959" s="12"/>
    </row>
    <row r="319960" spans="8:8">
      <c r="H319960" s="12"/>
    </row>
    <row r="319961" spans="8:8">
      <c r="H319961" s="12"/>
    </row>
    <row r="319962" spans="8:8">
      <c r="H319962" s="12"/>
    </row>
    <row r="319963" spans="8:8">
      <c r="H319963" s="12"/>
    </row>
    <row r="319964" spans="8:8">
      <c r="H319964" s="12"/>
    </row>
    <row r="319965" spans="8:8">
      <c r="H319965" s="12"/>
    </row>
    <row r="319966" spans="8:8">
      <c r="H319966" s="12"/>
    </row>
    <row r="319967" spans="8:8">
      <c r="H319967" s="12"/>
    </row>
    <row r="319968" spans="8:8">
      <c r="H319968" s="12"/>
    </row>
    <row r="319969" spans="8:8">
      <c r="H319969" s="12"/>
    </row>
    <row r="319970" spans="8:8">
      <c r="H319970" s="12"/>
    </row>
    <row r="319971" spans="8:8">
      <c r="H319971" s="12"/>
    </row>
    <row r="319972" spans="8:8">
      <c r="H319972" s="12"/>
    </row>
    <row r="319973" spans="8:8">
      <c r="H319973" s="12"/>
    </row>
    <row r="319974" spans="8:8">
      <c r="H319974" s="12"/>
    </row>
    <row r="319975" spans="8:8">
      <c r="H319975" s="12"/>
    </row>
    <row r="319976" spans="8:8">
      <c r="H319976" s="12"/>
    </row>
    <row r="319977" spans="8:8">
      <c r="H319977" s="12"/>
    </row>
    <row r="319978" spans="8:8">
      <c r="H319978" s="12"/>
    </row>
    <row r="319979" spans="8:8">
      <c r="H319979" s="12"/>
    </row>
    <row r="319980" spans="8:8">
      <c r="H319980" s="12"/>
    </row>
    <row r="319981" spans="8:8">
      <c r="H319981" s="12"/>
    </row>
    <row r="319982" spans="8:8">
      <c r="H319982" s="12"/>
    </row>
    <row r="319983" spans="8:8">
      <c r="H319983" s="12"/>
    </row>
    <row r="319984" spans="8:8">
      <c r="H319984" s="12"/>
    </row>
    <row r="319985" spans="8:8">
      <c r="H319985" s="12"/>
    </row>
    <row r="319986" spans="8:8">
      <c r="H319986" s="12"/>
    </row>
    <row r="319987" spans="8:8">
      <c r="H319987" s="12"/>
    </row>
    <row r="319988" spans="8:8">
      <c r="H319988" s="12"/>
    </row>
    <row r="319989" spans="8:8">
      <c r="H319989" s="12"/>
    </row>
    <row r="319990" spans="8:8">
      <c r="H319990" s="12"/>
    </row>
    <row r="319991" spans="8:8">
      <c r="H319991" s="12"/>
    </row>
    <row r="319992" spans="8:8">
      <c r="H319992" s="12"/>
    </row>
    <row r="319993" spans="8:8">
      <c r="H319993" s="12"/>
    </row>
    <row r="319994" spans="8:8">
      <c r="H319994" s="12"/>
    </row>
    <row r="319995" spans="8:8">
      <c r="H319995" s="12"/>
    </row>
    <row r="319996" spans="8:8">
      <c r="H319996" s="12"/>
    </row>
    <row r="319997" spans="8:8">
      <c r="H319997" s="12"/>
    </row>
    <row r="319998" spans="8:8">
      <c r="H319998" s="12"/>
    </row>
    <row r="319999" spans="8:8">
      <c r="H319999" s="12"/>
    </row>
    <row r="320000" spans="8:8">
      <c r="H320000" s="12"/>
    </row>
    <row r="320001" spans="8:8">
      <c r="H320001" s="12"/>
    </row>
    <row r="320002" spans="8:8">
      <c r="H320002" s="12"/>
    </row>
    <row r="320003" spans="8:8">
      <c r="H320003" s="12"/>
    </row>
    <row r="320004" spans="8:8">
      <c r="H320004" s="12"/>
    </row>
    <row r="320005" spans="8:8">
      <c r="H320005" s="12"/>
    </row>
    <row r="320006" spans="8:8">
      <c r="H320006" s="12"/>
    </row>
    <row r="320007" spans="8:8">
      <c r="H320007" s="12"/>
    </row>
    <row r="320008" spans="8:8">
      <c r="H320008" s="12"/>
    </row>
    <row r="320009" spans="8:8">
      <c r="H320009" s="12"/>
    </row>
    <row r="320010" spans="8:8">
      <c r="H320010" s="12"/>
    </row>
    <row r="320011" spans="8:8">
      <c r="H320011" s="12"/>
    </row>
    <row r="320012" spans="8:8">
      <c r="H320012" s="12"/>
    </row>
    <row r="320013" spans="8:8">
      <c r="H320013" s="12"/>
    </row>
    <row r="320014" spans="8:8">
      <c r="H320014" s="12"/>
    </row>
    <row r="320015" spans="8:8">
      <c r="H320015" s="12"/>
    </row>
    <row r="320016" spans="8:8">
      <c r="H320016" s="12"/>
    </row>
    <row r="320017" spans="8:8">
      <c r="H320017" s="12"/>
    </row>
    <row r="320018" spans="8:8">
      <c r="H320018" s="12"/>
    </row>
    <row r="320019" spans="8:8">
      <c r="H320019" s="12"/>
    </row>
    <row r="320020" spans="8:8">
      <c r="H320020" s="12"/>
    </row>
    <row r="320021" spans="8:8">
      <c r="H320021" s="12"/>
    </row>
    <row r="320022" spans="8:8">
      <c r="H320022" s="12"/>
    </row>
    <row r="320023" spans="8:8">
      <c r="H320023" s="12"/>
    </row>
    <row r="320024" spans="8:8">
      <c r="H320024" s="12"/>
    </row>
    <row r="320025" spans="8:8">
      <c r="H320025" s="12"/>
    </row>
    <row r="320026" spans="8:8">
      <c r="H320026" s="12"/>
    </row>
    <row r="320027" spans="8:8">
      <c r="H320027" s="12"/>
    </row>
    <row r="320028" spans="8:8">
      <c r="H320028" s="12"/>
    </row>
    <row r="320029" spans="8:8">
      <c r="H320029" s="12"/>
    </row>
    <row r="320030" spans="8:8">
      <c r="H320030" s="12"/>
    </row>
    <row r="320031" spans="8:8">
      <c r="H320031" s="12"/>
    </row>
    <row r="320032" spans="8:8">
      <c r="H320032" s="12"/>
    </row>
    <row r="320033" spans="8:8">
      <c r="H320033" s="12"/>
    </row>
    <row r="320034" spans="8:8">
      <c r="H320034" s="12"/>
    </row>
    <row r="320035" spans="8:8">
      <c r="H320035" s="12"/>
    </row>
    <row r="320036" spans="8:8">
      <c r="H320036" s="12"/>
    </row>
    <row r="320037" spans="8:8">
      <c r="H320037" s="12"/>
    </row>
    <row r="320038" spans="8:8">
      <c r="H320038" s="12"/>
    </row>
    <row r="320039" spans="8:8">
      <c r="H320039" s="12"/>
    </row>
    <row r="320040" spans="8:8">
      <c r="H320040" s="12"/>
    </row>
    <row r="320041" spans="8:8">
      <c r="H320041" s="12"/>
    </row>
    <row r="320042" spans="8:8">
      <c r="H320042" s="12"/>
    </row>
    <row r="320043" spans="8:8">
      <c r="H320043" s="12"/>
    </row>
    <row r="320044" spans="8:8">
      <c r="H320044" s="12"/>
    </row>
    <row r="320045" spans="8:8">
      <c r="H320045" s="12"/>
    </row>
    <row r="320046" spans="8:8">
      <c r="H320046" s="12"/>
    </row>
    <row r="320047" spans="8:8">
      <c r="H320047" s="12"/>
    </row>
    <row r="320048" spans="8:8">
      <c r="H320048" s="12"/>
    </row>
    <row r="320049" spans="8:8">
      <c r="H320049" s="12"/>
    </row>
    <row r="320050" spans="8:8">
      <c r="H320050" s="12"/>
    </row>
    <row r="320051" spans="8:8">
      <c r="H320051" s="12"/>
    </row>
    <row r="320052" spans="8:8">
      <c r="H320052" s="12"/>
    </row>
    <row r="320053" spans="8:8">
      <c r="H320053" s="12"/>
    </row>
    <row r="320054" spans="8:8">
      <c r="H320054" s="12"/>
    </row>
    <row r="320055" spans="8:8">
      <c r="H320055" s="12"/>
    </row>
    <row r="320056" spans="8:8">
      <c r="H320056" s="12"/>
    </row>
    <row r="320057" spans="8:8">
      <c r="H320057" s="12"/>
    </row>
    <row r="320058" spans="8:8">
      <c r="H320058" s="12"/>
    </row>
    <row r="320059" spans="8:8">
      <c r="H320059" s="12"/>
    </row>
    <row r="320060" spans="8:8">
      <c r="H320060" s="12"/>
    </row>
    <row r="320061" spans="8:8">
      <c r="H320061" s="12"/>
    </row>
    <row r="320062" spans="8:8">
      <c r="H320062" s="12"/>
    </row>
    <row r="320063" spans="8:8">
      <c r="H320063" s="12"/>
    </row>
    <row r="320064" spans="8:8">
      <c r="H320064" s="12"/>
    </row>
    <row r="320065" spans="8:8">
      <c r="H320065" s="12"/>
    </row>
    <row r="320066" spans="8:8">
      <c r="H320066" s="12"/>
    </row>
    <row r="320067" spans="8:8">
      <c r="H320067" s="12"/>
    </row>
    <row r="320068" spans="8:8">
      <c r="H320068" s="12"/>
    </row>
    <row r="320069" spans="8:8">
      <c r="H320069" s="12"/>
    </row>
    <row r="320070" spans="8:8">
      <c r="H320070" s="12"/>
    </row>
    <row r="320071" spans="8:8">
      <c r="H320071" s="12"/>
    </row>
    <row r="320072" spans="8:8">
      <c r="H320072" s="12"/>
    </row>
    <row r="320073" spans="8:8">
      <c r="H320073" s="12"/>
    </row>
    <row r="320074" spans="8:8">
      <c r="H320074" s="12"/>
    </row>
    <row r="320075" spans="8:8">
      <c r="H320075" s="12"/>
    </row>
    <row r="320076" spans="8:8">
      <c r="H320076" s="12"/>
    </row>
    <row r="320077" spans="8:8">
      <c r="H320077" s="12"/>
    </row>
    <row r="320078" spans="8:8">
      <c r="H320078" s="12"/>
    </row>
    <row r="320079" spans="8:8">
      <c r="H320079" s="12"/>
    </row>
    <row r="320080" spans="8:8">
      <c r="H320080" s="12"/>
    </row>
    <row r="320081" spans="8:8">
      <c r="H320081" s="12"/>
    </row>
    <row r="320082" spans="8:8">
      <c r="H320082" s="12"/>
    </row>
    <row r="320083" spans="8:8">
      <c r="H320083" s="12"/>
    </row>
    <row r="320084" spans="8:8">
      <c r="H320084" s="12"/>
    </row>
    <row r="320085" spans="8:8">
      <c r="H320085" s="12"/>
    </row>
    <row r="320086" spans="8:8">
      <c r="H320086" s="12"/>
    </row>
    <row r="320087" spans="8:8">
      <c r="H320087" s="12"/>
    </row>
    <row r="320088" spans="8:8">
      <c r="H320088" s="12"/>
    </row>
    <row r="320089" spans="8:8">
      <c r="H320089" s="12"/>
    </row>
    <row r="320090" spans="8:8">
      <c r="H320090" s="12"/>
    </row>
    <row r="320091" spans="8:8">
      <c r="H320091" s="12"/>
    </row>
    <row r="320092" spans="8:8">
      <c r="H320092" s="12"/>
    </row>
    <row r="320093" spans="8:8">
      <c r="H320093" s="12"/>
    </row>
    <row r="320094" spans="8:8">
      <c r="H320094" s="12"/>
    </row>
    <row r="320095" spans="8:8">
      <c r="H320095" s="12"/>
    </row>
    <row r="320096" spans="8:8">
      <c r="H320096" s="12"/>
    </row>
    <row r="320097" spans="8:8">
      <c r="H320097" s="12"/>
    </row>
    <row r="320098" spans="8:8">
      <c r="H320098" s="12"/>
    </row>
    <row r="320099" spans="8:8">
      <c r="H320099" s="12"/>
    </row>
    <row r="320100" spans="8:8">
      <c r="H320100" s="12"/>
    </row>
    <row r="320101" spans="8:8">
      <c r="H320101" s="12"/>
    </row>
    <row r="320102" spans="8:8">
      <c r="H320102" s="12"/>
    </row>
    <row r="320103" spans="8:8">
      <c r="H320103" s="12"/>
    </row>
    <row r="320104" spans="8:8">
      <c r="H320104" s="12"/>
    </row>
    <row r="320105" spans="8:8">
      <c r="H320105" s="12"/>
    </row>
    <row r="320106" spans="8:8">
      <c r="H320106" s="12"/>
    </row>
    <row r="320107" spans="8:8">
      <c r="H320107" s="12"/>
    </row>
    <row r="320108" spans="8:8">
      <c r="H320108" s="12"/>
    </row>
    <row r="320109" spans="8:8">
      <c r="H320109" s="12"/>
    </row>
    <row r="320110" spans="8:8">
      <c r="H320110" s="12"/>
    </row>
    <row r="320111" spans="8:8">
      <c r="H320111" s="12"/>
    </row>
    <row r="320112" spans="8:8">
      <c r="H320112" s="12"/>
    </row>
    <row r="320113" spans="8:8">
      <c r="H320113" s="12"/>
    </row>
    <row r="320114" spans="8:8">
      <c r="H320114" s="12"/>
    </row>
    <row r="320115" spans="8:8">
      <c r="H320115" s="12"/>
    </row>
    <row r="320116" spans="8:8">
      <c r="H320116" s="12"/>
    </row>
    <row r="320117" spans="8:8">
      <c r="H320117" s="12"/>
    </row>
    <row r="320118" spans="8:8">
      <c r="H320118" s="12"/>
    </row>
    <row r="320119" spans="8:8">
      <c r="H320119" s="12"/>
    </row>
    <row r="320120" spans="8:8">
      <c r="H320120" s="12"/>
    </row>
    <row r="320121" spans="8:8">
      <c r="H320121" s="12"/>
    </row>
    <row r="320122" spans="8:8">
      <c r="H320122" s="12"/>
    </row>
    <row r="320123" spans="8:8">
      <c r="H320123" s="12"/>
    </row>
    <row r="320124" spans="8:8">
      <c r="H320124" s="12"/>
    </row>
    <row r="320125" spans="8:8">
      <c r="H320125" s="12"/>
    </row>
    <row r="320126" spans="8:8">
      <c r="H320126" s="12"/>
    </row>
    <row r="320127" spans="8:8">
      <c r="H320127" s="12"/>
    </row>
    <row r="320128" spans="8:8">
      <c r="H320128" s="12"/>
    </row>
    <row r="320129" spans="8:8">
      <c r="H320129" s="12"/>
    </row>
    <row r="320130" spans="8:8">
      <c r="H320130" s="12"/>
    </row>
    <row r="320131" spans="8:8">
      <c r="H320131" s="12"/>
    </row>
    <row r="320132" spans="8:8">
      <c r="H320132" s="12"/>
    </row>
    <row r="320133" spans="8:8">
      <c r="H320133" s="12"/>
    </row>
    <row r="320134" spans="8:8">
      <c r="H320134" s="12"/>
    </row>
    <row r="320135" spans="8:8">
      <c r="H320135" s="12"/>
    </row>
    <row r="320136" spans="8:8">
      <c r="H320136" s="12"/>
    </row>
    <row r="320137" spans="8:8">
      <c r="H320137" s="12"/>
    </row>
    <row r="320138" spans="8:8">
      <c r="H320138" s="12"/>
    </row>
    <row r="320139" spans="8:8">
      <c r="H320139" s="12"/>
    </row>
    <row r="320140" spans="8:8">
      <c r="H320140" s="12"/>
    </row>
    <row r="320141" spans="8:8">
      <c r="H320141" s="12"/>
    </row>
    <row r="320142" spans="8:8">
      <c r="H320142" s="12"/>
    </row>
    <row r="320143" spans="8:8">
      <c r="H320143" s="12"/>
    </row>
    <row r="320144" spans="8:8">
      <c r="H320144" s="12"/>
    </row>
    <row r="320145" spans="8:8">
      <c r="H320145" s="12"/>
    </row>
    <row r="320146" spans="8:8">
      <c r="H320146" s="12"/>
    </row>
    <row r="320147" spans="8:8">
      <c r="H320147" s="12"/>
    </row>
    <row r="320148" spans="8:8">
      <c r="H320148" s="12"/>
    </row>
    <row r="320149" spans="8:8">
      <c r="H320149" s="12"/>
    </row>
    <row r="320150" spans="8:8">
      <c r="H320150" s="12"/>
    </row>
    <row r="320151" spans="8:8">
      <c r="H320151" s="12"/>
    </row>
    <row r="320152" spans="8:8">
      <c r="H320152" s="12"/>
    </row>
    <row r="320153" spans="8:8">
      <c r="H320153" s="12"/>
    </row>
    <row r="320154" spans="8:8">
      <c r="H320154" s="12"/>
    </row>
    <row r="320155" spans="8:8">
      <c r="H320155" s="12"/>
    </row>
    <row r="320156" spans="8:8">
      <c r="H320156" s="12"/>
    </row>
    <row r="320157" spans="8:8">
      <c r="H320157" s="12"/>
    </row>
    <row r="320158" spans="8:8">
      <c r="H320158" s="12"/>
    </row>
    <row r="320159" spans="8:8">
      <c r="H320159" s="12"/>
    </row>
    <row r="320160" spans="8:8">
      <c r="H320160" s="12"/>
    </row>
    <row r="320161" spans="8:8">
      <c r="H320161" s="12"/>
    </row>
    <row r="320162" spans="8:8">
      <c r="H320162" s="12"/>
    </row>
    <row r="320163" spans="8:8">
      <c r="H320163" s="12"/>
    </row>
    <row r="320164" spans="8:8">
      <c r="H320164" s="12"/>
    </row>
    <row r="320165" spans="8:8">
      <c r="H320165" s="12"/>
    </row>
    <row r="320166" spans="8:8">
      <c r="H320166" s="12"/>
    </row>
    <row r="320167" spans="8:8">
      <c r="H320167" s="12"/>
    </row>
    <row r="320168" spans="8:8">
      <c r="H320168" s="12"/>
    </row>
    <row r="320169" spans="8:8">
      <c r="H320169" s="12"/>
    </row>
    <row r="320170" spans="8:8">
      <c r="H320170" s="12"/>
    </row>
    <row r="320171" spans="8:8">
      <c r="H320171" s="12"/>
    </row>
    <row r="320172" spans="8:8">
      <c r="H320172" s="12"/>
    </row>
    <row r="320173" spans="8:8">
      <c r="H320173" s="12"/>
    </row>
    <row r="320174" spans="8:8">
      <c r="H320174" s="12"/>
    </row>
    <row r="320175" spans="8:8">
      <c r="H320175" s="12"/>
    </row>
    <row r="320176" spans="8:8">
      <c r="H320176" s="12"/>
    </row>
    <row r="320177" spans="8:8">
      <c r="H320177" s="12"/>
    </row>
    <row r="320178" spans="8:8">
      <c r="H320178" s="12"/>
    </row>
    <row r="320179" spans="8:8">
      <c r="H320179" s="12"/>
    </row>
    <row r="320180" spans="8:8">
      <c r="H320180" s="12"/>
    </row>
    <row r="320181" spans="8:8">
      <c r="H320181" s="12"/>
    </row>
    <row r="320182" spans="8:8">
      <c r="H320182" s="12"/>
    </row>
    <row r="320183" spans="8:8">
      <c r="H320183" s="12"/>
    </row>
    <row r="320184" spans="8:8">
      <c r="H320184" s="12"/>
    </row>
    <row r="320185" spans="8:8">
      <c r="H320185" s="12"/>
    </row>
    <row r="320186" spans="8:8">
      <c r="H320186" s="12"/>
    </row>
    <row r="320187" spans="8:8">
      <c r="H320187" s="12"/>
    </row>
    <row r="320188" spans="8:8">
      <c r="H320188" s="12"/>
    </row>
    <row r="320189" spans="8:8">
      <c r="H320189" s="12"/>
    </row>
    <row r="320190" spans="8:8">
      <c r="H320190" s="12"/>
    </row>
    <row r="320191" spans="8:8">
      <c r="H320191" s="12"/>
    </row>
    <row r="320192" spans="8:8">
      <c r="H320192" s="12"/>
    </row>
    <row r="320193" spans="8:8">
      <c r="H320193" s="12"/>
    </row>
    <row r="320194" spans="8:8">
      <c r="H320194" s="12"/>
    </row>
    <row r="320195" spans="8:8">
      <c r="H320195" s="12"/>
    </row>
    <row r="320196" spans="8:8">
      <c r="H320196" s="12"/>
    </row>
    <row r="320197" spans="8:8">
      <c r="H320197" s="12"/>
    </row>
    <row r="320198" spans="8:8">
      <c r="H320198" s="12"/>
    </row>
    <row r="320199" spans="8:8">
      <c r="H320199" s="12"/>
    </row>
    <row r="320200" spans="8:8">
      <c r="H320200" s="12"/>
    </row>
    <row r="320201" spans="8:8">
      <c r="H320201" s="12"/>
    </row>
    <row r="320202" spans="8:8">
      <c r="H320202" s="12"/>
    </row>
    <row r="320203" spans="8:8">
      <c r="H320203" s="12"/>
    </row>
    <row r="320204" spans="8:8">
      <c r="H320204" s="12"/>
    </row>
    <row r="320205" spans="8:8">
      <c r="H320205" s="12"/>
    </row>
    <row r="320206" spans="8:8">
      <c r="H320206" s="12"/>
    </row>
    <row r="320207" spans="8:8">
      <c r="H320207" s="12"/>
    </row>
    <row r="320208" spans="8:8">
      <c r="H320208" s="12"/>
    </row>
    <row r="320209" spans="8:8">
      <c r="H320209" s="12"/>
    </row>
    <row r="320210" spans="8:8">
      <c r="H320210" s="12"/>
    </row>
    <row r="320211" spans="8:8">
      <c r="H320211" s="12"/>
    </row>
    <row r="320212" spans="8:8">
      <c r="H320212" s="12"/>
    </row>
    <row r="320213" spans="8:8">
      <c r="H320213" s="12"/>
    </row>
    <row r="320214" spans="8:8">
      <c r="H320214" s="12"/>
    </row>
    <row r="320215" spans="8:8">
      <c r="H320215" s="12"/>
    </row>
    <row r="320216" spans="8:8">
      <c r="H320216" s="12"/>
    </row>
    <row r="320217" spans="8:8">
      <c r="H320217" s="12"/>
    </row>
    <row r="320218" spans="8:8">
      <c r="H320218" s="12"/>
    </row>
    <row r="320219" spans="8:8">
      <c r="H320219" s="12"/>
    </row>
    <row r="320220" spans="8:8">
      <c r="H320220" s="12"/>
    </row>
    <row r="320221" spans="8:8">
      <c r="H320221" s="12"/>
    </row>
    <row r="320222" spans="8:8">
      <c r="H320222" s="12"/>
    </row>
    <row r="320223" spans="8:8">
      <c r="H320223" s="12"/>
    </row>
    <row r="320224" spans="8:8">
      <c r="H320224" s="12"/>
    </row>
    <row r="320225" spans="8:8">
      <c r="H320225" s="12"/>
    </row>
    <row r="320226" spans="8:8">
      <c r="H320226" s="12"/>
    </row>
    <row r="320227" spans="8:8">
      <c r="H320227" s="12"/>
    </row>
    <row r="320228" spans="8:8">
      <c r="H320228" s="12"/>
    </row>
    <row r="320229" spans="8:8">
      <c r="H320229" s="12"/>
    </row>
    <row r="320230" spans="8:8">
      <c r="H320230" s="12"/>
    </row>
    <row r="320231" spans="8:8">
      <c r="H320231" s="12"/>
    </row>
    <row r="320232" spans="8:8">
      <c r="H320232" s="12"/>
    </row>
    <row r="320233" spans="8:8">
      <c r="H320233" s="12"/>
    </row>
    <row r="320234" spans="8:8">
      <c r="H320234" s="12"/>
    </row>
    <row r="320235" spans="8:8">
      <c r="H320235" s="12"/>
    </row>
    <row r="320236" spans="8:8">
      <c r="H320236" s="12"/>
    </row>
    <row r="320237" spans="8:8">
      <c r="H320237" s="12"/>
    </row>
    <row r="320238" spans="8:8">
      <c r="H320238" s="12"/>
    </row>
    <row r="320239" spans="8:8">
      <c r="H320239" s="12"/>
    </row>
    <row r="320240" spans="8:8">
      <c r="H320240" s="12"/>
    </row>
    <row r="320241" spans="8:8">
      <c r="H320241" s="12"/>
    </row>
    <row r="320242" spans="8:8">
      <c r="H320242" s="12"/>
    </row>
    <row r="320243" spans="8:8">
      <c r="H320243" s="12"/>
    </row>
    <row r="320244" spans="8:8">
      <c r="H320244" s="12"/>
    </row>
    <row r="320245" spans="8:8">
      <c r="H320245" s="12"/>
    </row>
    <row r="320246" spans="8:8">
      <c r="H320246" s="12"/>
    </row>
    <row r="320247" spans="8:8">
      <c r="H320247" s="12"/>
    </row>
    <row r="320248" spans="8:8">
      <c r="H320248" s="12"/>
    </row>
    <row r="320249" spans="8:8">
      <c r="H320249" s="12"/>
    </row>
    <row r="320250" spans="8:8">
      <c r="H320250" s="12"/>
    </row>
    <row r="320251" spans="8:8">
      <c r="H320251" s="12"/>
    </row>
    <row r="320252" spans="8:8">
      <c r="H320252" s="12"/>
    </row>
    <row r="320253" spans="8:8">
      <c r="H320253" s="12"/>
    </row>
    <row r="320254" spans="8:8">
      <c r="H320254" s="12"/>
    </row>
    <row r="320255" spans="8:8">
      <c r="H320255" s="12"/>
    </row>
    <row r="320256" spans="8:8">
      <c r="H320256" s="12"/>
    </row>
    <row r="320257" spans="8:8">
      <c r="H320257" s="12"/>
    </row>
    <row r="320258" spans="8:8">
      <c r="H320258" s="12"/>
    </row>
    <row r="320259" spans="8:8">
      <c r="H320259" s="12"/>
    </row>
    <row r="320260" spans="8:8">
      <c r="H320260" s="12"/>
    </row>
    <row r="320261" spans="8:8">
      <c r="H320261" s="12"/>
    </row>
    <row r="320262" spans="8:8">
      <c r="H320262" s="12"/>
    </row>
    <row r="320263" spans="8:8">
      <c r="H320263" s="12"/>
    </row>
    <row r="320264" spans="8:8">
      <c r="H320264" s="12"/>
    </row>
    <row r="320265" spans="8:8">
      <c r="H320265" s="12"/>
    </row>
    <row r="320266" spans="8:8">
      <c r="H320266" s="12"/>
    </row>
    <row r="320267" spans="8:8">
      <c r="H320267" s="12"/>
    </row>
    <row r="320268" spans="8:8">
      <c r="H320268" s="12"/>
    </row>
    <row r="320269" spans="8:8">
      <c r="H320269" s="12"/>
    </row>
    <row r="320270" spans="8:8">
      <c r="H320270" s="12"/>
    </row>
    <row r="320271" spans="8:8">
      <c r="H320271" s="12"/>
    </row>
    <row r="320272" spans="8:8">
      <c r="H320272" s="12"/>
    </row>
    <row r="320273" spans="8:8">
      <c r="H320273" s="12"/>
    </row>
    <row r="320274" spans="8:8">
      <c r="H320274" s="12"/>
    </row>
    <row r="320275" spans="8:8">
      <c r="H320275" s="12"/>
    </row>
    <row r="320276" spans="8:8">
      <c r="H320276" s="12"/>
    </row>
    <row r="320277" spans="8:8">
      <c r="H320277" s="12"/>
    </row>
    <row r="320278" spans="8:8">
      <c r="H320278" s="12"/>
    </row>
    <row r="320279" spans="8:8">
      <c r="H320279" s="12"/>
    </row>
    <row r="320280" spans="8:8">
      <c r="H320280" s="12"/>
    </row>
    <row r="320281" spans="8:8">
      <c r="H320281" s="12"/>
    </row>
    <row r="320282" spans="8:8">
      <c r="H320282" s="12"/>
    </row>
    <row r="320283" spans="8:8">
      <c r="H320283" s="12"/>
    </row>
    <row r="320284" spans="8:8">
      <c r="H320284" s="12"/>
    </row>
    <row r="320285" spans="8:8">
      <c r="H320285" s="12"/>
    </row>
    <row r="320286" spans="8:8">
      <c r="H320286" s="12"/>
    </row>
    <row r="320287" spans="8:8">
      <c r="H320287" s="12"/>
    </row>
    <row r="320288" spans="8:8">
      <c r="H320288" s="12"/>
    </row>
    <row r="320289" spans="8:8">
      <c r="H320289" s="12"/>
    </row>
    <row r="320290" spans="8:8">
      <c r="H320290" s="12"/>
    </row>
    <row r="320291" spans="8:8">
      <c r="H320291" s="12"/>
    </row>
    <row r="320292" spans="8:8">
      <c r="H320292" s="12"/>
    </row>
    <row r="320293" spans="8:8">
      <c r="H320293" s="12"/>
    </row>
    <row r="320294" spans="8:8">
      <c r="H320294" s="12"/>
    </row>
    <row r="320295" spans="8:8">
      <c r="H320295" s="12"/>
    </row>
    <row r="320296" spans="8:8">
      <c r="H320296" s="12"/>
    </row>
    <row r="320297" spans="8:8">
      <c r="H320297" s="12"/>
    </row>
    <row r="320298" spans="8:8">
      <c r="H320298" s="12"/>
    </row>
    <row r="320299" spans="8:8">
      <c r="H320299" s="12"/>
    </row>
    <row r="320300" spans="8:8">
      <c r="H320300" s="12"/>
    </row>
    <row r="320301" spans="8:8">
      <c r="H320301" s="12"/>
    </row>
    <row r="320302" spans="8:8">
      <c r="H320302" s="12"/>
    </row>
    <row r="320303" spans="8:8">
      <c r="H320303" s="12"/>
    </row>
    <row r="320304" spans="8:8">
      <c r="H320304" s="12"/>
    </row>
    <row r="320305" spans="8:8">
      <c r="H320305" s="12"/>
    </row>
    <row r="320306" spans="8:8">
      <c r="H320306" s="12"/>
    </row>
    <row r="320307" spans="8:8">
      <c r="H320307" s="12"/>
    </row>
    <row r="320308" spans="8:8">
      <c r="H320308" s="12"/>
    </row>
    <row r="320309" spans="8:8">
      <c r="H320309" s="12"/>
    </row>
    <row r="320310" spans="8:8">
      <c r="H320310" s="12"/>
    </row>
    <row r="320311" spans="8:8">
      <c r="H320311" s="12"/>
    </row>
    <row r="320312" spans="8:8">
      <c r="H320312" s="12"/>
    </row>
    <row r="320313" spans="8:8">
      <c r="H320313" s="12"/>
    </row>
    <row r="320314" spans="8:8">
      <c r="H320314" s="12"/>
    </row>
    <row r="320315" spans="8:8">
      <c r="H320315" s="12"/>
    </row>
    <row r="320316" spans="8:8">
      <c r="H320316" s="12"/>
    </row>
    <row r="320317" spans="8:8">
      <c r="H320317" s="12"/>
    </row>
    <row r="320318" spans="8:8">
      <c r="H320318" s="12"/>
    </row>
    <row r="320319" spans="8:8">
      <c r="H320319" s="12"/>
    </row>
    <row r="320320" spans="8:8">
      <c r="H320320" s="12"/>
    </row>
    <row r="320321" spans="8:8">
      <c r="H320321" s="12"/>
    </row>
    <row r="320322" spans="8:8">
      <c r="H320322" s="12"/>
    </row>
    <row r="320323" spans="8:8">
      <c r="H320323" s="12"/>
    </row>
    <row r="320324" spans="8:8">
      <c r="H320324" s="12"/>
    </row>
    <row r="320325" spans="8:8">
      <c r="H320325" s="12"/>
    </row>
    <row r="320326" spans="8:8">
      <c r="H320326" s="12"/>
    </row>
    <row r="320327" spans="8:8">
      <c r="H320327" s="12"/>
    </row>
    <row r="320328" spans="8:8">
      <c r="H320328" s="12"/>
    </row>
    <row r="320329" spans="8:8">
      <c r="H320329" s="12"/>
    </row>
    <row r="320330" spans="8:8">
      <c r="H320330" s="12"/>
    </row>
    <row r="320331" spans="8:8">
      <c r="H320331" s="12"/>
    </row>
    <row r="320332" spans="8:8">
      <c r="H320332" s="12"/>
    </row>
    <row r="320333" spans="8:8">
      <c r="H320333" s="12"/>
    </row>
    <row r="320334" spans="8:8">
      <c r="H320334" s="12"/>
    </row>
    <row r="320335" spans="8:8">
      <c r="H320335" s="12"/>
    </row>
    <row r="320336" spans="8:8">
      <c r="H320336" s="12"/>
    </row>
    <row r="320337" spans="8:8">
      <c r="H320337" s="12"/>
    </row>
    <row r="320338" spans="8:8">
      <c r="H320338" s="12"/>
    </row>
    <row r="320339" spans="8:8">
      <c r="H320339" s="12"/>
    </row>
    <row r="320340" spans="8:8">
      <c r="H320340" s="12"/>
    </row>
    <row r="320341" spans="8:8">
      <c r="H320341" s="12"/>
    </row>
    <row r="320342" spans="8:8">
      <c r="H320342" s="12"/>
    </row>
    <row r="320343" spans="8:8">
      <c r="H320343" s="12"/>
    </row>
    <row r="320344" spans="8:8">
      <c r="H320344" s="12"/>
    </row>
    <row r="320345" spans="8:8">
      <c r="H320345" s="12"/>
    </row>
    <row r="320346" spans="8:8">
      <c r="H320346" s="12"/>
    </row>
    <row r="320347" spans="8:8">
      <c r="H320347" s="12"/>
    </row>
    <row r="320348" spans="8:8">
      <c r="H320348" s="12"/>
    </row>
    <row r="320349" spans="8:8">
      <c r="H320349" s="12"/>
    </row>
    <row r="320350" spans="8:8">
      <c r="H320350" s="12"/>
    </row>
    <row r="320351" spans="8:8">
      <c r="H320351" s="12"/>
    </row>
    <row r="320352" spans="8:8">
      <c r="H320352" s="12"/>
    </row>
    <row r="320353" spans="8:8">
      <c r="H320353" s="12"/>
    </row>
    <row r="320354" spans="8:8">
      <c r="H320354" s="12"/>
    </row>
    <row r="320355" spans="8:8">
      <c r="H320355" s="12"/>
    </row>
    <row r="320356" spans="8:8">
      <c r="H320356" s="12"/>
    </row>
    <row r="320357" spans="8:8">
      <c r="H320357" s="12"/>
    </row>
    <row r="320358" spans="8:8">
      <c r="H320358" s="12"/>
    </row>
    <row r="320359" spans="8:8">
      <c r="H320359" s="12"/>
    </row>
    <row r="320360" spans="8:8">
      <c r="H320360" s="12"/>
    </row>
    <row r="320361" spans="8:8">
      <c r="H320361" s="12"/>
    </row>
    <row r="320362" spans="8:8">
      <c r="H320362" s="12"/>
    </row>
    <row r="320363" spans="8:8">
      <c r="H320363" s="12"/>
    </row>
    <row r="320364" spans="8:8">
      <c r="H320364" s="12"/>
    </row>
    <row r="320365" spans="8:8">
      <c r="H320365" s="12"/>
    </row>
    <row r="320366" spans="8:8">
      <c r="H320366" s="12"/>
    </row>
    <row r="320367" spans="8:8">
      <c r="H320367" s="12"/>
    </row>
    <row r="320368" spans="8:8">
      <c r="H320368" s="12"/>
    </row>
    <row r="320369" spans="8:8">
      <c r="H320369" s="12"/>
    </row>
    <row r="320370" spans="8:8">
      <c r="H320370" s="12"/>
    </row>
    <row r="320371" spans="8:8">
      <c r="H320371" s="12"/>
    </row>
    <row r="320372" spans="8:8">
      <c r="H320372" s="12"/>
    </row>
    <row r="320373" spans="8:8">
      <c r="H320373" s="12"/>
    </row>
    <row r="320374" spans="8:8">
      <c r="H320374" s="12"/>
    </row>
    <row r="320375" spans="8:8">
      <c r="H320375" s="12"/>
    </row>
    <row r="320376" spans="8:8">
      <c r="H320376" s="12"/>
    </row>
    <row r="320377" spans="8:8">
      <c r="H320377" s="12"/>
    </row>
    <row r="320378" spans="8:8">
      <c r="H320378" s="12"/>
    </row>
    <row r="320379" spans="8:8">
      <c r="H320379" s="12"/>
    </row>
    <row r="320380" spans="8:8">
      <c r="H320380" s="12"/>
    </row>
    <row r="320381" spans="8:8">
      <c r="H320381" s="12"/>
    </row>
    <row r="320382" spans="8:8">
      <c r="H320382" s="12"/>
    </row>
    <row r="320383" spans="8:8">
      <c r="H320383" s="12"/>
    </row>
    <row r="320384" spans="8:8">
      <c r="H320384" s="12"/>
    </row>
    <row r="320385" spans="8:8">
      <c r="H320385" s="12"/>
    </row>
    <row r="320386" spans="8:8">
      <c r="H320386" s="12"/>
    </row>
    <row r="320387" spans="8:8">
      <c r="H320387" s="12"/>
    </row>
    <row r="320388" spans="8:8">
      <c r="H320388" s="12"/>
    </row>
    <row r="320389" spans="8:8">
      <c r="H320389" s="12"/>
    </row>
    <row r="320390" spans="8:8">
      <c r="H320390" s="12"/>
    </row>
    <row r="320391" spans="8:8">
      <c r="H320391" s="12"/>
    </row>
    <row r="320392" spans="8:8">
      <c r="H320392" s="12"/>
    </row>
    <row r="320393" spans="8:8">
      <c r="H320393" s="12"/>
    </row>
    <row r="320394" spans="8:8">
      <c r="H320394" s="12"/>
    </row>
    <row r="320395" spans="8:8">
      <c r="H320395" s="12"/>
    </row>
    <row r="320396" spans="8:8">
      <c r="H320396" s="12"/>
    </row>
    <row r="320397" spans="8:8">
      <c r="H320397" s="12"/>
    </row>
    <row r="320398" spans="8:8">
      <c r="H320398" s="12"/>
    </row>
    <row r="320399" spans="8:8">
      <c r="H320399" s="12"/>
    </row>
    <row r="320400" spans="8:8">
      <c r="H320400" s="12"/>
    </row>
    <row r="320401" spans="8:8">
      <c r="H320401" s="12"/>
    </row>
    <row r="320402" spans="8:8">
      <c r="H320402" s="12"/>
    </row>
    <row r="320403" spans="8:8">
      <c r="H320403" s="12"/>
    </row>
    <row r="320404" spans="8:8">
      <c r="H320404" s="12"/>
    </row>
    <row r="320405" spans="8:8">
      <c r="H320405" s="12"/>
    </row>
    <row r="320406" spans="8:8">
      <c r="H320406" s="12"/>
    </row>
    <row r="320407" spans="8:8">
      <c r="H320407" s="12"/>
    </row>
    <row r="320408" spans="8:8">
      <c r="H320408" s="12"/>
    </row>
    <row r="320409" spans="8:8">
      <c r="H320409" s="12"/>
    </row>
    <row r="320410" spans="8:8">
      <c r="H320410" s="12"/>
    </row>
    <row r="320411" spans="8:8">
      <c r="H320411" s="12"/>
    </row>
    <row r="320412" spans="8:8">
      <c r="H320412" s="12"/>
    </row>
    <row r="320413" spans="8:8">
      <c r="H320413" s="12"/>
    </row>
    <row r="320414" spans="8:8">
      <c r="H320414" s="12"/>
    </row>
    <row r="320415" spans="8:8">
      <c r="H320415" s="12"/>
    </row>
    <row r="320416" spans="8:8">
      <c r="H320416" s="12"/>
    </row>
    <row r="320417" spans="8:8">
      <c r="H320417" s="12"/>
    </row>
    <row r="320418" spans="8:8">
      <c r="H320418" s="12"/>
    </row>
    <row r="320419" spans="8:8">
      <c r="H320419" s="12"/>
    </row>
    <row r="320420" spans="8:8">
      <c r="H320420" s="12"/>
    </row>
    <row r="320421" spans="8:8">
      <c r="H320421" s="12"/>
    </row>
    <row r="320422" spans="8:8">
      <c r="H320422" s="12"/>
    </row>
    <row r="320423" spans="8:8">
      <c r="H320423" s="12"/>
    </row>
    <row r="320424" spans="8:8">
      <c r="H320424" s="12"/>
    </row>
    <row r="320425" spans="8:8">
      <c r="H320425" s="12"/>
    </row>
    <row r="320426" spans="8:8">
      <c r="H320426" s="12"/>
    </row>
    <row r="320427" spans="8:8">
      <c r="H320427" s="12"/>
    </row>
    <row r="320428" spans="8:8">
      <c r="H320428" s="12"/>
    </row>
    <row r="320429" spans="8:8">
      <c r="H320429" s="12"/>
    </row>
    <row r="320430" spans="8:8">
      <c r="H320430" s="12"/>
    </row>
    <row r="320431" spans="8:8">
      <c r="H320431" s="12"/>
    </row>
    <row r="320432" spans="8:8">
      <c r="H320432" s="12"/>
    </row>
    <row r="320433" spans="8:8">
      <c r="H320433" s="12"/>
    </row>
    <row r="320434" spans="8:8">
      <c r="H320434" s="12"/>
    </row>
    <row r="320435" spans="8:8">
      <c r="H320435" s="12"/>
    </row>
    <row r="320436" spans="8:8">
      <c r="H320436" s="12"/>
    </row>
    <row r="320437" spans="8:8">
      <c r="H320437" s="12"/>
    </row>
    <row r="320438" spans="8:8">
      <c r="H320438" s="12"/>
    </row>
    <row r="320439" spans="8:8">
      <c r="H320439" s="12"/>
    </row>
    <row r="320440" spans="8:8">
      <c r="H320440" s="12"/>
    </row>
    <row r="320441" spans="8:8">
      <c r="H320441" s="12"/>
    </row>
    <row r="320442" spans="8:8">
      <c r="H320442" s="12"/>
    </row>
    <row r="320443" spans="8:8">
      <c r="H320443" s="12"/>
    </row>
    <row r="320444" spans="8:8">
      <c r="H320444" s="12"/>
    </row>
    <row r="320445" spans="8:8">
      <c r="H320445" s="12"/>
    </row>
    <row r="320446" spans="8:8">
      <c r="H320446" s="12"/>
    </row>
    <row r="320447" spans="8:8">
      <c r="H320447" s="12"/>
    </row>
    <row r="320448" spans="8:8">
      <c r="H320448" s="12"/>
    </row>
    <row r="320449" spans="8:8">
      <c r="H320449" s="12"/>
    </row>
    <row r="320450" spans="8:8">
      <c r="H320450" s="12"/>
    </row>
    <row r="320451" spans="8:8">
      <c r="H320451" s="12"/>
    </row>
    <row r="320452" spans="8:8">
      <c r="H320452" s="12"/>
    </row>
    <row r="320453" spans="8:8">
      <c r="H320453" s="12"/>
    </row>
    <row r="320454" spans="8:8">
      <c r="H320454" s="12"/>
    </row>
    <row r="320455" spans="8:8">
      <c r="H320455" s="12"/>
    </row>
    <row r="320456" spans="8:8">
      <c r="H320456" s="12"/>
    </row>
    <row r="320457" spans="8:8">
      <c r="H320457" s="12"/>
    </row>
    <row r="320458" spans="8:8">
      <c r="H320458" s="12"/>
    </row>
    <row r="320459" spans="8:8">
      <c r="H320459" s="12"/>
    </row>
    <row r="320460" spans="8:8">
      <c r="H320460" s="12"/>
    </row>
    <row r="320461" spans="8:8">
      <c r="H320461" s="12"/>
    </row>
    <row r="320462" spans="8:8">
      <c r="H320462" s="12"/>
    </row>
    <row r="320463" spans="8:8">
      <c r="H320463" s="12"/>
    </row>
    <row r="320464" spans="8:8">
      <c r="H320464" s="12"/>
    </row>
    <row r="320465" spans="8:8">
      <c r="H320465" s="12"/>
    </row>
    <row r="320466" spans="8:8">
      <c r="H320466" s="12"/>
    </row>
    <row r="320467" spans="8:8">
      <c r="H320467" s="12"/>
    </row>
    <row r="320468" spans="8:8">
      <c r="H320468" s="12"/>
    </row>
    <row r="320469" spans="8:8">
      <c r="H320469" s="12"/>
    </row>
    <row r="320470" spans="8:8">
      <c r="H320470" s="12"/>
    </row>
    <row r="320471" spans="8:8">
      <c r="H320471" s="12"/>
    </row>
    <row r="320472" spans="8:8">
      <c r="H320472" s="12"/>
    </row>
    <row r="320473" spans="8:8">
      <c r="H320473" s="12"/>
    </row>
    <row r="320474" spans="8:8">
      <c r="H320474" s="12"/>
    </row>
    <row r="320475" spans="8:8">
      <c r="H320475" s="12"/>
    </row>
    <row r="320476" spans="8:8">
      <c r="H320476" s="12"/>
    </row>
    <row r="320477" spans="8:8">
      <c r="H320477" s="12"/>
    </row>
    <row r="320478" spans="8:8">
      <c r="H320478" s="12"/>
    </row>
    <row r="320479" spans="8:8">
      <c r="H320479" s="12"/>
    </row>
    <row r="320480" spans="8:8">
      <c r="H320480" s="12"/>
    </row>
    <row r="320481" spans="8:8">
      <c r="H320481" s="12"/>
    </row>
    <row r="320482" spans="8:8">
      <c r="H320482" s="12"/>
    </row>
    <row r="320483" spans="8:8">
      <c r="H320483" s="12"/>
    </row>
    <row r="320484" spans="8:8">
      <c r="H320484" s="12"/>
    </row>
    <row r="320485" spans="8:8">
      <c r="H320485" s="12"/>
    </row>
    <row r="320486" spans="8:8">
      <c r="H320486" s="12"/>
    </row>
    <row r="320487" spans="8:8">
      <c r="H320487" s="12"/>
    </row>
    <row r="320488" spans="8:8">
      <c r="H320488" s="12"/>
    </row>
    <row r="320489" spans="8:8">
      <c r="H320489" s="12"/>
    </row>
    <row r="320490" spans="8:8">
      <c r="H320490" s="12"/>
    </row>
    <row r="320491" spans="8:8">
      <c r="H320491" s="12"/>
    </row>
    <row r="320492" spans="8:8">
      <c r="H320492" s="12"/>
    </row>
    <row r="320493" spans="8:8">
      <c r="H320493" s="12"/>
    </row>
    <row r="320494" spans="8:8">
      <c r="H320494" s="12"/>
    </row>
    <row r="320495" spans="8:8">
      <c r="H320495" s="12"/>
    </row>
    <row r="320496" spans="8:8">
      <c r="H320496" s="12"/>
    </row>
    <row r="320497" spans="8:8">
      <c r="H320497" s="12"/>
    </row>
    <row r="320498" spans="8:8">
      <c r="H320498" s="12"/>
    </row>
    <row r="320499" spans="8:8">
      <c r="H320499" s="12"/>
    </row>
    <row r="320500" spans="8:8">
      <c r="H320500" s="12"/>
    </row>
    <row r="320501" spans="8:8">
      <c r="H320501" s="12"/>
    </row>
    <row r="320502" spans="8:8">
      <c r="H320502" s="12"/>
    </row>
    <row r="320503" spans="8:8">
      <c r="H320503" s="12"/>
    </row>
    <row r="320504" spans="8:8">
      <c r="H320504" s="12"/>
    </row>
    <row r="320505" spans="8:8">
      <c r="H320505" s="12"/>
    </row>
    <row r="320506" spans="8:8">
      <c r="H320506" s="12"/>
    </row>
    <row r="320507" spans="8:8">
      <c r="H320507" s="12"/>
    </row>
    <row r="320508" spans="8:8">
      <c r="H320508" s="12"/>
    </row>
    <row r="320509" spans="8:8">
      <c r="H320509" s="12"/>
    </row>
    <row r="320510" spans="8:8">
      <c r="H320510" s="12"/>
    </row>
    <row r="320511" spans="8:8">
      <c r="H320511" s="12"/>
    </row>
    <row r="320512" spans="8:8">
      <c r="H320512" s="12"/>
    </row>
    <row r="320513" spans="8:8">
      <c r="H320513" s="12"/>
    </row>
    <row r="320514" spans="8:8">
      <c r="H320514" s="12"/>
    </row>
    <row r="320515" spans="8:8">
      <c r="H320515" s="12"/>
    </row>
    <row r="320516" spans="8:8">
      <c r="H320516" s="12"/>
    </row>
    <row r="320517" spans="8:8">
      <c r="H320517" s="12"/>
    </row>
    <row r="320518" spans="8:8">
      <c r="H320518" s="12"/>
    </row>
    <row r="320519" spans="8:8">
      <c r="H320519" s="12"/>
    </row>
    <row r="320520" spans="8:8">
      <c r="H320520" s="12"/>
    </row>
    <row r="320521" spans="8:8">
      <c r="H320521" s="12"/>
    </row>
    <row r="320522" spans="8:8">
      <c r="H320522" s="12"/>
    </row>
    <row r="320523" spans="8:8">
      <c r="H320523" s="12"/>
    </row>
    <row r="320524" spans="8:8">
      <c r="H320524" s="12"/>
    </row>
    <row r="320525" spans="8:8">
      <c r="H320525" s="12"/>
    </row>
    <row r="320526" spans="8:8">
      <c r="H320526" s="12"/>
    </row>
    <row r="320527" spans="8:8">
      <c r="H320527" s="12"/>
    </row>
    <row r="320528" spans="8:8">
      <c r="H320528" s="12"/>
    </row>
    <row r="320529" spans="8:8">
      <c r="H320529" s="12"/>
    </row>
    <row r="320530" spans="8:8">
      <c r="H320530" s="12"/>
    </row>
    <row r="320531" spans="8:8">
      <c r="H320531" s="12"/>
    </row>
    <row r="320532" spans="8:8">
      <c r="H320532" s="12"/>
    </row>
    <row r="320533" spans="8:8">
      <c r="H320533" s="12"/>
    </row>
    <row r="320534" spans="8:8">
      <c r="H320534" s="12"/>
    </row>
    <row r="320535" spans="8:8">
      <c r="H320535" s="12"/>
    </row>
    <row r="320536" spans="8:8">
      <c r="H320536" s="12"/>
    </row>
    <row r="320537" spans="8:8">
      <c r="H320537" s="12"/>
    </row>
    <row r="320538" spans="8:8">
      <c r="H320538" s="12"/>
    </row>
    <row r="320539" spans="8:8">
      <c r="H320539" s="12"/>
    </row>
    <row r="320540" spans="8:8">
      <c r="H320540" s="12"/>
    </row>
    <row r="320541" spans="8:8">
      <c r="H320541" s="12"/>
    </row>
    <row r="320542" spans="8:8">
      <c r="H320542" s="12"/>
    </row>
    <row r="320543" spans="8:8">
      <c r="H320543" s="12"/>
    </row>
    <row r="320544" spans="8:8">
      <c r="H320544" s="12"/>
    </row>
    <row r="320545" spans="8:8">
      <c r="H320545" s="12"/>
    </row>
    <row r="320546" spans="8:8">
      <c r="H320546" s="12"/>
    </row>
    <row r="320547" spans="8:8">
      <c r="H320547" s="12"/>
    </row>
    <row r="320548" spans="8:8">
      <c r="H320548" s="12"/>
    </row>
    <row r="320549" spans="8:8">
      <c r="H320549" s="12"/>
    </row>
    <row r="320550" spans="8:8">
      <c r="H320550" s="12"/>
    </row>
    <row r="320551" spans="8:8">
      <c r="H320551" s="12"/>
    </row>
    <row r="320552" spans="8:8">
      <c r="H320552" s="12"/>
    </row>
    <row r="320553" spans="8:8">
      <c r="H320553" s="12"/>
    </row>
    <row r="320554" spans="8:8">
      <c r="H320554" s="12"/>
    </row>
    <row r="320555" spans="8:8">
      <c r="H320555" s="12"/>
    </row>
    <row r="320556" spans="8:8">
      <c r="H320556" s="12"/>
    </row>
    <row r="320557" spans="8:8">
      <c r="H320557" s="12"/>
    </row>
    <row r="320558" spans="8:8">
      <c r="H320558" s="12"/>
    </row>
    <row r="320559" spans="8:8">
      <c r="H320559" s="12"/>
    </row>
    <row r="320560" spans="8:8">
      <c r="H320560" s="12"/>
    </row>
    <row r="320561" spans="8:8">
      <c r="H320561" s="12"/>
    </row>
    <row r="320562" spans="8:8">
      <c r="H320562" s="12"/>
    </row>
    <row r="320563" spans="8:8">
      <c r="H320563" s="12"/>
    </row>
    <row r="320564" spans="8:8">
      <c r="H320564" s="12"/>
    </row>
    <row r="320565" spans="8:8">
      <c r="H320565" s="12"/>
    </row>
    <row r="320566" spans="8:8">
      <c r="H320566" s="12"/>
    </row>
    <row r="320567" spans="8:8">
      <c r="H320567" s="12"/>
    </row>
    <row r="320568" spans="8:8">
      <c r="H320568" s="12"/>
    </row>
    <row r="320569" spans="8:8">
      <c r="H320569" s="12"/>
    </row>
    <row r="320570" spans="8:8">
      <c r="H320570" s="12"/>
    </row>
    <row r="320571" spans="8:8">
      <c r="H320571" s="12"/>
    </row>
    <row r="320572" spans="8:8">
      <c r="H320572" s="12"/>
    </row>
    <row r="320573" spans="8:8">
      <c r="H320573" s="12"/>
    </row>
    <row r="320574" spans="8:8">
      <c r="H320574" s="12"/>
    </row>
    <row r="320575" spans="8:8">
      <c r="H320575" s="12"/>
    </row>
    <row r="320576" spans="8:8">
      <c r="H320576" s="12"/>
    </row>
    <row r="320577" spans="8:8">
      <c r="H320577" s="12"/>
    </row>
    <row r="320578" spans="8:8">
      <c r="H320578" s="12"/>
    </row>
    <row r="320579" spans="8:8">
      <c r="H320579" s="12"/>
    </row>
    <row r="320580" spans="8:8">
      <c r="H320580" s="12"/>
    </row>
    <row r="320581" spans="8:8">
      <c r="H320581" s="12"/>
    </row>
    <row r="320582" spans="8:8">
      <c r="H320582" s="12"/>
    </row>
    <row r="320583" spans="8:8">
      <c r="H320583" s="12"/>
    </row>
    <row r="320584" spans="8:8">
      <c r="H320584" s="12"/>
    </row>
    <row r="320585" spans="8:8">
      <c r="H320585" s="12"/>
    </row>
    <row r="320586" spans="8:8">
      <c r="H320586" s="12"/>
    </row>
    <row r="320587" spans="8:8">
      <c r="H320587" s="12"/>
    </row>
    <row r="320588" spans="8:8">
      <c r="H320588" s="12"/>
    </row>
    <row r="320589" spans="8:8">
      <c r="H320589" s="12"/>
    </row>
    <row r="320590" spans="8:8">
      <c r="H320590" s="12"/>
    </row>
    <row r="320591" spans="8:8">
      <c r="H320591" s="12"/>
    </row>
    <row r="320592" spans="8:8">
      <c r="H320592" s="12"/>
    </row>
    <row r="320593" spans="8:8">
      <c r="H320593" s="12"/>
    </row>
    <row r="320594" spans="8:8">
      <c r="H320594" s="12"/>
    </row>
    <row r="320595" spans="8:8">
      <c r="H320595" s="12"/>
    </row>
    <row r="320596" spans="8:8">
      <c r="H320596" s="12"/>
    </row>
    <row r="320597" spans="8:8">
      <c r="H320597" s="12"/>
    </row>
    <row r="320598" spans="8:8">
      <c r="H320598" s="12"/>
    </row>
    <row r="320599" spans="8:8">
      <c r="H320599" s="12"/>
    </row>
    <row r="320600" spans="8:8">
      <c r="H320600" s="12"/>
    </row>
    <row r="320601" spans="8:8">
      <c r="H320601" s="12"/>
    </row>
    <row r="320602" spans="8:8">
      <c r="H320602" s="12"/>
    </row>
    <row r="320603" spans="8:8">
      <c r="H320603" s="12"/>
    </row>
    <row r="320604" spans="8:8">
      <c r="H320604" s="12"/>
    </row>
    <row r="320605" spans="8:8">
      <c r="H320605" s="12"/>
    </row>
    <row r="320606" spans="8:8">
      <c r="H320606" s="12"/>
    </row>
    <row r="320607" spans="8:8">
      <c r="H320607" s="12"/>
    </row>
    <row r="320608" spans="8:8">
      <c r="H320608" s="12"/>
    </row>
    <row r="320609" spans="8:8">
      <c r="H320609" s="12"/>
    </row>
    <row r="320610" spans="8:8">
      <c r="H320610" s="12"/>
    </row>
    <row r="320611" spans="8:8">
      <c r="H320611" s="12"/>
    </row>
    <row r="320612" spans="8:8">
      <c r="H320612" s="12"/>
    </row>
    <row r="320613" spans="8:8">
      <c r="H320613" s="12"/>
    </row>
    <row r="320614" spans="8:8">
      <c r="H320614" s="12"/>
    </row>
    <row r="320615" spans="8:8">
      <c r="H320615" s="12"/>
    </row>
    <row r="320616" spans="8:8">
      <c r="H320616" s="12"/>
    </row>
    <row r="320617" spans="8:8">
      <c r="H320617" s="12"/>
    </row>
    <row r="320618" spans="8:8">
      <c r="H320618" s="12"/>
    </row>
    <row r="320619" spans="8:8">
      <c r="H320619" s="12"/>
    </row>
    <row r="320620" spans="8:8">
      <c r="H320620" s="12"/>
    </row>
    <row r="320621" spans="8:8">
      <c r="H320621" s="12"/>
    </row>
    <row r="320622" spans="8:8">
      <c r="H320622" s="12"/>
    </row>
    <row r="320623" spans="8:8">
      <c r="H320623" s="12"/>
    </row>
    <row r="320624" spans="8:8">
      <c r="H320624" s="12"/>
    </row>
    <row r="320625" spans="8:8">
      <c r="H320625" s="12"/>
    </row>
    <row r="320626" spans="8:8">
      <c r="H320626" s="12"/>
    </row>
    <row r="320627" spans="8:8">
      <c r="H320627" s="12"/>
    </row>
    <row r="320628" spans="8:8">
      <c r="H320628" s="12"/>
    </row>
    <row r="320629" spans="8:8">
      <c r="H320629" s="12"/>
    </row>
    <row r="320630" spans="8:8">
      <c r="H320630" s="12"/>
    </row>
    <row r="320631" spans="8:8">
      <c r="H320631" s="12"/>
    </row>
    <row r="320632" spans="8:8">
      <c r="H320632" s="12"/>
    </row>
    <row r="320633" spans="8:8">
      <c r="H320633" s="12"/>
    </row>
    <row r="320634" spans="8:8">
      <c r="H320634" s="12"/>
    </row>
    <row r="320635" spans="8:8">
      <c r="H320635" s="12"/>
    </row>
    <row r="320636" spans="8:8">
      <c r="H320636" s="12"/>
    </row>
    <row r="320637" spans="8:8">
      <c r="H320637" s="12"/>
    </row>
    <row r="320638" spans="8:8">
      <c r="H320638" s="12"/>
    </row>
    <row r="320639" spans="8:8">
      <c r="H320639" s="12"/>
    </row>
    <row r="320640" spans="8:8">
      <c r="H320640" s="12"/>
    </row>
    <row r="320641" spans="8:8">
      <c r="H320641" s="12"/>
    </row>
    <row r="320642" spans="8:8">
      <c r="H320642" s="12"/>
    </row>
    <row r="320643" spans="8:8">
      <c r="H320643" s="12"/>
    </row>
    <row r="320644" spans="8:8">
      <c r="H320644" s="12"/>
    </row>
    <row r="320645" spans="8:8">
      <c r="H320645" s="12"/>
    </row>
    <row r="320646" spans="8:8">
      <c r="H320646" s="12"/>
    </row>
    <row r="320647" spans="8:8">
      <c r="H320647" s="12"/>
    </row>
    <row r="320648" spans="8:8">
      <c r="H320648" s="12"/>
    </row>
    <row r="320649" spans="8:8">
      <c r="H320649" s="12"/>
    </row>
    <row r="320650" spans="8:8">
      <c r="H320650" s="12"/>
    </row>
    <row r="320651" spans="8:8">
      <c r="H320651" s="12"/>
    </row>
    <row r="320652" spans="8:8">
      <c r="H320652" s="12"/>
    </row>
    <row r="320653" spans="8:8">
      <c r="H320653" s="12"/>
    </row>
    <row r="320654" spans="8:8">
      <c r="H320654" s="12"/>
    </row>
    <row r="320655" spans="8:8">
      <c r="H320655" s="12"/>
    </row>
    <row r="320656" spans="8:8">
      <c r="H320656" s="12"/>
    </row>
    <row r="320657" spans="8:8">
      <c r="H320657" s="12"/>
    </row>
    <row r="320658" spans="8:8">
      <c r="H320658" s="12"/>
    </row>
    <row r="320659" spans="8:8">
      <c r="H320659" s="12"/>
    </row>
    <row r="320660" spans="8:8">
      <c r="H320660" s="12"/>
    </row>
    <row r="320661" spans="8:8">
      <c r="H320661" s="12"/>
    </row>
    <row r="320662" spans="8:8">
      <c r="H320662" s="12"/>
    </row>
    <row r="320663" spans="8:8">
      <c r="H320663" s="12"/>
    </row>
    <row r="320664" spans="8:8">
      <c r="H320664" s="12"/>
    </row>
    <row r="320665" spans="8:8">
      <c r="H320665" s="12"/>
    </row>
    <row r="320666" spans="8:8">
      <c r="H320666" s="12"/>
    </row>
    <row r="320667" spans="8:8">
      <c r="H320667" s="12"/>
    </row>
    <row r="320668" spans="8:8">
      <c r="H320668" s="12"/>
    </row>
    <row r="320669" spans="8:8">
      <c r="H320669" s="12"/>
    </row>
    <row r="320670" spans="8:8">
      <c r="H320670" s="12"/>
    </row>
    <row r="320671" spans="8:8">
      <c r="H320671" s="12"/>
    </row>
    <row r="320672" spans="8:8">
      <c r="H320672" s="12"/>
    </row>
    <row r="320673" spans="8:8">
      <c r="H320673" s="12"/>
    </row>
    <row r="320674" spans="8:8">
      <c r="H320674" s="12"/>
    </row>
    <row r="320675" spans="8:8">
      <c r="H320675" s="12"/>
    </row>
    <row r="320676" spans="8:8">
      <c r="H320676" s="12"/>
    </row>
    <row r="320677" spans="8:8">
      <c r="H320677" s="12"/>
    </row>
    <row r="320678" spans="8:8">
      <c r="H320678" s="12"/>
    </row>
    <row r="320679" spans="8:8">
      <c r="H320679" s="12"/>
    </row>
    <row r="320680" spans="8:8">
      <c r="H320680" s="12"/>
    </row>
    <row r="320681" spans="8:8">
      <c r="H320681" s="12"/>
    </row>
    <row r="320682" spans="8:8">
      <c r="H320682" s="12"/>
    </row>
    <row r="320683" spans="8:8">
      <c r="H320683" s="12"/>
    </row>
    <row r="320684" spans="8:8">
      <c r="H320684" s="12"/>
    </row>
    <row r="320685" spans="8:8">
      <c r="H320685" s="12"/>
    </row>
    <row r="320686" spans="8:8">
      <c r="H320686" s="12"/>
    </row>
    <row r="320687" spans="8:8">
      <c r="H320687" s="12"/>
    </row>
    <row r="320688" spans="8:8">
      <c r="H320688" s="12"/>
    </row>
    <row r="320689" spans="8:8">
      <c r="H320689" s="12"/>
    </row>
    <row r="320690" spans="8:8">
      <c r="H320690" s="12"/>
    </row>
    <row r="320691" spans="8:8">
      <c r="H320691" s="12"/>
    </row>
    <row r="320692" spans="8:8">
      <c r="H320692" s="12"/>
    </row>
    <row r="320693" spans="8:8">
      <c r="H320693" s="12"/>
    </row>
    <row r="320694" spans="8:8">
      <c r="H320694" s="12"/>
    </row>
    <row r="320695" spans="8:8">
      <c r="H320695" s="12"/>
    </row>
    <row r="320696" spans="8:8">
      <c r="H320696" s="12"/>
    </row>
    <row r="320697" spans="8:8">
      <c r="H320697" s="12"/>
    </row>
    <row r="320698" spans="8:8">
      <c r="H320698" s="12"/>
    </row>
    <row r="320699" spans="8:8">
      <c r="H320699" s="12"/>
    </row>
    <row r="320700" spans="8:8">
      <c r="H320700" s="12"/>
    </row>
    <row r="320701" spans="8:8">
      <c r="H320701" s="12"/>
    </row>
    <row r="320702" spans="8:8">
      <c r="H320702" s="12"/>
    </row>
    <row r="320703" spans="8:8">
      <c r="H320703" s="12"/>
    </row>
    <row r="320704" spans="8:8">
      <c r="H320704" s="12"/>
    </row>
    <row r="320705" spans="8:8">
      <c r="H320705" s="12"/>
    </row>
    <row r="320706" spans="8:8">
      <c r="H320706" s="12"/>
    </row>
    <row r="320707" spans="8:8">
      <c r="H320707" s="12"/>
    </row>
    <row r="320708" spans="8:8">
      <c r="H320708" s="12"/>
    </row>
    <row r="320709" spans="8:8">
      <c r="H320709" s="12"/>
    </row>
    <row r="320710" spans="8:8">
      <c r="H320710" s="12"/>
    </row>
    <row r="320711" spans="8:8">
      <c r="H320711" s="12"/>
    </row>
    <row r="320712" spans="8:8">
      <c r="H320712" s="12"/>
    </row>
    <row r="320713" spans="8:8">
      <c r="H320713" s="12"/>
    </row>
    <row r="320714" spans="8:8">
      <c r="H320714" s="12"/>
    </row>
    <row r="320715" spans="8:8">
      <c r="H320715" s="12"/>
    </row>
    <row r="320716" spans="8:8">
      <c r="H320716" s="12"/>
    </row>
    <row r="320717" spans="8:8">
      <c r="H320717" s="12"/>
    </row>
    <row r="320718" spans="8:8">
      <c r="H320718" s="12"/>
    </row>
    <row r="320719" spans="8:8">
      <c r="H320719" s="12"/>
    </row>
    <row r="320720" spans="8:8">
      <c r="H320720" s="12"/>
    </row>
    <row r="320721" spans="8:8">
      <c r="H320721" s="12"/>
    </row>
    <row r="320722" spans="8:8">
      <c r="H320722" s="12"/>
    </row>
    <row r="320723" spans="8:8">
      <c r="H320723" s="12"/>
    </row>
    <row r="320724" spans="8:8">
      <c r="H320724" s="12"/>
    </row>
    <row r="320725" spans="8:8">
      <c r="H320725" s="12"/>
    </row>
    <row r="320726" spans="8:8">
      <c r="H320726" s="12"/>
    </row>
    <row r="320727" spans="8:8">
      <c r="H320727" s="12"/>
    </row>
    <row r="320728" spans="8:8">
      <c r="H320728" s="12"/>
    </row>
    <row r="320729" spans="8:8">
      <c r="H320729" s="12"/>
    </row>
    <row r="320730" spans="8:8">
      <c r="H320730" s="12"/>
    </row>
    <row r="320731" spans="8:8">
      <c r="H320731" s="12"/>
    </row>
    <row r="320732" spans="8:8">
      <c r="H320732" s="12"/>
    </row>
    <row r="320733" spans="8:8">
      <c r="H320733" s="12"/>
    </row>
    <row r="320734" spans="8:8">
      <c r="H320734" s="12"/>
    </row>
    <row r="320735" spans="8:8">
      <c r="H320735" s="12"/>
    </row>
    <row r="320736" spans="8:8">
      <c r="H320736" s="12"/>
    </row>
    <row r="320737" spans="8:8">
      <c r="H320737" s="12"/>
    </row>
    <row r="320738" spans="8:8">
      <c r="H320738" s="12"/>
    </row>
    <row r="320739" spans="8:8">
      <c r="H320739" s="12"/>
    </row>
    <row r="320740" spans="8:8">
      <c r="H320740" s="12"/>
    </row>
    <row r="320741" spans="8:8">
      <c r="H320741" s="12"/>
    </row>
    <row r="320742" spans="8:8">
      <c r="H320742" s="12"/>
    </row>
    <row r="320743" spans="8:8">
      <c r="H320743" s="12"/>
    </row>
    <row r="320744" spans="8:8">
      <c r="H320744" s="12"/>
    </row>
    <row r="320745" spans="8:8">
      <c r="H320745" s="12"/>
    </row>
    <row r="320746" spans="8:8">
      <c r="H320746" s="12"/>
    </row>
    <row r="320747" spans="8:8">
      <c r="H320747" s="12"/>
    </row>
    <row r="320748" spans="8:8">
      <c r="H320748" s="12"/>
    </row>
    <row r="320749" spans="8:8">
      <c r="H320749" s="12"/>
    </row>
    <row r="320750" spans="8:8">
      <c r="H320750" s="12"/>
    </row>
    <row r="320751" spans="8:8">
      <c r="H320751" s="12"/>
    </row>
    <row r="320752" spans="8:8">
      <c r="H320752" s="12"/>
    </row>
    <row r="320753" spans="8:8">
      <c r="H320753" s="12"/>
    </row>
    <row r="320754" spans="8:8">
      <c r="H320754" s="12"/>
    </row>
    <row r="320755" spans="8:8">
      <c r="H320755" s="12"/>
    </row>
    <row r="320756" spans="8:8">
      <c r="H320756" s="12"/>
    </row>
    <row r="320757" spans="8:8">
      <c r="H320757" s="12"/>
    </row>
    <row r="320758" spans="8:8">
      <c r="H320758" s="12"/>
    </row>
    <row r="320759" spans="8:8">
      <c r="H320759" s="12"/>
    </row>
    <row r="320760" spans="8:8">
      <c r="H320760" s="12"/>
    </row>
    <row r="320761" spans="8:8">
      <c r="H320761" s="12"/>
    </row>
    <row r="320762" spans="8:8">
      <c r="H320762" s="12"/>
    </row>
    <row r="320763" spans="8:8">
      <c r="H320763" s="12"/>
    </row>
    <row r="320764" spans="8:8">
      <c r="H320764" s="12"/>
    </row>
    <row r="320765" spans="8:8">
      <c r="H320765" s="12"/>
    </row>
    <row r="320766" spans="8:8">
      <c r="H320766" s="12"/>
    </row>
    <row r="320767" spans="8:8">
      <c r="H320767" s="12"/>
    </row>
    <row r="320768" spans="8:8">
      <c r="H320768" s="12"/>
    </row>
    <row r="320769" spans="8:8">
      <c r="H320769" s="12"/>
    </row>
    <row r="320770" spans="8:8">
      <c r="H320770" s="12"/>
    </row>
    <row r="320771" spans="8:8">
      <c r="H320771" s="12"/>
    </row>
    <row r="320772" spans="8:8">
      <c r="H320772" s="12"/>
    </row>
    <row r="320773" spans="8:8">
      <c r="H320773" s="12"/>
    </row>
    <row r="320774" spans="8:8">
      <c r="H320774" s="12"/>
    </row>
    <row r="320775" spans="8:8">
      <c r="H320775" s="12"/>
    </row>
    <row r="320776" spans="8:8">
      <c r="H320776" s="12"/>
    </row>
    <row r="320777" spans="8:8">
      <c r="H320777" s="12"/>
    </row>
    <row r="320778" spans="8:8">
      <c r="H320778" s="12"/>
    </row>
    <row r="320779" spans="8:8">
      <c r="H320779" s="12"/>
    </row>
    <row r="320780" spans="8:8">
      <c r="H320780" s="12"/>
    </row>
    <row r="320781" spans="8:8">
      <c r="H320781" s="12"/>
    </row>
    <row r="320782" spans="8:8">
      <c r="H320782" s="12"/>
    </row>
    <row r="320783" spans="8:8">
      <c r="H320783" s="12"/>
    </row>
    <row r="320784" spans="8:8">
      <c r="H320784" s="12"/>
    </row>
    <row r="320785" spans="8:8">
      <c r="H320785" s="12"/>
    </row>
    <row r="320786" spans="8:8">
      <c r="H320786" s="12"/>
    </row>
    <row r="320787" spans="8:8">
      <c r="H320787" s="12"/>
    </row>
    <row r="320788" spans="8:8">
      <c r="H320788" s="12"/>
    </row>
    <row r="320789" spans="8:8">
      <c r="H320789" s="12"/>
    </row>
    <row r="320790" spans="8:8">
      <c r="H320790" s="12"/>
    </row>
    <row r="320791" spans="8:8">
      <c r="H320791" s="12"/>
    </row>
    <row r="320792" spans="8:8">
      <c r="H320792" s="12"/>
    </row>
    <row r="320793" spans="8:8">
      <c r="H320793" s="12"/>
    </row>
    <row r="320794" spans="8:8">
      <c r="H320794" s="12"/>
    </row>
    <row r="320795" spans="8:8">
      <c r="H320795" s="12"/>
    </row>
    <row r="320796" spans="8:8">
      <c r="H320796" s="12"/>
    </row>
    <row r="320797" spans="8:8">
      <c r="H320797" s="12"/>
    </row>
    <row r="320798" spans="8:8">
      <c r="H320798" s="12"/>
    </row>
    <row r="320799" spans="8:8">
      <c r="H320799" s="12"/>
    </row>
    <row r="320800" spans="8:8">
      <c r="H320800" s="12"/>
    </row>
    <row r="320801" spans="8:8">
      <c r="H320801" s="12"/>
    </row>
    <row r="320802" spans="8:8">
      <c r="H320802" s="12"/>
    </row>
    <row r="320803" spans="8:8">
      <c r="H320803" s="12"/>
    </row>
    <row r="320804" spans="8:8">
      <c r="H320804" s="12"/>
    </row>
    <row r="320805" spans="8:8">
      <c r="H320805" s="12"/>
    </row>
    <row r="320806" spans="8:8">
      <c r="H320806" s="12"/>
    </row>
    <row r="320807" spans="8:8">
      <c r="H320807" s="12"/>
    </row>
    <row r="320808" spans="8:8">
      <c r="H320808" s="12"/>
    </row>
    <row r="320809" spans="8:8">
      <c r="H320809" s="12"/>
    </row>
    <row r="320810" spans="8:8">
      <c r="H320810" s="12"/>
    </row>
    <row r="320811" spans="8:8">
      <c r="H320811" s="12"/>
    </row>
    <row r="320812" spans="8:8">
      <c r="H320812" s="12"/>
    </row>
    <row r="320813" spans="8:8">
      <c r="H320813" s="12"/>
    </row>
    <row r="320814" spans="8:8">
      <c r="H320814" s="12"/>
    </row>
    <row r="320815" spans="8:8">
      <c r="H320815" s="12"/>
    </row>
    <row r="320816" spans="8:8">
      <c r="H320816" s="12"/>
    </row>
    <row r="320817" spans="8:8">
      <c r="H320817" s="12"/>
    </row>
    <row r="320818" spans="8:8">
      <c r="H320818" s="12"/>
    </row>
    <row r="320819" spans="8:8">
      <c r="H320819" s="12"/>
    </row>
    <row r="320820" spans="8:8">
      <c r="H320820" s="12"/>
    </row>
    <row r="320821" spans="8:8">
      <c r="H320821" s="12"/>
    </row>
    <row r="320822" spans="8:8">
      <c r="H320822" s="12"/>
    </row>
    <row r="320823" spans="8:8">
      <c r="H320823" s="12"/>
    </row>
    <row r="320824" spans="8:8">
      <c r="H320824" s="12"/>
    </row>
    <row r="320825" spans="8:8">
      <c r="H320825" s="12"/>
    </row>
    <row r="320826" spans="8:8">
      <c r="H320826" s="12"/>
    </row>
    <row r="320827" spans="8:8">
      <c r="H320827" s="12"/>
    </row>
    <row r="320828" spans="8:8">
      <c r="H320828" s="12"/>
    </row>
    <row r="320829" spans="8:8">
      <c r="H320829" s="12"/>
    </row>
    <row r="320830" spans="8:8">
      <c r="H320830" s="12"/>
    </row>
    <row r="320831" spans="8:8">
      <c r="H320831" s="12"/>
    </row>
    <row r="320832" spans="8:8">
      <c r="H320832" s="12"/>
    </row>
    <row r="320833" spans="8:8">
      <c r="H320833" s="12"/>
    </row>
    <row r="320834" spans="8:8">
      <c r="H320834" s="12"/>
    </row>
    <row r="320835" spans="8:8">
      <c r="H320835" s="12"/>
    </row>
    <row r="320836" spans="8:8">
      <c r="H320836" s="12"/>
    </row>
    <row r="320837" spans="8:8">
      <c r="H320837" s="12"/>
    </row>
    <row r="320838" spans="8:8">
      <c r="H320838" s="12"/>
    </row>
    <row r="320839" spans="8:8">
      <c r="H320839" s="12"/>
    </row>
    <row r="320840" spans="8:8">
      <c r="H320840" s="12"/>
    </row>
    <row r="320841" spans="8:8">
      <c r="H320841" s="12"/>
    </row>
    <row r="320842" spans="8:8">
      <c r="H320842" s="12"/>
    </row>
    <row r="320843" spans="8:8">
      <c r="H320843" s="12"/>
    </row>
    <row r="320844" spans="8:8">
      <c r="H320844" s="12"/>
    </row>
    <row r="320845" spans="8:8">
      <c r="H320845" s="12"/>
    </row>
    <row r="320846" spans="8:8">
      <c r="H320846" s="12"/>
    </row>
    <row r="320847" spans="8:8">
      <c r="H320847" s="12"/>
    </row>
    <row r="320848" spans="8:8">
      <c r="H320848" s="12"/>
    </row>
    <row r="320849" spans="8:8">
      <c r="H320849" s="12"/>
    </row>
    <row r="320850" spans="8:8">
      <c r="H320850" s="12"/>
    </row>
    <row r="320851" spans="8:8">
      <c r="H320851" s="12"/>
    </row>
    <row r="320852" spans="8:8">
      <c r="H320852" s="12"/>
    </row>
    <row r="320853" spans="8:8">
      <c r="H320853" s="12"/>
    </row>
    <row r="320854" spans="8:8">
      <c r="H320854" s="12"/>
    </row>
    <row r="320855" spans="8:8">
      <c r="H320855" s="12"/>
    </row>
    <row r="320856" spans="8:8">
      <c r="H320856" s="12"/>
    </row>
    <row r="320857" spans="8:8">
      <c r="H320857" s="12"/>
    </row>
    <row r="320858" spans="8:8">
      <c r="H320858" s="12"/>
    </row>
    <row r="320859" spans="8:8">
      <c r="H320859" s="12"/>
    </row>
    <row r="320860" spans="8:8">
      <c r="H320860" s="12"/>
    </row>
    <row r="320861" spans="8:8">
      <c r="H320861" s="12"/>
    </row>
    <row r="320862" spans="8:8">
      <c r="H320862" s="12"/>
    </row>
    <row r="320863" spans="8:8">
      <c r="H320863" s="12"/>
    </row>
    <row r="320864" spans="8:8">
      <c r="H320864" s="12"/>
    </row>
    <row r="320865" spans="8:8">
      <c r="H320865" s="12"/>
    </row>
    <row r="320866" spans="8:8">
      <c r="H320866" s="12"/>
    </row>
    <row r="320867" spans="8:8">
      <c r="H320867" s="12"/>
    </row>
    <row r="320868" spans="8:8">
      <c r="H320868" s="12"/>
    </row>
    <row r="320869" spans="8:8">
      <c r="H320869" s="12"/>
    </row>
    <row r="320870" spans="8:8">
      <c r="H320870" s="12"/>
    </row>
    <row r="320871" spans="8:8">
      <c r="H320871" s="12"/>
    </row>
    <row r="320872" spans="8:8">
      <c r="H320872" s="12"/>
    </row>
    <row r="320873" spans="8:8">
      <c r="H320873" s="12"/>
    </row>
    <row r="320874" spans="8:8">
      <c r="H320874" s="12"/>
    </row>
    <row r="320875" spans="8:8">
      <c r="H320875" s="12"/>
    </row>
    <row r="320876" spans="8:8">
      <c r="H320876" s="12"/>
    </row>
    <row r="320877" spans="8:8">
      <c r="H320877" s="12"/>
    </row>
    <row r="320878" spans="8:8">
      <c r="H320878" s="12"/>
    </row>
    <row r="320879" spans="8:8">
      <c r="H320879" s="12"/>
    </row>
    <row r="320880" spans="8:8">
      <c r="H320880" s="12"/>
    </row>
    <row r="320881" spans="8:8">
      <c r="H320881" s="12"/>
    </row>
    <row r="320882" spans="8:8">
      <c r="H320882" s="12"/>
    </row>
    <row r="320883" spans="8:8">
      <c r="H320883" s="12"/>
    </row>
    <row r="320884" spans="8:8">
      <c r="H320884" s="12"/>
    </row>
    <row r="320885" spans="8:8">
      <c r="H320885" s="12"/>
    </row>
    <row r="320886" spans="8:8">
      <c r="H320886" s="12"/>
    </row>
    <row r="320887" spans="8:8">
      <c r="H320887" s="12"/>
    </row>
    <row r="320888" spans="8:8">
      <c r="H320888" s="12"/>
    </row>
    <row r="320889" spans="8:8">
      <c r="H320889" s="12"/>
    </row>
    <row r="320890" spans="8:8">
      <c r="H320890" s="12"/>
    </row>
    <row r="320891" spans="8:8">
      <c r="H320891" s="12"/>
    </row>
    <row r="320892" spans="8:8">
      <c r="H320892" s="12"/>
    </row>
    <row r="320893" spans="8:8">
      <c r="H320893" s="12"/>
    </row>
    <row r="320894" spans="8:8">
      <c r="H320894" s="12"/>
    </row>
    <row r="320895" spans="8:8">
      <c r="H320895" s="12"/>
    </row>
    <row r="320896" spans="8:8">
      <c r="H320896" s="12"/>
    </row>
    <row r="320897" spans="8:8">
      <c r="H320897" s="12"/>
    </row>
    <row r="320898" spans="8:8">
      <c r="H320898" s="12"/>
    </row>
    <row r="320899" spans="8:8">
      <c r="H320899" s="12"/>
    </row>
    <row r="320900" spans="8:8">
      <c r="H320900" s="12"/>
    </row>
    <row r="320901" spans="8:8">
      <c r="H320901" s="12"/>
    </row>
    <row r="320902" spans="8:8">
      <c r="H320902" s="12"/>
    </row>
    <row r="320903" spans="8:8">
      <c r="H320903" s="12"/>
    </row>
    <row r="320904" spans="8:8">
      <c r="H320904" s="12"/>
    </row>
    <row r="320905" spans="8:8">
      <c r="H320905" s="12"/>
    </row>
    <row r="320906" spans="8:8">
      <c r="H320906" s="12"/>
    </row>
    <row r="320907" spans="8:8">
      <c r="H320907" s="12"/>
    </row>
    <row r="320908" spans="8:8">
      <c r="H320908" s="12"/>
    </row>
    <row r="320909" spans="8:8">
      <c r="H320909" s="12"/>
    </row>
    <row r="320910" spans="8:8">
      <c r="H320910" s="12"/>
    </row>
    <row r="320911" spans="8:8">
      <c r="H320911" s="12"/>
    </row>
    <row r="320912" spans="8:8">
      <c r="H320912" s="12"/>
    </row>
    <row r="320913" spans="8:8">
      <c r="H320913" s="12"/>
    </row>
    <row r="320914" spans="8:8">
      <c r="H320914" s="12"/>
    </row>
    <row r="320915" spans="8:8">
      <c r="H320915" s="12"/>
    </row>
    <row r="320916" spans="8:8">
      <c r="H320916" s="12"/>
    </row>
    <row r="320917" spans="8:8">
      <c r="H320917" s="12"/>
    </row>
    <row r="320918" spans="8:8">
      <c r="H320918" s="12"/>
    </row>
    <row r="320919" spans="8:8">
      <c r="H320919" s="12"/>
    </row>
    <row r="320920" spans="8:8">
      <c r="H320920" s="12"/>
    </row>
    <row r="320921" spans="8:8">
      <c r="H320921" s="12"/>
    </row>
    <row r="320922" spans="8:8">
      <c r="H320922" s="12"/>
    </row>
    <row r="320923" spans="8:8">
      <c r="H320923" s="12"/>
    </row>
    <row r="320924" spans="8:8">
      <c r="H320924" s="12"/>
    </row>
    <row r="320925" spans="8:8">
      <c r="H320925" s="12"/>
    </row>
    <row r="320926" spans="8:8">
      <c r="H320926" s="12"/>
    </row>
    <row r="320927" spans="8:8">
      <c r="H320927" s="12"/>
    </row>
    <row r="320928" spans="8:8">
      <c r="H320928" s="12"/>
    </row>
    <row r="320929" spans="8:8">
      <c r="H320929" s="12"/>
    </row>
    <row r="320930" spans="8:8">
      <c r="H320930" s="12"/>
    </row>
    <row r="320931" spans="8:8">
      <c r="H320931" s="12"/>
    </row>
    <row r="320932" spans="8:8">
      <c r="H320932" s="12"/>
    </row>
    <row r="320933" spans="8:8">
      <c r="H320933" s="12"/>
    </row>
    <row r="320934" spans="8:8">
      <c r="H320934" s="12"/>
    </row>
    <row r="320935" spans="8:8">
      <c r="H320935" s="12"/>
    </row>
    <row r="320936" spans="8:8">
      <c r="H320936" s="12"/>
    </row>
    <row r="320937" spans="8:8">
      <c r="H320937" s="12"/>
    </row>
    <row r="320938" spans="8:8">
      <c r="H320938" s="12"/>
    </row>
    <row r="320939" spans="8:8">
      <c r="H320939" s="12"/>
    </row>
    <row r="320940" spans="8:8">
      <c r="H320940" s="12"/>
    </row>
    <row r="320941" spans="8:8">
      <c r="H320941" s="12"/>
    </row>
    <row r="320942" spans="8:8">
      <c r="H320942" s="12"/>
    </row>
    <row r="320943" spans="8:8">
      <c r="H320943" s="12"/>
    </row>
    <row r="320944" spans="8:8">
      <c r="H320944" s="12"/>
    </row>
    <row r="320945" spans="8:8">
      <c r="H320945" s="12"/>
    </row>
    <row r="320946" spans="8:8">
      <c r="H320946" s="12"/>
    </row>
    <row r="320947" spans="8:8">
      <c r="H320947" s="12"/>
    </row>
    <row r="320948" spans="8:8">
      <c r="H320948" s="12"/>
    </row>
    <row r="320949" spans="8:8">
      <c r="H320949" s="12"/>
    </row>
    <row r="320950" spans="8:8">
      <c r="H320950" s="12"/>
    </row>
    <row r="320951" spans="8:8">
      <c r="H320951" s="12"/>
    </row>
    <row r="320952" spans="8:8">
      <c r="H320952" s="12"/>
    </row>
    <row r="320953" spans="8:8">
      <c r="H320953" s="12"/>
    </row>
    <row r="320954" spans="8:8">
      <c r="H320954" s="12"/>
    </row>
    <row r="320955" spans="8:8">
      <c r="H320955" s="12"/>
    </row>
    <row r="320956" spans="8:8">
      <c r="H320956" s="12"/>
    </row>
    <row r="320957" spans="8:8">
      <c r="H320957" s="12"/>
    </row>
    <row r="320958" spans="8:8">
      <c r="H320958" s="12"/>
    </row>
    <row r="320959" spans="8:8">
      <c r="H320959" s="12"/>
    </row>
    <row r="320960" spans="8:8">
      <c r="H320960" s="12"/>
    </row>
    <row r="320961" spans="8:8">
      <c r="H320961" s="12"/>
    </row>
    <row r="320962" spans="8:8">
      <c r="H320962" s="12"/>
    </row>
    <row r="320963" spans="8:8">
      <c r="H320963" s="12"/>
    </row>
    <row r="320964" spans="8:8">
      <c r="H320964" s="12"/>
    </row>
    <row r="320965" spans="8:8">
      <c r="H320965" s="12"/>
    </row>
    <row r="320966" spans="8:8">
      <c r="H320966" s="12"/>
    </row>
    <row r="320967" spans="8:8">
      <c r="H320967" s="12"/>
    </row>
    <row r="320968" spans="8:8">
      <c r="H320968" s="12"/>
    </row>
    <row r="320969" spans="8:8">
      <c r="H320969" s="12"/>
    </row>
    <row r="320970" spans="8:8">
      <c r="H320970" s="12"/>
    </row>
    <row r="320971" spans="8:8">
      <c r="H320971" s="12"/>
    </row>
    <row r="320972" spans="8:8">
      <c r="H320972" s="12"/>
    </row>
    <row r="320973" spans="8:8">
      <c r="H320973" s="12"/>
    </row>
    <row r="320974" spans="8:8">
      <c r="H320974" s="12"/>
    </row>
    <row r="320975" spans="8:8">
      <c r="H320975" s="12"/>
    </row>
    <row r="320976" spans="8:8">
      <c r="H320976" s="12"/>
    </row>
    <row r="320977" spans="8:8">
      <c r="H320977" s="12"/>
    </row>
    <row r="320978" spans="8:8">
      <c r="H320978" s="12"/>
    </row>
    <row r="320979" spans="8:8">
      <c r="H320979" s="12"/>
    </row>
    <row r="320980" spans="8:8">
      <c r="H320980" s="12"/>
    </row>
    <row r="320981" spans="8:8">
      <c r="H320981" s="12"/>
    </row>
    <row r="320982" spans="8:8">
      <c r="H320982" s="12"/>
    </row>
    <row r="320983" spans="8:8">
      <c r="H320983" s="12"/>
    </row>
    <row r="320984" spans="8:8">
      <c r="H320984" s="12"/>
    </row>
    <row r="320985" spans="8:8">
      <c r="H320985" s="12"/>
    </row>
    <row r="320986" spans="8:8">
      <c r="H320986" s="12"/>
    </row>
    <row r="320987" spans="8:8">
      <c r="H320987" s="12"/>
    </row>
    <row r="320988" spans="8:8">
      <c r="H320988" s="12"/>
    </row>
    <row r="320989" spans="8:8">
      <c r="H320989" s="12"/>
    </row>
    <row r="320990" spans="8:8">
      <c r="H320990" s="12"/>
    </row>
    <row r="320991" spans="8:8">
      <c r="H320991" s="12"/>
    </row>
    <row r="320992" spans="8:8">
      <c r="H320992" s="12"/>
    </row>
    <row r="320993" spans="8:8">
      <c r="H320993" s="12"/>
    </row>
    <row r="320994" spans="8:8">
      <c r="H320994" s="12"/>
    </row>
    <row r="320995" spans="8:8">
      <c r="H320995" s="12"/>
    </row>
    <row r="320996" spans="8:8">
      <c r="H320996" s="12"/>
    </row>
    <row r="320997" spans="8:8">
      <c r="H320997" s="12"/>
    </row>
    <row r="320998" spans="8:8">
      <c r="H320998" s="12"/>
    </row>
    <row r="320999" spans="8:8">
      <c r="H320999" s="12"/>
    </row>
    <row r="321000" spans="8:8">
      <c r="H321000" s="12"/>
    </row>
    <row r="321001" spans="8:8">
      <c r="H321001" s="12"/>
    </row>
    <row r="321002" spans="8:8">
      <c r="H321002" s="12"/>
    </row>
    <row r="321003" spans="8:8">
      <c r="H321003" s="12"/>
    </row>
    <row r="321004" spans="8:8">
      <c r="H321004" s="12"/>
    </row>
    <row r="321005" spans="8:8">
      <c r="H321005" s="12"/>
    </row>
    <row r="321006" spans="8:8">
      <c r="H321006" s="12"/>
    </row>
    <row r="321007" spans="8:8">
      <c r="H321007" s="12"/>
    </row>
    <row r="321008" spans="8:8">
      <c r="H321008" s="12"/>
    </row>
    <row r="321009" spans="8:8">
      <c r="H321009" s="12"/>
    </row>
    <row r="321010" spans="8:8">
      <c r="H321010" s="12"/>
    </row>
    <row r="321011" spans="8:8">
      <c r="H321011" s="12"/>
    </row>
    <row r="321012" spans="8:8">
      <c r="H321012" s="12"/>
    </row>
    <row r="321013" spans="8:8">
      <c r="H321013" s="12"/>
    </row>
    <row r="321014" spans="8:8">
      <c r="H321014" s="12"/>
    </row>
    <row r="321015" spans="8:8">
      <c r="H321015" s="12"/>
    </row>
    <row r="321016" spans="8:8">
      <c r="H321016" s="12"/>
    </row>
    <row r="321017" spans="8:8">
      <c r="H321017" s="12"/>
    </row>
    <row r="321018" spans="8:8">
      <c r="H321018" s="12"/>
    </row>
    <row r="321019" spans="8:8">
      <c r="H321019" s="12"/>
    </row>
    <row r="321020" spans="8:8">
      <c r="H321020" s="12"/>
    </row>
    <row r="321021" spans="8:8">
      <c r="H321021" s="12"/>
    </row>
    <row r="321022" spans="8:8">
      <c r="H321022" s="12"/>
    </row>
    <row r="321023" spans="8:8">
      <c r="H321023" s="12"/>
    </row>
    <row r="321024" spans="8:8">
      <c r="H321024" s="12"/>
    </row>
    <row r="321025" spans="8:8">
      <c r="H321025" s="12"/>
    </row>
    <row r="321026" spans="8:8">
      <c r="H321026" s="12"/>
    </row>
    <row r="321027" spans="8:8">
      <c r="H321027" s="12"/>
    </row>
    <row r="321028" spans="8:8">
      <c r="H321028" s="12"/>
    </row>
    <row r="321029" spans="8:8">
      <c r="H321029" s="12"/>
    </row>
    <row r="321030" spans="8:8">
      <c r="H321030" s="12"/>
    </row>
    <row r="321031" spans="8:8">
      <c r="H321031" s="12"/>
    </row>
    <row r="321032" spans="8:8">
      <c r="H321032" s="12"/>
    </row>
    <row r="321033" spans="8:8">
      <c r="H321033" s="12"/>
    </row>
    <row r="321034" spans="8:8">
      <c r="H321034" s="12"/>
    </row>
    <row r="321035" spans="8:8">
      <c r="H321035" s="12"/>
    </row>
    <row r="321036" spans="8:8">
      <c r="H321036" s="12"/>
    </row>
    <row r="321037" spans="8:8">
      <c r="H321037" s="12"/>
    </row>
    <row r="321038" spans="8:8">
      <c r="H321038" s="12"/>
    </row>
    <row r="321039" spans="8:8">
      <c r="H321039" s="12"/>
    </row>
    <row r="321040" spans="8:8">
      <c r="H321040" s="12"/>
    </row>
    <row r="321041" spans="8:8">
      <c r="H321041" s="12"/>
    </row>
    <row r="321042" spans="8:8">
      <c r="H321042" s="12"/>
    </row>
    <row r="321043" spans="8:8">
      <c r="H321043" s="12"/>
    </row>
    <row r="321044" spans="8:8">
      <c r="H321044" s="12"/>
    </row>
    <row r="321045" spans="8:8">
      <c r="H321045" s="12"/>
    </row>
    <row r="321046" spans="8:8">
      <c r="H321046" s="12"/>
    </row>
    <row r="321047" spans="8:8">
      <c r="H321047" s="12"/>
    </row>
    <row r="321048" spans="8:8">
      <c r="H321048" s="12"/>
    </row>
    <row r="321049" spans="8:8">
      <c r="H321049" s="12"/>
    </row>
    <row r="321050" spans="8:8">
      <c r="H321050" s="12"/>
    </row>
    <row r="321051" spans="8:8">
      <c r="H321051" s="12"/>
    </row>
    <row r="321052" spans="8:8">
      <c r="H321052" s="12"/>
    </row>
    <row r="321053" spans="8:8">
      <c r="H321053" s="12"/>
    </row>
    <row r="321054" spans="8:8">
      <c r="H321054" s="12"/>
    </row>
    <row r="321055" spans="8:8">
      <c r="H321055" s="12"/>
    </row>
    <row r="321056" spans="8:8">
      <c r="H321056" s="12"/>
    </row>
    <row r="321057" spans="8:8">
      <c r="H321057" s="12"/>
    </row>
    <row r="321058" spans="8:8">
      <c r="H321058" s="12"/>
    </row>
    <row r="321059" spans="8:8">
      <c r="H321059" s="12"/>
    </row>
    <row r="321060" spans="8:8">
      <c r="H321060" s="12"/>
    </row>
    <row r="321061" spans="8:8">
      <c r="H321061" s="12"/>
    </row>
    <row r="321062" spans="8:8">
      <c r="H321062" s="12"/>
    </row>
    <row r="321063" spans="8:8">
      <c r="H321063" s="12"/>
    </row>
    <row r="321064" spans="8:8">
      <c r="H321064" s="12"/>
    </row>
    <row r="321065" spans="8:8">
      <c r="H321065" s="12"/>
    </row>
    <row r="321066" spans="8:8">
      <c r="H321066" s="12"/>
    </row>
    <row r="321067" spans="8:8">
      <c r="H321067" s="12"/>
    </row>
    <row r="321068" spans="8:8">
      <c r="H321068" s="12"/>
    </row>
    <row r="321069" spans="8:8">
      <c r="H321069" s="12"/>
    </row>
    <row r="321070" spans="8:8">
      <c r="H321070" s="12"/>
    </row>
    <row r="321071" spans="8:8">
      <c r="H321071" s="12"/>
    </row>
    <row r="321072" spans="8:8">
      <c r="H321072" s="12"/>
    </row>
    <row r="321073" spans="8:8">
      <c r="H321073" s="12"/>
    </row>
    <row r="321074" spans="8:8">
      <c r="H321074" s="12"/>
    </row>
    <row r="321075" spans="8:8">
      <c r="H321075" s="12"/>
    </row>
    <row r="321076" spans="8:8">
      <c r="H321076" s="12"/>
    </row>
    <row r="321077" spans="8:8">
      <c r="H321077" s="12"/>
    </row>
    <row r="321078" spans="8:8">
      <c r="H321078" s="12"/>
    </row>
    <row r="321079" spans="8:8">
      <c r="H321079" s="12"/>
    </row>
    <row r="321080" spans="8:8">
      <c r="H321080" s="12"/>
    </row>
    <row r="321081" spans="8:8">
      <c r="H321081" s="12"/>
    </row>
    <row r="321082" spans="8:8">
      <c r="H321082" s="12"/>
    </row>
    <row r="321083" spans="8:8">
      <c r="H321083" s="12"/>
    </row>
    <row r="321084" spans="8:8">
      <c r="H321084" s="12"/>
    </row>
    <row r="321085" spans="8:8">
      <c r="H321085" s="12"/>
    </row>
    <row r="321086" spans="8:8">
      <c r="H321086" s="12"/>
    </row>
    <row r="321087" spans="8:8">
      <c r="H321087" s="12"/>
    </row>
    <row r="321088" spans="8:8">
      <c r="H321088" s="12"/>
    </row>
    <row r="321089" spans="8:8">
      <c r="H321089" s="12"/>
    </row>
    <row r="321090" spans="8:8">
      <c r="H321090" s="12"/>
    </row>
    <row r="321091" spans="8:8">
      <c r="H321091" s="12"/>
    </row>
    <row r="321092" spans="8:8">
      <c r="H321092" s="12"/>
    </row>
    <row r="321093" spans="8:8">
      <c r="H321093" s="12"/>
    </row>
    <row r="321094" spans="8:8">
      <c r="H321094" s="12"/>
    </row>
    <row r="321095" spans="8:8">
      <c r="H321095" s="12"/>
    </row>
    <row r="321096" spans="8:8">
      <c r="H321096" s="12"/>
    </row>
    <row r="321097" spans="8:8">
      <c r="H321097" s="12"/>
    </row>
    <row r="321098" spans="8:8">
      <c r="H321098" s="12"/>
    </row>
    <row r="321099" spans="8:8">
      <c r="H321099" s="12"/>
    </row>
    <row r="321100" spans="8:8">
      <c r="H321100" s="12"/>
    </row>
    <row r="321101" spans="8:8">
      <c r="H321101" s="12"/>
    </row>
    <row r="321102" spans="8:8">
      <c r="H321102" s="12"/>
    </row>
    <row r="321103" spans="8:8">
      <c r="H321103" s="12"/>
    </row>
    <row r="321104" spans="8:8">
      <c r="H321104" s="12"/>
    </row>
    <row r="321105" spans="8:8">
      <c r="H321105" s="12"/>
    </row>
    <row r="321106" spans="8:8">
      <c r="H321106" s="12"/>
    </row>
    <row r="321107" spans="8:8">
      <c r="H321107" s="12"/>
    </row>
    <row r="321108" spans="8:8">
      <c r="H321108" s="12"/>
    </row>
    <row r="321109" spans="8:8">
      <c r="H321109" s="12"/>
    </row>
    <row r="321110" spans="8:8">
      <c r="H321110" s="12"/>
    </row>
    <row r="321111" spans="8:8">
      <c r="H321111" s="12"/>
    </row>
    <row r="321112" spans="8:8">
      <c r="H321112" s="12"/>
    </row>
    <row r="321113" spans="8:8">
      <c r="H321113" s="12"/>
    </row>
    <row r="321114" spans="8:8">
      <c r="H321114" s="12"/>
    </row>
    <row r="321115" spans="8:8">
      <c r="H321115" s="12"/>
    </row>
    <row r="321116" spans="8:8">
      <c r="H321116" s="12"/>
    </row>
    <row r="321117" spans="8:8">
      <c r="H321117" s="12"/>
    </row>
    <row r="321118" spans="8:8">
      <c r="H321118" s="12"/>
    </row>
    <row r="321119" spans="8:8">
      <c r="H321119" s="12"/>
    </row>
    <row r="321120" spans="8:8">
      <c r="H321120" s="12"/>
    </row>
    <row r="321121" spans="8:8">
      <c r="H321121" s="12"/>
    </row>
    <row r="321122" spans="8:8">
      <c r="H321122" s="12"/>
    </row>
    <row r="321123" spans="8:8">
      <c r="H321123" s="12"/>
    </row>
    <row r="321124" spans="8:8">
      <c r="H321124" s="12"/>
    </row>
    <row r="321125" spans="8:8">
      <c r="H321125" s="12"/>
    </row>
    <row r="321126" spans="8:8">
      <c r="H321126" s="12"/>
    </row>
    <row r="321127" spans="8:8">
      <c r="H321127" s="12"/>
    </row>
    <row r="321128" spans="8:8">
      <c r="H321128" s="12"/>
    </row>
    <row r="321129" spans="8:8">
      <c r="H321129" s="12"/>
    </row>
    <row r="321130" spans="8:8">
      <c r="H321130" s="12"/>
    </row>
    <row r="321131" spans="8:8">
      <c r="H321131" s="12"/>
    </row>
    <row r="321132" spans="8:8">
      <c r="H321132" s="12"/>
    </row>
    <row r="321133" spans="8:8">
      <c r="H321133" s="12"/>
    </row>
    <row r="321134" spans="8:8">
      <c r="H321134" s="12"/>
    </row>
    <row r="321135" spans="8:8">
      <c r="H321135" s="12"/>
    </row>
    <row r="321136" spans="8:8">
      <c r="H321136" s="12"/>
    </row>
    <row r="321137" spans="8:8">
      <c r="H321137" s="12"/>
    </row>
    <row r="321138" spans="8:8">
      <c r="H321138" s="12"/>
    </row>
    <row r="321139" spans="8:8">
      <c r="H321139" s="12"/>
    </row>
    <row r="321140" spans="8:8">
      <c r="H321140" s="12"/>
    </row>
    <row r="321141" spans="8:8">
      <c r="H321141" s="12"/>
    </row>
    <row r="321142" spans="8:8">
      <c r="H321142" s="12"/>
    </row>
    <row r="321143" spans="8:8">
      <c r="H321143" s="12"/>
    </row>
    <row r="321144" spans="8:8">
      <c r="H321144" s="12"/>
    </row>
    <row r="321145" spans="8:8">
      <c r="H321145" s="12"/>
    </row>
    <row r="321146" spans="8:8">
      <c r="H321146" s="12"/>
    </row>
    <row r="321147" spans="8:8">
      <c r="H321147" s="12"/>
    </row>
    <row r="321148" spans="8:8">
      <c r="H321148" s="12"/>
    </row>
    <row r="321149" spans="8:8">
      <c r="H321149" s="12"/>
    </row>
    <row r="321150" spans="8:8">
      <c r="H321150" s="12"/>
    </row>
    <row r="321151" spans="8:8">
      <c r="H321151" s="12"/>
    </row>
    <row r="321152" spans="8:8">
      <c r="H321152" s="12"/>
    </row>
    <row r="321153" spans="8:8">
      <c r="H321153" s="12"/>
    </row>
    <row r="321154" spans="8:8">
      <c r="H321154" s="12"/>
    </row>
    <row r="321155" spans="8:8">
      <c r="H321155" s="12"/>
    </row>
    <row r="321156" spans="8:8">
      <c r="H321156" s="12"/>
    </row>
    <row r="321157" spans="8:8">
      <c r="H321157" s="12"/>
    </row>
    <row r="321158" spans="8:8">
      <c r="H321158" s="12"/>
    </row>
    <row r="321159" spans="8:8">
      <c r="H321159" s="12"/>
    </row>
    <row r="321160" spans="8:8">
      <c r="H321160" s="12"/>
    </row>
    <row r="321161" spans="8:8">
      <c r="H321161" s="12"/>
    </row>
    <row r="321162" spans="8:8">
      <c r="H321162" s="12"/>
    </row>
    <row r="321163" spans="8:8">
      <c r="H321163" s="12"/>
    </row>
    <row r="321164" spans="8:8">
      <c r="H321164" s="12"/>
    </row>
    <row r="321165" spans="8:8">
      <c r="H321165" s="12"/>
    </row>
    <row r="321166" spans="8:8">
      <c r="H321166" s="12"/>
    </row>
    <row r="321167" spans="8:8">
      <c r="H321167" s="12"/>
    </row>
    <row r="321168" spans="8:8">
      <c r="H321168" s="12"/>
    </row>
    <row r="321169" spans="8:8">
      <c r="H321169" s="12"/>
    </row>
    <row r="321170" spans="8:8">
      <c r="H321170" s="12"/>
    </row>
    <row r="321171" spans="8:8">
      <c r="H321171" s="12"/>
    </row>
    <row r="321172" spans="8:8">
      <c r="H321172" s="12"/>
    </row>
    <row r="321173" spans="8:8">
      <c r="H321173" s="12"/>
    </row>
    <row r="321174" spans="8:8">
      <c r="H321174" s="12"/>
    </row>
    <row r="321175" spans="8:8">
      <c r="H321175" s="12"/>
    </row>
    <row r="321176" spans="8:8">
      <c r="H321176" s="12"/>
    </row>
    <row r="321177" spans="8:8">
      <c r="H321177" s="12"/>
    </row>
    <row r="321178" spans="8:8">
      <c r="H321178" s="12"/>
    </row>
    <row r="321179" spans="8:8">
      <c r="H321179" s="12"/>
    </row>
    <row r="321180" spans="8:8">
      <c r="H321180" s="12"/>
    </row>
    <row r="321181" spans="8:8">
      <c r="H321181" s="12"/>
    </row>
    <row r="321182" spans="8:8">
      <c r="H321182" s="12"/>
    </row>
    <row r="321183" spans="8:8">
      <c r="H321183" s="12"/>
    </row>
    <row r="321184" spans="8:8">
      <c r="H321184" s="12"/>
    </row>
    <row r="321185" spans="8:8">
      <c r="H321185" s="12"/>
    </row>
    <row r="321186" spans="8:8">
      <c r="H321186" s="12"/>
    </row>
    <row r="321187" spans="8:8">
      <c r="H321187" s="12"/>
    </row>
    <row r="321188" spans="8:8">
      <c r="H321188" s="12"/>
    </row>
    <row r="321189" spans="8:8">
      <c r="H321189" s="12"/>
    </row>
    <row r="321190" spans="8:8">
      <c r="H321190" s="12"/>
    </row>
    <row r="321191" spans="8:8">
      <c r="H321191" s="12"/>
    </row>
    <row r="321192" spans="8:8">
      <c r="H321192" s="12"/>
    </row>
    <row r="321193" spans="8:8">
      <c r="H321193" s="12"/>
    </row>
    <row r="321194" spans="8:8">
      <c r="H321194" s="12"/>
    </row>
    <row r="321195" spans="8:8">
      <c r="H321195" s="12"/>
    </row>
    <row r="321196" spans="8:8">
      <c r="H321196" s="12"/>
    </row>
    <row r="321197" spans="8:8">
      <c r="H321197" s="12"/>
    </row>
    <row r="321198" spans="8:8">
      <c r="H321198" s="12"/>
    </row>
    <row r="321199" spans="8:8">
      <c r="H321199" s="12"/>
    </row>
    <row r="321200" spans="8:8">
      <c r="H321200" s="12"/>
    </row>
    <row r="321201" spans="8:8">
      <c r="H321201" s="12"/>
    </row>
    <row r="321202" spans="8:8">
      <c r="H321202" s="12"/>
    </row>
    <row r="321203" spans="8:8">
      <c r="H321203" s="12"/>
    </row>
    <row r="321204" spans="8:8">
      <c r="H321204" s="12"/>
    </row>
    <row r="321205" spans="8:8">
      <c r="H321205" s="12"/>
    </row>
    <row r="321206" spans="8:8">
      <c r="H321206" s="12"/>
    </row>
    <row r="321207" spans="8:8">
      <c r="H321207" s="12"/>
    </row>
    <row r="321208" spans="8:8">
      <c r="H321208" s="12"/>
    </row>
    <row r="321209" spans="8:8">
      <c r="H321209" s="12"/>
    </row>
    <row r="321210" spans="8:8">
      <c r="H321210" s="12"/>
    </row>
    <row r="321211" spans="8:8">
      <c r="H321211" s="12"/>
    </row>
    <row r="321212" spans="8:8">
      <c r="H321212" s="12"/>
    </row>
    <row r="321213" spans="8:8">
      <c r="H321213" s="12"/>
    </row>
    <row r="321214" spans="8:8">
      <c r="H321214" s="12"/>
    </row>
    <row r="321215" spans="8:8">
      <c r="H321215" s="12"/>
    </row>
    <row r="321216" spans="8:8">
      <c r="H321216" s="12"/>
    </row>
    <row r="321217" spans="8:8">
      <c r="H321217" s="12"/>
    </row>
    <row r="321218" spans="8:8">
      <c r="H321218" s="12"/>
    </row>
    <row r="321219" spans="8:8">
      <c r="H321219" s="12"/>
    </row>
    <row r="321220" spans="8:8">
      <c r="H321220" s="12"/>
    </row>
    <row r="321221" spans="8:8">
      <c r="H321221" s="12"/>
    </row>
    <row r="321222" spans="8:8">
      <c r="H321222" s="12"/>
    </row>
    <row r="321223" spans="8:8">
      <c r="H321223" s="12"/>
    </row>
    <row r="321224" spans="8:8">
      <c r="H321224" s="12"/>
    </row>
    <row r="321225" spans="8:8">
      <c r="H321225" s="12"/>
    </row>
    <row r="321226" spans="8:8">
      <c r="H321226" s="12"/>
    </row>
    <row r="321227" spans="8:8">
      <c r="H321227" s="12"/>
    </row>
    <row r="321228" spans="8:8">
      <c r="H321228" s="12"/>
    </row>
    <row r="321229" spans="8:8">
      <c r="H321229" s="12"/>
    </row>
    <row r="321230" spans="8:8">
      <c r="H321230" s="12"/>
    </row>
    <row r="321231" spans="8:8">
      <c r="H321231" s="12"/>
    </row>
    <row r="321232" spans="8:8">
      <c r="H321232" s="12"/>
    </row>
    <row r="321233" spans="8:8">
      <c r="H321233" s="12"/>
    </row>
    <row r="321234" spans="8:8">
      <c r="H321234" s="12"/>
    </row>
    <row r="321235" spans="8:8">
      <c r="H321235" s="12"/>
    </row>
    <row r="321236" spans="8:8">
      <c r="H321236" s="12"/>
    </row>
    <row r="321237" spans="8:8">
      <c r="H321237" s="12"/>
    </row>
    <row r="321238" spans="8:8">
      <c r="H321238" s="12"/>
    </row>
    <row r="321239" spans="8:8">
      <c r="H321239" s="12"/>
    </row>
    <row r="321240" spans="8:8">
      <c r="H321240" s="12"/>
    </row>
    <row r="321241" spans="8:8">
      <c r="H321241" s="12"/>
    </row>
    <row r="321242" spans="8:8">
      <c r="H321242" s="12"/>
    </row>
    <row r="321243" spans="8:8">
      <c r="H321243" s="12"/>
    </row>
    <row r="321244" spans="8:8">
      <c r="H321244" s="12"/>
    </row>
    <row r="321245" spans="8:8">
      <c r="H321245" s="12"/>
    </row>
    <row r="321246" spans="8:8">
      <c r="H321246" s="12"/>
    </row>
    <row r="321247" spans="8:8">
      <c r="H321247" s="12"/>
    </row>
    <row r="321248" spans="8:8">
      <c r="H321248" s="12"/>
    </row>
    <row r="321249" spans="8:8">
      <c r="H321249" s="12"/>
    </row>
    <row r="321250" spans="8:8">
      <c r="H321250" s="12"/>
    </row>
    <row r="321251" spans="8:8">
      <c r="H321251" s="12"/>
    </row>
    <row r="321252" spans="8:8">
      <c r="H321252" s="12"/>
    </row>
    <row r="321253" spans="8:8">
      <c r="H321253" s="12"/>
    </row>
    <row r="321254" spans="8:8">
      <c r="H321254" s="12"/>
    </row>
    <row r="321255" spans="8:8">
      <c r="H321255" s="12"/>
    </row>
    <row r="321256" spans="8:8">
      <c r="H321256" s="12"/>
    </row>
    <row r="321257" spans="8:8">
      <c r="H321257" s="12"/>
    </row>
    <row r="321258" spans="8:8">
      <c r="H321258" s="12"/>
    </row>
    <row r="321259" spans="8:8">
      <c r="H321259" s="12"/>
    </row>
    <row r="321260" spans="8:8">
      <c r="H321260" s="12"/>
    </row>
    <row r="321261" spans="8:8">
      <c r="H321261" s="12"/>
    </row>
    <row r="321262" spans="8:8">
      <c r="H321262" s="12"/>
    </row>
    <row r="321263" spans="8:8">
      <c r="H321263" s="12"/>
    </row>
    <row r="321264" spans="8:8">
      <c r="H321264" s="12"/>
    </row>
    <row r="321265" spans="8:8">
      <c r="H321265" s="12"/>
    </row>
    <row r="321266" spans="8:8">
      <c r="H321266" s="12"/>
    </row>
    <row r="321267" spans="8:8">
      <c r="H321267" s="12"/>
    </row>
    <row r="321268" spans="8:8">
      <c r="H321268" s="12"/>
    </row>
    <row r="321269" spans="8:8">
      <c r="H321269" s="12"/>
    </row>
    <row r="321270" spans="8:8">
      <c r="H321270" s="12"/>
    </row>
    <row r="321271" spans="8:8">
      <c r="H321271" s="12"/>
    </row>
    <row r="321272" spans="8:8">
      <c r="H321272" s="12"/>
    </row>
    <row r="321273" spans="8:8">
      <c r="H321273" s="12"/>
    </row>
    <row r="321274" spans="8:8">
      <c r="H321274" s="12"/>
    </row>
    <row r="321275" spans="8:8">
      <c r="H321275" s="12"/>
    </row>
    <row r="321276" spans="8:8">
      <c r="H321276" s="12"/>
    </row>
    <row r="321277" spans="8:8">
      <c r="H321277" s="12"/>
    </row>
    <row r="321278" spans="8:8">
      <c r="H321278" s="12"/>
    </row>
    <row r="321279" spans="8:8">
      <c r="H321279" s="12"/>
    </row>
    <row r="321280" spans="8:8">
      <c r="H321280" s="12"/>
    </row>
    <row r="321281" spans="8:8">
      <c r="H321281" s="12"/>
    </row>
    <row r="321282" spans="8:8">
      <c r="H321282" s="12"/>
    </row>
    <row r="321283" spans="8:8">
      <c r="H321283" s="12"/>
    </row>
    <row r="321284" spans="8:8">
      <c r="H321284" s="12"/>
    </row>
    <row r="321285" spans="8:8">
      <c r="H321285" s="12"/>
    </row>
    <row r="321286" spans="8:8">
      <c r="H321286" s="12"/>
    </row>
    <row r="321287" spans="8:8">
      <c r="H321287" s="12"/>
    </row>
    <row r="321288" spans="8:8">
      <c r="H321288" s="12"/>
    </row>
    <row r="321289" spans="8:8">
      <c r="H321289" s="12"/>
    </row>
    <row r="321290" spans="8:8">
      <c r="H321290" s="12"/>
    </row>
    <row r="321291" spans="8:8">
      <c r="H321291" s="12"/>
    </row>
    <row r="321292" spans="8:8">
      <c r="H321292" s="12"/>
    </row>
    <row r="321293" spans="8:8">
      <c r="H321293" s="12"/>
    </row>
    <row r="321294" spans="8:8">
      <c r="H321294" s="12"/>
    </row>
    <row r="321295" spans="8:8">
      <c r="H321295" s="12"/>
    </row>
    <row r="321296" spans="8:8">
      <c r="H321296" s="12"/>
    </row>
    <row r="321297" spans="8:8">
      <c r="H321297" s="12"/>
    </row>
    <row r="321298" spans="8:8">
      <c r="H321298" s="12"/>
    </row>
    <row r="321299" spans="8:8">
      <c r="H321299" s="12"/>
    </row>
    <row r="321300" spans="8:8">
      <c r="H321300" s="12"/>
    </row>
    <row r="321301" spans="8:8">
      <c r="H321301" s="12"/>
    </row>
    <row r="321302" spans="8:8">
      <c r="H321302" s="12"/>
    </row>
    <row r="321303" spans="8:8">
      <c r="H321303" s="12"/>
    </row>
    <row r="321304" spans="8:8">
      <c r="H321304" s="12"/>
    </row>
    <row r="321305" spans="8:8">
      <c r="H321305" s="12"/>
    </row>
    <row r="321306" spans="8:8">
      <c r="H321306" s="12"/>
    </row>
    <row r="321307" spans="8:8">
      <c r="H321307" s="12"/>
    </row>
    <row r="321308" spans="8:8">
      <c r="H321308" s="12"/>
    </row>
    <row r="321309" spans="8:8">
      <c r="H321309" s="12"/>
    </row>
    <row r="321310" spans="8:8">
      <c r="H321310" s="12"/>
    </row>
    <row r="321311" spans="8:8">
      <c r="H321311" s="12"/>
    </row>
    <row r="321312" spans="8:8">
      <c r="H321312" s="12"/>
    </row>
    <row r="321313" spans="8:8">
      <c r="H321313" s="12"/>
    </row>
    <row r="321314" spans="8:8">
      <c r="H321314" s="12"/>
    </row>
    <row r="321315" spans="8:8">
      <c r="H321315" s="12"/>
    </row>
    <row r="321316" spans="8:8">
      <c r="H321316" s="12"/>
    </row>
    <row r="321317" spans="8:8">
      <c r="H321317" s="12"/>
    </row>
    <row r="321318" spans="8:8">
      <c r="H321318" s="12"/>
    </row>
    <row r="321319" spans="8:8">
      <c r="H321319" s="12"/>
    </row>
    <row r="321320" spans="8:8">
      <c r="H321320" s="12"/>
    </row>
    <row r="321321" spans="8:8">
      <c r="H321321" s="12"/>
    </row>
    <row r="321322" spans="8:8">
      <c r="H321322" s="12"/>
    </row>
    <row r="321323" spans="8:8">
      <c r="H321323" s="12"/>
    </row>
    <row r="321324" spans="8:8">
      <c r="H321324" s="12"/>
    </row>
    <row r="321325" spans="8:8">
      <c r="H321325" s="12"/>
    </row>
    <row r="321326" spans="8:8">
      <c r="H321326" s="12"/>
    </row>
    <row r="321327" spans="8:8">
      <c r="H321327" s="12"/>
    </row>
    <row r="321328" spans="8:8">
      <c r="H321328" s="12"/>
    </row>
    <row r="321329" spans="8:8">
      <c r="H321329" s="12"/>
    </row>
    <row r="321330" spans="8:8">
      <c r="H321330" s="12"/>
    </row>
    <row r="321331" spans="8:8">
      <c r="H321331" s="12"/>
    </row>
    <row r="321332" spans="8:8">
      <c r="H321332" s="12"/>
    </row>
    <row r="321333" spans="8:8">
      <c r="H321333" s="12"/>
    </row>
    <row r="321334" spans="8:8">
      <c r="H321334" s="12"/>
    </row>
    <row r="321335" spans="8:8">
      <c r="H321335" s="12"/>
    </row>
    <row r="321336" spans="8:8">
      <c r="H321336" s="12"/>
    </row>
    <row r="321337" spans="8:8">
      <c r="H321337" s="12"/>
    </row>
    <row r="321338" spans="8:8">
      <c r="H321338" s="12"/>
    </row>
    <row r="321339" spans="8:8">
      <c r="H321339" s="12"/>
    </row>
    <row r="321340" spans="8:8">
      <c r="H321340" s="12"/>
    </row>
    <row r="321341" spans="8:8">
      <c r="H321341" s="12"/>
    </row>
    <row r="321342" spans="8:8">
      <c r="H321342" s="12"/>
    </row>
    <row r="321343" spans="8:8">
      <c r="H321343" s="12"/>
    </row>
    <row r="321344" spans="8:8">
      <c r="H321344" s="12"/>
    </row>
    <row r="321345" spans="8:8">
      <c r="H321345" s="12"/>
    </row>
    <row r="321346" spans="8:8">
      <c r="H321346" s="12"/>
    </row>
    <row r="321347" spans="8:8">
      <c r="H321347" s="12"/>
    </row>
    <row r="321348" spans="8:8">
      <c r="H321348" s="12"/>
    </row>
    <row r="321349" spans="8:8">
      <c r="H321349" s="12"/>
    </row>
    <row r="321350" spans="8:8">
      <c r="H321350" s="12"/>
    </row>
    <row r="321351" spans="8:8">
      <c r="H321351" s="12"/>
    </row>
    <row r="321352" spans="8:8">
      <c r="H321352" s="12"/>
    </row>
    <row r="321353" spans="8:8">
      <c r="H321353" s="12"/>
    </row>
    <row r="321354" spans="8:8">
      <c r="H321354" s="12"/>
    </row>
    <row r="321355" spans="8:8">
      <c r="H321355" s="12"/>
    </row>
    <row r="321356" spans="8:8">
      <c r="H321356" s="12"/>
    </row>
    <row r="321357" spans="8:8">
      <c r="H321357" s="12"/>
    </row>
    <row r="321358" spans="8:8">
      <c r="H321358" s="12"/>
    </row>
    <row r="321359" spans="8:8">
      <c r="H321359" s="12"/>
    </row>
    <row r="321360" spans="8:8">
      <c r="H321360" s="12"/>
    </row>
    <row r="321361" spans="8:8">
      <c r="H321361" s="12"/>
    </row>
    <row r="321362" spans="8:8">
      <c r="H321362" s="12"/>
    </row>
    <row r="321363" spans="8:8">
      <c r="H321363" s="12"/>
    </row>
    <row r="321364" spans="8:8">
      <c r="H321364" s="12"/>
    </row>
    <row r="321365" spans="8:8">
      <c r="H321365" s="12"/>
    </row>
    <row r="321366" spans="8:8">
      <c r="H321366" s="12"/>
    </row>
    <row r="321367" spans="8:8">
      <c r="H321367" s="12"/>
    </row>
    <row r="321368" spans="8:8">
      <c r="H321368" s="12"/>
    </row>
    <row r="321369" spans="8:8">
      <c r="H321369" s="12"/>
    </row>
    <row r="321370" spans="8:8">
      <c r="H321370" s="12"/>
    </row>
    <row r="321371" spans="8:8">
      <c r="H321371" s="12"/>
    </row>
    <row r="321372" spans="8:8">
      <c r="H321372" s="12"/>
    </row>
    <row r="321373" spans="8:8">
      <c r="H321373" s="12"/>
    </row>
    <row r="321374" spans="8:8">
      <c r="H321374" s="12"/>
    </row>
    <row r="321375" spans="8:8">
      <c r="H321375" s="12"/>
    </row>
    <row r="321376" spans="8:8">
      <c r="H321376" s="12"/>
    </row>
    <row r="321377" spans="8:8">
      <c r="H321377" s="12"/>
    </row>
    <row r="321378" spans="8:8">
      <c r="H321378" s="12"/>
    </row>
    <row r="321379" spans="8:8">
      <c r="H321379" s="12"/>
    </row>
    <row r="321380" spans="8:8">
      <c r="H321380" s="12"/>
    </row>
    <row r="321381" spans="8:8">
      <c r="H321381" s="12"/>
    </row>
    <row r="321382" spans="8:8">
      <c r="H321382" s="12"/>
    </row>
    <row r="321383" spans="8:8">
      <c r="H321383" s="12"/>
    </row>
    <row r="321384" spans="8:8">
      <c r="H321384" s="12"/>
    </row>
    <row r="321385" spans="8:8">
      <c r="H321385" s="12"/>
    </row>
    <row r="321386" spans="8:8">
      <c r="H321386" s="12"/>
    </row>
    <row r="321387" spans="8:8">
      <c r="H321387" s="12"/>
    </row>
    <row r="321388" spans="8:8">
      <c r="H321388" s="12"/>
    </row>
    <row r="321389" spans="8:8">
      <c r="H321389" s="12"/>
    </row>
    <row r="321390" spans="8:8">
      <c r="H321390" s="12"/>
    </row>
    <row r="321391" spans="8:8">
      <c r="H321391" s="12"/>
    </row>
    <row r="321392" spans="8:8">
      <c r="H321392" s="12"/>
    </row>
    <row r="321393" spans="8:8">
      <c r="H321393" s="12"/>
    </row>
    <row r="321394" spans="8:8">
      <c r="H321394" s="12"/>
    </row>
    <row r="321395" spans="8:8">
      <c r="H321395" s="12"/>
    </row>
    <row r="321396" spans="8:8">
      <c r="H321396" s="12"/>
    </row>
    <row r="321397" spans="8:8">
      <c r="H321397" s="12"/>
    </row>
    <row r="321398" spans="8:8">
      <c r="H321398" s="12"/>
    </row>
    <row r="321399" spans="8:8">
      <c r="H321399" s="12"/>
    </row>
    <row r="321400" spans="8:8">
      <c r="H321400" s="12"/>
    </row>
    <row r="321401" spans="8:8">
      <c r="H321401" s="12"/>
    </row>
    <row r="321402" spans="8:8">
      <c r="H321402" s="12"/>
    </row>
    <row r="321403" spans="8:8">
      <c r="H321403" s="12"/>
    </row>
    <row r="321404" spans="8:8">
      <c r="H321404" s="12"/>
    </row>
    <row r="321405" spans="8:8">
      <c r="H321405" s="12"/>
    </row>
    <row r="321406" spans="8:8">
      <c r="H321406" s="12"/>
    </row>
    <row r="321407" spans="8:8">
      <c r="H321407" s="12"/>
    </row>
    <row r="321408" spans="8:8">
      <c r="H321408" s="12"/>
    </row>
    <row r="321409" spans="8:8">
      <c r="H321409" s="12"/>
    </row>
    <row r="321410" spans="8:8">
      <c r="H321410" s="12"/>
    </row>
    <row r="321411" spans="8:8">
      <c r="H321411" s="12"/>
    </row>
    <row r="321412" spans="8:8">
      <c r="H321412" s="12"/>
    </row>
    <row r="321413" spans="8:8">
      <c r="H321413" s="12"/>
    </row>
    <row r="321414" spans="8:8">
      <c r="H321414" s="12"/>
    </row>
    <row r="321415" spans="8:8">
      <c r="H321415" s="12"/>
    </row>
    <row r="321416" spans="8:8">
      <c r="H321416" s="12"/>
    </row>
    <row r="321417" spans="8:8">
      <c r="H321417" s="12"/>
    </row>
    <row r="321418" spans="8:8">
      <c r="H321418" s="12"/>
    </row>
    <row r="321419" spans="8:8">
      <c r="H321419" s="12"/>
    </row>
    <row r="321420" spans="8:8">
      <c r="H321420" s="12"/>
    </row>
    <row r="321421" spans="8:8">
      <c r="H321421" s="12"/>
    </row>
    <row r="321422" spans="8:8">
      <c r="H321422" s="12"/>
    </row>
    <row r="321423" spans="8:8">
      <c r="H321423" s="12"/>
    </row>
    <row r="321424" spans="8:8">
      <c r="H321424" s="12"/>
    </row>
    <row r="321425" spans="8:8">
      <c r="H321425" s="12"/>
    </row>
    <row r="321426" spans="8:8">
      <c r="H321426" s="12"/>
    </row>
    <row r="321427" spans="8:8">
      <c r="H321427" s="12"/>
    </row>
    <row r="321428" spans="8:8">
      <c r="H321428" s="12"/>
    </row>
    <row r="321429" spans="8:8">
      <c r="H321429" s="12"/>
    </row>
    <row r="321430" spans="8:8">
      <c r="H321430" s="12"/>
    </row>
    <row r="321431" spans="8:8">
      <c r="H321431" s="12"/>
    </row>
    <row r="321432" spans="8:8">
      <c r="H321432" s="12"/>
    </row>
    <row r="321433" spans="8:8">
      <c r="H321433" s="12"/>
    </row>
    <row r="321434" spans="8:8">
      <c r="H321434" s="12"/>
    </row>
    <row r="321435" spans="8:8">
      <c r="H321435" s="12"/>
    </row>
    <row r="321436" spans="8:8">
      <c r="H321436" s="12"/>
    </row>
    <row r="321437" spans="8:8">
      <c r="H321437" s="12"/>
    </row>
    <row r="321438" spans="8:8">
      <c r="H321438" s="12"/>
    </row>
    <row r="321439" spans="8:8">
      <c r="H321439" s="12"/>
    </row>
    <row r="321440" spans="8:8">
      <c r="H321440" s="12"/>
    </row>
    <row r="321441" spans="8:8">
      <c r="H321441" s="12"/>
    </row>
    <row r="321442" spans="8:8">
      <c r="H321442" s="12"/>
    </row>
    <row r="321443" spans="8:8">
      <c r="H321443" s="12"/>
    </row>
    <row r="321444" spans="8:8">
      <c r="H321444" s="12"/>
    </row>
    <row r="321445" spans="8:8">
      <c r="H321445" s="12"/>
    </row>
    <row r="321446" spans="8:8">
      <c r="H321446" s="12"/>
    </row>
    <row r="321447" spans="8:8">
      <c r="H321447" s="12"/>
    </row>
    <row r="321448" spans="8:8">
      <c r="H321448" s="12"/>
    </row>
    <row r="321449" spans="8:8">
      <c r="H321449" s="12"/>
    </row>
    <row r="321450" spans="8:8">
      <c r="H321450" s="12"/>
    </row>
    <row r="321451" spans="8:8">
      <c r="H321451" s="12"/>
    </row>
    <row r="321452" spans="8:8">
      <c r="H321452" s="12"/>
    </row>
    <row r="321453" spans="8:8">
      <c r="H321453" s="12"/>
    </row>
    <row r="321454" spans="8:8">
      <c r="H321454" s="12"/>
    </row>
    <row r="321455" spans="8:8">
      <c r="H321455" s="12"/>
    </row>
    <row r="321456" spans="8:8">
      <c r="H321456" s="12"/>
    </row>
    <row r="321457" spans="8:8">
      <c r="H321457" s="12"/>
    </row>
    <row r="321458" spans="8:8">
      <c r="H321458" s="12"/>
    </row>
    <row r="321459" spans="8:8">
      <c r="H321459" s="12"/>
    </row>
    <row r="321460" spans="8:8">
      <c r="H321460" s="12"/>
    </row>
    <row r="321461" spans="8:8">
      <c r="H321461" s="12"/>
    </row>
    <row r="321462" spans="8:8">
      <c r="H321462" s="12"/>
    </row>
    <row r="321463" spans="8:8">
      <c r="H321463" s="12"/>
    </row>
    <row r="321464" spans="8:8">
      <c r="H321464" s="12"/>
    </row>
    <row r="321465" spans="8:8">
      <c r="H321465" s="12"/>
    </row>
    <row r="321466" spans="8:8">
      <c r="H321466" s="12"/>
    </row>
    <row r="321467" spans="8:8">
      <c r="H321467" s="12"/>
    </row>
    <row r="321468" spans="8:8">
      <c r="H321468" s="12"/>
    </row>
    <row r="321469" spans="8:8">
      <c r="H321469" s="12"/>
    </row>
    <row r="321470" spans="8:8">
      <c r="H321470" s="12"/>
    </row>
    <row r="321471" spans="8:8">
      <c r="H321471" s="12"/>
    </row>
    <row r="321472" spans="8:8">
      <c r="H321472" s="12"/>
    </row>
    <row r="321473" spans="8:8">
      <c r="H321473" s="12"/>
    </row>
    <row r="321474" spans="8:8">
      <c r="H321474" s="12"/>
    </row>
    <row r="321475" spans="8:8">
      <c r="H321475" s="12"/>
    </row>
    <row r="321476" spans="8:8">
      <c r="H321476" s="12"/>
    </row>
    <row r="321477" spans="8:8">
      <c r="H321477" s="12"/>
    </row>
    <row r="321478" spans="8:8">
      <c r="H321478" s="12"/>
    </row>
    <row r="321479" spans="8:8">
      <c r="H321479" s="12"/>
    </row>
    <row r="321480" spans="8:8">
      <c r="H321480" s="12"/>
    </row>
    <row r="321481" spans="8:8">
      <c r="H321481" s="12"/>
    </row>
    <row r="321482" spans="8:8">
      <c r="H321482" s="12"/>
    </row>
    <row r="321483" spans="8:8">
      <c r="H321483" s="12"/>
    </row>
    <row r="321484" spans="8:8">
      <c r="H321484" s="12"/>
    </row>
    <row r="321485" spans="8:8">
      <c r="H321485" s="12"/>
    </row>
    <row r="321486" spans="8:8">
      <c r="H321486" s="12"/>
    </row>
    <row r="321487" spans="8:8">
      <c r="H321487" s="12"/>
    </row>
    <row r="321488" spans="8:8">
      <c r="H321488" s="12"/>
    </row>
    <row r="321489" spans="8:8">
      <c r="H321489" s="12"/>
    </row>
    <row r="321490" spans="8:8">
      <c r="H321490" s="12"/>
    </row>
    <row r="321491" spans="8:8">
      <c r="H321491" s="12"/>
    </row>
    <row r="321492" spans="8:8">
      <c r="H321492" s="12"/>
    </row>
    <row r="321493" spans="8:8">
      <c r="H321493" s="12"/>
    </row>
    <row r="321494" spans="8:8">
      <c r="H321494" s="12"/>
    </row>
    <row r="321495" spans="8:8">
      <c r="H321495" s="12"/>
    </row>
    <row r="321496" spans="8:8">
      <c r="H321496" s="12"/>
    </row>
    <row r="321497" spans="8:8">
      <c r="H321497" s="12"/>
    </row>
    <row r="321498" spans="8:8">
      <c r="H321498" s="12"/>
    </row>
    <row r="321499" spans="8:8">
      <c r="H321499" s="12"/>
    </row>
    <row r="321500" spans="8:8">
      <c r="H321500" s="12"/>
    </row>
    <row r="321501" spans="8:8">
      <c r="H321501" s="12"/>
    </row>
    <row r="321502" spans="8:8">
      <c r="H321502" s="12"/>
    </row>
    <row r="321503" spans="8:8">
      <c r="H321503" s="12"/>
    </row>
    <row r="321504" spans="8:8">
      <c r="H321504" s="12"/>
    </row>
    <row r="321505" spans="8:8">
      <c r="H321505" s="12"/>
    </row>
    <row r="321506" spans="8:8">
      <c r="H321506" s="12"/>
    </row>
    <row r="321507" spans="8:8">
      <c r="H321507" s="12"/>
    </row>
    <row r="321508" spans="8:8">
      <c r="H321508" s="12"/>
    </row>
    <row r="321509" spans="8:8">
      <c r="H321509" s="12"/>
    </row>
    <row r="321510" spans="8:8">
      <c r="H321510" s="12"/>
    </row>
    <row r="321511" spans="8:8">
      <c r="H321511" s="12"/>
    </row>
    <row r="321512" spans="8:8">
      <c r="H321512" s="12"/>
    </row>
    <row r="321513" spans="8:8">
      <c r="H321513" s="12"/>
    </row>
    <row r="321514" spans="8:8">
      <c r="H321514" s="12"/>
    </row>
    <row r="321515" spans="8:8">
      <c r="H321515" s="12"/>
    </row>
    <row r="321516" spans="8:8">
      <c r="H321516" s="12"/>
    </row>
    <row r="321517" spans="8:8">
      <c r="H321517" s="12"/>
    </row>
    <row r="321518" spans="8:8">
      <c r="H321518" s="12"/>
    </row>
    <row r="321519" spans="8:8">
      <c r="H321519" s="12"/>
    </row>
    <row r="321520" spans="8:8">
      <c r="H321520" s="12"/>
    </row>
    <row r="321521" spans="8:8">
      <c r="H321521" s="12"/>
    </row>
    <row r="321522" spans="8:8">
      <c r="H321522" s="12"/>
    </row>
    <row r="321523" spans="8:8">
      <c r="H321523" s="12"/>
    </row>
    <row r="321524" spans="8:8">
      <c r="H321524" s="12"/>
    </row>
    <row r="321525" spans="8:8">
      <c r="H321525" s="12"/>
    </row>
    <row r="321526" spans="8:8">
      <c r="H321526" s="12"/>
    </row>
    <row r="321527" spans="8:8">
      <c r="H321527" s="12"/>
    </row>
    <row r="321528" spans="8:8">
      <c r="H321528" s="12"/>
    </row>
    <row r="321529" spans="8:8">
      <c r="H321529" s="12"/>
    </row>
    <row r="321530" spans="8:8">
      <c r="H321530" s="12"/>
    </row>
    <row r="321531" spans="8:8">
      <c r="H321531" s="12"/>
    </row>
    <row r="321532" spans="8:8">
      <c r="H321532" s="12"/>
    </row>
    <row r="321533" spans="8:8">
      <c r="H321533" s="12"/>
    </row>
    <row r="321534" spans="8:8">
      <c r="H321534" s="12"/>
    </row>
    <row r="321535" spans="8:8">
      <c r="H321535" s="12"/>
    </row>
    <row r="321536" spans="8:8">
      <c r="H321536" s="12"/>
    </row>
    <row r="321537" spans="8:8">
      <c r="H321537" s="12"/>
    </row>
    <row r="321538" spans="8:8">
      <c r="H321538" s="12"/>
    </row>
    <row r="321539" spans="8:8">
      <c r="H321539" s="12"/>
    </row>
    <row r="321540" spans="8:8">
      <c r="H321540" s="12"/>
    </row>
    <row r="321541" spans="8:8">
      <c r="H321541" s="12"/>
    </row>
    <row r="321542" spans="8:8">
      <c r="H321542" s="12"/>
    </row>
    <row r="321543" spans="8:8">
      <c r="H321543" s="12"/>
    </row>
    <row r="321544" spans="8:8">
      <c r="H321544" s="12"/>
    </row>
    <row r="321545" spans="8:8">
      <c r="H321545" s="12"/>
    </row>
    <row r="321546" spans="8:8">
      <c r="H321546" s="12"/>
    </row>
    <row r="321547" spans="8:8">
      <c r="H321547" s="12"/>
    </row>
    <row r="321548" spans="8:8">
      <c r="H321548" s="12"/>
    </row>
    <row r="321549" spans="8:8">
      <c r="H321549" s="12"/>
    </row>
    <row r="321550" spans="8:8">
      <c r="H321550" s="12"/>
    </row>
    <row r="321551" spans="8:8">
      <c r="H321551" s="12"/>
    </row>
    <row r="321552" spans="8:8">
      <c r="H321552" s="12"/>
    </row>
    <row r="321553" spans="8:8">
      <c r="H321553" s="12"/>
    </row>
    <row r="321554" spans="8:8">
      <c r="H321554" s="12"/>
    </row>
    <row r="321555" spans="8:8">
      <c r="H321555" s="12"/>
    </row>
    <row r="321556" spans="8:8">
      <c r="H321556" s="12"/>
    </row>
    <row r="321557" spans="8:8">
      <c r="H321557" s="12"/>
    </row>
    <row r="321558" spans="8:8">
      <c r="H321558" s="12"/>
    </row>
    <row r="321559" spans="8:8">
      <c r="H321559" s="12"/>
    </row>
    <row r="321560" spans="8:8">
      <c r="H321560" s="12"/>
    </row>
    <row r="321561" spans="8:8">
      <c r="H321561" s="12"/>
    </row>
    <row r="321562" spans="8:8">
      <c r="H321562" s="12"/>
    </row>
    <row r="321563" spans="8:8">
      <c r="H321563" s="12"/>
    </row>
    <row r="321564" spans="8:8">
      <c r="H321564" s="12"/>
    </row>
    <row r="321565" spans="8:8">
      <c r="H321565" s="12"/>
    </row>
    <row r="321566" spans="8:8">
      <c r="H321566" s="12"/>
    </row>
    <row r="321567" spans="8:8">
      <c r="H321567" s="12"/>
    </row>
    <row r="321568" spans="8:8">
      <c r="H321568" s="12"/>
    </row>
    <row r="321569" spans="8:8">
      <c r="H321569" s="12"/>
    </row>
    <row r="321570" spans="8:8">
      <c r="H321570" s="12"/>
    </row>
    <row r="321571" spans="8:8">
      <c r="H321571" s="12"/>
    </row>
    <row r="321572" spans="8:8">
      <c r="H321572" s="12"/>
    </row>
    <row r="321573" spans="8:8">
      <c r="H321573" s="12"/>
    </row>
    <row r="321574" spans="8:8">
      <c r="H321574" s="12"/>
    </row>
    <row r="321575" spans="8:8">
      <c r="H321575" s="12"/>
    </row>
    <row r="321576" spans="8:8">
      <c r="H321576" s="12"/>
    </row>
    <row r="321577" spans="8:8">
      <c r="H321577" s="12"/>
    </row>
    <row r="321578" spans="8:8">
      <c r="H321578" s="12"/>
    </row>
    <row r="321579" spans="8:8">
      <c r="H321579" s="12"/>
    </row>
    <row r="321580" spans="8:8">
      <c r="H321580" s="12"/>
    </row>
    <row r="321581" spans="8:8">
      <c r="H321581" s="12"/>
    </row>
    <row r="321582" spans="8:8">
      <c r="H321582" s="12"/>
    </row>
    <row r="321583" spans="8:8">
      <c r="H321583" s="12"/>
    </row>
    <row r="321584" spans="8:8">
      <c r="H321584" s="12"/>
    </row>
    <row r="321585" spans="8:8">
      <c r="H321585" s="12"/>
    </row>
    <row r="321586" spans="8:8">
      <c r="H321586" s="12"/>
    </row>
    <row r="321587" spans="8:8">
      <c r="H321587" s="12"/>
    </row>
    <row r="321588" spans="8:8">
      <c r="H321588" s="12"/>
    </row>
    <row r="321589" spans="8:8">
      <c r="H321589" s="12"/>
    </row>
    <row r="321590" spans="8:8">
      <c r="H321590" s="12"/>
    </row>
    <row r="321591" spans="8:8">
      <c r="H321591" s="12"/>
    </row>
    <row r="321592" spans="8:8">
      <c r="H321592" s="12"/>
    </row>
    <row r="321593" spans="8:8">
      <c r="H321593" s="12"/>
    </row>
    <row r="321594" spans="8:8">
      <c r="H321594" s="12"/>
    </row>
    <row r="321595" spans="8:8">
      <c r="H321595" s="12"/>
    </row>
    <row r="321596" spans="8:8">
      <c r="H321596" s="12"/>
    </row>
    <row r="321597" spans="8:8">
      <c r="H321597" s="12"/>
    </row>
    <row r="321598" spans="8:8">
      <c r="H321598" s="12"/>
    </row>
    <row r="321599" spans="8:8">
      <c r="H321599" s="12"/>
    </row>
    <row r="321600" spans="8:8">
      <c r="H321600" s="12"/>
    </row>
    <row r="321601" spans="8:8">
      <c r="H321601" s="12"/>
    </row>
    <row r="321602" spans="8:8">
      <c r="H321602" s="12"/>
    </row>
    <row r="321603" spans="8:8">
      <c r="H321603" s="12"/>
    </row>
    <row r="321604" spans="8:8">
      <c r="H321604" s="12"/>
    </row>
    <row r="321605" spans="8:8">
      <c r="H321605" s="12"/>
    </row>
    <row r="321606" spans="8:8">
      <c r="H321606" s="12"/>
    </row>
    <row r="321607" spans="8:8">
      <c r="H321607" s="12"/>
    </row>
    <row r="321608" spans="8:8">
      <c r="H321608" s="12"/>
    </row>
    <row r="321609" spans="8:8">
      <c r="H321609" s="12"/>
    </row>
    <row r="321610" spans="8:8">
      <c r="H321610" s="12"/>
    </row>
    <row r="321611" spans="8:8">
      <c r="H321611" s="12"/>
    </row>
    <row r="321612" spans="8:8">
      <c r="H321612" s="12"/>
    </row>
    <row r="321613" spans="8:8">
      <c r="H321613" s="12"/>
    </row>
    <row r="321614" spans="8:8">
      <c r="H321614" s="12"/>
    </row>
    <row r="321615" spans="8:8">
      <c r="H321615" s="12"/>
    </row>
    <row r="321616" spans="8:8">
      <c r="H321616" s="12"/>
    </row>
    <row r="321617" spans="8:8">
      <c r="H321617" s="12"/>
    </row>
    <row r="321618" spans="8:8">
      <c r="H321618" s="12"/>
    </row>
    <row r="321619" spans="8:8">
      <c r="H321619" s="12"/>
    </row>
    <row r="321620" spans="8:8">
      <c r="H321620" s="12"/>
    </row>
    <row r="321621" spans="8:8">
      <c r="H321621" s="12"/>
    </row>
    <row r="321622" spans="8:8">
      <c r="H321622" s="12"/>
    </row>
    <row r="321623" spans="8:8">
      <c r="H321623" s="12"/>
    </row>
    <row r="321624" spans="8:8">
      <c r="H321624" s="12"/>
    </row>
    <row r="321625" spans="8:8">
      <c r="H321625" s="12"/>
    </row>
    <row r="321626" spans="8:8">
      <c r="H321626" s="12"/>
    </row>
    <row r="321627" spans="8:8">
      <c r="H321627" s="12"/>
    </row>
    <row r="321628" spans="8:8">
      <c r="H321628" s="12"/>
    </row>
    <row r="321629" spans="8:8">
      <c r="H321629" s="12"/>
    </row>
    <row r="321630" spans="8:8">
      <c r="H321630" s="12"/>
    </row>
    <row r="321631" spans="8:8">
      <c r="H321631" s="12"/>
    </row>
    <row r="321632" spans="8:8">
      <c r="H321632" s="12"/>
    </row>
    <row r="321633" spans="8:8">
      <c r="H321633" s="12"/>
    </row>
    <row r="321634" spans="8:8">
      <c r="H321634" s="12"/>
    </row>
    <row r="321635" spans="8:8">
      <c r="H321635" s="12"/>
    </row>
    <row r="321636" spans="8:8">
      <c r="H321636" s="12"/>
    </row>
    <row r="321637" spans="8:8">
      <c r="H321637" s="12"/>
    </row>
    <row r="321638" spans="8:8">
      <c r="H321638" s="12"/>
    </row>
    <row r="321639" spans="8:8">
      <c r="H321639" s="12"/>
    </row>
    <row r="321640" spans="8:8">
      <c r="H321640" s="12"/>
    </row>
    <row r="321641" spans="8:8">
      <c r="H321641" s="12"/>
    </row>
    <row r="321642" spans="8:8">
      <c r="H321642" s="12"/>
    </row>
    <row r="321643" spans="8:8">
      <c r="H321643" s="12"/>
    </row>
    <row r="321644" spans="8:8">
      <c r="H321644" s="12"/>
    </row>
    <row r="321645" spans="8:8">
      <c r="H321645" s="12"/>
    </row>
    <row r="321646" spans="8:8">
      <c r="H321646" s="12"/>
    </row>
    <row r="321647" spans="8:8">
      <c r="H321647" s="12"/>
    </row>
    <row r="321648" spans="8:8">
      <c r="H321648" s="12"/>
    </row>
    <row r="321649" spans="8:8">
      <c r="H321649" s="12"/>
    </row>
    <row r="321650" spans="8:8">
      <c r="H321650" s="12"/>
    </row>
    <row r="321651" spans="8:8">
      <c r="H321651" s="12"/>
    </row>
    <row r="321652" spans="8:8">
      <c r="H321652" s="12"/>
    </row>
    <row r="321653" spans="8:8">
      <c r="H321653" s="12"/>
    </row>
    <row r="321654" spans="8:8">
      <c r="H321654" s="12"/>
    </row>
    <row r="321655" spans="8:8">
      <c r="H321655" s="12"/>
    </row>
    <row r="321656" spans="8:8">
      <c r="H321656" s="12"/>
    </row>
    <row r="321657" spans="8:8">
      <c r="H321657" s="12"/>
    </row>
    <row r="321658" spans="8:8">
      <c r="H321658" s="12"/>
    </row>
    <row r="321659" spans="8:8">
      <c r="H321659" s="12"/>
    </row>
    <row r="321660" spans="8:8">
      <c r="H321660" s="12"/>
    </row>
    <row r="321661" spans="8:8">
      <c r="H321661" s="12"/>
    </row>
    <row r="321662" spans="8:8">
      <c r="H321662" s="12"/>
    </row>
    <row r="321663" spans="8:8">
      <c r="H321663" s="12"/>
    </row>
    <row r="321664" spans="8:8">
      <c r="H321664" s="12"/>
    </row>
    <row r="321665" spans="8:8">
      <c r="H321665" s="12"/>
    </row>
    <row r="321666" spans="8:8">
      <c r="H321666" s="12"/>
    </row>
    <row r="321667" spans="8:8">
      <c r="H321667" s="12"/>
    </row>
    <row r="321668" spans="8:8">
      <c r="H321668" s="12"/>
    </row>
    <row r="321669" spans="8:8">
      <c r="H321669" s="12"/>
    </row>
    <row r="321670" spans="8:8">
      <c r="H321670" s="12"/>
    </row>
    <row r="321671" spans="8:8">
      <c r="H321671" s="12"/>
    </row>
    <row r="321672" spans="8:8">
      <c r="H321672" s="12"/>
    </row>
    <row r="321673" spans="8:8">
      <c r="H321673" s="12"/>
    </row>
    <row r="321674" spans="8:8">
      <c r="H321674" s="12"/>
    </row>
    <row r="321675" spans="8:8">
      <c r="H321675" s="12"/>
    </row>
    <row r="321676" spans="8:8">
      <c r="H321676" s="12"/>
    </row>
    <row r="321677" spans="8:8">
      <c r="H321677" s="12"/>
    </row>
    <row r="321678" spans="8:8">
      <c r="H321678" s="12"/>
    </row>
    <row r="321679" spans="8:8">
      <c r="H321679" s="12"/>
    </row>
    <row r="321680" spans="8:8">
      <c r="H321680" s="12"/>
    </row>
    <row r="321681" spans="8:8">
      <c r="H321681" s="12"/>
    </row>
    <row r="321682" spans="8:8">
      <c r="H321682" s="12"/>
    </row>
    <row r="321683" spans="8:8">
      <c r="H321683" s="12"/>
    </row>
    <row r="321684" spans="8:8">
      <c r="H321684" s="12"/>
    </row>
    <row r="321685" spans="8:8">
      <c r="H321685" s="12"/>
    </row>
    <row r="321686" spans="8:8">
      <c r="H321686" s="12"/>
    </row>
    <row r="321687" spans="8:8">
      <c r="H321687" s="12"/>
    </row>
    <row r="321688" spans="8:8">
      <c r="H321688" s="12"/>
    </row>
    <row r="321689" spans="8:8">
      <c r="H321689" s="12"/>
    </row>
    <row r="321690" spans="8:8">
      <c r="H321690" s="12"/>
    </row>
    <row r="321691" spans="8:8">
      <c r="H321691" s="12"/>
    </row>
    <row r="321692" spans="8:8">
      <c r="H321692" s="12"/>
    </row>
    <row r="321693" spans="8:8">
      <c r="H321693" s="12"/>
    </row>
    <row r="321694" spans="8:8">
      <c r="H321694" s="12"/>
    </row>
    <row r="321695" spans="8:8">
      <c r="H321695" s="12"/>
    </row>
    <row r="321696" spans="8:8">
      <c r="H321696" s="12"/>
    </row>
    <row r="321697" spans="8:8">
      <c r="H321697" s="12"/>
    </row>
    <row r="321698" spans="8:8">
      <c r="H321698" s="12"/>
    </row>
    <row r="321699" spans="8:8">
      <c r="H321699" s="12"/>
    </row>
    <row r="321700" spans="8:8">
      <c r="H321700" s="12"/>
    </row>
    <row r="321701" spans="8:8">
      <c r="H321701" s="12"/>
    </row>
    <row r="321702" spans="8:8">
      <c r="H321702" s="12"/>
    </row>
    <row r="321703" spans="8:8">
      <c r="H321703" s="12"/>
    </row>
    <row r="321704" spans="8:8">
      <c r="H321704" s="12"/>
    </row>
    <row r="321705" spans="8:8">
      <c r="H321705" s="12"/>
    </row>
    <row r="321706" spans="8:8">
      <c r="H321706" s="12"/>
    </row>
    <row r="321707" spans="8:8">
      <c r="H321707" s="12"/>
    </row>
    <row r="321708" spans="8:8">
      <c r="H321708" s="12"/>
    </row>
    <row r="321709" spans="8:8">
      <c r="H321709" s="12"/>
    </row>
    <row r="321710" spans="8:8">
      <c r="H321710" s="12"/>
    </row>
    <row r="321711" spans="8:8">
      <c r="H321711" s="12"/>
    </row>
    <row r="321712" spans="8:8">
      <c r="H321712" s="12"/>
    </row>
    <row r="321713" spans="8:8">
      <c r="H321713" s="12"/>
    </row>
    <row r="321714" spans="8:8">
      <c r="H321714" s="12"/>
    </row>
    <row r="321715" spans="8:8">
      <c r="H321715" s="12"/>
    </row>
    <row r="321716" spans="8:8">
      <c r="H321716" s="12"/>
    </row>
    <row r="321717" spans="8:8">
      <c r="H321717" s="12"/>
    </row>
    <row r="321718" spans="8:8">
      <c r="H321718" s="12"/>
    </row>
    <row r="321719" spans="8:8">
      <c r="H321719" s="12"/>
    </row>
    <row r="321720" spans="8:8">
      <c r="H321720" s="12"/>
    </row>
    <row r="321721" spans="8:8">
      <c r="H321721" s="12"/>
    </row>
    <row r="321722" spans="8:8">
      <c r="H321722" s="12"/>
    </row>
    <row r="321723" spans="8:8">
      <c r="H321723" s="12"/>
    </row>
    <row r="321724" spans="8:8">
      <c r="H321724" s="12"/>
    </row>
    <row r="321725" spans="8:8">
      <c r="H321725" s="12"/>
    </row>
    <row r="321726" spans="8:8">
      <c r="H321726" s="12"/>
    </row>
    <row r="321727" spans="8:8">
      <c r="H321727" s="12"/>
    </row>
    <row r="321728" spans="8:8">
      <c r="H321728" s="12"/>
    </row>
    <row r="321729" spans="8:8">
      <c r="H321729" s="12"/>
    </row>
    <row r="321730" spans="8:8">
      <c r="H321730" s="12"/>
    </row>
    <row r="321731" spans="8:8">
      <c r="H321731" s="12"/>
    </row>
    <row r="321732" spans="8:8">
      <c r="H321732" s="12"/>
    </row>
    <row r="321733" spans="8:8">
      <c r="H321733" s="12"/>
    </row>
    <row r="321734" spans="8:8">
      <c r="H321734" s="12"/>
    </row>
    <row r="321735" spans="8:8">
      <c r="H321735" s="12"/>
    </row>
    <row r="321736" spans="8:8">
      <c r="H321736" s="12"/>
    </row>
    <row r="321737" spans="8:8">
      <c r="H321737" s="12"/>
    </row>
    <row r="321738" spans="8:8">
      <c r="H321738" s="12"/>
    </row>
    <row r="321739" spans="8:8">
      <c r="H321739" s="12"/>
    </row>
    <row r="321740" spans="8:8">
      <c r="H321740" s="12"/>
    </row>
    <row r="321741" spans="8:8">
      <c r="H321741" s="12"/>
    </row>
    <row r="321742" spans="8:8">
      <c r="H321742" s="12"/>
    </row>
    <row r="321743" spans="8:8">
      <c r="H321743" s="12"/>
    </row>
    <row r="321744" spans="8:8">
      <c r="H321744" s="12"/>
    </row>
    <row r="321745" spans="8:8">
      <c r="H321745" s="12"/>
    </row>
    <row r="321746" spans="8:8">
      <c r="H321746" s="12"/>
    </row>
    <row r="321747" spans="8:8">
      <c r="H321747" s="12"/>
    </row>
    <row r="321748" spans="8:8">
      <c r="H321748" s="12"/>
    </row>
    <row r="321749" spans="8:8">
      <c r="H321749" s="12"/>
    </row>
    <row r="321750" spans="8:8">
      <c r="H321750" s="12"/>
    </row>
    <row r="321751" spans="8:8">
      <c r="H321751" s="12"/>
    </row>
    <row r="321752" spans="8:8">
      <c r="H321752" s="12"/>
    </row>
    <row r="321753" spans="8:8">
      <c r="H321753" s="12"/>
    </row>
    <row r="321754" spans="8:8">
      <c r="H321754" s="12"/>
    </row>
    <row r="321755" spans="8:8">
      <c r="H321755" s="12"/>
    </row>
    <row r="321756" spans="8:8">
      <c r="H321756" s="12"/>
    </row>
    <row r="321757" spans="8:8">
      <c r="H321757" s="12"/>
    </row>
    <row r="321758" spans="8:8">
      <c r="H321758" s="12"/>
    </row>
    <row r="321759" spans="8:8">
      <c r="H321759" s="12"/>
    </row>
    <row r="321760" spans="8:8">
      <c r="H321760" s="12"/>
    </row>
    <row r="321761" spans="8:8">
      <c r="H321761" s="12"/>
    </row>
    <row r="321762" spans="8:8">
      <c r="H321762" s="12"/>
    </row>
    <row r="321763" spans="8:8">
      <c r="H321763" s="12"/>
    </row>
    <row r="321764" spans="8:8">
      <c r="H321764" s="12"/>
    </row>
    <row r="321765" spans="8:8">
      <c r="H321765" s="12"/>
    </row>
    <row r="321766" spans="8:8">
      <c r="H321766" s="12"/>
    </row>
    <row r="321767" spans="8:8">
      <c r="H321767" s="12"/>
    </row>
    <row r="321768" spans="8:8">
      <c r="H321768" s="12"/>
    </row>
    <row r="321769" spans="8:8">
      <c r="H321769" s="12"/>
    </row>
    <row r="321770" spans="8:8">
      <c r="H321770" s="12"/>
    </row>
    <row r="321771" spans="8:8">
      <c r="H321771" s="12"/>
    </row>
    <row r="321772" spans="8:8">
      <c r="H321772" s="12"/>
    </row>
    <row r="321773" spans="8:8">
      <c r="H321773" s="12"/>
    </row>
    <row r="321774" spans="8:8">
      <c r="H321774" s="12"/>
    </row>
    <row r="321775" spans="8:8">
      <c r="H321775" s="12"/>
    </row>
    <row r="321776" spans="8:8">
      <c r="H321776" s="12"/>
    </row>
    <row r="321777" spans="8:8">
      <c r="H321777" s="12"/>
    </row>
    <row r="321778" spans="8:8">
      <c r="H321778" s="12"/>
    </row>
    <row r="321779" spans="8:8">
      <c r="H321779" s="12"/>
    </row>
    <row r="321780" spans="8:8">
      <c r="H321780" s="12"/>
    </row>
    <row r="321781" spans="8:8">
      <c r="H321781" s="12"/>
    </row>
    <row r="321782" spans="8:8">
      <c r="H321782" s="12"/>
    </row>
    <row r="321783" spans="8:8">
      <c r="H321783" s="12"/>
    </row>
    <row r="321784" spans="8:8">
      <c r="H321784" s="12"/>
    </row>
    <row r="321785" spans="8:8">
      <c r="H321785" s="12"/>
    </row>
    <row r="321786" spans="8:8">
      <c r="H321786" s="12"/>
    </row>
    <row r="321787" spans="8:8">
      <c r="H321787" s="12"/>
    </row>
    <row r="321788" spans="8:8">
      <c r="H321788" s="12"/>
    </row>
    <row r="321789" spans="8:8">
      <c r="H321789" s="12"/>
    </row>
    <row r="321790" spans="8:8">
      <c r="H321790" s="12"/>
    </row>
    <row r="321791" spans="8:8">
      <c r="H321791" s="12"/>
    </row>
    <row r="321792" spans="8:8">
      <c r="H321792" s="12"/>
    </row>
    <row r="321793" spans="8:8">
      <c r="H321793" s="12"/>
    </row>
    <row r="321794" spans="8:8">
      <c r="H321794" s="12"/>
    </row>
    <row r="321795" spans="8:8">
      <c r="H321795" s="12"/>
    </row>
    <row r="321796" spans="8:8">
      <c r="H321796" s="12"/>
    </row>
    <row r="321797" spans="8:8">
      <c r="H321797" s="12"/>
    </row>
    <row r="321798" spans="8:8">
      <c r="H321798" s="12"/>
    </row>
    <row r="321799" spans="8:8">
      <c r="H321799" s="12"/>
    </row>
    <row r="321800" spans="8:8">
      <c r="H321800" s="12"/>
    </row>
    <row r="321801" spans="8:8">
      <c r="H321801" s="12"/>
    </row>
    <row r="321802" spans="8:8">
      <c r="H321802" s="12"/>
    </row>
    <row r="321803" spans="8:8">
      <c r="H321803" s="12"/>
    </row>
    <row r="321804" spans="8:8">
      <c r="H321804" s="12"/>
    </row>
    <row r="321805" spans="8:8">
      <c r="H321805" s="12"/>
    </row>
    <row r="321806" spans="8:8">
      <c r="H321806" s="12"/>
    </row>
    <row r="321807" spans="8:8">
      <c r="H321807" s="12"/>
    </row>
    <row r="321808" spans="8:8">
      <c r="H321808" s="12"/>
    </row>
    <row r="321809" spans="8:8">
      <c r="H321809" s="12"/>
    </row>
    <row r="321810" spans="8:8">
      <c r="H321810" s="12"/>
    </row>
    <row r="321811" spans="8:8">
      <c r="H321811" s="12"/>
    </row>
    <row r="321812" spans="8:8">
      <c r="H321812" s="12"/>
    </row>
    <row r="321813" spans="8:8">
      <c r="H321813" s="12"/>
    </row>
    <row r="321814" spans="8:8">
      <c r="H321814" s="12"/>
    </row>
    <row r="321815" spans="8:8">
      <c r="H321815" s="12"/>
    </row>
    <row r="321816" spans="8:8">
      <c r="H321816" s="12"/>
    </row>
    <row r="321817" spans="8:8">
      <c r="H321817" s="12"/>
    </row>
    <row r="321818" spans="8:8">
      <c r="H321818" s="12"/>
    </row>
    <row r="321819" spans="8:8">
      <c r="H321819" s="12"/>
    </row>
    <row r="321820" spans="8:8">
      <c r="H321820" s="12"/>
    </row>
    <row r="321821" spans="8:8">
      <c r="H321821" s="12"/>
    </row>
    <row r="321822" spans="8:8">
      <c r="H321822" s="12"/>
    </row>
    <row r="321823" spans="8:8">
      <c r="H321823" s="12"/>
    </row>
    <row r="321824" spans="8:8">
      <c r="H321824" s="12"/>
    </row>
    <row r="321825" spans="8:8">
      <c r="H321825" s="12"/>
    </row>
    <row r="321826" spans="8:8">
      <c r="H321826" s="12"/>
    </row>
    <row r="321827" spans="8:8">
      <c r="H321827" s="12"/>
    </row>
    <row r="321828" spans="8:8">
      <c r="H321828" s="12"/>
    </row>
    <row r="321829" spans="8:8">
      <c r="H321829" s="12"/>
    </row>
    <row r="321830" spans="8:8">
      <c r="H321830" s="12"/>
    </row>
    <row r="321831" spans="8:8">
      <c r="H321831" s="12"/>
    </row>
    <row r="321832" spans="8:8">
      <c r="H321832" s="12"/>
    </row>
    <row r="321833" spans="8:8">
      <c r="H321833" s="12"/>
    </row>
    <row r="321834" spans="8:8">
      <c r="H321834" s="12"/>
    </row>
    <row r="321835" spans="8:8">
      <c r="H321835" s="12"/>
    </row>
    <row r="321836" spans="8:8">
      <c r="H321836" s="12"/>
    </row>
    <row r="321837" spans="8:8">
      <c r="H321837" s="12"/>
    </row>
    <row r="321838" spans="8:8">
      <c r="H321838" s="12"/>
    </row>
    <row r="321839" spans="8:8">
      <c r="H321839" s="12"/>
    </row>
    <row r="321840" spans="8:8">
      <c r="H321840" s="12"/>
    </row>
    <row r="321841" spans="8:8">
      <c r="H321841" s="12"/>
    </row>
    <row r="321842" spans="8:8">
      <c r="H321842" s="12"/>
    </row>
    <row r="321843" spans="8:8">
      <c r="H321843" s="12"/>
    </row>
    <row r="321844" spans="8:8">
      <c r="H321844" s="12"/>
    </row>
    <row r="321845" spans="8:8">
      <c r="H321845" s="12"/>
    </row>
    <row r="321846" spans="8:8">
      <c r="H321846" s="12"/>
    </row>
    <row r="321847" spans="8:8">
      <c r="H321847" s="12"/>
    </row>
    <row r="321848" spans="8:8">
      <c r="H321848" s="12"/>
    </row>
    <row r="321849" spans="8:8">
      <c r="H321849" s="12"/>
    </row>
    <row r="321850" spans="8:8">
      <c r="H321850" s="12"/>
    </row>
    <row r="321851" spans="8:8">
      <c r="H321851" s="12"/>
    </row>
    <row r="321852" spans="8:8">
      <c r="H321852" s="12"/>
    </row>
    <row r="321853" spans="8:8">
      <c r="H321853" s="12"/>
    </row>
    <row r="321854" spans="8:8">
      <c r="H321854" s="12"/>
    </row>
    <row r="321855" spans="8:8">
      <c r="H321855" s="12"/>
    </row>
    <row r="321856" spans="8:8">
      <c r="H321856" s="12"/>
    </row>
    <row r="321857" spans="8:8">
      <c r="H321857" s="12"/>
    </row>
    <row r="321858" spans="8:8">
      <c r="H321858" s="12"/>
    </row>
    <row r="321859" spans="8:8">
      <c r="H321859" s="12"/>
    </row>
    <row r="321860" spans="8:8">
      <c r="H321860" s="12"/>
    </row>
    <row r="321861" spans="8:8">
      <c r="H321861" s="12"/>
    </row>
    <row r="321862" spans="8:8">
      <c r="H321862" s="12"/>
    </row>
    <row r="321863" spans="8:8">
      <c r="H321863" s="12"/>
    </row>
    <row r="321864" spans="8:8">
      <c r="H321864" s="12"/>
    </row>
    <row r="321865" spans="8:8">
      <c r="H321865" s="12"/>
    </row>
    <row r="321866" spans="8:8">
      <c r="H321866" s="12"/>
    </row>
    <row r="321867" spans="8:8">
      <c r="H321867" s="12"/>
    </row>
    <row r="321868" spans="8:8">
      <c r="H321868" s="12"/>
    </row>
    <row r="321869" spans="8:8">
      <c r="H321869" s="12"/>
    </row>
    <row r="321870" spans="8:8">
      <c r="H321870" s="12"/>
    </row>
    <row r="321871" spans="8:8">
      <c r="H321871" s="12"/>
    </row>
    <row r="321872" spans="8:8">
      <c r="H321872" s="12"/>
    </row>
    <row r="321873" spans="8:8">
      <c r="H321873" s="12"/>
    </row>
    <row r="321874" spans="8:8">
      <c r="H321874" s="12"/>
    </row>
    <row r="321875" spans="8:8">
      <c r="H321875" s="12"/>
    </row>
    <row r="321876" spans="8:8">
      <c r="H321876" s="12"/>
    </row>
    <row r="321877" spans="8:8">
      <c r="H321877" s="12"/>
    </row>
    <row r="321878" spans="8:8">
      <c r="H321878" s="12"/>
    </row>
    <row r="321879" spans="8:8">
      <c r="H321879" s="12"/>
    </row>
    <row r="321880" spans="8:8">
      <c r="H321880" s="12"/>
    </row>
    <row r="321881" spans="8:8">
      <c r="H321881" s="12"/>
    </row>
    <row r="321882" spans="8:8">
      <c r="H321882" s="12"/>
    </row>
    <row r="321883" spans="8:8">
      <c r="H321883" s="12"/>
    </row>
    <row r="321884" spans="8:8">
      <c r="H321884" s="12"/>
    </row>
    <row r="321885" spans="8:8">
      <c r="H321885" s="12"/>
    </row>
    <row r="321886" spans="8:8">
      <c r="H321886" s="12"/>
    </row>
    <row r="321887" spans="8:8">
      <c r="H321887" s="12"/>
    </row>
    <row r="321888" spans="8:8">
      <c r="H321888" s="12"/>
    </row>
    <row r="321889" spans="8:8">
      <c r="H321889" s="12"/>
    </row>
    <row r="321890" spans="8:8">
      <c r="H321890" s="12"/>
    </row>
    <row r="321891" spans="8:8">
      <c r="H321891" s="12"/>
    </row>
    <row r="321892" spans="8:8">
      <c r="H321892" s="12"/>
    </row>
    <row r="321893" spans="8:8">
      <c r="H321893" s="12"/>
    </row>
    <row r="321894" spans="8:8">
      <c r="H321894" s="12"/>
    </row>
    <row r="321895" spans="8:8">
      <c r="H321895" s="12"/>
    </row>
    <row r="321896" spans="8:8">
      <c r="H321896" s="12"/>
    </row>
    <row r="321897" spans="8:8">
      <c r="H321897" s="12"/>
    </row>
    <row r="321898" spans="8:8">
      <c r="H321898" s="12"/>
    </row>
    <row r="321899" spans="8:8">
      <c r="H321899" s="12"/>
    </row>
    <row r="321900" spans="8:8">
      <c r="H321900" s="12"/>
    </row>
    <row r="321901" spans="8:8">
      <c r="H321901" s="12"/>
    </row>
    <row r="321902" spans="8:8">
      <c r="H321902" s="12"/>
    </row>
    <row r="321903" spans="8:8">
      <c r="H321903" s="12"/>
    </row>
    <row r="321904" spans="8:8">
      <c r="H321904" s="12"/>
    </row>
    <row r="321905" spans="8:8">
      <c r="H321905" s="12"/>
    </row>
    <row r="321906" spans="8:8">
      <c r="H321906" s="12"/>
    </row>
    <row r="321907" spans="8:8">
      <c r="H321907" s="12"/>
    </row>
    <row r="321908" spans="8:8">
      <c r="H321908" s="12"/>
    </row>
    <row r="321909" spans="8:8">
      <c r="H321909" s="12"/>
    </row>
    <row r="321910" spans="8:8">
      <c r="H321910" s="12"/>
    </row>
    <row r="321911" spans="8:8">
      <c r="H321911" s="12"/>
    </row>
    <row r="321912" spans="8:8">
      <c r="H321912" s="12"/>
    </row>
    <row r="321913" spans="8:8">
      <c r="H321913" s="12"/>
    </row>
    <row r="321914" spans="8:8">
      <c r="H321914" s="12"/>
    </row>
    <row r="321915" spans="8:8">
      <c r="H321915" s="12"/>
    </row>
    <row r="321916" spans="8:8">
      <c r="H321916" s="12"/>
    </row>
    <row r="321917" spans="8:8">
      <c r="H321917" s="12"/>
    </row>
    <row r="321918" spans="8:8">
      <c r="H321918" s="12"/>
    </row>
    <row r="321919" spans="8:8">
      <c r="H321919" s="12"/>
    </row>
    <row r="321920" spans="8:8">
      <c r="H321920" s="12"/>
    </row>
    <row r="321921" spans="8:8">
      <c r="H321921" s="12"/>
    </row>
    <row r="321922" spans="8:8">
      <c r="H321922" s="12"/>
    </row>
    <row r="321923" spans="8:8">
      <c r="H321923" s="12"/>
    </row>
    <row r="321924" spans="8:8">
      <c r="H321924" s="12"/>
    </row>
    <row r="321925" spans="8:8">
      <c r="H321925" s="12"/>
    </row>
    <row r="321926" spans="8:8">
      <c r="H321926" s="12"/>
    </row>
    <row r="321927" spans="8:8">
      <c r="H321927" s="12"/>
    </row>
    <row r="321928" spans="8:8">
      <c r="H321928" s="12"/>
    </row>
    <row r="321929" spans="8:8">
      <c r="H321929" s="12"/>
    </row>
    <row r="321930" spans="8:8">
      <c r="H321930" s="12"/>
    </row>
    <row r="321931" spans="8:8">
      <c r="H321931" s="12"/>
    </row>
    <row r="321932" spans="8:8">
      <c r="H321932" s="12"/>
    </row>
    <row r="321933" spans="8:8">
      <c r="H321933" s="12"/>
    </row>
    <row r="321934" spans="8:8">
      <c r="H321934" s="12"/>
    </row>
    <row r="321935" spans="8:8">
      <c r="H321935" s="12"/>
    </row>
    <row r="321936" spans="8:8">
      <c r="H321936" s="12"/>
    </row>
    <row r="321937" spans="8:8">
      <c r="H321937" s="12"/>
    </row>
    <row r="321938" spans="8:8">
      <c r="H321938" s="12"/>
    </row>
    <row r="321939" spans="8:8">
      <c r="H321939" s="12"/>
    </row>
    <row r="321940" spans="8:8">
      <c r="H321940" s="12"/>
    </row>
    <row r="321941" spans="8:8">
      <c r="H321941" s="12"/>
    </row>
    <row r="321942" spans="8:8">
      <c r="H321942" s="12"/>
    </row>
    <row r="321943" spans="8:8">
      <c r="H321943" s="12"/>
    </row>
    <row r="321944" spans="8:8">
      <c r="H321944" s="12"/>
    </row>
    <row r="321945" spans="8:8">
      <c r="H321945" s="12"/>
    </row>
    <row r="321946" spans="8:8">
      <c r="H321946" s="12"/>
    </row>
    <row r="321947" spans="8:8">
      <c r="H321947" s="12"/>
    </row>
    <row r="321948" spans="8:8">
      <c r="H321948" s="12"/>
    </row>
    <row r="321949" spans="8:8">
      <c r="H321949" s="12"/>
    </row>
    <row r="321950" spans="8:8">
      <c r="H321950" s="12"/>
    </row>
    <row r="321951" spans="8:8">
      <c r="H321951" s="12"/>
    </row>
    <row r="321952" spans="8:8">
      <c r="H321952" s="12"/>
    </row>
    <row r="321953" spans="8:8">
      <c r="H321953" s="12"/>
    </row>
    <row r="321954" spans="8:8">
      <c r="H321954" s="12"/>
    </row>
    <row r="321955" spans="8:8">
      <c r="H321955" s="12"/>
    </row>
    <row r="321956" spans="8:8">
      <c r="H321956" s="12"/>
    </row>
    <row r="321957" spans="8:8">
      <c r="H321957" s="12"/>
    </row>
    <row r="321958" spans="8:8">
      <c r="H321958" s="12"/>
    </row>
    <row r="321959" spans="8:8">
      <c r="H321959" s="12"/>
    </row>
    <row r="321960" spans="8:8">
      <c r="H321960" s="12"/>
    </row>
    <row r="321961" spans="8:8">
      <c r="H321961" s="12"/>
    </row>
    <row r="321962" spans="8:8">
      <c r="H321962" s="12"/>
    </row>
    <row r="321963" spans="8:8">
      <c r="H321963" s="12"/>
    </row>
    <row r="321964" spans="8:8">
      <c r="H321964" s="12"/>
    </row>
    <row r="321965" spans="8:8">
      <c r="H321965" s="12"/>
    </row>
    <row r="321966" spans="8:8">
      <c r="H321966" s="12"/>
    </row>
    <row r="321967" spans="8:8">
      <c r="H321967" s="12"/>
    </row>
    <row r="321968" spans="8:8">
      <c r="H321968" s="12"/>
    </row>
    <row r="321969" spans="8:8">
      <c r="H321969" s="12"/>
    </row>
    <row r="321970" spans="8:8">
      <c r="H321970" s="12"/>
    </row>
    <row r="321971" spans="8:8">
      <c r="H321971" s="12"/>
    </row>
    <row r="321972" spans="8:8">
      <c r="H321972" s="12"/>
    </row>
    <row r="321973" spans="8:8">
      <c r="H321973" s="12"/>
    </row>
    <row r="321974" spans="8:8">
      <c r="H321974" s="12"/>
    </row>
    <row r="321975" spans="8:8">
      <c r="H321975" s="12"/>
    </row>
    <row r="321976" spans="8:8">
      <c r="H321976" s="12"/>
    </row>
    <row r="321977" spans="8:8">
      <c r="H321977" s="12"/>
    </row>
    <row r="321978" spans="8:8">
      <c r="H321978" s="12"/>
    </row>
    <row r="321979" spans="8:8">
      <c r="H321979" s="12"/>
    </row>
    <row r="321980" spans="8:8">
      <c r="H321980" s="12"/>
    </row>
    <row r="321981" spans="8:8">
      <c r="H321981" s="12"/>
    </row>
    <row r="321982" spans="8:8">
      <c r="H321982" s="12"/>
    </row>
    <row r="321983" spans="8:8">
      <c r="H321983" s="12"/>
    </row>
    <row r="321984" spans="8:8">
      <c r="H321984" s="12"/>
    </row>
    <row r="321985" spans="8:8">
      <c r="H321985" s="12"/>
    </row>
    <row r="321986" spans="8:8">
      <c r="H321986" s="12"/>
    </row>
    <row r="321987" spans="8:8">
      <c r="H321987" s="12"/>
    </row>
    <row r="321988" spans="8:8">
      <c r="H321988" s="12"/>
    </row>
    <row r="321989" spans="8:8">
      <c r="H321989" s="12"/>
    </row>
    <row r="321990" spans="8:8">
      <c r="H321990" s="12"/>
    </row>
    <row r="321991" spans="8:8">
      <c r="H321991" s="12"/>
    </row>
    <row r="321992" spans="8:8">
      <c r="H321992" s="12"/>
    </row>
    <row r="321993" spans="8:8">
      <c r="H321993" s="12"/>
    </row>
    <row r="321994" spans="8:8">
      <c r="H321994" s="12"/>
    </row>
    <row r="321995" spans="8:8">
      <c r="H321995" s="12"/>
    </row>
    <row r="321996" spans="8:8">
      <c r="H321996" s="12"/>
    </row>
    <row r="321997" spans="8:8">
      <c r="H321997" s="12"/>
    </row>
    <row r="321998" spans="8:8">
      <c r="H321998" s="12"/>
    </row>
    <row r="321999" spans="8:8">
      <c r="H321999" s="12"/>
    </row>
    <row r="322000" spans="8:8">
      <c r="H322000" s="12"/>
    </row>
    <row r="322001" spans="8:8">
      <c r="H322001" s="12"/>
    </row>
    <row r="322002" spans="8:8">
      <c r="H322002" s="12"/>
    </row>
    <row r="322003" spans="8:8">
      <c r="H322003" s="12"/>
    </row>
    <row r="322004" spans="8:8">
      <c r="H322004" s="12"/>
    </row>
    <row r="322005" spans="8:8">
      <c r="H322005" s="12"/>
    </row>
    <row r="322006" spans="8:8">
      <c r="H322006" s="12"/>
    </row>
    <row r="322007" spans="8:8">
      <c r="H322007" s="12"/>
    </row>
    <row r="322008" spans="8:8">
      <c r="H322008" s="12"/>
    </row>
    <row r="322009" spans="8:8">
      <c r="H322009" s="12"/>
    </row>
    <row r="322010" spans="8:8">
      <c r="H322010" s="12"/>
    </row>
    <row r="322011" spans="8:8">
      <c r="H322011" s="12"/>
    </row>
    <row r="322012" spans="8:8">
      <c r="H322012" s="12"/>
    </row>
    <row r="322013" spans="8:8">
      <c r="H322013" s="12"/>
    </row>
    <row r="322014" spans="8:8">
      <c r="H322014" s="12"/>
    </row>
    <row r="322015" spans="8:8">
      <c r="H322015" s="12"/>
    </row>
    <row r="322016" spans="8:8">
      <c r="H322016" s="12"/>
    </row>
    <row r="322017" spans="8:8">
      <c r="H322017" s="12"/>
    </row>
    <row r="322018" spans="8:8">
      <c r="H322018" s="12"/>
    </row>
    <row r="322019" spans="8:8">
      <c r="H322019" s="12"/>
    </row>
    <row r="322020" spans="8:8">
      <c r="H322020" s="12"/>
    </row>
    <row r="322021" spans="8:8">
      <c r="H322021" s="12"/>
    </row>
    <row r="322022" spans="8:8">
      <c r="H322022" s="12"/>
    </row>
    <row r="322023" spans="8:8">
      <c r="H322023" s="12"/>
    </row>
    <row r="322024" spans="8:8">
      <c r="H322024" s="12"/>
    </row>
    <row r="322025" spans="8:8">
      <c r="H322025" s="12"/>
    </row>
    <row r="322026" spans="8:8">
      <c r="H322026" s="12"/>
    </row>
    <row r="322027" spans="8:8">
      <c r="H322027" s="12"/>
    </row>
    <row r="322028" spans="8:8">
      <c r="H322028" s="12"/>
    </row>
    <row r="322029" spans="8:8">
      <c r="H322029" s="12"/>
    </row>
    <row r="322030" spans="8:8">
      <c r="H322030" s="12"/>
    </row>
    <row r="322031" spans="8:8">
      <c r="H322031" s="12"/>
    </row>
    <row r="322032" spans="8:8">
      <c r="H322032" s="12"/>
    </row>
    <row r="322033" spans="8:8">
      <c r="H322033" s="12"/>
    </row>
    <row r="322034" spans="8:8">
      <c r="H322034" s="12"/>
    </row>
    <row r="322035" spans="8:8">
      <c r="H322035" s="12"/>
    </row>
    <row r="322036" spans="8:8">
      <c r="H322036" s="12"/>
    </row>
    <row r="322037" spans="8:8">
      <c r="H322037" s="12"/>
    </row>
    <row r="322038" spans="8:8">
      <c r="H322038" s="12"/>
    </row>
    <row r="322039" spans="8:8">
      <c r="H322039" s="12"/>
    </row>
    <row r="322040" spans="8:8">
      <c r="H322040" s="12"/>
    </row>
    <row r="322041" spans="8:8">
      <c r="H322041" s="12"/>
    </row>
    <row r="322042" spans="8:8">
      <c r="H322042" s="12"/>
    </row>
    <row r="322043" spans="8:8">
      <c r="H322043" s="12"/>
    </row>
    <row r="322044" spans="8:8">
      <c r="H322044" s="12"/>
    </row>
    <row r="322045" spans="8:8">
      <c r="H322045" s="12"/>
    </row>
    <row r="322046" spans="8:8">
      <c r="H322046" s="12"/>
    </row>
    <row r="322047" spans="8:8">
      <c r="H322047" s="12"/>
    </row>
    <row r="322048" spans="8:8">
      <c r="H322048" s="12"/>
    </row>
    <row r="322049" spans="8:8">
      <c r="H322049" s="12"/>
    </row>
    <row r="322050" spans="8:8">
      <c r="H322050" s="12"/>
    </row>
    <row r="322051" spans="8:8">
      <c r="H322051" s="12"/>
    </row>
    <row r="322052" spans="8:8">
      <c r="H322052" s="12"/>
    </row>
    <row r="322053" spans="8:8">
      <c r="H322053" s="12"/>
    </row>
    <row r="322054" spans="8:8">
      <c r="H322054" s="12"/>
    </row>
    <row r="322055" spans="8:8">
      <c r="H322055" s="12"/>
    </row>
    <row r="322056" spans="8:8">
      <c r="H322056" s="12"/>
    </row>
    <row r="322057" spans="8:8">
      <c r="H322057" s="12"/>
    </row>
    <row r="322058" spans="8:8">
      <c r="H322058" s="12"/>
    </row>
    <row r="322059" spans="8:8">
      <c r="H322059" s="12"/>
    </row>
    <row r="322060" spans="8:8">
      <c r="H322060" s="12"/>
    </row>
    <row r="322061" spans="8:8">
      <c r="H322061" s="12"/>
    </row>
    <row r="322062" spans="8:8">
      <c r="H322062" s="12"/>
    </row>
    <row r="322063" spans="8:8">
      <c r="H322063" s="12"/>
    </row>
    <row r="322064" spans="8:8">
      <c r="H322064" s="12"/>
    </row>
    <row r="322065" spans="8:8">
      <c r="H322065" s="12"/>
    </row>
    <row r="322066" spans="8:8">
      <c r="H322066" s="12"/>
    </row>
    <row r="322067" spans="8:8">
      <c r="H322067" s="12"/>
    </row>
    <row r="322068" spans="8:8">
      <c r="H322068" s="12"/>
    </row>
    <row r="322069" spans="8:8">
      <c r="H322069" s="12"/>
    </row>
    <row r="322070" spans="8:8">
      <c r="H322070" s="12"/>
    </row>
    <row r="322071" spans="8:8">
      <c r="H322071" s="12"/>
    </row>
    <row r="322072" spans="8:8">
      <c r="H322072" s="12"/>
    </row>
    <row r="322073" spans="8:8">
      <c r="H322073" s="12"/>
    </row>
    <row r="322074" spans="8:8">
      <c r="H322074" s="12"/>
    </row>
    <row r="322075" spans="8:8">
      <c r="H322075" s="12"/>
    </row>
    <row r="322076" spans="8:8">
      <c r="H322076" s="12"/>
    </row>
    <row r="322077" spans="8:8">
      <c r="H322077" s="12"/>
    </row>
    <row r="322078" spans="8:8">
      <c r="H322078" s="12"/>
    </row>
    <row r="322079" spans="8:8">
      <c r="H322079" s="12"/>
    </row>
    <row r="322080" spans="8:8">
      <c r="H322080" s="12"/>
    </row>
    <row r="322081" spans="8:8">
      <c r="H322081" s="12"/>
    </row>
    <row r="322082" spans="8:8">
      <c r="H322082" s="12"/>
    </row>
    <row r="322083" spans="8:8">
      <c r="H322083" s="12"/>
    </row>
    <row r="322084" spans="8:8">
      <c r="H322084" s="12"/>
    </row>
    <row r="322085" spans="8:8">
      <c r="H322085" s="12"/>
    </row>
    <row r="322086" spans="8:8">
      <c r="H322086" s="12"/>
    </row>
    <row r="322087" spans="8:8">
      <c r="H322087" s="12"/>
    </row>
    <row r="322088" spans="8:8">
      <c r="H322088" s="12"/>
    </row>
    <row r="322089" spans="8:8">
      <c r="H322089" s="12"/>
    </row>
    <row r="322090" spans="8:8">
      <c r="H322090" s="12"/>
    </row>
    <row r="322091" spans="8:8">
      <c r="H322091" s="12"/>
    </row>
    <row r="322092" spans="8:8">
      <c r="H322092" s="12"/>
    </row>
    <row r="322093" spans="8:8">
      <c r="H322093" s="12"/>
    </row>
    <row r="322094" spans="8:8">
      <c r="H322094" s="12"/>
    </row>
    <row r="322095" spans="8:8">
      <c r="H322095" s="12"/>
    </row>
    <row r="322096" spans="8:8">
      <c r="H322096" s="12"/>
    </row>
    <row r="322097" spans="8:8">
      <c r="H322097" s="12"/>
    </row>
    <row r="322098" spans="8:8">
      <c r="H322098" s="12"/>
    </row>
    <row r="322099" spans="8:8">
      <c r="H322099" s="12"/>
    </row>
    <row r="322100" spans="8:8">
      <c r="H322100" s="12"/>
    </row>
    <row r="322101" spans="8:8">
      <c r="H322101" s="12"/>
    </row>
    <row r="322102" spans="8:8">
      <c r="H322102" s="12"/>
    </row>
    <row r="322103" spans="8:8">
      <c r="H322103" s="12"/>
    </row>
    <row r="322104" spans="8:8">
      <c r="H322104" s="12"/>
    </row>
    <row r="322105" spans="8:8">
      <c r="H322105" s="12"/>
    </row>
    <row r="322106" spans="8:8">
      <c r="H322106" s="12"/>
    </row>
    <row r="322107" spans="8:8">
      <c r="H322107" s="12"/>
    </row>
    <row r="322108" spans="8:8">
      <c r="H322108" s="12"/>
    </row>
    <row r="322109" spans="8:8">
      <c r="H322109" s="12"/>
    </row>
    <row r="322110" spans="8:8">
      <c r="H322110" s="12"/>
    </row>
    <row r="322111" spans="8:8">
      <c r="H322111" s="12"/>
    </row>
    <row r="322112" spans="8:8">
      <c r="H322112" s="12"/>
    </row>
    <row r="322113" spans="8:8">
      <c r="H322113" s="12"/>
    </row>
    <row r="322114" spans="8:8">
      <c r="H322114" s="12"/>
    </row>
    <row r="322115" spans="8:8">
      <c r="H322115" s="12"/>
    </row>
    <row r="322116" spans="8:8">
      <c r="H322116" s="12"/>
    </row>
    <row r="322117" spans="8:8">
      <c r="H322117" s="12"/>
    </row>
    <row r="322118" spans="8:8">
      <c r="H322118" s="12"/>
    </row>
    <row r="322119" spans="8:8">
      <c r="H322119" s="12"/>
    </row>
    <row r="322120" spans="8:8">
      <c r="H322120" s="12"/>
    </row>
    <row r="322121" spans="8:8">
      <c r="H322121" s="12"/>
    </row>
    <row r="322122" spans="8:8">
      <c r="H322122" s="12"/>
    </row>
    <row r="322123" spans="8:8">
      <c r="H322123" s="12"/>
    </row>
    <row r="322124" spans="8:8">
      <c r="H322124" s="12"/>
    </row>
    <row r="322125" spans="8:8">
      <c r="H322125" s="12"/>
    </row>
    <row r="322126" spans="8:8">
      <c r="H322126" s="12"/>
    </row>
    <row r="322127" spans="8:8">
      <c r="H322127" s="12"/>
    </row>
    <row r="322128" spans="8:8">
      <c r="H322128" s="12"/>
    </row>
    <row r="322129" spans="8:8">
      <c r="H322129" s="12"/>
    </row>
    <row r="322130" spans="8:8">
      <c r="H322130" s="12"/>
    </row>
    <row r="322131" spans="8:8">
      <c r="H322131" s="12"/>
    </row>
    <row r="322132" spans="8:8">
      <c r="H322132" s="12"/>
    </row>
    <row r="322133" spans="8:8">
      <c r="H322133" s="12"/>
    </row>
    <row r="322134" spans="8:8">
      <c r="H322134" s="12"/>
    </row>
    <row r="322135" spans="8:8">
      <c r="H322135" s="12"/>
    </row>
    <row r="322136" spans="8:8">
      <c r="H322136" s="12"/>
    </row>
    <row r="322137" spans="8:8">
      <c r="H322137" s="12"/>
    </row>
    <row r="322138" spans="8:8">
      <c r="H322138" s="12"/>
    </row>
    <row r="322139" spans="8:8">
      <c r="H322139" s="12"/>
    </row>
    <row r="322140" spans="8:8">
      <c r="H322140" s="12"/>
    </row>
    <row r="322141" spans="8:8">
      <c r="H322141" s="12"/>
    </row>
    <row r="322142" spans="8:8">
      <c r="H322142" s="12"/>
    </row>
    <row r="322143" spans="8:8">
      <c r="H322143" s="12"/>
    </row>
    <row r="322144" spans="8:8">
      <c r="H322144" s="12"/>
    </row>
    <row r="322145" spans="8:8">
      <c r="H322145" s="12"/>
    </row>
    <row r="322146" spans="8:8">
      <c r="H322146" s="12"/>
    </row>
    <row r="322147" spans="8:8">
      <c r="H322147" s="12"/>
    </row>
    <row r="322148" spans="8:8">
      <c r="H322148" s="12"/>
    </row>
    <row r="322149" spans="8:8">
      <c r="H322149" s="12"/>
    </row>
    <row r="322150" spans="8:8">
      <c r="H322150" s="12"/>
    </row>
    <row r="322151" spans="8:8">
      <c r="H322151" s="12"/>
    </row>
    <row r="322152" spans="8:8">
      <c r="H322152" s="12"/>
    </row>
    <row r="322153" spans="8:8">
      <c r="H322153" s="12"/>
    </row>
    <row r="322154" spans="8:8">
      <c r="H322154" s="12"/>
    </row>
    <row r="322155" spans="8:8">
      <c r="H322155" s="12"/>
    </row>
    <row r="322156" spans="8:8">
      <c r="H322156" s="12"/>
    </row>
    <row r="322157" spans="8:8">
      <c r="H322157" s="12"/>
    </row>
    <row r="322158" spans="8:8">
      <c r="H322158" s="12"/>
    </row>
    <row r="322159" spans="8:8">
      <c r="H322159" s="12"/>
    </row>
    <row r="322160" spans="8:8">
      <c r="H322160" s="12"/>
    </row>
    <row r="322161" spans="8:8">
      <c r="H322161" s="12"/>
    </row>
    <row r="322162" spans="8:8">
      <c r="H322162" s="12"/>
    </row>
    <row r="322163" spans="8:8">
      <c r="H322163" s="12"/>
    </row>
    <row r="322164" spans="8:8">
      <c r="H322164" s="12"/>
    </row>
    <row r="322165" spans="8:8">
      <c r="H322165" s="12"/>
    </row>
    <row r="322166" spans="8:8">
      <c r="H322166" s="12"/>
    </row>
    <row r="322167" spans="8:8">
      <c r="H322167" s="12"/>
    </row>
    <row r="322168" spans="8:8">
      <c r="H322168" s="12"/>
    </row>
    <row r="322169" spans="8:8">
      <c r="H322169" s="12"/>
    </row>
    <row r="322170" spans="8:8">
      <c r="H322170" s="12"/>
    </row>
    <row r="322171" spans="8:8">
      <c r="H322171" s="12"/>
    </row>
    <row r="322172" spans="8:8">
      <c r="H322172" s="12"/>
    </row>
    <row r="322173" spans="8:8">
      <c r="H322173" s="12"/>
    </row>
    <row r="322174" spans="8:8">
      <c r="H322174" s="12"/>
    </row>
    <row r="322175" spans="8:8">
      <c r="H322175" s="12"/>
    </row>
    <row r="322176" spans="8:8">
      <c r="H322176" s="12"/>
    </row>
    <row r="322177" spans="8:8">
      <c r="H322177" s="12"/>
    </row>
    <row r="322178" spans="8:8">
      <c r="H322178" s="12"/>
    </row>
    <row r="322179" spans="8:8">
      <c r="H322179" s="12"/>
    </row>
    <row r="322180" spans="8:8">
      <c r="H322180" s="12"/>
    </row>
    <row r="322181" spans="8:8">
      <c r="H322181" s="12"/>
    </row>
    <row r="322182" spans="8:8">
      <c r="H322182" s="12"/>
    </row>
    <row r="322183" spans="8:8">
      <c r="H322183" s="12"/>
    </row>
    <row r="322184" spans="8:8">
      <c r="H322184" s="12"/>
    </row>
    <row r="322185" spans="8:8">
      <c r="H322185" s="12"/>
    </row>
    <row r="322186" spans="8:8">
      <c r="H322186" s="12"/>
    </row>
    <row r="322187" spans="8:8">
      <c r="H322187" s="12"/>
    </row>
    <row r="322188" spans="8:8">
      <c r="H322188" s="12"/>
    </row>
    <row r="322189" spans="8:8">
      <c r="H322189" s="12"/>
    </row>
    <row r="322190" spans="8:8">
      <c r="H322190" s="12"/>
    </row>
    <row r="322191" spans="8:8">
      <c r="H322191" s="12"/>
    </row>
    <row r="322192" spans="8:8">
      <c r="H322192" s="12"/>
    </row>
    <row r="322193" spans="8:8">
      <c r="H322193" s="12"/>
    </row>
    <row r="322194" spans="8:8">
      <c r="H322194" s="12"/>
    </row>
    <row r="322195" spans="8:8">
      <c r="H322195" s="12"/>
    </row>
    <row r="322196" spans="8:8">
      <c r="H322196" s="12"/>
    </row>
    <row r="322197" spans="8:8">
      <c r="H322197" s="12"/>
    </row>
    <row r="322198" spans="8:8">
      <c r="H322198" s="12"/>
    </row>
    <row r="322199" spans="8:8">
      <c r="H322199" s="12"/>
    </row>
    <row r="322200" spans="8:8">
      <c r="H322200" s="12"/>
    </row>
    <row r="322201" spans="8:8">
      <c r="H322201" s="12"/>
    </row>
    <row r="322202" spans="8:8">
      <c r="H322202" s="12"/>
    </row>
    <row r="322203" spans="8:8">
      <c r="H322203" s="12"/>
    </row>
    <row r="322204" spans="8:8">
      <c r="H322204" s="12"/>
    </row>
    <row r="322205" spans="8:8">
      <c r="H322205" s="12"/>
    </row>
    <row r="322206" spans="8:8">
      <c r="H322206" s="12"/>
    </row>
    <row r="322207" spans="8:8">
      <c r="H322207" s="12"/>
    </row>
    <row r="322208" spans="8:8">
      <c r="H322208" s="12"/>
    </row>
    <row r="322209" spans="8:8">
      <c r="H322209" s="12"/>
    </row>
    <row r="322210" spans="8:8">
      <c r="H322210" s="12"/>
    </row>
    <row r="322211" spans="8:8">
      <c r="H322211" s="12"/>
    </row>
    <row r="322212" spans="8:8">
      <c r="H322212" s="12"/>
    </row>
    <row r="322213" spans="8:8">
      <c r="H322213" s="12"/>
    </row>
    <row r="322214" spans="8:8">
      <c r="H322214" s="12"/>
    </row>
    <row r="322215" spans="8:8">
      <c r="H322215" s="12"/>
    </row>
    <row r="322216" spans="8:8">
      <c r="H322216" s="12"/>
    </row>
    <row r="322217" spans="8:8">
      <c r="H322217" s="12"/>
    </row>
    <row r="322218" spans="8:8">
      <c r="H322218" s="12"/>
    </row>
    <row r="322219" spans="8:8">
      <c r="H322219" s="12"/>
    </row>
    <row r="322220" spans="8:8">
      <c r="H322220" s="12"/>
    </row>
    <row r="322221" spans="8:8">
      <c r="H322221" s="12"/>
    </row>
    <row r="322222" spans="8:8">
      <c r="H322222" s="12"/>
    </row>
    <row r="322223" spans="8:8">
      <c r="H322223" s="12"/>
    </row>
    <row r="322224" spans="8:8">
      <c r="H322224" s="12"/>
    </row>
    <row r="322225" spans="8:8">
      <c r="H322225" s="12"/>
    </row>
    <row r="322226" spans="8:8">
      <c r="H322226" s="12"/>
    </row>
    <row r="322227" spans="8:8">
      <c r="H322227" s="12"/>
    </row>
    <row r="322228" spans="8:8">
      <c r="H322228" s="12"/>
    </row>
    <row r="322229" spans="8:8">
      <c r="H322229" s="12"/>
    </row>
    <row r="322230" spans="8:8">
      <c r="H322230" s="12"/>
    </row>
    <row r="322231" spans="8:8">
      <c r="H322231" s="12"/>
    </row>
    <row r="322232" spans="8:8">
      <c r="H322232" s="12"/>
    </row>
    <row r="322233" spans="8:8">
      <c r="H322233" s="12"/>
    </row>
    <row r="322234" spans="8:8">
      <c r="H322234" s="12"/>
    </row>
    <row r="322235" spans="8:8">
      <c r="H322235" s="12"/>
    </row>
    <row r="322236" spans="8:8">
      <c r="H322236" s="12"/>
    </row>
    <row r="322237" spans="8:8">
      <c r="H322237" s="12"/>
    </row>
    <row r="322238" spans="8:8">
      <c r="H322238" s="12"/>
    </row>
    <row r="322239" spans="8:8">
      <c r="H322239" s="12"/>
    </row>
    <row r="322240" spans="8:8">
      <c r="H322240" s="12"/>
    </row>
    <row r="322241" spans="8:8">
      <c r="H322241" s="12"/>
    </row>
    <row r="322242" spans="8:8">
      <c r="H322242" s="12"/>
    </row>
    <row r="322243" spans="8:8">
      <c r="H322243" s="12"/>
    </row>
    <row r="322244" spans="8:8">
      <c r="H322244" s="12"/>
    </row>
    <row r="322245" spans="8:8">
      <c r="H322245" s="12"/>
    </row>
    <row r="322246" spans="8:8">
      <c r="H322246" s="12"/>
    </row>
    <row r="322247" spans="8:8">
      <c r="H322247" s="12"/>
    </row>
    <row r="322248" spans="8:8">
      <c r="H322248" s="12"/>
    </row>
    <row r="322249" spans="8:8">
      <c r="H322249" s="12"/>
    </row>
    <row r="322250" spans="8:8">
      <c r="H322250" s="12"/>
    </row>
    <row r="322251" spans="8:8">
      <c r="H322251" s="12"/>
    </row>
    <row r="322252" spans="8:8">
      <c r="H322252" s="12"/>
    </row>
    <row r="322253" spans="8:8">
      <c r="H322253" s="12"/>
    </row>
    <row r="322254" spans="8:8">
      <c r="H322254" s="12"/>
    </row>
    <row r="322255" spans="8:8">
      <c r="H322255" s="12"/>
    </row>
    <row r="322256" spans="8:8">
      <c r="H322256" s="12"/>
    </row>
    <row r="322257" spans="8:8">
      <c r="H322257" s="12"/>
    </row>
    <row r="322258" spans="8:8">
      <c r="H322258" s="12"/>
    </row>
    <row r="322259" spans="8:8">
      <c r="H322259" s="12"/>
    </row>
    <row r="322260" spans="8:8">
      <c r="H322260" s="12"/>
    </row>
    <row r="322261" spans="8:8">
      <c r="H322261" s="12"/>
    </row>
    <row r="322262" spans="8:8">
      <c r="H322262" s="12"/>
    </row>
    <row r="322263" spans="8:8">
      <c r="H322263" s="12"/>
    </row>
    <row r="322264" spans="8:8">
      <c r="H322264" s="12"/>
    </row>
    <row r="322265" spans="8:8">
      <c r="H322265" s="12"/>
    </row>
    <row r="322266" spans="8:8">
      <c r="H322266" s="12"/>
    </row>
    <row r="322267" spans="8:8">
      <c r="H322267" s="12"/>
    </row>
    <row r="322268" spans="8:8">
      <c r="H322268" s="12"/>
    </row>
    <row r="322269" spans="8:8">
      <c r="H322269" s="12"/>
    </row>
    <row r="322270" spans="8:8">
      <c r="H322270" s="12"/>
    </row>
    <row r="322271" spans="8:8">
      <c r="H322271" s="12"/>
    </row>
    <row r="322272" spans="8:8">
      <c r="H322272" s="12"/>
    </row>
    <row r="322273" spans="8:8">
      <c r="H322273" s="12"/>
    </row>
    <row r="322274" spans="8:8">
      <c r="H322274" s="12"/>
    </row>
    <row r="322275" spans="8:8">
      <c r="H322275" s="12"/>
    </row>
    <row r="322276" spans="8:8">
      <c r="H322276" s="12"/>
    </row>
    <row r="322277" spans="8:8">
      <c r="H322277" s="12"/>
    </row>
    <row r="322278" spans="8:8">
      <c r="H322278" s="12"/>
    </row>
    <row r="322279" spans="8:8">
      <c r="H322279" s="12"/>
    </row>
    <row r="322280" spans="8:8">
      <c r="H322280" s="12"/>
    </row>
    <row r="322281" spans="8:8">
      <c r="H322281" s="12"/>
    </row>
    <row r="322282" spans="8:8">
      <c r="H322282" s="12"/>
    </row>
    <row r="322283" spans="8:8">
      <c r="H322283" s="12"/>
    </row>
    <row r="322284" spans="8:8">
      <c r="H322284" s="12"/>
    </row>
    <row r="322285" spans="8:8">
      <c r="H322285" s="12"/>
    </row>
    <row r="322286" spans="8:8">
      <c r="H322286" s="12"/>
    </row>
    <row r="322287" spans="8:8">
      <c r="H322287" s="12"/>
    </row>
    <row r="322288" spans="8:8">
      <c r="H322288" s="12"/>
    </row>
    <row r="322289" spans="8:8">
      <c r="H322289" s="12"/>
    </row>
    <row r="322290" spans="8:8">
      <c r="H322290" s="12"/>
    </row>
    <row r="322291" spans="8:8">
      <c r="H322291" s="12"/>
    </row>
    <row r="322292" spans="8:8">
      <c r="H322292" s="12"/>
    </row>
    <row r="322293" spans="8:8">
      <c r="H322293" s="12"/>
    </row>
    <row r="322294" spans="8:8">
      <c r="H322294" s="12"/>
    </row>
    <row r="322295" spans="8:8">
      <c r="H322295" s="12"/>
    </row>
    <row r="322296" spans="8:8">
      <c r="H322296" s="12"/>
    </row>
    <row r="322297" spans="8:8">
      <c r="H322297" s="12"/>
    </row>
    <row r="322298" spans="8:8">
      <c r="H322298" s="12"/>
    </row>
    <row r="322299" spans="8:8">
      <c r="H322299" s="12"/>
    </row>
    <row r="322300" spans="8:8">
      <c r="H322300" s="12"/>
    </row>
    <row r="322301" spans="8:8">
      <c r="H322301" s="12"/>
    </row>
    <row r="322302" spans="8:8">
      <c r="H322302" s="12"/>
    </row>
    <row r="322303" spans="8:8">
      <c r="H322303" s="12"/>
    </row>
    <row r="322304" spans="8:8">
      <c r="H322304" s="12"/>
    </row>
    <row r="322305" spans="8:8">
      <c r="H322305" s="12"/>
    </row>
    <row r="322306" spans="8:8">
      <c r="H322306" s="12"/>
    </row>
    <row r="322307" spans="8:8">
      <c r="H322307" s="12"/>
    </row>
    <row r="322308" spans="8:8">
      <c r="H322308" s="12"/>
    </row>
    <row r="322309" spans="8:8">
      <c r="H322309" s="12"/>
    </row>
    <row r="322310" spans="8:8">
      <c r="H322310" s="12"/>
    </row>
    <row r="322311" spans="8:8">
      <c r="H322311" s="12"/>
    </row>
    <row r="322312" spans="8:8">
      <c r="H322312" s="12"/>
    </row>
    <row r="322313" spans="8:8">
      <c r="H322313" s="12"/>
    </row>
    <row r="322314" spans="8:8">
      <c r="H322314" s="12"/>
    </row>
    <row r="322315" spans="8:8">
      <c r="H322315" s="12"/>
    </row>
    <row r="322316" spans="8:8">
      <c r="H322316" s="12"/>
    </row>
    <row r="322317" spans="8:8">
      <c r="H322317" s="12"/>
    </row>
    <row r="322318" spans="8:8">
      <c r="H322318" s="12"/>
    </row>
    <row r="322319" spans="8:8">
      <c r="H322319" s="12"/>
    </row>
    <row r="322320" spans="8:8">
      <c r="H322320" s="12"/>
    </row>
    <row r="322321" spans="8:8">
      <c r="H322321" s="12"/>
    </row>
    <row r="322322" spans="8:8">
      <c r="H322322" s="12"/>
    </row>
    <row r="322323" spans="8:8">
      <c r="H322323" s="12"/>
    </row>
    <row r="322324" spans="8:8">
      <c r="H322324" s="12"/>
    </row>
    <row r="322325" spans="8:8">
      <c r="H322325" s="12"/>
    </row>
    <row r="322326" spans="8:8">
      <c r="H322326" s="12"/>
    </row>
    <row r="322327" spans="8:8">
      <c r="H322327" s="12"/>
    </row>
    <row r="322328" spans="8:8">
      <c r="H322328" s="12"/>
    </row>
    <row r="322329" spans="8:8">
      <c r="H322329" s="12"/>
    </row>
    <row r="322330" spans="8:8">
      <c r="H322330" s="12"/>
    </row>
    <row r="322331" spans="8:8">
      <c r="H322331" s="12"/>
    </row>
    <row r="322332" spans="8:8">
      <c r="H322332" s="12"/>
    </row>
    <row r="322333" spans="8:8">
      <c r="H322333" s="12"/>
    </row>
    <row r="322334" spans="8:8">
      <c r="H322334" s="12"/>
    </row>
    <row r="322335" spans="8:8">
      <c r="H322335" s="12"/>
    </row>
    <row r="322336" spans="8:8">
      <c r="H322336" s="12"/>
    </row>
    <row r="322337" spans="8:8">
      <c r="H322337" s="12"/>
    </row>
    <row r="322338" spans="8:8">
      <c r="H322338" s="12"/>
    </row>
    <row r="322339" spans="8:8">
      <c r="H322339" s="12"/>
    </row>
    <row r="322340" spans="8:8">
      <c r="H322340" s="12"/>
    </row>
    <row r="322341" spans="8:8">
      <c r="H322341" s="12"/>
    </row>
    <row r="322342" spans="8:8">
      <c r="H322342" s="12"/>
    </row>
    <row r="322343" spans="8:8">
      <c r="H322343" s="12"/>
    </row>
    <row r="322344" spans="8:8">
      <c r="H322344" s="12"/>
    </row>
    <row r="322345" spans="8:8">
      <c r="H322345" s="12"/>
    </row>
    <row r="322346" spans="8:8">
      <c r="H322346" s="12"/>
    </row>
    <row r="322347" spans="8:8">
      <c r="H322347" s="12"/>
    </row>
    <row r="322348" spans="8:8">
      <c r="H322348" s="12"/>
    </row>
    <row r="322349" spans="8:8">
      <c r="H322349" s="12"/>
    </row>
    <row r="322350" spans="8:8">
      <c r="H322350" s="12"/>
    </row>
    <row r="322351" spans="8:8">
      <c r="H322351" s="12"/>
    </row>
    <row r="322352" spans="8:8">
      <c r="H322352" s="12"/>
    </row>
    <row r="322353" spans="8:8">
      <c r="H322353" s="12"/>
    </row>
    <row r="322354" spans="8:8">
      <c r="H322354" s="12"/>
    </row>
    <row r="322355" spans="8:8">
      <c r="H322355" s="12"/>
    </row>
    <row r="322356" spans="8:8">
      <c r="H322356" s="12"/>
    </row>
    <row r="322357" spans="8:8">
      <c r="H322357" s="12"/>
    </row>
    <row r="322358" spans="8:8">
      <c r="H322358" s="12"/>
    </row>
    <row r="322359" spans="8:8">
      <c r="H322359" s="12"/>
    </row>
    <row r="322360" spans="8:8">
      <c r="H322360" s="12"/>
    </row>
    <row r="322361" spans="8:8">
      <c r="H322361" s="12"/>
    </row>
    <row r="322362" spans="8:8">
      <c r="H322362" s="12"/>
    </row>
    <row r="322363" spans="8:8">
      <c r="H322363" s="12"/>
    </row>
    <row r="322364" spans="8:8">
      <c r="H322364" s="12"/>
    </row>
    <row r="322365" spans="8:8">
      <c r="H322365" s="12"/>
    </row>
    <row r="322366" spans="8:8">
      <c r="H322366" s="12"/>
    </row>
    <row r="322367" spans="8:8">
      <c r="H322367" s="12"/>
    </row>
    <row r="322368" spans="8:8">
      <c r="H322368" s="12"/>
    </row>
    <row r="322369" spans="8:8">
      <c r="H322369" s="12"/>
    </row>
    <row r="322370" spans="8:8">
      <c r="H322370" s="12"/>
    </row>
    <row r="322371" spans="8:8">
      <c r="H322371" s="12"/>
    </row>
    <row r="322372" spans="8:8">
      <c r="H322372" s="12"/>
    </row>
    <row r="322373" spans="8:8">
      <c r="H322373" s="12"/>
    </row>
    <row r="322374" spans="8:8">
      <c r="H322374" s="12"/>
    </row>
    <row r="322375" spans="8:8">
      <c r="H322375" s="12"/>
    </row>
    <row r="322376" spans="8:8">
      <c r="H322376" s="12"/>
    </row>
    <row r="322377" spans="8:8">
      <c r="H322377" s="12"/>
    </row>
    <row r="322378" spans="8:8">
      <c r="H322378" s="12"/>
    </row>
    <row r="322379" spans="8:8">
      <c r="H322379" s="12"/>
    </row>
    <row r="322380" spans="8:8">
      <c r="H322380" s="12"/>
    </row>
    <row r="322381" spans="8:8">
      <c r="H322381" s="12"/>
    </row>
    <row r="322382" spans="8:8">
      <c r="H322382" s="12"/>
    </row>
    <row r="322383" spans="8:8">
      <c r="H322383" s="12"/>
    </row>
    <row r="322384" spans="8:8">
      <c r="H322384" s="12"/>
    </row>
    <row r="322385" spans="8:8">
      <c r="H322385" s="12"/>
    </row>
    <row r="322386" spans="8:8">
      <c r="H322386" s="12"/>
    </row>
    <row r="322387" spans="8:8">
      <c r="H322387" s="12"/>
    </row>
    <row r="322388" spans="8:8">
      <c r="H322388" s="12"/>
    </row>
    <row r="322389" spans="8:8">
      <c r="H322389" s="12"/>
    </row>
    <row r="322390" spans="8:8">
      <c r="H322390" s="12"/>
    </row>
    <row r="322391" spans="8:8">
      <c r="H322391" s="12"/>
    </row>
    <row r="322392" spans="8:8">
      <c r="H322392" s="12"/>
    </row>
    <row r="322393" spans="8:8">
      <c r="H322393" s="12"/>
    </row>
    <row r="322394" spans="8:8">
      <c r="H322394" s="12"/>
    </row>
    <row r="322395" spans="8:8">
      <c r="H322395" s="12"/>
    </row>
    <row r="322396" spans="8:8">
      <c r="H322396" s="12"/>
    </row>
    <row r="322397" spans="8:8">
      <c r="H322397" s="12"/>
    </row>
    <row r="322398" spans="8:8">
      <c r="H322398" s="12"/>
    </row>
    <row r="322399" spans="8:8">
      <c r="H322399" s="12"/>
    </row>
    <row r="322400" spans="8:8">
      <c r="H322400" s="12"/>
    </row>
    <row r="322401" spans="8:8">
      <c r="H322401" s="12"/>
    </row>
    <row r="322402" spans="8:8">
      <c r="H322402" s="12"/>
    </row>
    <row r="322403" spans="8:8">
      <c r="H322403" s="12"/>
    </row>
    <row r="322404" spans="8:8">
      <c r="H322404" s="12"/>
    </row>
    <row r="322405" spans="8:8">
      <c r="H322405" s="12"/>
    </row>
    <row r="322406" spans="8:8">
      <c r="H322406" s="12"/>
    </row>
    <row r="322407" spans="8:8">
      <c r="H322407" s="12"/>
    </row>
    <row r="322408" spans="8:8">
      <c r="H322408" s="12"/>
    </row>
    <row r="322409" spans="8:8">
      <c r="H322409" s="12"/>
    </row>
    <row r="322410" spans="8:8">
      <c r="H322410" s="12"/>
    </row>
    <row r="322411" spans="8:8">
      <c r="H322411" s="12"/>
    </row>
    <row r="322412" spans="8:8">
      <c r="H322412" s="12"/>
    </row>
    <row r="322413" spans="8:8">
      <c r="H322413" s="12"/>
    </row>
    <row r="322414" spans="8:8">
      <c r="H322414" s="12"/>
    </row>
    <row r="322415" spans="8:8">
      <c r="H322415" s="12"/>
    </row>
    <row r="322416" spans="8:8">
      <c r="H322416" s="12"/>
    </row>
    <row r="322417" spans="8:8">
      <c r="H322417" s="12"/>
    </row>
    <row r="322418" spans="8:8">
      <c r="H322418" s="12"/>
    </row>
    <row r="322419" spans="8:8">
      <c r="H322419" s="12"/>
    </row>
    <row r="322420" spans="8:8">
      <c r="H322420" s="12"/>
    </row>
    <row r="322421" spans="8:8">
      <c r="H322421" s="12"/>
    </row>
    <row r="322422" spans="8:8">
      <c r="H322422" s="12"/>
    </row>
    <row r="322423" spans="8:8">
      <c r="H322423" s="12"/>
    </row>
    <row r="322424" spans="8:8">
      <c r="H322424" s="12"/>
    </row>
    <row r="322425" spans="8:8">
      <c r="H322425" s="12"/>
    </row>
    <row r="322426" spans="8:8">
      <c r="H322426" s="12"/>
    </row>
    <row r="322427" spans="8:8">
      <c r="H322427" s="12"/>
    </row>
    <row r="322428" spans="8:8">
      <c r="H322428" s="12"/>
    </row>
    <row r="322429" spans="8:8">
      <c r="H322429" s="12"/>
    </row>
    <row r="322430" spans="8:8">
      <c r="H322430" s="12"/>
    </row>
    <row r="322431" spans="8:8">
      <c r="H322431" s="12"/>
    </row>
    <row r="322432" spans="8:8">
      <c r="H322432" s="12"/>
    </row>
    <row r="322433" spans="8:8">
      <c r="H322433" s="12"/>
    </row>
    <row r="322434" spans="8:8">
      <c r="H322434" s="12"/>
    </row>
    <row r="322435" spans="8:8">
      <c r="H322435" s="12"/>
    </row>
    <row r="322436" spans="8:8">
      <c r="H322436" s="12"/>
    </row>
    <row r="322437" spans="8:8">
      <c r="H322437" s="12"/>
    </row>
    <row r="322438" spans="8:8">
      <c r="H322438" s="12"/>
    </row>
    <row r="322439" spans="8:8">
      <c r="H322439" s="12"/>
    </row>
    <row r="322440" spans="8:8">
      <c r="H322440" s="12"/>
    </row>
    <row r="322441" spans="8:8">
      <c r="H322441" s="12"/>
    </row>
    <row r="322442" spans="8:8">
      <c r="H322442" s="12"/>
    </row>
    <row r="322443" spans="8:8">
      <c r="H322443" s="12"/>
    </row>
    <row r="322444" spans="8:8">
      <c r="H322444" s="12"/>
    </row>
    <row r="322445" spans="8:8">
      <c r="H322445" s="12"/>
    </row>
    <row r="322446" spans="8:8">
      <c r="H322446" s="12"/>
    </row>
    <row r="322447" spans="8:8">
      <c r="H322447" s="12"/>
    </row>
    <row r="322448" spans="8:8">
      <c r="H322448" s="12"/>
    </row>
    <row r="322449" spans="8:8">
      <c r="H322449" s="12"/>
    </row>
    <row r="322450" spans="8:8">
      <c r="H322450" s="12"/>
    </row>
    <row r="322451" spans="8:8">
      <c r="H322451" s="12"/>
    </row>
    <row r="322452" spans="8:8">
      <c r="H322452" s="12"/>
    </row>
    <row r="322453" spans="8:8">
      <c r="H322453" s="12"/>
    </row>
    <row r="322454" spans="8:8">
      <c r="H322454" s="12"/>
    </row>
    <row r="322455" spans="8:8">
      <c r="H322455" s="12"/>
    </row>
    <row r="322456" spans="8:8">
      <c r="H322456" s="12"/>
    </row>
    <row r="322457" spans="8:8">
      <c r="H322457" s="12"/>
    </row>
    <row r="322458" spans="8:8">
      <c r="H322458" s="12"/>
    </row>
    <row r="322459" spans="8:8">
      <c r="H322459" s="12"/>
    </row>
    <row r="322460" spans="8:8">
      <c r="H322460" s="12"/>
    </row>
    <row r="322461" spans="8:8">
      <c r="H322461" s="12"/>
    </row>
    <row r="322462" spans="8:8">
      <c r="H322462" s="12"/>
    </row>
    <row r="322463" spans="8:8">
      <c r="H322463" s="12"/>
    </row>
    <row r="322464" spans="8:8">
      <c r="H322464" s="12"/>
    </row>
    <row r="322465" spans="8:8">
      <c r="H322465" s="12"/>
    </row>
    <row r="322466" spans="8:8">
      <c r="H322466" s="12"/>
    </row>
    <row r="322467" spans="8:8">
      <c r="H322467" s="12"/>
    </row>
    <row r="322468" spans="8:8">
      <c r="H322468" s="12"/>
    </row>
    <row r="322469" spans="8:8">
      <c r="H322469" s="12"/>
    </row>
    <row r="322470" spans="8:8">
      <c r="H322470" s="12"/>
    </row>
    <row r="322471" spans="8:8">
      <c r="H322471" s="12"/>
    </row>
    <row r="322472" spans="8:8">
      <c r="H322472" s="12"/>
    </row>
    <row r="322473" spans="8:8">
      <c r="H322473" s="12"/>
    </row>
    <row r="322474" spans="8:8">
      <c r="H322474" s="12"/>
    </row>
    <row r="322475" spans="8:8">
      <c r="H322475" s="12"/>
    </row>
    <row r="322476" spans="8:8">
      <c r="H322476" s="12"/>
    </row>
    <row r="322477" spans="8:8">
      <c r="H322477" s="12"/>
    </row>
    <row r="322478" spans="8:8">
      <c r="H322478" s="12"/>
    </row>
    <row r="322479" spans="8:8">
      <c r="H322479" s="12"/>
    </row>
    <row r="322480" spans="8:8">
      <c r="H322480" s="12"/>
    </row>
    <row r="322481" spans="8:8">
      <c r="H322481" s="12"/>
    </row>
    <row r="322482" spans="8:8">
      <c r="H322482" s="12"/>
    </row>
    <row r="322483" spans="8:8">
      <c r="H322483" s="12"/>
    </row>
    <row r="322484" spans="8:8">
      <c r="H322484" s="12"/>
    </row>
    <row r="322485" spans="8:8">
      <c r="H322485" s="12"/>
    </row>
    <row r="322486" spans="8:8">
      <c r="H322486" s="12"/>
    </row>
    <row r="322487" spans="8:8">
      <c r="H322487" s="12"/>
    </row>
    <row r="322488" spans="8:8">
      <c r="H322488" s="12"/>
    </row>
    <row r="322489" spans="8:8">
      <c r="H322489" s="12"/>
    </row>
    <row r="322490" spans="8:8">
      <c r="H322490" s="12"/>
    </row>
    <row r="322491" spans="8:8">
      <c r="H322491" s="12"/>
    </row>
    <row r="322492" spans="8:8">
      <c r="H322492" s="12"/>
    </row>
    <row r="322493" spans="8:8">
      <c r="H322493" s="12"/>
    </row>
    <row r="322494" spans="8:8">
      <c r="H322494" s="12"/>
    </row>
    <row r="322495" spans="8:8">
      <c r="H322495" s="12"/>
    </row>
    <row r="322496" spans="8:8">
      <c r="H322496" s="12"/>
    </row>
    <row r="322497" spans="8:8">
      <c r="H322497" s="12"/>
    </row>
    <row r="322498" spans="8:8">
      <c r="H322498" s="12"/>
    </row>
    <row r="322499" spans="8:8">
      <c r="H322499" s="12"/>
    </row>
    <row r="322500" spans="8:8">
      <c r="H322500" s="12"/>
    </row>
    <row r="322501" spans="8:8">
      <c r="H322501" s="12"/>
    </row>
    <row r="322502" spans="8:8">
      <c r="H322502" s="12"/>
    </row>
    <row r="322503" spans="8:8">
      <c r="H322503" s="12"/>
    </row>
    <row r="322504" spans="8:8">
      <c r="H322504" s="12"/>
    </row>
    <row r="322505" spans="8:8">
      <c r="H322505" s="12"/>
    </row>
    <row r="322506" spans="8:8">
      <c r="H322506" s="12"/>
    </row>
    <row r="322507" spans="8:8">
      <c r="H322507" s="12"/>
    </row>
    <row r="322508" spans="8:8">
      <c r="H322508" s="12"/>
    </row>
    <row r="322509" spans="8:8">
      <c r="H322509" s="12"/>
    </row>
    <row r="322510" spans="8:8">
      <c r="H322510" s="12"/>
    </row>
    <row r="322511" spans="8:8">
      <c r="H322511" s="12"/>
    </row>
    <row r="322512" spans="8:8">
      <c r="H322512" s="12"/>
    </row>
    <row r="322513" spans="8:8">
      <c r="H322513" s="12"/>
    </row>
    <row r="322514" spans="8:8">
      <c r="H322514" s="12"/>
    </row>
    <row r="322515" spans="8:8">
      <c r="H322515" s="12"/>
    </row>
    <row r="322516" spans="8:8">
      <c r="H322516" s="12"/>
    </row>
    <row r="322517" spans="8:8">
      <c r="H322517" s="12"/>
    </row>
    <row r="322518" spans="8:8">
      <c r="H322518" s="12"/>
    </row>
    <row r="322519" spans="8:8">
      <c r="H322519" s="12"/>
    </row>
    <row r="322520" spans="8:8">
      <c r="H322520" s="12"/>
    </row>
    <row r="322521" spans="8:8">
      <c r="H322521" s="12"/>
    </row>
    <row r="322522" spans="8:8">
      <c r="H322522" s="12"/>
    </row>
    <row r="322523" spans="8:8">
      <c r="H322523" s="12"/>
    </row>
    <row r="322524" spans="8:8">
      <c r="H322524" s="12"/>
    </row>
    <row r="322525" spans="8:8">
      <c r="H322525" s="12"/>
    </row>
    <row r="322526" spans="8:8">
      <c r="H322526" s="12"/>
    </row>
    <row r="322527" spans="8:8">
      <c r="H322527" s="12"/>
    </row>
    <row r="322528" spans="8:8">
      <c r="H322528" s="12"/>
    </row>
    <row r="322529" spans="8:8">
      <c r="H322529" s="12"/>
    </row>
    <row r="322530" spans="8:8">
      <c r="H322530" s="12"/>
    </row>
    <row r="322531" spans="8:8">
      <c r="H322531" s="12"/>
    </row>
    <row r="322532" spans="8:8">
      <c r="H322532" s="12"/>
    </row>
    <row r="322533" spans="8:8">
      <c r="H322533" s="12"/>
    </row>
    <row r="322534" spans="8:8">
      <c r="H322534" s="12"/>
    </row>
    <row r="322535" spans="8:8">
      <c r="H322535" s="12"/>
    </row>
    <row r="322536" spans="8:8">
      <c r="H322536" s="12"/>
    </row>
    <row r="322537" spans="8:8">
      <c r="H322537" s="12"/>
    </row>
    <row r="322538" spans="8:8">
      <c r="H322538" s="12"/>
    </row>
    <row r="322539" spans="8:8">
      <c r="H322539" s="12"/>
    </row>
    <row r="322540" spans="8:8">
      <c r="H322540" s="12"/>
    </row>
    <row r="322541" spans="8:8">
      <c r="H322541" s="12"/>
    </row>
    <row r="322542" spans="8:8">
      <c r="H322542" s="12"/>
    </row>
    <row r="322543" spans="8:8">
      <c r="H322543" s="12"/>
    </row>
    <row r="322544" spans="8:8">
      <c r="H322544" s="12"/>
    </row>
    <row r="322545" spans="8:8">
      <c r="H322545" s="12"/>
    </row>
    <row r="322546" spans="8:8">
      <c r="H322546" s="12"/>
    </row>
    <row r="322547" spans="8:8">
      <c r="H322547" s="12"/>
    </row>
    <row r="322548" spans="8:8">
      <c r="H322548" s="12"/>
    </row>
    <row r="322549" spans="8:8">
      <c r="H322549" s="12"/>
    </row>
    <row r="322550" spans="8:8">
      <c r="H322550" s="12"/>
    </row>
    <row r="322551" spans="8:8">
      <c r="H322551" s="12"/>
    </row>
    <row r="322552" spans="8:8">
      <c r="H322552" s="12"/>
    </row>
    <row r="322553" spans="8:8">
      <c r="H322553" s="12"/>
    </row>
    <row r="322554" spans="8:8">
      <c r="H322554" s="12"/>
    </row>
    <row r="322555" spans="8:8">
      <c r="H322555" s="12"/>
    </row>
    <row r="322556" spans="8:8">
      <c r="H322556" s="12"/>
    </row>
    <row r="322557" spans="8:8">
      <c r="H322557" s="12"/>
    </row>
    <row r="322558" spans="8:8">
      <c r="H322558" s="12"/>
    </row>
    <row r="322559" spans="8:8">
      <c r="H322559" s="12"/>
    </row>
    <row r="322560" spans="8:8">
      <c r="H322560" s="12"/>
    </row>
    <row r="322561" spans="8:8">
      <c r="H322561" s="12"/>
    </row>
    <row r="322562" spans="8:8">
      <c r="H322562" s="12"/>
    </row>
    <row r="322563" spans="8:8">
      <c r="H322563" s="12"/>
    </row>
    <row r="322564" spans="8:8">
      <c r="H322564" s="12"/>
    </row>
    <row r="322565" spans="8:8">
      <c r="H322565" s="12"/>
    </row>
    <row r="322566" spans="8:8">
      <c r="H322566" s="12"/>
    </row>
    <row r="322567" spans="8:8">
      <c r="H322567" s="12"/>
    </row>
    <row r="322568" spans="8:8">
      <c r="H322568" s="12"/>
    </row>
    <row r="322569" spans="8:8">
      <c r="H322569" s="12"/>
    </row>
    <row r="322570" spans="8:8">
      <c r="H322570" s="12"/>
    </row>
    <row r="322571" spans="8:8">
      <c r="H322571" s="12"/>
    </row>
    <row r="322572" spans="8:8">
      <c r="H322572" s="12"/>
    </row>
    <row r="322573" spans="8:8">
      <c r="H322573" s="12"/>
    </row>
    <row r="322574" spans="8:8">
      <c r="H322574" s="12"/>
    </row>
    <row r="322575" spans="8:8">
      <c r="H322575" s="12"/>
    </row>
    <row r="322576" spans="8:8">
      <c r="H322576" s="12"/>
    </row>
    <row r="322577" spans="8:8">
      <c r="H322577" s="12"/>
    </row>
    <row r="322578" spans="8:8">
      <c r="H322578" s="12"/>
    </row>
    <row r="322579" spans="8:8">
      <c r="H322579" s="12"/>
    </row>
    <row r="322580" spans="8:8">
      <c r="H322580" s="12"/>
    </row>
    <row r="322581" spans="8:8">
      <c r="H322581" s="12"/>
    </row>
    <row r="322582" spans="8:8">
      <c r="H322582" s="12"/>
    </row>
    <row r="322583" spans="8:8">
      <c r="H322583" s="12"/>
    </row>
    <row r="322584" spans="8:8">
      <c r="H322584" s="12"/>
    </row>
    <row r="322585" spans="8:8">
      <c r="H322585" s="12"/>
    </row>
    <row r="322586" spans="8:8">
      <c r="H322586" s="12"/>
    </row>
    <row r="322587" spans="8:8">
      <c r="H322587" s="12"/>
    </row>
    <row r="322588" spans="8:8">
      <c r="H322588" s="12"/>
    </row>
    <row r="322589" spans="8:8">
      <c r="H322589" s="12"/>
    </row>
    <row r="322590" spans="8:8">
      <c r="H322590" s="12"/>
    </row>
    <row r="322591" spans="8:8">
      <c r="H322591" s="12"/>
    </row>
    <row r="322592" spans="8:8">
      <c r="H322592" s="12"/>
    </row>
    <row r="322593" spans="8:8">
      <c r="H322593" s="12"/>
    </row>
    <row r="322594" spans="8:8">
      <c r="H322594" s="12"/>
    </row>
    <row r="322595" spans="8:8">
      <c r="H322595" s="12"/>
    </row>
    <row r="322596" spans="8:8">
      <c r="H322596" s="12"/>
    </row>
    <row r="322597" spans="8:8">
      <c r="H322597" s="12"/>
    </row>
    <row r="322598" spans="8:8">
      <c r="H322598" s="12"/>
    </row>
    <row r="322599" spans="8:8">
      <c r="H322599" s="12"/>
    </row>
    <row r="322600" spans="8:8">
      <c r="H322600" s="12"/>
    </row>
    <row r="322601" spans="8:8">
      <c r="H322601" s="12"/>
    </row>
    <row r="322602" spans="8:8">
      <c r="H322602" s="12"/>
    </row>
    <row r="322603" spans="8:8">
      <c r="H322603" s="12"/>
    </row>
    <row r="322604" spans="8:8">
      <c r="H322604" s="12"/>
    </row>
    <row r="322605" spans="8:8">
      <c r="H322605" s="12"/>
    </row>
    <row r="322606" spans="8:8">
      <c r="H322606" s="12"/>
    </row>
    <row r="322607" spans="8:8">
      <c r="H322607" s="12"/>
    </row>
    <row r="322608" spans="8:8">
      <c r="H322608" s="12"/>
    </row>
    <row r="322609" spans="8:8">
      <c r="H322609" s="12"/>
    </row>
    <row r="322610" spans="8:8">
      <c r="H322610" s="12"/>
    </row>
    <row r="322611" spans="8:8">
      <c r="H322611" s="12"/>
    </row>
    <row r="322612" spans="8:8">
      <c r="H322612" s="12"/>
    </row>
    <row r="322613" spans="8:8">
      <c r="H322613" s="12"/>
    </row>
    <row r="322614" spans="8:8">
      <c r="H322614" s="12"/>
    </row>
    <row r="322615" spans="8:8">
      <c r="H322615" s="12"/>
    </row>
    <row r="322616" spans="8:8">
      <c r="H322616" s="12"/>
    </row>
    <row r="322617" spans="8:8">
      <c r="H322617" s="12"/>
    </row>
    <row r="322618" spans="8:8">
      <c r="H322618" s="12"/>
    </row>
    <row r="322619" spans="8:8">
      <c r="H322619" s="12"/>
    </row>
    <row r="322620" spans="8:8">
      <c r="H322620" s="12"/>
    </row>
    <row r="322621" spans="8:8">
      <c r="H322621" s="12"/>
    </row>
    <row r="322622" spans="8:8">
      <c r="H322622" s="12"/>
    </row>
    <row r="322623" spans="8:8">
      <c r="H322623" s="12"/>
    </row>
    <row r="322624" spans="8:8">
      <c r="H322624" s="12"/>
    </row>
    <row r="322625" spans="8:8">
      <c r="H322625" s="12"/>
    </row>
    <row r="322626" spans="8:8">
      <c r="H322626" s="12"/>
    </row>
    <row r="322627" spans="8:8">
      <c r="H322627" s="12"/>
    </row>
    <row r="322628" spans="8:8">
      <c r="H322628" s="12"/>
    </row>
    <row r="322629" spans="8:8">
      <c r="H322629" s="12"/>
    </row>
    <row r="322630" spans="8:8">
      <c r="H322630" s="12"/>
    </row>
    <row r="322631" spans="8:8">
      <c r="H322631" s="12"/>
    </row>
    <row r="322632" spans="8:8">
      <c r="H322632" s="12"/>
    </row>
    <row r="322633" spans="8:8">
      <c r="H322633" s="12"/>
    </row>
    <row r="322634" spans="8:8">
      <c r="H322634" s="12"/>
    </row>
    <row r="322635" spans="8:8">
      <c r="H322635" s="12"/>
    </row>
    <row r="322636" spans="8:8">
      <c r="H322636" s="12"/>
    </row>
    <row r="322637" spans="8:8">
      <c r="H322637" s="12"/>
    </row>
    <row r="322638" spans="8:8">
      <c r="H322638" s="12"/>
    </row>
    <row r="322639" spans="8:8">
      <c r="H322639" s="12"/>
    </row>
    <row r="322640" spans="8:8">
      <c r="H322640" s="12"/>
    </row>
    <row r="322641" spans="8:8">
      <c r="H322641" s="12"/>
    </row>
    <row r="322642" spans="8:8">
      <c r="H322642" s="12"/>
    </row>
    <row r="322643" spans="8:8">
      <c r="H322643" s="12"/>
    </row>
    <row r="322644" spans="8:8">
      <c r="H322644" s="12"/>
    </row>
    <row r="322645" spans="8:8">
      <c r="H322645" s="12"/>
    </row>
    <row r="322646" spans="8:8">
      <c r="H322646" s="12"/>
    </row>
    <row r="322647" spans="8:8">
      <c r="H322647" s="12"/>
    </row>
    <row r="322648" spans="8:8">
      <c r="H322648" s="12"/>
    </row>
    <row r="322649" spans="8:8">
      <c r="H322649" s="12"/>
    </row>
    <row r="322650" spans="8:8">
      <c r="H322650" s="12"/>
    </row>
    <row r="322651" spans="8:8">
      <c r="H322651" s="12"/>
    </row>
    <row r="322652" spans="8:8">
      <c r="H322652" s="12"/>
    </row>
    <row r="322653" spans="8:8">
      <c r="H322653" s="12"/>
    </row>
    <row r="322654" spans="8:8">
      <c r="H322654" s="12"/>
    </row>
    <row r="322655" spans="8:8">
      <c r="H322655" s="12"/>
    </row>
    <row r="322656" spans="8:8">
      <c r="H322656" s="12"/>
    </row>
    <row r="322657" spans="8:8">
      <c r="H322657" s="12"/>
    </row>
    <row r="322658" spans="8:8">
      <c r="H322658" s="12"/>
    </row>
    <row r="322659" spans="8:8">
      <c r="H322659" s="12"/>
    </row>
    <row r="322660" spans="8:8">
      <c r="H322660" s="12"/>
    </row>
    <row r="322661" spans="8:8">
      <c r="H322661" s="12"/>
    </row>
    <row r="322662" spans="8:8">
      <c r="H322662" s="12"/>
    </row>
    <row r="322663" spans="8:8">
      <c r="H322663" s="12"/>
    </row>
    <row r="322664" spans="8:8">
      <c r="H322664" s="12"/>
    </row>
    <row r="322665" spans="8:8">
      <c r="H322665" s="12"/>
    </row>
    <row r="322666" spans="8:8">
      <c r="H322666" s="12"/>
    </row>
    <row r="322667" spans="8:8">
      <c r="H322667" s="12"/>
    </row>
    <row r="322668" spans="8:8">
      <c r="H322668" s="12"/>
    </row>
    <row r="322669" spans="8:8">
      <c r="H322669" s="12"/>
    </row>
    <row r="322670" spans="8:8">
      <c r="H322670" s="12"/>
    </row>
    <row r="322671" spans="8:8">
      <c r="H322671" s="12"/>
    </row>
    <row r="322672" spans="8:8">
      <c r="H322672" s="12"/>
    </row>
    <row r="322673" spans="8:8">
      <c r="H322673" s="12"/>
    </row>
    <row r="322674" spans="8:8">
      <c r="H322674" s="12"/>
    </row>
    <row r="322675" spans="8:8">
      <c r="H322675" s="12"/>
    </row>
    <row r="322676" spans="8:8">
      <c r="H322676" s="12"/>
    </row>
    <row r="322677" spans="8:8">
      <c r="H322677" s="12"/>
    </row>
    <row r="322678" spans="8:8">
      <c r="H322678" s="12"/>
    </row>
    <row r="322679" spans="8:8">
      <c r="H322679" s="12"/>
    </row>
    <row r="322680" spans="8:8">
      <c r="H322680" s="12"/>
    </row>
    <row r="322681" spans="8:8">
      <c r="H322681" s="12"/>
    </row>
    <row r="322682" spans="8:8">
      <c r="H322682" s="12"/>
    </row>
    <row r="322683" spans="8:8">
      <c r="H322683" s="12"/>
    </row>
    <row r="322684" spans="8:8">
      <c r="H322684" s="12"/>
    </row>
    <row r="322685" spans="8:8">
      <c r="H322685" s="12"/>
    </row>
    <row r="322686" spans="8:8">
      <c r="H322686" s="12"/>
    </row>
    <row r="322687" spans="8:8">
      <c r="H322687" s="12"/>
    </row>
    <row r="322688" spans="8:8">
      <c r="H322688" s="12"/>
    </row>
    <row r="322689" spans="8:8">
      <c r="H322689" s="12"/>
    </row>
    <row r="322690" spans="8:8">
      <c r="H322690" s="12"/>
    </row>
    <row r="322691" spans="8:8">
      <c r="H322691" s="12"/>
    </row>
    <row r="322692" spans="8:8">
      <c r="H322692" s="12"/>
    </row>
    <row r="322693" spans="8:8">
      <c r="H322693" s="12"/>
    </row>
    <row r="322694" spans="8:8">
      <c r="H322694" s="12"/>
    </row>
    <row r="322695" spans="8:8">
      <c r="H322695" s="12"/>
    </row>
    <row r="322696" spans="8:8">
      <c r="H322696" s="12"/>
    </row>
    <row r="322697" spans="8:8">
      <c r="H322697" s="12"/>
    </row>
    <row r="322698" spans="8:8">
      <c r="H322698" s="12"/>
    </row>
    <row r="322699" spans="8:8">
      <c r="H322699" s="12"/>
    </row>
    <row r="322700" spans="8:8">
      <c r="H322700" s="12"/>
    </row>
    <row r="322701" spans="8:8">
      <c r="H322701" s="12"/>
    </row>
    <row r="322702" spans="8:8">
      <c r="H322702" s="12"/>
    </row>
    <row r="322703" spans="8:8">
      <c r="H322703" s="12"/>
    </row>
    <row r="322704" spans="8:8">
      <c r="H322704" s="12"/>
    </row>
    <row r="322705" spans="8:8">
      <c r="H322705" s="12"/>
    </row>
    <row r="322706" spans="8:8">
      <c r="H322706" s="12"/>
    </row>
    <row r="322707" spans="8:8">
      <c r="H322707" s="12"/>
    </row>
    <row r="322708" spans="8:8">
      <c r="H322708" s="12"/>
    </row>
    <row r="322709" spans="8:8">
      <c r="H322709" s="12"/>
    </row>
    <row r="322710" spans="8:8">
      <c r="H322710" s="12"/>
    </row>
    <row r="322711" spans="8:8">
      <c r="H322711" s="12"/>
    </row>
    <row r="322712" spans="8:8">
      <c r="H322712" s="12"/>
    </row>
    <row r="322713" spans="8:8">
      <c r="H322713" s="12"/>
    </row>
    <row r="322714" spans="8:8">
      <c r="H322714" s="12"/>
    </row>
    <row r="322715" spans="8:8">
      <c r="H322715" s="12"/>
    </row>
    <row r="322716" spans="8:8">
      <c r="H322716" s="12"/>
    </row>
    <row r="322717" spans="8:8">
      <c r="H322717" s="12"/>
    </row>
    <row r="322718" spans="8:8">
      <c r="H322718" s="12"/>
    </row>
    <row r="322719" spans="8:8">
      <c r="H322719" s="12"/>
    </row>
    <row r="322720" spans="8:8">
      <c r="H322720" s="12"/>
    </row>
    <row r="322721" spans="8:8">
      <c r="H322721" s="12"/>
    </row>
    <row r="322722" spans="8:8">
      <c r="H322722" s="12"/>
    </row>
    <row r="322723" spans="8:8">
      <c r="H322723" s="12"/>
    </row>
    <row r="322724" spans="8:8">
      <c r="H322724" s="12"/>
    </row>
    <row r="322725" spans="8:8">
      <c r="H322725" s="12"/>
    </row>
    <row r="322726" spans="8:8">
      <c r="H322726" s="12"/>
    </row>
    <row r="322727" spans="8:8">
      <c r="H322727" s="12"/>
    </row>
    <row r="322728" spans="8:8">
      <c r="H322728" s="12"/>
    </row>
    <row r="322729" spans="8:8">
      <c r="H322729" s="12"/>
    </row>
    <row r="322730" spans="8:8">
      <c r="H322730" s="12"/>
    </row>
    <row r="322731" spans="8:8">
      <c r="H322731" s="12"/>
    </row>
    <row r="322732" spans="8:8">
      <c r="H322732" s="12"/>
    </row>
    <row r="322733" spans="8:8">
      <c r="H322733" s="12"/>
    </row>
    <row r="322734" spans="8:8">
      <c r="H322734" s="12"/>
    </row>
    <row r="322735" spans="8:8">
      <c r="H322735" s="12"/>
    </row>
    <row r="322736" spans="8:8">
      <c r="H322736" s="12"/>
    </row>
    <row r="322737" spans="8:8">
      <c r="H322737" s="12"/>
    </row>
    <row r="322738" spans="8:8">
      <c r="H322738" s="12"/>
    </row>
    <row r="322739" spans="8:8">
      <c r="H322739" s="12"/>
    </row>
    <row r="322740" spans="8:8">
      <c r="H322740" s="12"/>
    </row>
    <row r="322741" spans="8:8">
      <c r="H322741" s="12"/>
    </row>
    <row r="322742" spans="8:8">
      <c r="H322742" s="12"/>
    </row>
    <row r="322743" spans="8:8">
      <c r="H322743" s="12"/>
    </row>
    <row r="322744" spans="8:8">
      <c r="H322744" s="12"/>
    </row>
    <row r="322745" spans="8:8">
      <c r="H322745" s="12"/>
    </row>
    <row r="322746" spans="8:8">
      <c r="H322746" s="12"/>
    </row>
    <row r="322747" spans="8:8">
      <c r="H322747" s="12"/>
    </row>
    <row r="322748" spans="8:8">
      <c r="H322748" s="12"/>
    </row>
    <row r="322749" spans="8:8">
      <c r="H322749" s="12"/>
    </row>
    <row r="322750" spans="8:8">
      <c r="H322750" s="12"/>
    </row>
    <row r="322751" spans="8:8">
      <c r="H322751" s="12"/>
    </row>
    <row r="322752" spans="8:8">
      <c r="H322752" s="12"/>
    </row>
    <row r="322753" spans="8:8">
      <c r="H322753" s="12"/>
    </row>
    <row r="322754" spans="8:8">
      <c r="H322754" s="12"/>
    </row>
    <row r="322755" spans="8:8">
      <c r="H322755" s="12"/>
    </row>
    <row r="322756" spans="8:8">
      <c r="H322756" s="12"/>
    </row>
    <row r="322757" spans="8:8">
      <c r="H322757" s="12"/>
    </row>
    <row r="322758" spans="8:8">
      <c r="H322758" s="12"/>
    </row>
    <row r="322759" spans="8:8">
      <c r="H322759" s="12"/>
    </row>
    <row r="322760" spans="8:8">
      <c r="H322760" s="12"/>
    </row>
    <row r="322761" spans="8:8">
      <c r="H322761" s="12"/>
    </row>
    <row r="322762" spans="8:8">
      <c r="H322762" s="12"/>
    </row>
    <row r="322763" spans="8:8">
      <c r="H322763" s="12"/>
    </row>
    <row r="322764" spans="8:8">
      <c r="H322764" s="12"/>
    </row>
    <row r="322765" spans="8:8">
      <c r="H322765" s="12"/>
    </row>
    <row r="322766" spans="8:8">
      <c r="H322766" s="12"/>
    </row>
    <row r="322767" spans="8:8">
      <c r="H322767" s="12"/>
    </row>
    <row r="322768" spans="8:8">
      <c r="H322768" s="12"/>
    </row>
    <row r="322769" spans="8:8">
      <c r="H322769" s="12"/>
    </row>
    <row r="322770" spans="8:8">
      <c r="H322770" s="12"/>
    </row>
    <row r="322771" spans="8:8">
      <c r="H322771" s="12"/>
    </row>
    <row r="322772" spans="8:8">
      <c r="H322772" s="12"/>
    </row>
    <row r="322773" spans="8:8">
      <c r="H322773" s="12"/>
    </row>
    <row r="322774" spans="8:8">
      <c r="H322774" s="12"/>
    </row>
    <row r="322775" spans="8:8">
      <c r="H322775" s="12"/>
    </row>
    <row r="322776" spans="8:8">
      <c r="H322776" s="12"/>
    </row>
    <row r="322777" spans="8:8">
      <c r="H322777" s="12"/>
    </row>
    <row r="322778" spans="8:8">
      <c r="H322778" s="12"/>
    </row>
    <row r="322779" spans="8:8">
      <c r="H322779" s="12"/>
    </row>
    <row r="322780" spans="8:8">
      <c r="H322780" s="12"/>
    </row>
    <row r="322781" spans="8:8">
      <c r="H322781" s="12"/>
    </row>
    <row r="322782" spans="8:8">
      <c r="H322782" s="12"/>
    </row>
    <row r="322783" spans="8:8">
      <c r="H322783" s="12"/>
    </row>
    <row r="322784" spans="8:8">
      <c r="H322784" s="12"/>
    </row>
    <row r="322785" spans="8:8">
      <c r="H322785" s="12"/>
    </row>
    <row r="322786" spans="8:8">
      <c r="H322786" s="12"/>
    </row>
    <row r="322787" spans="8:8">
      <c r="H322787" s="12"/>
    </row>
    <row r="322788" spans="8:8">
      <c r="H322788" s="12"/>
    </row>
    <row r="322789" spans="8:8">
      <c r="H322789" s="12"/>
    </row>
    <row r="322790" spans="8:8">
      <c r="H322790" s="12"/>
    </row>
    <row r="322791" spans="8:8">
      <c r="H322791" s="12"/>
    </row>
    <row r="322792" spans="8:8">
      <c r="H322792" s="12"/>
    </row>
    <row r="322793" spans="8:8">
      <c r="H322793" s="12"/>
    </row>
    <row r="322794" spans="8:8">
      <c r="H322794" s="12"/>
    </row>
    <row r="322795" spans="8:8">
      <c r="H322795" s="12"/>
    </row>
    <row r="322796" spans="8:8">
      <c r="H322796" s="12"/>
    </row>
    <row r="322797" spans="8:8">
      <c r="H322797" s="12"/>
    </row>
    <row r="322798" spans="8:8">
      <c r="H322798" s="12"/>
    </row>
    <row r="322799" spans="8:8">
      <c r="H322799" s="12"/>
    </row>
    <row r="322800" spans="8:8">
      <c r="H322800" s="12"/>
    </row>
    <row r="322801" spans="8:8">
      <c r="H322801" s="12"/>
    </row>
    <row r="322802" spans="8:8">
      <c r="H322802" s="12"/>
    </row>
    <row r="322803" spans="8:8">
      <c r="H322803" s="12"/>
    </row>
    <row r="322804" spans="8:8">
      <c r="H322804" s="12"/>
    </row>
    <row r="322805" spans="8:8">
      <c r="H322805" s="12"/>
    </row>
    <row r="322806" spans="8:8">
      <c r="H322806" s="12"/>
    </row>
    <row r="322807" spans="8:8">
      <c r="H322807" s="12"/>
    </row>
    <row r="322808" spans="8:8">
      <c r="H322808" s="12"/>
    </row>
    <row r="322809" spans="8:8">
      <c r="H322809" s="12"/>
    </row>
    <row r="322810" spans="8:8">
      <c r="H322810" s="12"/>
    </row>
    <row r="322811" spans="8:8">
      <c r="H322811" s="12"/>
    </row>
    <row r="322812" spans="8:8">
      <c r="H322812" s="12"/>
    </row>
    <row r="322813" spans="8:8">
      <c r="H322813" s="12"/>
    </row>
    <row r="322814" spans="8:8">
      <c r="H322814" s="12"/>
    </row>
    <row r="322815" spans="8:8">
      <c r="H322815" s="12"/>
    </row>
    <row r="322816" spans="8:8">
      <c r="H322816" s="12"/>
    </row>
    <row r="322817" spans="8:8">
      <c r="H322817" s="12"/>
    </row>
    <row r="322818" spans="8:8">
      <c r="H322818" s="12"/>
    </row>
    <row r="322819" spans="8:8">
      <c r="H322819" s="12"/>
    </row>
    <row r="322820" spans="8:8">
      <c r="H322820" s="12"/>
    </row>
    <row r="322821" spans="8:8">
      <c r="H322821" s="12"/>
    </row>
    <row r="322822" spans="8:8">
      <c r="H322822" s="12"/>
    </row>
    <row r="322823" spans="8:8">
      <c r="H322823" s="12"/>
    </row>
    <row r="322824" spans="8:8">
      <c r="H322824" s="12"/>
    </row>
    <row r="322825" spans="8:8">
      <c r="H322825" s="12"/>
    </row>
    <row r="322826" spans="8:8">
      <c r="H322826" s="12"/>
    </row>
    <row r="322827" spans="8:8">
      <c r="H322827" s="12"/>
    </row>
    <row r="322828" spans="8:8">
      <c r="H322828" s="12"/>
    </row>
    <row r="322829" spans="8:8">
      <c r="H322829" s="12"/>
    </row>
    <row r="322830" spans="8:8">
      <c r="H322830" s="12"/>
    </row>
    <row r="322831" spans="8:8">
      <c r="H322831" s="12"/>
    </row>
    <row r="322832" spans="8:8">
      <c r="H322832" s="12"/>
    </row>
    <row r="322833" spans="8:8">
      <c r="H322833" s="12"/>
    </row>
    <row r="322834" spans="8:8">
      <c r="H322834" s="12"/>
    </row>
    <row r="322835" spans="8:8">
      <c r="H322835" s="12"/>
    </row>
    <row r="322836" spans="8:8">
      <c r="H322836" s="12"/>
    </row>
    <row r="322837" spans="8:8">
      <c r="H322837" s="12"/>
    </row>
    <row r="322838" spans="8:8">
      <c r="H322838" s="12"/>
    </row>
    <row r="322839" spans="8:8">
      <c r="H322839" s="12"/>
    </row>
    <row r="322840" spans="8:8">
      <c r="H322840" s="12"/>
    </row>
    <row r="322841" spans="8:8">
      <c r="H322841" s="12"/>
    </row>
    <row r="322842" spans="8:8">
      <c r="H322842" s="12"/>
    </row>
    <row r="322843" spans="8:8">
      <c r="H322843" s="12"/>
    </row>
    <row r="322844" spans="8:8">
      <c r="H322844" s="12"/>
    </row>
    <row r="322845" spans="8:8">
      <c r="H322845" s="12"/>
    </row>
    <row r="322846" spans="8:8">
      <c r="H322846" s="12"/>
    </row>
    <row r="322847" spans="8:8">
      <c r="H322847" s="12"/>
    </row>
    <row r="322848" spans="8:8">
      <c r="H322848" s="12"/>
    </row>
    <row r="322849" spans="8:8">
      <c r="H322849" s="12"/>
    </row>
    <row r="322850" spans="8:8">
      <c r="H322850" s="12"/>
    </row>
    <row r="322851" spans="8:8">
      <c r="H322851" s="12"/>
    </row>
    <row r="322852" spans="8:8">
      <c r="H322852" s="12"/>
    </row>
    <row r="322853" spans="8:8">
      <c r="H322853" s="12"/>
    </row>
    <row r="322854" spans="8:8">
      <c r="H322854" s="12"/>
    </row>
    <row r="322855" spans="8:8">
      <c r="H322855" s="12"/>
    </row>
    <row r="322856" spans="8:8">
      <c r="H322856" s="12"/>
    </row>
    <row r="322857" spans="8:8">
      <c r="H322857" s="12"/>
    </row>
    <row r="322858" spans="8:8">
      <c r="H322858" s="12"/>
    </row>
    <row r="322859" spans="8:8">
      <c r="H322859" s="12"/>
    </row>
    <row r="322860" spans="8:8">
      <c r="H322860" s="12"/>
    </row>
    <row r="322861" spans="8:8">
      <c r="H322861" s="12"/>
    </row>
    <row r="322862" spans="8:8">
      <c r="H322862" s="12"/>
    </row>
    <row r="322863" spans="8:8">
      <c r="H322863" s="12"/>
    </row>
    <row r="322864" spans="8:8">
      <c r="H322864" s="12"/>
    </row>
    <row r="322865" spans="8:8">
      <c r="H322865" s="12"/>
    </row>
    <row r="322866" spans="8:8">
      <c r="H322866" s="12"/>
    </row>
    <row r="322867" spans="8:8">
      <c r="H322867" s="12"/>
    </row>
    <row r="322868" spans="8:8">
      <c r="H322868" s="12"/>
    </row>
    <row r="322869" spans="8:8">
      <c r="H322869" s="12"/>
    </row>
    <row r="322870" spans="8:8">
      <c r="H322870" s="12"/>
    </row>
    <row r="322871" spans="8:8">
      <c r="H322871" s="12"/>
    </row>
    <row r="322872" spans="8:8">
      <c r="H322872" s="12"/>
    </row>
    <row r="322873" spans="8:8">
      <c r="H322873" s="12"/>
    </row>
    <row r="322874" spans="8:8">
      <c r="H322874" s="12"/>
    </row>
    <row r="322875" spans="8:8">
      <c r="H322875" s="12"/>
    </row>
    <row r="322876" spans="8:8">
      <c r="H322876" s="12"/>
    </row>
    <row r="322877" spans="8:8">
      <c r="H322877" s="12"/>
    </row>
    <row r="322878" spans="8:8">
      <c r="H322878" s="12"/>
    </row>
    <row r="322879" spans="8:8">
      <c r="H322879" s="12"/>
    </row>
    <row r="322880" spans="8:8">
      <c r="H322880" s="12"/>
    </row>
    <row r="322881" spans="8:8">
      <c r="H322881" s="12"/>
    </row>
    <row r="322882" spans="8:8">
      <c r="H322882" s="12"/>
    </row>
    <row r="322883" spans="8:8">
      <c r="H322883" s="12"/>
    </row>
    <row r="322884" spans="8:8">
      <c r="H322884" s="12"/>
    </row>
    <row r="322885" spans="8:8">
      <c r="H322885" s="12"/>
    </row>
    <row r="322886" spans="8:8">
      <c r="H322886" s="12"/>
    </row>
    <row r="322887" spans="8:8">
      <c r="H322887" s="12"/>
    </row>
    <row r="322888" spans="8:8">
      <c r="H322888" s="12"/>
    </row>
    <row r="322889" spans="8:8">
      <c r="H322889" s="12"/>
    </row>
    <row r="322890" spans="8:8">
      <c r="H322890" s="12"/>
    </row>
    <row r="322891" spans="8:8">
      <c r="H322891" s="12"/>
    </row>
    <row r="322892" spans="8:8">
      <c r="H322892" s="12"/>
    </row>
    <row r="322893" spans="8:8">
      <c r="H322893" s="12"/>
    </row>
    <row r="322894" spans="8:8">
      <c r="H322894" s="12"/>
    </row>
    <row r="322895" spans="8:8">
      <c r="H322895" s="12"/>
    </row>
    <row r="322896" spans="8:8">
      <c r="H322896" s="12"/>
    </row>
    <row r="322897" spans="8:8">
      <c r="H322897" s="12"/>
    </row>
    <row r="322898" spans="8:8">
      <c r="H322898" s="12"/>
    </row>
    <row r="322899" spans="8:8">
      <c r="H322899" s="12"/>
    </row>
    <row r="322900" spans="8:8">
      <c r="H322900" s="12"/>
    </row>
    <row r="322901" spans="8:8">
      <c r="H322901" s="12"/>
    </row>
    <row r="322902" spans="8:8">
      <c r="H322902" s="12"/>
    </row>
    <row r="322903" spans="8:8">
      <c r="H322903" s="12"/>
    </row>
    <row r="322904" spans="8:8">
      <c r="H322904" s="12"/>
    </row>
    <row r="322905" spans="8:8">
      <c r="H322905" s="12"/>
    </row>
    <row r="322906" spans="8:8">
      <c r="H322906" s="12"/>
    </row>
    <row r="322907" spans="8:8">
      <c r="H322907" s="12"/>
    </row>
    <row r="322908" spans="8:8">
      <c r="H322908" s="12"/>
    </row>
    <row r="322909" spans="8:8">
      <c r="H322909" s="12"/>
    </row>
    <row r="322910" spans="8:8">
      <c r="H322910" s="12"/>
    </row>
    <row r="322911" spans="8:8">
      <c r="H322911" s="12"/>
    </row>
    <row r="322912" spans="8:8">
      <c r="H322912" s="12"/>
    </row>
    <row r="322913" spans="8:8">
      <c r="H322913" s="12"/>
    </row>
    <row r="322914" spans="8:8">
      <c r="H322914" s="12"/>
    </row>
    <row r="322915" spans="8:8">
      <c r="H322915" s="12"/>
    </row>
    <row r="322916" spans="8:8">
      <c r="H322916" s="12"/>
    </row>
    <row r="322917" spans="8:8">
      <c r="H322917" s="12"/>
    </row>
    <row r="322918" spans="8:8">
      <c r="H322918" s="12"/>
    </row>
    <row r="322919" spans="8:8">
      <c r="H322919" s="12"/>
    </row>
    <row r="322920" spans="8:8">
      <c r="H322920" s="12"/>
    </row>
    <row r="322921" spans="8:8">
      <c r="H322921" s="12"/>
    </row>
    <row r="322922" spans="8:8">
      <c r="H322922" s="12"/>
    </row>
    <row r="322923" spans="8:8">
      <c r="H322923" s="12"/>
    </row>
    <row r="322924" spans="8:8">
      <c r="H322924" s="12"/>
    </row>
    <row r="322925" spans="8:8">
      <c r="H322925" s="12"/>
    </row>
    <row r="322926" spans="8:8">
      <c r="H322926" s="12"/>
    </row>
    <row r="322927" spans="8:8">
      <c r="H322927" s="12"/>
    </row>
    <row r="322928" spans="8:8">
      <c r="H322928" s="12"/>
    </row>
    <row r="322929" spans="8:8">
      <c r="H322929" s="12"/>
    </row>
    <row r="322930" spans="8:8">
      <c r="H322930" s="12"/>
    </row>
    <row r="322931" spans="8:8">
      <c r="H322931" s="12"/>
    </row>
    <row r="322932" spans="8:8">
      <c r="H322932" s="12"/>
    </row>
    <row r="322933" spans="8:8">
      <c r="H322933" s="12"/>
    </row>
    <row r="322934" spans="8:8">
      <c r="H322934" s="12"/>
    </row>
    <row r="322935" spans="8:8">
      <c r="H322935" s="12"/>
    </row>
    <row r="322936" spans="8:8">
      <c r="H322936" s="12"/>
    </row>
    <row r="322937" spans="8:8">
      <c r="H322937" s="12"/>
    </row>
    <row r="322938" spans="8:8">
      <c r="H322938" s="12"/>
    </row>
    <row r="322939" spans="8:8">
      <c r="H322939" s="12"/>
    </row>
    <row r="322940" spans="8:8">
      <c r="H322940" s="12"/>
    </row>
    <row r="322941" spans="8:8">
      <c r="H322941" s="12"/>
    </row>
    <row r="322942" spans="8:8">
      <c r="H322942" s="12"/>
    </row>
    <row r="322943" spans="8:8">
      <c r="H322943" s="12"/>
    </row>
    <row r="322944" spans="8:8">
      <c r="H322944" s="12"/>
    </row>
    <row r="322945" spans="8:8">
      <c r="H322945" s="12"/>
    </row>
    <row r="322946" spans="8:8">
      <c r="H322946" s="12"/>
    </row>
    <row r="322947" spans="8:8">
      <c r="H322947" s="12"/>
    </row>
    <row r="322948" spans="8:8">
      <c r="H322948" s="12"/>
    </row>
    <row r="322949" spans="8:8">
      <c r="H322949" s="12"/>
    </row>
    <row r="322950" spans="8:8">
      <c r="H322950" s="12"/>
    </row>
    <row r="322951" spans="8:8">
      <c r="H322951" s="12"/>
    </row>
    <row r="322952" spans="8:8">
      <c r="H322952" s="12"/>
    </row>
    <row r="322953" spans="8:8">
      <c r="H322953" s="12"/>
    </row>
    <row r="322954" spans="8:8">
      <c r="H322954" s="12"/>
    </row>
    <row r="322955" spans="8:8">
      <c r="H322955" s="12"/>
    </row>
    <row r="322956" spans="8:8">
      <c r="H322956" s="12"/>
    </row>
    <row r="322957" spans="8:8">
      <c r="H322957" s="12"/>
    </row>
    <row r="322958" spans="8:8">
      <c r="H322958" s="12"/>
    </row>
    <row r="322959" spans="8:8">
      <c r="H322959" s="12"/>
    </row>
    <row r="322960" spans="8:8">
      <c r="H322960" s="12"/>
    </row>
    <row r="322961" spans="8:8">
      <c r="H322961" s="12"/>
    </row>
    <row r="322962" spans="8:8">
      <c r="H322962" s="12"/>
    </row>
    <row r="322963" spans="8:8">
      <c r="H322963" s="12"/>
    </row>
    <row r="322964" spans="8:8">
      <c r="H322964" s="12"/>
    </row>
    <row r="322965" spans="8:8">
      <c r="H322965" s="12"/>
    </row>
    <row r="322966" spans="8:8">
      <c r="H322966" s="12"/>
    </row>
    <row r="322967" spans="8:8">
      <c r="H322967" s="12"/>
    </row>
    <row r="322968" spans="8:8">
      <c r="H322968" s="12"/>
    </row>
    <row r="322969" spans="8:8">
      <c r="H322969" s="12"/>
    </row>
    <row r="322970" spans="8:8">
      <c r="H322970" s="12"/>
    </row>
    <row r="322971" spans="8:8">
      <c r="H322971" s="12"/>
    </row>
    <row r="322972" spans="8:8">
      <c r="H322972" s="12"/>
    </row>
    <row r="322973" spans="8:8">
      <c r="H322973" s="12"/>
    </row>
    <row r="322974" spans="8:8">
      <c r="H322974" s="12"/>
    </row>
    <row r="322975" spans="8:8">
      <c r="H322975" s="12"/>
    </row>
    <row r="322976" spans="8:8">
      <c r="H322976" s="12"/>
    </row>
    <row r="322977" spans="8:8">
      <c r="H322977" s="12"/>
    </row>
    <row r="322978" spans="8:8">
      <c r="H322978" s="12"/>
    </row>
    <row r="322979" spans="8:8">
      <c r="H322979" s="12"/>
    </row>
    <row r="322980" spans="8:8">
      <c r="H322980" s="12"/>
    </row>
    <row r="322981" spans="8:8">
      <c r="H322981" s="12"/>
    </row>
    <row r="322982" spans="8:8">
      <c r="H322982" s="12"/>
    </row>
    <row r="322983" spans="8:8">
      <c r="H322983" s="12"/>
    </row>
    <row r="322984" spans="8:8">
      <c r="H322984" s="12"/>
    </row>
    <row r="322985" spans="8:8">
      <c r="H322985" s="12"/>
    </row>
    <row r="322986" spans="8:8">
      <c r="H322986" s="12"/>
    </row>
    <row r="322987" spans="8:8">
      <c r="H322987" s="12"/>
    </row>
    <row r="322988" spans="8:8">
      <c r="H322988" s="12"/>
    </row>
    <row r="322989" spans="8:8">
      <c r="H322989" s="12"/>
    </row>
    <row r="322990" spans="8:8">
      <c r="H322990" s="12"/>
    </row>
    <row r="322991" spans="8:8">
      <c r="H322991" s="12"/>
    </row>
    <row r="322992" spans="8:8">
      <c r="H322992" s="12"/>
    </row>
    <row r="322993" spans="8:8">
      <c r="H322993" s="12"/>
    </row>
    <row r="322994" spans="8:8">
      <c r="H322994" s="12"/>
    </row>
    <row r="322995" spans="8:8">
      <c r="H322995" s="12"/>
    </row>
    <row r="322996" spans="8:8">
      <c r="H322996" s="12"/>
    </row>
    <row r="322997" spans="8:8">
      <c r="H322997" s="12"/>
    </row>
    <row r="322998" spans="8:8">
      <c r="H322998" s="12"/>
    </row>
    <row r="322999" spans="8:8">
      <c r="H322999" s="12"/>
    </row>
    <row r="323000" spans="8:8">
      <c r="H323000" s="12"/>
    </row>
    <row r="323001" spans="8:8">
      <c r="H323001" s="12"/>
    </row>
    <row r="323002" spans="8:8">
      <c r="H323002" s="12"/>
    </row>
    <row r="323003" spans="8:8">
      <c r="H323003" s="12"/>
    </row>
    <row r="323004" spans="8:8">
      <c r="H323004" s="12"/>
    </row>
    <row r="323005" spans="8:8">
      <c r="H323005" s="12"/>
    </row>
    <row r="323006" spans="8:8">
      <c r="H323006" s="12"/>
    </row>
    <row r="323007" spans="8:8">
      <c r="H323007" s="12"/>
    </row>
    <row r="323008" spans="8:8">
      <c r="H323008" s="12"/>
    </row>
    <row r="323009" spans="8:8">
      <c r="H323009" s="12"/>
    </row>
    <row r="323010" spans="8:8">
      <c r="H323010" s="12"/>
    </row>
    <row r="323011" spans="8:8">
      <c r="H323011" s="12"/>
    </row>
    <row r="323012" spans="8:8">
      <c r="H323012" s="12"/>
    </row>
    <row r="323013" spans="8:8">
      <c r="H323013" s="12"/>
    </row>
    <row r="323014" spans="8:8">
      <c r="H323014" s="12"/>
    </row>
    <row r="323015" spans="8:8">
      <c r="H323015" s="12"/>
    </row>
    <row r="323016" spans="8:8">
      <c r="H323016" s="12"/>
    </row>
    <row r="323017" spans="8:8">
      <c r="H323017" s="12"/>
    </row>
    <row r="323018" spans="8:8">
      <c r="H323018" s="12"/>
    </row>
    <row r="323019" spans="8:8">
      <c r="H323019" s="12"/>
    </row>
    <row r="323020" spans="8:8">
      <c r="H323020" s="12"/>
    </row>
    <row r="323021" spans="8:8">
      <c r="H323021" s="12"/>
    </row>
    <row r="323022" spans="8:8">
      <c r="H323022" s="12"/>
    </row>
    <row r="323023" spans="8:8">
      <c r="H323023" s="12"/>
    </row>
    <row r="323024" spans="8:8">
      <c r="H323024" s="12"/>
    </row>
    <row r="323025" spans="8:8">
      <c r="H323025" s="12"/>
    </row>
    <row r="323026" spans="8:8">
      <c r="H323026" s="12"/>
    </row>
    <row r="323027" spans="8:8">
      <c r="H323027" s="12"/>
    </row>
    <row r="323028" spans="8:8">
      <c r="H323028" s="12"/>
    </row>
    <row r="323029" spans="8:8">
      <c r="H323029" s="12"/>
    </row>
    <row r="323030" spans="8:8">
      <c r="H323030" s="12"/>
    </row>
    <row r="323031" spans="8:8">
      <c r="H323031" s="12"/>
    </row>
    <row r="323032" spans="8:8">
      <c r="H323032" s="12"/>
    </row>
    <row r="323033" spans="8:8">
      <c r="H323033" s="12"/>
    </row>
    <row r="323034" spans="8:8">
      <c r="H323034" s="12"/>
    </row>
    <row r="323035" spans="8:8">
      <c r="H323035" s="12"/>
    </row>
    <row r="323036" spans="8:8">
      <c r="H323036" s="12"/>
    </row>
    <row r="323037" spans="8:8">
      <c r="H323037" s="12"/>
    </row>
    <row r="323038" spans="8:8">
      <c r="H323038" s="12"/>
    </row>
    <row r="323039" spans="8:8">
      <c r="H323039" s="12"/>
    </row>
    <row r="323040" spans="8:8">
      <c r="H323040" s="12"/>
    </row>
    <row r="323041" spans="8:8">
      <c r="H323041" s="12"/>
    </row>
    <row r="323042" spans="8:8">
      <c r="H323042" s="12"/>
    </row>
    <row r="323043" spans="8:8">
      <c r="H323043" s="12"/>
    </row>
    <row r="323044" spans="8:8">
      <c r="H323044" s="12"/>
    </row>
    <row r="323045" spans="8:8">
      <c r="H323045" s="12"/>
    </row>
    <row r="323046" spans="8:8">
      <c r="H323046" s="12"/>
    </row>
    <row r="323047" spans="8:8">
      <c r="H323047" s="12"/>
    </row>
    <row r="323048" spans="8:8">
      <c r="H323048" s="12"/>
    </row>
    <row r="323049" spans="8:8">
      <c r="H323049" s="12"/>
    </row>
    <row r="323050" spans="8:8">
      <c r="H323050" s="12"/>
    </row>
    <row r="323051" spans="8:8">
      <c r="H323051" s="12"/>
    </row>
    <row r="323052" spans="8:8">
      <c r="H323052" s="12"/>
    </row>
    <row r="323053" spans="8:8">
      <c r="H323053" s="12"/>
    </row>
    <row r="323054" spans="8:8">
      <c r="H323054" s="12"/>
    </row>
    <row r="323055" spans="8:8">
      <c r="H323055" s="12"/>
    </row>
    <row r="323056" spans="8:8">
      <c r="H323056" s="12"/>
    </row>
    <row r="323057" spans="8:8">
      <c r="H323057" s="12"/>
    </row>
    <row r="323058" spans="8:8">
      <c r="H323058" s="12"/>
    </row>
    <row r="323059" spans="8:8">
      <c r="H323059" s="12"/>
    </row>
    <row r="323060" spans="8:8">
      <c r="H323060" s="12"/>
    </row>
    <row r="323061" spans="8:8">
      <c r="H323061" s="12"/>
    </row>
    <row r="323062" spans="8:8">
      <c r="H323062" s="12"/>
    </row>
    <row r="323063" spans="8:8">
      <c r="H323063" s="12"/>
    </row>
    <row r="323064" spans="8:8">
      <c r="H323064" s="12"/>
    </row>
    <row r="323065" spans="8:8">
      <c r="H323065" s="12"/>
    </row>
    <row r="323066" spans="8:8">
      <c r="H323066" s="12"/>
    </row>
    <row r="323067" spans="8:8">
      <c r="H323067" s="12"/>
    </row>
    <row r="323068" spans="8:8">
      <c r="H323068" s="12"/>
    </row>
    <row r="323069" spans="8:8">
      <c r="H323069" s="12"/>
    </row>
    <row r="323070" spans="8:8">
      <c r="H323070" s="12"/>
    </row>
    <row r="323071" spans="8:8">
      <c r="H323071" s="12"/>
    </row>
    <row r="323072" spans="8:8">
      <c r="H323072" s="12"/>
    </row>
    <row r="323073" spans="8:8">
      <c r="H323073" s="12"/>
    </row>
    <row r="323074" spans="8:8">
      <c r="H323074" s="12"/>
    </row>
    <row r="323075" spans="8:8">
      <c r="H323075" s="12"/>
    </row>
    <row r="323076" spans="8:8">
      <c r="H323076" s="12"/>
    </row>
    <row r="323077" spans="8:8">
      <c r="H323077" s="12"/>
    </row>
    <row r="323078" spans="8:8">
      <c r="H323078" s="12"/>
    </row>
    <row r="323079" spans="8:8">
      <c r="H323079" s="12"/>
    </row>
    <row r="323080" spans="8:8">
      <c r="H323080" s="12"/>
    </row>
    <row r="323081" spans="8:8">
      <c r="H323081" s="12"/>
    </row>
    <row r="323082" spans="8:8">
      <c r="H323082" s="12"/>
    </row>
    <row r="323083" spans="8:8">
      <c r="H323083" s="12"/>
    </row>
    <row r="323084" spans="8:8">
      <c r="H323084" s="12"/>
    </row>
    <row r="323085" spans="8:8">
      <c r="H323085" s="12"/>
    </row>
    <row r="323086" spans="8:8">
      <c r="H323086" s="12"/>
    </row>
    <row r="323087" spans="8:8">
      <c r="H323087" s="12"/>
    </row>
    <row r="323088" spans="8:8">
      <c r="H323088" s="12"/>
    </row>
    <row r="323089" spans="8:8">
      <c r="H323089" s="12"/>
    </row>
    <row r="323090" spans="8:8">
      <c r="H323090" s="12"/>
    </row>
    <row r="323091" spans="8:8">
      <c r="H323091" s="12"/>
    </row>
    <row r="323092" spans="8:8">
      <c r="H323092" s="12"/>
    </row>
    <row r="323093" spans="8:8">
      <c r="H323093" s="12"/>
    </row>
    <row r="323094" spans="8:8">
      <c r="H323094" s="12"/>
    </row>
    <row r="323095" spans="8:8">
      <c r="H323095" s="12"/>
    </row>
    <row r="323096" spans="8:8">
      <c r="H323096" s="12"/>
    </row>
    <row r="323097" spans="8:8">
      <c r="H323097" s="12"/>
    </row>
    <row r="323098" spans="8:8">
      <c r="H323098" s="12"/>
    </row>
    <row r="323099" spans="8:8">
      <c r="H323099" s="12"/>
    </row>
    <row r="323100" spans="8:8">
      <c r="H323100" s="12"/>
    </row>
    <row r="323101" spans="8:8">
      <c r="H323101" s="12"/>
    </row>
    <row r="323102" spans="8:8">
      <c r="H323102" s="12"/>
    </row>
    <row r="323103" spans="8:8">
      <c r="H323103" s="12"/>
    </row>
    <row r="323104" spans="8:8">
      <c r="H323104" s="12"/>
    </row>
    <row r="323105" spans="8:8">
      <c r="H323105" s="12"/>
    </row>
    <row r="323106" spans="8:8">
      <c r="H323106" s="12"/>
    </row>
    <row r="323107" spans="8:8">
      <c r="H323107" s="12"/>
    </row>
    <row r="323108" spans="8:8">
      <c r="H323108" s="12"/>
    </row>
    <row r="323109" spans="8:8">
      <c r="H323109" s="12"/>
    </row>
    <row r="323110" spans="8:8">
      <c r="H323110" s="12"/>
    </row>
    <row r="323111" spans="8:8">
      <c r="H323111" s="12"/>
    </row>
    <row r="323112" spans="8:8">
      <c r="H323112" s="12"/>
    </row>
    <row r="323113" spans="8:8">
      <c r="H323113" s="12"/>
    </row>
    <row r="323114" spans="8:8">
      <c r="H323114" s="12"/>
    </row>
    <row r="323115" spans="8:8">
      <c r="H323115" s="12"/>
    </row>
    <row r="323116" spans="8:8">
      <c r="H323116" s="12"/>
    </row>
    <row r="323117" spans="8:8">
      <c r="H323117" s="12"/>
    </row>
    <row r="323118" spans="8:8">
      <c r="H323118" s="12"/>
    </row>
    <row r="323119" spans="8:8">
      <c r="H323119" s="12"/>
    </row>
    <row r="323120" spans="8:8">
      <c r="H323120" s="12"/>
    </row>
    <row r="323121" spans="8:8">
      <c r="H323121" s="12"/>
    </row>
    <row r="323122" spans="8:8">
      <c r="H323122" s="12"/>
    </row>
    <row r="323123" spans="8:8">
      <c r="H323123" s="12"/>
    </row>
    <row r="323124" spans="8:8">
      <c r="H323124" s="12"/>
    </row>
    <row r="323125" spans="8:8">
      <c r="H323125" s="12"/>
    </row>
    <row r="323126" spans="8:8">
      <c r="H323126" s="12"/>
    </row>
    <row r="323127" spans="8:8">
      <c r="H323127" s="12"/>
    </row>
    <row r="323128" spans="8:8">
      <c r="H323128" s="12"/>
    </row>
    <row r="323129" spans="8:8">
      <c r="H323129" s="12"/>
    </row>
    <row r="323130" spans="8:8">
      <c r="H323130" s="12"/>
    </row>
    <row r="323131" spans="8:8">
      <c r="H323131" s="12"/>
    </row>
    <row r="323132" spans="8:8">
      <c r="H323132" s="12"/>
    </row>
    <row r="323133" spans="8:8">
      <c r="H323133" s="12"/>
    </row>
    <row r="323134" spans="8:8">
      <c r="H323134" s="12"/>
    </row>
    <row r="323135" spans="8:8">
      <c r="H323135" s="12"/>
    </row>
    <row r="323136" spans="8:8">
      <c r="H323136" s="12"/>
    </row>
    <row r="323137" spans="8:8">
      <c r="H323137" s="12"/>
    </row>
    <row r="323138" spans="8:8">
      <c r="H323138" s="12"/>
    </row>
    <row r="323139" spans="8:8">
      <c r="H323139" s="12"/>
    </row>
    <row r="323140" spans="8:8">
      <c r="H323140" s="12"/>
    </row>
    <row r="323141" spans="8:8">
      <c r="H323141" s="12"/>
    </row>
    <row r="323142" spans="8:8">
      <c r="H323142" s="12"/>
    </row>
    <row r="323143" spans="8:8">
      <c r="H323143" s="12"/>
    </row>
    <row r="323144" spans="8:8">
      <c r="H323144" s="12"/>
    </row>
    <row r="323145" spans="8:8">
      <c r="H323145" s="12"/>
    </row>
    <row r="323146" spans="8:8">
      <c r="H323146" s="12"/>
    </row>
    <row r="323147" spans="8:8">
      <c r="H323147" s="12"/>
    </row>
    <row r="323148" spans="8:8">
      <c r="H323148" s="12"/>
    </row>
    <row r="323149" spans="8:8">
      <c r="H323149" s="12"/>
    </row>
    <row r="323150" spans="8:8">
      <c r="H323150" s="12"/>
    </row>
    <row r="323151" spans="8:8">
      <c r="H323151" s="12"/>
    </row>
    <row r="323152" spans="8:8">
      <c r="H323152" s="12"/>
    </row>
    <row r="323153" spans="8:8">
      <c r="H323153" s="12"/>
    </row>
    <row r="323154" spans="8:8">
      <c r="H323154" s="12"/>
    </row>
    <row r="323155" spans="8:8">
      <c r="H323155" s="12"/>
    </row>
    <row r="323156" spans="8:8">
      <c r="H323156" s="12"/>
    </row>
    <row r="323157" spans="8:8">
      <c r="H323157" s="12"/>
    </row>
    <row r="323158" spans="8:8">
      <c r="H323158" s="12"/>
    </row>
    <row r="323159" spans="8:8">
      <c r="H323159" s="12"/>
    </row>
    <row r="323160" spans="8:8">
      <c r="H323160" s="12"/>
    </row>
    <row r="323161" spans="8:8">
      <c r="H323161" s="12"/>
    </row>
    <row r="323162" spans="8:8">
      <c r="H323162" s="12"/>
    </row>
    <row r="323163" spans="8:8">
      <c r="H323163" s="12"/>
    </row>
    <row r="323164" spans="8:8">
      <c r="H323164" s="12"/>
    </row>
    <row r="323165" spans="8:8">
      <c r="H323165" s="12"/>
    </row>
    <row r="323166" spans="8:8">
      <c r="H323166" s="12"/>
    </row>
    <row r="323167" spans="8:8">
      <c r="H323167" s="12"/>
    </row>
    <row r="323168" spans="8:8">
      <c r="H323168" s="12"/>
    </row>
    <row r="323169" spans="8:8">
      <c r="H323169" s="12"/>
    </row>
    <row r="323170" spans="8:8">
      <c r="H323170" s="12"/>
    </row>
    <row r="323171" spans="8:8">
      <c r="H323171" s="12"/>
    </row>
    <row r="323172" spans="8:8">
      <c r="H323172" s="12"/>
    </row>
    <row r="323173" spans="8:8">
      <c r="H323173" s="12"/>
    </row>
    <row r="323174" spans="8:8">
      <c r="H323174" s="12"/>
    </row>
    <row r="323175" spans="8:8">
      <c r="H323175" s="12"/>
    </row>
    <row r="323176" spans="8:8">
      <c r="H323176" s="12"/>
    </row>
    <row r="323177" spans="8:8">
      <c r="H323177" s="12"/>
    </row>
    <row r="323178" spans="8:8">
      <c r="H323178" s="12"/>
    </row>
    <row r="323179" spans="8:8">
      <c r="H323179" s="12"/>
    </row>
    <row r="323180" spans="8:8">
      <c r="H323180" s="12"/>
    </row>
    <row r="323181" spans="8:8">
      <c r="H323181" s="12"/>
    </row>
    <row r="323182" spans="8:8">
      <c r="H323182" s="12"/>
    </row>
    <row r="323183" spans="8:8">
      <c r="H323183" s="12"/>
    </row>
    <row r="323184" spans="8:8">
      <c r="H323184" s="12"/>
    </row>
    <row r="323185" spans="8:8">
      <c r="H323185" s="12"/>
    </row>
    <row r="323186" spans="8:8">
      <c r="H323186" s="12"/>
    </row>
    <row r="323187" spans="8:8">
      <c r="H323187" s="12"/>
    </row>
    <row r="323188" spans="8:8">
      <c r="H323188" s="12"/>
    </row>
    <row r="323189" spans="8:8">
      <c r="H323189" s="12"/>
    </row>
    <row r="323190" spans="8:8">
      <c r="H323190" s="12"/>
    </row>
    <row r="323191" spans="8:8">
      <c r="H323191" s="12"/>
    </row>
    <row r="323192" spans="8:8">
      <c r="H323192" s="12"/>
    </row>
    <row r="323193" spans="8:8">
      <c r="H323193" s="12"/>
    </row>
    <row r="323194" spans="8:8">
      <c r="H323194" s="12"/>
    </row>
    <row r="323195" spans="8:8">
      <c r="H323195" s="12"/>
    </row>
    <row r="323196" spans="8:8">
      <c r="H323196" s="12"/>
    </row>
    <row r="323197" spans="8:8">
      <c r="H323197" s="12"/>
    </row>
    <row r="323198" spans="8:8">
      <c r="H323198" s="12"/>
    </row>
    <row r="323199" spans="8:8">
      <c r="H323199" s="12"/>
    </row>
    <row r="323200" spans="8:8">
      <c r="H323200" s="12"/>
    </row>
    <row r="323201" spans="8:8">
      <c r="H323201" s="12"/>
    </row>
    <row r="323202" spans="8:8">
      <c r="H323202" s="12"/>
    </row>
    <row r="323203" spans="8:8">
      <c r="H323203" s="12"/>
    </row>
    <row r="323204" spans="8:8">
      <c r="H323204" s="12"/>
    </row>
    <row r="323205" spans="8:8">
      <c r="H323205" s="12"/>
    </row>
    <row r="323206" spans="8:8">
      <c r="H323206" s="12"/>
    </row>
    <row r="323207" spans="8:8">
      <c r="H323207" s="12"/>
    </row>
    <row r="323208" spans="8:8">
      <c r="H323208" s="12"/>
    </row>
    <row r="323209" spans="8:8">
      <c r="H323209" s="12"/>
    </row>
    <row r="323210" spans="8:8">
      <c r="H323210" s="12"/>
    </row>
    <row r="323211" spans="8:8">
      <c r="H323211" s="12"/>
    </row>
    <row r="323212" spans="8:8">
      <c r="H323212" s="12"/>
    </row>
    <row r="323213" spans="8:8">
      <c r="H323213" s="12"/>
    </row>
    <row r="323214" spans="8:8">
      <c r="H323214" s="12"/>
    </row>
    <row r="323215" spans="8:8">
      <c r="H323215" s="12"/>
    </row>
    <row r="323216" spans="8:8">
      <c r="H323216" s="12"/>
    </row>
    <row r="323217" spans="8:8">
      <c r="H323217" s="12"/>
    </row>
    <row r="323218" spans="8:8">
      <c r="H323218" s="12"/>
    </row>
    <row r="323219" spans="8:8">
      <c r="H323219" s="12"/>
    </row>
    <row r="323220" spans="8:8">
      <c r="H323220" s="12"/>
    </row>
    <row r="323221" spans="8:8">
      <c r="H323221" s="12"/>
    </row>
    <row r="323222" spans="8:8">
      <c r="H323222" s="12"/>
    </row>
    <row r="323223" spans="8:8">
      <c r="H323223" s="12"/>
    </row>
    <row r="323224" spans="8:8">
      <c r="H323224" s="12"/>
    </row>
    <row r="323225" spans="8:8">
      <c r="H323225" s="12"/>
    </row>
    <row r="323226" spans="8:8">
      <c r="H323226" s="12"/>
    </row>
    <row r="323227" spans="8:8">
      <c r="H323227" s="12"/>
    </row>
    <row r="323228" spans="8:8">
      <c r="H323228" s="12"/>
    </row>
    <row r="323229" spans="8:8">
      <c r="H323229" s="12"/>
    </row>
    <row r="323230" spans="8:8">
      <c r="H323230" s="12"/>
    </row>
    <row r="323231" spans="8:8">
      <c r="H323231" s="12"/>
    </row>
    <row r="323232" spans="8:8">
      <c r="H323232" s="12"/>
    </row>
    <row r="323233" spans="8:8">
      <c r="H323233" s="12"/>
    </row>
    <row r="323234" spans="8:8">
      <c r="H323234" s="12"/>
    </row>
    <row r="323235" spans="8:8">
      <c r="H323235" s="12"/>
    </row>
    <row r="323236" spans="8:8">
      <c r="H323236" s="12"/>
    </row>
    <row r="323237" spans="8:8">
      <c r="H323237" s="12"/>
    </row>
    <row r="323238" spans="8:8">
      <c r="H323238" s="12"/>
    </row>
    <row r="323239" spans="8:8">
      <c r="H323239" s="12"/>
    </row>
    <row r="323240" spans="8:8">
      <c r="H323240" s="12"/>
    </row>
    <row r="323241" spans="8:8">
      <c r="H323241" s="12"/>
    </row>
    <row r="323242" spans="8:8">
      <c r="H323242" s="12"/>
    </row>
    <row r="323243" spans="8:8">
      <c r="H323243" s="12"/>
    </row>
    <row r="323244" spans="8:8">
      <c r="H323244" s="12"/>
    </row>
    <row r="323245" spans="8:8">
      <c r="H323245" s="12"/>
    </row>
    <row r="323246" spans="8:8">
      <c r="H323246" s="12"/>
    </row>
    <row r="323247" spans="8:8">
      <c r="H323247" s="12"/>
    </row>
    <row r="323248" spans="8:8">
      <c r="H323248" s="12"/>
    </row>
    <row r="323249" spans="8:8">
      <c r="H323249" s="12"/>
    </row>
    <row r="323250" spans="8:8">
      <c r="H323250" s="12"/>
    </row>
    <row r="323251" spans="8:8">
      <c r="H323251" s="12"/>
    </row>
    <row r="323252" spans="8:8">
      <c r="H323252" s="12"/>
    </row>
    <row r="323253" spans="8:8">
      <c r="H323253" s="12"/>
    </row>
    <row r="323254" spans="8:8">
      <c r="H323254" s="12"/>
    </row>
    <row r="323255" spans="8:8">
      <c r="H323255" s="12"/>
    </row>
    <row r="323256" spans="8:8">
      <c r="H323256" s="12"/>
    </row>
    <row r="323257" spans="8:8">
      <c r="H323257" s="12"/>
    </row>
    <row r="323258" spans="8:8">
      <c r="H323258" s="12"/>
    </row>
    <row r="323259" spans="8:8">
      <c r="H323259" s="12"/>
    </row>
    <row r="323260" spans="8:8">
      <c r="H323260" s="12"/>
    </row>
    <row r="323261" spans="8:8">
      <c r="H323261" s="12"/>
    </row>
    <row r="323262" spans="8:8">
      <c r="H323262" s="12"/>
    </row>
    <row r="323263" spans="8:8">
      <c r="H323263" s="12"/>
    </row>
    <row r="323264" spans="8:8">
      <c r="H323264" s="12"/>
    </row>
    <row r="323265" spans="8:8">
      <c r="H323265" s="12"/>
    </row>
    <row r="323266" spans="8:8">
      <c r="H323266" s="12"/>
    </row>
    <row r="323267" spans="8:8">
      <c r="H323267" s="12"/>
    </row>
    <row r="323268" spans="8:8">
      <c r="H323268" s="12"/>
    </row>
    <row r="323269" spans="8:8">
      <c r="H323269" s="12"/>
    </row>
    <row r="323270" spans="8:8">
      <c r="H323270" s="12"/>
    </row>
    <row r="323271" spans="8:8">
      <c r="H323271" s="12"/>
    </row>
    <row r="323272" spans="8:8">
      <c r="H323272" s="12"/>
    </row>
    <row r="323273" spans="8:8">
      <c r="H323273" s="12"/>
    </row>
    <row r="323274" spans="8:8">
      <c r="H323274" s="12"/>
    </row>
    <row r="323275" spans="8:8">
      <c r="H323275" s="12"/>
    </row>
    <row r="323276" spans="8:8">
      <c r="H323276" s="12"/>
    </row>
    <row r="323277" spans="8:8">
      <c r="H323277" s="12"/>
    </row>
    <row r="323278" spans="8:8">
      <c r="H323278" s="12"/>
    </row>
    <row r="323279" spans="8:8">
      <c r="H323279" s="12"/>
    </row>
    <row r="323280" spans="8:8">
      <c r="H323280" s="12"/>
    </row>
    <row r="323281" spans="8:8">
      <c r="H323281" s="12"/>
    </row>
    <row r="323282" spans="8:8">
      <c r="H323282" s="12"/>
    </row>
    <row r="323283" spans="8:8">
      <c r="H323283" s="12"/>
    </row>
    <row r="323284" spans="8:8">
      <c r="H323284" s="12"/>
    </row>
    <row r="323285" spans="8:8">
      <c r="H323285" s="12"/>
    </row>
    <row r="323286" spans="8:8">
      <c r="H323286" s="12"/>
    </row>
    <row r="323287" spans="8:8">
      <c r="H323287" s="12"/>
    </row>
    <row r="323288" spans="8:8">
      <c r="H323288" s="12"/>
    </row>
    <row r="323289" spans="8:8">
      <c r="H323289" s="12"/>
    </row>
    <row r="323290" spans="8:8">
      <c r="H323290" s="12"/>
    </row>
    <row r="323291" spans="8:8">
      <c r="H323291" s="12"/>
    </row>
    <row r="323292" spans="8:8">
      <c r="H323292" s="12"/>
    </row>
    <row r="323293" spans="8:8">
      <c r="H323293" s="12"/>
    </row>
    <row r="323294" spans="8:8">
      <c r="H323294" s="12"/>
    </row>
    <row r="323295" spans="8:8">
      <c r="H323295" s="12"/>
    </row>
    <row r="323296" spans="8:8">
      <c r="H323296" s="12"/>
    </row>
    <row r="323297" spans="8:8">
      <c r="H323297" s="12"/>
    </row>
    <row r="323298" spans="8:8">
      <c r="H323298" s="12"/>
    </row>
    <row r="323299" spans="8:8">
      <c r="H323299" s="12"/>
    </row>
    <row r="323300" spans="8:8">
      <c r="H323300" s="12"/>
    </row>
    <row r="323301" spans="8:8">
      <c r="H323301" s="12"/>
    </row>
    <row r="323302" spans="8:8">
      <c r="H323302" s="12"/>
    </row>
    <row r="323303" spans="8:8">
      <c r="H323303" s="12"/>
    </row>
    <row r="323304" spans="8:8">
      <c r="H323304" s="12"/>
    </row>
    <row r="323305" spans="8:8">
      <c r="H323305" s="12"/>
    </row>
    <row r="323306" spans="8:8">
      <c r="H323306" s="12"/>
    </row>
    <row r="323307" spans="8:8">
      <c r="H323307" s="12"/>
    </row>
    <row r="323308" spans="8:8">
      <c r="H323308" s="12"/>
    </row>
    <row r="323309" spans="8:8">
      <c r="H323309" s="12"/>
    </row>
    <row r="323310" spans="8:8">
      <c r="H323310" s="12"/>
    </row>
    <row r="323311" spans="8:8">
      <c r="H323311" s="12"/>
    </row>
    <row r="323312" spans="8:8">
      <c r="H323312" s="12"/>
    </row>
    <row r="323313" spans="8:8">
      <c r="H323313" s="12"/>
    </row>
    <row r="323314" spans="8:8">
      <c r="H323314" s="12"/>
    </row>
    <row r="323315" spans="8:8">
      <c r="H323315" s="12"/>
    </row>
    <row r="323316" spans="8:8">
      <c r="H323316" s="12"/>
    </row>
    <row r="323317" spans="8:8">
      <c r="H323317" s="12"/>
    </row>
    <row r="323318" spans="8:8">
      <c r="H323318" s="12"/>
    </row>
    <row r="323319" spans="8:8">
      <c r="H323319" s="12"/>
    </row>
    <row r="323320" spans="8:8">
      <c r="H323320" s="12"/>
    </row>
    <row r="323321" spans="8:8">
      <c r="H323321" s="12"/>
    </row>
    <row r="323322" spans="8:8">
      <c r="H323322" s="12"/>
    </row>
    <row r="323323" spans="8:8">
      <c r="H323323" s="12"/>
    </row>
    <row r="323324" spans="8:8">
      <c r="H323324" s="12"/>
    </row>
    <row r="323325" spans="8:8">
      <c r="H323325" s="12"/>
    </row>
    <row r="323326" spans="8:8">
      <c r="H323326" s="12"/>
    </row>
    <row r="323327" spans="8:8">
      <c r="H323327" s="12"/>
    </row>
    <row r="323328" spans="8:8">
      <c r="H323328" s="12"/>
    </row>
    <row r="323329" spans="8:8">
      <c r="H323329" s="12"/>
    </row>
    <row r="323330" spans="8:8">
      <c r="H323330" s="12"/>
    </row>
    <row r="323331" spans="8:8">
      <c r="H323331" s="12"/>
    </row>
    <row r="323332" spans="8:8">
      <c r="H323332" s="12"/>
    </row>
    <row r="323333" spans="8:8">
      <c r="H323333" s="12"/>
    </row>
    <row r="323334" spans="8:8">
      <c r="H323334" s="12"/>
    </row>
    <row r="323335" spans="8:8">
      <c r="H323335" s="12"/>
    </row>
    <row r="323336" spans="8:8">
      <c r="H323336" s="12"/>
    </row>
    <row r="323337" spans="8:8">
      <c r="H323337" s="12"/>
    </row>
    <row r="323338" spans="8:8">
      <c r="H323338" s="12"/>
    </row>
    <row r="323339" spans="8:8">
      <c r="H323339" s="12"/>
    </row>
    <row r="323340" spans="8:8">
      <c r="H323340" s="12"/>
    </row>
    <row r="323341" spans="8:8">
      <c r="H323341" s="12"/>
    </row>
    <row r="323342" spans="8:8">
      <c r="H323342" s="12"/>
    </row>
    <row r="323343" spans="8:8">
      <c r="H323343" s="12"/>
    </row>
    <row r="323344" spans="8:8">
      <c r="H323344" s="12"/>
    </row>
    <row r="323345" spans="8:8">
      <c r="H323345" s="12"/>
    </row>
    <row r="323346" spans="8:8">
      <c r="H323346" s="12"/>
    </row>
    <row r="323347" spans="8:8">
      <c r="H323347" s="12"/>
    </row>
    <row r="323348" spans="8:8">
      <c r="H323348" s="12"/>
    </row>
    <row r="323349" spans="8:8">
      <c r="H323349" s="12"/>
    </row>
    <row r="323350" spans="8:8">
      <c r="H323350" s="12"/>
    </row>
    <row r="323351" spans="8:8">
      <c r="H323351" s="12"/>
    </row>
    <row r="323352" spans="8:8">
      <c r="H323352" s="12"/>
    </row>
    <row r="323353" spans="8:8">
      <c r="H323353" s="12"/>
    </row>
    <row r="323354" spans="8:8">
      <c r="H323354" s="12"/>
    </row>
    <row r="323355" spans="8:8">
      <c r="H323355" s="12"/>
    </row>
    <row r="323356" spans="8:8">
      <c r="H323356" s="12"/>
    </row>
    <row r="323357" spans="8:8">
      <c r="H323357" s="12"/>
    </row>
    <row r="323358" spans="8:8">
      <c r="H323358" s="12"/>
    </row>
    <row r="323359" spans="8:8">
      <c r="H323359" s="12"/>
    </row>
    <row r="323360" spans="8:8">
      <c r="H323360" s="12"/>
    </row>
    <row r="323361" spans="8:8">
      <c r="H323361" s="12"/>
    </row>
    <row r="323362" spans="8:8">
      <c r="H323362" s="12"/>
    </row>
    <row r="323363" spans="8:8">
      <c r="H323363" s="12"/>
    </row>
    <row r="323364" spans="8:8">
      <c r="H323364" s="12"/>
    </row>
    <row r="323365" spans="8:8">
      <c r="H323365" s="12"/>
    </row>
    <row r="323366" spans="8:8">
      <c r="H323366" s="12"/>
    </row>
    <row r="323367" spans="8:8">
      <c r="H323367" s="12"/>
    </row>
    <row r="323368" spans="8:8">
      <c r="H323368" s="12"/>
    </row>
    <row r="323369" spans="8:8">
      <c r="H323369" s="12"/>
    </row>
    <row r="323370" spans="8:8">
      <c r="H323370" s="12"/>
    </row>
    <row r="323371" spans="8:8">
      <c r="H323371" s="12"/>
    </row>
    <row r="323372" spans="8:8">
      <c r="H323372" s="12"/>
    </row>
    <row r="323373" spans="8:8">
      <c r="H323373" s="12"/>
    </row>
    <row r="323374" spans="8:8">
      <c r="H323374" s="12"/>
    </row>
    <row r="323375" spans="8:8">
      <c r="H323375" s="12"/>
    </row>
    <row r="323376" spans="8:8">
      <c r="H323376" s="12"/>
    </row>
    <row r="323377" spans="8:8">
      <c r="H323377" s="12"/>
    </row>
    <row r="323378" spans="8:8">
      <c r="H323378" s="12"/>
    </row>
    <row r="323379" spans="8:8">
      <c r="H323379" s="12"/>
    </row>
    <row r="323380" spans="8:8">
      <c r="H323380" s="12"/>
    </row>
    <row r="323381" spans="8:8">
      <c r="H323381" s="12"/>
    </row>
    <row r="323382" spans="8:8">
      <c r="H323382" s="12"/>
    </row>
    <row r="323383" spans="8:8">
      <c r="H323383" s="12"/>
    </row>
    <row r="323384" spans="8:8">
      <c r="H323384" s="12"/>
    </row>
    <row r="323385" spans="8:8">
      <c r="H323385" s="12"/>
    </row>
    <row r="323386" spans="8:8">
      <c r="H323386" s="12"/>
    </row>
    <row r="323387" spans="8:8">
      <c r="H323387" s="12"/>
    </row>
    <row r="323388" spans="8:8">
      <c r="H323388" s="12"/>
    </row>
    <row r="323389" spans="8:8">
      <c r="H323389" s="12"/>
    </row>
    <row r="323390" spans="8:8">
      <c r="H323390" s="12"/>
    </row>
    <row r="323391" spans="8:8">
      <c r="H323391" s="12"/>
    </row>
    <row r="323392" spans="8:8">
      <c r="H323392" s="12"/>
    </row>
    <row r="323393" spans="8:8">
      <c r="H323393" s="12"/>
    </row>
    <row r="323394" spans="8:8">
      <c r="H323394" s="12"/>
    </row>
    <row r="323395" spans="8:8">
      <c r="H323395" s="12"/>
    </row>
    <row r="323396" spans="8:8">
      <c r="H323396" s="12"/>
    </row>
    <row r="323397" spans="8:8">
      <c r="H323397" s="12"/>
    </row>
    <row r="323398" spans="8:8">
      <c r="H323398" s="12"/>
    </row>
    <row r="323399" spans="8:8">
      <c r="H323399" s="12"/>
    </row>
    <row r="323400" spans="8:8">
      <c r="H323400" s="12"/>
    </row>
    <row r="323401" spans="8:8">
      <c r="H323401" s="12"/>
    </row>
    <row r="323402" spans="8:8">
      <c r="H323402" s="12"/>
    </row>
    <row r="323403" spans="8:8">
      <c r="H323403" s="12"/>
    </row>
    <row r="323404" spans="8:8">
      <c r="H323404" s="12"/>
    </row>
    <row r="323405" spans="8:8">
      <c r="H323405" s="12"/>
    </row>
    <row r="323406" spans="8:8">
      <c r="H323406" s="12"/>
    </row>
    <row r="323407" spans="8:8">
      <c r="H323407" s="12"/>
    </row>
    <row r="323408" spans="8:8">
      <c r="H323408" s="12"/>
    </row>
    <row r="323409" spans="8:8">
      <c r="H323409" s="12"/>
    </row>
    <row r="323410" spans="8:8">
      <c r="H323410" s="12"/>
    </row>
    <row r="323411" spans="8:8">
      <c r="H323411" s="12"/>
    </row>
    <row r="323412" spans="8:8">
      <c r="H323412" s="12"/>
    </row>
    <row r="323413" spans="8:8">
      <c r="H323413" s="12"/>
    </row>
    <row r="323414" spans="8:8">
      <c r="H323414" s="12"/>
    </row>
    <row r="323415" spans="8:8">
      <c r="H323415" s="12"/>
    </row>
    <row r="323416" spans="8:8">
      <c r="H323416" s="12"/>
    </row>
    <row r="323417" spans="8:8">
      <c r="H323417" s="12"/>
    </row>
    <row r="323418" spans="8:8">
      <c r="H323418" s="12"/>
    </row>
    <row r="323419" spans="8:8">
      <c r="H323419" s="12"/>
    </row>
    <row r="323420" spans="8:8">
      <c r="H323420" s="12"/>
    </row>
    <row r="323421" spans="8:8">
      <c r="H323421" s="12"/>
    </row>
    <row r="323422" spans="8:8">
      <c r="H323422" s="12"/>
    </row>
    <row r="323423" spans="8:8">
      <c r="H323423" s="12"/>
    </row>
    <row r="323424" spans="8:8">
      <c r="H323424" s="12"/>
    </row>
    <row r="323425" spans="8:8">
      <c r="H323425" s="12"/>
    </row>
    <row r="323426" spans="8:8">
      <c r="H323426" s="12"/>
    </row>
    <row r="323427" spans="8:8">
      <c r="H323427" s="12"/>
    </row>
    <row r="323428" spans="8:8">
      <c r="H323428" s="12"/>
    </row>
    <row r="323429" spans="8:8">
      <c r="H323429" s="12"/>
    </row>
    <row r="323430" spans="8:8">
      <c r="H323430" s="12"/>
    </row>
    <row r="323431" spans="8:8">
      <c r="H323431" s="12"/>
    </row>
    <row r="323432" spans="8:8">
      <c r="H323432" s="12"/>
    </row>
    <row r="323433" spans="8:8">
      <c r="H323433" s="12"/>
    </row>
    <row r="323434" spans="8:8">
      <c r="H323434" s="12"/>
    </row>
    <row r="323435" spans="8:8">
      <c r="H323435" s="12"/>
    </row>
    <row r="323436" spans="8:8">
      <c r="H323436" s="12"/>
    </row>
    <row r="323437" spans="8:8">
      <c r="H323437" s="12"/>
    </row>
    <row r="323438" spans="8:8">
      <c r="H323438" s="12"/>
    </row>
    <row r="323439" spans="8:8">
      <c r="H323439" s="12"/>
    </row>
    <row r="323440" spans="8:8">
      <c r="H323440" s="12"/>
    </row>
    <row r="323441" spans="8:8">
      <c r="H323441" s="12"/>
    </row>
    <row r="323442" spans="8:8">
      <c r="H323442" s="12"/>
    </row>
    <row r="323443" spans="8:8">
      <c r="H323443" s="12"/>
    </row>
    <row r="323444" spans="8:8">
      <c r="H323444" s="12"/>
    </row>
    <row r="323445" spans="8:8">
      <c r="H323445" s="12"/>
    </row>
    <row r="323446" spans="8:8">
      <c r="H323446" s="12"/>
    </row>
    <row r="323447" spans="8:8">
      <c r="H323447" s="12"/>
    </row>
    <row r="323448" spans="8:8">
      <c r="H323448" s="12"/>
    </row>
    <row r="323449" spans="8:8">
      <c r="H323449" s="12"/>
    </row>
    <row r="323450" spans="8:8">
      <c r="H323450" s="12"/>
    </row>
    <row r="323451" spans="8:8">
      <c r="H323451" s="12"/>
    </row>
    <row r="323452" spans="8:8">
      <c r="H323452" s="12"/>
    </row>
    <row r="323453" spans="8:8">
      <c r="H323453" s="12"/>
    </row>
    <row r="323454" spans="8:8">
      <c r="H323454" s="12"/>
    </row>
    <row r="323455" spans="8:8">
      <c r="H323455" s="12"/>
    </row>
    <row r="323456" spans="8:8">
      <c r="H323456" s="12"/>
    </row>
    <row r="323457" spans="8:8">
      <c r="H323457" s="12"/>
    </row>
    <row r="323458" spans="8:8">
      <c r="H323458" s="12"/>
    </row>
    <row r="323459" spans="8:8">
      <c r="H323459" s="12"/>
    </row>
    <row r="323460" spans="8:8">
      <c r="H323460" s="12"/>
    </row>
    <row r="323461" spans="8:8">
      <c r="H323461" s="12"/>
    </row>
    <row r="323462" spans="8:8">
      <c r="H323462" s="12"/>
    </row>
    <row r="323463" spans="8:8">
      <c r="H323463" s="12"/>
    </row>
    <row r="323464" spans="8:8">
      <c r="H323464" s="12"/>
    </row>
    <row r="323465" spans="8:8">
      <c r="H323465" s="12"/>
    </row>
    <row r="323466" spans="8:8">
      <c r="H323466" s="12"/>
    </row>
    <row r="323467" spans="8:8">
      <c r="H323467" s="12"/>
    </row>
    <row r="323468" spans="8:8">
      <c r="H323468" s="12"/>
    </row>
    <row r="323469" spans="8:8">
      <c r="H323469" s="12"/>
    </row>
    <row r="323470" spans="8:8">
      <c r="H323470" s="12"/>
    </row>
    <row r="323471" spans="8:8">
      <c r="H323471" s="12"/>
    </row>
    <row r="323472" spans="8:8">
      <c r="H323472" s="12"/>
    </row>
    <row r="323473" spans="8:8">
      <c r="H323473" s="12"/>
    </row>
    <row r="323474" spans="8:8">
      <c r="H323474" s="12"/>
    </row>
    <row r="323475" spans="8:8">
      <c r="H323475" s="12"/>
    </row>
    <row r="323476" spans="8:8">
      <c r="H323476" s="12"/>
    </row>
    <row r="323477" spans="8:8">
      <c r="H323477" s="12"/>
    </row>
    <row r="323478" spans="8:8">
      <c r="H323478" s="12"/>
    </row>
    <row r="323479" spans="8:8">
      <c r="H323479" s="12"/>
    </row>
    <row r="323480" spans="8:8">
      <c r="H323480" s="12"/>
    </row>
    <row r="323481" spans="8:8">
      <c r="H323481" s="12"/>
    </row>
    <row r="323482" spans="8:8">
      <c r="H323482" s="12"/>
    </row>
    <row r="323483" spans="8:8">
      <c r="H323483" s="12"/>
    </row>
    <row r="323484" spans="8:8">
      <c r="H323484" s="12"/>
    </row>
    <row r="323485" spans="8:8">
      <c r="H323485" s="12"/>
    </row>
    <row r="323486" spans="8:8">
      <c r="H323486" s="12"/>
    </row>
    <row r="323487" spans="8:8">
      <c r="H323487" s="12"/>
    </row>
    <row r="323488" spans="8:8">
      <c r="H323488" s="12"/>
    </row>
    <row r="323489" spans="8:8">
      <c r="H323489" s="12"/>
    </row>
    <row r="323490" spans="8:8">
      <c r="H323490" s="12"/>
    </row>
    <row r="323491" spans="8:8">
      <c r="H323491" s="12"/>
    </row>
    <row r="323492" spans="8:8">
      <c r="H323492" s="12"/>
    </row>
    <row r="323493" spans="8:8">
      <c r="H323493" s="12"/>
    </row>
    <row r="323494" spans="8:8">
      <c r="H323494" s="12"/>
    </row>
    <row r="323495" spans="8:8">
      <c r="H323495" s="12"/>
    </row>
    <row r="323496" spans="8:8">
      <c r="H323496" s="12"/>
    </row>
    <row r="323497" spans="8:8">
      <c r="H323497" s="12"/>
    </row>
    <row r="323498" spans="8:8">
      <c r="H323498" s="12"/>
    </row>
    <row r="323499" spans="8:8">
      <c r="H323499" s="12"/>
    </row>
    <row r="323500" spans="8:8">
      <c r="H323500" s="12"/>
    </row>
    <row r="323501" spans="8:8">
      <c r="H323501" s="12"/>
    </row>
    <row r="323502" spans="8:8">
      <c r="H323502" s="12"/>
    </row>
    <row r="323503" spans="8:8">
      <c r="H323503" s="12"/>
    </row>
    <row r="323504" spans="8:8">
      <c r="H323504" s="12"/>
    </row>
    <row r="323505" spans="8:8">
      <c r="H323505" s="12"/>
    </row>
    <row r="323506" spans="8:8">
      <c r="H323506" s="12"/>
    </row>
    <row r="323507" spans="8:8">
      <c r="H323507" s="12"/>
    </row>
    <row r="323508" spans="8:8">
      <c r="H323508" s="12"/>
    </row>
    <row r="323509" spans="8:8">
      <c r="H323509" s="12"/>
    </row>
    <row r="323510" spans="8:8">
      <c r="H323510" s="12"/>
    </row>
    <row r="323511" spans="8:8">
      <c r="H323511" s="12"/>
    </row>
    <row r="323512" spans="8:8">
      <c r="H323512" s="12"/>
    </row>
    <row r="323513" spans="8:8">
      <c r="H323513" s="12"/>
    </row>
    <row r="323514" spans="8:8">
      <c r="H323514" s="12"/>
    </row>
    <row r="323515" spans="8:8">
      <c r="H323515" s="12"/>
    </row>
    <row r="323516" spans="8:8">
      <c r="H323516" s="12"/>
    </row>
    <row r="323517" spans="8:8">
      <c r="H323517" s="12"/>
    </row>
    <row r="323518" spans="8:8">
      <c r="H323518" s="12"/>
    </row>
    <row r="323519" spans="8:8">
      <c r="H323519" s="12"/>
    </row>
    <row r="323520" spans="8:8">
      <c r="H323520" s="12"/>
    </row>
    <row r="323521" spans="8:8">
      <c r="H323521" s="12"/>
    </row>
    <row r="323522" spans="8:8">
      <c r="H323522" s="12"/>
    </row>
    <row r="323523" spans="8:8">
      <c r="H323523" s="12"/>
    </row>
    <row r="323524" spans="8:8">
      <c r="H323524" s="12"/>
    </row>
    <row r="323525" spans="8:8">
      <c r="H323525" s="12"/>
    </row>
    <row r="323526" spans="8:8">
      <c r="H323526" s="12"/>
    </row>
    <row r="323527" spans="8:8">
      <c r="H323527" s="12"/>
    </row>
    <row r="323528" spans="8:8">
      <c r="H323528" s="12"/>
    </row>
    <row r="323529" spans="8:8">
      <c r="H323529" s="12"/>
    </row>
    <row r="323530" spans="8:8">
      <c r="H323530" s="12"/>
    </row>
    <row r="323531" spans="8:8">
      <c r="H323531" s="12"/>
    </row>
    <row r="323532" spans="8:8">
      <c r="H323532" s="12"/>
    </row>
    <row r="323533" spans="8:8">
      <c r="H323533" s="12"/>
    </row>
    <row r="323534" spans="8:8">
      <c r="H323534" s="12"/>
    </row>
    <row r="323535" spans="8:8">
      <c r="H323535" s="12"/>
    </row>
    <row r="323536" spans="8:8">
      <c r="H323536" s="12"/>
    </row>
    <row r="323537" spans="8:8">
      <c r="H323537" s="12"/>
    </row>
    <row r="323538" spans="8:8">
      <c r="H323538" s="12"/>
    </row>
    <row r="323539" spans="8:8">
      <c r="H323539" s="12"/>
    </row>
    <row r="323540" spans="8:8">
      <c r="H323540" s="12"/>
    </row>
    <row r="323541" spans="8:8">
      <c r="H323541" s="12"/>
    </row>
    <row r="323542" spans="8:8">
      <c r="H323542" s="12"/>
    </row>
    <row r="323543" spans="8:8">
      <c r="H323543" s="12"/>
    </row>
    <row r="323544" spans="8:8">
      <c r="H323544" s="12"/>
    </row>
    <row r="323545" spans="8:8">
      <c r="H323545" s="12"/>
    </row>
    <row r="323546" spans="8:8">
      <c r="H323546" s="12"/>
    </row>
    <row r="323547" spans="8:8">
      <c r="H323547" s="12"/>
    </row>
    <row r="323548" spans="8:8">
      <c r="H323548" s="12"/>
    </row>
    <row r="323549" spans="8:8">
      <c r="H323549" s="12"/>
    </row>
    <row r="323550" spans="8:8">
      <c r="H323550" s="12"/>
    </row>
    <row r="323551" spans="8:8">
      <c r="H323551" s="12"/>
    </row>
    <row r="323552" spans="8:8">
      <c r="H323552" s="12"/>
    </row>
    <row r="323553" spans="8:8">
      <c r="H323553" s="12"/>
    </row>
    <row r="323554" spans="8:8">
      <c r="H323554" s="12"/>
    </row>
    <row r="323555" spans="8:8">
      <c r="H323555" s="12"/>
    </row>
    <row r="323556" spans="8:8">
      <c r="H323556" s="12"/>
    </row>
    <row r="323557" spans="8:8">
      <c r="H323557" s="12"/>
    </row>
    <row r="323558" spans="8:8">
      <c r="H323558" s="12"/>
    </row>
    <row r="323559" spans="8:8">
      <c r="H323559" s="12"/>
    </row>
    <row r="323560" spans="8:8">
      <c r="H323560" s="12"/>
    </row>
    <row r="323561" spans="8:8">
      <c r="H323561" s="12"/>
    </row>
    <row r="323562" spans="8:8">
      <c r="H323562" s="12"/>
    </row>
    <row r="323563" spans="8:8">
      <c r="H323563" s="12"/>
    </row>
    <row r="323564" spans="8:8">
      <c r="H323564" s="12"/>
    </row>
    <row r="323565" spans="8:8">
      <c r="H323565" s="12"/>
    </row>
    <row r="323566" spans="8:8">
      <c r="H323566" s="12"/>
    </row>
    <row r="323567" spans="8:8">
      <c r="H323567" s="12"/>
    </row>
    <row r="323568" spans="8:8">
      <c r="H323568" s="12"/>
    </row>
    <row r="323569" spans="8:8">
      <c r="H323569" s="12"/>
    </row>
    <row r="323570" spans="8:8">
      <c r="H323570" s="12"/>
    </row>
    <row r="323571" spans="8:8">
      <c r="H323571" s="12"/>
    </row>
    <row r="323572" spans="8:8">
      <c r="H323572" s="12"/>
    </row>
    <row r="323573" spans="8:8">
      <c r="H323573" s="12"/>
    </row>
    <row r="323574" spans="8:8">
      <c r="H323574" s="12"/>
    </row>
    <row r="323575" spans="8:8">
      <c r="H323575" s="12"/>
    </row>
    <row r="323576" spans="8:8">
      <c r="H323576" s="12"/>
    </row>
    <row r="323577" spans="8:8">
      <c r="H323577" s="12"/>
    </row>
    <row r="323578" spans="8:8">
      <c r="H323578" s="12"/>
    </row>
    <row r="323579" spans="8:8">
      <c r="H323579" s="12"/>
    </row>
    <row r="323580" spans="8:8">
      <c r="H323580" s="12"/>
    </row>
    <row r="323581" spans="8:8">
      <c r="H323581" s="12"/>
    </row>
    <row r="323582" spans="8:8">
      <c r="H323582" s="12"/>
    </row>
    <row r="323583" spans="8:8">
      <c r="H323583" s="12"/>
    </row>
    <row r="323584" spans="8:8">
      <c r="H323584" s="12"/>
    </row>
    <row r="323585" spans="8:8">
      <c r="H323585" s="12"/>
    </row>
    <row r="323586" spans="8:8">
      <c r="H323586" s="12"/>
    </row>
    <row r="323587" spans="8:8">
      <c r="H323587" s="12"/>
    </row>
    <row r="323588" spans="8:8">
      <c r="H323588" s="12"/>
    </row>
    <row r="323589" spans="8:8">
      <c r="H323589" s="12"/>
    </row>
    <row r="323590" spans="8:8">
      <c r="H323590" s="12"/>
    </row>
    <row r="323591" spans="8:8">
      <c r="H323591" s="12"/>
    </row>
    <row r="323592" spans="8:8">
      <c r="H323592" s="12"/>
    </row>
    <row r="323593" spans="8:8">
      <c r="H323593" s="12"/>
    </row>
    <row r="323594" spans="8:8">
      <c r="H323594" s="12"/>
    </row>
    <row r="323595" spans="8:8">
      <c r="H323595" s="12"/>
    </row>
    <row r="323596" spans="8:8">
      <c r="H323596" s="12"/>
    </row>
    <row r="323597" spans="8:8">
      <c r="H323597" s="12"/>
    </row>
    <row r="323598" spans="8:8">
      <c r="H323598" s="12"/>
    </row>
    <row r="323599" spans="8:8">
      <c r="H323599" s="12"/>
    </row>
    <row r="323600" spans="8:8">
      <c r="H323600" s="12"/>
    </row>
    <row r="323601" spans="8:8">
      <c r="H323601" s="12"/>
    </row>
    <row r="323602" spans="8:8">
      <c r="H323602" s="12"/>
    </row>
    <row r="323603" spans="8:8">
      <c r="H323603" s="12"/>
    </row>
    <row r="323604" spans="8:8">
      <c r="H323604" s="12"/>
    </row>
    <row r="323605" spans="8:8">
      <c r="H323605" s="12"/>
    </row>
    <row r="323606" spans="8:8">
      <c r="H323606" s="12"/>
    </row>
    <row r="323607" spans="8:8">
      <c r="H323607" s="12"/>
    </row>
    <row r="323608" spans="8:8">
      <c r="H323608" s="12"/>
    </row>
    <row r="323609" spans="8:8">
      <c r="H323609" s="12"/>
    </row>
    <row r="323610" spans="8:8">
      <c r="H323610" s="12"/>
    </row>
    <row r="323611" spans="8:8">
      <c r="H323611" s="12"/>
    </row>
    <row r="323612" spans="8:8">
      <c r="H323612" s="12"/>
    </row>
    <row r="323613" spans="8:8">
      <c r="H323613" s="12"/>
    </row>
    <row r="323614" spans="8:8">
      <c r="H323614" s="12"/>
    </row>
    <row r="323615" spans="8:8">
      <c r="H323615" s="12"/>
    </row>
    <row r="323616" spans="8:8">
      <c r="H323616" s="12"/>
    </row>
    <row r="323617" spans="8:8">
      <c r="H323617" s="12"/>
    </row>
    <row r="323618" spans="8:8">
      <c r="H323618" s="12"/>
    </row>
    <row r="323619" spans="8:8">
      <c r="H323619" s="12"/>
    </row>
    <row r="323620" spans="8:8">
      <c r="H323620" s="12"/>
    </row>
    <row r="323621" spans="8:8">
      <c r="H323621" s="12"/>
    </row>
    <row r="323622" spans="8:8">
      <c r="H323622" s="12"/>
    </row>
    <row r="323623" spans="8:8">
      <c r="H323623" s="12"/>
    </row>
    <row r="323624" spans="8:8">
      <c r="H323624" s="12"/>
    </row>
    <row r="323625" spans="8:8">
      <c r="H323625" s="12"/>
    </row>
    <row r="323626" spans="8:8">
      <c r="H323626" s="12"/>
    </row>
    <row r="323627" spans="8:8">
      <c r="H323627" s="12"/>
    </row>
    <row r="323628" spans="8:8">
      <c r="H323628" s="12"/>
    </row>
    <row r="323629" spans="8:8">
      <c r="H323629" s="12"/>
    </row>
    <row r="323630" spans="8:8">
      <c r="H323630" s="12"/>
    </row>
    <row r="323631" spans="8:8">
      <c r="H323631" s="12"/>
    </row>
    <row r="323632" spans="8:8">
      <c r="H323632" s="12"/>
    </row>
    <row r="323633" spans="8:8">
      <c r="H323633" s="12"/>
    </row>
    <row r="323634" spans="8:8">
      <c r="H323634" s="12"/>
    </row>
    <row r="323635" spans="8:8">
      <c r="H323635" s="12"/>
    </row>
    <row r="323636" spans="8:8">
      <c r="H323636" s="12"/>
    </row>
    <row r="323637" spans="8:8">
      <c r="H323637" s="12"/>
    </row>
    <row r="323638" spans="8:8">
      <c r="H323638" s="12"/>
    </row>
    <row r="323639" spans="8:8">
      <c r="H323639" s="12"/>
    </row>
    <row r="323640" spans="8:8">
      <c r="H323640" s="12"/>
    </row>
    <row r="323641" spans="8:8">
      <c r="H323641" s="12"/>
    </row>
    <row r="323642" spans="8:8">
      <c r="H323642" s="12"/>
    </row>
    <row r="323643" spans="8:8">
      <c r="H323643" s="12"/>
    </row>
    <row r="323644" spans="8:8">
      <c r="H323644" s="12"/>
    </row>
    <row r="323645" spans="8:8">
      <c r="H323645" s="12"/>
    </row>
    <row r="323646" spans="8:8">
      <c r="H323646" s="12"/>
    </row>
    <row r="323647" spans="8:8">
      <c r="H323647" s="12"/>
    </row>
    <row r="323648" spans="8:8">
      <c r="H323648" s="12"/>
    </row>
    <row r="323649" spans="8:8">
      <c r="H323649" s="12"/>
    </row>
    <row r="323650" spans="8:8">
      <c r="H323650" s="12"/>
    </row>
    <row r="323651" spans="8:8">
      <c r="H323651" s="12"/>
    </row>
    <row r="323652" spans="8:8">
      <c r="H323652" s="12"/>
    </row>
    <row r="323653" spans="8:8">
      <c r="H323653" s="12"/>
    </row>
    <row r="323654" spans="8:8">
      <c r="H323654" s="12"/>
    </row>
    <row r="323655" spans="8:8">
      <c r="H323655" s="12"/>
    </row>
    <row r="323656" spans="8:8">
      <c r="H323656" s="12"/>
    </row>
    <row r="323657" spans="8:8">
      <c r="H323657" s="12"/>
    </row>
    <row r="323658" spans="8:8">
      <c r="H323658" s="12"/>
    </row>
    <row r="323659" spans="8:8">
      <c r="H323659" s="12"/>
    </row>
    <row r="323660" spans="8:8">
      <c r="H323660" s="12"/>
    </row>
    <row r="323661" spans="8:8">
      <c r="H323661" s="12"/>
    </row>
    <row r="323662" spans="8:8">
      <c r="H323662" s="12"/>
    </row>
    <row r="323663" spans="8:8">
      <c r="H323663" s="12"/>
    </row>
    <row r="323664" spans="8:8">
      <c r="H323664" s="12"/>
    </row>
    <row r="323665" spans="8:8">
      <c r="H323665" s="12"/>
    </row>
    <row r="323666" spans="8:8">
      <c r="H323666" s="12"/>
    </row>
    <row r="323667" spans="8:8">
      <c r="H323667" s="12"/>
    </row>
    <row r="323668" spans="8:8">
      <c r="H323668" s="12"/>
    </row>
    <row r="323669" spans="8:8">
      <c r="H323669" s="12"/>
    </row>
    <row r="323670" spans="8:8">
      <c r="H323670" s="12"/>
    </row>
    <row r="323671" spans="8:8">
      <c r="H323671" s="12"/>
    </row>
    <row r="323672" spans="8:8">
      <c r="H323672" s="12"/>
    </row>
    <row r="323673" spans="8:8">
      <c r="H323673" s="12"/>
    </row>
    <row r="323674" spans="8:8">
      <c r="H323674" s="12"/>
    </row>
    <row r="323675" spans="8:8">
      <c r="H323675" s="12"/>
    </row>
    <row r="323676" spans="8:8">
      <c r="H323676" s="12"/>
    </row>
    <row r="323677" spans="8:8">
      <c r="H323677" s="12"/>
    </row>
    <row r="323678" spans="8:8">
      <c r="H323678" s="12"/>
    </row>
    <row r="323679" spans="8:8">
      <c r="H323679" s="12"/>
    </row>
    <row r="323680" spans="8:8">
      <c r="H323680" s="12"/>
    </row>
    <row r="323681" spans="8:8">
      <c r="H323681" s="12"/>
    </row>
    <row r="323682" spans="8:8">
      <c r="H323682" s="12"/>
    </row>
    <row r="323683" spans="8:8">
      <c r="H323683" s="12"/>
    </row>
    <row r="323684" spans="8:8">
      <c r="H323684" s="12"/>
    </row>
    <row r="323685" spans="8:8">
      <c r="H323685" s="12"/>
    </row>
    <row r="323686" spans="8:8">
      <c r="H323686" s="12"/>
    </row>
    <row r="323687" spans="8:8">
      <c r="H323687" s="12"/>
    </row>
    <row r="323688" spans="8:8">
      <c r="H323688" s="12"/>
    </row>
    <row r="323689" spans="8:8">
      <c r="H323689" s="12"/>
    </row>
    <row r="323690" spans="8:8">
      <c r="H323690" s="12"/>
    </row>
    <row r="323691" spans="8:8">
      <c r="H323691" s="12"/>
    </row>
    <row r="323692" spans="8:8">
      <c r="H323692" s="12"/>
    </row>
    <row r="323693" spans="8:8">
      <c r="H323693" s="12"/>
    </row>
    <row r="323694" spans="8:8">
      <c r="H323694" s="12"/>
    </row>
    <row r="323695" spans="8:8">
      <c r="H323695" s="12"/>
    </row>
    <row r="323696" spans="8:8">
      <c r="H323696" s="12"/>
    </row>
    <row r="323697" spans="8:8">
      <c r="H323697" s="12"/>
    </row>
    <row r="323698" spans="8:8">
      <c r="H323698" s="12"/>
    </row>
    <row r="323699" spans="8:8">
      <c r="H323699" s="12"/>
    </row>
    <row r="323700" spans="8:8">
      <c r="H323700" s="12"/>
    </row>
    <row r="323701" spans="8:8">
      <c r="H323701" s="12"/>
    </row>
    <row r="323702" spans="8:8">
      <c r="H323702" s="12"/>
    </row>
    <row r="323703" spans="8:8">
      <c r="H323703" s="12"/>
    </row>
    <row r="323704" spans="8:8">
      <c r="H323704" s="12"/>
    </row>
    <row r="323705" spans="8:8">
      <c r="H323705" s="12"/>
    </row>
    <row r="323706" spans="8:8">
      <c r="H323706" s="12"/>
    </row>
    <row r="323707" spans="8:8">
      <c r="H323707" s="12"/>
    </row>
    <row r="323708" spans="8:8">
      <c r="H323708" s="12"/>
    </row>
    <row r="323709" spans="8:8">
      <c r="H323709" s="12"/>
    </row>
    <row r="323710" spans="8:8">
      <c r="H323710" s="12"/>
    </row>
    <row r="323711" spans="8:8">
      <c r="H323711" s="12"/>
    </row>
    <row r="323712" spans="8:8">
      <c r="H323712" s="12"/>
    </row>
    <row r="323713" spans="8:8">
      <c r="H323713" s="12"/>
    </row>
    <row r="323714" spans="8:8">
      <c r="H323714" s="12"/>
    </row>
    <row r="323715" spans="8:8">
      <c r="H323715" s="12"/>
    </row>
    <row r="323716" spans="8:8">
      <c r="H323716" s="12"/>
    </row>
    <row r="323717" spans="8:8">
      <c r="H323717" s="12"/>
    </row>
    <row r="323718" spans="8:8">
      <c r="H323718" s="12"/>
    </row>
    <row r="323719" spans="8:8">
      <c r="H323719" s="12"/>
    </row>
    <row r="323720" spans="8:8">
      <c r="H323720" s="12"/>
    </row>
    <row r="323721" spans="8:8">
      <c r="H323721" s="12"/>
    </row>
    <row r="323722" spans="8:8">
      <c r="H323722" s="12"/>
    </row>
    <row r="323723" spans="8:8">
      <c r="H323723" s="12"/>
    </row>
    <row r="323724" spans="8:8">
      <c r="H323724" s="12"/>
    </row>
    <row r="323725" spans="8:8">
      <c r="H323725" s="12"/>
    </row>
    <row r="323726" spans="8:8">
      <c r="H323726" s="12"/>
    </row>
    <row r="323727" spans="8:8">
      <c r="H323727" s="12"/>
    </row>
    <row r="323728" spans="8:8">
      <c r="H323728" s="12"/>
    </row>
    <row r="323729" spans="8:8">
      <c r="H323729" s="12"/>
    </row>
    <row r="323730" spans="8:8">
      <c r="H323730" s="12"/>
    </row>
    <row r="323731" spans="8:8">
      <c r="H323731" s="12"/>
    </row>
    <row r="323732" spans="8:8">
      <c r="H323732" s="12"/>
    </row>
    <row r="323733" spans="8:8">
      <c r="H323733" s="12"/>
    </row>
    <row r="323734" spans="8:8">
      <c r="H323734" s="12"/>
    </row>
    <row r="323735" spans="8:8">
      <c r="H323735" s="12"/>
    </row>
    <row r="323736" spans="8:8">
      <c r="H323736" s="12"/>
    </row>
    <row r="323737" spans="8:8">
      <c r="H323737" s="12"/>
    </row>
    <row r="323738" spans="8:8">
      <c r="H323738" s="12"/>
    </row>
    <row r="323739" spans="8:8">
      <c r="H323739" s="12"/>
    </row>
    <row r="323740" spans="8:8">
      <c r="H323740" s="12"/>
    </row>
    <row r="323741" spans="8:8">
      <c r="H323741" s="12"/>
    </row>
    <row r="323742" spans="8:8">
      <c r="H323742" s="12"/>
    </row>
    <row r="323743" spans="8:8">
      <c r="H323743" s="12"/>
    </row>
    <row r="323744" spans="8:8">
      <c r="H323744" s="12"/>
    </row>
    <row r="323745" spans="8:8">
      <c r="H323745" s="12"/>
    </row>
    <row r="323746" spans="8:8">
      <c r="H323746" s="12"/>
    </row>
    <row r="323747" spans="8:8">
      <c r="H323747" s="12"/>
    </row>
    <row r="323748" spans="8:8">
      <c r="H323748" s="12"/>
    </row>
    <row r="323749" spans="8:8">
      <c r="H323749" s="12"/>
    </row>
    <row r="323750" spans="8:8">
      <c r="H323750" s="12"/>
    </row>
    <row r="323751" spans="8:8">
      <c r="H323751" s="12"/>
    </row>
    <row r="323752" spans="8:8">
      <c r="H323752" s="12"/>
    </row>
    <row r="323753" spans="8:8">
      <c r="H323753" s="12"/>
    </row>
    <row r="323754" spans="8:8">
      <c r="H323754" s="12"/>
    </row>
    <row r="323755" spans="8:8">
      <c r="H323755" s="12"/>
    </row>
    <row r="323756" spans="8:8">
      <c r="H323756" s="12"/>
    </row>
    <row r="323757" spans="8:8">
      <c r="H323757" s="12"/>
    </row>
    <row r="323758" spans="8:8">
      <c r="H323758" s="12"/>
    </row>
    <row r="323759" spans="8:8">
      <c r="H323759" s="12"/>
    </row>
    <row r="323760" spans="8:8">
      <c r="H323760" s="12"/>
    </row>
    <row r="323761" spans="8:8">
      <c r="H323761" s="12"/>
    </row>
    <row r="323762" spans="8:8">
      <c r="H323762" s="12"/>
    </row>
    <row r="323763" spans="8:8">
      <c r="H323763" s="12"/>
    </row>
    <row r="323764" spans="8:8">
      <c r="H323764" s="12"/>
    </row>
    <row r="323765" spans="8:8">
      <c r="H323765" s="12"/>
    </row>
    <row r="323766" spans="8:8">
      <c r="H323766" s="12"/>
    </row>
    <row r="323767" spans="8:8">
      <c r="H323767" s="12"/>
    </row>
    <row r="323768" spans="8:8">
      <c r="H323768" s="12"/>
    </row>
    <row r="323769" spans="8:8">
      <c r="H323769" s="12"/>
    </row>
    <row r="323770" spans="8:8">
      <c r="H323770" s="12"/>
    </row>
    <row r="323771" spans="8:8">
      <c r="H323771" s="12"/>
    </row>
    <row r="323772" spans="8:8">
      <c r="H323772" s="12"/>
    </row>
    <row r="323773" spans="8:8">
      <c r="H323773" s="12"/>
    </row>
    <row r="323774" spans="8:8">
      <c r="H323774" s="12"/>
    </row>
    <row r="323775" spans="8:8">
      <c r="H323775" s="12"/>
    </row>
    <row r="323776" spans="8:8">
      <c r="H323776" s="12"/>
    </row>
    <row r="323777" spans="8:8">
      <c r="H323777" s="12"/>
    </row>
    <row r="323778" spans="8:8">
      <c r="H323778" s="12"/>
    </row>
    <row r="323779" spans="8:8">
      <c r="H323779" s="12"/>
    </row>
    <row r="323780" spans="8:8">
      <c r="H323780" s="12"/>
    </row>
    <row r="323781" spans="8:8">
      <c r="H323781" s="12"/>
    </row>
    <row r="323782" spans="8:8">
      <c r="H323782" s="12"/>
    </row>
    <row r="323783" spans="8:8">
      <c r="H323783" s="12"/>
    </row>
    <row r="323784" spans="8:8">
      <c r="H323784" s="12"/>
    </row>
    <row r="323785" spans="8:8">
      <c r="H323785" s="12"/>
    </row>
    <row r="323786" spans="8:8">
      <c r="H323786" s="12"/>
    </row>
    <row r="323787" spans="8:8">
      <c r="H323787" s="12"/>
    </row>
    <row r="323788" spans="8:8">
      <c r="H323788" s="12"/>
    </row>
    <row r="323789" spans="8:8">
      <c r="H323789" s="12"/>
    </row>
    <row r="323790" spans="8:8">
      <c r="H323790" s="12"/>
    </row>
    <row r="323791" spans="8:8">
      <c r="H323791" s="12"/>
    </row>
    <row r="323792" spans="8:8">
      <c r="H323792" s="12"/>
    </row>
    <row r="323793" spans="8:8">
      <c r="H323793" s="12"/>
    </row>
    <row r="323794" spans="8:8">
      <c r="H323794" s="12"/>
    </row>
    <row r="323795" spans="8:8">
      <c r="H323795" s="12"/>
    </row>
    <row r="323796" spans="8:8">
      <c r="H323796" s="12"/>
    </row>
    <row r="323797" spans="8:8">
      <c r="H323797" s="12"/>
    </row>
    <row r="323798" spans="8:8">
      <c r="H323798" s="12"/>
    </row>
    <row r="323799" spans="8:8">
      <c r="H323799" s="12"/>
    </row>
    <row r="323800" spans="8:8">
      <c r="H323800" s="12"/>
    </row>
    <row r="323801" spans="8:8">
      <c r="H323801" s="12"/>
    </row>
    <row r="323802" spans="8:8">
      <c r="H323802" s="12"/>
    </row>
    <row r="323803" spans="8:8">
      <c r="H323803" s="12"/>
    </row>
    <row r="323804" spans="8:8">
      <c r="H323804" s="12"/>
    </row>
    <row r="323805" spans="8:8">
      <c r="H323805" s="12"/>
    </row>
    <row r="323806" spans="8:8">
      <c r="H323806" s="12"/>
    </row>
    <row r="323807" spans="8:8">
      <c r="H323807" s="12"/>
    </row>
    <row r="323808" spans="8:8">
      <c r="H323808" s="12"/>
    </row>
    <row r="323809" spans="8:8">
      <c r="H323809" s="12"/>
    </row>
    <row r="323810" spans="8:8">
      <c r="H323810" s="12"/>
    </row>
    <row r="323811" spans="8:8">
      <c r="H323811" s="12"/>
    </row>
    <row r="323812" spans="8:8">
      <c r="H323812" s="12"/>
    </row>
    <row r="323813" spans="8:8">
      <c r="H323813" s="12"/>
    </row>
    <row r="323814" spans="8:8">
      <c r="H323814" s="12"/>
    </row>
    <row r="323815" spans="8:8">
      <c r="H323815" s="12"/>
    </row>
    <row r="323816" spans="8:8">
      <c r="H323816" s="12"/>
    </row>
    <row r="323817" spans="8:8">
      <c r="H323817" s="12"/>
    </row>
    <row r="323818" spans="8:8">
      <c r="H323818" s="12"/>
    </row>
    <row r="323819" spans="8:8">
      <c r="H323819" s="12"/>
    </row>
    <row r="323820" spans="8:8">
      <c r="H323820" s="12"/>
    </row>
    <row r="323821" spans="8:8">
      <c r="H323821" s="12"/>
    </row>
    <row r="323822" spans="8:8">
      <c r="H323822" s="12"/>
    </row>
    <row r="323823" spans="8:8">
      <c r="H323823" s="12"/>
    </row>
    <row r="323824" spans="8:8">
      <c r="H323824" s="12"/>
    </row>
    <row r="323825" spans="8:8">
      <c r="H323825" s="12"/>
    </row>
    <row r="323826" spans="8:8">
      <c r="H323826" s="12"/>
    </row>
    <row r="323827" spans="8:8">
      <c r="H323827" s="12"/>
    </row>
    <row r="323828" spans="8:8">
      <c r="H323828" s="12"/>
    </row>
    <row r="323829" spans="8:8">
      <c r="H323829" s="12"/>
    </row>
    <row r="323830" spans="8:8">
      <c r="H323830" s="12"/>
    </row>
    <row r="323831" spans="8:8">
      <c r="H323831" s="12"/>
    </row>
    <row r="323832" spans="8:8">
      <c r="H323832" s="12"/>
    </row>
    <row r="323833" spans="8:8">
      <c r="H323833" s="12"/>
    </row>
    <row r="323834" spans="8:8">
      <c r="H323834" s="12"/>
    </row>
    <row r="323835" spans="8:8">
      <c r="H323835" s="12"/>
    </row>
    <row r="323836" spans="8:8">
      <c r="H323836" s="12"/>
    </row>
    <row r="323837" spans="8:8">
      <c r="H323837" s="12"/>
    </row>
    <row r="323838" spans="8:8">
      <c r="H323838" s="12"/>
    </row>
    <row r="323839" spans="8:8">
      <c r="H323839" s="12"/>
    </row>
    <row r="323840" spans="8:8">
      <c r="H323840" s="12"/>
    </row>
    <row r="323841" spans="8:8">
      <c r="H323841" s="12"/>
    </row>
    <row r="323842" spans="8:8">
      <c r="H323842" s="12"/>
    </row>
    <row r="323843" spans="8:8">
      <c r="H323843" s="12"/>
    </row>
    <row r="323844" spans="8:8">
      <c r="H323844" s="12"/>
    </row>
    <row r="323845" spans="8:8">
      <c r="H323845" s="12"/>
    </row>
    <row r="323846" spans="8:8">
      <c r="H323846" s="12"/>
    </row>
    <row r="323847" spans="8:8">
      <c r="H323847" s="12"/>
    </row>
    <row r="323848" spans="8:8">
      <c r="H323848" s="12"/>
    </row>
    <row r="323849" spans="8:8">
      <c r="H323849" s="12"/>
    </row>
    <row r="323850" spans="8:8">
      <c r="H323850" s="12"/>
    </row>
    <row r="323851" spans="8:8">
      <c r="H323851" s="12"/>
    </row>
    <row r="323852" spans="8:8">
      <c r="H323852" s="12"/>
    </row>
    <row r="323853" spans="8:8">
      <c r="H323853" s="12"/>
    </row>
    <row r="323854" spans="8:8">
      <c r="H323854" s="12"/>
    </row>
    <row r="323855" spans="8:8">
      <c r="H323855" s="12"/>
    </row>
    <row r="323856" spans="8:8">
      <c r="H323856" s="12"/>
    </row>
    <row r="323857" spans="8:8">
      <c r="H323857" s="12"/>
    </row>
    <row r="323858" spans="8:8">
      <c r="H323858" s="12"/>
    </row>
    <row r="323859" spans="8:8">
      <c r="H323859" s="12"/>
    </row>
    <row r="323860" spans="8:8">
      <c r="H323860" s="12"/>
    </row>
    <row r="323861" spans="8:8">
      <c r="H323861" s="12"/>
    </row>
    <row r="323862" spans="8:8">
      <c r="H323862" s="12"/>
    </row>
    <row r="323863" spans="8:8">
      <c r="H323863" s="12"/>
    </row>
    <row r="323864" spans="8:8">
      <c r="H323864" s="12"/>
    </row>
    <row r="323865" spans="8:8">
      <c r="H323865" s="12"/>
    </row>
    <row r="323866" spans="8:8">
      <c r="H323866" s="12"/>
    </row>
    <row r="323867" spans="8:8">
      <c r="H323867" s="12"/>
    </row>
    <row r="323868" spans="8:8">
      <c r="H323868" s="12"/>
    </row>
    <row r="323869" spans="8:8">
      <c r="H323869" s="12"/>
    </row>
    <row r="323870" spans="8:8">
      <c r="H323870" s="12"/>
    </row>
    <row r="323871" spans="8:8">
      <c r="H323871" s="12"/>
    </row>
    <row r="323872" spans="8:8">
      <c r="H323872" s="12"/>
    </row>
    <row r="323873" spans="8:8">
      <c r="H323873" s="12"/>
    </row>
    <row r="323874" spans="8:8">
      <c r="H323874" s="12"/>
    </row>
    <row r="323875" spans="8:8">
      <c r="H323875" s="12"/>
    </row>
    <row r="323876" spans="8:8">
      <c r="H323876" s="12"/>
    </row>
    <row r="323877" spans="8:8">
      <c r="H323877" s="12"/>
    </row>
    <row r="323878" spans="8:8">
      <c r="H323878" s="12"/>
    </row>
    <row r="323879" spans="8:8">
      <c r="H323879" s="12"/>
    </row>
    <row r="323880" spans="8:8">
      <c r="H323880" s="12"/>
    </row>
    <row r="323881" spans="8:8">
      <c r="H323881" s="12"/>
    </row>
    <row r="323882" spans="8:8">
      <c r="H323882" s="12"/>
    </row>
    <row r="323883" spans="8:8">
      <c r="H323883" s="12"/>
    </row>
    <row r="323884" spans="8:8">
      <c r="H323884" s="12"/>
    </row>
    <row r="323885" spans="8:8">
      <c r="H323885" s="12"/>
    </row>
    <row r="323886" spans="8:8">
      <c r="H323886" s="12"/>
    </row>
    <row r="323887" spans="8:8">
      <c r="H323887" s="12"/>
    </row>
    <row r="323888" spans="8:8">
      <c r="H323888" s="12"/>
    </row>
    <row r="323889" spans="8:8">
      <c r="H323889" s="12"/>
    </row>
    <row r="323890" spans="8:8">
      <c r="H323890" s="12"/>
    </row>
    <row r="323891" spans="8:8">
      <c r="H323891" s="12"/>
    </row>
    <row r="323892" spans="8:8">
      <c r="H323892" s="12"/>
    </row>
    <row r="323893" spans="8:8">
      <c r="H323893" s="12"/>
    </row>
    <row r="323894" spans="8:8">
      <c r="H323894" s="12"/>
    </row>
    <row r="323895" spans="8:8">
      <c r="H323895" s="12"/>
    </row>
    <row r="323896" spans="8:8">
      <c r="H323896" s="12"/>
    </row>
    <row r="323897" spans="8:8">
      <c r="H323897" s="12"/>
    </row>
    <row r="323898" spans="8:8">
      <c r="H323898" s="12"/>
    </row>
    <row r="323899" spans="8:8">
      <c r="H323899" s="12"/>
    </row>
    <row r="323900" spans="8:8">
      <c r="H323900" s="12"/>
    </row>
    <row r="323901" spans="8:8">
      <c r="H323901" s="12"/>
    </row>
    <row r="323902" spans="8:8">
      <c r="H323902" s="12"/>
    </row>
    <row r="323903" spans="8:8">
      <c r="H323903" s="12"/>
    </row>
    <row r="323904" spans="8:8">
      <c r="H323904" s="12"/>
    </row>
    <row r="323905" spans="8:8">
      <c r="H323905" s="12"/>
    </row>
    <row r="323906" spans="8:8">
      <c r="H323906" s="12"/>
    </row>
    <row r="323907" spans="8:8">
      <c r="H323907" s="12"/>
    </row>
    <row r="323908" spans="8:8">
      <c r="H323908" s="12"/>
    </row>
    <row r="323909" spans="8:8">
      <c r="H323909" s="12"/>
    </row>
    <row r="323910" spans="8:8">
      <c r="H323910" s="12"/>
    </row>
    <row r="323911" spans="8:8">
      <c r="H323911" s="12"/>
    </row>
    <row r="323912" spans="8:8">
      <c r="H323912" s="12"/>
    </row>
    <row r="323913" spans="8:8">
      <c r="H323913" s="12"/>
    </row>
    <row r="323914" spans="8:8">
      <c r="H323914" s="12"/>
    </row>
    <row r="323915" spans="8:8">
      <c r="H323915" s="12"/>
    </row>
    <row r="323916" spans="8:8">
      <c r="H323916" s="12"/>
    </row>
    <row r="323917" spans="8:8">
      <c r="H323917" s="12"/>
    </row>
    <row r="323918" spans="8:8">
      <c r="H323918" s="12"/>
    </row>
    <row r="323919" spans="8:8">
      <c r="H323919" s="12"/>
    </row>
    <row r="323920" spans="8:8">
      <c r="H323920" s="12"/>
    </row>
    <row r="323921" spans="8:8">
      <c r="H323921" s="12"/>
    </row>
    <row r="323922" spans="8:8">
      <c r="H323922" s="12"/>
    </row>
    <row r="323923" spans="8:8">
      <c r="H323923" s="12"/>
    </row>
    <row r="323924" spans="8:8">
      <c r="H323924" s="12"/>
    </row>
    <row r="323925" spans="8:8">
      <c r="H323925" s="12"/>
    </row>
    <row r="323926" spans="8:8">
      <c r="H323926" s="12"/>
    </row>
    <row r="323927" spans="8:8">
      <c r="H323927" s="12"/>
    </row>
    <row r="323928" spans="8:8">
      <c r="H323928" s="12"/>
    </row>
    <row r="323929" spans="8:8">
      <c r="H323929" s="12"/>
    </row>
    <row r="323930" spans="8:8">
      <c r="H323930" s="12"/>
    </row>
    <row r="323931" spans="8:8">
      <c r="H323931" s="12"/>
    </row>
    <row r="323932" spans="8:8">
      <c r="H323932" s="12"/>
    </row>
    <row r="323933" spans="8:8">
      <c r="H323933" s="12"/>
    </row>
    <row r="323934" spans="8:8">
      <c r="H323934" s="12"/>
    </row>
    <row r="323935" spans="8:8">
      <c r="H323935" s="12"/>
    </row>
    <row r="323936" spans="8:8">
      <c r="H323936" s="12"/>
    </row>
    <row r="323937" spans="8:8">
      <c r="H323937" s="12"/>
    </row>
    <row r="323938" spans="8:8">
      <c r="H323938" s="12"/>
    </row>
    <row r="323939" spans="8:8">
      <c r="H323939" s="12"/>
    </row>
    <row r="323940" spans="8:8">
      <c r="H323940" s="12"/>
    </row>
    <row r="323941" spans="8:8">
      <c r="H323941" s="12"/>
    </row>
    <row r="323942" spans="8:8">
      <c r="H323942" s="12"/>
    </row>
    <row r="323943" spans="8:8">
      <c r="H323943" s="12"/>
    </row>
    <row r="323944" spans="8:8">
      <c r="H323944" s="12"/>
    </row>
    <row r="323945" spans="8:8">
      <c r="H323945" s="12"/>
    </row>
    <row r="323946" spans="8:8">
      <c r="H323946" s="12"/>
    </row>
    <row r="323947" spans="8:8">
      <c r="H323947" s="12"/>
    </row>
    <row r="323948" spans="8:8">
      <c r="H323948" s="12"/>
    </row>
    <row r="323949" spans="8:8">
      <c r="H323949" s="12"/>
    </row>
    <row r="323950" spans="8:8">
      <c r="H323950" s="12"/>
    </row>
    <row r="323951" spans="8:8">
      <c r="H323951" s="12"/>
    </row>
    <row r="323952" spans="8:8">
      <c r="H323952" s="12"/>
    </row>
    <row r="323953" spans="8:8">
      <c r="H323953" s="12"/>
    </row>
    <row r="323954" spans="8:8">
      <c r="H323954" s="12"/>
    </row>
    <row r="323955" spans="8:8">
      <c r="H323955" s="12"/>
    </row>
    <row r="323956" spans="8:8">
      <c r="H323956" s="12"/>
    </row>
    <row r="323957" spans="8:8">
      <c r="H323957" s="12"/>
    </row>
    <row r="323958" spans="8:8">
      <c r="H323958" s="12"/>
    </row>
    <row r="323959" spans="8:8">
      <c r="H323959" s="12"/>
    </row>
    <row r="323960" spans="8:8">
      <c r="H323960" s="12"/>
    </row>
    <row r="323961" spans="8:8">
      <c r="H323961" s="12"/>
    </row>
    <row r="323962" spans="8:8">
      <c r="H323962" s="12"/>
    </row>
    <row r="323963" spans="8:8">
      <c r="H323963" s="12"/>
    </row>
    <row r="323964" spans="8:8">
      <c r="H323964" s="12"/>
    </row>
    <row r="323965" spans="8:8">
      <c r="H323965" s="12"/>
    </row>
    <row r="323966" spans="8:8">
      <c r="H323966" s="12"/>
    </row>
    <row r="323967" spans="8:8">
      <c r="H323967" s="12"/>
    </row>
    <row r="323968" spans="8:8">
      <c r="H323968" s="12"/>
    </row>
    <row r="323969" spans="8:8">
      <c r="H323969" s="12"/>
    </row>
    <row r="323970" spans="8:8">
      <c r="H323970" s="12"/>
    </row>
    <row r="323971" spans="8:8">
      <c r="H323971" s="12"/>
    </row>
    <row r="323972" spans="8:8">
      <c r="H323972" s="12"/>
    </row>
    <row r="323973" spans="8:8">
      <c r="H323973" s="12"/>
    </row>
    <row r="323974" spans="8:8">
      <c r="H323974" s="12"/>
    </row>
    <row r="323975" spans="8:8">
      <c r="H323975" s="12"/>
    </row>
    <row r="323976" spans="8:8">
      <c r="H323976" s="12"/>
    </row>
    <row r="323977" spans="8:8">
      <c r="H323977" s="12"/>
    </row>
    <row r="323978" spans="8:8">
      <c r="H323978" s="12"/>
    </row>
    <row r="323979" spans="8:8">
      <c r="H323979" s="12"/>
    </row>
    <row r="323980" spans="8:8">
      <c r="H323980" s="12"/>
    </row>
    <row r="323981" spans="8:8">
      <c r="H323981" s="12"/>
    </row>
    <row r="323982" spans="8:8">
      <c r="H323982" s="12"/>
    </row>
    <row r="323983" spans="8:8">
      <c r="H323983" s="12"/>
    </row>
    <row r="323984" spans="8:8">
      <c r="H323984" s="12"/>
    </row>
    <row r="323985" spans="8:8">
      <c r="H323985" s="12"/>
    </row>
    <row r="323986" spans="8:8">
      <c r="H323986" s="12"/>
    </row>
    <row r="323987" spans="8:8">
      <c r="H323987" s="12"/>
    </row>
    <row r="323988" spans="8:8">
      <c r="H323988" s="12"/>
    </row>
    <row r="323989" spans="8:8">
      <c r="H323989" s="12"/>
    </row>
    <row r="323990" spans="8:8">
      <c r="H323990" s="12"/>
    </row>
    <row r="323991" spans="8:8">
      <c r="H323991" s="12"/>
    </row>
    <row r="323992" spans="8:8">
      <c r="H323992" s="12"/>
    </row>
    <row r="323993" spans="8:8">
      <c r="H323993" s="12"/>
    </row>
    <row r="323994" spans="8:8">
      <c r="H323994" s="12"/>
    </row>
    <row r="323995" spans="8:8">
      <c r="H323995" s="12"/>
    </row>
    <row r="323996" spans="8:8">
      <c r="H323996" s="12"/>
    </row>
    <row r="323997" spans="8:8">
      <c r="H323997" s="12"/>
    </row>
    <row r="323998" spans="8:8">
      <c r="H323998" s="12"/>
    </row>
    <row r="323999" spans="8:8">
      <c r="H323999" s="12"/>
    </row>
    <row r="324000" spans="8:8">
      <c r="H324000" s="12"/>
    </row>
    <row r="324001" spans="8:8">
      <c r="H324001" s="12"/>
    </row>
    <row r="324002" spans="8:8">
      <c r="H324002" s="12"/>
    </row>
    <row r="324003" spans="8:8">
      <c r="H324003" s="12"/>
    </row>
    <row r="324004" spans="8:8">
      <c r="H324004" s="12"/>
    </row>
    <row r="324005" spans="8:8">
      <c r="H324005" s="12"/>
    </row>
    <row r="324006" spans="8:8">
      <c r="H324006" s="12"/>
    </row>
    <row r="324007" spans="8:8">
      <c r="H324007" s="12"/>
    </row>
    <row r="324008" spans="8:8">
      <c r="H324008" s="12"/>
    </row>
    <row r="324009" spans="8:8">
      <c r="H324009" s="12"/>
    </row>
    <row r="324010" spans="8:8">
      <c r="H324010" s="12"/>
    </row>
    <row r="324011" spans="8:8">
      <c r="H324011" s="12"/>
    </row>
    <row r="324012" spans="8:8">
      <c r="H324012" s="12"/>
    </row>
    <row r="324013" spans="8:8">
      <c r="H324013" s="12"/>
    </row>
    <row r="324014" spans="8:8">
      <c r="H324014" s="12"/>
    </row>
    <row r="324015" spans="8:8">
      <c r="H324015" s="12"/>
    </row>
    <row r="324016" spans="8:8">
      <c r="H324016" s="12"/>
    </row>
    <row r="324017" spans="8:8">
      <c r="H324017" s="12"/>
    </row>
    <row r="324018" spans="8:8">
      <c r="H324018" s="12"/>
    </row>
    <row r="324019" spans="8:8">
      <c r="H324019" s="12"/>
    </row>
    <row r="324020" spans="8:8">
      <c r="H324020" s="12"/>
    </row>
    <row r="324021" spans="8:8">
      <c r="H324021" s="12"/>
    </row>
    <row r="324022" spans="8:8">
      <c r="H324022" s="12"/>
    </row>
    <row r="324023" spans="8:8">
      <c r="H324023" s="12"/>
    </row>
    <row r="324024" spans="8:8">
      <c r="H324024" s="12"/>
    </row>
    <row r="324025" spans="8:8">
      <c r="H324025" s="12"/>
    </row>
    <row r="324026" spans="8:8">
      <c r="H324026" s="12"/>
    </row>
    <row r="324027" spans="8:8">
      <c r="H324027" s="12"/>
    </row>
    <row r="324028" spans="8:8">
      <c r="H324028" s="12"/>
    </row>
    <row r="324029" spans="8:8">
      <c r="H324029" s="12"/>
    </row>
    <row r="324030" spans="8:8">
      <c r="H324030" s="12"/>
    </row>
    <row r="324031" spans="8:8">
      <c r="H324031" s="12"/>
    </row>
    <row r="324032" spans="8:8">
      <c r="H324032" s="12"/>
    </row>
    <row r="324033" spans="8:8">
      <c r="H324033" s="12"/>
    </row>
    <row r="324034" spans="8:8">
      <c r="H324034" s="12"/>
    </row>
    <row r="324035" spans="8:8">
      <c r="H324035" s="12"/>
    </row>
    <row r="324036" spans="8:8">
      <c r="H324036" s="12"/>
    </row>
    <row r="324037" spans="8:8">
      <c r="H324037" s="12"/>
    </row>
    <row r="324038" spans="8:8">
      <c r="H324038" s="12"/>
    </row>
    <row r="324039" spans="8:8">
      <c r="H324039" s="12"/>
    </row>
    <row r="324040" spans="8:8">
      <c r="H324040" s="12"/>
    </row>
    <row r="324041" spans="8:8">
      <c r="H324041" s="12"/>
    </row>
    <row r="324042" spans="8:8">
      <c r="H324042" s="12"/>
    </row>
    <row r="324043" spans="8:8">
      <c r="H324043" s="12"/>
    </row>
    <row r="324044" spans="8:8">
      <c r="H324044" s="12"/>
    </row>
    <row r="324045" spans="8:8">
      <c r="H324045" s="12"/>
    </row>
    <row r="324046" spans="8:8">
      <c r="H324046" s="12"/>
    </row>
    <row r="324047" spans="8:8">
      <c r="H324047" s="12"/>
    </row>
    <row r="324048" spans="8:8">
      <c r="H324048" s="12"/>
    </row>
    <row r="324049" spans="8:8">
      <c r="H324049" s="12"/>
    </row>
    <row r="324050" spans="8:8">
      <c r="H324050" s="12"/>
    </row>
    <row r="324051" spans="8:8">
      <c r="H324051" s="12"/>
    </row>
    <row r="324052" spans="8:8">
      <c r="H324052" s="12"/>
    </row>
    <row r="324053" spans="8:8">
      <c r="H324053" s="12"/>
    </row>
    <row r="324054" spans="8:8">
      <c r="H324054" s="12"/>
    </row>
    <row r="324055" spans="8:8">
      <c r="H324055" s="12"/>
    </row>
    <row r="324056" spans="8:8">
      <c r="H324056" s="12"/>
    </row>
    <row r="324057" spans="8:8">
      <c r="H324057" s="12"/>
    </row>
    <row r="324058" spans="8:8">
      <c r="H324058" s="12"/>
    </row>
    <row r="324059" spans="8:8">
      <c r="H324059" s="12"/>
    </row>
    <row r="324060" spans="8:8">
      <c r="H324060" s="12"/>
    </row>
    <row r="324061" spans="8:8">
      <c r="H324061" s="12"/>
    </row>
    <row r="324062" spans="8:8">
      <c r="H324062" s="12"/>
    </row>
    <row r="324063" spans="8:8">
      <c r="H324063" s="12"/>
    </row>
    <row r="324064" spans="8:8">
      <c r="H324064" s="12"/>
    </row>
    <row r="324065" spans="8:8">
      <c r="H324065" s="12"/>
    </row>
    <row r="324066" spans="8:8">
      <c r="H324066" s="12"/>
    </row>
    <row r="324067" spans="8:8">
      <c r="H324067" s="12"/>
    </row>
    <row r="324068" spans="8:8">
      <c r="H324068" s="12"/>
    </row>
    <row r="324069" spans="8:8">
      <c r="H324069" s="12"/>
    </row>
    <row r="324070" spans="8:8">
      <c r="H324070" s="12"/>
    </row>
    <row r="324071" spans="8:8">
      <c r="H324071" s="12"/>
    </row>
    <row r="324072" spans="8:8">
      <c r="H324072" s="12"/>
    </row>
    <row r="324073" spans="8:8">
      <c r="H324073" s="12"/>
    </row>
    <row r="324074" spans="8:8">
      <c r="H324074" s="12"/>
    </row>
    <row r="324075" spans="8:8">
      <c r="H324075" s="12"/>
    </row>
    <row r="324076" spans="8:8">
      <c r="H324076" s="12"/>
    </row>
    <row r="324077" spans="8:8">
      <c r="H324077" s="12"/>
    </row>
    <row r="324078" spans="8:8">
      <c r="H324078" s="12"/>
    </row>
    <row r="324079" spans="8:8">
      <c r="H324079" s="12"/>
    </row>
    <row r="324080" spans="8:8">
      <c r="H324080" s="12"/>
    </row>
    <row r="324081" spans="8:8">
      <c r="H324081" s="12"/>
    </row>
    <row r="324082" spans="8:8">
      <c r="H324082" s="12"/>
    </row>
    <row r="324083" spans="8:8">
      <c r="H324083" s="12"/>
    </row>
    <row r="324084" spans="8:8">
      <c r="H324084" s="12"/>
    </row>
    <row r="324085" spans="8:8">
      <c r="H324085" s="12"/>
    </row>
    <row r="324086" spans="8:8">
      <c r="H324086" s="12"/>
    </row>
    <row r="324087" spans="8:8">
      <c r="H324087" s="12"/>
    </row>
    <row r="324088" spans="8:8">
      <c r="H324088" s="12"/>
    </row>
    <row r="324089" spans="8:8">
      <c r="H324089" s="12"/>
    </row>
    <row r="324090" spans="8:8">
      <c r="H324090" s="12"/>
    </row>
    <row r="324091" spans="8:8">
      <c r="H324091" s="12"/>
    </row>
    <row r="324092" spans="8:8">
      <c r="H324092" s="12"/>
    </row>
    <row r="324093" spans="8:8">
      <c r="H324093" s="12"/>
    </row>
    <row r="324094" spans="8:8">
      <c r="H324094" s="12"/>
    </row>
    <row r="324095" spans="8:8">
      <c r="H324095" s="12"/>
    </row>
    <row r="324096" spans="8:8">
      <c r="H324096" s="12"/>
    </row>
    <row r="324097" spans="8:8">
      <c r="H324097" s="12"/>
    </row>
    <row r="324098" spans="8:8">
      <c r="H324098" s="12"/>
    </row>
    <row r="324099" spans="8:8">
      <c r="H324099" s="12"/>
    </row>
    <row r="324100" spans="8:8">
      <c r="H324100" s="12"/>
    </row>
    <row r="324101" spans="8:8">
      <c r="H324101" s="12"/>
    </row>
    <row r="324102" spans="8:8">
      <c r="H324102" s="12"/>
    </row>
    <row r="324103" spans="8:8">
      <c r="H324103" s="12"/>
    </row>
    <row r="324104" spans="8:8">
      <c r="H324104" s="12"/>
    </row>
    <row r="324105" spans="8:8">
      <c r="H324105" s="12"/>
    </row>
    <row r="324106" spans="8:8">
      <c r="H324106" s="12"/>
    </row>
    <row r="324107" spans="8:8">
      <c r="H324107" s="12"/>
    </row>
    <row r="324108" spans="8:8">
      <c r="H324108" s="12"/>
    </row>
    <row r="324109" spans="8:8">
      <c r="H324109" s="12"/>
    </row>
    <row r="324110" spans="8:8">
      <c r="H324110" s="12"/>
    </row>
    <row r="324111" spans="8:8">
      <c r="H324111" s="12"/>
    </row>
    <row r="324112" spans="8:8">
      <c r="H324112" s="12"/>
    </row>
    <row r="324113" spans="8:8">
      <c r="H324113" s="12"/>
    </row>
    <row r="324114" spans="8:8">
      <c r="H324114" s="12"/>
    </row>
    <row r="324115" spans="8:8">
      <c r="H324115" s="12"/>
    </row>
    <row r="324116" spans="8:8">
      <c r="H324116" s="12"/>
    </row>
    <row r="324117" spans="8:8">
      <c r="H324117" s="12"/>
    </row>
    <row r="324118" spans="8:8">
      <c r="H324118" s="12"/>
    </row>
    <row r="324119" spans="8:8">
      <c r="H324119" s="12"/>
    </row>
    <row r="324120" spans="8:8">
      <c r="H324120" s="12"/>
    </row>
    <row r="324121" spans="8:8">
      <c r="H324121" s="12"/>
    </row>
    <row r="324122" spans="8:8">
      <c r="H324122" s="12"/>
    </row>
    <row r="324123" spans="8:8">
      <c r="H324123" s="12"/>
    </row>
    <row r="324124" spans="8:8">
      <c r="H324124" s="12"/>
    </row>
    <row r="324125" spans="8:8">
      <c r="H324125" s="12"/>
    </row>
    <row r="324126" spans="8:8">
      <c r="H324126" s="12"/>
    </row>
    <row r="324127" spans="8:8">
      <c r="H324127" s="12"/>
    </row>
    <row r="324128" spans="8:8">
      <c r="H324128" s="12"/>
    </row>
    <row r="324129" spans="8:8">
      <c r="H324129" s="12"/>
    </row>
    <row r="324130" spans="8:8">
      <c r="H324130" s="12"/>
    </row>
    <row r="324131" spans="8:8">
      <c r="H324131" s="12"/>
    </row>
    <row r="324132" spans="8:8">
      <c r="H324132" s="12"/>
    </row>
    <row r="324133" spans="8:8">
      <c r="H324133" s="12"/>
    </row>
    <row r="324134" spans="8:8">
      <c r="H324134" s="12"/>
    </row>
    <row r="324135" spans="8:8">
      <c r="H324135" s="12"/>
    </row>
    <row r="324136" spans="8:8">
      <c r="H324136" s="12"/>
    </row>
    <row r="324137" spans="8:8">
      <c r="H324137" s="12"/>
    </row>
    <row r="324138" spans="8:8">
      <c r="H324138" s="12"/>
    </row>
    <row r="324139" spans="8:8">
      <c r="H324139" s="12"/>
    </row>
    <row r="324140" spans="8:8">
      <c r="H324140" s="12"/>
    </row>
    <row r="324141" spans="8:8">
      <c r="H324141" s="12"/>
    </row>
    <row r="324142" spans="8:8">
      <c r="H324142" s="12"/>
    </row>
    <row r="324143" spans="8:8">
      <c r="H324143" s="12"/>
    </row>
    <row r="324144" spans="8:8">
      <c r="H324144" s="12"/>
    </row>
    <row r="324145" spans="8:8">
      <c r="H324145" s="12"/>
    </row>
    <row r="324146" spans="8:8">
      <c r="H324146" s="12"/>
    </row>
    <row r="324147" spans="8:8">
      <c r="H324147" s="12"/>
    </row>
    <row r="324148" spans="8:8">
      <c r="H324148" s="12"/>
    </row>
    <row r="324149" spans="8:8">
      <c r="H324149" s="12"/>
    </row>
    <row r="324150" spans="8:8">
      <c r="H324150" s="12"/>
    </row>
    <row r="324151" spans="8:8">
      <c r="H324151" s="12"/>
    </row>
    <row r="324152" spans="8:8">
      <c r="H324152" s="12"/>
    </row>
    <row r="324153" spans="8:8">
      <c r="H324153" s="12"/>
    </row>
    <row r="324154" spans="8:8">
      <c r="H324154" s="12"/>
    </row>
    <row r="324155" spans="8:8">
      <c r="H324155" s="12"/>
    </row>
    <row r="324156" spans="8:8">
      <c r="H324156" s="12"/>
    </row>
    <row r="324157" spans="8:8">
      <c r="H324157" s="12"/>
    </row>
    <row r="324158" spans="8:8">
      <c r="H324158" s="12"/>
    </row>
    <row r="324159" spans="8:8">
      <c r="H324159" s="12"/>
    </row>
    <row r="324160" spans="8:8">
      <c r="H324160" s="12"/>
    </row>
    <row r="324161" spans="8:8">
      <c r="H324161" s="12"/>
    </row>
    <row r="324162" spans="8:8">
      <c r="H324162" s="12"/>
    </row>
    <row r="324163" spans="8:8">
      <c r="H324163" s="12"/>
    </row>
    <row r="324164" spans="8:8">
      <c r="H324164" s="12"/>
    </row>
    <row r="324165" spans="8:8">
      <c r="H324165" s="12"/>
    </row>
    <row r="324166" spans="8:8">
      <c r="H324166" s="12"/>
    </row>
    <row r="324167" spans="8:8">
      <c r="H324167" s="12"/>
    </row>
    <row r="324168" spans="8:8">
      <c r="H324168" s="12"/>
    </row>
    <row r="324169" spans="8:8">
      <c r="H324169" s="12"/>
    </row>
    <row r="324170" spans="8:8">
      <c r="H324170" s="12"/>
    </row>
    <row r="324171" spans="8:8">
      <c r="H324171" s="12"/>
    </row>
    <row r="324172" spans="8:8">
      <c r="H324172" s="12"/>
    </row>
    <row r="324173" spans="8:8">
      <c r="H324173" s="12"/>
    </row>
    <row r="324174" spans="8:8">
      <c r="H324174" s="12"/>
    </row>
    <row r="324175" spans="8:8">
      <c r="H324175" s="12"/>
    </row>
    <row r="324176" spans="8:8">
      <c r="H324176" s="12"/>
    </row>
    <row r="324177" spans="8:8">
      <c r="H324177" s="12"/>
    </row>
    <row r="324178" spans="8:8">
      <c r="H324178" s="12"/>
    </row>
    <row r="324179" spans="8:8">
      <c r="H324179" s="12"/>
    </row>
    <row r="324180" spans="8:8">
      <c r="H324180" s="12"/>
    </row>
    <row r="324181" spans="8:8">
      <c r="H324181" s="12"/>
    </row>
    <row r="324182" spans="8:8">
      <c r="H324182" s="12"/>
    </row>
    <row r="324183" spans="8:8">
      <c r="H324183" s="12"/>
    </row>
    <row r="324184" spans="8:8">
      <c r="H324184" s="12"/>
    </row>
    <row r="324185" spans="8:8">
      <c r="H324185" s="12"/>
    </row>
    <row r="324186" spans="8:8">
      <c r="H324186" s="12"/>
    </row>
    <row r="324187" spans="8:8">
      <c r="H324187" s="12"/>
    </row>
    <row r="324188" spans="8:8">
      <c r="H324188" s="12"/>
    </row>
    <row r="324189" spans="8:8">
      <c r="H324189" s="12"/>
    </row>
    <row r="324190" spans="8:8">
      <c r="H324190" s="12"/>
    </row>
    <row r="324191" spans="8:8">
      <c r="H324191" s="12"/>
    </row>
    <row r="324192" spans="8:8">
      <c r="H324192" s="12"/>
    </row>
    <row r="324193" spans="8:8">
      <c r="H324193" s="12"/>
    </row>
    <row r="324194" spans="8:8">
      <c r="H324194" s="12"/>
    </row>
    <row r="324195" spans="8:8">
      <c r="H324195" s="12"/>
    </row>
    <row r="324196" spans="8:8">
      <c r="H324196" s="12"/>
    </row>
    <row r="324197" spans="8:8">
      <c r="H324197" s="12"/>
    </row>
    <row r="324198" spans="8:8">
      <c r="H324198" s="12"/>
    </row>
    <row r="324199" spans="8:8">
      <c r="H324199" s="12"/>
    </row>
    <row r="324200" spans="8:8">
      <c r="H324200" s="12"/>
    </row>
    <row r="324201" spans="8:8">
      <c r="H324201" s="12"/>
    </row>
    <row r="324202" spans="8:8">
      <c r="H324202" s="12"/>
    </row>
    <row r="324203" spans="8:8">
      <c r="H324203" s="12"/>
    </row>
    <row r="324204" spans="8:8">
      <c r="H324204" s="12"/>
    </row>
    <row r="324205" spans="8:8">
      <c r="H324205" s="12"/>
    </row>
    <row r="324206" spans="8:8">
      <c r="H324206" s="12"/>
    </row>
    <row r="324207" spans="8:8">
      <c r="H324207" s="12"/>
    </row>
    <row r="324208" spans="8:8">
      <c r="H324208" s="12"/>
    </row>
    <row r="324209" spans="8:8">
      <c r="H324209" s="12"/>
    </row>
    <row r="324210" spans="8:8">
      <c r="H324210" s="12"/>
    </row>
    <row r="324211" spans="8:8">
      <c r="H324211" s="12"/>
    </row>
    <row r="324212" spans="8:8">
      <c r="H324212" s="12"/>
    </row>
    <row r="324213" spans="8:8">
      <c r="H324213" s="12"/>
    </row>
    <row r="324214" spans="8:8">
      <c r="H324214" s="12"/>
    </row>
    <row r="324215" spans="8:8">
      <c r="H324215" s="12"/>
    </row>
    <row r="324216" spans="8:8">
      <c r="H324216" s="12"/>
    </row>
    <row r="324217" spans="8:8">
      <c r="H324217" s="12"/>
    </row>
    <row r="324218" spans="8:8">
      <c r="H324218" s="12"/>
    </row>
    <row r="324219" spans="8:8">
      <c r="H324219" s="12"/>
    </row>
    <row r="324220" spans="8:8">
      <c r="H324220" s="12"/>
    </row>
    <row r="324221" spans="8:8">
      <c r="H324221" s="12"/>
    </row>
    <row r="324222" spans="8:8">
      <c r="H324222" s="12"/>
    </row>
    <row r="324223" spans="8:8">
      <c r="H324223" s="12"/>
    </row>
    <row r="324224" spans="8:8">
      <c r="H324224" s="12"/>
    </row>
    <row r="324225" spans="8:8">
      <c r="H324225" s="12"/>
    </row>
    <row r="324226" spans="8:8">
      <c r="H324226" s="12"/>
    </row>
    <row r="324227" spans="8:8">
      <c r="H324227" s="12"/>
    </row>
    <row r="324228" spans="8:8">
      <c r="H324228" s="12"/>
    </row>
    <row r="324229" spans="8:8">
      <c r="H324229" s="12"/>
    </row>
    <row r="324230" spans="8:8">
      <c r="H324230" s="12"/>
    </row>
    <row r="324231" spans="8:8">
      <c r="H324231" s="12"/>
    </row>
    <row r="324232" spans="8:8">
      <c r="H324232" s="12"/>
    </row>
    <row r="324233" spans="8:8">
      <c r="H324233" s="12"/>
    </row>
    <row r="324234" spans="8:8">
      <c r="H324234" s="12"/>
    </row>
    <row r="324235" spans="8:8">
      <c r="H324235" s="12"/>
    </row>
    <row r="324236" spans="8:8">
      <c r="H324236" s="12"/>
    </row>
    <row r="324237" spans="8:8">
      <c r="H324237" s="12"/>
    </row>
    <row r="324238" spans="8:8">
      <c r="H324238" s="12"/>
    </row>
    <row r="324239" spans="8:8">
      <c r="H324239" s="12"/>
    </row>
    <row r="324240" spans="8:8">
      <c r="H324240" s="12"/>
    </row>
    <row r="324241" spans="8:8">
      <c r="H324241" s="12"/>
    </row>
    <row r="324242" spans="8:8">
      <c r="H324242" s="12"/>
    </row>
    <row r="324243" spans="8:8">
      <c r="H324243" s="12"/>
    </row>
    <row r="324244" spans="8:8">
      <c r="H324244" s="12"/>
    </row>
    <row r="324245" spans="8:8">
      <c r="H324245" s="12"/>
    </row>
    <row r="324246" spans="8:8">
      <c r="H324246" s="12"/>
    </row>
    <row r="324247" spans="8:8">
      <c r="H324247" s="12"/>
    </row>
    <row r="324248" spans="8:8">
      <c r="H324248" s="12"/>
    </row>
    <row r="324249" spans="8:8">
      <c r="H324249" s="12"/>
    </row>
    <row r="324250" spans="8:8">
      <c r="H324250" s="12"/>
    </row>
    <row r="324251" spans="8:8">
      <c r="H324251" s="12"/>
    </row>
    <row r="324252" spans="8:8">
      <c r="H324252" s="12"/>
    </row>
    <row r="324253" spans="8:8">
      <c r="H324253" s="12"/>
    </row>
    <row r="324254" spans="8:8">
      <c r="H324254" s="12"/>
    </row>
    <row r="324255" spans="8:8">
      <c r="H324255" s="12"/>
    </row>
    <row r="324256" spans="8:8">
      <c r="H324256" s="12"/>
    </row>
    <row r="324257" spans="8:8">
      <c r="H324257" s="12"/>
    </row>
    <row r="324258" spans="8:8">
      <c r="H324258" s="12"/>
    </row>
    <row r="324259" spans="8:8">
      <c r="H324259" s="12"/>
    </row>
    <row r="324260" spans="8:8">
      <c r="H324260" s="12"/>
    </row>
    <row r="324261" spans="8:8">
      <c r="H324261" s="12"/>
    </row>
    <row r="324262" spans="8:8">
      <c r="H324262" s="12"/>
    </row>
    <row r="324263" spans="8:8">
      <c r="H324263" s="12"/>
    </row>
    <row r="324264" spans="8:8">
      <c r="H324264" s="12"/>
    </row>
    <row r="324265" spans="8:8">
      <c r="H324265" s="12"/>
    </row>
    <row r="324266" spans="8:8">
      <c r="H324266" s="12"/>
    </row>
    <row r="324267" spans="8:8">
      <c r="H324267" s="12"/>
    </row>
    <row r="324268" spans="8:8">
      <c r="H324268" s="12"/>
    </row>
    <row r="324269" spans="8:8">
      <c r="H324269" s="12"/>
    </row>
    <row r="324270" spans="8:8">
      <c r="H324270" s="12"/>
    </row>
    <row r="324271" spans="8:8">
      <c r="H324271" s="12"/>
    </row>
    <row r="324272" spans="8:8">
      <c r="H324272" s="12"/>
    </row>
    <row r="324273" spans="8:8">
      <c r="H324273" s="12"/>
    </row>
    <row r="324274" spans="8:8">
      <c r="H324274" s="12"/>
    </row>
    <row r="324275" spans="8:8">
      <c r="H324275" s="12"/>
    </row>
    <row r="324276" spans="8:8">
      <c r="H324276" s="12"/>
    </row>
    <row r="324277" spans="8:8">
      <c r="H324277" s="12"/>
    </row>
    <row r="324278" spans="8:8">
      <c r="H324278" s="12"/>
    </row>
    <row r="324279" spans="8:8">
      <c r="H324279" s="12"/>
    </row>
    <row r="324280" spans="8:8">
      <c r="H324280" s="12"/>
    </row>
    <row r="324281" spans="8:8">
      <c r="H324281" s="12"/>
    </row>
    <row r="324282" spans="8:8">
      <c r="H324282" s="12"/>
    </row>
    <row r="324283" spans="8:8">
      <c r="H324283" s="12"/>
    </row>
    <row r="324284" spans="8:8">
      <c r="H324284" s="12"/>
    </row>
    <row r="324285" spans="8:8">
      <c r="H324285" s="12"/>
    </row>
    <row r="324286" spans="8:8">
      <c r="H324286" s="12"/>
    </row>
    <row r="324287" spans="8:8">
      <c r="H324287" s="12"/>
    </row>
    <row r="324288" spans="8:8">
      <c r="H324288" s="12"/>
    </row>
    <row r="324289" spans="8:8">
      <c r="H324289" s="12"/>
    </row>
    <row r="324290" spans="8:8">
      <c r="H324290" s="12"/>
    </row>
    <row r="324291" spans="8:8">
      <c r="H324291" s="12"/>
    </row>
    <row r="324292" spans="8:8">
      <c r="H324292" s="12"/>
    </row>
    <row r="324293" spans="8:8">
      <c r="H324293" s="12"/>
    </row>
    <row r="324294" spans="8:8">
      <c r="H324294" s="12"/>
    </row>
    <row r="324295" spans="8:8">
      <c r="H324295" s="12"/>
    </row>
    <row r="324296" spans="8:8">
      <c r="H324296" s="12"/>
    </row>
    <row r="324297" spans="8:8">
      <c r="H324297" s="12"/>
    </row>
    <row r="324298" spans="8:8">
      <c r="H324298" s="12"/>
    </row>
    <row r="324299" spans="8:8">
      <c r="H324299" s="12"/>
    </row>
    <row r="324300" spans="8:8">
      <c r="H324300" s="12"/>
    </row>
    <row r="324301" spans="8:8">
      <c r="H324301" s="12"/>
    </row>
    <row r="324302" spans="8:8">
      <c r="H324302" s="12"/>
    </row>
    <row r="324303" spans="8:8">
      <c r="H324303" s="12"/>
    </row>
    <row r="324304" spans="8:8">
      <c r="H324304" s="12"/>
    </row>
    <row r="324305" spans="8:8">
      <c r="H324305" s="12"/>
    </row>
    <row r="324306" spans="8:8">
      <c r="H324306" s="12"/>
    </row>
    <row r="324307" spans="8:8">
      <c r="H324307" s="12"/>
    </row>
    <row r="324308" spans="8:8">
      <c r="H324308" s="12"/>
    </row>
    <row r="324309" spans="8:8">
      <c r="H324309" s="12"/>
    </row>
    <row r="324310" spans="8:8">
      <c r="H324310" s="12"/>
    </row>
    <row r="324311" spans="8:8">
      <c r="H324311" s="12"/>
    </row>
    <row r="324312" spans="8:8">
      <c r="H324312" s="12"/>
    </row>
    <row r="324313" spans="8:8">
      <c r="H324313" s="12"/>
    </row>
    <row r="324314" spans="8:8">
      <c r="H324314" s="12"/>
    </row>
    <row r="324315" spans="8:8">
      <c r="H324315" s="12"/>
    </row>
    <row r="324316" spans="8:8">
      <c r="H324316" s="12"/>
    </row>
    <row r="324317" spans="8:8">
      <c r="H324317" s="12"/>
    </row>
    <row r="324318" spans="8:8">
      <c r="H324318" s="12"/>
    </row>
    <row r="324319" spans="8:8">
      <c r="H324319" s="12"/>
    </row>
    <row r="324320" spans="8:8">
      <c r="H324320" s="12"/>
    </row>
    <row r="324321" spans="8:8">
      <c r="H324321" s="12"/>
    </row>
    <row r="324322" spans="8:8">
      <c r="H324322" s="12"/>
    </row>
    <row r="324323" spans="8:8">
      <c r="H324323" s="12"/>
    </row>
    <row r="324324" spans="8:8">
      <c r="H324324" s="12"/>
    </row>
    <row r="324325" spans="8:8">
      <c r="H324325" s="12"/>
    </row>
    <row r="324326" spans="8:8">
      <c r="H324326" s="12"/>
    </row>
    <row r="324327" spans="8:8">
      <c r="H324327" s="12"/>
    </row>
    <row r="324328" spans="8:8">
      <c r="H324328" s="12"/>
    </row>
    <row r="324329" spans="8:8">
      <c r="H324329" s="12"/>
    </row>
    <row r="324330" spans="8:8">
      <c r="H324330" s="12"/>
    </row>
    <row r="324331" spans="8:8">
      <c r="H324331" s="12"/>
    </row>
    <row r="324332" spans="8:8">
      <c r="H324332" s="12"/>
    </row>
    <row r="324333" spans="8:8">
      <c r="H324333" s="12"/>
    </row>
    <row r="324334" spans="8:8">
      <c r="H324334" s="12"/>
    </row>
    <row r="324335" spans="8:8">
      <c r="H324335" s="12"/>
    </row>
    <row r="324336" spans="8:8">
      <c r="H324336" s="12"/>
    </row>
    <row r="324337" spans="8:8">
      <c r="H324337" s="12"/>
    </row>
    <row r="324338" spans="8:8">
      <c r="H324338" s="12"/>
    </row>
    <row r="324339" spans="8:8">
      <c r="H324339" s="12"/>
    </row>
    <row r="324340" spans="8:8">
      <c r="H324340" s="12"/>
    </row>
    <row r="324341" spans="8:8">
      <c r="H324341" s="12"/>
    </row>
    <row r="324342" spans="8:8">
      <c r="H324342" s="12"/>
    </row>
    <row r="324343" spans="8:8">
      <c r="H324343" s="12"/>
    </row>
    <row r="324344" spans="8:8">
      <c r="H324344" s="12"/>
    </row>
    <row r="324345" spans="8:8">
      <c r="H324345" s="12"/>
    </row>
    <row r="324346" spans="8:8">
      <c r="H324346" s="12"/>
    </row>
    <row r="324347" spans="8:8">
      <c r="H324347" s="12"/>
    </row>
    <row r="324348" spans="8:8">
      <c r="H324348" s="12"/>
    </row>
    <row r="324349" spans="8:8">
      <c r="H324349" s="12"/>
    </row>
    <row r="324350" spans="8:8">
      <c r="H324350" s="12"/>
    </row>
    <row r="324351" spans="8:8">
      <c r="H324351" s="12"/>
    </row>
    <row r="324352" spans="8:8">
      <c r="H324352" s="12"/>
    </row>
    <row r="324353" spans="8:8">
      <c r="H324353" s="12"/>
    </row>
    <row r="324354" spans="8:8">
      <c r="H324354" s="12"/>
    </row>
    <row r="324355" spans="8:8">
      <c r="H324355" s="12"/>
    </row>
    <row r="324356" spans="8:8">
      <c r="H324356" s="12"/>
    </row>
    <row r="324357" spans="8:8">
      <c r="H324357" s="12"/>
    </row>
    <row r="324358" spans="8:8">
      <c r="H324358" s="12"/>
    </row>
    <row r="324359" spans="8:8">
      <c r="H324359" s="12"/>
    </row>
    <row r="324360" spans="8:8">
      <c r="H324360" s="12"/>
    </row>
    <row r="324361" spans="8:8">
      <c r="H324361" s="12"/>
    </row>
    <row r="324362" spans="8:8">
      <c r="H324362" s="12"/>
    </row>
    <row r="324363" spans="8:8">
      <c r="H324363" s="12"/>
    </row>
    <row r="324364" spans="8:8">
      <c r="H324364" s="12"/>
    </row>
    <row r="324365" spans="8:8">
      <c r="H324365" s="12"/>
    </row>
    <row r="324366" spans="8:8">
      <c r="H324366" s="12"/>
    </row>
    <row r="324367" spans="8:8">
      <c r="H324367" s="12"/>
    </row>
    <row r="324368" spans="8:8">
      <c r="H324368" s="12"/>
    </row>
    <row r="324369" spans="8:8">
      <c r="H324369" s="12"/>
    </row>
    <row r="324370" spans="8:8">
      <c r="H324370" s="12"/>
    </row>
    <row r="324371" spans="8:8">
      <c r="H324371" s="12"/>
    </row>
    <row r="324372" spans="8:8">
      <c r="H324372" s="12"/>
    </row>
    <row r="324373" spans="8:8">
      <c r="H324373" s="12"/>
    </row>
    <row r="324374" spans="8:8">
      <c r="H324374" s="12"/>
    </row>
    <row r="324375" spans="8:8">
      <c r="H324375" s="12"/>
    </row>
    <row r="324376" spans="8:8">
      <c r="H324376" s="12"/>
    </row>
    <row r="324377" spans="8:8">
      <c r="H324377" s="12"/>
    </row>
    <row r="324378" spans="8:8">
      <c r="H324378" s="12"/>
    </row>
    <row r="324379" spans="8:8">
      <c r="H324379" s="12"/>
    </row>
    <row r="324380" spans="8:8">
      <c r="H324380" s="12"/>
    </row>
    <row r="324381" spans="8:8">
      <c r="H324381" s="12"/>
    </row>
    <row r="324382" spans="8:8">
      <c r="H324382" s="12"/>
    </row>
    <row r="324383" spans="8:8">
      <c r="H324383" s="12"/>
    </row>
    <row r="324384" spans="8:8">
      <c r="H324384" s="12"/>
    </row>
    <row r="324385" spans="8:8">
      <c r="H324385" s="12"/>
    </row>
    <row r="324386" spans="8:8">
      <c r="H324386" s="12"/>
    </row>
    <row r="324387" spans="8:8">
      <c r="H324387" s="12"/>
    </row>
    <row r="324388" spans="8:8">
      <c r="H324388" s="12"/>
    </row>
    <row r="324389" spans="8:8">
      <c r="H324389" s="12"/>
    </row>
    <row r="324390" spans="8:8">
      <c r="H324390" s="12"/>
    </row>
    <row r="324391" spans="8:8">
      <c r="H324391" s="12"/>
    </row>
    <row r="324392" spans="8:8">
      <c r="H324392" s="12"/>
    </row>
    <row r="324393" spans="8:8">
      <c r="H324393" s="12"/>
    </row>
    <row r="324394" spans="8:8">
      <c r="H324394" s="12"/>
    </row>
    <row r="324395" spans="8:8">
      <c r="H324395" s="12"/>
    </row>
    <row r="324396" spans="8:8">
      <c r="H324396" s="12"/>
    </row>
    <row r="324397" spans="8:8">
      <c r="H324397" s="12"/>
    </row>
    <row r="324398" spans="8:8">
      <c r="H324398" s="12"/>
    </row>
    <row r="324399" spans="8:8">
      <c r="H324399" s="12"/>
    </row>
    <row r="324400" spans="8:8">
      <c r="H324400" s="12"/>
    </row>
    <row r="324401" spans="8:8">
      <c r="H324401" s="12"/>
    </row>
    <row r="324402" spans="8:8">
      <c r="H324402" s="12"/>
    </row>
    <row r="324403" spans="8:8">
      <c r="H324403" s="12"/>
    </row>
    <row r="324404" spans="8:8">
      <c r="H324404" s="12"/>
    </row>
    <row r="324405" spans="8:8">
      <c r="H324405" s="12"/>
    </row>
    <row r="324406" spans="8:8">
      <c r="H324406" s="12"/>
    </row>
    <row r="324407" spans="8:8">
      <c r="H324407" s="12"/>
    </row>
    <row r="324408" spans="8:8">
      <c r="H324408" s="12"/>
    </row>
    <row r="324409" spans="8:8">
      <c r="H324409" s="12"/>
    </row>
    <row r="324410" spans="8:8">
      <c r="H324410" s="12"/>
    </row>
    <row r="324411" spans="8:8">
      <c r="H324411" s="12"/>
    </row>
    <row r="324412" spans="8:8">
      <c r="H324412" s="12"/>
    </row>
    <row r="324413" spans="8:8">
      <c r="H324413" s="12"/>
    </row>
    <row r="324414" spans="8:8">
      <c r="H324414" s="12"/>
    </row>
    <row r="324415" spans="8:8">
      <c r="H324415" s="12"/>
    </row>
    <row r="324416" spans="8:8">
      <c r="H324416" s="12"/>
    </row>
    <row r="324417" spans="8:8">
      <c r="H324417" s="12"/>
    </row>
    <row r="324418" spans="8:8">
      <c r="H324418" s="12"/>
    </row>
    <row r="324419" spans="8:8">
      <c r="H324419" s="12"/>
    </row>
    <row r="324420" spans="8:8">
      <c r="H324420" s="12"/>
    </row>
    <row r="324421" spans="8:8">
      <c r="H324421" s="12"/>
    </row>
    <row r="324422" spans="8:8">
      <c r="H324422" s="12"/>
    </row>
    <row r="324423" spans="8:8">
      <c r="H324423" s="12"/>
    </row>
    <row r="324424" spans="8:8">
      <c r="H324424" s="12"/>
    </row>
    <row r="324425" spans="8:8">
      <c r="H324425" s="12"/>
    </row>
    <row r="324426" spans="8:8">
      <c r="H324426" s="12"/>
    </row>
    <row r="324427" spans="8:8">
      <c r="H324427" s="12"/>
    </row>
    <row r="324428" spans="8:8">
      <c r="H324428" s="12"/>
    </row>
    <row r="324429" spans="8:8">
      <c r="H324429" s="12"/>
    </row>
    <row r="324430" spans="8:8">
      <c r="H324430" s="12"/>
    </row>
    <row r="324431" spans="8:8">
      <c r="H324431" s="12"/>
    </row>
    <row r="324432" spans="8:8">
      <c r="H324432" s="12"/>
    </row>
    <row r="324433" spans="8:8">
      <c r="H324433" s="12"/>
    </row>
    <row r="324434" spans="8:8">
      <c r="H324434" s="12"/>
    </row>
    <row r="324435" spans="8:8">
      <c r="H324435" s="12"/>
    </row>
    <row r="324436" spans="8:8">
      <c r="H324436" s="12"/>
    </row>
    <row r="324437" spans="8:8">
      <c r="H324437" s="12"/>
    </row>
    <row r="324438" spans="8:8">
      <c r="H324438" s="12"/>
    </row>
    <row r="324439" spans="8:8">
      <c r="H324439" s="12"/>
    </row>
    <row r="324440" spans="8:8">
      <c r="H324440" s="12"/>
    </row>
    <row r="324441" spans="8:8">
      <c r="H324441" s="12"/>
    </row>
    <row r="324442" spans="8:8">
      <c r="H324442" s="12"/>
    </row>
    <row r="324443" spans="8:8">
      <c r="H324443" s="12"/>
    </row>
    <row r="324444" spans="8:8">
      <c r="H324444" s="12"/>
    </row>
    <row r="324445" spans="8:8">
      <c r="H324445" s="12"/>
    </row>
    <row r="324446" spans="8:8">
      <c r="H324446" s="12"/>
    </row>
    <row r="324447" spans="8:8">
      <c r="H324447" s="12"/>
    </row>
    <row r="324448" spans="8:8">
      <c r="H324448" s="12"/>
    </row>
    <row r="324449" spans="8:8">
      <c r="H324449" s="12"/>
    </row>
    <row r="324450" spans="8:8">
      <c r="H324450" s="12"/>
    </row>
    <row r="324451" spans="8:8">
      <c r="H324451" s="12"/>
    </row>
    <row r="324452" spans="8:8">
      <c r="H324452" s="12"/>
    </row>
    <row r="324453" spans="8:8">
      <c r="H324453" s="12"/>
    </row>
    <row r="324454" spans="8:8">
      <c r="H324454" s="12"/>
    </row>
    <row r="324455" spans="8:8">
      <c r="H324455" s="12"/>
    </row>
    <row r="324456" spans="8:8">
      <c r="H324456" s="12"/>
    </row>
    <row r="324457" spans="8:8">
      <c r="H324457" s="12"/>
    </row>
    <row r="324458" spans="8:8">
      <c r="H324458" s="12"/>
    </row>
    <row r="324459" spans="8:8">
      <c r="H324459" s="12"/>
    </row>
    <row r="324460" spans="8:8">
      <c r="H324460" s="12"/>
    </row>
    <row r="324461" spans="8:8">
      <c r="H324461" s="12"/>
    </row>
    <row r="324462" spans="8:8">
      <c r="H324462" s="12"/>
    </row>
    <row r="324463" spans="8:8">
      <c r="H324463" s="12"/>
    </row>
    <row r="324464" spans="8:8">
      <c r="H324464" s="12"/>
    </row>
    <row r="324465" spans="8:8">
      <c r="H324465" s="12"/>
    </row>
    <row r="324466" spans="8:8">
      <c r="H324466" s="12"/>
    </row>
    <row r="324467" spans="8:8">
      <c r="H324467" s="12"/>
    </row>
    <row r="324468" spans="8:8">
      <c r="H324468" s="12"/>
    </row>
    <row r="324469" spans="8:8">
      <c r="H324469" s="12"/>
    </row>
    <row r="324470" spans="8:8">
      <c r="H324470" s="12"/>
    </row>
    <row r="324471" spans="8:8">
      <c r="H324471" s="12"/>
    </row>
    <row r="324472" spans="8:8">
      <c r="H324472" s="12"/>
    </row>
    <row r="324473" spans="8:8">
      <c r="H324473" s="12"/>
    </row>
    <row r="324474" spans="8:8">
      <c r="H324474" s="12"/>
    </row>
    <row r="324475" spans="8:8">
      <c r="H324475" s="12"/>
    </row>
    <row r="324476" spans="8:8">
      <c r="H324476" s="12"/>
    </row>
    <row r="324477" spans="8:8">
      <c r="H324477" s="12"/>
    </row>
    <row r="324478" spans="8:8">
      <c r="H324478" s="12"/>
    </row>
    <row r="324479" spans="8:8">
      <c r="H324479" s="12"/>
    </row>
    <row r="324480" spans="8:8">
      <c r="H324480" s="12"/>
    </row>
    <row r="324481" spans="8:8">
      <c r="H324481" s="12"/>
    </row>
    <row r="324482" spans="8:8">
      <c r="H324482" s="12"/>
    </row>
    <row r="324483" spans="8:8">
      <c r="H324483" s="12"/>
    </row>
    <row r="324484" spans="8:8">
      <c r="H324484" s="12"/>
    </row>
    <row r="324485" spans="8:8">
      <c r="H324485" s="12"/>
    </row>
    <row r="324486" spans="8:8">
      <c r="H324486" s="12"/>
    </row>
    <row r="324487" spans="8:8">
      <c r="H324487" s="12"/>
    </row>
    <row r="324488" spans="8:8">
      <c r="H324488" s="12"/>
    </row>
    <row r="324489" spans="8:8">
      <c r="H324489" s="12"/>
    </row>
    <row r="324490" spans="8:8">
      <c r="H324490" s="12"/>
    </row>
    <row r="324491" spans="8:8">
      <c r="H324491" s="12"/>
    </row>
    <row r="324492" spans="8:8">
      <c r="H324492" s="12"/>
    </row>
    <row r="324493" spans="8:8">
      <c r="H324493" s="12"/>
    </row>
    <row r="324494" spans="8:8">
      <c r="H324494" s="12"/>
    </row>
    <row r="324495" spans="8:8">
      <c r="H324495" s="12"/>
    </row>
    <row r="324496" spans="8:8">
      <c r="H324496" s="12"/>
    </row>
    <row r="324497" spans="8:8">
      <c r="H324497" s="12"/>
    </row>
    <row r="324498" spans="8:8">
      <c r="H324498" s="12"/>
    </row>
    <row r="324499" spans="8:8">
      <c r="H324499" s="12"/>
    </row>
    <row r="324500" spans="8:8">
      <c r="H324500" s="12"/>
    </row>
    <row r="324501" spans="8:8">
      <c r="H324501" s="12"/>
    </row>
    <row r="324502" spans="8:8">
      <c r="H324502" s="12"/>
    </row>
    <row r="324503" spans="8:8">
      <c r="H324503" s="12"/>
    </row>
    <row r="324504" spans="8:8">
      <c r="H324504" s="12"/>
    </row>
    <row r="324505" spans="8:8">
      <c r="H324505" s="12"/>
    </row>
    <row r="324506" spans="8:8">
      <c r="H324506" s="12"/>
    </row>
    <row r="324507" spans="8:8">
      <c r="H324507" s="12"/>
    </row>
    <row r="324508" spans="8:8">
      <c r="H324508" s="12"/>
    </row>
    <row r="324509" spans="8:8">
      <c r="H324509" s="12"/>
    </row>
    <row r="324510" spans="8:8">
      <c r="H324510" s="12"/>
    </row>
    <row r="324511" spans="8:8">
      <c r="H324511" s="12"/>
    </row>
    <row r="324512" spans="8:8">
      <c r="H324512" s="12"/>
    </row>
    <row r="324513" spans="8:8">
      <c r="H324513" s="12"/>
    </row>
    <row r="324514" spans="8:8">
      <c r="H324514" s="12"/>
    </row>
    <row r="324515" spans="8:8">
      <c r="H324515" s="12"/>
    </row>
    <row r="324516" spans="8:8">
      <c r="H324516" s="12"/>
    </row>
    <row r="324517" spans="8:8">
      <c r="H324517" s="12"/>
    </row>
    <row r="324518" spans="8:8">
      <c r="H324518" s="12"/>
    </row>
    <row r="324519" spans="8:8">
      <c r="H324519" s="12"/>
    </row>
    <row r="324520" spans="8:8">
      <c r="H324520" s="12"/>
    </row>
    <row r="324521" spans="8:8">
      <c r="H324521" s="12"/>
    </row>
    <row r="324522" spans="8:8">
      <c r="H324522" s="12"/>
    </row>
    <row r="324523" spans="8:8">
      <c r="H324523" s="12"/>
    </row>
    <row r="324524" spans="8:8">
      <c r="H324524" s="12"/>
    </row>
    <row r="324525" spans="8:8">
      <c r="H324525" s="12"/>
    </row>
    <row r="324526" spans="8:8">
      <c r="H324526" s="12"/>
    </row>
    <row r="324527" spans="8:8">
      <c r="H324527" s="12"/>
    </row>
    <row r="324528" spans="8:8">
      <c r="H324528" s="12"/>
    </row>
    <row r="324529" spans="8:8">
      <c r="H324529" s="12"/>
    </row>
    <row r="324530" spans="8:8">
      <c r="H324530" s="12"/>
    </row>
    <row r="324531" spans="8:8">
      <c r="H324531" s="12"/>
    </row>
    <row r="324532" spans="8:8">
      <c r="H324532" s="12"/>
    </row>
    <row r="324533" spans="8:8">
      <c r="H324533" s="12"/>
    </row>
    <row r="324534" spans="8:8">
      <c r="H324534" s="12"/>
    </row>
    <row r="324535" spans="8:8">
      <c r="H324535" s="12"/>
    </row>
    <row r="324536" spans="8:8">
      <c r="H324536" s="12"/>
    </row>
    <row r="324537" spans="8:8">
      <c r="H324537" s="12"/>
    </row>
    <row r="324538" spans="8:8">
      <c r="H324538" s="12"/>
    </row>
    <row r="324539" spans="8:8">
      <c r="H324539" s="12"/>
    </row>
    <row r="324540" spans="8:8">
      <c r="H324540" s="12"/>
    </row>
    <row r="324541" spans="8:8">
      <c r="H324541" s="12"/>
    </row>
    <row r="324542" spans="8:8">
      <c r="H324542" s="12"/>
    </row>
    <row r="324543" spans="8:8">
      <c r="H324543" s="12"/>
    </row>
    <row r="324544" spans="8:8">
      <c r="H324544" s="12"/>
    </row>
    <row r="324545" spans="8:8">
      <c r="H324545" s="12"/>
    </row>
    <row r="324546" spans="8:8">
      <c r="H324546" s="12"/>
    </row>
    <row r="324547" spans="8:8">
      <c r="H324547" s="12"/>
    </row>
    <row r="324548" spans="8:8">
      <c r="H324548" s="12"/>
    </row>
    <row r="324549" spans="8:8">
      <c r="H324549" s="12"/>
    </row>
    <row r="324550" spans="8:8">
      <c r="H324550" s="12"/>
    </row>
    <row r="324551" spans="8:8">
      <c r="H324551" s="12"/>
    </row>
    <row r="324552" spans="8:8">
      <c r="H324552" s="12"/>
    </row>
    <row r="324553" spans="8:8">
      <c r="H324553" s="12"/>
    </row>
    <row r="324554" spans="8:8">
      <c r="H324554" s="12"/>
    </row>
    <row r="324555" spans="8:8">
      <c r="H324555" s="12"/>
    </row>
    <row r="324556" spans="8:8">
      <c r="H324556" s="12"/>
    </row>
    <row r="324557" spans="8:8">
      <c r="H324557" s="12"/>
    </row>
    <row r="324558" spans="8:8">
      <c r="H324558" s="12"/>
    </row>
    <row r="324559" spans="8:8">
      <c r="H324559" s="12"/>
    </row>
    <row r="324560" spans="8:8">
      <c r="H324560" s="12"/>
    </row>
    <row r="324561" spans="8:8">
      <c r="H324561" s="12"/>
    </row>
    <row r="324562" spans="8:8">
      <c r="H324562" s="12"/>
    </row>
    <row r="324563" spans="8:8">
      <c r="H324563" s="12"/>
    </row>
    <row r="324564" spans="8:8">
      <c r="H324564" s="12"/>
    </row>
    <row r="324565" spans="8:8">
      <c r="H324565" s="12"/>
    </row>
    <row r="324566" spans="8:8">
      <c r="H324566" s="12"/>
    </row>
    <row r="324567" spans="8:8">
      <c r="H324567" s="12"/>
    </row>
    <row r="324568" spans="8:8">
      <c r="H324568" s="12"/>
    </row>
    <row r="324569" spans="8:8">
      <c r="H324569" s="12"/>
    </row>
    <row r="324570" spans="8:8">
      <c r="H324570" s="12"/>
    </row>
    <row r="324571" spans="8:8">
      <c r="H324571" s="12"/>
    </row>
    <row r="324572" spans="8:8">
      <c r="H324572" s="12"/>
    </row>
    <row r="324573" spans="8:8">
      <c r="H324573" s="12"/>
    </row>
    <row r="324574" spans="8:8">
      <c r="H324574" s="12"/>
    </row>
    <row r="324575" spans="8:8">
      <c r="H324575" s="12"/>
    </row>
    <row r="324576" spans="8:8">
      <c r="H324576" s="12"/>
    </row>
    <row r="324577" spans="8:8">
      <c r="H324577" s="12"/>
    </row>
    <row r="324578" spans="8:8">
      <c r="H324578" s="12"/>
    </row>
    <row r="324579" spans="8:8">
      <c r="H324579" s="12"/>
    </row>
    <row r="324580" spans="8:8">
      <c r="H324580" s="12"/>
    </row>
    <row r="324581" spans="8:8">
      <c r="H324581" s="12"/>
    </row>
    <row r="324582" spans="8:8">
      <c r="H324582" s="12"/>
    </row>
    <row r="324583" spans="8:8">
      <c r="H324583" s="12"/>
    </row>
    <row r="324584" spans="8:8">
      <c r="H324584" s="12"/>
    </row>
    <row r="324585" spans="8:8">
      <c r="H324585" s="12"/>
    </row>
    <row r="324586" spans="8:8">
      <c r="H324586" s="12"/>
    </row>
    <row r="324587" spans="8:8">
      <c r="H324587" s="12"/>
    </row>
    <row r="324588" spans="8:8">
      <c r="H324588" s="12"/>
    </row>
    <row r="324589" spans="8:8">
      <c r="H324589" s="12"/>
    </row>
    <row r="324590" spans="8:8">
      <c r="H324590" s="12"/>
    </row>
    <row r="324591" spans="8:8">
      <c r="H324591" s="12"/>
    </row>
    <row r="324592" spans="8:8">
      <c r="H324592" s="12"/>
    </row>
    <row r="324593" spans="8:8">
      <c r="H324593" s="12"/>
    </row>
    <row r="324594" spans="8:8">
      <c r="H324594" s="12"/>
    </row>
    <row r="324595" spans="8:8">
      <c r="H324595" s="12"/>
    </row>
    <row r="324596" spans="8:8">
      <c r="H324596" s="12"/>
    </row>
    <row r="324597" spans="8:8">
      <c r="H324597" s="12"/>
    </row>
    <row r="324598" spans="8:8">
      <c r="H324598" s="12"/>
    </row>
    <row r="324599" spans="8:8">
      <c r="H324599" s="12"/>
    </row>
    <row r="324600" spans="8:8">
      <c r="H324600" s="12"/>
    </row>
    <row r="324601" spans="8:8">
      <c r="H324601" s="12"/>
    </row>
    <row r="324602" spans="8:8">
      <c r="H324602" s="12"/>
    </row>
    <row r="324603" spans="8:8">
      <c r="H324603" s="12"/>
    </row>
    <row r="324604" spans="8:8">
      <c r="H324604" s="12"/>
    </row>
    <row r="324605" spans="8:8">
      <c r="H324605" s="12"/>
    </row>
    <row r="324606" spans="8:8">
      <c r="H324606" s="12"/>
    </row>
    <row r="324607" spans="8:8">
      <c r="H324607" s="12"/>
    </row>
    <row r="324608" spans="8:8">
      <c r="H324608" s="12"/>
    </row>
    <row r="324609" spans="8:8">
      <c r="H324609" s="12"/>
    </row>
    <row r="324610" spans="8:8">
      <c r="H324610" s="12"/>
    </row>
    <row r="324611" spans="8:8">
      <c r="H324611" s="12"/>
    </row>
    <row r="324612" spans="8:8">
      <c r="H324612" s="12"/>
    </row>
    <row r="324613" spans="8:8">
      <c r="H324613" s="12"/>
    </row>
    <row r="324614" spans="8:8">
      <c r="H324614" s="12"/>
    </row>
    <row r="324615" spans="8:8">
      <c r="H324615" s="12"/>
    </row>
    <row r="324616" spans="8:8">
      <c r="H324616" s="12"/>
    </row>
    <row r="324617" spans="8:8">
      <c r="H324617" s="12"/>
    </row>
    <row r="324618" spans="8:8">
      <c r="H324618" s="12"/>
    </row>
    <row r="324619" spans="8:8">
      <c r="H324619" s="12"/>
    </row>
    <row r="324620" spans="8:8">
      <c r="H324620" s="12"/>
    </row>
    <row r="324621" spans="8:8">
      <c r="H324621" s="12"/>
    </row>
    <row r="324622" spans="8:8">
      <c r="H324622" s="12"/>
    </row>
    <row r="324623" spans="8:8">
      <c r="H324623" s="12"/>
    </row>
    <row r="324624" spans="8:8">
      <c r="H324624" s="12"/>
    </row>
    <row r="324625" spans="8:8">
      <c r="H324625" s="12"/>
    </row>
    <row r="324626" spans="8:8">
      <c r="H324626" s="12"/>
    </row>
    <row r="324627" spans="8:8">
      <c r="H324627" s="12"/>
    </row>
    <row r="324628" spans="8:8">
      <c r="H324628" s="12"/>
    </row>
    <row r="324629" spans="8:8">
      <c r="H324629" s="12"/>
    </row>
    <row r="324630" spans="8:8">
      <c r="H324630" s="12"/>
    </row>
    <row r="324631" spans="8:8">
      <c r="H324631" s="12"/>
    </row>
    <row r="324632" spans="8:8">
      <c r="H324632" s="12"/>
    </row>
    <row r="324633" spans="8:8">
      <c r="H324633" s="12"/>
    </row>
    <row r="324634" spans="8:8">
      <c r="H324634" s="12"/>
    </row>
    <row r="324635" spans="8:8">
      <c r="H324635" s="12"/>
    </row>
    <row r="324636" spans="8:8">
      <c r="H324636" s="12"/>
    </row>
    <row r="324637" spans="8:8">
      <c r="H324637" s="12"/>
    </row>
    <row r="324638" spans="8:8">
      <c r="H324638" s="12"/>
    </row>
    <row r="324639" spans="8:8">
      <c r="H324639" s="12"/>
    </row>
    <row r="324640" spans="8:8">
      <c r="H324640" s="12"/>
    </row>
    <row r="324641" spans="8:8">
      <c r="H324641" s="12"/>
    </row>
    <row r="324642" spans="8:8">
      <c r="H324642" s="12"/>
    </row>
    <row r="324643" spans="8:8">
      <c r="H324643" s="12"/>
    </row>
    <row r="324644" spans="8:8">
      <c r="H324644" s="12"/>
    </row>
    <row r="324645" spans="8:8">
      <c r="H324645" s="12"/>
    </row>
    <row r="324646" spans="8:8">
      <c r="H324646" s="12"/>
    </row>
    <row r="324647" spans="8:8">
      <c r="H324647" s="12"/>
    </row>
    <row r="324648" spans="8:8">
      <c r="H324648" s="12"/>
    </row>
    <row r="324649" spans="8:8">
      <c r="H324649" s="12"/>
    </row>
    <row r="324650" spans="8:8">
      <c r="H324650" s="12"/>
    </row>
    <row r="324651" spans="8:8">
      <c r="H324651" s="12"/>
    </row>
    <row r="324652" spans="8:8">
      <c r="H324652" s="12"/>
    </row>
    <row r="324653" spans="8:8">
      <c r="H324653" s="12"/>
    </row>
    <row r="324654" spans="8:8">
      <c r="H324654" s="12"/>
    </row>
    <row r="324655" spans="8:8">
      <c r="H324655" s="12"/>
    </row>
    <row r="324656" spans="8:8">
      <c r="H324656" s="12"/>
    </row>
    <row r="324657" spans="8:8">
      <c r="H324657" s="12"/>
    </row>
    <row r="324658" spans="8:8">
      <c r="H324658" s="12"/>
    </row>
    <row r="324659" spans="8:8">
      <c r="H324659" s="12"/>
    </row>
    <row r="324660" spans="8:8">
      <c r="H324660" s="12"/>
    </row>
    <row r="324661" spans="8:8">
      <c r="H324661" s="12"/>
    </row>
    <row r="324662" spans="8:8">
      <c r="H324662" s="12"/>
    </row>
    <row r="324663" spans="8:8">
      <c r="H324663" s="12"/>
    </row>
    <row r="324664" spans="8:8">
      <c r="H324664" s="12"/>
    </row>
    <row r="324665" spans="8:8">
      <c r="H324665" s="12"/>
    </row>
    <row r="324666" spans="8:8">
      <c r="H324666" s="12"/>
    </row>
    <row r="324667" spans="8:8">
      <c r="H324667" s="12"/>
    </row>
    <row r="324668" spans="8:8">
      <c r="H324668" s="12"/>
    </row>
    <row r="324669" spans="8:8">
      <c r="H324669" s="12"/>
    </row>
    <row r="324670" spans="8:8">
      <c r="H324670" s="12"/>
    </row>
    <row r="324671" spans="8:8">
      <c r="H324671" s="12"/>
    </row>
    <row r="324672" spans="8:8">
      <c r="H324672" s="12"/>
    </row>
    <row r="324673" spans="8:8">
      <c r="H324673" s="12"/>
    </row>
    <row r="324674" spans="8:8">
      <c r="H324674" s="12"/>
    </row>
    <row r="324675" spans="8:8">
      <c r="H324675" s="12"/>
    </row>
    <row r="324676" spans="8:8">
      <c r="H324676" s="12"/>
    </row>
    <row r="324677" spans="8:8">
      <c r="H324677" s="12"/>
    </row>
    <row r="324678" spans="8:8">
      <c r="H324678" s="12"/>
    </row>
    <row r="324679" spans="8:8">
      <c r="H324679" s="12"/>
    </row>
    <row r="324680" spans="8:8">
      <c r="H324680" s="12"/>
    </row>
    <row r="324681" spans="8:8">
      <c r="H324681" s="12"/>
    </row>
    <row r="324682" spans="8:8">
      <c r="H324682" s="12"/>
    </row>
    <row r="324683" spans="8:8">
      <c r="H324683" s="12"/>
    </row>
    <row r="324684" spans="8:8">
      <c r="H324684" s="12"/>
    </row>
    <row r="324685" spans="8:8">
      <c r="H324685" s="12"/>
    </row>
    <row r="324686" spans="8:8">
      <c r="H324686" s="12"/>
    </row>
    <row r="324687" spans="8:8">
      <c r="H324687" s="12"/>
    </row>
    <row r="324688" spans="8:8">
      <c r="H324688" s="12"/>
    </row>
    <row r="324689" spans="8:8">
      <c r="H324689" s="12"/>
    </row>
    <row r="324690" spans="8:8">
      <c r="H324690" s="12"/>
    </row>
    <row r="324691" spans="8:8">
      <c r="H324691" s="12"/>
    </row>
    <row r="324692" spans="8:8">
      <c r="H324692" s="12"/>
    </row>
    <row r="324693" spans="8:8">
      <c r="H324693" s="12"/>
    </row>
    <row r="324694" spans="8:8">
      <c r="H324694" s="12"/>
    </row>
    <row r="324695" spans="8:8">
      <c r="H324695" s="12"/>
    </row>
    <row r="324696" spans="8:8">
      <c r="H324696" s="12"/>
    </row>
    <row r="324697" spans="8:8">
      <c r="H324697" s="12"/>
    </row>
    <row r="324698" spans="8:8">
      <c r="H324698" s="12"/>
    </row>
    <row r="324699" spans="8:8">
      <c r="H324699" s="12"/>
    </row>
    <row r="324700" spans="8:8">
      <c r="H324700" s="12"/>
    </row>
    <row r="324701" spans="8:8">
      <c r="H324701" s="12"/>
    </row>
    <row r="324702" spans="8:8">
      <c r="H324702" s="12"/>
    </row>
    <row r="324703" spans="8:8">
      <c r="H324703" s="12"/>
    </row>
    <row r="324704" spans="8:8">
      <c r="H324704" s="12"/>
    </row>
    <row r="324705" spans="8:8">
      <c r="H324705" s="12"/>
    </row>
    <row r="324706" spans="8:8">
      <c r="H324706" s="12"/>
    </row>
    <row r="324707" spans="8:8">
      <c r="H324707" s="12"/>
    </row>
    <row r="324708" spans="8:8">
      <c r="H324708" s="12"/>
    </row>
    <row r="324709" spans="8:8">
      <c r="H324709" s="12"/>
    </row>
    <row r="324710" spans="8:8">
      <c r="H324710" s="12"/>
    </row>
    <row r="324711" spans="8:8">
      <c r="H324711" s="12"/>
    </row>
    <row r="324712" spans="8:8">
      <c r="H324712" s="12"/>
    </row>
    <row r="324713" spans="8:8">
      <c r="H324713" s="12"/>
    </row>
    <row r="324714" spans="8:8">
      <c r="H324714" s="12"/>
    </row>
    <row r="324715" spans="8:8">
      <c r="H324715" s="12"/>
    </row>
    <row r="324716" spans="8:8">
      <c r="H324716" s="12"/>
    </row>
    <row r="324717" spans="8:8">
      <c r="H324717" s="12"/>
    </row>
    <row r="324718" spans="8:8">
      <c r="H324718" s="12"/>
    </row>
    <row r="324719" spans="8:8">
      <c r="H324719" s="12"/>
    </row>
    <row r="324720" spans="8:8">
      <c r="H324720" s="12"/>
    </row>
    <row r="324721" spans="8:8">
      <c r="H324721" s="12"/>
    </row>
    <row r="324722" spans="8:8">
      <c r="H324722" s="12"/>
    </row>
    <row r="324723" spans="8:8">
      <c r="H324723" s="12"/>
    </row>
    <row r="324724" spans="8:8">
      <c r="H324724" s="12"/>
    </row>
    <row r="324725" spans="8:8">
      <c r="H324725" s="12"/>
    </row>
    <row r="324726" spans="8:8">
      <c r="H324726" s="12"/>
    </row>
    <row r="324727" spans="8:8">
      <c r="H324727" s="12"/>
    </row>
    <row r="324728" spans="8:8">
      <c r="H324728" s="12"/>
    </row>
    <row r="324729" spans="8:8">
      <c r="H324729" s="12"/>
    </row>
    <row r="324730" spans="8:8">
      <c r="H324730" s="12"/>
    </row>
    <row r="324731" spans="8:8">
      <c r="H324731" s="12"/>
    </row>
    <row r="324732" spans="8:8">
      <c r="H324732" s="12"/>
    </row>
    <row r="324733" spans="8:8">
      <c r="H324733" s="12"/>
    </row>
    <row r="324734" spans="8:8">
      <c r="H324734" s="12"/>
    </row>
    <row r="324735" spans="8:8">
      <c r="H324735" s="12"/>
    </row>
    <row r="324736" spans="8:8">
      <c r="H324736" s="12"/>
    </row>
    <row r="324737" spans="8:8">
      <c r="H324737" s="12"/>
    </row>
    <row r="324738" spans="8:8">
      <c r="H324738" s="12"/>
    </row>
    <row r="324739" spans="8:8">
      <c r="H324739" s="12"/>
    </row>
    <row r="324740" spans="8:8">
      <c r="H324740" s="12"/>
    </row>
    <row r="324741" spans="8:8">
      <c r="H324741" s="12"/>
    </row>
    <row r="324742" spans="8:8">
      <c r="H324742" s="12"/>
    </row>
    <row r="324743" spans="8:8">
      <c r="H324743" s="12"/>
    </row>
    <row r="324744" spans="8:8">
      <c r="H324744" s="12"/>
    </row>
    <row r="324745" spans="8:8">
      <c r="H324745" s="12"/>
    </row>
    <row r="324746" spans="8:8">
      <c r="H324746" s="12"/>
    </row>
    <row r="324747" spans="8:8">
      <c r="H324747" s="12"/>
    </row>
    <row r="324748" spans="8:8">
      <c r="H324748" s="12"/>
    </row>
    <row r="324749" spans="8:8">
      <c r="H324749" s="12"/>
    </row>
    <row r="324750" spans="8:8">
      <c r="H324750" s="12"/>
    </row>
    <row r="324751" spans="8:8">
      <c r="H324751" s="12"/>
    </row>
    <row r="324752" spans="8:8">
      <c r="H324752" s="12"/>
    </row>
    <row r="324753" spans="8:8">
      <c r="H324753" s="12"/>
    </row>
    <row r="324754" spans="8:8">
      <c r="H324754" s="12"/>
    </row>
    <row r="324755" spans="8:8">
      <c r="H324755" s="12"/>
    </row>
    <row r="324756" spans="8:8">
      <c r="H324756" s="12"/>
    </row>
    <row r="324757" spans="8:8">
      <c r="H324757" s="12"/>
    </row>
    <row r="324758" spans="8:8">
      <c r="H324758" s="12"/>
    </row>
    <row r="324759" spans="8:8">
      <c r="H324759" s="12"/>
    </row>
    <row r="324760" spans="8:8">
      <c r="H324760" s="12"/>
    </row>
    <row r="324761" spans="8:8">
      <c r="H324761" s="12"/>
    </row>
    <row r="324762" spans="8:8">
      <c r="H324762" s="12"/>
    </row>
    <row r="324763" spans="8:8">
      <c r="H324763" s="12"/>
    </row>
    <row r="324764" spans="8:8">
      <c r="H324764" s="12"/>
    </row>
    <row r="324765" spans="8:8">
      <c r="H324765" s="12"/>
    </row>
    <row r="324766" spans="8:8">
      <c r="H324766" s="12"/>
    </row>
    <row r="324767" spans="8:8">
      <c r="H324767" s="12"/>
    </row>
    <row r="324768" spans="8:8">
      <c r="H324768" s="12"/>
    </row>
    <row r="324769" spans="8:8">
      <c r="H324769" s="12"/>
    </row>
    <row r="324770" spans="8:8">
      <c r="H324770" s="12"/>
    </row>
    <row r="324771" spans="8:8">
      <c r="H324771" s="12"/>
    </row>
    <row r="324772" spans="8:8">
      <c r="H324772" s="12"/>
    </row>
    <row r="324773" spans="8:8">
      <c r="H324773" s="12"/>
    </row>
    <row r="324774" spans="8:8">
      <c r="H324774" s="12"/>
    </row>
    <row r="324775" spans="8:8">
      <c r="H324775" s="12"/>
    </row>
    <row r="324776" spans="8:8">
      <c r="H324776" s="12"/>
    </row>
    <row r="324777" spans="8:8">
      <c r="H324777" s="12"/>
    </row>
    <row r="324778" spans="8:8">
      <c r="H324778" s="12"/>
    </row>
    <row r="324779" spans="8:8">
      <c r="H324779" s="12"/>
    </row>
    <row r="324780" spans="8:8">
      <c r="H324780" s="12"/>
    </row>
    <row r="324781" spans="8:8">
      <c r="H324781" s="12"/>
    </row>
    <row r="324782" spans="8:8">
      <c r="H324782" s="12"/>
    </row>
    <row r="324783" spans="8:8">
      <c r="H324783" s="12"/>
    </row>
    <row r="324784" spans="8:8">
      <c r="H324784" s="12"/>
    </row>
    <row r="324785" spans="8:8">
      <c r="H324785" s="12"/>
    </row>
    <row r="324786" spans="8:8">
      <c r="H324786" s="12"/>
    </row>
    <row r="324787" spans="8:8">
      <c r="H324787" s="12"/>
    </row>
    <row r="324788" spans="8:8">
      <c r="H324788" s="12"/>
    </row>
    <row r="324789" spans="8:8">
      <c r="H324789" s="12"/>
    </row>
    <row r="324790" spans="8:8">
      <c r="H324790" s="12"/>
    </row>
    <row r="324791" spans="8:8">
      <c r="H324791" s="12"/>
    </row>
    <row r="324792" spans="8:8">
      <c r="H324792" s="12"/>
    </row>
    <row r="324793" spans="8:8">
      <c r="H324793" s="12"/>
    </row>
    <row r="324794" spans="8:8">
      <c r="H324794" s="12"/>
    </row>
    <row r="324795" spans="8:8">
      <c r="H324795" s="12"/>
    </row>
    <row r="324796" spans="8:8">
      <c r="H324796" s="12"/>
    </row>
    <row r="324797" spans="8:8">
      <c r="H324797" s="12"/>
    </row>
    <row r="324798" spans="8:8">
      <c r="H324798" s="12"/>
    </row>
    <row r="324799" spans="8:8">
      <c r="H324799" s="12"/>
    </row>
    <row r="324800" spans="8:8">
      <c r="H324800" s="12"/>
    </row>
    <row r="324801" spans="8:8">
      <c r="H324801" s="12"/>
    </row>
    <row r="324802" spans="8:8">
      <c r="H324802" s="12"/>
    </row>
    <row r="324803" spans="8:8">
      <c r="H324803" s="12"/>
    </row>
    <row r="324804" spans="8:8">
      <c r="H324804" s="12"/>
    </row>
    <row r="324805" spans="8:8">
      <c r="H324805" s="12"/>
    </row>
    <row r="324806" spans="8:8">
      <c r="H324806" s="12"/>
    </row>
    <row r="324807" spans="8:8">
      <c r="H324807" s="12"/>
    </row>
    <row r="324808" spans="8:8">
      <c r="H324808" s="12"/>
    </row>
    <row r="324809" spans="8:8">
      <c r="H324809" s="12"/>
    </row>
    <row r="324810" spans="8:8">
      <c r="H324810" s="12"/>
    </row>
    <row r="324811" spans="8:8">
      <c r="H324811" s="12"/>
    </row>
    <row r="324812" spans="8:8">
      <c r="H324812" s="12"/>
    </row>
    <row r="324813" spans="8:8">
      <c r="H324813" s="12"/>
    </row>
    <row r="324814" spans="8:8">
      <c r="H324814" s="12"/>
    </row>
    <row r="324815" spans="8:8">
      <c r="H324815" s="12"/>
    </row>
    <row r="324816" spans="8:8">
      <c r="H324816" s="12"/>
    </row>
    <row r="324817" spans="8:8">
      <c r="H324817" s="12"/>
    </row>
    <row r="324818" spans="8:8">
      <c r="H324818" s="12"/>
    </row>
    <row r="324819" spans="8:8">
      <c r="H324819" s="12"/>
    </row>
    <row r="324820" spans="8:8">
      <c r="H324820" s="12"/>
    </row>
    <row r="324821" spans="8:8">
      <c r="H324821" s="12"/>
    </row>
    <row r="324822" spans="8:8">
      <c r="H324822" s="12"/>
    </row>
    <row r="324823" spans="8:8">
      <c r="H324823" s="12"/>
    </row>
    <row r="324824" spans="8:8">
      <c r="H324824" s="12"/>
    </row>
    <row r="324825" spans="8:8">
      <c r="H324825" s="12"/>
    </row>
    <row r="324826" spans="8:8">
      <c r="H324826" s="12"/>
    </row>
    <row r="324827" spans="8:8">
      <c r="H324827" s="12"/>
    </row>
    <row r="324828" spans="8:8">
      <c r="H324828" s="12"/>
    </row>
    <row r="324829" spans="8:8">
      <c r="H324829" s="12"/>
    </row>
    <row r="324830" spans="8:8">
      <c r="H324830" s="12"/>
    </row>
    <row r="324831" spans="8:8">
      <c r="H324831" s="12"/>
    </row>
    <row r="324832" spans="8:8">
      <c r="H324832" s="12"/>
    </row>
    <row r="324833" spans="8:8">
      <c r="H324833" s="12"/>
    </row>
    <row r="324834" spans="8:8">
      <c r="H324834" s="12"/>
    </row>
    <row r="324835" spans="8:8">
      <c r="H324835" s="12"/>
    </row>
    <row r="324836" spans="8:8">
      <c r="H324836" s="12"/>
    </row>
    <row r="324837" spans="8:8">
      <c r="H324837" s="12"/>
    </row>
    <row r="324838" spans="8:8">
      <c r="H324838" s="12"/>
    </row>
    <row r="324839" spans="8:8">
      <c r="H324839" s="12"/>
    </row>
    <row r="324840" spans="8:8">
      <c r="H324840" s="12"/>
    </row>
    <row r="324841" spans="8:8">
      <c r="H324841" s="12"/>
    </row>
    <row r="324842" spans="8:8">
      <c r="H324842" s="12"/>
    </row>
    <row r="324843" spans="8:8">
      <c r="H324843" s="12"/>
    </row>
    <row r="324844" spans="8:8">
      <c r="H324844" s="12"/>
    </row>
    <row r="324845" spans="8:8">
      <c r="H324845" s="12"/>
    </row>
    <row r="324846" spans="8:8">
      <c r="H324846" s="12"/>
    </row>
    <row r="324847" spans="8:8">
      <c r="H324847" s="12"/>
    </row>
    <row r="324848" spans="8:8">
      <c r="H324848" s="12"/>
    </row>
    <row r="324849" spans="8:8">
      <c r="H324849" s="12"/>
    </row>
    <row r="324850" spans="8:8">
      <c r="H324850" s="12"/>
    </row>
    <row r="324851" spans="8:8">
      <c r="H324851" s="12"/>
    </row>
    <row r="324852" spans="8:8">
      <c r="H324852" s="12"/>
    </row>
    <row r="324853" spans="8:8">
      <c r="H324853" s="12"/>
    </row>
    <row r="324854" spans="8:8">
      <c r="H324854" s="12"/>
    </row>
    <row r="324855" spans="8:8">
      <c r="H324855" s="12"/>
    </row>
    <row r="324856" spans="8:8">
      <c r="H324856" s="12"/>
    </row>
    <row r="324857" spans="8:8">
      <c r="H324857" s="12"/>
    </row>
    <row r="324858" spans="8:8">
      <c r="H324858" s="12"/>
    </row>
    <row r="324859" spans="8:8">
      <c r="H324859" s="12"/>
    </row>
    <row r="324860" spans="8:8">
      <c r="H324860" s="12"/>
    </row>
    <row r="324861" spans="8:8">
      <c r="H324861" s="12"/>
    </row>
    <row r="324862" spans="8:8">
      <c r="H324862" s="12"/>
    </row>
    <row r="324863" spans="8:8">
      <c r="H324863" s="12"/>
    </row>
    <row r="324864" spans="8:8">
      <c r="H324864" s="12"/>
    </row>
    <row r="324865" spans="8:8">
      <c r="H324865" s="12"/>
    </row>
    <row r="324866" spans="8:8">
      <c r="H324866" s="12"/>
    </row>
    <row r="324867" spans="8:8">
      <c r="H324867" s="12"/>
    </row>
    <row r="324868" spans="8:8">
      <c r="H324868" s="12"/>
    </row>
    <row r="324869" spans="8:8">
      <c r="H324869" s="12"/>
    </row>
    <row r="324870" spans="8:8">
      <c r="H324870" s="12"/>
    </row>
    <row r="324871" spans="8:8">
      <c r="H324871" s="12"/>
    </row>
    <row r="324872" spans="8:8">
      <c r="H324872" s="12"/>
    </row>
    <row r="324873" spans="8:8">
      <c r="H324873" s="12"/>
    </row>
    <row r="324874" spans="8:8">
      <c r="H324874" s="12"/>
    </row>
    <row r="324875" spans="8:8">
      <c r="H324875" s="12"/>
    </row>
    <row r="324876" spans="8:8">
      <c r="H324876" s="12"/>
    </row>
    <row r="324877" spans="8:8">
      <c r="H324877" s="12"/>
    </row>
    <row r="324878" spans="8:8">
      <c r="H324878" s="12"/>
    </row>
    <row r="324879" spans="8:8">
      <c r="H324879" s="12"/>
    </row>
    <row r="324880" spans="8:8">
      <c r="H324880" s="12"/>
    </row>
    <row r="324881" spans="8:8">
      <c r="H324881" s="12"/>
    </row>
    <row r="324882" spans="8:8">
      <c r="H324882" s="12"/>
    </row>
    <row r="324883" spans="8:8">
      <c r="H324883" s="12"/>
    </row>
    <row r="324884" spans="8:8">
      <c r="H324884" s="12"/>
    </row>
    <row r="324885" spans="8:8">
      <c r="H324885" s="12"/>
    </row>
    <row r="324886" spans="8:8">
      <c r="H324886" s="12"/>
    </row>
    <row r="324887" spans="8:8">
      <c r="H324887" s="12"/>
    </row>
    <row r="324888" spans="8:8">
      <c r="H324888" s="12"/>
    </row>
    <row r="324889" spans="8:8">
      <c r="H324889" s="12"/>
    </row>
    <row r="324890" spans="8:8">
      <c r="H324890" s="12"/>
    </row>
    <row r="324891" spans="8:8">
      <c r="H324891" s="12"/>
    </row>
    <row r="324892" spans="8:8">
      <c r="H324892" s="12"/>
    </row>
    <row r="324893" spans="8:8">
      <c r="H324893" s="12"/>
    </row>
    <row r="324894" spans="8:8">
      <c r="H324894" s="12"/>
    </row>
    <row r="324895" spans="8:8">
      <c r="H324895" s="12"/>
    </row>
    <row r="324896" spans="8:8">
      <c r="H324896" s="12"/>
    </row>
    <row r="324897" spans="8:8">
      <c r="H324897" s="12"/>
    </row>
    <row r="324898" spans="8:8">
      <c r="H324898" s="12"/>
    </row>
    <row r="324899" spans="8:8">
      <c r="H324899" s="12"/>
    </row>
    <row r="324900" spans="8:8">
      <c r="H324900" s="12"/>
    </row>
    <row r="324901" spans="8:8">
      <c r="H324901" s="12"/>
    </row>
    <row r="324902" spans="8:8">
      <c r="H324902" s="12"/>
    </row>
    <row r="324903" spans="8:8">
      <c r="H324903" s="12"/>
    </row>
    <row r="324904" spans="8:8">
      <c r="H324904" s="12"/>
    </row>
    <row r="324905" spans="8:8">
      <c r="H324905" s="12"/>
    </row>
    <row r="324906" spans="8:8">
      <c r="H324906" s="12"/>
    </row>
    <row r="324907" spans="8:8">
      <c r="H324907" s="12"/>
    </row>
    <row r="324908" spans="8:8">
      <c r="H324908" s="12"/>
    </row>
    <row r="324909" spans="8:8">
      <c r="H324909" s="12"/>
    </row>
    <row r="324910" spans="8:8">
      <c r="H324910" s="12"/>
    </row>
    <row r="324911" spans="8:8">
      <c r="H324911" s="12"/>
    </row>
    <row r="324912" spans="8:8">
      <c r="H324912" s="12"/>
    </row>
    <row r="324913" spans="8:8">
      <c r="H324913" s="12"/>
    </row>
    <row r="324914" spans="8:8">
      <c r="H324914" s="12"/>
    </row>
    <row r="324915" spans="8:8">
      <c r="H324915" s="12"/>
    </row>
    <row r="324916" spans="8:8">
      <c r="H324916" s="12"/>
    </row>
    <row r="324917" spans="8:8">
      <c r="H324917" s="12"/>
    </row>
    <row r="324918" spans="8:8">
      <c r="H324918" s="12"/>
    </row>
    <row r="324919" spans="8:8">
      <c r="H324919" s="12"/>
    </row>
    <row r="324920" spans="8:8">
      <c r="H324920" s="12"/>
    </row>
    <row r="324921" spans="8:8">
      <c r="H324921" s="12"/>
    </row>
    <row r="324922" spans="8:8">
      <c r="H324922" s="12"/>
    </row>
    <row r="324923" spans="8:8">
      <c r="H324923" s="12"/>
    </row>
    <row r="324924" spans="8:8">
      <c r="H324924" s="12"/>
    </row>
    <row r="324925" spans="8:8">
      <c r="H324925" s="12"/>
    </row>
    <row r="324926" spans="8:8">
      <c r="H324926" s="12"/>
    </row>
    <row r="324927" spans="8:8">
      <c r="H324927" s="12"/>
    </row>
    <row r="324928" spans="8:8">
      <c r="H324928" s="12"/>
    </row>
    <row r="324929" spans="8:8">
      <c r="H324929" s="12"/>
    </row>
    <row r="324930" spans="8:8">
      <c r="H324930" s="12"/>
    </row>
    <row r="324931" spans="8:8">
      <c r="H324931" s="12"/>
    </row>
    <row r="324932" spans="8:8">
      <c r="H324932" s="12"/>
    </row>
    <row r="324933" spans="8:8">
      <c r="H324933" s="12"/>
    </row>
    <row r="324934" spans="8:8">
      <c r="H324934" s="12"/>
    </row>
    <row r="324935" spans="8:8">
      <c r="H324935" s="12"/>
    </row>
    <row r="324936" spans="8:8">
      <c r="H324936" s="12"/>
    </row>
    <row r="324937" spans="8:8">
      <c r="H324937" s="12"/>
    </row>
    <row r="324938" spans="8:8">
      <c r="H324938" s="12"/>
    </row>
    <row r="324939" spans="8:8">
      <c r="H324939" s="12"/>
    </row>
    <row r="324940" spans="8:8">
      <c r="H324940" s="12"/>
    </row>
    <row r="324941" spans="8:8">
      <c r="H324941" s="12"/>
    </row>
    <row r="324942" spans="8:8">
      <c r="H324942" s="12"/>
    </row>
    <row r="324943" spans="8:8">
      <c r="H324943" s="12"/>
    </row>
    <row r="324944" spans="8:8">
      <c r="H324944" s="12"/>
    </row>
    <row r="324945" spans="8:8">
      <c r="H324945" s="12"/>
    </row>
    <row r="324946" spans="8:8">
      <c r="H324946" s="12"/>
    </row>
    <row r="324947" spans="8:8">
      <c r="H324947" s="12"/>
    </row>
    <row r="324948" spans="8:8">
      <c r="H324948" s="12"/>
    </row>
    <row r="324949" spans="8:8">
      <c r="H324949" s="12"/>
    </row>
    <row r="324950" spans="8:8">
      <c r="H324950" s="12"/>
    </row>
    <row r="324951" spans="8:8">
      <c r="H324951" s="12"/>
    </row>
    <row r="324952" spans="8:8">
      <c r="H324952" s="12"/>
    </row>
    <row r="324953" spans="8:8">
      <c r="H324953" s="12"/>
    </row>
    <row r="324954" spans="8:8">
      <c r="H324954" s="12"/>
    </row>
    <row r="324955" spans="8:8">
      <c r="H324955" s="12"/>
    </row>
    <row r="324956" spans="8:8">
      <c r="H324956" s="12"/>
    </row>
    <row r="324957" spans="8:8">
      <c r="H324957" s="12"/>
    </row>
    <row r="324958" spans="8:8">
      <c r="H324958" s="12"/>
    </row>
    <row r="324959" spans="8:8">
      <c r="H324959" s="12"/>
    </row>
    <row r="324960" spans="8:8">
      <c r="H324960" s="12"/>
    </row>
    <row r="324961" spans="8:8">
      <c r="H324961" s="12"/>
    </row>
    <row r="324962" spans="8:8">
      <c r="H324962" s="12"/>
    </row>
    <row r="324963" spans="8:8">
      <c r="H324963" s="12"/>
    </row>
    <row r="324964" spans="8:8">
      <c r="H324964" s="12"/>
    </row>
    <row r="324965" spans="8:8">
      <c r="H324965" s="12"/>
    </row>
    <row r="324966" spans="8:8">
      <c r="H324966" s="12"/>
    </row>
    <row r="324967" spans="8:8">
      <c r="H324967" s="12"/>
    </row>
    <row r="324968" spans="8:8">
      <c r="H324968" s="12"/>
    </row>
    <row r="324969" spans="8:8">
      <c r="H324969" s="12"/>
    </row>
    <row r="324970" spans="8:8">
      <c r="H324970" s="12"/>
    </row>
    <row r="324971" spans="8:8">
      <c r="H324971" s="12"/>
    </row>
    <row r="324972" spans="8:8">
      <c r="H324972" s="12"/>
    </row>
    <row r="324973" spans="8:8">
      <c r="H324973" s="12"/>
    </row>
    <row r="324974" spans="8:8">
      <c r="H324974" s="12"/>
    </row>
    <row r="324975" spans="8:8">
      <c r="H324975" s="12"/>
    </row>
    <row r="324976" spans="8:8">
      <c r="H324976" s="12"/>
    </row>
    <row r="324977" spans="8:8">
      <c r="H324977" s="12"/>
    </row>
    <row r="324978" spans="8:8">
      <c r="H324978" s="12"/>
    </row>
    <row r="324979" spans="8:8">
      <c r="H324979" s="12"/>
    </row>
    <row r="324980" spans="8:8">
      <c r="H324980" s="12"/>
    </row>
    <row r="324981" spans="8:8">
      <c r="H324981" s="12"/>
    </row>
    <row r="324982" spans="8:8">
      <c r="H324982" s="12"/>
    </row>
    <row r="324983" spans="8:8">
      <c r="H324983" s="12"/>
    </row>
    <row r="324984" spans="8:8">
      <c r="H324984" s="12"/>
    </row>
    <row r="324985" spans="8:8">
      <c r="H324985" s="12"/>
    </row>
    <row r="324986" spans="8:8">
      <c r="H324986" s="12"/>
    </row>
    <row r="324987" spans="8:8">
      <c r="H324987" s="12"/>
    </row>
    <row r="324988" spans="8:8">
      <c r="H324988" s="12"/>
    </row>
    <row r="324989" spans="8:8">
      <c r="H324989" s="12"/>
    </row>
    <row r="324990" spans="8:8">
      <c r="H324990" s="12"/>
    </row>
    <row r="324991" spans="8:8">
      <c r="H324991" s="12"/>
    </row>
    <row r="324992" spans="8:8">
      <c r="H324992" s="12"/>
    </row>
    <row r="324993" spans="8:8">
      <c r="H324993" s="12"/>
    </row>
    <row r="324994" spans="8:8">
      <c r="H324994" s="12"/>
    </row>
    <row r="324995" spans="8:8">
      <c r="H324995" s="12"/>
    </row>
    <row r="324996" spans="8:8">
      <c r="H324996" s="12"/>
    </row>
    <row r="324997" spans="8:8">
      <c r="H324997" s="12"/>
    </row>
    <row r="324998" spans="8:8">
      <c r="H324998" s="12"/>
    </row>
    <row r="324999" spans="8:8">
      <c r="H324999" s="12"/>
    </row>
    <row r="325000" spans="8:8">
      <c r="H325000" s="12"/>
    </row>
    <row r="325001" spans="8:8">
      <c r="H325001" s="12"/>
    </row>
    <row r="325002" spans="8:8">
      <c r="H325002" s="12"/>
    </row>
    <row r="325003" spans="8:8">
      <c r="H325003" s="12"/>
    </row>
    <row r="325004" spans="8:8">
      <c r="H325004" s="12"/>
    </row>
    <row r="325005" spans="8:8">
      <c r="H325005" s="12"/>
    </row>
    <row r="325006" spans="8:8">
      <c r="H325006" s="12"/>
    </row>
    <row r="325007" spans="8:8">
      <c r="H325007" s="12"/>
    </row>
    <row r="325008" spans="8:8">
      <c r="H325008" s="12"/>
    </row>
    <row r="325009" spans="8:8">
      <c r="H325009" s="12"/>
    </row>
    <row r="325010" spans="8:8">
      <c r="H325010" s="12"/>
    </row>
    <row r="325011" spans="8:8">
      <c r="H325011" s="12"/>
    </row>
    <row r="325012" spans="8:8">
      <c r="H325012" s="12"/>
    </row>
    <row r="325013" spans="8:8">
      <c r="H325013" s="12"/>
    </row>
    <row r="325014" spans="8:8">
      <c r="H325014" s="12"/>
    </row>
    <row r="325015" spans="8:8">
      <c r="H325015" s="12"/>
    </row>
    <row r="325016" spans="8:8">
      <c r="H325016" s="12"/>
    </row>
    <row r="325017" spans="8:8">
      <c r="H325017" s="12"/>
    </row>
    <row r="325018" spans="8:8">
      <c r="H325018" s="12"/>
    </row>
    <row r="325019" spans="8:8">
      <c r="H325019" s="12"/>
    </row>
    <row r="325020" spans="8:8">
      <c r="H325020" s="12"/>
    </row>
    <row r="325021" spans="8:8">
      <c r="H325021" s="12"/>
    </row>
    <row r="325022" spans="8:8">
      <c r="H325022" s="12"/>
    </row>
    <row r="325023" spans="8:8">
      <c r="H325023" s="12"/>
    </row>
    <row r="325024" spans="8:8">
      <c r="H325024" s="12"/>
    </row>
    <row r="325025" spans="8:8">
      <c r="H325025" s="12"/>
    </row>
    <row r="325026" spans="8:8">
      <c r="H325026" s="12"/>
    </row>
    <row r="325027" spans="8:8">
      <c r="H325027" s="12"/>
    </row>
    <row r="325028" spans="8:8">
      <c r="H325028" s="12"/>
    </row>
    <row r="325029" spans="8:8">
      <c r="H325029" s="12"/>
    </row>
    <row r="325030" spans="8:8">
      <c r="H325030" s="12"/>
    </row>
    <row r="325031" spans="8:8">
      <c r="H325031" s="12"/>
    </row>
    <row r="325032" spans="8:8">
      <c r="H325032" s="12"/>
    </row>
    <row r="325033" spans="8:8">
      <c r="H325033" s="12"/>
    </row>
    <row r="325034" spans="8:8">
      <c r="H325034" s="12"/>
    </row>
    <row r="325035" spans="8:8">
      <c r="H325035" s="12"/>
    </row>
    <row r="325036" spans="8:8">
      <c r="H325036" s="12"/>
    </row>
    <row r="325037" spans="8:8">
      <c r="H325037" s="12"/>
    </row>
    <row r="325038" spans="8:8">
      <c r="H325038" s="12"/>
    </row>
    <row r="325039" spans="8:8">
      <c r="H325039" s="12"/>
    </row>
    <row r="325040" spans="8:8">
      <c r="H325040" s="12"/>
    </row>
    <row r="325041" spans="8:8">
      <c r="H325041" s="12"/>
    </row>
    <row r="325042" spans="8:8">
      <c r="H325042" s="12"/>
    </row>
    <row r="325043" spans="8:8">
      <c r="H325043" s="12"/>
    </row>
    <row r="325044" spans="8:8">
      <c r="H325044" s="12"/>
    </row>
    <row r="325045" spans="8:8">
      <c r="H325045" s="12"/>
    </row>
    <row r="325046" spans="8:8">
      <c r="H325046" s="12"/>
    </row>
    <row r="325047" spans="8:8">
      <c r="H325047" s="12"/>
    </row>
    <row r="325048" spans="8:8">
      <c r="H325048" s="12"/>
    </row>
    <row r="325049" spans="8:8">
      <c r="H325049" s="12"/>
    </row>
    <row r="325050" spans="8:8">
      <c r="H325050" s="12"/>
    </row>
    <row r="325051" spans="8:8">
      <c r="H325051" s="12"/>
    </row>
    <row r="325052" spans="8:8">
      <c r="H325052" s="12"/>
    </row>
    <row r="325053" spans="8:8">
      <c r="H325053" s="12"/>
    </row>
    <row r="325054" spans="8:8">
      <c r="H325054" s="12"/>
    </row>
    <row r="325055" spans="8:8">
      <c r="H325055" s="12"/>
    </row>
    <row r="325056" spans="8:8">
      <c r="H325056" s="12"/>
    </row>
    <row r="325057" spans="8:8">
      <c r="H325057" s="12"/>
    </row>
    <row r="325058" spans="8:8">
      <c r="H325058" s="12"/>
    </row>
    <row r="325059" spans="8:8">
      <c r="H325059" s="12"/>
    </row>
    <row r="325060" spans="8:8">
      <c r="H325060" s="12"/>
    </row>
    <row r="325061" spans="8:8">
      <c r="H325061" s="12"/>
    </row>
    <row r="325062" spans="8:8">
      <c r="H325062" s="12"/>
    </row>
    <row r="325063" spans="8:8">
      <c r="H325063" s="12"/>
    </row>
    <row r="325064" spans="8:8">
      <c r="H325064" s="12"/>
    </row>
    <row r="325065" spans="8:8">
      <c r="H325065" s="12"/>
    </row>
    <row r="325066" spans="8:8">
      <c r="H325066" s="12"/>
    </row>
    <row r="325067" spans="8:8">
      <c r="H325067" s="12"/>
    </row>
    <row r="325068" spans="8:8">
      <c r="H325068" s="12"/>
    </row>
    <row r="325069" spans="8:8">
      <c r="H325069" s="12"/>
    </row>
    <row r="325070" spans="8:8">
      <c r="H325070" s="12"/>
    </row>
    <row r="325071" spans="8:8">
      <c r="H325071" s="12"/>
    </row>
    <row r="325072" spans="8:8">
      <c r="H325072" s="12"/>
    </row>
    <row r="325073" spans="8:8">
      <c r="H325073" s="12"/>
    </row>
    <row r="325074" spans="8:8">
      <c r="H325074" s="12"/>
    </row>
    <row r="325075" spans="8:8">
      <c r="H325075" s="12"/>
    </row>
    <row r="325076" spans="8:8">
      <c r="H325076" s="12"/>
    </row>
    <row r="325077" spans="8:8">
      <c r="H325077" s="12"/>
    </row>
    <row r="325078" spans="8:8">
      <c r="H325078" s="12"/>
    </row>
    <row r="325079" spans="8:8">
      <c r="H325079" s="12"/>
    </row>
    <row r="325080" spans="8:8">
      <c r="H325080" s="12"/>
    </row>
    <row r="325081" spans="8:8">
      <c r="H325081" s="12"/>
    </row>
    <row r="325082" spans="8:8">
      <c r="H325082" s="12"/>
    </row>
    <row r="325083" spans="8:8">
      <c r="H325083" s="12"/>
    </row>
    <row r="325084" spans="8:8">
      <c r="H325084" s="12"/>
    </row>
    <row r="325085" spans="8:8">
      <c r="H325085" s="12"/>
    </row>
    <row r="325086" spans="8:8">
      <c r="H325086" s="12"/>
    </row>
    <row r="325087" spans="8:8">
      <c r="H325087" s="12"/>
    </row>
    <row r="325088" spans="8:8">
      <c r="H325088" s="12"/>
    </row>
    <row r="325089" spans="8:8">
      <c r="H325089" s="12"/>
    </row>
    <row r="325090" spans="8:8">
      <c r="H325090" s="12"/>
    </row>
    <row r="325091" spans="8:8">
      <c r="H325091" s="12"/>
    </row>
    <row r="325092" spans="8:8">
      <c r="H325092" s="12"/>
    </row>
    <row r="325093" spans="8:8">
      <c r="H325093" s="12"/>
    </row>
    <row r="325094" spans="8:8">
      <c r="H325094" s="12"/>
    </row>
    <row r="325095" spans="8:8">
      <c r="H325095" s="12"/>
    </row>
    <row r="325096" spans="8:8">
      <c r="H325096" s="12"/>
    </row>
    <row r="325097" spans="8:8">
      <c r="H325097" s="12"/>
    </row>
    <row r="325098" spans="8:8">
      <c r="H325098" s="12"/>
    </row>
    <row r="325099" spans="8:8">
      <c r="H325099" s="12"/>
    </row>
    <row r="325100" spans="8:8">
      <c r="H325100" s="12"/>
    </row>
    <row r="325101" spans="8:8">
      <c r="H325101" s="12"/>
    </row>
    <row r="325102" spans="8:8">
      <c r="H325102" s="12"/>
    </row>
    <row r="325103" spans="8:8">
      <c r="H325103" s="12"/>
    </row>
    <row r="325104" spans="8:8">
      <c r="H325104" s="12"/>
    </row>
    <row r="325105" spans="8:8">
      <c r="H325105" s="12"/>
    </row>
    <row r="325106" spans="8:8">
      <c r="H325106" s="12"/>
    </row>
    <row r="325107" spans="8:8">
      <c r="H325107" s="12"/>
    </row>
    <row r="325108" spans="8:8">
      <c r="H325108" s="12"/>
    </row>
    <row r="325109" spans="8:8">
      <c r="H325109" s="12"/>
    </row>
    <row r="325110" spans="8:8">
      <c r="H325110" s="12"/>
    </row>
    <row r="325111" spans="8:8">
      <c r="H325111" s="12"/>
    </row>
    <row r="325112" spans="8:8">
      <c r="H325112" s="12"/>
    </row>
    <row r="325113" spans="8:8">
      <c r="H325113" s="12"/>
    </row>
    <row r="325114" spans="8:8">
      <c r="H325114" s="12"/>
    </row>
    <row r="325115" spans="8:8">
      <c r="H325115" s="12"/>
    </row>
    <row r="325116" spans="8:8">
      <c r="H325116" s="12"/>
    </row>
    <row r="325117" spans="8:8">
      <c r="H325117" s="12"/>
    </row>
    <row r="325118" spans="8:8">
      <c r="H325118" s="12"/>
    </row>
    <row r="325119" spans="8:8">
      <c r="H325119" s="12"/>
    </row>
    <row r="325120" spans="8:8">
      <c r="H325120" s="12"/>
    </row>
    <row r="325121" spans="8:8">
      <c r="H325121" s="12"/>
    </row>
    <row r="325122" spans="8:8">
      <c r="H325122" s="12"/>
    </row>
    <row r="325123" spans="8:8">
      <c r="H325123" s="12"/>
    </row>
    <row r="325124" spans="8:8">
      <c r="H325124" s="12"/>
    </row>
    <row r="325125" spans="8:8">
      <c r="H325125" s="12"/>
    </row>
    <row r="325126" spans="8:8">
      <c r="H325126" s="12"/>
    </row>
    <row r="325127" spans="8:8">
      <c r="H325127" s="12"/>
    </row>
    <row r="325128" spans="8:8">
      <c r="H325128" s="12"/>
    </row>
    <row r="325129" spans="8:8">
      <c r="H325129" s="12"/>
    </row>
    <row r="325130" spans="8:8">
      <c r="H325130" s="12"/>
    </row>
    <row r="325131" spans="8:8">
      <c r="H325131" s="12"/>
    </row>
    <row r="325132" spans="8:8">
      <c r="H325132" s="12"/>
    </row>
    <row r="325133" spans="8:8">
      <c r="H325133" s="12"/>
    </row>
    <row r="325134" spans="8:8">
      <c r="H325134" s="12"/>
    </row>
    <row r="325135" spans="8:8">
      <c r="H325135" s="12"/>
    </row>
    <row r="325136" spans="8:8">
      <c r="H325136" s="12"/>
    </row>
    <row r="325137" spans="8:8">
      <c r="H325137" s="12"/>
    </row>
    <row r="325138" spans="8:8">
      <c r="H325138" s="12"/>
    </row>
    <row r="325139" spans="8:8">
      <c r="H325139" s="12"/>
    </row>
    <row r="325140" spans="8:8">
      <c r="H325140" s="12"/>
    </row>
    <row r="325141" spans="8:8">
      <c r="H325141" s="12"/>
    </row>
    <row r="325142" spans="8:8">
      <c r="H325142" s="12"/>
    </row>
    <row r="325143" spans="8:8">
      <c r="H325143" s="12"/>
    </row>
    <row r="325144" spans="8:8">
      <c r="H325144" s="12"/>
    </row>
    <row r="325145" spans="8:8">
      <c r="H325145" s="12"/>
    </row>
    <row r="325146" spans="8:8">
      <c r="H325146" s="12"/>
    </row>
    <row r="325147" spans="8:8">
      <c r="H325147" s="12"/>
    </row>
    <row r="325148" spans="8:8">
      <c r="H325148" s="12"/>
    </row>
    <row r="325149" spans="8:8">
      <c r="H325149" s="12"/>
    </row>
    <row r="325150" spans="8:8">
      <c r="H325150" s="12"/>
    </row>
    <row r="325151" spans="8:8">
      <c r="H325151" s="12"/>
    </row>
    <row r="325152" spans="8:8">
      <c r="H325152" s="12"/>
    </row>
    <row r="325153" spans="8:8">
      <c r="H325153" s="12"/>
    </row>
    <row r="325154" spans="8:8">
      <c r="H325154" s="12"/>
    </row>
    <row r="325155" spans="8:8">
      <c r="H325155" s="12"/>
    </row>
    <row r="325156" spans="8:8">
      <c r="H325156" s="12"/>
    </row>
    <row r="325157" spans="8:8">
      <c r="H325157" s="12"/>
    </row>
    <row r="325158" spans="8:8">
      <c r="H325158" s="12"/>
    </row>
    <row r="325159" spans="8:8">
      <c r="H325159" s="12"/>
    </row>
    <row r="325160" spans="8:8">
      <c r="H325160" s="12"/>
    </row>
    <row r="325161" spans="8:8">
      <c r="H325161" s="12"/>
    </row>
    <row r="325162" spans="8:8">
      <c r="H325162" s="12"/>
    </row>
    <row r="325163" spans="8:8">
      <c r="H325163" s="12"/>
    </row>
    <row r="325164" spans="8:8">
      <c r="H325164" s="12"/>
    </row>
    <row r="325165" spans="8:8">
      <c r="H325165" s="12"/>
    </row>
    <row r="325166" spans="8:8">
      <c r="H325166" s="12"/>
    </row>
    <row r="325167" spans="8:8">
      <c r="H325167" s="12"/>
    </row>
    <row r="325168" spans="8:8">
      <c r="H325168" s="12"/>
    </row>
    <row r="325169" spans="8:8">
      <c r="H325169" s="12"/>
    </row>
    <row r="325170" spans="8:8">
      <c r="H325170" s="12"/>
    </row>
    <row r="325171" spans="8:8">
      <c r="H325171" s="12"/>
    </row>
    <row r="325172" spans="8:8">
      <c r="H325172" s="12"/>
    </row>
    <row r="325173" spans="8:8">
      <c r="H325173" s="12"/>
    </row>
    <row r="325174" spans="8:8">
      <c r="H325174" s="12"/>
    </row>
    <row r="325175" spans="8:8">
      <c r="H325175" s="12"/>
    </row>
    <row r="325176" spans="8:8">
      <c r="H325176" s="12"/>
    </row>
    <row r="325177" spans="8:8">
      <c r="H325177" s="12"/>
    </row>
    <row r="325178" spans="8:8">
      <c r="H325178" s="12"/>
    </row>
    <row r="325179" spans="8:8">
      <c r="H325179" s="12"/>
    </row>
    <row r="325180" spans="8:8">
      <c r="H325180" s="12"/>
    </row>
    <row r="325181" spans="8:8">
      <c r="H325181" s="12"/>
    </row>
    <row r="325182" spans="8:8">
      <c r="H325182" s="12"/>
    </row>
    <row r="325183" spans="8:8">
      <c r="H325183" s="12"/>
    </row>
    <row r="325184" spans="8:8">
      <c r="H325184" s="12"/>
    </row>
    <row r="325185" spans="8:8">
      <c r="H325185" s="12"/>
    </row>
    <row r="325186" spans="8:8">
      <c r="H325186" s="12"/>
    </row>
    <row r="325187" spans="8:8">
      <c r="H325187" s="12"/>
    </row>
    <row r="325188" spans="8:8">
      <c r="H325188" s="12"/>
    </row>
    <row r="325189" spans="8:8">
      <c r="H325189" s="12"/>
    </row>
    <row r="325190" spans="8:8">
      <c r="H325190" s="12"/>
    </row>
    <row r="325191" spans="8:8">
      <c r="H325191" s="12"/>
    </row>
    <row r="325192" spans="8:8">
      <c r="H325192" s="12"/>
    </row>
    <row r="325193" spans="8:8">
      <c r="H325193" s="12"/>
    </row>
    <row r="325194" spans="8:8">
      <c r="H325194" s="12"/>
    </row>
    <row r="325195" spans="8:8">
      <c r="H325195" s="12"/>
    </row>
    <row r="325196" spans="8:8">
      <c r="H325196" s="12"/>
    </row>
    <row r="325197" spans="8:8">
      <c r="H325197" s="12"/>
    </row>
    <row r="325198" spans="8:8">
      <c r="H325198" s="12"/>
    </row>
    <row r="325199" spans="8:8">
      <c r="H325199" s="12"/>
    </row>
    <row r="325200" spans="8:8">
      <c r="H325200" s="12"/>
    </row>
    <row r="325201" spans="8:8">
      <c r="H325201" s="12"/>
    </row>
    <row r="325202" spans="8:8">
      <c r="H325202" s="12"/>
    </row>
    <row r="325203" spans="8:8">
      <c r="H325203" s="12"/>
    </row>
    <row r="325204" spans="8:8">
      <c r="H325204" s="12"/>
    </row>
    <row r="325205" spans="8:8">
      <c r="H325205" s="12"/>
    </row>
    <row r="325206" spans="8:8">
      <c r="H325206" s="12"/>
    </row>
    <row r="325207" spans="8:8">
      <c r="H325207" s="12"/>
    </row>
    <row r="325208" spans="8:8">
      <c r="H325208" s="12"/>
    </row>
    <row r="325209" spans="8:8">
      <c r="H325209" s="12"/>
    </row>
    <row r="325210" spans="8:8">
      <c r="H325210" s="12"/>
    </row>
    <row r="325211" spans="8:8">
      <c r="H325211" s="12"/>
    </row>
    <row r="325212" spans="8:8">
      <c r="H325212" s="12"/>
    </row>
    <row r="325213" spans="8:8">
      <c r="H325213" s="12"/>
    </row>
    <row r="325214" spans="8:8">
      <c r="H325214" s="12"/>
    </row>
    <row r="325215" spans="8:8">
      <c r="H325215" s="12"/>
    </row>
    <row r="325216" spans="8:8">
      <c r="H325216" s="12"/>
    </row>
    <row r="325217" spans="8:8">
      <c r="H325217" s="12"/>
    </row>
    <row r="325218" spans="8:8">
      <c r="H325218" s="12"/>
    </row>
    <row r="325219" spans="8:8">
      <c r="H325219" s="12"/>
    </row>
    <row r="325220" spans="8:8">
      <c r="H325220" s="12"/>
    </row>
    <row r="325221" spans="8:8">
      <c r="H325221" s="12"/>
    </row>
    <row r="325222" spans="8:8">
      <c r="H325222" s="12"/>
    </row>
    <row r="325223" spans="8:8">
      <c r="H325223" s="12"/>
    </row>
    <row r="325224" spans="8:8">
      <c r="H325224" s="12"/>
    </row>
    <row r="325225" spans="8:8">
      <c r="H325225" s="12"/>
    </row>
    <row r="325226" spans="8:8">
      <c r="H325226" s="12"/>
    </row>
    <row r="325227" spans="8:8">
      <c r="H325227" s="12"/>
    </row>
    <row r="325228" spans="8:8">
      <c r="H325228" s="12"/>
    </row>
    <row r="325229" spans="8:8">
      <c r="H325229" s="12"/>
    </row>
    <row r="325230" spans="8:8">
      <c r="H325230" s="12"/>
    </row>
    <row r="325231" spans="8:8">
      <c r="H325231" s="12"/>
    </row>
    <row r="325232" spans="8:8">
      <c r="H325232" s="12"/>
    </row>
    <row r="325233" spans="8:8">
      <c r="H325233" s="12"/>
    </row>
    <row r="325234" spans="8:8">
      <c r="H325234" s="12"/>
    </row>
    <row r="325235" spans="8:8">
      <c r="H325235" s="12"/>
    </row>
    <row r="325236" spans="8:8">
      <c r="H325236" s="12"/>
    </row>
    <row r="325237" spans="8:8">
      <c r="H325237" s="12"/>
    </row>
    <row r="325238" spans="8:8">
      <c r="H325238" s="12"/>
    </row>
    <row r="325239" spans="8:8">
      <c r="H325239" s="12"/>
    </row>
    <row r="325240" spans="8:8">
      <c r="H325240" s="12"/>
    </row>
    <row r="325241" spans="8:8">
      <c r="H325241" s="12"/>
    </row>
    <row r="325242" spans="8:8">
      <c r="H325242" s="12"/>
    </row>
    <row r="325243" spans="8:8">
      <c r="H325243" s="12"/>
    </row>
    <row r="325244" spans="8:8">
      <c r="H325244" s="12"/>
    </row>
    <row r="325245" spans="8:8">
      <c r="H325245" s="12"/>
    </row>
    <row r="325246" spans="8:8">
      <c r="H325246" s="12"/>
    </row>
    <row r="325247" spans="8:8">
      <c r="H325247" s="12"/>
    </row>
    <row r="325248" spans="8:8">
      <c r="H325248" s="12"/>
    </row>
    <row r="325249" spans="8:8">
      <c r="H325249" s="12"/>
    </row>
    <row r="325250" spans="8:8">
      <c r="H325250" s="12"/>
    </row>
    <row r="325251" spans="8:8">
      <c r="H325251" s="12"/>
    </row>
    <row r="325252" spans="8:8">
      <c r="H325252" s="12"/>
    </row>
    <row r="325253" spans="8:8">
      <c r="H325253" s="12"/>
    </row>
    <row r="325254" spans="8:8">
      <c r="H325254" s="12"/>
    </row>
    <row r="325255" spans="8:8">
      <c r="H325255" s="12"/>
    </row>
    <row r="325256" spans="8:8">
      <c r="H325256" s="12"/>
    </row>
    <row r="325257" spans="8:8">
      <c r="H325257" s="12"/>
    </row>
    <row r="325258" spans="8:8">
      <c r="H325258" s="12"/>
    </row>
    <row r="325259" spans="8:8">
      <c r="H325259" s="12"/>
    </row>
    <row r="325260" spans="8:8">
      <c r="H325260" s="12"/>
    </row>
    <row r="325261" spans="8:8">
      <c r="H325261" s="12"/>
    </row>
    <row r="325262" spans="8:8">
      <c r="H325262" s="12"/>
    </row>
    <row r="325263" spans="8:8">
      <c r="H325263" s="12"/>
    </row>
    <row r="325264" spans="8:8">
      <c r="H325264" s="12"/>
    </row>
    <row r="325265" spans="8:8">
      <c r="H325265" s="12"/>
    </row>
    <row r="325266" spans="8:8">
      <c r="H325266" s="12"/>
    </row>
    <row r="325267" spans="8:8">
      <c r="H325267" s="12"/>
    </row>
    <row r="325268" spans="8:8">
      <c r="H325268" s="12"/>
    </row>
    <row r="325269" spans="8:8">
      <c r="H325269" s="12"/>
    </row>
    <row r="325270" spans="8:8">
      <c r="H325270" s="12"/>
    </row>
    <row r="325271" spans="8:8">
      <c r="H325271" s="12"/>
    </row>
    <row r="325272" spans="8:8">
      <c r="H325272" s="12"/>
    </row>
    <row r="325273" spans="8:8">
      <c r="H325273" s="12"/>
    </row>
    <row r="325274" spans="8:8">
      <c r="H325274" s="12"/>
    </row>
    <row r="325275" spans="8:8">
      <c r="H325275" s="12"/>
    </row>
    <row r="325276" spans="8:8">
      <c r="H325276" s="12"/>
    </row>
    <row r="325277" spans="8:8">
      <c r="H325277" s="12"/>
    </row>
    <row r="325278" spans="8:8">
      <c r="H325278" s="12"/>
    </row>
    <row r="325279" spans="8:8">
      <c r="H325279" s="12"/>
    </row>
    <row r="325280" spans="8:8">
      <c r="H325280" s="12"/>
    </row>
    <row r="325281" spans="8:8">
      <c r="H325281" s="12"/>
    </row>
    <row r="325282" spans="8:8">
      <c r="H325282" s="12"/>
    </row>
    <row r="325283" spans="8:8">
      <c r="H325283" s="12"/>
    </row>
    <row r="325284" spans="8:8">
      <c r="H325284" s="12"/>
    </row>
    <row r="325285" spans="8:8">
      <c r="H325285" s="12"/>
    </row>
    <row r="325286" spans="8:8">
      <c r="H325286" s="12"/>
    </row>
    <row r="325287" spans="8:8">
      <c r="H325287" s="12"/>
    </row>
    <row r="325288" spans="8:8">
      <c r="H325288" s="12"/>
    </row>
    <row r="325289" spans="8:8">
      <c r="H325289" s="12"/>
    </row>
    <row r="325290" spans="8:8">
      <c r="H325290" s="12"/>
    </row>
    <row r="325291" spans="8:8">
      <c r="H325291" s="12"/>
    </row>
    <row r="325292" spans="8:8">
      <c r="H325292" s="12"/>
    </row>
    <row r="325293" spans="8:8">
      <c r="H325293" s="12"/>
    </row>
    <row r="325294" spans="8:8">
      <c r="H325294" s="12"/>
    </row>
    <row r="325295" spans="8:8">
      <c r="H325295" s="12"/>
    </row>
    <row r="325296" spans="8:8">
      <c r="H325296" s="12"/>
    </row>
    <row r="325297" spans="8:8">
      <c r="H325297" s="12"/>
    </row>
    <row r="325298" spans="8:8">
      <c r="H325298" s="12"/>
    </row>
    <row r="325299" spans="8:8">
      <c r="H325299" s="12"/>
    </row>
    <row r="325300" spans="8:8">
      <c r="H325300" s="12"/>
    </row>
    <row r="325301" spans="8:8">
      <c r="H325301" s="12"/>
    </row>
    <row r="325302" spans="8:8">
      <c r="H325302" s="12"/>
    </row>
    <row r="325303" spans="8:8">
      <c r="H325303" s="12"/>
    </row>
    <row r="325304" spans="8:8">
      <c r="H325304" s="12"/>
    </row>
    <row r="325305" spans="8:8">
      <c r="H325305" s="12"/>
    </row>
    <row r="325306" spans="8:8">
      <c r="H325306" s="12"/>
    </row>
    <row r="325307" spans="8:8">
      <c r="H325307" s="12"/>
    </row>
    <row r="325308" spans="8:8">
      <c r="H325308" s="12"/>
    </row>
    <row r="325309" spans="8:8">
      <c r="H325309" s="12"/>
    </row>
    <row r="325310" spans="8:8">
      <c r="H325310" s="12"/>
    </row>
    <row r="325311" spans="8:8">
      <c r="H325311" s="12"/>
    </row>
    <row r="325312" spans="8:8">
      <c r="H325312" s="12"/>
    </row>
    <row r="325313" spans="8:8">
      <c r="H325313" s="12"/>
    </row>
    <row r="325314" spans="8:8">
      <c r="H325314" s="12"/>
    </row>
    <row r="325315" spans="8:8">
      <c r="H325315" s="12"/>
    </row>
    <row r="325316" spans="8:8">
      <c r="H325316" s="12"/>
    </row>
    <row r="325317" spans="8:8">
      <c r="H325317" s="12"/>
    </row>
    <row r="325318" spans="8:8">
      <c r="H325318" s="12"/>
    </row>
    <row r="325319" spans="8:8">
      <c r="H325319" s="12"/>
    </row>
    <row r="325320" spans="8:8">
      <c r="H325320" s="12"/>
    </row>
    <row r="325321" spans="8:8">
      <c r="H325321" s="12"/>
    </row>
    <row r="325322" spans="8:8">
      <c r="H325322" s="12"/>
    </row>
    <row r="325323" spans="8:8">
      <c r="H325323" s="12"/>
    </row>
    <row r="325324" spans="8:8">
      <c r="H325324" s="12"/>
    </row>
    <row r="325325" spans="8:8">
      <c r="H325325" s="12"/>
    </row>
    <row r="325326" spans="8:8">
      <c r="H325326" s="12"/>
    </row>
    <row r="325327" spans="8:8">
      <c r="H325327" s="12"/>
    </row>
    <row r="325328" spans="8:8">
      <c r="H325328" s="12"/>
    </row>
    <row r="325329" spans="8:8">
      <c r="H325329" s="12"/>
    </row>
    <row r="325330" spans="8:8">
      <c r="H325330" s="12"/>
    </row>
    <row r="325331" spans="8:8">
      <c r="H325331" s="12"/>
    </row>
    <row r="325332" spans="8:8">
      <c r="H325332" s="12"/>
    </row>
    <row r="325333" spans="8:8">
      <c r="H325333" s="12"/>
    </row>
    <row r="325334" spans="8:8">
      <c r="H325334" s="12"/>
    </row>
    <row r="325335" spans="8:8">
      <c r="H325335" s="12"/>
    </row>
    <row r="325336" spans="8:8">
      <c r="H325336" s="12"/>
    </row>
    <row r="325337" spans="8:8">
      <c r="H325337" s="12"/>
    </row>
    <row r="325338" spans="8:8">
      <c r="H325338" s="12"/>
    </row>
    <row r="325339" spans="8:8">
      <c r="H325339" s="12"/>
    </row>
    <row r="325340" spans="8:8">
      <c r="H325340" s="12"/>
    </row>
    <row r="325341" spans="8:8">
      <c r="H325341" s="12"/>
    </row>
    <row r="325342" spans="8:8">
      <c r="H325342" s="12"/>
    </row>
    <row r="325343" spans="8:8">
      <c r="H325343" s="12"/>
    </row>
    <row r="325344" spans="8:8">
      <c r="H325344" s="12"/>
    </row>
    <row r="325345" spans="8:8">
      <c r="H325345" s="12"/>
    </row>
    <row r="325346" spans="8:8">
      <c r="H325346" s="12"/>
    </row>
    <row r="325347" spans="8:8">
      <c r="H325347" s="12"/>
    </row>
    <row r="325348" spans="8:8">
      <c r="H325348" s="12"/>
    </row>
    <row r="325349" spans="8:8">
      <c r="H325349" s="12"/>
    </row>
    <row r="325350" spans="8:8">
      <c r="H325350" s="12"/>
    </row>
    <row r="325351" spans="8:8">
      <c r="H325351" s="12"/>
    </row>
    <row r="325352" spans="8:8">
      <c r="H325352" s="12"/>
    </row>
    <row r="325353" spans="8:8">
      <c r="H325353" s="12"/>
    </row>
    <row r="325354" spans="8:8">
      <c r="H325354" s="12"/>
    </row>
    <row r="325355" spans="8:8">
      <c r="H325355" s="12"/>
    </row>
    <row r="325356" spans="8:8">
      <c r="H325356" s="12"/>
    </row>
    <row r="325357" spans="8:8">
      <c r="H325357" s="12"/>
    </row>
    <row r="325358" spans="8:8">
      <c r="H325358" s="12"/>
    </row>
    <row r="325359" spans="8:8">
      <c r="H325359" s="12"/>
    </row>
    <row r="325360" spans="8:8">
      <c r="H325360" s="12"/>
    </row>
    <row r="325361" spans="8:8">
      <c r="H325361" s="12"/>
    </row>
    <row r="325362" spans="8:8">
      <c r="H325362" s="12"/>
    </row>
    <row r="325363" spans="8:8">
      <c r="H325363" s="12"/>
    </row>
    <row r="325364" spans="8:8">
      <c r="H325364" s="12"/>
    </row>
    <row r="325365" spans="8:8">
      <c r="H325365" s="12"/>
    </row>
    <row r="325366" spans="8:8">
      <c r="H325366" s="12"/>
    </row>
    <row r="325367" spans="8:8">
      <c r="H325367" s="12"/>
    </row>
    <row r="325368" spans="8:8">
      <c r="H325368" s="12"/>
    </row>
    <row r="325369" spans="8:8">
      <c r="H325369" s="12"/>
    </row>
    <row r="325370" spans="8:8">
      <c r="H325370" s="12"/>
    </row>
    <row r="325371" spans="8:8">
      <c r="H325371" s="12"/>
    </row>
    <row r="325372" spans="8:8">
      <c r="H325372" s="12"/>
    </row>
    <row r="325373" spans="8:8">
      <c r="H325373" s="12"/>
    </row>
    <row r="325374" spans="8:8">
      <c r="H325374" s="12"/>
    </row>
    <row r="325375" spans="8:8">
      <c r="H325375" s="12"/>
    </row>
    <row r="325376" spans="8:8">
      <c r="H325376" s="12"/>
    </row>
    <row r="325377" spans="8:8">
      <c r="H325377" s="12"/>
    </row>
    <row r="325378" spans="8:8">
      <c r="H325378" s="12"/>
    </row>
    <row r="325379" spans="8:8">
      <c r="H325379" s="12"/>
    </row>
    <row r="325380" spans="8:8">
      <c r="H325380" s="12"/>
    </row>
    <row r="325381" spans="8:8">
      <c r="H325381" s="12"/>
    </row>
    <row r="325382" spans="8:8">
      <c r="H325382" s="12"/>
    </row>
    <row r="325383" spans="8:8">
      <c r="H325383" s="12"/>
    </row>
    <row r="325384" spans="8:8">
      <c r="H325384" s="12"/>
    </row>
    <row r="325385" spans="8:8">
      <c r="H325385" s="12"/>
    </row>
    <row r="325386" spans="8:8">
      <c r="H325386" s="12"/>
    </row>
    <row r="325387" spans="8:8">
      <c r="H325387" s="12"/>
    </row>
    <row r="325388" spans="8:8">
      <c r="H325388" s="12"/>
    </row>
    <row r="325389" spans="8:8">
      <c r="H325389" s="12"/>
    </row>
    <row r="325390" spans="8:8">
      <c r="H325390" s="12"/>
    </row>
    <row r="325391" spans="8:8">
      <c r="H325391" s="12"/>
    </row>
    <row r="325392" spans="8:8">
      <c r="H325392" s="12"/>
    </row>
    <row r="325393" spans="8:8">
      <c r="H325393" s="12"/>
    </row>
    <row r="325394" spans="8:8">
      <c r="H325394" s="12"/>
    </row>
    <row r="325395" spans="8:8">
      <c r="H325395" s="12"/>
    </row>
    <row r="325396" spans="8:8">
      <c r="H325396" s="12"/>
    </row>
    <row r="325397" spans="8:8">
      <c r="H325397" s="12"/>
    </row>
    <row r="325398" spans="8:8">
      <c r="H325398" s="12"/>
    </row>
    <row r="325399" spans="8:8">
      <c r="H325399" s="12"/>
    </row>
    <row r="325400" spans="8:8">
      <c r="H325400" s="12"/>
    </row>
    <row r="325401" spans="8:8">
      <c r="H325401" s="12"/>
    </row>
    <row r="325402" spans="8:8">
      <c r="H325402" s="12"/>
    </row>
    <row r="325403" spans="8:8">
      <c r="H325403" s="12"/>
    </row>
    <row r="325404" spans="8:8">
      <c r="H325404" s="12"/>
    </row>
    <row r="325405" spans="8:8">
      <c r="H325405" s="12"/>
    </row>
    <row r="325406" spans="8:8">
      <c r="H325406" s="12"/>
    </row>
    <row r="325407" spans="8:8">
      <c r="H325407" s="12"/>
    </row>
    <row r="325408" spans="8:8">
      <c r="H325408" s="12"/>
    </row>
    <row r="325409" spans="8:8">
      <c r="H325409" s="12"/>
    </row>
    <row r="325410" spans="8:8">
      <c r="H325410" s="12"/>
    </row>
    <row r="325411" spans="8:8">
      <c r="H325411" s="12"/>
    </row>
    <row r="325412" spans="8:8">
      <c r="H325412" s="12"/>
    </row>
    <row r="325413" spans="8:8">
      <c r="H325413" s="12"/>
    </row>
    <row r="325414" spans="8:8">
      <c r="H325414" s="12"/>
    </row>
    <row r="325415" spans="8:8">
      <c r="H325415" s="12"/>
    </row>
    <row r="325416" spans="8:8">
      <c r="H325416" s="12"/>
    </row>
    <row r="325417" spans="8:8">
      <c r="H325417" s="12"/>
    </row>
    <row r="325418" spans="8:8">
      <c r="H325418" s="12"/>
    </row>
    <row r="325419" spans="8:8">
      <c r="H325419" s="12"/>
    </row>
    <row r="325420" spans="8:8">
      <c r="H325420" s="12"/>
    </row>
    <row r="325421" spans="8:8">
      <c r="H325421" s="12"/>
    </row>
    <row r="325422" spans="8:8">
      <c r="H325422" s="12"/>
    </row>
    <row r="325423" spans="8:8">
      <c r="H325423" s="12"/>
    </row>
    <row r="325424" spans="8:8">
      <c r="H325424" s="12"/>
    </row>
    <row r="325425" spans="8:8">
      <c r="H325425" s="12"/>
    </row>
    <row r="325426" spans="8:8">
      <c r="H325426" s="12"/>
    </row>
    <row r="325427" spans="8:8">
      <c r="H325427" s="12"/>
    </row>
    <row r="325428" spans="8:8">
      <c r="H325428" s="12"/>
    </row>
    <row r="325429" spans="8:8">
      <c r="H325429" s="12"/>
    </row>
    <row r="325430" spans="8:8">
      <c r="H325430" s="12"/>
    </row>
    <row r="325431" spans="8:8">
      <c r="H325431" s="12"/>
    </row>
    <row r="325432" spans="8:8">
      <c r="H325432" s="12"/>
    </row>
    <row r="325433" spans="8:8">
      <c r="H325433" s="12"/>
    </row>
    <row r="325434" spans="8:8">
      <c r="H325434" s="12"/>
    </row>
    <row r="325435" spans="8:8">
      <c r="H325435" s="12"/>
    </row>
    <row r="325436" spans="8:8">
      <c r="H325436" s="12"/>
    </row>
    <row r="325437" spans="8:8">
      <c r="H325437" s="12"/>
    </row>
    <row r="325438" spans="8:8">
      <c r="H325438" s="12"/>
    </row>
    <row r="325439" spans="8:8">
      <c r="H325439" s="12"/>
    </row>
    <row r="325440" spans="8:8">
      <c r="H325440" s="12"/>
    </row>
    <row r="325441" spans="8:8">
      <c r="H325441" s="12"/>
    </row>
    <row r="325442" spans="8:8">
      <c r="H325442" s="12"/>
    </row>
    <row r="325443" spans="8:8">
      <c r="H325443" s="12"/>
    </row>
    <row r="325444" spans="8:8">
      <c r="H325444" s="12"/>
    </row>
    <row r="325445" spans="8:8">
      <c r="H325445" s="12"/>
    </row>
    <row r="325446" spans="8:8">
      <c r="H325446" s="12"/>
    </row>
    <row r="325447" spans="8:8">
      <c r="H325447" s="12"/>
    </row>
    <row r="325448" spans="8:8">
      <c r="H325448" s="12"/>
    </row>
    <row r="325449" spans="8:8">
      <c r="H325449" s="12"/>
    </row>
    <row r="325450" spans="8:8">
      <c r="H325450" s="12"/>
    </row>
    <row r="325451" spans="8:8">
      <c r="H325451" s="12"/>
    </row>
    <row r="325452" spans="8:8">
      <c r="H325452" s="12"/>
    </row>
    <row r="325453" spans="8:8">
      <c r="H325453" s="12"/>
    </row>
    <row r="325454" spans="8:8">
      <c r="H325454" s="12"/>
    </row>
    <row r="325455" spans="8:8">
      <c r="H325455" s="12"/>
    </row>
    <row r="325456" spans="8:8">
      <c r="H325456" s="12"/>
    </row>
    <row r="325457" spans="8:8">
      <c r="H325457" s="12"/>
    </row>
    <row r="325458" spans="8:8">
      <c r="H325458" s="12"/>
    </row>
    <row r="325459" spans="8:8">
      <c r="H325459" s="12"/>
    </row>
    <row r="325460" spans="8:8">
      <c r="H325460" s="12"/>
    </row>
    <row r="325461" spans="8:8">
      <c r="H325461" s="12"/>
    </row>
    <row r="325462" spans="8:8">
      <c r="H325462" s="12"/>
    </row>
    <row r="325463" spans="8:8">
      <c r="H325463" s="12"/>
    </row>
    <row r="325464" spans="8:8">
      <c r="H325464" s="12"/>
    </row>
    <row r="325465" spans="8:8">
      <c r="H325465" s="12"/>
    </row>
    <row r="325466" spans="8:8">
      <c r="H325466" s="12"/>
    </row>
    <row r="325467" spans="8:8">
      <c r="H325467" s="12"/>
    </row>
    <row r="325468" spans="8:8">
      <c r="H325468" s="12"/>
    </row>
    <row r="325469" spans="8:8">
      <c r="H325469" s="12"/>
    </row>
    <row r="325470" spans="8:8">
      <c r="H325470" s="12"/>
    </row>
    <row r="325471" spans="8:8">
      <c r="H325471" s="12"/>
    </row>
    <row r="325472" spans="8:8">
      <c r="H325472" s="12"/>
    </row>
    <row r="325473" spans="8:8">
      <c r="H325473" s="12"/>
    </row>
    <row r="325474" spans="8:8">
      <c r="H325474" s="12"/>
    </row>
    <row r="325475" spans="8:8">
      <c r="H325475" s="12"/>
    </row>
    <row r="325476" spans="8:8">
      <c r="H325476" s="12"/>
    </row>
    <row r="325477" spans="8:8">
      <c r="H325477" s="12"/>
    </row>
    <row r="325478" spans="8:8">
      <c r="H325478" s="12"/>
    </row>
    <row r="325479" spans="8:8">
      <c r="H325479" s="12"/>
    </row>
    <row r="325480" spans="8:8">
      <c r="H325480" s="12"/>
    </row>
    <row r="325481" spans="8:8">
      <c r="H325481" s="12"/>
    </row>
    <row r="325482" spans="8:8">
      <c r="H325482" s="12"/>
    </row>
    <row r="325483" spans="8:8">
      <c r="H325483" s="12"/>
    </row>
    <row r="325484" spans="8:8">
      <c r="H325484" s="12"/>
    </row>
    <row r="325485" spans="8:8">
      <c r="H325485" s="12"/>
    </row>
    <row r="325486" spans="8:8">
      <c r="H325486" s="12"/>
    </row>
    <row r="325487" spans="8:8">
      <c r="H325487" s="12"/>
    </row>
    <row r="325488" spans="8:8">
      <c r="H325488" s="12"/>
    </row>
    <row r="325489" spans="8:8">
      <c r="H325489" s="12"/>
    </row>
    <row r="325490" spans="8:8">
      <c r="H325490" s="12"/>
    </row>
    <row r="325491" spans="8:8">
      <c r="H325491" s="12"/>
    </row>
    <row r="325492" spans="8:8">
      <c r="H325492" s="12"/>
    </row>
    <row r="325493" spans="8:8">
      <c r="H325493" s="12"/>
    </row>
    <row r="325494" spans="8:8">
      <c r="H325494" s="12"/>
    </row>
    <row r="325495" spans="8:8">
      <c r="H325495" s="12"/>
    </row>
    <row r="325496" spans="8:8">
      <c r="H325496" s="12"/>
    </row>
    <row r="325497" spans="8:8">
      <c r="H325497" s="12"/>
    </row>
    <row r="325498" spans="8:8">
      <c r="H325498" s="12"/>
    </row>
    <row r="325499" spans="8:8">
      <c r="H325499" s="12"/>
    </row>
    <row r="325500" spans="8:8">
      <c r="H325500" s="12"/>
    </row>
    <row r="325501" spans="8:8">
      <c r="H325501" s="12"/>
    </row>
    <row r="325502" spans="8:8">
      <c r="H325502" s="12"/>
    </row>
    <row r="325503" spans="8:8">
      <c r="H325503" s="12"/>
    </row>
    <row r="325504" spans="8:8">
      <c r="H325504" s="12"/>
    </row>
    <row r="325505" spans="8:8">
      <c r="H325505" s="12"/>
    </row>
    <row r="325506" spans="8:8">
      <c r="H325506" s="12"/>
    </row>
    <row r="325507" spans="8:8">
      <c r="H325507" s="12"/>
    </row>
    <row r="325508" spans="8:8">
      <c r="H325508" s="12"/>
    </row>
    <row r="325509" spans="8:8">
      <c r="H325509" s="12"/>
    </row>
    <row r="325510" spans="8:8">
      <c r="H325510" s="12"/>
    </row>
    <row r="325511" spans="8:8">
      <c r="H325511" s="12"/>
    </row>
    <row r="325512" spans="8:8">
      <c r="H325512" s="12"/>
    </row>
    <row r="325513" spans="8:8">
      <c r="H325513" s="12"/>
    </row>
    <row r="325514" spans="8:8">
      <c r="H325514" s="12"/>
    </row>
    <row r="325515" spans="8:8">
      <c r="H325515" s="12"/>
    </row>
    <row r="325516" spans="8:8">
      <c r="H325516" s="12"/>
    </row>
    <row r="325517" spans="8:8">
      <c r="H325517" s="12"/>
    </row>
    <row r="325518" spans="8:8">
      <c r="H325518" s="12"/>
    </row>
    <row r="325519" spans="8:8">
      <c r="H325519" s="12"/>
    </row>
    <row r="325520" spans="8:8">
      <c r="H325520" s="12"/>
    </row>
    <row r="325521" spans="8:8">
      <c r="H325521" s="12"/>
    </row>
    <row r="325522" spans="8:8">
      <c r="H325522" s="12"/>
    </row>
    <row r="325523" spans="8:8">
      <c r="H325523" s="12"/>
    </row>
    <row r="325524" spans="8:8">
      <c r="H325524" s="12"/>
    </row>
    <row r="325525" spans="8:8">
      <c r="H325525" s="12"/>
    </row>
    <row r="325526" spans="8:8">
      <c r="H325526" s="12"/>
    </row>
    <row r="325527" spans="8:8">
      <c r="H325527" s="12"/>
    </row>
    <row r="325528" spans="8:8">
      <c r="H325528" s="12"/>
    </row>
    <row r="325529" spans="8:8">
      <c r="H325529" s="12"/>
    </row>
    <row r="325530" spans="8:8">
      <c r="H325530" s="12"/>
    </row>
    <row r="325531" spans="8:8">
      <c r="H325531" s="12"/>
    </row>
    <row r="325532" spans="8:8">
      <c r="H325532" s="12"/>
    </row>
    <row r="325533" spans="8:8">
      <c r="H325533" s="12"/>
    </row>
    <row r="325534" spans="8:8">
      <c r="H325534" s="12"/>
    </row>
    <row r="325535" spans="8:8">
      <c r="H325535" s="12"/>
    </row>
    <row r="325536" spans="8:8">
      <c r="H325536" s="12"/>
    </row>
    <row r="325537" spans="8:8">
      <c r="H325537" s="12"/>
    </row>
    <row r="325538" spans="8:8">
      <c r="H325538" s="12"/>
    </row>
    <row r="325539" spans="8:8">
      <c r="H325539" s="12"/>
    </row>
    <row r="325540" spans="8:8">
      <c r="H325540" s="12"/>
    </row>
    <row r="325541" spans="8:8">
      <c r="H325541" s="12"/>
    </row>
    <row r="325542" spans="8:8">
      <c r="H325542" s="12"/>
    </row>
    <row r="325543" spans="8:8">
      <c r="H325543" s="12"/>
    </row>
    <row r="325544" spans="8:8">
      <c r="H325544" s="12"/>
    </row>
    <row r="325545" spans="8:8">
      <c r="H325545" s="12"/>
    </row>
    <row r="325546" spans="8:8">
      <c r="H325546" s="12"/>
    </row>
    <row r="325547" spans="8:8">
      <c r="H325547" s="12"/>
    </row>
    <row r="325548" spans="8:8">
      <c r="H325548" s="12"/>
    </row>
    <row r="325549" spans="8:8">
      <c r="H325549" s="12"/>
    </row>
    <row r="325550" spans="8:8">
      <c r="H325550" s="12"/>
    </row>
    <row r="325551" spans="8:8">
      <c r="H325551" s="12"/>
    </row>
    <row r="325552" spans="8:8">
      <c r="H325552" s="12"/>
    </row>
    <row r="325553" spans="8:8">
      <c r="H325553" s="12"/>
    </row>
    <row r="325554" spans="8:8">
      <c r="H325554" s="12"/>
    </row>
    <row r="325555" spans="8:8">
      <c r="H325555" s="12"/>
    </row>
    <row r="325556" spans="8:8">
      <c r="H325556" s="12"/>
    </row>
    <row r="325557" spans="8:8">
      <c r="H325557" s="12"/>
    </row>
    <row r="325558" spans="8:8">
      <c r="H325558" s="12"/>
    </row>
    <row r="325559" spans="8:8">
      <c r="H325559" s="12"/>
    </row>
    <row r="325560" spans="8:8">
      <c r="H325560" s="12"/>
    </row>
    <row r="325561" spans="8:8">
      <c r="H325561" s="12"/>
    </row>
    <row r="325562" spans="8:8">
      <c r="H325562" s="12"/>
    </row>
    <row r="325563" spans="8:8">
      <c r="H325563" s="12"/>
    </row>
    <row r="325564" spans="8:8">
      <c r="H325564" s="12"/>
    </row>
    <row r="325565" spans="8:8">
      <c r="H325565" s="12"/>
    </row>
    <row r="325566" spans="8:8">
      <c r="H325566" s="12"/>
    </row>
    <row r="325567" spans="8:8">
      <c r="H325567" s="12"/>
    </row>
    <row r="325568" spans="8:8">
      <c r="H325568" s="12"/>
    </row>
    <row r="325569" spans="8:8">
      <c r="H325569" s="12"/>
    </row>
    <row r="325570" spans="8:8">
      <c r="H325570" s="12"/>
    </row>
    <row r="325571" spans="8:8">
      <c r="H325571" s="12"/>
    </row>
    <row r="325572" spans="8:8">
      <c r="H325572" s="12"/>
    </row>
    <row r="325573" spans="8:8">
      <c r="H325573" s="12"/>
    </row>
    <row r="325574" spans="8:8">
      <c r="H325574" s="12"/>
    </row>
    <row r="325575" spans="8:8">
      <c r="H325575" s="12"/>
    </row>
    <row r="325576" spans="8:8">
      <c r="H325576" s="12"/>
    </row>
    <row r="325577" spans="8:8">
      <c r="H325577" s="12"/>
    </row>
    <row r="325578" spans="8:8">
      <c r="H325578" s="12"/>
    </row>
    <row r="325579" spans="8:8">
      <c r="H325579" s="12"/>
    </row>
    <row r="325580" spans="8:8">
      <c r="H325580" s="12"/>
    </row>
    <row r="325581" spans="8:8">
      <c r="H325581" s="12"/>
    </row>
    <row r="325582" spans="8:8">
      <c r="H325582" s="12"/>
    </row>
    <row r="325583" spans="8:8">
      <c r="H325583" s="12"/>
    </row>
    <row r="325584" spans="8:8">
      <c r="H325584" s="12"/>
    </row>
    <row r="325585" spans="8:8">
      <c r="H325585" s="12"/>
    </row>
    <row r="325586" spans="8:8">
      <c r="H325586" s="12"/>
    </row>
    <row r="325587" spans="8:8">
      <c r="H325587" s="12"/>
    </row>
    <row r="325588" spans="8:8">
      <c r="H325588" s="12"/>
    </row>
    <row r="325589" spans="8:8">
      <c r="H325589" s="12"/>
    </row>
    <row r="325590" spans="8:8">
      <c r="H325590" s="12"/>
    </row>
    <row r="325591" spans="8:8">
      <c r="H325591" s="12"/>
    </row>
    <row r="325592" spans="8:8">
      <c r="H325592" s="12"/>
    </row>
    <row r="325593" spans="8:8">
      <c r="H325593" s="12"/>
    </row>
    <row r="325594" spans="8:8">
      <c r="H325594" s="12"/>
    </row>
    <row r="325595" spans="8:8">
      <c r="H325595" s="12"/>
    </row>
    <row r="325596" spans="8:8">
      <c r="H325596" s="12"/>
    </row>
    <row r="325597" spans="8:8">
      <c r="H325597" s="12"/>
    </row>
    <row r="325598" spans="8:8">
      <c r="H325598" s="12"/>
    </row>
    <row r="325599" spans="8:8">
      <c r="H325599" s="12"/>
    </row>
    <row r="325600" spans="8:8">
      <c r="H325600" s="12"/>
    </row>
    <row r="325601" spans="8:8">
      <c r="H325601" s="12"/>
    </row>
    <row r="325602" spans="8:8">
      <c r="H325602" s="12"/>
    </row>
    <row r="325603" spans="8:8">
      <c r="H325603" s="12"/>
    </row>
    <row r="325604" spans="8:8">
      <c r="H325604" s="12"/>
    </row>
    <row r="325605" spans="8:8">
      <c r="H325605" s="12"/>
    </row>
    <row r="325606" spans="8:8">
      <c r="H325606" s="12"/>
    </row>
    <row r="325607" spans="8:8">
      <c r="H325607" s="12"/>
    </row>
    <row r="325608" spans="8:8">
      <c r="H325608" s="12"/>
    </row>
    <row r="325609" spans="8:8">
      <c r="H325609" s="12"/>
    </row>
    <row r="325610" spans="8:8">
      <c r="H325610" s="12"/>
    </row>
    <row r="325611" spans="8:8">
      <c r="H325611" s="12"/>
    </row>
    <row r="325612" spans="8:8">
      <c r="H325612" s="12"/>
    </row>
    <row r="325613" spans="8:8">
      <c r="H325613" s="12"/>
    </row>
    <row r="325614" spans="8:8">
      <c r="H325614" s="12"/>
    </row>
    <row r="325615" spans="8:8">
      <c r="H325615" s="12"/>
    </row>
    <row r="325616" spans="8:8">
      <c r="H325616" s="12"/>
    </row>
    <row r="325617" spans="8:8">
      <c r="H325617" s="12"/>
    </row>
    <row r="325618" spans="8:8">
      <c r="H325618" s="12"/>
    </row>
    <row r="325619" spans="8:8">
      <c r="H325619" s="12"/>
    </row>
    <row r="325620" spans="8:8">
      <c r="H325620" s="12"/>
    </row>
    <row r="325621" spans="8:8">
      <c r="H325621" s="12"/>
    </row>
    <row r="325622" spans="8:8">
      <c r="H325622" s="12"/>
    </row>
    <row r="325623" spans="8:8">
      <c r="H325623" s="12"/>
    </row>
    <row r="325624" spans="8:8">
      <c r="H325624" s="12"/>
    </row>
    <row r="325625" spans="8:8">
      <c r="H325625" s="12"/>
    </row>
    <row r="325626" spans="8:8">
      <c r="H325626" s="12"/>
    </row>
    <row r="325627" spans="8:8">
      <c r="H325627" s="12"/>
    </row>
    <row r="325628" spans="8:8">
      <c r="H325628" s="12"/>
    </row>
    <row r="325629" spans="8:8">
      <c r="H325629" s="12"/>
    </row>
    <row r="325630" spans="8:8">
      <c r="H325630" s="12"/>
    </row>
    <row r="325631" spans="8:8">
      <c r="H325631" s="12"/>
    </row>
    <row r="325632" spans="8:8">
      <c r="H325632" s="12"/>
    </row>
    <row r="325633" spans="8:8">
      <c r="H325633" s="12"/>
    </row>
    <row r="325634" spans="8:8">
      <c r="H325634" s="12"/>
    </row>
    <row r="325635" spans="8:8">
      <c r="H325635" s="12"/>
    </row>
    <row r="325636" spans="8:8">
      <c r="H325636" s="12"/>
    </row>
    <row r="325637" spans="8:8">
      <c r="H325637" s="12"/>
    </row>
    <row r="325638" spans="8:8">
      <c r="H325638" s="12"/>
    </row>
    <row r="325639" spans="8:8">
      <c r="H325639" s="12"/>
    </row>
    <row r="325640" spans="8:8">
      <c r="H325640" s="12"/>
    </row>
    <row r="325641" spans="8:8">
      <c r="H325641" s="12"/>
    </row>
    <row r="325642" spans="8:8">
      <c r="H325642" s="12"/>
    </row>
    <row r="325643" spans="8:8">
      <c r="H325643" s="12"/>
    </row>
    <row r="325644" spans="8:8">
      <c r="H325644" s="12"/>
    </row>
    <row r="325645" spans="8:8">
      <c r="H325645" s="12"/>
    </row>
    <row r="325646" spans="8:8">
      <c r="H325646" s="12"/>
    </row>
    <row r="325647" spans="8:8">
      <c r="H325647" s="12"/>
    </row>
    <row r="325648" spans="8:8">
      <c r="H325648" s="12"/>
    </row>
    <row r="325649" spans="8:8">
      <c r="H325649" s="12"/>
    </row>
    <row r="325650" spans="8:8">
      <c r="H325650" s="12"/>
    </row>
    <row r="325651" spans="8:8">
      <c r="H325651" s="12"/>
    </row>
    <row r="325652" spans="8:8">
      <c r="H325652" s="12"/>
    </row>
    <row r="325653" spans="8:8">
      <c r="H325653" s="12"/>
    </row>
    <row r="325654" spans="8:8">
      <c r="H325654" s="12"/>
    </row>
    <row r="325655" spans="8:8">
      <c r="H325655" s="12"/>
    </row>
    <row r="325656" spans="8:8">
      <c r="H325656" s="12"/>
    </row>
    <row r="325657" spans="8:8">
      <c r="H325657" s="12"/>
    </row>
    <row r="325658" spans="8:8">
      <c r="H325658" s="12"/>
    </row>
    <row r="325659" spans="8:8">
      <c r="H325659" s="12"/>
    </row>
    <row r="325660" spans="8:8">
      <c r="H325660" s="12"/>
    </row>
    <row r="325661" spans="8:8">
      <c r="H325661" s="12"/>
    </row>
    <row r="325662" spans="8:8">
      <c r="H325662" s="12"/>
    </row>
    <row r="325663" spans="8:8">
      <c r="H325663" s="12"/>
    </row>
    <row r="325664" spans="8:8">
      <c r="H325664" s="12"/>
    </row>
    <row r="325665" spans="8:8">
      <c r="H325665" s="12"/>
    </row>
    <row r="325666" spans="8:8">
      <c r="H325666" s="12"/>
    </row>
    <row r="325667" spans="8:8">
      <c r="H325667" s="12"/>
    </row>
    <row r="325668" spans="8:8">
      <c r="H325668" s="12"/>
    </row>
    <row r="325669" spans="8:8">
      <c r="H325669" s="12"/>
    </row>
    <row r="325670" spans="8:8">
      <c r="H325670" s="12"/>
    </row>
    <row r="325671" spans="8:8">
      <c r="H325671" s="12"/>
    </row>
    <row r="325672" spans="8:8">
      <c r="H325672" s="12"/>
    </row>
    <row r="325673" spans="8:8">
      <c r="H325673" s="12"/>
    </row>
    <row r="325674" spans="8:8">
      <c r="H325674" s="12"/>
    </row>
    <row r="325675" spans="8:8">
      <c r="H325675" s="12"/>
    </row>
    <row r="325676" spans="8:8">
      <c r="H325676" s="12"/>
    </row>
    <row r="325677" spans="8:8">
      <c r="H325677" s="12"/>
    </row>
    <row r="325678" spans="8:8">
      <c r="H325678" s="12"/>
    </row>
    <row r="325679" spans="8:8">
      <c r="H325679" s="12"/>
    </row>
    <row r="325680" spans="8:8">
      <c r="H325680" s="12"/>
    </row>
    <row r="325681" spans="8:8">
      <c r="H325681" s="12"/>
    </row>
    <row r="325682" spans="8:8">
      <c r="H325682" s="12"/>
    </row>
    <row r="325683" spans="8:8">
      <c r="H325683" s="12"/>
    </row>
    <row r="325684" spans="8:8">
      <c r="H325684" s="12"/>
    </row>
    <row r="325685" spans="8:8">
      <c r="H325685" s="12"/>
    </row>
    <row r="325686" spans="8:8">
      <c r="H325686" s="12"/>
    </row>
    <row r="325687" spans="8:8">
      <c r="H325687" s="12"/>
    </row>
    <row r="325688" spans="8:8">
      <c r="H325688" s="12"/>
    </row>
    <row r="325689" spans="8:8">
      <c r="H325689" s="12"/>
    </row>
    <row r="325690" spans="8:8">
      <c r="H325690" s="12"/>
    </row>
    <row r="325691" spans="8:8">
      <c r="H325691" s="12"/>
    </row>
    <row r="325692" spans="8:8">
      <c r="H325692" s="12"/>
    </row>
    <row r="325693" spans="8:8">
      <c r="H325693" s="12"/>
    </row>
    <row r="325694" spans="8:8">
      <c r="H325694" s="12"/>
    </row>
    <row r="325695" spans="8:8">
      <c r="H325695" s="12"/>
    </row>
    <row r="325696" spans="8:8">
      <c r="H325696" s="12"/>
    </row>
    <row r="325697" spans="8:8">
      <c r="H325697" s="12"/>
    </row>
    <row r="325698" spans="8:8">
      <c r="H325698" s="12"/>
    </row>
    <row r="325699" spans="8:8">
      <c r="H325699" s="12"/>
    </row>
    <row r="325700" spans="8:8">
      <c r="H325700" s="12"/>
    </row>
    <row r="325701" spans="8:8">
      <c r="H325701" s="12"/>
    </row>
    <row r="325702" spans="8:8">
      <c r="H325702" s="12"/>
    </row>
    <row r="325703" spans="8:8">
      <c r="H325703" s="12"/>
    </row>
    <row r="325704" spans="8:8">
      <c r="H325704" s="12"/>
    </row>
    <row r="325705" spans="8:8">
      <c r="H325705" s="12"/>
    </row>
    <row r="325706" spans="8:8">
      <c r="H325706" s="12"/>
    </row>
    <row r="325707" spans="8:8">
      <c r="H325707" s="12"/>
    </row>
    <row r="325708" spans="8:8">
      <c r="H325708" s="12"/>
    </row>
    <row r="325709" spans="8:8">
      <c r="H325709" s="12"/>
    </row>
    <row r="325710" spans="8:8">
      <c r="H325710" s="12"/>
    </row>
    <row r="325711" spans="8:8">
      <c r="H325711" s="12"/>
    </row>
    <row r="325712" spans="8:8">
      <c r="H325712" s="12"/>
    </row>
    <row r="325713" spans="8:8">
      <c r="H325713" s="12"/>
    </row>
    <row r="325714" spans="8:8">
      <c r="H325714" s="12"/>
    </row>
    <row r="325715" spans="8:8">
      <c r="H325715" s="12"/>
    </row>
    <row r="325716" spans="8:8">
      <c r="H325716" s="12"/>
    </row>
    <row r="325717" spans="8:8">
      <c r="H325717" s="12"/>
    </row>
    <row r="325718" spans="8:8">
      <c r="H325718" s="12"/>
    </row>
    <row r="325719" spans="8:8">
      <c r="H325719" s="12"/>
    </row>
    <row r="325720" spans="8:8">
      <c r="H325720" s="12"/>
    </row>
    <row r="325721" spans="8:8">
      <c r="H325721" s="12"/>
    </row>
    <row r="325722" spans="8:8">
      <c r="H325722" s="12"/>
    </row>
    <row r="325723" spans="8:8">
      <c r="H325723" s="12"/>
    </row>
    <row r="325724" spans="8:8">
      <c r="H325724" s="12"/>
    </row>
    <row r="325725" spans="8:8">
      <c r="H325725" s="12"/>
    </row>
    <row r="325726" spans="8:8">
      <c r="H325726" s="12"/>
    </row>
    <row r="325727" spans="8:8">
      <c r="H325727" s="12"/>
    </row>
    <row r="325728" spans="8:8">
      <c r="H325728" s="12"/>
    </row>
    <row r="325729" spans="8:8">
      <c r="H325729" s="12"/>
    </row>
    <row r="325730" spans="8:8">
      <c r="H325730" s="12"/>
    </row>
    <row r="325731" spans="8:8">
      <c r="H325731" s="12"/>
    </row>
    <row r="325732" spans="8:8">
      <c r="H325732" s="12"/>
    </row>
    <row r="325733" spans="8:8">
      <c r="H325733" s="12"/>
    </row>
    <row r="325734" spans="8:8">
      <c r="H325734" s="12"/>
    </row>
    <row r="325735" spans="8:8">
      <c r="H325735" s="12"/>
    </row>
    <row r="325736" spans="8:8">
      <c r="H325736" s="12"/>
    </row>
    <row r="325737" spans="8:8">
      <c r="H325737" s="12"/>
    </row>
    <row r="325738" spans="8:8">
      <c r="H325738" s="12"/>
    </row>
    <row r="325739" spans="8:8">
      <c r="H325739" s="12"/>
    </row>
    <row r="325740" spans="8:8">
      <c r="H325740" s="12"/>
    </row>
    <row r="325741" spans="8:8">
      <c r="H325741" s="12"/>
    </row>
    <row r="325742" spans="8:8">
      <c r="H325742" s="12"/>
    </row>
    <row r="325743" spans="8:8">
      <c r="H325743" s="12"/>
    </row>
    <row r="325744" spans="8:8">
      <c r="H325744" s="12"/>
    </row>
    <row r="325745" spans="8:8">
      <c r="H325745" s="12"/>
    </row>
    <row r="325746" spans="8:8">
      <c r="H325746" s="12"/>
    </row>
    <row r="325747" spans="8:8">
      <c r="H325747" s="12"/>
    </row>
    <row r="325748" spans="8:8">
      <c r="H325748" s="12"/>
    </row>
    <row r="325749" spans="8:8">
      <c r="H325749" s="12"/>
    </row>
    <row r="325750" spans="8:8">
      <c r="H325750" s="12"/>
    </row>
    <row r="325751" spans="8:8">
      <c r="H325751" s="12"/>
    </row>
    <row r="325752" spans="8:8">
      <c r="H325752" s="12"/>
    </row>
    <row r="325753" spans="8:8">
      <c r="H325753" s="12"/>
    </row>
    <row r="325754" spans="8:8">
      <c r="H325754" s="12"/>
    </row>
    <row r="325755" spans="8:8">
      <c r="H325755" s="12"/>
    </row>
    <row r="325756" spans="8:8">
      <c r="H325756" s="12"/>
    </row>
    <row r="325757" spans="8:8">
      <c r="H325757" s="12"/>
    </row>
    <row r="325758" spans="8:8">
      <c r="H325758" s="12"/>
    </row>
    <row r="325759" spans="8:8">
      <c r="H325759" s="12"/>
    </row>
    <row r="325760" spans="8:8">
      <c r="H325760" s="12"/>
    </row>
    <row r="325761" spans="8:8">
      <c r="H325761" s="12"/>
    </row>
    <row r="325762" spans="8:8">
      <c r="H325762" s="12"/>
    </row>
    <row r="325763" spans="8:8">
      <c r="H325763" s="12"/>
    </row>
    <row r="325764" spans="8:8">
      <c r="H325764" s="12"/>
    </row>
    <row r="325765" spans="8:8">
      <c r="H325765" s="12"/>
    </row>
    <row r="325766" spans="8:8">
      <c r="H325766" s="12"/>
    </row>
    <row r="325767" spans="8:8">
      <c r="H325767" s="12"/>
    </row>
    <row r="325768" spans="8:8">
      <c r="H325768" s="12"/>
    </row>
    <row r="325769" spans="8:8">
      <c r="H325769" s="12"/>
    </row>
    <row r="325770" spans="8:8">
      <c r="H325770" s="12"/>
    </row>
    <row r="325771" spans="8:8">
      <c r="H325771" s="12"/>
    </row>
    <row r="325772" spans="8:8">
      <c r="H325772" s="12"/>
    </row>
    <row r="325773" spans="8:8">
      <c r="H325773" s="12"/>
    </row>
    <row r="325774" spans="8:8">
      <c r="H325774" s="12"/>
    </row>
    <row r="325775" spans="8:8">
      <c r="H325775" s="12"/>
    </row>
    <row r="325776" spans="8:8">
      <c r="H325776" s="12"/>
    </row>
    <row r="325777" spans="8:8">
      <c r="H325777" s="12"/>
    </row>
    <row r="325778" spans="8:8">
      <c r="H325778" s="12"/>
    </row>
    <row r="325779" spans="8:8">
      <c r="H325779" s="12"/>
    </row>
    <row r="325780" spans="8:8">
      <c r="H325780" s="12"/>
    </row>
    <row r="325781" spans="8:8">
      <c r="H325781" s="12"/>
    </row>
    <row r="325782" spans="8:8">
      <c r="H325782" s="12"/>
    </row>
    <row r="325783" spans="8:8">
      <c r="H325783" s="12"/>
    </row>
    <row r="325784" spans="8:8">
      <c r="H325784" s="12"/>
    </row>
    <row r="325785" spans="8:8">
      <c r="H325785" s="12"/>
    </row>
    <row r="325786" spans="8:8">
      <c r="H325786" s="12"/>
    </row>
    <row r="325787" spans="8:8">
      <c r="H325787" s="12"/>
    </row>
    <row r="325788" spans="8:8">
      <c r="H325788" s="12"/>
    </row>
    <row r="325789" spans="8:8">
      <c r="H325789" s="12"/>
    </row>
    <row r="325790" spans="8:8">
      <c r="H325790" s="12"/>
    </row>
    <row r="325791" spans="8:8">
      <c r="H325791" s="12"/>
    </row>
    <row r="325792" spans="8:8">
      <c r="H325792" s="12"/>
    </row>
    <row r="325793" spans="8:8">
      <c r="H325793" s="12"/>
    </row>
    <row r="325794" spans="8:8">
      <c r="H325794" s="12"/>
    </row>
    <row r="325795" spans="8:8">
      <c r="H325795" s="12"/>
    </row>
    <row r="325796" spans="8:8">
      <c r="H325796" s="12"/>
    </row>
    <row r="325797" spans="8:8">
      <c r="H325797" s="12"/>
    </row>
    <row r="325798" spans="8:8">
      <c r="H325798" s="12"/>
    </row>
    <row r="325799" spans="8:8">
      <c r="H325799" s="12"/>
    </row>
    <row r="325800" spans="8:8">
      <c r="H325800" s="12"/>
    </row>
    <row r="325801" spans="8:8">
      <c r="H325801" s="12"/>
    </row>
    <row r="325802" spans="8:8">
      <c r="H325802" s="12"/>
    </row>
    <row r="325803" spans="8:8">
      <c r="H325803" s="12"/>
    </row>
    <row r="325804" spans="8:8">
      <c r="H325804" s="12"/>
    </row>
    <row r="325805" spans="8:8">
      <c r="H325805" s="12"/>
    </row>
    <row r="325806" spans="8:8">
      <c r="H325806" s="12"/>
    </row>
    <row r="325807" spans="8:8">
      <c r="H325807" s="12"/>
    </row>
    <row r="325808" spans="8:8">
      <c r="H325808" s="12"/>
    </row>
    <row r="325809" spans="8:8">
      <c r="H325809" s="12"/>
    </row>
    <row r="325810" spans="8:8">
      <c r="H325810" s="12"/>
    </row>
    <row r="325811" spans="8:8">
      <c r="H325811" s="12"/>
    </row>
    <row r="325812" spans="8:8">
      <c r="H325812" s="12"/>
    </row>
    <row r="325813" spans="8:8">
      <c r="H325813" s="12"/>
    </row>
    <row r="325814" spans="8:8">
      <c r="H325814" s="12"/>
    </row>
    <row r="325815" spans="8:8">
      <c r="H325815" s="12"/>
    </row>
    <row r="325816" spans="8:8">
      <c r="H325816" s="12"/>
    </row>
    <row r="325817" spans="8:8">
      <c r="H325817" s="12"/>
    </row>
    <row r="325818" spans="8:8">
      <c r="H325818" s="12"/>
    </row>
    <row r="325819" spans="8:8">
      <c r="H325819" s="12"/>
    </row>
    <row r="325820" spans="8:8">
      <c r="H325820" s="12"/>
    </row>
    <row r="325821" spans="8:8">
      <c r="H325821" s="12"/>
    </row>
    <row r="325822" spans="8:8">
      <c r="H325822" s="12"/>
    </row>
    <row r="325823" spans="8:8">
      <c r="H325823" s="12"/>
    </row>
    <row r="325824" spans="8:8">
      <c r="H325824" s="12"/>
    </row>
    <row r="325825" spans="8:8">
      <c r="H325825" s="12"/>
    </row>
    <row r="325826" spans="8:8">
      <c r="H325826" s="12"/>
    </row>
    <row r="325827" spans="8:8">
      <c r="H325827" s="12"/>
    </row>
    <row r="325828" spans="8:8">
      <c r="H325828" s="12"/>
    </row>
    <row r="325829" spans="8:8">
      <c r="H325829" s="12"/>
    </row>
    <row r="325830" spans="8:8">
      <c r="H325830" s="12"/>
    </row>
    <row r="325831" spans="8:8">
      <c r="H325831" s="12"/>
    </row>
    <row r="325832" spans="8:8">
      <c r="H325832" s="12"/>
    </row>
    <row r="325833" spans="8:8">
      <c r="H325833" s="12"/>
    </row>
    <row r="325834" spans="8:8">
      <c r="H325834" s="12"/>
    </row>
    <row r="325835" spans="8:8">
      <c r="H325835" s="12"/>
    </row>
    <row r="325836" spans="8:8">
      <c r="H325836" s="12"/>
    </row>
    <row r="325837" spans="8:8">
      <c r="H325837" s="12"/>
    </row>
    <row r="325838" spans="8:8">
      <c r="H325838" s="12"/>
    </row>
    <row r="325839" spans="8:8">
      <c r="H325839" s="12"/>
    </row>
    <row r="325840" spans="8:8">
      <c r="H325840" s="12"/>
    </row>
    <row r="325841" spans="8:8">
      <c r="H325841" s="12"/>
    </row>
    <row r="325842" spans="8:8">
      <c r="H325842" s="12"/>
    </row>
    <row r="325843" spans="8:8">
      <c r="H325843" s="12"/>
    </row>
    <row r="325844" spans="8:8">
      <c r="H325844" s="12"/>
    </row>
    <row r="325845" spans="8:8">
      <c r="H325845" s="12"/>
    </row>
    <row r="325846" spans="8:8">
      <c r="H325846" s="12"/>
    </row>
    <row r="325847" spans="8:8">
      <c r="H325847" s="12"/>
    </row>
    <row r="325848" spans="8:8">
      <c r="H325848" s="12"/>
    </row>
    <row r="325849" spans="8:8">
      <c r="H325849" s="12"/>
    </row>
    <row r="325850" spans="8:8">
      <c r="H325850" s="12"/>
    </row>
    <row r="325851" spans="8:8">
      <c r="H325851" s="12"/>
    </row>
    <row r="325852" spans="8:8">
      <c r="H325852" s="12"/>
    </row>
    <row r="325853" spans="8:8">
      <c r="H325853" s="12"/>
    </row>
    <row r="325854" spans="8:8">
      <c r="H325854" s="12"/>
    </row>
    <row r="325855" spans="8:8">
      <c r="H325855" s="12"/>
    </row>
    <row r="325856" spans="8:8">
      <c r="H325856" s="12"/>
    </row>
    <row r="325857" spans="8:8">
      <c r="H325857" s="12"/>
    </row>
    <row r="325858" spans="8:8">
      <c r="H325858" s="12"/>
    </row>
    <row r="325859" spans="8:8">
      <c r="H325859" s="12"/>
    </row>
    <row r="325860" spans="8:8">
      <c r="H325860" s="12"/>
    </row>
    <row r="325861" spans="8:8">
      <c r="H325861" s="12"/>
    </row>
    <row r="325862" spans="8:8">
      <c r="H325862" s="12"/>
    </row>
    <row r="325863" spans="8:8">
      <c r="H325863" s="12"/>
    </row>
    <row r="325864" spans="8:8">
      <c r="H325864" s="12"/>
    </row>
    <row r="325865" spans="8:8">
      <c r="H325865" s="12"/>
    </row>
    <row r="325866" spans="8:8">
      <c r="H325866" s="12"/>
    </row>
    <row r="325867" spans="8:8">
      <c r="H325867" s="12"/>
    </row>
    <row r="325868" spans="8:8">
      <c r="H325868" s="12"/>
    </row>
    <row r="325869" spans="8:8">
      <c r="H325869" s="12"/>
    </row>
    <row r="325870" spans="8:8">
      <c r="H325870" s="12"/>
    </row>
    <row r="325871" spans="8:8">
      <c r="H325871" s="12"/>
    </row>
    <row r="325872" spans="8:8">
      <c r="H325872" s="12"/>
    </row>
    <row r="325873" spans="8:8">
      <c r="H325873" s="12"/>
    </row>
    <row r="325874" spans="8:8">
      <c r="H325874" s="12"/>
    </row>
    <row r="325875" spans="8:8">
      <c r="H325875" s="12"/>
    </row>
    <row r="325876" spans="8:8">
      <c r="H325876" s="12"/>
    </row>
    <row r="325877" spans="8:8">
      <c r="H325877" s="12"/>
    </row>
    <row r="325878" spans="8:8">
      <c r="H325878" s="12"/>
    </row>
    <row r="325879" spans="8:8">
      <c r="H325879" s="12"/>
    </row>
    <row r="325880" spans="8:8">
      <c r="H325880" s="12"/>
    </row>
    <row r="325881" spans="8:8">
      <c r="H325881" s="12"/>
    </row>
    <row r="325882" spans="8:8">
      <c r="H325882" s="12"/>
    </row>
    <row r="325883" spans="8:8">
      <c r="H325883" s="12"/>
    </row>
    <row r="325884" spans="8:8">
      <c r="H325884" s="12"/>
    </row>
    <row r="325885" spans="8:8">
      <c r="H325885" s="12"/>
    </row>
    <row r="325886" spans="8:8">
      <c r="H325886" s="12"/>
    </row>
    <row r="325887" spans="8:8">
      <c r="H325887" s="12"/>
    </row>
    <row r="325888" spans="8:8">
      <c r="H325888" s="12"/>
    </row>
    <row r="325889" spans="8:8">
      <c r="H325889" s="12"/>
    </row>
    <row r="325890" spans="8:8">
      <c r="H325890" s="12"/>
    </row>
    <row r="325891" spans="8:8">
      <c r="H325891" s="12"/>
    </row>
    <row r="325892" spans="8:8">
      <c r="H325892" s="12"/>
    </row>
    <row r="325893" spans="8:8">
      <c r="H325893" s="12"/>
    </row>
    <row r="325894" spans="8:8">
      <c r="H325894" s="12"/>
    </row>
    <row r="325895" spans="8:8">
      <c r="H325895" s="12"/>
    </row>
    <row r="325896" spans="8:8">
      <c r="H325896" s="12"/>
    </row>
    <row r="325897" spans="8:8">
      <c r="H325897" s="12"/>
    </row>
    <row r="325898" spans="8:8">
      <c r="H325898" s="12"/>
    </row>
    <row r="325899" spans="8:8">
      <c r="H325899" s="12"/>
    </row>
    <row r="325900" spans="8:8">
      <c r="H325900" s="12"/>
    </row>
    <row r="325901" spans="8:8">
      <c r="H325901" s="12"/>
    </row>
    <row r="325902" spans="8:8">
      <c r="H325902" s="12"/>
    </row>
    <row r="325903" spans="8:8">
      <c r="H325903" s="12"/>
    </row>
    <row r="325904" spans="8:8">
      <c r="H325904" s="12"/>
    </row>
    <row r="325905" spans="8:8">
      <c r="H325905" s="12"/>
    </row>
    <row r="325906" spans="8:8">
      <c r="H325906" s="12"/>
    </row>
    <row r="325907" spans="8:8">
      <c r="H325907" s="12"/>
    </row>
    <row r="325908" spans="8:8">
      <c r="H325908" s="12"/>
    </row>
    <row r="325909" spans="8:8">
      <c r="H325909" s="12"/>
    </row>
    <row r="325910" spans="8:8">
      <c r="H325910" s="12"/>
    </row>
    <row r="325911" spans="8:8">
      <c r="H325911" s="12"/>
    </row>
    <row r="325912" spans="8:8">
      <c r="H325912" s="12"/>
    </row>
    <row r="325913" spans="8:8">
      <c r="H325913" s="12"/>
    </row>
    <row r="325914" spans="8:8">
      <c r="H325914" s="12"/>
    </row>
    <row r="325915" spans="8:8">
      <c r="H325915" s="12"/>
    </row>
    <row r="325916" spans="8:8">
      <c r="H325916" s="12"/>
    </row>
    <row r="325917" spans="8:8">
      <c r="H325917" s="12"/>
    </row>
    <row r="325918" spans="8:8">
      <c r="H325918" s="12"/>
    </row>
    <row r="325919" spans="8:8">
      <c r="H325919" s="12"/>
    </row>
    <row r="325920" spans="8:8">
      <c r="H325920" s="12"/>
    </row>
    <row r="325921" spans="8:8">
      <c r="H325921" s="12"/>
    </row>
    <row r="325922" spans="8:8">
      <c r="H325922" s="12"/>
    </row>
    <row r="325923" spans="8:8">
      <c r="H325923" s="12"/>
    </row>
    <row r="325924" spans="8:8">
      <c r="H325924" s="12"/>
    </row>
    <row r="325925" spans="8:8">
      <c r="H325925" s="12"/>
    </row>
    <row r="325926" spans="8:8">
      <c r="H325926" s="12"/>
    </row>
    <row r="325927" spans="8:8">
      <c r="H325927" s="12"/>
    </row>
    <row r="325928" spans="8:8">
      <c r="H325928" s="12"/>
    </row>
    <row r="325929" spans="8:8">
      <c r="H325929" s="12"/>
    </row>
    <row r="325930" spans="8:8">
      <c r="H325930" s="12"/>
    </row>
    <row r="325931" spans="8:8">
      <c r="H325931" s="12"/>
    </row>
    <row r="325932" spans="8:8">
      <c r="H325932" s="12"/>
    </row>
    <row r="325933" spans="8:8">
      <c r="H325933" s="12"/>
    </row>
    <row r="325934" spans="8:8">
      <c r="H325934" s="12"/>
    </row>
    <row r="325935" spans="8:8">
      <c r="H325935" s="12"/>
    </row>
    <row r="325936" spans="8:8">
      <c r="H325936" s="12"/>
    </row>
    <row r="325937" spans="8:8">
      <c r="H325937" s="12"/>
    </row>
    <row r="325938" spans="8:8">
      <c r="H325938" s="12"/>
    </row>
    <row r="325939" spans="8:8">
      <c r="H325939" s="12"/>
    </row>
    <row r="325940" spans="8:8">
      <c r="H325940" s="12"/>
    </row>
    <row r="325941" spans="8:8">
      <c r="H325941" s="12"/>
    </row>
    <row r="325942" spans="8:8">
      <c r="H325942" s="12"/>
    </row>
    <row r="325943" spans="8:8">
      <c r="H325943" s="12"/>
    </row>
    <row r="325944" spans="8:8">
      <c r="H325944" s="12"/>
    </row>
    <row r="325945" spans="8:8">
      <c r="H325945" s="12"/>
    </row>
    <row r="325946" spans="8:8">
      <c r="H325946" s="12"/>
    </row>
    <row r="325947" spans="8:8">
      <c r="H325947" s="12"/>
    </row>
    <row r="325948" spans="8:8">
      <c r="H325948" s="12"/>
    </row>
    <row r="325949" spans="8:8">
      <c r="H325949" s="12"/>
    </row>
    <row r="325950" spans="8:8">
      <c r="H325950" s="12"/>
    </row>
    <row r="325951" spans="8:8">
      <c r="H325951" s="12"/>
    </row>
    <row r="325952" spans="8:8">
      <c r="H325952" s="12"/>
    </row>
    <row r="325953" spans="8:8">
      <c r="H325953" s="12"/>
    </row>
    <row r="325954" spans="8:8">
      <c r="H325954" s="12"/>
    </row>
    <row r="325955" spans="8:8">
      <c r="H325955" s="12"/>
    </row>
    <row r="325956" spans="8:8">
      <c r="H325956" s="12"/>
    </row>
    <row r="325957" spans="8:8">
      <c r="H325957" s="12"/>
    </row>
    <row r="325958" spans="8:8">
      <c r="H325958" s="12"/>
    </row>
    <row r="325959" spans="8:8">
      <c r="H325959" s="12"/>
    </row>
    <row r="325960" spans="8:8">
      <c r="H325960" s="12"/>
    </row>
    <row r="325961" spans="8:8">
      <c r="H325961" s="12"/>
    </row>
    <row r="325962" spans="8:8">
      <c r="H325962" s="12"/>
    </row>
    <row r="325963" spans="8:8">
      <c r="H325963" s="12"/>
    </row>
    <row r="325964" spans="8:8">
      <c r="H325964" s="12"/>
    </row>
    <row r="325965" spans="8:8">
      <c r="H325965" s="12"/>
    </row>
    <row r="325966" spans="8:8">
      <c r="H325966" s="12"/>
    </row>
    <row r="325967" spans="8:8">
      <c r="H325967" s="12"/>
    </row>
    <row r="325968" spans="8:8">
      <c r="H325968" s="12"/>
    </row>
    <row r="325969" spans="8:8">
      <c r="H325969" s="12"/>
    </row>
    <row r="325970" spans="8:8">
      <c r="H325970" s="12"/>
    </row>
    <row r="325971" spans="8:8">
      <c r="H325971" s="12"/>
    </row>
    <row r="325972" spans="8:8">
      <c r="H325972" s="12"/>
    </row>
    <row r="325973" spans="8:8">
      <c r="H325973" s="12"/>
    </row>
    <row r="325974" spans="8:8">
      <c r="H325974" s="12"/>
    </row>
    <row r="325975" spans="8:8">
      <c r="H325975" s="12"/>
    </row>
    <row r="325976" spans="8:8">
      <c r="H325976" s="12"/>
    </row>
    <row r="325977" spans="8:8">
      <c r="H325977" s="12"/>
    </row>
    <row r="325978" spans="8:8">
      <c r="H325978" s="12"/>
    </row>
    <row r="325979" spans="8:8">
      <c r="H325979" s="12"/>
    </row>
    <row r="325980" spans="8:8">
      <c r="H325980" s="12"/>
    </row>
    <row r="325981" spans="8:8">
      <c r="H325981" s="12"/>
    </row>
    <row r="325982" spans="8:8">
      <c r="H325982" s="12"/>
    </row>
    <row r="325983" spans="8:8">
      <c r="H325983" s="12"/>
    </row>
    <row r="325984" spans="8:8">
      <c r="H325984" s="12"/>
    </row>
    <row r="325985" spans="8:8">
      <c r="H325985" s="12"/>
    </row>
    <row r="325986" spans="8:8">
      <c r="H325986" s="12"/>
    </row>
    <row r="325987" spans="8:8">
      <c r="H325987" s="12"/>
    </row>
    <row r="325988" spans="8:8">
      <c r="H325988" s="12"/>
    </row>
    <row r="325989" spans="8:8">
      <c r="H325989" s="12"/>
    </row>
    <row r="325990" spans="8:8">
      <c r="H325990" s="12"/>
    </row>
    <row r="325991" spans="8:8">
      <c r="H325991" s="12"/>
    </row>
    <row r="325992" spans="8:8">
      <c r="H325992" s="12"/>
    </row>
    <row r="325993" spans="8:8">
      <c r="H325993" s="12"/>
    </row>
    <row r="325994" spans="8:8">
      <c r="H325994" s="12"/>
    </row>
    <row r="325995" spans="8:8">
      <c r="H325995" s="12"/>
    </row>
    <row r="325996" spans="8:8">
      <c r="H325996" s="12"/>
    </row>
    <row r="325997" spans="8:8">
      <c r="H325997" s="12"/>
    </row>
    <row r="325998" spans="8:8">
      <c r="H325998" s="12"/>
    </row>
    <row r="325999" spans="8:8">
      <c r="H325999" s="12"/>
    </row>
    <row r="326000" spans="8:8">
      <c r="H326000" s="12"/>
    </row>
    <row r="326001" spans="8:8">
      <c r="H326001" s="12"/>
    </row>
    <row r="326002" spans="8:8">
      <c r="H326002" s="12"/>
    </row>
    <row r="326003" spans="8:8">
      <c r="H326003" s="12"/>
    </row>
    <row r="326004" spans="8:8">
      <c r="H326004" s="12"/>
    </row>
    <row r="326005" spans="8:8">
      <c r="H326005" s="12"/>
    </row>
    <row r="326006" spans="8:8">
      <c r="H326006" s="12"/>
    </row>
    <row r="326007" spans="8:8">
      <c r="H326007" s="12"/>
    </row>
    <row r="326008" spans="8:8">
      <c r="H326008" s="12"/>
    </row>
    <row r="326009" spans="8:8">
      <c r="H326009" s="12"/>
    </row>
    <row r="326010" spans="8:8">
      <c r="H326010" s="12"/>
    </row>
    <row r="326011" spans="8:8">
      <c r="H326011" s="12"/>
    </row>
    <row r="326012" spans="8:8">
      <c r="H326012" s="12"/>
    </row>
    <row r="326013" spans="8:8">
      <c r="H326013" s="12"/>
    </row>
    <row r="326014" spans="8:8">
      <c r="H326014" s="12"/>
    </row>
    <row r="326015" spans="8:8">
      <c r="H326015" s="12"/>
    </row>
    <row r="326016" spans="8:8">
      <c r="H326016" s="12"/>
    </row>
    <row r="326017" spans="8:8">
      <c r="H326017" s="12"/>
    </row>
    <row r="326018" spans="8:8">
      <c r="H326018" s="12"/>
    </row>
    <row r="326019" spans="8:8">
      <c r="H326019" s="12"/>
    </row>
    <row r="326020" spans="8:8">
      <c r="H326020" s="12"/>
    </row>
    <row r="326021" spans="8:8">
      <c r="H326021" s="12"/>
    </row>
    <row r="326022" spans="8:8">
      <c r="H326022" s="12"/>
    </row>
    <row r="326023" spans="8:8">
      <c r="H326023" s="12"/>
    </row>
    <row r="326024" spans="8:8">
      <c r="H326024" s="12"/>
    </row>
    <row r="326025" spans="8:8">
      <c r="H326025" s="12"/>
    </row>
    <row r="326026" spans="8:8">
      <c r="H326026" s="12"/>
    </row>
    <row r="326027" spans="8:8">
      <c r="H326027" s="12"/>
    </row>
    <row r="326028" spans="8:8">
      <c r="H326028" s="12"/>
    </row>
    <row r="326029" spans="8:8">
      <c r="H326029" s="12"/>
    </row>
    <row r="326030" spans="8:8">
      <c r="H326030" s="12"/>
    </row>
    <row r="326031" spans="8:8">
      <c r="H326031" s="12"/>
    </row>
    <row r="326032" spans="8:8">
      <c r="H326032" s="12"/>
    </row>
    <row r="326033" spans="8:8">
      <c r="H326033" s="12"/>
    </row>
    <row r="326034" spans="8:8">
      <c r="H326034" s="12"/>
    </row>
    <row r="326035" spans="8:8">
      <c r="H326035" s="12"/>
    </row>
    <row r="326036" spans="8:8">
      <c r="H326036" s="12"/>
    </row>
    <row r="326037" spans="8:8">
      <c r="H326037" s="12"/>
    </row>
    <row r="326038" spans="8:8">
      <c r="H326038" s="12"/>
    </row>
    <row r="326039" spans="8:8">
      <c r="H326039" s="12"/>
    </row>
    <row r="326040" spans="8:8">
      <c r="H326040" s="12"/>
    </row>
    <row r="326041" spans="8:8">
      <c r="H326041" s="12"/>
    </row>
    <row r="326042" spans="8:8">
      <c r="H326042" s="12"/>
    </row>
    <row r="326043" spans="8:8">
      <c r="H326043" s="12"/>
    </row>
    <row r="326044" spans="8:8">
      <c r="H326044" s="12"/>
    </row>
    <row r="326045" spans="8:8">
      <c r="H326045" s="12"/>
    </row>
    <row r="326046" spans="8:8">
      <c r="H326046" s="12"/>
    </row>
    <row r="326047" spans="8:8">
      <c r="H326047" s="12"/>
    </row>
    <row r="326048" spans="8:8">
      <c r="H326048" s="12"/>
    </row>
    <row r="326049" spans="8:8">
      <c r="H326049" s="12"/>
    </row>
    <row r="326050" spans="8:8">
      <c r="H326050" s="12"/>
    </row>
    <row r="326051" spans="8:8">
      <c r="H326051" s="12"/>
    </row>
    <row r="326052" spans="8:8">
      <c r="H326052" s="12"/>
    </row>
    <row r="326053" spans="8:8">
      <c r="H326053" s="12"/>
    </row>
    <row r="326054" spans="8:8">
      <c r="H326054" s="12"/>
    </row>
    <row r="326055" spans="8:8">
      <c r="H326055" s="12"/>
    </row>
    <row r="326056" spans="8:8">
      <c r="H326056" s="12"/>
    </row>
    <row r="326057" spans="8:8">
      <c r="H326057" s="12"/>
    </row>
    <row r="326058" spans="8:8">
      <c r="H326058" s="12"/>
    </row>
    <row r="326059" spans="8:8">
      <c r="H326059" s="12"/>
    </row>
    <row r="326060" spans="8:8">
      <c r="H326060" s="12"/>
    </row>
    <row r="326061" spans="8:8">
      <c r="H326061" s="12"/>
    </row>
    <row r="326062" spans="8:8">
      <c r="H326062" s="12"/>
    </row>
    <row r="326063" spans="8:8">
      <c r="H326063" s="12"/>
    </row>
    <row r="326064" spans="8:8">
      <c r="H326064" s="12"/>
    </row>
    <row r="326065" spans="8:8">
      <c r="H326065" s="12"/>
    </row>
    <row r="326066" spans="8:8">
      <c r="H326066" s="12"/>
    </row>
    <row r="326067" spans="8:8">
      <c r="H326067" s="12"/>
    </row>
    <row r="326068" spans="8:8">
      <c r="H326068" s="12"/>
    </row>
    <row r="326069" spans="8:8">
      <c r="H326069" s="12"/>
    </row>
    <row r="326070" spans="8:8">
      <c r="H326070" s="12"/>
    </row>
    <row r="326071" spans="8:8">
      <c r="H326071" s="12"/>
    </row>
    <row r="326072" spans="8:8">
      <c r="H326072" s="12"/>
    </row>
    <row r="326073" spans="8:8">
      <c r="H326073" s="12"/>
    </row>
    <row r="326074" spans="8:8">
      <c r="H326074" s="12"/>
    </row>
    <row r="326075" spans="8:8">
      <c r="H326075" s="12"/>
    </row>
    <row r="326076" spans="8:8">
      <c r="H326076" s="12"/>
    </row>
    <row r="326077" spans="8:8">
      <c r="H326077" s="12"/>
    </row>
    <row r="326078" spans="8:8">
      <c r="H326078" s="12"/>
    </row>
    <row r="326079" spans="8:8">
      <c r="H326079" s="12"/>
    </row>
    <row r="326080" spans="8:8">
      <c r="H326080" s="12"/>
    </row>
    <row r="326081" spans="8:8">
      <c r="H326081" s="12"/>
    </row>
    <row r="326082" spans="8:8">
      <c r="H326082" s="12"/>
    </row>
    <row r="326083" spans="8:8">
      <c r="H326083" s="12"/>
    </row>
    <row r="326084" spans="8:8">
      <c r="H326084" s="12"/>
    </row>
    <row r="326085" spans="8:8">
      <c r="H326085" s="12"/>
    </row>
    <row r="326086" spans="8:8">
      <c r="H326086" s="12"/>
    </row>
    <row r="326087" spans="8:8">
      <c r="H326087" s="12"/>
    </row>
    <row r="326088" spans="8:8">
      <c r="H326088" s="12"/>
    </row>
    <row r="326089" spans="8:8">
      <c r="H326089" s="12"/>
    </row>
    <row r="326090" spans="8:8">
      <c r="H326090" s="12"/>
    </row>
    <row r="326091" spans="8:8">
      <c r="H326091" s="12"/>
    </row>
    <row r="326092" spans="8:8">
      <c r="H326092" s="12"/>
    </row>
    <row r="326093" spans="8:8">
      <c r="H326093" s="12"/>
    </row>
    <row r="326094" spans="8:8">
      <c r="H326094" s="12"/>
    </row>
    <row r="326095" spans="8:8">
      <c r="H326095" s="12"/>
    </row>
    <row r="326096" spans="8:8">
      <c r="H326096" s="12"/>
    </row>
    <row r="326097" spans="8:8">
      <c r="H326097" s="12"/>
    </row>
    <row r="326098" spans="8:8">
      <c r="H326098" s="12"/>
    </row>
    <row r="326099" spans="8:8">
      <c r="H326099" s="12"/>
    </row>
    <row r="326100" spans="8:8">
      <c r="H326100" s="12"/>
    </row>
    <row r="326101" spans="8:8">
      <c r="H326101" s="12"/>
    </row>
    <row r="326102" spans="8:8">
      <c r="H326102" s="12"/>
    </row>
    <row r="326103" spans="8:8">
      <c r="H326103" s="12"/>
    </row>
    <row r="326104" spans="8:8">
      <c r="H326104" s="12"/>
    </row>
    <row r="326105" spans="8:8">
      <c r="H326105" s="12"/>
    </row>
    <row r="326106" spans="8:8">
      <c r="H326106" s="12"/>
    </row>
    <row r="326107" spans="8:8">
      <c r="H326107" s="12"/>
    </row>
    <row r="326108" spans="8:8">
      <c r="H326108" s="12"/>
    </row>
    <row r="326109" spans="8:8">
      <c r="H326109" s="12"/>
    </row>
    <row r="326110" spans="8:8">
      <c r="H326110" s="12"/>
    </row>
    <row r="326111" spans="8:8">
      <c r="H326111" s="12"/>
    </row>
    <row r="326112" spans="8:8">
      <c r="H326112" s="12"/>
    </row>
    <row r="326113" spans="8:8">
      <c r="H326113" s="12"/>
    </row>
    <row r="326114" spans="8:8">
      <c r="H326114" s="12"/>
    </row>
    <row r="326115" spans="8:8">
      <c r="H326115" s="12"/>
    </row>
    <row r="326116" spans="8:8">
      <c r="H326116" s="12"/>
    </row>
    <row r="326117" spans="8:8">
      <c r="H326117" s="12"/>
    </row>
    <row r="326118" spans="8:8">
      <c r="H326118" s="12"/>
    </row>
    <row r="326119" spans="8:8">
      <c r="H326119" s="12"/>
    </row>
    <row r="326120" spans="8:8">
      <c r="H326120" s="12"/>
    </row>
    <row r="326121" spans="8:8">
      <c r="H326121" s="12"/>
    </row>
    <row r="326122" spans="8:8">
      <c r="H326122" s="12"/>
    </row>
    <row r="326123" spans="8:8">
      <c r="H326123" s="12"/>
    </row>
    <row r="326124" spans="8:8">
      <c r="H326124" s="12"/>
    </row>
    <row r="326125" spans="8:8">
      <c r="H326125" s="12"/>
    </row>
    <row r="326126" spans="8:8">
      <c r="H326126" s="12"/>
    </row>
    <row r="326127" spans="8:8">
      <c r="H326127" s="12"/>
    </row>
    <row r="326128" spans="8:8">
      <c r="H326128" s="12"/>
    </row>
    <row r="326129" spans="8:8">
      <c r="H326129" s="12"/>
    </row>
    <row r="326130" spans="8:8">
      <c r="H326130" s="12"/>
    </row>
    <row r="326131" spans="8:8">
      <c r="H326131" s="12"/>
    </row>
    <row r="326132" spans="8:8">
      <c r="H326132" s="12"/>
    </row>
    <row r="326133" spans="8:8">
      <c r="H326133" s="12"/>
    </row>
    <row r="326134" spans="8:8">
      <c r="H326134" s="12"/>
    </row>
    <row r="326135" spans="8:8">
      <c r="H326135" s="12"/>
    </row>
    <row r="326136" spans="8:8">
      <c r="H326136" s="12"/>
    </row>
    <row r="326137" spans="8:8">
      <c r="H326137" s="12"/>
    </row>
    <row r="326138" spans="8:8">
      <c r="H326138" s="12"/>
    </row>
    <row r="326139" spans="8:8">
      <c r="H326139" s="12"/>
    </row>
    <row r="326140" spans="8:8">
      <c r="H326140" s="12"/>
    </row>
    <row r="326141" spans="8:8">
      <c r="H326141" s="12"/>
    </row>
    <row r="326142" spans="8:8">
      <c r="H326142" s="12"/>
    </row>
    <row r="326143" spans="8:8">
      <c r="H326143" s="12"/>
    </row>
    <row r="326144" spans="8:8">
      <c r="H326144" s="12"/>
    </row>
    <row r="326145" spans="8:8">
      <c r="H326145" s="12"/>
    </row>
    <row r="326146" spans="8:8">
      <c r="H326146" s="12"/>
    </row>
    <row r="326147" spans="8:8">
      <c r="H326147" s="12"/>
    </row>
    <row r="326148" spans="8:8">
      <c r="H326148" s="12"/>
    </row>
    <row r="326149" spans="8:8">
      <c r="H326149" s="12"/>
    </row>
    <row r="326150" spans="8:8">
      <c r="H326150" s="12"/>
    </row>
    <row r="326151" spans="8:8">
      <c r="H326151" s="12"/>
    </row>
    <row r="326152" spans="8:8">
      <c r="H326152" s="12"/>
    </row>
    <row r="326153" spans="8:8">
      <c r="H326153" s="12"/>
    </row>
    <row r="326154" spans="8:8">
      <c r="H326154" s="12"/>
    </row>
    <row r="326155" spans="8:8">
      <c r="H326155" s="12"/>
    </row>
    <row r="326156" spans="8:8">
      <c r="H326156" s="12"/>
    </row>
    <row r="326157" spans="8:8">
      <c r="H326157" s="12"/>
    </row>
    <row r="326158" spans="8:8">
      <c r="H326158" s="12"/>
    </row>
    <row r="326159" spans="8:8">
      <c r="H326159" s="12"/>
    </row>
    <row r="326160" spans="8:8">
      <c r="H326160" s="12"/>
    </row>
    <row r="326161" spans="8:8">
      <c r="H326161" s="12"/>
    </row>
    <row r="326162" spans="8:8">
      <c r="H326162" s="12"/>
    </row>
    <row r="326163" spans="8:8">
      <c r="H326163" s="12"/>
    </row>
    <row r="326164" spans="8:8">
      <c r="H326164" s="12"/>
    </row>
    <row r="326165" spans="8:8">
      <c r="H326165" s="12"/>
    </row>
    <row r="326166" spans="8:8">
      <c r="H326166" s="12"/>
    </row>
    <row r="326167" spans="8:8">
      <c r="H326167" s="12"/>
    </row>
    <row r="326168" spans="8:8">
      <c r="H326168" s="12"/>
    </row>
    <row r="326169" spans="8:8">
      <c r="H326169" s="12"/>
    </row>
    <row r="326170" spans="8:8">
      <c r="H326170" s="12"/>
    </row>
    <row r="326171" spans="8:8">
      <c r="H326171" s="12"/>
    </row>
    <row r="326172" spans="8:8">
      <c r="H326172" s="12"/>
    </row>
    <row r="326173" spans="8:8">
      <c r="H326173" s="12"/>
    </row>
    <row r="326174" spans="8:8">
      <c r="H326174" s="12"/>
    </row>
    <row r="326175" spans="8:8">
      <c r="H326175" s="12"/>
    </row>
    <row r="326176" spans="8:8">
      <c r="H326176" s="12"/>
    </row>
    <row r="326177" spans="8:8">
      <c r="H326177" s="12"/>
    </row>
    <row r="326178" spans="8:8">
      <c r="H326178" s="12"/>
    </row>
    <row r="326179" spans="8:8">
      <c r="H326179" s="12"/>
    </row>
    <row r="326180" spans="8:8">
      <c r="H326180" s="12"/>
    </row>
    <row r="326181" spans="8:8">
      <c r="H326181" s="12"/>
    </row>
    <row r="326182" spans="8:8">
      <c r="H326182" s="12"/>
    </row>
    <row r="326183" spans="8:8">
      <c r="H326183" s="12"/>
    </row>
    <row r="326184" spans="8:8">
      <c r="H326184" s="12"/>
    </row>
    <row r="326185" spans="8:8">
      <c r="H326185" s="12"/>
    </row>
    <row r="326186" spans="8:8">
      <c r="H326186" s="12"/>
    </row>
    <row r="326187" spans="8:8">
      <c r="H326187" s="12"/>
    </row>
    <row r="326188" spans="8:8">
      <c r="H326188" s="12"/>
    </row>
    <row r="326189" spans="8:8">
      <c r="H326189" s="12"/>
    </row>
    <row r="326190" spans="8:8">
      <c r="H326190" s="12"/>
    </row>
    <row r="326191" spans="8:8">
      <c r="H326191" s="12"/>
    </row>
    <row r="326192" spans="8:8">
      <c r="H326192" s="12"/>
    </row>
    <row r="326193" spans="8:8">
      <c r="H326193" s="12"/>
    </row>
    <row r="326194" spans="8:8">
      <c r="H326194" s="12"/>
    </row>
    <row r="326195" spans="8:8">
      <c r="H326195" s="12"/>
    </row>
    <row r="326196" spans="8:8">
      <c r="H326196" s="12"/>
    </row>
    <row r="326197" spans="8:8">
      <c r="H326197" s="12"/>
    </row>
    <row r="326198" spans="8:8">
      <c r="H326198" s="12"/>
    </row>
    <row r="326199" spans="8:8">
      <c r="H326199" s="12"/>
    </row>
    <row r="326200" spans="8:8">
      <c r="H326200" s="12"/>
    </row>
    <row r="326201" spans="8:8">
      <c r="H326201" s="12"/>
    </row>
    <row r="326202" spans="8:8">
      <c r="H326202" s="12"/>
    </row>
    <row r="326203" spans="8:8">
      <c r="H326203" s="12"/>
    </row>
    <row r="326204" spans="8:8">
      <c r="H326204" s="12"/>
    </row>
    <row r="326205" spans="8:8">
      <c r="H326205" s="12"/>
    </row>
    <row r="326206" spans="8:8">
      <c r="H326206" s="12"/>
    </row>
    <row r="326207" spans="8:8">
      <c r="H326207" s="12"/>
    </row>
    <row r="326208" spans="8:8">
      <c r="H326208" s="12"/>
    </row>
    <row r="326209" spans="8:8">
      <c r="H326209" s="12"/>
    </row>
    <row r="326210" spans="8:8">
      <c r="H326210" s="12"/>
    </row>
    <row r="326211" spans="8:8">
      <c r="H326211" s="12"/>
    </row>
    <row r="326212" spans="8:8">
      <c r="H326212" s="12"/>
    </row>
    <row r="326213" spans="8:8">
      <c r="H326213" s="12"/>
    </row>
    <row r="326214" spans="8:8">
      <c r="H326214" s="12"/>
    </row>
    <row r="326215" spans="8:8">
      <c r="H326215" s="12"/>
    </row>
    <row r="326216" spans="8:8">
      <c r="H326216" s="12"/>
    </row>
    <row r="326217" spans="8:8">
      <c r="H326217" s="12"/>
    </row>
    <row r="326218" spans="8:8">
      <c r="H326218" s="12"/>
    </row>
    <row r="326219" spans="8:8">
      <c r="H326219" s="12"/>
    </row>
    <row r="326220" spans="8:8">
      <c r="H326220" s="12"/>
    </row>
    <row r="326221" spans="8:8">
      <c r="H326221" s="12"/>
    </row>
    <row r="326222" spans="8:8">
      <c r="H326222" s="12"/>
    </row>
    <row r="326223" spans="8:8">
      <c r="H326223" s="12"/>
    </row>
    <row r="326224" spans="8:8">
      <c r="H326224" s="12"/>
    </row>
    <row r="326225" spans="8:8">
      <c r="H326225" s="12"/>
    </row>
    <row r="326226" spans="8:8">
      <c r="H326226" s="12"/>
    </row>
    <row r="326227" spans="8:8">
      <c r="H326227" s="12"/>
    </row>
    <row r="326228" spans="8:8">
      <c r="H326228" s="12"/>
    </row>
    <row r="326229" spans="8:8">
      <c r="H326229" s="12"/>
    </row>
    <row r="326230" spans="8:8">
      <c r="H326230" s="12"/>
    </row>
    <row r="326231" spans="8:8">
      <c r="H326231" s="12"/>
    </row>
    <row r="326232" spans="8:8">
      <c r="H326232" s="12"/>
    </row>
    <row r="326233" spans="8:8">
      <c r="H326233" s="12"/>
    </row>
    <row r="326234" spans="8:8">
      <c r="H326234" s="12"/>
    </row>
    <row r="326235" spans="8:8">
      <c r="H326235" s="12"/>
    </row>
    <row r="326236" spans="8:8">
      <c r="H326236" s="12"/>
    </row>
    <row r="326237" spans="8:8">
      <c r="H326237" s="12"/>
    </row>
    <row r="326238" spans="8:8">
      <c r="H326238" s="12"/>
    </row>
    <row r="326239" spans="8:8">
      <c r="H326239" s="12"/>
    </row>
    <row r="326240" spans="8:8">
      <c r="H326240" s="12"/>
    </row>
    <row r="326241" spans="8:8">
      <c r="H326241" s="12"/>
    </row>
    <row r="326242" spans="8:8">
      <c r="H326242" s="12"/>
    </row>
    <row r="326243" spans="8:8">
      <c r="H326243" s="12"/>
    </row>
    <row r="326244" spans="8:8">
      <c r="H326244" s="12"/>
    </row>
    <row r="326245" spans="8:8">
      <c r="H326245" s="12"/>
    </row>
    <row r="326246" spans="8:8">
      <c r="H326246" s="12"/>
    </row>
    <row r="326247" spans="8:8">
      <c r="H326247" s="12"/>
    </row>
    <row r="326248" spans="8:8">
      <c r="H326248" s="12"/>
    </row>
    <row r="326249" spans="8:8">
      <c r="H326249" s="12"/>
    </row>
    <row r="326250" spans="8:8">
      <c r="H326250" s="12"/>
    </row>
    <row r="326251" spans="8:8">
      <c r="H326251" s="12"/>
    </row>
    <row r="326252" spans="8:8">
      <c r="H326252" s="12"/>
    </row>
    <row r="326253" spans="8:8">
      <c r="H326253" s="12"/>
    </row>
    <row r="326254" spans="8:8">
      <c r="H326254" s="12"/>
    </row>
    <row r="326255" spans="8:8">
      <c r="H326255" s="12"/>
    </row>
    <row r="326256" spans="8:8">
      <c r="H326256" s="12"/>
    </row>
    <row r="326257" spans="8:8">
      <c r="H326257" s="12"/>
    </row>
    <row r="326258" spans="8:8">
      <c r="H326258" s="12"/>
    </row>
    <row r="326259" spans="8:8">
      <c r="H326259" s="12"/>
    </row>
    <row r="326260" spans="8:8">
      <c r="H326260" s="12"/>
    </row>
    <row r="326261" spans="8:8">
      <c r="H326261" s="12"/>
    </row>
    <row r="326262" spans="8:8">
      <c r="H326262" s="12"/>
    </row>
    <row r="326263" spans="8:8">
      <c r="H326263" s="12"/>
    </row>
    <row r="326264" spans="8:8">
      <c r="H326264" s="12"/>
    </row>
    <row r="326265" spans="8:8">
      <c r="H326265" s="12"/>
    </row>
    <row r="326266" spans="8:8">
      <c r="H326266" s="12"/>
    </row>
    <row r="326267" spans="8:8">
      <c r="H326267" s="12"/>
    </row>
    <row r="326268" spans="8:8">
      <c r="H326268" s="12"/>
    </row>
    <row r="326269" spans="8:8">
      <c r="H326269" s="12"/>
    </row>
    <row r="326270" spans="8:8">
      <c r="H326270" s="12"/>
    </row>
    <row r="326271" spans="8:8">
      <c r="H326271" s="12"/>
    </row>
    <row r="326272" spans="8:8">
      <c r="H326272" s="12"/>
    </row>
    <row r="326273" spans="8:8">
      <c r="H326273" s="12"/>
    </row>
    <row r="326274" spans="8:8">
      <c r="H326274" s="12"/>
    </row>
    <row r="326275" spans="8:8">
      <c r="H326275" s="12"/>
    </row>
    <row r="326276" spans="8:8">
      <c r="H326276" s="12"/>
    </row>
    <row r="326277" spans="8:8">
      <c r="H326277" s="12"/>
    </row>
    <row r="326278" spans="8:8">
      <c r="H326278" s="12"/>
    </row>
    <row r="326279" spans="8:8">
      <c r="H326279" s="12"/>
    </row>
    <row r="326280" spans="8:8">
      <c r="H326280" s="12"/>
    </row>
    <row r="326281" spans="8:8">
      <c r="H326281" s="12"/>
    </row>
    <row r="326282" spans="8:8">
      <c r="H326282" s="12"/>
    </row>
    <row r="326283" spans="8:8">
      <c r="H326283" s="12"/>
    </row>
    <row r="326284" spans="8:8">
      <c r="H326284" s="12"/>
    </row>
    <row r="326285" spans="8:8">
      <c r="H326285" s="12"/>
    </row>
    <row r="326286" spans="8:8">
      <c r="H326286" s="12"/>
    </row>
    <row r="326287" spans="8:8">
      <c r="H326287" s="12"/>
    </row>
    <row r="326288" spans="8:8">
      <c r="H326288" s="12"/>
    </row>
    <row r="326289" spans="8:8">
      <c r="H326289" s="12"/>
    </row>
    <row r="326290" spans="8:8">
      <c r="H326290" s="12"/>
    </row>
    <row r="326291" spans="8:8">
      <c r="H326291" s="12"/>
    </row>
    <row r="326292" spans="8:8">
      <c r="H326292" s="12"/>
    </row>
    <row r="326293" spans="8:8">
      <c r="H326293" s="12"/>
    </row>
    <row r="326294" spans="8:8">
      <c r="H326294" s="12"/>
    </row>
    <row r="326295" spans="8:8">
      <c r="H326295" s="12"/>
    </row>
    <row r="326296" spans="8:8">
      <c r="H326296" s="12"/>
    </row>
    <row r="326297" spans="8:8">
      <c r="H326297" s="12"/>
    </row>
    <row r="326298" spans="8:8">
      <c r="H326298" s="12"/>
    </row>
    <row r="326299" spans="8:8">
      <c r="H326299" s="12"/>
    </row>
    <row r="326300" spans="8:8">
      <c r="H326300" s="12"/>
    </row>
    <row r="326301" spans="8:8">
      <c r="H326301" s="12"/>
    </row>
    <row r="326302" spans="8:8">
      <c r="H326302" s="12"/>
    </row>
    <row r="326303" spans="8:8">
      <c r="H326303" s="12"/>
    </row>
    <row r="326304" spans="8:8">
      <c r="H326304" s="12"/>
    </row>
    <row r="326305" spans="8:8">
      <c r="H326305" s="12"/>
    </row>
    <row r="326306" spans="8:8">
      <c r="H326306" s="12"/>
    </row>
    <row r="326307" spans="8:8">
      <c r="H326307" s="12"/>
    </row>
    <row r="326308" spans="8:8">
      <c r="H326308" s="12"/>
    </row>
    <row r="326309" spans="8:8">
      <c r="H326309" s="12"/>
    </row>
    <row r="326310" spans="8:8">
      <c r="H326310" s="12"/>
    </row>
    <row r="326311" spans="8:8">
      <c r="H326311" s="12"/>
    </row>
    <row r="326312" spans="8:8">
      <c r="H326312" s="12"/>
    </row>
    <row r="326313" spans="8:8">
      <c r="H326313" s="12"/>
    </row>
    <row r="326314" spans="8:8">
      <c r="H326314" s="12"/>
    </row>
    <row r="326315" spans="8:8">
      <c r="H326315" s="12"/>
    </row>
    <row r="326316" spans="8:8">
      <c r="H326316" s="12"/>
    </row>
    <row r="326317" spans="8:8">
      <c r="H326317" s="12"/>
    </row>
    <row r="326318" spans="8:8">
      <c r="H326318" s="12"/>
    </row>
    <row r="326319" spans="8:8">
      <c r="H326319" s="12"/>
    </row>
    <row r="326320" spans="8:8">
      <c r="H326320" s="12"/>
    </row>
    <row r="326321" spans="8:8">
      <c r="H326321" s="12"/>
    </row>
    <row r="326322" spans="8:8">
      <c r="H326322" s="12"/>
    </row>
    <row r="326323" spans="8:8">
      <c r="H326323" s="12"/>
    </row>
    <row r="326324" spans="8:8">
      <c r="H326324" s="12"/>
    </row>
    <row r="326325" spans="8:8">
      <c r="H326325" s="12"/>
    </row>
    <row r="326326" spans="8:8">
      <c r="H326326" s="12"/>
    </row>
    <row r="326327" spans="8:8">
      <c r="H326327" s="12"/>
    </row>
    <row r="326328" spans="8:8">
      <c r="H326328" s="12"/>
    </row>
    <row r="326329" spans="8:8">
      <c r="H326329" s="12"/>
    </row>
    <row r="326330" spans="8:8">
      <c r="H326330" s="12"/>
    </row>
    <row r="326331" spans="8:8">
      <c r="H326331" s="12"/>
    </row>
    <row r="326332" spans="8:8">
      <c r="H326332" s="12"/>
    </row>
    <row r="326333" spans="8:8">
      <c r="H326333" s="12"/>
    </row>
    <row r="326334" spans="8:8">
      <c r="H326334" s="12"/>
    </row>
    <row r="326335" spans="8:8">
      <c r="H326335" s="12"/>
    </row>
    <row r="326336" spans="8:8">
      <c r="H326336" s="12"/>
    </row>
    <row r="326337" spans="8:8">
      <c r="H326337" s="12"/>
    </row>
    <row r="326338" spans="8:8">
      <c r="H326338" s="12"/>
    </row>
    <row r="326339" spans="8:8">
      <c r="H326339" s="12"/>
    </row>
    <row r="326340" spans="8:8">
      <c r="H326340" s="12"/>
    </row>
    <row r="326341" spans="8:8">
      <c r="H326341" s="12"/>
    </row>
    <row r="326342" spans="8:8">
      <c r="H326342" s="12"/>
    </row>
    <row r="326343" spans="8:8">
      <c r="H326343" s="12"/>
    </row>
    <row r="326344" spans="8:8">
      <c r="H326344" s="12"/>
    </row>
    <row r="326345" spans="8:8">
      <c r="H326345" s="12"/>
    </row>
    <row r="326346" spans="8:8">
      <c r="H326346" s="12"/>
    </row>
    <row r="326347" spans="8:8">
      <c r="H326347" s="12"/>
    </row>
    <row r="326348" spans="8:8">
      <c r="H326348" s="12"/>
    </row>
    <row r="326349" spans="8:8">
      <c r="H326349" s="12"/>
    </row>
    <row r="326350" spans="8:8">
      <c r="H326350" s="12"/>
    </row>
    <row r="326351" spans="8:8">
      <c r="H326351" s="12"/>
    </row>
    <row r="326352" spans="8:8">
      <c r="H326352" s="12"/>
    </row>
    <row r="326353" spans="8:8">
      <c r="H326353" s="12"/>
    </row>
    <row r="326354" spans="8:8">
      <c r="H326354" s="12"/>
    </row>
    <row r="326355" spans="8:8">
      <c r="H326355" s="12"/>
    </row>
    <row r="326356" spans="8:8">
      <c r="H326356" s="12"/>
    </row>
    <row r="326357" spans="8:8">
      <c r="H326357" s="12"/>
    </row>
    <row r="326358" spans="8:8">
      <c r="H326358" s="12"/>
    </row>
    <row r="326359" spans="8:8">
      <c r="H326359" s="12"/>
    </row>
    <row r="326360" spans="8:8">
      <c r="H326360" s="12"/>
    </row>
    <row r="326361" spans="8:8">
      <c r="H326361" s="12"/>
    </row>
    <row r="326362" spans="8:8">
      <c r="H326362" s="12"/>
    </row>
    <row r="326363" spans="8:8">
      <c r="H326363" s="12"/>
    </row>
    <row r="326364" spans="8:8">
      <c r="H326364" s="12"/>
    </row>
    <row r="326365" spans="8:8">
      <c r="H326365" s="12"/>
    </row>
    <row r="326366" spans="8:8">
      <c r="H326366" s="12"/>
    </row>
    <row r="326367" spans="8:8">
      <c r="H326367" s="12"/>
    </row>
    <row r="326368" spans="8:8">
      <c r="H326368" s="12"/>
    </row>
    <row r="326369" spans="8:8">
      <c r="H326369" s="12"/>
    </row>
    <row r="326370" spans="8:8">
      <c r="H326370" s="12"/>
    </row>
    <row r="326371" spans="8:8">
      <c r="H326371" s="12"/>
    </row>
    <row r="326372" spans="8:8">
      <c r="H326372" s="12"/>
    </row>
    <row r="326373" spans="8:8">
      <c r="H326373" s="12"/>
    </row>
    <row r="326374" spans="8:8">
      <c r="H326374" s="12"/>
    </row>
    <row r="326375" spans="8:8">
      <c r="H326375" s="12"/>
    </row>
    <row r="326376" spans="8:8">
      <c r="H326376" s="12"/>
    </row>
    <row r="326377" spans="8:8">
      <c r="H326377" s="12"/>
    </row>
    <row r="326378" spans="8:8">
      <c r="H326378" s="12"/>
    </row>
    <row r="326379" spans="8:8">
      <c r="H326379" s="12"/>
    </row>
    <row r="326380" spans="8:8">
      <c r="H326380" s="12"/>
    </row>
    <row r="326381" spans="8:8">
      <c r="H326381" s="12"/>
    </row>
    <row r="326382" spans="8:8">
      <c r="H326382" s="12"/>
    </row>
    <row r="326383" spans="8:8">
      <c r="H326383" s="12"/>
    </row>
    <row r="326384" spans="8:8">
      <c r="H326384" s="12"/>
    </row>
    <row r="326385" spans="8:8">
      <c r="H326385" s="12"/>
    </row>
    <row r="326386" spans="8:8">
      <c r="H326386" s="12"/>
    </row>
    <row r="326387" spans="8:8">
      <c r="H326387" s="12"/>
    </row>
    <row r="326388" spans="8:8">
      <c r="H326388" s="12"/>
    </row>
    <row r="326389" spans="8:8">
      <c r="H326389" s="12"/>
    </row>
    <row r="326390" spans="8:8">
      <c r="H326390" s="12"/>
    </row>
    <row r="326391" spans="8:8">
      <c r="H326391" s="12"/>
    </row>
    <row r="326392" spans="8:8">
      <c r="H326392" s="12"/>
    </row>
    <row r="326393" spans="8:8">
      <c r="H326393" s="12"/>
    </row>
    <row r="326394" spans="8:8">
      <c r="H326394" s="12"/>
    </row>
    <row r="326395" spans="8:8">
      <c r="H326395" s="12"/>
    </row>
    <row r="326396" spans="8:8">
      <c r="H326396" s="12"/>
    </row>
    <row r="326397" spans="8:8">
      <c r="H326397" s="12"/>
    </row>
    <row r="326398" spans="8:8">
      <c r="H326398" s="12"/>
    </row>
    <row r="326399" spans="8:8">
      <c r="H326399" s="12"/>
    </row>
    <row r="326400" spans="8:8">
      <c r="H326400" s="12"/>
    </row>
    <row r="326401" spans="8:8">
      <c r="H326401" s="12"/>
    </row>
    <row r="326402" spans="8:8">
      <c r="H326402" s="12"/>
    </row>
    <row r="326403" spans="8:8">
      <c r="H326403" s="12"/>
    </row>
    <row r="326404" spans="8:8">
      <c r="H326404" s="12"/>
    </row>
    <row r="326405" spans="8:8">
      <c r="H326405" s="12"/>
    </row>
    <row r="326406" spans="8:8">
      <c r="H326406" s="12"/>
    </row>
    <row r="326407" spans="8:8">
      <c r="H326407" s="12"/>
    </row>
    <row r="326408" spans="8:8">
      <c r="H326408" s="12"/>
    </row>
    <row r="326409" spans="8:8">
      <c r="H326409" s="12"/>
    </row>
    <row r="326410" spans="8:8">
      <c r="H326410" s="12"/>
    </row>
    <row r="326411" spans="8:8">
      <c r="H326411" s="12"/>
    </row>
    <row r="326412" spans="8:8">
      <c r="H326412" s="12"/>
    </row>
    <row r="326413" spans="8:8">
      <c r="H326413" s="12"/>
    </row>
    <row r="326414" spans="8:8">
      <c r="H326414" s="12"/>
    </row>
    <row r="326415" spans="8:8">
      <c r="H326415" s="12"/>
    </row>
    <row r="326416" spans="8:8">
      <c r="H326416" s="12"/>
    </row>
    <row r="326417" spans="8:8">
      <c r="H326417" s="12"/>
    </row>
    <row r="326418" spans="8:8">
      <c r="H326418" s="12"/>
    </row>
    <row r="326419" spans="8:8">
      <c r="H326419" s="12"/>
    </row>
    <row r="326420" spans="8:8">
      <c r="H326420" s="12"/>
    </row>
    <row r="326421" spans="8:8">
      <c r="H326421" s="12"/>
    </row>
    <row r="326422" spans="8:8">
      <c r="H326422" s="12"/>
    </row>
    <row r="326423" spans="8:8">
      <c r="H326423" s="12"/>
    </row>
    <row r="326424" spans="8:8">
      <c r="H326424" s="12"/>
    </row>
    <row r="326425" spans="8:8">
      <c r="H326425" s="12"/>
    </row>
    <row r="326426" spans="8:8">
      <c r="H326426" s="12"/>
    </row>
    <row r="326427" spans="8:8">
      <c r="H326427" s="12"/>
    </row>
    <row r="326428" spans="8:8">
      <c r="H326428" s="12"/>
    </row>
    <row r="326429" spans="8:8">
      <c r="H326429" s="12"/>
    </row>
    <row r="326430" spans="8:8">
      <c r="H326430" s="12"/>
    </row>
    <row r="326431" spans="8:8">
      <c r="H326431" s="12"/>
    </row>
    <row r="326432" spans="8:8">
      <c r="H326432" s="12"/>
    </row>
    <row r="326433" spans="8:8">
      <c r="H326433" s="12"/>
    </row>
    <row r="326434" spans="8:8">
      <c r="H326434" s="12"/>
    </row>
    <row r="326435" spans="8:8">
      <c r="H326435" s="12"/>
    </row>
    <row r="326436" spans="8:8">
      <c r="H326436" s="12"/>
    </row>
    <row r="326437" spans="8:8">
      <c r="H326437" s="12"/>
    </row>
    <row r="326438" spans="8:8">
      <c r="H326438" s="12"/>
    </row>
    <row r="326439" spans="8:8">
      <c r="H326439" s="12"/>
    </row>
    <row r="326440" spans="8:8">
      <c r="H326440" s="12"/>
    </row>
    <row r="326441" spans="8:8">
      <c r="H326441" s="12"/>
    </row>
    <row r="326442" spans="8:8">
      <c r="H326442" s="12"/>
    </row>
    <row r="326443" spans="8:8">
      <c r="H326443" s="12"/>
    </row>
    <row r="326444" spans="8:8">
      <c r="H326444" s="12"/>
    </row>
    <row r="326445" spans="8:8">
      <c r="H326445" s="12"/>
    </row>
    <row r="326446" spans="8:8">
      <c r="H326446" s="12"/>
    </row>
    <row r="326447" spans="8:8">
      <c r="H326447" s="12"/>
    </row>
    <row r="326448" spans="8:8">
      <c r="H326448" s="12"/>
    </row>
    <row r="326449" spans="8:8">
      <c r="H326449" s="12"/>
    </row>
    <row r="326450" spans="8:8">
      <c r="H326450" s="12"/>
    </row>
    <row r="326451" spans="8:8">
      <c r="H326451" s="12"/>
    </row>
    <row r="326452" spans="8:8">
      <c r="H326452" s="12"/>
    </row>
    <row r="326453" spans="8:8">
      <c r="H326453" s="12"/>
    </row>
    <row r="326454" spans="8:8">
      <c r="H326454" s="12"/>
    </row>
    <row r="326455" spans="8:8">
      <c r="H326455" s="12"/>
    </row>
    <row r="326456" spans="8:8">
      <c r="H326456" s="12"/>
    </row>
    <row r="326457" spans="8:8">
      <c r="H326457" s="12"/>
    </row>
    <row r="326458" spans="8:8">
      <c r="H326458" s="12"/>
    </row>
    <row r="326459" spans="8:8">
      <c r="H326459" s="12"/>
    </row>
    <row r="326460" spans="8:8">
      <c r="H326460" s="12"/>
    </row>
    <row r="326461" spans="8:8">
      <c r="H326461" s="12"/>
    </row>
    <row r="326462" spans="8:8">
      <c r="H326462" s="12"/>
    </row>
    <row r="326463" spans="8:8">
      <c r="H326463" s="12"/>
    </row>
    <row r="326464" spans="8:8">
      <c r="H326464" s="12"/>
    </row>
    <row r="326465" spans="8:8">
      <c r="H326465" s="12"/>
    </row>
    <row r="326466" spans="8:8">
      <c r="H326466" s="12"/>
    </row>
    <row r="326467" spans="8:8">
      <c r="H326467" s="12"/>
    </row>
    <row r="326468" spans="8:8">
      <c r="H326468" s="12"/>
    </row>
    <row r="326469" spans="8:8">
      <c r="H326469" s="12"/>
    </row>
    <row r="326470" spans="8:8">
      <c r="H326470" s="12"/>
    </row>
    <row r="326471" spans="8:8">
      <c r="H326471" s="12"/>
    </row>
    <row r="326472" spans="8:8">
      <c r="H326472" s="12"/>
    </row>
    <row r="326473" spans="8:8">
      <c r="H326473" s="12"/>
    </row>
    <row r="326474" spans="8:8">
      <c r="H326474" s="12"/>
    </row>
    <row r="326475" spans="8:8">
      <c r="H326475" s="12"/>
    </row>
    <row r="326476" spans="8:8">
      <c r="H326476" s="12"/>
    </row>
    <row r="326477" spans="8:8">
      <c r="H326477" s="12"/>
    </row>
    <row r="326478" spans="8:8">
      <c r="H326478" s="12"/>
    </row>
    <row r="326479" spans="8:8">
      <c r="H326479" s="12"/>
    </row>
    <row r="326480" spans="8:8">
      <c r="H326480" s="12"/>
    </row>
    <row r="326481" spans="8:8">
      <c r="H326481" s="12"/>
    </row>
    <row r="326482" spans="8:8">
      <c r="H326482" s="12"/>
    </row>
    <row r="326483" spans="8:8">
      <c r="H326483" s="12"/>
    </row>
    <row r="326484" spans="8:8">
      <c r="H326484" s="12"/>
    </row>
    <row r="326485" spans="8:8">
      <c r="H326485" s="12"/>
    </row>
    <row r="326486" spans="8:8">
      <c r="H326486" s="12"/>
    </row>
    <row r="326487" spans="8:8">
      <c r="H326487" s="12"/>
    </row>
    <row r="326488" spans="8:8">
      <c r="H326488" s="12"/>
    </row>
    <row r="326489" spans="8:8">
      <c r="H326489" s="12"/>
    </row>
    <row r="326490" spans="8:8">
      <c r="H326490" s="12"/>
    </row>
    <row r="326491" spans="8:8">
      <c r="H326491" s="12"/>
    </row>
    <row r="326492" spans="8:8">
      <c r="H326492" s="12"/>
    </row>
    <row r="326493" spans="8:8">
      <c r="H326493" s="12"/>
    </row>
    <row r="326494" spans="8:8">
      <c r="H326494" s="12"/>
    </row>
    <row r="326495" spans="8:8">
      <c r="H326495" s="12"/>
    </row>
    <row r="326496" spans="8:8">
      <c r="H326496" s="12"/>
    </row>
    <row r="326497" spans="8:8">
      <c r="H326497" s="12"/>
    </row>
    <row r="326498" spans="8:8">
      <c r="H326498" s="12"/>
    </row>
    <row r="326499" spans="8:8">
      <c r="H326499" s="12"/>
    </row>
    <row r="326500" spans="8:8">
      <c r="H326500" s="12"/>
    </row>
    <row r="326501" spans="8:8">
      <c r="H326501" s="12"/>
    </row>
    <row r="326502" spans="8:8">
      <c r="H326502" s="12"/>
    </row>
    <row r="326503" spans="8:8">
      <c r="H326503" s="12"/>
    </row>
    <row r="326504" spans="8:8">
      <c r="H326504" s="12"/>
    </row>
    <row r="326505" spans="8:8">
      <c r="H326505" s="12"/>
    </row>
    <row r="326506" spans="8:8">
      <c r="H326506" s="12"/>
    </row>
    <row r="326507" spans="8:8">
      <c r="H326507" s="12"/>
    </row>
    <row r="326508" spans="8:8">
      <c r="H326508" s="12"/>
    </row>
    <row r="326509" spans="8:8">
      <c r="H326509" s="12"/>
    </row>
    <row r="326510" spans="8:8">
      <c r="H326510" s="12"/>
    </row>
    <row r="326511" spans="8:8">
      <c r="H326511" s="12"/>
    </row>
    <row r="326512" spans="8:8">
      <c r="H326512" s="12"/>
    </row>
    <row r="326513" spans="8:8">
      <c r="H326513" s="12"/>
    </row>
    <row r="326514" spans="8:8">
      <c r="H326514" s="12"/>
    </row>
    <row r="326515" spans="8:8">
      <c r="H326515" s="12"/>
    </row>
    <row r="326516" spans="8:8">
      <c r="H326516" s="12"/>
    </row>
    <row r="326517" spans="8:8">
      <c r="H326517" s="12"/>
    </row>
    <row r="326518" spans="8:8">
      <c r="H326518" s="12"/>
    </row>
    <row r="326519" spans="8:8">
      <c r="H326519" s="12"/>
    </row>
    <row r="326520" spans="8:8">
      <c r="H326520" s="12"/>
    </row>
    <row r="326521" spans="8:8">
      <c r="H326521" s="12"/>
    </row>
    <row r="326522" spans="8:8">
      <c r="H326522" s="12"/>
    </row>
    <row r="326523" spans="8:8">
      <c r="H326523" s="12"/>
    </row>
    <row r="326524" spans="8:8">
      <c r="H326524" s="12"/>
    </row>
    <row r="326525" spans="8:8">
      <c r="H326525" s="12"/>
    </row>
    <row r="326526" spans="8:8">
      <c r="H326526" s="12"/>
    </row>
    <row r="326527" spans="8:8">
      <c r="H326527" s="12"/>
    </row>
    <row r="326528" spans="8:8">
      <c r="H326528" s="12"/>
    </row>
    <row r="326529" spans="8:8">
      <c r="H326529" s="12"/>
    </row>
    <row r="326530" spans="8:8">
      <c r="H326530" s="12"/>
    </row>
    <row r="326531" spans="8:8">
      <c r="H326531" s="12"/>
    </row>
    <row r="326532" spans="8:8">
      <c r="H326532" s="12"/>
    </row>
    <row r="326533" spans="8:8">
      <c r="H326533" s="12"/>
    </row>
    <row r="326534" spans="8:8">
      <c r="H326534" s="12"/>
    </row>
    <row r="326535" spans="8:8">
      <c r="H326535" s="12"/>
    </row>
    <row r="326536" spans="8:8">
      <c r="H326536" s="12"/>
    </row>
    <row r="326537" spans="8:8">
      <c r="H326537" s="12"/>
    </row>
    <row r="326538" spans="8:8">
      <c r="H326538" s="12"/>
    </row>
    <row r="326539" spans="8:8">
      <c r="H326539" s="12"/>
    </row>
    <row r="326540" spans="8:8">
      <c r="H326540" s="12"/>
    </row>
    <row r="326541" spans="8:8">
      <c r="H326541" s="12"/>
    </row>
    <row r="326542" spans="8:8">
      <c r="H326542" s="12"/>
    </row>
    <row r="326543" spans="8:8">
      <c r="H326543" s="12"/>
    </row>
    <row r="326544" spans="8:8">
      <c r="H326544" s="12"/>
    </row>
    <row r="326545" spans="8:8">
      <c r="H326545" s="12"/>
    </row>
    <row r="326546" spans="8:8">
      <c r="H326546" s="12"/>
    </row>
    <row r="326547" spans="8:8">
      <c r="H326547" s="12"/>
    </row>
    <row r="326548" spans="8:8">
      <c r="H326548" s="12"/>
    </row>
    <row r="326549" spans="8:8">
      <c r="H326549" s="12"/>
    </row>
    <row r="326550" spans="8:8">
      <c r="H326550" s="12"/>
    </row>
    <row r="326551" spans="8:8">
      <c r="H326551" s="12"/>
    </row>
    <row r="326552" spans="8:8">
      <c r="H326552" s="12"/>
    </row>
    <row r="326553" spans="8:8">
      <c r="H326553" s="12"/>
    </row>
    <row r="326554" spans="8:8">
      <c r="H326554" s="12"/>
    </row>
    <row r="326555" spans="8:8">
      <c r="H326555" s="12"/>
    </row>
    <row r="326556" spans="8:8">
      <c r="H326556" s="12"/>
    </row>
    <row r="326557" spans="8:8">
      <c r="H326557" s="12"/>
    </row>
    <row r="326558" spans="8:8">
      <c r="H326558" s="12"/>
    </row>
    <row r="326559" spans="8:8">
      <c r="H326559" s="12"/>
    </row>
    <row r="326560" spans="8:8">
      <c r="H326560" s="12"/>
    </row>
    <row r="326561" spans="8:8">
      <c r="H326561" s="12"/>
    </row>
    <row r="326562" spans="8:8">
      <c r="H326562" s="12"/>
    </row>
    <row r="326563" spans="8:8">
      <c r="H326563" s="12"/>
    </row>
    <row r="326564" spans="8:8">
      <c r="H326564" s="12"/>
    </row>
    <row r="326565" spans="8:8">
      <c r="H326565" s="12"/>
    </row>
    <row r="326566" spans="8:8">
      <c r="H326566" s="12"/>
    </row>
    <row r="326567" spans="8:8">
      <c r="H326567" s="12"/>
    </row>
    <row r="326568" spans="8:8">
      <c r="H326568" s="12"/>
    </row>
    <row r="326569" spans="8:8">
      <c r="H326569" s="12"/>
    </row>
    <row r="326570" spans="8:8">
      <c r="H326570" s="12"/>
    </row>
    <row r="326571" spans="8:8">
      <c r="H326571" s="12"/>
    </row>
    <row r="326572" spans="8:8">
      <c r="H326572" s="12"/>
    </row>
    <row r="326573" spans="8:8">
      <c r="H326573" s="12"/>
    </row>
    <row r="326574" spans="8:8">
      <c r="H326574" s="12"/>
    </row>
    <row r="326575" spans="8:8">
      <c r="H326575" s="12"/>
    </row>
    <row r="326576" spans="8:8">
      <c r="H326576" s="12"/>
    </row>
    <row r="326577" spans="8:8">
      <c r="H326577" s="12"/>
    </row>
    <row r="326578" spans="8:8">
      <c r="H326578" s="12"/>
    </row>
    <row r="326579" spans="8:8">
      <c r="H326579" s="12"/>
    </row>
    <row r="326580" spans="8:8">
      <c r="H326580" s="12"/>
    </row>
    <row r="326581" spans="8:8">
      <c r="H326581" s="12"/>
    </row>
    <row r="326582" spans="8:8">
      <c r="H326582" s="12"/>
    </row>
    <row r="326583" spans="8:8">
      <c r="H326583" s="12"/>
    </row>
    <row r="326584" spans="8:8">
      <c r="H326584" s="12"/>
    </row>
    <row r="326585" spans="8:8">
      <c r="H326585" s="12"/>
    </row>
    <row r="326586" spans="8:8">
      <c r="H326586" s="12"/>
    </row>
    <row r="326587" spans="8:8">
      <c r="H326587" s="12"/>
    </row>
    <row r="326588" spans="8:8">
      <c r="H326588" s="12"/>
    </row>
    <row r="326589" spans="8:8">
      <c r="H326589" s="12"/>
    </row>
    <row r="326590" spans="8:8">
      <c r="H326590" s="12"/>
    </row>
    <row r="326591" spans="8:8">
      <c r="H326591" s="12"/>
    </row>
    <row r="326592" spans="8:8">
      <c r="H326592" s="12"/>
    </row>
    <row r="326593" spans="8:8">
      <c r="H326593" s="12"/>
    </row>
    <row r="326594" spans="8:8">
      <c r="H326594" s="12"/>
    </row>
    <row r="326595" spans="8:8">
      <c r="H326595" s="12"/>
    </row>
    <row r="326596" spans="8:8">
      <c r="H326596" s="12"/>
    </row>
    <row r="326597" spans="8:8">
      <c r="H326597" s="12"/>
    </row>
    <row r="326598" spans="8:8">
      <c r="H326598" s="12"/>
    </row>
    <row r="326599" spans="8:8">
      <c r="H326599" s="12"/>
    </row>
    <row r="326600" spans="8:8">
      <c r="H326600" s="12"/>
    </row>
    <row r="326601" spans="8:8">
      <c r="H326601" s="12"/>
    </row>
    <row r="326602" spans="8:8">
      <c r="H326602" s="12"/>
    </row>
    <row r="326603" spans="8:8">
      <c r="H326603" s="12"/>
    </row>
    <row r="326604" spans="8:8">
      <c r="H326604" s="12"/>
    </row>
    <row r="326605" spans="8:8">
      <c r="H326605" s="12"/>
    </row>
    <row r="326606" spans="8:8">
      <c r="H326606" s="12"/>
    </row>
    <row r="326607" spans="8:8">
      <c r="H326607" s="12"/>
    </row>
    <row r="326608" spans="8:8">
      <c r="H326608" s="12"/>
    </row>
    <row r="326609" spans="8:8">
      <c r="H326609" s="12"/>
    </row>
    <row r="326610" spans="8:8">
      <c r="H326610" s="12"/>
    </row>
    <row r="326611" spans="8:8">
      <c r="H326611" s="12"/>
    </row>
    <row r="326612" spans="8:8">
      <c r="H326612" s="12"/>
    </row>
    <row r="326613" spans="8:8">
      <c r="H326613" s="12"/>
    </row>
    <row r="326614" spans="8:8">
      <c r="H326614" s="12"/>
    </row>
    <row r="326615" spans="8:8">
      <c r="H326615" s="12"/>
    </row>
    <row r="326616" spans="8:8">
      <c r="H326616" s="12"/>
    </row>
    <row r="326617" spans="8:8">
      <c r="H326617" s="12"/>
    </row>
    <row r="326618" spans="8:8">
      <c r="H326618" s="12"/>
    </row>
    <row r="326619" spans="8:8">
      <c r="H326619" s="12"/>
    </row>
    <row r="326620" spans="8:8">
      <c r="H326620" s="12"/>
    </row>
    <row r="326621" spans="8:8">
      <c r="H326621" s="12"/>
    </row>
    <row r="326622" spans="8:8">
      <c r="H326622" s="12"/>
    </row>
    <row r="326623" spans="8:8">
      <c r="H326623" s="12"/>
    </row>
    <row r="326624" spans="8:8">
      <c r="H326624" s="12"/>
    </row>
    <row r="326625" spans="8:8">
      <c r="H326625" s="12"/>
    </row>
    <row r="326626" spans="8:8">
      <c r="H326626" s="12"/>
    </row>
    <row r="326627" spans="8:8">
      <c r="H326627" s="12"/>
    </row>
    <row r="326628" spans="8:8">
      <c r="H326628" s="12"/>
    </row>
    <row r="326629" spans="8:8">
      <c r="H326629" s="12"/>
    </row>
    <row r="326630" spans="8:8">
      <c r="H326630" s="12"/>
    </row>
    <row r="326631" spans="8:8">
      <c r="H326631" s="12"/>
    </row>
    <row r="326632" spans="8:8">
      <c r="H326632" s="12"/>
    </row>
    <row r="326633" spans="8:8">
      <c r="H326633" s="12"/>
    </row>
    <row r="326634" spans="8:8">
      <c r="H326634" s="12"/>
    </row>
    <row r="326635" spans="8:8">
      <c r="H326635" s="12"/>
    </row>
    <row r="326636" spans="8:8">
      <c r="H326636" s="12"/>
    </row>
    <row r="326637" spans="8:8">
      <c r="H326637" s="12"/>
    </row>
    <row r="326638" spans="8:8">
      <c r="H326638" s="12"/>
    </row>
    <row r="326639" spans="8:8">
      <c r="H326639" s="12"/>
    </row>
    <row r="326640" spans="8:8">
      <c r="H326640" s="12"/>
    </row>
    <row r="326641" spans="8:8">
      <c r="H326641" s="12"/>
    </row>
    <row r="326642" spans="8:8">
      <c r="H326642" s="12"/>
    </row>
    <row r="326643" spans="8:8">
      <c r="H326643" s="12"/>
    </row>
    <row r="326644" spans="8:8">
      <c r="H326644" s="12"/>
    </row>
    <row r="326645" spans="8:8">
      <c r="H326645" s="12"/>
    </row>
    <row r="326646" spans="8:8">
      <c r="H326646" s="12"/>
    </row>
    <row r="326647" spans="8:8">
      <c r="H326647" s="12"/>
    </row>
    <row r="326648" spans="8:8">
      <c r="H326648" s="12"/>
    </row>
    <row r="326649" spans="8:8">
      <c r="H326649" s="12"/>
    </row>
    <row r="326650" spans="8:8">
      <c r="H326650" s="12"/>
    </row>
    <row r="326651" spans="8:8">
      <c r="H326651" s="12"/>
    </row>
    <row r="326652" spans="8:8">
      <c r="H326652" s="12"/>
    </row>
    <row r="326653" spans="8:8">
      <c r="H326653" s="12"/>
    </row>
    <row r="326654" spans="8:8">
      <c r="H326654" s="12"/>
    </row>
    <row r="326655" spans="8:8">
      <c r="H326655" s="12"/>
    </row>
    <row r="326656" spans="8:8">
      <c r="H326656" s="12"/>
    </row>
    <row r="326657" spans="8:8">
      <c r="H326657" s="12"/>
    </row>
    <row r="326658" spans="8:8">
      <c r="H326658" s="12"/>
    </row>
    <row r="326659" spans="8:8">
      <c r="H326659" s="12"/>
    </row>
    <row r="326660" spans="8:8">
      <c r="H326660" s="12"/>
    </row>
    <row r="326661" spans="8:8">
      <c r="H326661" s="12"/>
    </row>
    <row r="326662" spans="8:8">
      <c r="H326662" s="12"/>
    </row>
    <row r="326663" spans="8:8">
      <c r="H326663" s="12"/>
    </row>
    <row r="326664" spans="8:8">
      <c r="H326664" s="12"/>
    </row>
    <row r="326665" spans="8:8">
      <c r="H326665" s="12"/>
    </row>
    <row r="326666" spans="8:8">
      <c r="H326666" s="12"/>
    </row>
    <row r="326667" spans="8:8">
      <c r="H326667" s="12"/>
    </row>
    <row r="326668" spans="8:8">
      <c r="H326668" s="12"/>
    </row>
    <row r="326669" spans="8:8">
      <c r="H326669" s="12"/>
    </row>
    <row r="326670" spans="8:8">
      <c r="H326670" s="12"/>
    </row>
    <row r="326671" spans="8:8">
      <c r="H326671" s="12"/>
    </row>
    <row r="326672" spans="8:8">
      <c r="H326672" s="12"/>
    </row>
    <row r="326673" spans="8:8">
      <c r="H326673" s="12"/>
    </row>
    <row r="326674" spans="8:8">
      <c r="H326674" s="12"/>
    </row>
    <row r="326675" spans="8:8">
      <c r="H326675" s="12"/>
    </row>
    <row r="326676" spans="8:8">
      <c r="H326676" s="12"/>
    </row>
    <row r="326677" spans="8:8">
      <c r="H326677" s="12"/>
    </row>
    <row r="326678" spans="8:8">
      <c r="H326678" s="12"/>
    </row>
    <row r="326679" spans="8:8">
      <c r="H326679" s="12"/>
    </row>
    <row r="326680" spans="8:8">
      <c r="H326680" s="12"/>
    </row>
    <row r="326681" spans="8:8">
      <c r="H326681" s="12"/>
    </row>
    <row r="326682" spans="8:8">
      <c r="H326682" s="12"/>
    </row>
    <row r="326683" spans="8:8">
      <c r="H326683" s="12"/>
    </row>
    <row r="326684" spans="8:8">
      <c r="H326684" s="12"/>
    </row>
    <row r="326685" spans="8:8">
      <c r="H326685" s="12"/>
    </row>
    <row r="326686" spans="8:8">
      <c r="H326686" s="12"/>
    </row>
    <row r="326687" spans="8:8">
      <c r="H326687" s="12"/>
    </row>
    <row r="326688" spans="8:8">
      <c r="H326688" s="12"/>
    </row>
    <row r="326689" spans="8:8">
      <c r="H326689" s="12"/>
    </row>
    <row r="326690" spans="8:8">
      <c r="H326690" s="12"/>
    </row>
    <row r="326691" spans="8:8">
      <c r="H326691" s="12"/>
    </row>
    <row r="326692" spans="8:8">
      <c r="H326692" s="12"/>
    </row>
    <row r="326693" spans="8:8">
      <c r="H326693" s="12"/>
    </row>
    <row r="326694" spans="8:8">
      <c r="H326694" s="12"/>
    </row>
    <row r="326695" spans="8:8">
      <c r="H326695" s="12"/>
    </row>
    <row r="326696" spans="8:8">
      <c r="H326696" s="12"/>
    </row>
    <row r="326697" spans="8:8">
      <c r="H326697" s="12"/>
    </row>
    <row r="326698" spans="8:8">
      <c r="H326698" s="12"/>
    </row>
    <row r="326699" spans="8:8">
      <c r="H326699" s="12"/>
    </row>
    <row r="326700" spans="8:8">
      <c r="H326700" s="12"/>
    </row>
    <row r="326701" spans="8:8">
      <c r="H326701" s="12"/>
    </row>
    <row r="326702" spans="8:8">
      <c r="H326702" s="12"/>
    </row>
    <row r="326703" spans="8:8">
      <c r="H326703" s="12"/>
    </row>
    <row r="326704" spans="8:8">
      <c r="H326704" s="12"/>
    </row>
    <row r="326705" spans="8:8">
      <c r="H326705" s="12"/>
    </row>
    <row r="326706" spans="8:8">
      <c r="H326706" s="12"/>
    </row>
    <row r="326707" spans="8:8">
      <c r="H326707" s="12"/>
    </row>
    <row r="326708" spans="8:8">
      <c r="H326708" s="12"/>
    </row>
    <row r="326709" spans="8:8">
      <c r="H326709" s="12"/>
    </row>
    <row r="326710" spans="8:8">
      <c r="H326710" s="12"/>
    </row>
    <row r="326711" spans="8:8">
      <c r="H326711" s="12"/>
    </row>
    <row r="326712" spans="8:8">
      <c r="H326712" s="12"/>
    </row>
    <row r="326713" spans="8:8">
      <c r="H326713" s="12"/>
    </row>
    <row r="326714" spans="8:8">
      <c r="H326714" s="12"/>
    </row>
    <row r="326715" spans="8:8">
      <c r="H326715" s="12"/>
    </row>
    <row r="326716" spans="8:8">
      <c r="H326716" s="12"/>
    </row>
    <row r="326717" spans="8:8">
      <c r="H326717" s="12"/>
    </row>
    <row r="326718" spans="8:8">
      <c r="H326718" s="12"/>
    </row>
    <row r="326719" spans="8:8">
      <c r="H326719" s="12"/>
    </row>
    <row r="326720" spans="8:8">
      <c r="H326720" s="12"/>
    </row>
    <row r="326721" spans="8:8">
      <c r="H326721" s="12"/>
    </row>
    <row r="326722" spans="8:8">
      <c r="H326722" s="12"/>
    </row>
    <row r="326723" spans="8:8">
      <c r="H326723" s="12"/>
    </row>
    <row r="326724" spans="8:8">
      <c r="H326724" s="12"/>
    </row>
    <row r="326725" spans="8:8">
      <c r="H326725" s="12"/>
    </row>
    <row r="326726" spans="8:8">
      <c r="H326726" s="12"/>
    </row>
    <row r="326727" spans="8:8">
      <c r="H326727" s="12"/>
    </row>
    <row r="326728" spans="8:8">
      <c r="H326728" s="12"/>
    </row>
    <row r="326729" spans="8:8">
      <c r="H326729" s="12"/>
    </row>
    <row r="326730" spans="8:8">
      <c r="H326730" s="12"/>
    </row>
    <row r="326731" spans="8:8">
      <c r="H326731" s="12"/>
    </row>
    <row r="326732" spans="8:8">
      <c r="H326732" s="12"/>
    </row>
    <row r="326733" spans="8:8">
      <c r="H326733" s="12"/>
    </row>
    <row r="326734" spans="8:8">
      <c r="H326734" s="12"/>
    </row>
    <row r="326735" spans="8:8">
      <c r="H326735" s="12"/>
    </row>
    <row r="326736" spans="8:8">
      <c r="H326736" s="12"/>
    </row>
    <row r="326737" spans="8:8">
      <c r="H326737" s="12"/>
    </row>
    <row r="326738" spans="8:8">
      <c r="H326738" s="12"/>
    </row>
    <row r="326739" spans="8:8">
      <c r="H326739" s="12"/>
    </row>
    <row r="326740" spans="8:8">
      <c r="H326740" s="12"/>
    </row>
    <row r="326741" spans="8:8">
      <c r="H326741" s="12"/>
    </row>
    <row r="326742" spans="8:8">
      <c r="H326742" s="12"/>
    </row>
    <row r="326743" spans="8:8">
      <c r="H326743" s="12"/>
    </row>
    <row r="326744" spans="8:8">
      <c r="H326744" s="12"/>
    </row>
    <row r="326745" spans="8:8">
      <c r="H326745" s="12"/>
    </row>
    <row r="326746" spans="8:8">
      <c r="H326746" s="12"/>
    </row>
    <row r="326747" spans="8:8">
      <c r="H326747" s="12"/>
    </row>
    <row r="326748" spans="8:8">
      <c r="H326748" s="12"/>
    </row>
    <row r="326749" spans="8:8">
      <c r="H326749" s="12"/>
    </row>
    <row r="326750" spans="8:8">
      <c r="H326750" s="12"/>
    </row>
    <row r="326751" spans="8:8">
      <c r="H326751" s="12"/>
    </row>
    <row r="326752" spans="8:8">
      <c r="H326752" s="12"/>
    </row>
    <row r="326753" spans="8:8">
      <c r="H326753" s="12"/>
    </row>
    <row r="326754" spans="8:8">
      <c r="H326754" s="12"/>
    </row>
    <row r="326755" spans="8:8">
      <c r="H326755" s="12"/>
    </row>
    <row r="326756" spans="8:8">
      <c r="H326756" s="12"/>
    </row>
    <row r="326757" spans="8:8">
      <c r="H326757" s="12"/>
    </row>
    <row r="326758" spans="8:8">
      <c r="H326758" s="12"/>
    </row>
    <row r="326759" spans="8:8">
      <c r="H326759" s="12"/>
    </row>
    <row r="326760" spans="8:8">
      <c r="H326760" s="12"/>
    </row>
    <row r="326761" spans="8:8">
      <c r="H326761" s="12"/>
    </row>
    <row r="326762" spans="8:8">
      <c r="H326762" s="12"/>
    </row>
    <row r="326763" spans="8:8">
      <c r="H326763" s="12"/>
    </row>
    <row r="326764" spans="8:8">
      <c r="H326764" s="12"/>
    </row>
    <row r="326765" spans="8:8">
      <c r="H326765" s="12"/>
    </row>
    <row r="326766" spans="8:8">
      <c r="H326766" s="12"/>
    </row>
    <row r="326767" spans="8:8">
      <c r="H326767" s="12"/>
    </row>
    <row r="326768" spans="8:8">
      <c r="H326768" s="12"/>
    </row>
    <row r="326769" spans="8:8">
      <c r="H326769" s="12"/>
    </row>
    <row r="326770" spans="8:8">
      <c r="H326770" s="12"/>
    </row>
    <row r="326771" spans="8:8">
      <c r="H326771" s="12"/>
    </row>
    <row r="326772" spans="8:8">
      <c r="H326772" s="12"/>
    </row>
    <row r="326773" spans="8:8">
      <c r="H326773" s="12"/>
    </row>
    <row r="326774" spans="8:8">
      <c r="H326774" s="12"/>
    </row>
    <row r="326775" spans="8:8">
      <c r="H326775" s="12"/>
    </row>
    <row r="326776" spans="8:8">
      <c r="H326776" s="12"/>
    </row>
    <row r="326777" spans="8:8">
      <c r="H326777" s="12"/>
    </row>
    <row r="326778" spans="8:8">
      <c r="H326778" s="12"/>
    </row>
    <row r="326779" spans="8:8">
      <c r="H326779" s="12"/>
    </row>
    <row r="326780" spans="8:8">
      <c r="H326780" s="12"/>
    </row>
    <row r="326781" spans="8:8">
      <c r="H326781" s="12"/>
    </row>
    <row r="326782" spans="8:8">
      <c r="H326782" s="12"/>
    </row>
    <row r="326783" spans="8:8">
      <c r="H326783" s="12"/>
    </row>
    <row r="326784" spans="8:8">
      <c r="H326784" s="12"/>
    </row>
    <row r="326785" spans="8:8">
      <c r="H326785" s="12"/>
    </row>
    <row r="326786" spans="8:8">
      <c r="H326786" s="12"/>
    </row>
    <row r="326787" spans="8:8">
      <c r="H326787" s="12"/>
    </row>
    <row r="326788" spans="8:8">
      <c r="H326788" s="12"/>
    </row>
    <row r="326789" spans="8:8">
      <c r="H326789" s="12"/>
    </row>
    <row r="326790" spans="8:8">
      <c r="H326790" s="12"/>
    </row>
    <row r="326791" spans="8:8">
      <c r="H326791" s="12"/>
    </row>
    <row r="326792" spans="8:8">
      <c r="H326792" s="12"/>
    </row>
    <row r="326793" spans="8:8">
      <c r="H326793" s="12"/>
    </row>
    <row r="326794" spans="8:8">
      <c r="H326794" s="12"/>
    </row>
    <row r="326795" spans="8:8">
      <c r="H326795" s="12"/>
    </row>
    <row r="326796" spans="8:8">
      <c r="H326796" s="12"/>
    </row>
    <row r="326797" spans="8:8">
      <c r="H326797" s="12"/>
    </row>
    <row r="326798" spans="8:8">
      <c r="H326798" s="12"/>
    </row>
    <row r="326799" spans="8:8">
      <c r="H326799" s="12"/>
    </row>
    <row r="326800" spans="8:8">
      <c r="H326800" s="12"/>
    </row>
    <row r="326801" spans="8:8">
      <c r="H326801" s="12"/>
    </row>
    <row r="326802" spans="8:8">
      <c r="H326802" s="12"/>
    </row>
    <row r="326803" spans="8:8">
      <c r="H326803" s="12"/>
    </row>
    <row r="326804" spans="8:8">
      <c r="H326804" s="12"/>
    </row>
    <row r="326805" spans="8:8">
      <c r="H326805" s="12"/>
    </row>
    <row r="326806" spans="8:8">
      <c r="H326806" s="12"/>
    </row>
    <row r="326807" spans="8:8">
      <c r="H326807" s="12"/>
    </row>
    <row r="326808" spans="8:8">
      <c r="H326808" s="12"/>
    </row>
    <row r="326809" spans="8:8">
      <c r="H326809" s="12"/>
    </row>
    <row r="326810" spans="8:8">
      <c r="H326810" s="12"/>
    </row>
    <row r="326811" spans="8:8">
      <c r="H326811" s="12"/>
    </row>
    <row r="326812" spans="8:8">
      <c r="H326812" s="12"/>
    </row>
    <row r="326813" spans="8:8">
      <c r="H326813" s="12"/>
    </row>
    <row r="326814" spans="8:8">
      <c r="H326814" s="12"/>
    </row>
    <row r="326815" spans="8:8">
      <c r="H326815" s="12"/>
    </row>
    <row r="326816" spans="8:8">
      <c r="H326816" s="12"/>
    </row>
    <row r="326817" spans="8:8">
      <c r="H326817" s="12"/>
    </row>
    <row r="326818" spans="8:8">
      <c r="H326818" s="12"/>
    </row>
    <row r="326819" spans="8:8">
      <c r="H326819" s="12"/>
    </row>
    <row r="326820" spans="8:8">
      <c r="H326820" s="12"/>
    </row>
    <row r="326821" spans="8:8">
      <c r="H326821" s="12"/>
    </row>
    <row r="326822" spans="8:8">
      <c r="H326822" s="12"/>
    </row>
    <row r="326823" spans="8:8">
      <c r="H326823" s="12"/>
    </row>
    <row r="326824" spans="8:8">
      <c r="H326824" s="12"/>
    </row>
    <row r="326825" spans="8:8">
      <c r="H326825" s="12"/>
    </row>
    <row r="326826" spans="8:8">
      <c r="H326826" s="12"/>
    </row>
    <row r="326827" spans="8:8">
      <c r="H326827" s="12"/>
    </row>
    <row r="326828" spans="8:8">
      <c r="H326828" s="12"/>
    </row>
    <row r="326829" spans="8:8">
      <c r="H326829" s="12"/>
    </row>
    <row r="326830" spans="8:8">
      <c r="H326830" s="12"/>
    </row>
    <row r="326831" spans="8:8">
      <c r="H326831" s="12"/>
    </row>
    <row r="326832" spans="8:8">
      <c r="H326832" s="12"/>
    </row>
    <row r="326833" spans="8:8">
      <c r="H326833" s="12"/>
    </row>
    <row r="326834" spans="8:8">
      <c r="H326834" s="12"/>
    </row>
    <row r="326835" spans="8:8">
      <c r="H326835" s="12"/>
    </row>
    <row r="326836" spans="8:8">
      <c r="H326836" s="12"/>
    </row>
    <row r="326837" spans="8:8">
      <c r="H326837" s="12"/>
    </row>
    <row r="326838" spans="8:8">
      <c r="H326838" s="12"/>
    </row>
    <row r="326839" spans="8:8">
      <c r="H326839" s="12"/>
    </row>
    <row r="326840" spans="8:8">
      <c r="H326840" s="12"/>
    </row>
    <row r="326841" spans="8:8">
      <c r="H326841" s="12"/>
    </row>
    <row r="326842" spans="8:8">
      <c r="H326842" s="12"/>
    </row>
    <row r="326843" spans="8:8">
      <c r="H326843" s="12"/>
    </row>
    <row r="326844" spans="8:8">
      <c r="H326844" s="12"/>
    </row>
    <row r="326845" spans="8:8">
      <c r="H326845" s="12"/>
    </row>
    <row r="326846" spans="8:8">
      <c r="H326846" s="12"/>
    </row>
    <row r="326847" spans="8:8">
      <c r="H326847" s="12"/>
    </row>
    <row r="326848" spans="8:8">
      <c r="H326848" s="12"/>
    </row>
    <row r="326849" spans="8:8">
      <c r="H326849" s="12"/>
    </row>
    <row r="326850" spans="8:8">
      <c r="H326850" s="12"/>
    </row>
    <row r="326851" spans="8:8">
      <c r="H326851" s="12"/>
    </row>
    <row r="326852" spans="8:8">
      <c r="H326852" s="12"/>
    </row>
    <row r="326853" spans="8:8">
      <c r="H326853" s="12"/>
    </row>
    <row r="326854" spans="8:8">
      <c r="H326854" s="12"/>
    </row>
    <row r="326855" spans="8:8">
      <c r="H326855" s="12"/>
    </row>
    <row r="326856" spans="8:8">
      <c r="H326856" s="12"/>
    </row>
    <row r="326857" spans="8:8">
      <c r="H326857" s="12"/>
    </row>
    <row r="326858" spans="8:8">
      <c r="H326858" s="12"/>
    </row>
    <row r="326859" spans="8:8">
      <c r="H326859" s="12"/>
    </row>
    <row r="326860" spans="8:8">
      <c r="H326860" s="12"/>
    </row>
    <row r="326861" spans="8:8">
      <c r="H326861" s="12"/>
    </row>
    <row r="326862" spans="8:8">
      <c r="H326862" s="12"/>
    </row>
    <row r="326863" spans="8:8">
      <c r="H326863" s="12"/>
    </row>
    <row r="326864" spans="8:8">
      <c r="H326864" s="12"/>
    </row>
    <row r="326865" spans="8:8">
      <c r="H326865" s="12"/>
    </row>
    <row r="326866" spans="8:8">
      <c r="H326866" s="12"/>
    </row>
    <row r="326867" spans="8:8">
      <c r="H326867" s="12"/>
    </row>
    <row r="326868" spans="8:8">
      <c r="H326868" s="12"/>
    </row>
    <row r="326869" spans="8:8">
      <c r="H326869" s="12"/>
    </row>
    <row r="326870" spans="8:8">
      <c r="H326870" s="12"/>
    </row>
    <row r="326871" spans="8:8">
      <c r="H326871" s="12"/>
    </row>
    <row r="326872" spans="8:8">
      <c r="H326872" s="12"/>
    </row>
    <row r="326873" spans="8:8">
      <c r="H326873" s="12"/>
    </row>
    <row r="326874" spans="8:8">
      <c r="H326874" s="12"/>
    </row>
    <row r="326875" spans="8:8">
      <c r="H326875" s="12"/>
    </row>
    <row r="326876" spans="8:8">
      <c r="H326876" s="12"/>
    </row>
    <row r="326877" spans="8:8">
      <c r="H326877" s="12"/>
    </row>
    <row r="326878" spans="8:8">
      <c r="H326878" s="12"/>
    </row>
    <row r="326879" spans="8:8">
      <c r="H326879" s="12"/>
    </row>
    <row r="326880" spans="8:8">
      <c r="H326880" s="12"/>
    </row>
    <row r="326881" spans="8:8">
      <c r="H326881" s="12"/>
    </row>
    <row r="326882" spans="8:8">
      <c r="H326882" s="12"/>
    </row>
    <row r="326883" spans="8:8">
      <c r="H326883" s="12"/>
    </row>
    <row r="326884" spans="8:8">
      <c r="H326884" s="12"/>
    </row>
    <row r="326885" spans="8:8">
      <c r="H326885" s="12"/>
    </row>
    <row r="326886" spans="8:8">
      <c r="H326886" s="12"/>
    </row>
    <row r="326887" spans="8:8">
      <c r="H326887" s="12"/>
    </row>
    <row r="326888" spans="8:8">
      <c r="H326888" s="12"/>
    </row>
    <row r="326889" spans="8:8">
      <c r="H326889" s="12"/>
    </row>
    <row r="326890" spans="8:8">
      <c r="H326890" s="12"/>
    </row>
    <row r="326891" spans="8:8">
      <c r="H326891" s="12"/>
    </row>
    <row r="326892" spans="8:8">
      <c r="H326892" s="12"/>
    </row>
    <row r="326893" spans="8:8">
      <c r="H326893" s="12"/>
    </row>
    <row r="326894" spans="8:8">
      <c r="H326894" s="12"/>
    </row>
    <row r="326895" spans="8:8">
      <c r="H326895" s="12"/>
    </row>
    <row r="326896" spans="8:8">
      <c r="H326896" s="12"/>
    </row>
    <row r="326897" spans="8:8">
      <c r="H326897" s="12"/>
    </row>
    <row r="326898" spans="8:8">
      <c r="H326898" s="12"/>
    </row>
    <row r="326899" spans="8:8">
      <c r="H326899" s="12"/>
    </row>
    <row r="326900" spans="8:8">
      <c r="H326900" s="12"/>
    </row>
    <row r="326901" spans="8:8">
      <c r="H326901" s="12"/>
    </row>
    <row r="326902" spans="8:8">
      <c r="H326902" s="12"/>
    </row>
    <row r="326903" spans="8:8">
      <c r="H326903" s="12"/>
    </row>
    <row r="326904" spans="8:8">
      <c r="H326904" s="12"/>
    </row>
    <row r="326905" spans="8:8">
      <c r="H326905" s="12"/>
    </row>
    <row r="326906" spans="8:8">
      <c r="H326906" s="12"/>
    </row>
    <row r="326907" spans="8:8">
      <c r="H326907" s="12"/>
    </row>
    <row r="326908" spans="8:8">
      <c r="H326908" s="12"/>
    </row>
    <row r="326909" spans="8:8">
      <c r="H326909" s="12"/>
    </row>
    <row r="326910" spans="8:8">
      <c r="H326910" s="12"/>
    </row>
    <row r="326911" spans="8:8">
      <c r="H326911" s="12"/>
    </row>
    <row r="326912" spans="8:8">
      <c r="H326912" s="12"/>
    </row>
    <row r="326913" spans="8:8">
      <c r="H326913" s="12"/>
    </row>
    <row r="326914" spans="8:8">
      <c r="H326914" s="12"/>
    </row>
    <row r="326915" spans="8:8">
      <c r="H326915" s="12"/>
    </row>
    <row r="326916" spans="8:8">
      <c r="H326916" s="12"/>
    </row>
    <row r="326917" spans="8:8">
      <c r="H326917" s="12"/>
    </row>
    <row r="326918" spans="8:8">
      <c r="H326918" s="12"/>
    </row>
    <row r="326919" spans="8:8">
      <c r="H326919" s="12"/>
    </row>
    <row r="326920" spans="8:8">
      <c r="H326920" s="12"/>
    </row>
    <row r="326921" spans="8:8">
      <c r="H326921" s="12"/>
    </row>
    <row r="326922" spans="8:8">
      <c r="H326922" s="12"/>
    </row>
    <row r="326923" spans="8:8">
      <c r="H326923" s="12"/>
    </row>
    <row r="326924" spans="8:8">
      <c r="H326924" s="12"/>
    </row>
    <row r="326925" spans="8:8">
      <c r="H326925" s="12"/>
    </row>
    <row r="326926" spans="8:8">
      <c r="H326926" s="12"/>
    </row>
    <row r="326927" spans="8:8">
      <c r="H326927" s="12"/>
    </row>
    <row r="326928" spans="8:8">
      <c r="H326928" s="12"/>
    </row>
    <row r="326929" spans="8:8">
      <c r="H326929" s="12"/>
    </row>
    <row r="326930" spans="8:8">
      <c r="H326930" s="12"/>
    </row>
    <row r="326931" spans="8:8">
      <c r="H326931" s="12"/>
    </row>
    <row r="326932" spans="8:8">
      <c r="H326932" s="12"/>
    </row>
    <row r="326933" spans="8:8">
      <c r="H326933" s="12"/>
    </row>
    <row r="326934" spans="8:8">
      <c r="H326934" s="12"/>
    </row>
    <row r="326935" spans="8:8">
      <c r="H326935" s="12"/>
    </row>
    <row r="326936" spans="8:8">
      <c r="H326936" s="12"/>
    </row>
    <row r="326937" spans="8:8">
      <c r="H326937" s="12"/>
    </row>
    <row r="326938" spans="8:8">
      <c r="H326938" s="12"/>
    </row>
    <row r="326939" spans="8:8">
      <c r="H326939" s="12"/>
    </row>
    <row r="326940" spans="8:8">
      <c r="H326940" s="12"/>
    </row>
    <row r="326941" spans="8:8">
      <c r="H326941" s="12"/>
    </row>
    <row r="326942" spans="8:8">
      <c r="H326942" s="12"/>
    </row>
    <row r="326943" spans="8:8">
      <c r="H326943" s="12"/>
    </row>
    <row r="326944" spans="8:8">
      <c r="H326944" s="12"/>
    </row>
    <row r="326945" spans="8:8">
      <c r="H326945" s="12"/>
    </row>
    <row r="326946" spans="8:8">
      <c r="H326946" s="12"/>
    </row>
    <row r="326947" spans="8:8">
      <c r="H326947" s="12"/>
    </row>
    <row r="326948" spans="8:8">
      <c r="H326948" s="12"/>
    </row>
    <row r="326949" spans="8:8">
      <c r="H326949" s="12"/>
    </row>
    <row r="326950" spans="8:8">
      <c r="H326950" s="12"/>
    </row>
    <row r="326951" spans="8:8">
      <c r="H326951" s="12"/>
    </row>
    <row r="326952" spans="8:8">
      <c r="H326952" s="12"/>
    </row>
    <row r="326953" spans="8:8">
      <c r="H326953" s="12"/>
    </row>
    <row r="326954" spans="8:8">
      <c r="H326954" s="12"/>
    </row>
    <row r="326955" spans="8:8">
      <c r="H326955" s="12"/>
    </row>
    <row r="326956" spans="8:8">
      <c r="H326956" s="12"/>
    </row>
    <row r="326957" spans="8:8">
      <c r="H326957" s="12"/>
    </row>
    <row r="326958" spans="8:8">
      <c r="H326958" s="12"/>
    </row>
    <row r="326959" spans="8:8">
      <c r="H326959" s="12"/>
    </row>
    <row r="326960" spans="8:8">
      <c r="H326960" s="12"/>
    </row>
    <row r="326961" spans="8:8">
      <c r="H326961" s="12"/>
    </row>
    <row r="326962" spans="8:8">
      <c r="H326962" s="12"/>
    </row>
    <row r="326963" spans="8:8">
      <c r="H326963" s="12"/>
    </row>
    <row r="326964" spans="8:8">
      <c r="H326964" s="12"/>
    </row>
    <row r="326965" spans="8:8">
      <c r="H326965" s="12"/>
    </row>
    <row r="326966" spans="8:8">
      <c r="H326966" s="12"/>
    </row>
    <row r="326967" spans="8:8">
      <c r="H326967" s="12"/>
    </row>
    <row r="326968" spans="8:8">
      <c r="H326968" s="12"/>
    </row>
    <row r="326969" spans="8:8">
      <c r="H326969" s="12"/>
    </row>
    <row r="326970" spans="8:8">
      <c r="H326970" s="12"/>
    </row>
    <row r="326971" spans="8:8">
      <c r="H326971" s="12"/>
    </row>
    <row r="326972" spans="8:8">
      <c r="H326972" s="12"/>
    </row>
    <row r="326973" spans="8:8">
      <c r="H326973" s="12"/>
    </row>
    <row r="326974" spans="8:8">
      <c r="H326974" s="12"/>
    </row>
    <row r="326975" spans="8:8">
      <c r="H326975" s="12"/>
    </row>
    <row r="326976" spans="8:8">
      <c r="H326976" s="12"/>
    </row>
    <row r="326977" spans="8:8">
      <c r="H326977" s="12"/>
    </row>
    <row r="326978" spans="8:8">
      <c r="H326978" s="12"/>
    </row>
    <row r="326979" spans="8:8">
      <c r="H326979" s="12"/>
    </row>
    <row r="326980" spans="8:8">
      <c r="H326980" s="12"/>
    </row>
    <row r="326981" spans="8:8">
      <c r="H326981" s="12"/>
    </row>
    <row r="326982" spans="8:8">
      <c r="H326982" s="12"/>
    </row>
    <row r="326983" spans="8:8">
      <c r="H326983" s="12"/>
    </row>
    <row r="326984" spans="8:8">
      <c r="H326984" s="12"/>
    </row>
    <row r="326985" spans="8:8">
      <c r="H326985" s="12"/>
    </row>
    <row r="326986" spans="8:8">
      <c r="H326986" s="12"/>
    </row>
    <row r="326987" spans="8:8">
      <c r="H326987" s="12"/>
    </row>
    <row r="326988" spans="8:8">
      <c r="H326988" s="12"/>
    </row>
    <row r="326989" spans="8:8">
      <c r="H326989" s="12"/>
    </row>
    <row r="326990" spans="8:8">
      <c r="H326990" s="12"/>
    </row>
    <row r="326991" spans="8:8">
      <c r="H326991" s="12"/>
    </row>
    <row r="326992" spans="8:8">
      <c r="H326992" s="12"/>
    </row>
    <row r="326993" spans="8:8">
      <c r="H326993" s="12"/>
    </row>
    <row r="326994" spans="8:8">
      <c r="H326994" s="12"/>
    </row>
    <row r="326995" spans="8:8">
      <c r="H326995" s="12"/>
    </row>
    <row r="326996" spans="8:8">
      <c r="H326996" s="12"/>
    </row>
    <row r="326997" spans="8:8">
      <c r="H326997" s="12"/>
    </row>
    <row r="326998" spans="8:8">
      <c r="H326998" s="12"/>
    </row>
    <row r="326999" spans="8:8">
      <c r="H326999" s="12"/>
    </row>
    <row r="327000" spans="8:8">
      <c r="H327000" s="12"/>
    </row>
    <row r="327001" spans="8:8">
      <c r="H327001" s="12"/>
    </row>
    <row r="327002" spans="8:8">
      <c r="H327002" s="12"/>
    </row>
    <row r="327003" spans="8:8">
      <c r="H327003" s="12"/>
    </row>
    <row r="327004" spans="8:8">
      <c r="H327004" s="12"/>
    </row>
    <row r="327005" spans="8:8">
      <c r="H327005" s="12"/>
    </row>
    <row r="327006" spans="8:8">
      <c r="H327006" s="12"/>
    </row>
    <row r="327007" spans="8:8">
      <c r="H327007" s="12"/>
    </row>
    <row r="327008" spans="8:8">
      <c r="H327008" s="12"/>
    </row>
    <row r="327009" spans="8:8">
      <c r="H327009" s="12"/>
    </row>
    <row r="327010" spans="8:8">
      <c r="H327010" s="12"/>
    </row>
    <row r="327011" spans="8:8">
      <c r="H327011" s="12"/>
    </row>
    <row r="327012" spans="8:8">
      <c r="H327012" s="12"/>
    </row>
    <row r="327013" spans="8:8">
      <c r="H327013" s="12"/>
    </row>
    <row r="327014" spans="8:8">
      <c r="H327014" s="12"/>
    </row>
    <row r="327015" spans="8:8">
      <c r="H327015" s="12"/>
    </row>
    <row r="327016" spans="8:8">
      <c r="H327016" s="12"/>
    </row>
    <row r="327017" spans="8:8">
      <c r="H327017" s="12"/>
    </row>
    <row r="327018" spans="8:8">
      <c r="H327018" s="12"/>
    </row>
    <row r="327019" spans="8:8">
      <c r="H327019" s="12"/>
    </row>
    <row r="327020" spans="8:8">
      <c r="H327020" s="12"/>
    </row>
    <row r="327021" spans="8:8">
      <c r="H327021" s="12"/>
    </row>
    <row r="327022" spans="8:8">
      <c r="H327022" s="12"/>
    </row>
    <row r="327023" spans="8:8">
      <c r="H327023" s="12"/>
    </row>
    <row r="327024" spans="8:8">
      <c r="H327024" s="12"/>
    </row>
    <row r="327025" spans="8:8">
      <c r="H327025" s="12"/>
    </row>
    <row r="327026" spans="8:8">
      <c r="H327026" s="12"/>
    </row>
    <row r="327027" spans="8:8">
      <c r="H327027" s="12"/>
    </row>
    <row r="327028" spans="8:8">
      <c r="H327028" s="12"/>
    </row>
    <row r="327029" spans="8:8">
      <c r="H327029" s="12"/>
    </row>
    <row r="327030" spans="8:8">
      <c r="H327030" s="12"/>
    </row>
    <row r="327031" spans="8:8">
      <c r="H327031" s="12"/>
    </row>
    <row r="327032" spans="8:8">
      <c r="H327032" s="12"/>
    </row>
    <row r="327033" spans="8:8">
      <c r="H327033" s="12"/>
    </row>
    <row r="327034" spans="8:8">
      <c r="H327034" s="12"/>
    </row>
    <row r="327035" spans="8:8">
      <c r="H327035" s="12"/>
    </row>
    <row r="327036" spans="8:8">
      <c r="H327036" s="12"/>
    </row>
    <row r="327037" spans="8:8">
      <c r="H327037" s="12"/>
    </row>
    <row r="327038" spans="8:8">
      <c r="H327038" s="12"/>
    </row>
    <row r="327039" spans="8:8">
      <c r="H327039" s="12"/>
    </row>
    <row r="327040" spans="8:8">
      <c r="H327040" s="12"/>
    </row>
    <row r="327041" spans="8:8">
      <c r="H327041" s="12"/>
    </row>
    <row r="327042" spans="8:8">
      <c r="H327042" s="12"/>
    </row>
    <row r="327043" spans="8:8">
      <c r="H327043" s="12"/>
    </row>
    <row r="327044" spans="8:8">
      <c r="H327044" s="12"/>
    </row>
    <row r="327045" spans="8:8">
      <c r="H327045" s="12"/>
    </row>
    <row r="327046" spans="8:8">
      <c r="H327046" s="12"/>
    </row>
    <row r="327047" spans="8:8">
      <c r="H327047" s="12"/>
    </row>
    <row r="327048" spans="8:8">
      <c r="H327048" s="12"/>
    </row>
    <row r="327049" spans="8:8">
      <c r="H327049" s="12"/>
    </row>
    <row r="327050" spans="8:8">
      <c r="H327050" s="12"/>
    </row>
    <row r="327051" spans="8:8">
      <c r="H327051" s="12"/>
    </row>
    <row r="327052" spans="8:8">
      <c r="H327052" s="12"/>
    </row>
    <row r="327053" spans="8:8">
      <c r="H327053" s="12"/>
    </row>
    <row r="327054" spans="8:8">
      <c r="H327054" s="12"/>
    </row>
    <row r="327055" spans="8:8">
      <c r="H327055" s="12"/>
    </row>
    <row r="327056" spans="8:8">
      <c r="H327056" s="12"/>
    </row>
    <row r="327057" spans="8:8">
      <c r="H327057" s="12"/>
    </row>
    <row r="327058" spans="8:8">
      <c r="H327058" s="12"/>
    </row>
    <row r="327059" spans="8:8">
      <c r="H327059" s="12"/>
    </row>
    <row r="327060" spans="8:8">
      <c r="H327060" s="12"/>
    </row>
    <row r="327061" spans="8:8">
      <c r="H327061" s="12"/>
    </row>
    <row r="327062" spans="8:8">
      <c r="H327062" s="12"/>
    </row>
    <row r="327063" spans="8:8">
      <c r="H327063" s="12"/>
    </row>
    <row r="327064" spans="8:8">
      <c r="H327064" s="12"/>
    </row>
    <row r="327065" spans="8:8">
      <c r="H327065" s="12"/>
    </row>
    <row r="327066" spans="8:8">
      <c r="H327066" s="12"/>
    </row>
    <row r="327067" spans="8:8">
      <c r="H327067" s="12"/>
    </row>
    <row r="327068" spans="8:8">
      <c r="H327068" s="12"/>
    </row>
    <row r="327069" spans="8:8">
      <c r="H327069" s="12"/>
    </row>
    <row r="327070" spans="8:8">
      <c r="H327070" s="12"/>
    </row>
    <row r="327071" spans="8:8">
      <c r="H327071" s="12"/>
    </row>
    <row r="327072" spans="8:8">
      <c r="H327072" s="12"/>
    </row>
    <row r="327073" spans="8:8">
      <c r="H327073" s="12"/>
    </row>
    <row r="327074" spans="8:8">
      <c r="H327074" s="12"/>
    </row>
    <row r="327075" spans="8:8">
      <c r="H327075" s="12"/>
    </row>
    <row r="327076" spans="8:8">
      <c r="H327076" s="12"/>
    </row>
    <row r="327077" spans="8:8">
      <c r="H327077" s="12"/>
    </row>
    <row r="327078" spans="8:8">
      <c r="H327078" s="12"/>
    </row>
    <row r="327079" spans="8:8">
      <c r="H327079" s="12"/>
    </row>
    <row r="327080" spans="8:8">
      <c r="H327080" s="12"/>
    </row>
    <row r="327081" spans="8:8">
      <c r="H327081" s="12"/>
    </row>
    <row r="327082" spans="8:8">
      <c r="H327082" s="12"/>
    </row>
    <row r="327083" spans="8:8">
      <c r="H327083" s="12"/>
    </row>
    <row r="327084" spans="8:8">
      <c r="H327084" s="12"/>
    </row>
    <row r="327085" spans="8:8">
      <c r="H327085" s="12"/>
    </row>
    <row r="327086" spans="8:8">
      <c r="H327086" s="12"/>
    </row>
    <row r="327087" spans="8:8">
      <c r="H327087" s="12"/>
    </row>
    <row r="327088" spans="8:8">
      <c r="H327088" s="12"/>
    </row>
    <row r="327089" spans="8:8">
      <c r="H327089" s="12"/>
    </row>
    <row r="327090" spans="8:8">
      <c r="H327090" s="12"/>
    </row>
    <row r="327091" spans="8:8">
      <c r="H327091" s="12"/>
    </row>
    <row r="327092" spans="8:8">
      <c r="H327092" s="12"/>
    </row>
    <row r="327093" spans="8:8">
      <c r="H327093" s="12"/>
    </row>
    <row r="327094" spans="8:8">
      <c r="H327094" s="12"/>
    </row>
    <row r="327095" spans="8:8">
      <c r="H327095" s="12"/>
    </row>
    <row r="327096" spans="8:8">
      <c r="H327096" s="12"/>
    </row>
    <row r="327097" spans="8:8">
      <c r="H327097" s="12"/>
    </row>
    <row r="327098" spans="8:8">
      <c r="H327098" s="12"/>
    </row>
    <row r="327099" spans="8:8">
      <c r="H327099" s="12"/>
    </row>
    <row r="327100" spans="8:8">
      <c r="H327100" s="12"/>
    </row>
    <row r="327101" spans="8:8">
      <c r="H327101" s="12"/>
    </row>
    <row r="327102" spans="8:8">
      <c r="H327102" s="12"/>
    </row>
    <row r="327103" spans="8:8">
      <c r="H327103" s="12"/>
    </row>
    <row r="327104" spans="8:8">
      <c r="H327104" s="12"/>
    </row>
    <row r="327105" spans="8:8">
      <c r="H327105" s="12"/>
    </row>
    <row r="327106" spans="8:8">
      <c r="H327106" s="12"/>
    </row>
    <row r="327107" spans="8:8">
      <c r="H327107" s="12"/>
    </row>
    <row r="327108" spans="8:8">
      <c r="H327108" s="12"/>
    </row>
    <row r="327109" spans="8:8">
      <c r="H327109" s="12"/>
    </row>
    <row r="327110" spans="8:8">
      <c r="H327110" s="12"/>
    </row>
    <row r="327111" spans="8:8">
      <c r="H327111" s="12"/>
    </row>
    <row r="327112" spans="8:8">
      <c r="H327112" s="12"/>
    </row>
    <row r="327113" spans="8:8">
      <c r="H327113" s="12"/>
    </row>
    <row r="327114" spans="8:8">
      <c r="H327114" s="12"/>
    </row>
    <row r="327115" spans="8:8">
      <c r="H327115" s="12"/>
    </row>
    <row r="327116" spans="8:8">
      <c r="H327116" s="12"/>
    </row>
    <row r="327117" spans="8:8">
      <c r="H327117" s="12"/>
    </row>
    <row r="327118" spans="8:8">
      <c r="H327118" s="12"/>
    </row>
    <row r="327119" spans="8:8">
      <c r="H327119" s="12"/>
    </row>
    <row r="327120" spans="8:8">
      <c r="H327120" s="12"/>
    </row>
    <row r="327121" spans="8:8">
      <c r="H327121" s="12"/>
    </row>
    <row r="327122" spans="8:8">
      <c r="H327122" s="12"/>
    </row>
    <row r="327123" spans="8:8">
      <c r="H327123" s="12"/>
    </row>
    <row r="327124" spans="8:8">
      <c r="H327124" s="12"/>
    </row>
    <row r="327125" spans="8:8">
      <c r="H327125" s="12"/>
    </row>
    <row r="327126" spans="8:8">
      <c r="H327126" s="12"/>
    </row>
    <row r="327127" spans="8:8">
      <c r="H327127" s="12"/>
    </row>
    <row r="327128" spans="8:8">
      <c r="H327128" s="12"/>
    </row>
    <row r="327129" spans="8:8">
      <c r="H327129" s="12"/>
    </row>
    <row r="327130" spans="8:8">
      <c r="H327130" s="12"/>
    </row>
    <row r="327131" spans="8:8">
      <c r="H327131" s="12"/>
    </row>
    <row r="327132" spans="8:8">
      <c r="H327132" s="12"/>
    </row>
    <row r="327133" spans="8:8">
      <c r="H327133" s="12"/>
    </row>
    <row r="327134" spans="8:8">
      <c r="H327134" s="12"/>
    </row>
    <row r="327135" spans="8:8">
      <c r="H327135" s="12"/>
    </row>
    <row r="327136" spans="8:8">
      <c r="H327136" s="12"/>
    </row>
    <row r="327137" spans="8:8">
      <c r="H327137" s="12"/>
    </row>
    <row r="327138" spans="8:8">
      <c r="H327138" s="12"/>
    </row>
    <row r="327139" spans="8:8">
      <c r="H327139" s="12"/>
    </row>
    <row r="327140" spans="8:8">
      <c r="H327140" s="12"/>
    </row>
    <row r="327141" spans="8:8">
      <c r="H327141" s="12"/>
    </row>
    <row r="327142" spans="8:8">
      <c r="H327142" s="12"/>
    </row>
    <row r="327143" spans="8:8">
      <c r="H327143" s="12"/>
    </row>
    <row r="327144" spans="8:8">
      <c r="H327144" s="12"/>
    </row>
    <row r="327145" spans="8:8">
      <c r="H327145" s="12"/>
    </row>
    <row r="327146" spans="8:8">
      <c r="H327146" s="12"/>
    </row>
    <row r="327147" spans="8:8">
      <c r="H327147" s="12"/>
    </row>
    <row r="327148" spans="8:8">
      <c r="H327148" s="12"/>
    </row>
    <row r="327149" spans="8:8">
      <c r="H327149" s="12"/>
    </row>
    <row r="327150" spans="8:8">
      <c r="H327150" s="12"/>
    </row>
    <row r="327151" spans="8:8">
      <c r="H327151" s="12"/>
    </row>
    <row r="327152" spans="8:8">
      <c r="H327152" s="12"/>
    </row>
    <row r="327153" spans="8:8">
      <c r="H327153" s="12"/>
    </row>
    <row r="327154" spans="8:8">
      <c r="H327154" s="12"/>
    </row>
    <row r="327155" spans="8:8">
      <c r="H327155" s="12"/>
    </row>
    <row r="327156" spans="8:8">
      <c r="H327156" s="12"/>
    </row>
    <row r="327157" spans="8:8">
      <c r="H327157" s="12"/>
    </row>
    <row r="327158" spans="8:8">
      <c r="H327158" s="12"/>
    </row>
    <row r="327159" spans="8:8">
      <c r="H327159" s="12"/>
    </row>
    <row r="327160" spans="8:8">
      <c r="H327160" s="12"/>
    </row>
    <row r="327161" spans="8:8">
      <c r="H327161" s="12"/>
    </row>
    <row r="327162" spans="8:8">
      <c r="H327162" s="12"/>
    </row>
    <row r="327163" spans="8:8">
      <c r="H327163" s="12"/>
    </row>
    <row r="327164" spans="8:8">
      <c r="H327164" s="12"/>
    </row>
    <row r="327165" spans="8:8">
      <c r="H327165" s="12"/>
    </row>
    <row r="327166" spans="8:8">
      <c r="H327166" s="12"/>
    </row>
    <row r="327167" spans="8:8">
      <c r="H327167" s="12"/>
    </row>
    <row r="327168" spans="8:8">
      <c r="H327168" s="12"/>
    </row>
    <row r="327169" spans="8:8">
      <c r="H327169" s="12"/>
    </row>
    <row r="327170" spans="8:8">
      <c r="H327170" s="12"/>
    </row>
    <row r="327171" spans="8:8">
      <c r="H327171" s="12"/>
    </row>
    <row r="327172" spans="8:8">
      <c r="H327172" s="12"/>
    </row>
    <row r="327173" spans="8:8">
      <c r="H327173" s="12"/>
    </row>
    <row r="327174" spans="8:8">
      <c r="H327174" s="12"/>
    </row>
    <row r="327175" spans="8:8">
      <c r="H327175" s="12"/>
    </row>
    <row r="327176" spans="8:8">
      <c r="H327176" s="12"/>
    </row>
    <row r="327177" spans="8:8">
      <c r="H327177" s="12"/>
    </row>
    <row r="327178" spans="8:8">
      <c r="H327178" s="12"/>
    </row>
    <row r="327179" spans="8:8">
      <c r="H327179" s="12"/>
    </row>
    <row r="327180" spans="8:8">
      <c r="H327180" s="12"/>
    </row>
    <row r="327181" spans="8:8">
      <c r="H327181" s="12"/>
    </row>
    <row r="327182" spans="8:8">
      <c r="H327182" s="12"/>
    </row>
    <row r="327183" spans="8:8">
      <c r="H327183" s="12"/>
    </row>
    <row r="327184" spans="8:8">
      <c r="H327184" s="12"/>
    </row>
    <row r="327185" spans="8:8">
      <c r="H327185" s="12"/>
    </row>
    <row r="327186" spans="8:8">
      <c r="H327186" s="12"/>
    </row>
    <row r="327187" spans="8:8">
      <c r="H327187" s="12"/>
    </row>
    <row r="327188" spans="8:8">
      <c r="H327188" s="12"/>
    </row>
    <row r="327189" spans="8:8">
      <c r="H327189" s="12"/>
    </row>
    <row r="327190" spans="8:8">
      <c r="H327190" s="12"/>
    </row>
    <row r="327191" spans="8:8">
      <c r="H327191" s="12"/>
    </row>
    <row r="327192" spans="8:8">
      <c r="H327192" s="12"/>
    </row>
    <row r="327193" spans="8:8">
      <c r="H327193" s="12"/>
    </row>
    <row r="327194" spans="8:8">
      <c r="H327194" s="12"/>
    </row>
    <row r="327195" spans="8:8">
      <c r="H327195" s="12"/>
    </row>
    <row r="327196" spans="8:8">
      <c r="H327196" s="12"/>
    </row>
    <row r="327197" spans="8:8">
      <c r="H327197" s="12"/>
    </row>
    <row r="327198" spans="8:8">
      <c r="H327198" s="12"/>
    </row>
    <row r="327199" spans="8:8">
      <c r="H327199" s="12"/>
    </row>
    <row r="327200" spans="8:8">
      <c r="H327200" s="12"/>
    </row>
    <row r="327201" spans="8:8">
      <c r="H327201" s="12"/>
    </row>
    <row r="327202" spans="8:8">
      <c r="H327202" s="12"/>
    </row>
    <row r="327203" spans="8:8">
      <c r="H327203" s="12"/>
    </row>
    <row r="327204" spans="8:8">
      <c r="H327204" s="12"/>
    </row>
    <row r="327205" spans="8:8">
      <c r="H327205" s="12"/>
    </row>
    <row r="327206" spans="8:8">
      <c r="H327206" s="12"/>
    </row>
    <row r="327207" spans="8:8">
      <c r="H327207" s="12"/>
    </row>
    <row r="327208" spans="8:8">
      <c r="H327208" s="12"/>
    </row>
    <row r="327209" spans="8:8">
      <c r="H327209" s="12"/>
    </row>
    <row r="327210" spans="8:8">
      <c r="H327210" s="12"/>
    </row>
    <row r="327211" spans="8:8">
      <c r="H327211" s="12"/>
    </row>
    <row r="327212" spans="8:8">
      <c r="H327212" s="12"/>
    </row>
    <row r="327213" spans="8:8">
      <c r="H327213" s="12"/>
    </row>
    <row r="327214" spans="8:8">
      <c r="H327214" s="12"/>
    </row>
    <row r="327215" spans="8:8">
      <c r="H327215" s="12"/>
    </row>
    <row r="327216" spans="8:8">
      <c r="H327216" s="12"/>
    </row>
    <row r="327217" spans="8:8">
      <c r="H327217" s="12"/>
    </row>
    <row r="327218" spans="8:8">
      <c r="H327218" s="12"/>
    </row>
    <row r="327219" spans="8:8">
      <c r="H327219" s="12"/>
    </row>
    <row r="327220" spans="8:8">
      <c r="H327220" s="12"/>
    </row>
    <row r="327221" spans="8:8">
      <c r="H327221" s="12"/>
    </row>
    <row r="327222" spans="8:8">
      <c r="H327222" s="12"/>
    </row>
    <row r="327223" spans="8:8">
      <c r="H327223" s="12"/>
    </row>
    <row r="327224" spans="8:8">
      <c r="H327224" s="12"/>
    </row>
    <row r="327225" spans="8:8">
      <c r="H327225" s="12"/>
    </row>
    <row r="327226" spans="8:8">
      <c r="H327226" s="12"/>
    </row>
    <row r="327227" spans="8:8">
      <c r="H327227" s="12"/>
    </row>
    <row r="327228" spans="8:8">
      <c r="H327228" s="12"/>
    </row>
    <row r="327229" spans="8:8">
      <c r="H327229" s="12"/>
    </row>
    <row r="327230" spans="8:8">
      <c r="H327230" s="12"/>
    </row>
    <row r="327231" spans="8:8">
      <c r="H327231" s="12"/>
    </row>
    <row r="327232" spans="8:8">
      <c r="H327232" s="12"/>
    </row>
    <row r="327233" spans="8:8">
      <c r="H327233" s="12"/>
    </row>
    <row r="327234" spans="8:8">
      <c r="H327234" s="12"/>
    </row>
    <row r="327235" spans="8:8">
      <c r="H327235" s="12"/>
    </row>
    <row r="327236" spans="8:8">
      <c r="H327236" s="12"/>
    </row>
    <row r="327237" spans="8:8">
      <c r="H327237" s="12"/>
    </row>
    <row r="327238" spans="8:8">
      <c r="H327238" s="12"/>
    </row>
    <row r="327239" spans="8:8">
      <c r="H327239" s="12"/>
    </row>
    <row r="327240" spans="8:8">
      <c r="H327240" s="12"/>
    </row>
    <row r="327241" spans="8:8">
      <c r="H327241" s="12"/>
    </row>
    <row r="327242" spans="8:8">
      <c r="H327242" s="12"/>
    </row>
    <row r="327243" spans="8:8">
      <c r="H327243" s="12"/>
    </row>
    <row r="327244" spans="8:8">
      <c r="H327244" s="12"/>
    </row>
    <row r="327245" spans="8:8">
      <c r="H327245" s="12"/>
    </row>
    <row r="327246" spans="8:8">
      <c r="H327246" s="12"/>
    </row>
    <row r="327247" spans="8:8">
      <c r="H327247" s="12"/>
    </row>
    <row r="327248" spans="8:8">
      <c r="H327248" s="12"/>
    </row>
    <row r="327249" spans="8:8">
      <c r="H327249" s="12"/>
    </row>
    <row r="327250" spans="8:8">
      <c r="H327250" s="12"/>
    </row>
    <row r="327251" spans="8:8">
      <c r="H327251" s="12"/>
    </row>
    <row r="327252" spans="8:8">
      <c r="H327252" s="12"/>
    </row>
    <row r="327253" spans="8:8">
      <c r="H327253" s="12"/>
    </row>
    <row r="327254" spans="8:8">
      <c r="H327254" s="12"/>
    </row>
    <row r="327255" spans="8:8">
      <c r="H327255" s="12"/>
    </row>
    <row r="327256" spans="8:8">
      <c r="H327256" s="12"/>
    </row>
    <row r="327257" spans="8:8">
      <c r="H327257" s="12"/>
    </row>
    <row r="327258" spans="8:8">
      <c r="H327258" s="12"/>
    </row>
    <row r="327259" spans="8:8">
      <c r="H327259" s="12"/>
    </row>
    <row r="327260" spans="8:8">
      <c r="H327260" s="12"/>
    </row>
    <row r="327261" spans="8:8">
      <c r="H327261" s="12"/>
    </row>
    <row r="327262" spans="8:8">
      <c r="H327262" s="12"/>
    </row>
    <row r="327263" spans="8:8">
      <c r="H327263" s="12"/>
    </row>
    <row r="327264" spans="8:8">
      <c r="H327264" s="12"/>
    </row>
    <row r="327265" spans="8:8">
      <c r="H327265" s="12"/>
    </row>
    <row r="327266" spans="8:8">
      <c r="H327266" s="12"/>
    </row>
    <row r="327267" spans="8:8">
      <c r="H327267" s="12"/>
    </row>
    <row r="327268" spans="8:8">
      <c r="H327268" s="12"/>
    </row>
    <row r="327269" spans="8:8">
      <c r="H327269" s="12"/>
    </row>
    <row r="327270" spans="8:8">
      <c r="H327270" s="12"/>
    </row>
    <row r="327271" spans="8:8">
      <c r="H327271" s="12"/>
    </row>
    <row r="327272" spans="8:8">
      <c r="H327272" s="12"/>
    </row>
    <row r="327273" spans="8:8">
      <c r="H327273" s="12"/>
    </row>
    <row r="327274" spans="8:8">
      <c r="H327274" s="12"/>
    </row>
    <row r="327275" spans="8:8">
      <c r="H327275" s="12"/>
    </row>
    <row r="327276" spans="8:8">
      <c r="H327276" s="12"/>
    </row>
    <row r="327277" spans="8:8">
      <c r="H327277" s="12"/>
    </row>
    <row r="327278" spans="8:8">
      <c r="H327278" s="12"/>
    </row>
    <row r="327279" spans="8:8">
      <c r="H327279" s="12"/>
    </row>
    <row r="327280" spans="8:8">
      <c r="H327280" s="12"/>
    </row>
    <row r="327281" spans="8:8">
      <c r="H327281" s="12"/>
    </row>
    <row r="327282" spans="8:8">
      <c r="H327282" s="12"/>
    </row>
    <row r="327283" spans="8:8">
      <c r="H327283" s="12"/>
    </row>
    <row r="327284" spans="8:8">
      <c r="H327284" s="12"/>
    </row>
    <row r="327285" spans="8:8">
      <c r="H327285" s="12"/>
    </row>
    <row r="327286" spans="8:8">
      <c r="H327286" s="12"/>
    </row>
    <row r="327287" spans="8:8">
      <c r="H327287" s="12"/>
    </row>
    <row r="327288" spans="8:8">
      <c r="H327288" s="12"/>
    </row>
    <row r="327289" spans="8:8">
      <c r="H327289" s="12"/>
    </row>
    <row r="327290" spans="8:8">
      <c r="H327290" s="12"/>
    </row>
    <row r="327291" spans="8:8">
      <c r="H327291" s="12"/>
    </row>
    <row r="327292" spans="8:8">
      <c r="H327292" s="12"/>
    </row>
    <row r="327293" spans="8:8">
      <c r="H327293" s="12"/>
    </row>
    <row r="327294" spans="8:8">
      <c r="H327294" s="12"/>
    </row>
    <row r="327295" spans="8:8">
      <c r="H327295" s="12"/>
    </row>
    <row r="327296" spans="8:8">
      <c r="H327296" s="12"/>
    </row>
    <row r="327297" spans="8:8">
      <c r="H327297" s="12"/>
    </row>
    <row r="327298" spans="8:8">
      <c r="H327298" s="12"/>
    </row>
    <row r="327299" spans="8:8">
      <c r="H327299" s="12"/>
    </row>
    <row r="327300" spans="8:8">
      <c r="H327300" s="12"/>
    </row>
    <row r="327301" spans="8:8">
      <c r="H327301" s="12"/>
    </row>
    <row r="327302" spans="8:8">
      <c r="H327302" s="12"/>
    </row>
    <row r="327303" spans="8:8">
      <c r="H327303" s="12"/>
    </row>
    <row r="327304" spans="8:8">
      <c r="H327304" s="12"/>
    </row>
    <row r="327305" spans="8:8">
      <c r="H327305" s="12"/>
    </row>
    <row r="327306" spans="8:8">
      <c r="H327306" s="12"/>
    </row>
    <row r="327307" spans="8:8">
      <c r="H327307" s="12"/>
    </row>
    <row r="327308" spans="8:8">
      <c r="H327308" s="12"/>
    </row>
    <row r="327309" spans="8:8">
      <c r="H327309" s="12"/>
    </row>
    <row r="327310" spans="8:8">
      <c r="H327310" s="12"/>
    </row>
    <row r="327311" spans="8:8">
      <c r="H327311" s="12"/>
    </row>
    <row r="327312" spans="8:8">
      <c r="H327312" s="12"/>
    </row>
    <row r="327313" spans="8:8">
      <c r="H327313" s="12"/>
    </row>
    <row r="327314" spans="8:8">
      <c r="H327314" s="12"/>
    </row>
    <row r="327315" spans="8:8">
      <c r="H327315" s="12"/>
    </row>
    <row r="327316" spans="8:8">
      <c r="H327316" s="12"/>
    </row>
    <row r="327317" spans="8:8">
      <c r="H327317" s="12"/>
    </row>
    <row r="327318" spans="8:8">
      <c r="H327318" s="12"/>
    </row>
    <row r="327319" spans="8:8">
      <c r="H327319" s="12"/>
    </row>
    <row r="327320" spans="8:8">
      <c r="H327320" s="12"/>
    </row>
    <row r="327321" spans="8:8">
      <c r="H327321" s="12"/>
    </row>
    <row r="327322" spans="8:8">
      <c r="H327322" s="12"/>
    </row>
    <row r="327323" spans="8:8">
      <c r="H327323" s="12"/>
    </row>
    <row r="327324" spans="8:8">
      <c r="H327324" s="12"/>
    </row>
    <row r="327325" spans="8:8">
      <c r="H327325" s="12"/>
    </row>
    <row r="327326" spans="8:8">
      <c r="H327326" s="12"/>
    </row>
    <row r="327327" spans="8:8">
      <c r="H327327" s="12"/>
    </row>
    <row r="327328" spans="8:8">
      <c r="H327328" s="12"/>
    </row>
    <row r="327329" spans="8:8">
      <c r="H327329" s="12"/>
    </row>
    <row r="327330" spans="8:8">
      <c r="H327330" s="12"/>
    </row>
    <row r="327331" spans="8:8">
      <c r="H327331" s="12"/>
    </row>
    <row r="327332" spans="8:8">
      <c r="H327332" s="12"/>
    </row>
    <row r="327333" spans="8:8">
      <c r="H327333" s="12"/>
    </row>
    <row r="327334" spans="8:8">
      <c r="H327334" s="12"/>
    </row>
    <row r="327335" spans="8:8">
      <c r="H327335" s="12"/>
    </row>
    <row r="327336" spans="8:8">
      <c r="H327336" s="12"/>
    </row>
    <row r="327337" spans="8:8">
      <c r="H327337" s="12"/>
    </row>
    <row r="327338" spans="8:8">
      <c r="H327338" s="12"/>
    </row>
    <row r="327339" spans="8:8">
      <c r="H327339" s="12"/>
    </row>
    <row r="327340" spans="8:8">
      <c r="H327340" s="12"/>
    </row>
    <row r="327341" spans="8:8">
      <c r="H327341" s="12"/>
    </row>
    <row r="327342" spans="8:8">
      <c r="H327342" s="12"/>
    </row>
    <row r="327343" spans="8:8">
      <c r="H327343" s="12"/>
    </row>
    <row r="327344" spans="8:8">
      <c r="H327344" s="12"/>
    </row>
    <row r="327345" spans="8:8">
      <c r="H327345" s="12"/>
    </row>
    <row r="327346" spans="8:8">
      <c r="H327346" s="12"/>
    </row>
    <row r="327347" spans="8:8">
      <c r="H327347" s="12"/>
    </row>
    <row r="327348" spans="8:8">
      <c r="H327348" s="12"/>
    </row>
    <row r="327349" spans="8:8">
      <c r="H327349" s="12"/>
    </row>
    <row r="327350" spans="8:8">
      <c r="H327350" s="12"/>
    </row>
    <row r="327351" spans="8:8">
      <c r="H327351" s="12"/>
    </row>
    <row r="327352" spans="8:8">
      <c r="H327352" s="12"/>
    </row>
    <row r="327353" spans="8:8">
      <c r="H327353" s="12"/>
    </row>
    <row r="327354" spans="8:8">
      <c r="H327354" s="12"/>
    </row>
    <row r="327355" spans="8:8">
      <c r="H327355" s="12"/>
    </row>
    <row r="327356" spans="8:8">
      <c r="H327356" s="12"/>
    </row>
    <row r="327357" spans="8:8">
      <c r="H327357" s="12"/>
    </row>
    <row r="327358" spans="8:8">
      <c r="H327358" s="12"/>
    </row>
    <row r="327359" spans="8:8">
      <c r="H327359" s="12"/>
    </row>
    <row r="327360" spans="8:8">
      <c r="H327360" s="12"/>
    </row>
    <row r="327361" spans="8:8">
      <c r="H327361" s="12"/>
    </row>
    <row r="327362" spans="8:8">
      <c r="H327362" s="12"/>
    </row>
    <row r="327363" spans="8:8">
      <c r="H327363" s="12"/>
    </row>
    <row r="327364" spans="8:8">
      <c r="H327364" s="12"/>
    </row>
    <row r="327365" spans="8:8">
      <c r="H327365" s="12"/>
    </row>
    <row r="327366" spans="8:8">
      <c r="H327366" s="12"/>
    </row>
    <row r="327367" spans="8:8">
      <c r="H327367" s="12"/>
    </row>
    <row r="327368" spans="8:8">
      <c r="H327368" s="12"/>
    </row>
    <row r="327369" spans="8:8">
      <c r="H327369" s="12"/>
    </row>
    <row r="327370" spans="8:8">
      <c r="H327370" s="12"/>
    </row>
    <row r="327371" spans="8:8">
      <c r="H327371" s="12"/>
    </row>
    <row r="327372" spans="8:8">
      <c r="H327372" s="12"/>
    </row>
    <row r="327373" spans="8:8">
      <c r="H327373" s="12"/>
    </row>
    <row r="327374" spans="8:8">
      <c r="H327374" s="12"/>
    </row>
    <row r="327375" spans="8:8">
      <c r="H327375" s="12"/>
    </row>
    <row r="327376" spans="8:8">
      <c r="H327376" s="12"/>
    </row>
    <row r="327377" spans="8:8">
      <c r="H327377" s="12"/>
    </row>
    <row r="327378" spans="8:8">
      <c r="H327378" s="12"/>
    </row>
    <row r="327379" spans="8:8">
      <c r="H327379" s="12"/>
    </row>
    <row r="327380" spans="8:8">
      <c r="H327380" s="12"/>
    </row>
    <row r="327381" spans="8:8">
      <c r="H327381" s="12"/>
    </row>
    <row r="327382" spans="8:8">
      <c r="H327382" s="12"/>
    </row>
    <row r="327383" spans="8:8">
      <c r="H327383" s="12"/>
    </row>
    <row r="327384" spans="8:8">
      <c r="H327384" s="12"/>
    </row>
    <row r="327385" spans="8:8">
      <c r="H327385" s="12"/>
    </row>
    <row r="327386" spans="8:8">
      <c r="H327386" s="12"/>
    </row>
    <row r="327387" spans="8:8">
      <c r="H327387" s="12"/>
    </row>
    <row r="327388" spans="8:8">
      <c r="H327388" s="12"/>
    </row>
    <row r="327389" spans="8:8">
      <c r="H327389" s="12"/>
    </row>
    <row r="327390" spans="8:8">
      <c r="H327390" s="12"/>
    </row>
    <row r="327391" spans="8:8">
      <c r="H327391" s="12"/>
    </row>
    <row r="327392" spans="8:8">
      <c r="H327392" s="12"/>
    </row>
    <row r="327393" spans="8:8">
      <c r="H327393" s="12"/>
    </row>
    <row r="327394" spans="8:8">
      <c r="H327394" s="12"/>
    </row>
    <row r="327395" spans="8:8">
      <c r="H327395" s="12"/>
    </row>
    <row r="327396" spans="8:8">
      <c r="H327396" s="12"/>
    </row>
    <row r="327397" spans="8:8">
      <c r="H327397" s="12"/>
    </row>
    <row r="327398" spans="8:8">
      <c r="H327398" s="12"/>
    </row>
    <row r="327399" spans="8:8">
      <c r="H327399" s="12"/>
    </row>
    <row r="327400" spans="8:8">
      <c r="H327400" s="12"/>
    </row>
    <row r="327401" spans="8:8">
      <c r="H327401" s="12"/>
    </row>
    <row r="327402" spans="8:8">
      <c r="H327402" s="12"/>
    </row>
    <row r="327403" spans="8:8">
      <c r="H327403" s="12"/>
    </row>
    <row r="327404" spans="8:8">
      <c r="H327404" s="12"/>
    </row>
    <row r="327405" spans="8:8">
      <c r="H327405" s="12"/>
    </row>
    <row r="327406" spans="8:8">
      <c r="H327406" s="12"/>
    </row>
    <row r="327407" spans="8:8">
      <c r="H327407" s="12"/>
    </row>
    <row r="327408" spans="8:8">
      <c r="H327408" s="12"/>
    </row>
    <row r="327409" spans="8:8">
      <c r="H327409" s="12"/>
    </row>
    <row r="327410" spans="8:8">
      <c r="H327410" s="12"/>
    </row>
    <row r="327411" spans="8:8">
      <c r="H327411" s="12"/>
    </row>
    <row r="327412" spans="8:8">
      <c r="H327412" s="12"/>
    </row>
    <row r="327413" spans="8:8">
      <c r="H327413" s="12"/>
    </row>
    <row r="327414" spans="8:8">
      <c r="H327414" s="12"/>
    </row>
    <row r="327415" spans="8:8">
      <c r="H327415" s="12"/>
    </row>
    <row r="327416" spans="8:8">
      <c r="H327416" s="12"/>
    </row>
    <row r="327417" spans="8:8">
      <c r="H327417" s="12"/>
    </row>
    <row r="327418" spans="8:8">
      <c r="H327418" s="12"/>
    </row>
    <row r="327419" spans="8:8">
      <c r="H327419" s="12"/>
    </row>
    <row r="327420" spans="8:8">
      <c r="H327420" s="12"/>
    </row>
    <row r="327421" spans="8:8">
      <c r="H327421" s="12"/>
    </row>
    <row r="327422" spans="8:8">
      <c r="H327422" s="12"/>
    </row>
    <row r="327423" spans="8:8">
      <c r="H327423" s="12"/>
    </row>
    <row r="327424" spans="8:8">
      <c r="H327424" s="12"/>
    </row>
    <row r="327425" spans="8:8">
      <c r="H327425" s="12"/>
    </row>
    <row r="327426" spans="8:8">
      <c r="H327426" s="12"/>
    </row>
    <row r="327427" spans="8:8">
      <c r="H327427" s="12"/>
    </row>
    <row r="327428" spans="8:8">
      <c r="H327428" s="12"/>
    </row>
    <row r="327429" spans="8:8">
      <c r="H327429" s="12"/>
    </row>
    <row r="327430" spans="8:8">
      <c r="H327430" s="12"/>
    </row>
    <row r="327431" spans="8:8">
      <c r="H327431" s="12"/>
    </row>
    <row r="327432" spans="8:8">
      <c r="H327432" s="12"/>
    </row>
    <row r="327433" spans="8:8">
      <c r="H327433" s="12"/>
    </row>
    <row r="327434" spans="8:8">
      <c r="H327434" s="12"/>
    </row>
    <row r="327435" spans="8:8">
      <c r="H327435" s="12"/>
    </row>
    <row r="327436" spans="8:8">
      <c r="H327436" s="12"/>
    </row>
    <row r="327437" spans="8:8">
      <c r="H327437" s="12"/>
    </row>
    <row r="327438" spans="8:8">
      <c r="H327438" s="12"/>
    </row>
    <row r="327439" spans="8:8">
      <c r="H327439" s="12"/>
    </row>
    <row r="327440" spans="8:8">
      <c r="H327440" s="12"/>
    </row>
    <row r="327441" spans="8:8">
      <c r="H327441" s="12"/>
    </row>
    <row r="327442" spans="8:8">
      <c r="H327442" s="12"/>
    </row>
    <row r="327443" spans="8:8">
      <c r="H327443" s="12"/>
    </row>
    <row r="327444" spans="8:8">
      <c r="H327444" s="12"/>
    </row>
    <row r="327445" spans="8:8">
      <c r="H327445" s="12"/>
    </row>
    <row r="327446" spans="8:8">
      <c r="H327446" s="12"/>
    </row>
    <row r="327447" spans="8:8">
      <c r="H327447" s="12"/>
    </row>
    <row r="327448" spans="8:8">
      <c r="H327448" s="12"/>
    </row>
    <row r="327449" spans="8:8">
      <c r="H327449" s="12"/>
    </row>
    <row r="327450" spans="8:8">
      <c r="H327450" s="12"/>
    </row>
    <row r="327451" spans="8:8">
      <c r="H327451" s="12"/>
    </row>
    <row r="327452" spans="8:8">
      <c r="H327452" s="12"/>
    </row>
    <row r="327453" spans="8:8">
      <c r="H327453" s="12"/>
    </row>
    <row r="327454" spans="8:8">
      <c r="H327454" s="12"/>
    </row>
    <row r="327455" spans="8:8">
      <c r="H327455" s="12"/>
    </row>
    <row r="327456" spans="8:8">
      <c r="H327456" s="12"/>
    </row>
    <row r="327457" spans="8:8">
      <c r="H327457" s="12"/>
    </row>
    <row r="327458" spans="8:8">
      <c r="H327458" s="12"/>
    </row>
    <row r="327459" spans="8:8">
      <c r="H327459" s="12"/>
    </row>
    <row r="327460" spans="8:8">
      <c r="H327460" s="12"/>
    </row>
    <row r="327461" spans="8:8">
      <c r="H327461" s="12"/>
    </row>
    <row r="327462" spans="8:8">
      <c r="H327462" s="12"/>
    </row>
    <row r="327463" spans="8:8">
      <c r="H327463" s="12"/>
    </row>
    <row r="327464" spans="8:8">
      <c r="H327464" s="12"/>
    </row>
    <row r="327465" spans="8:8">
      <c r="H327465" s="12"/>
    </row>
    <row r="327466" spans="8:8">
      <c r="H327466" s="12"/>
    </row>
    <row r="327467" spans="8:8">
      <c r="H327467" s="12"/>
    </row>
    <row r="327468" spans="8:8">
      <c r="H327468" s="12"/>
    </row>
    <row r="327469" spans="8:8">
      <c r="H327469" s="12"/>
    </row>
    <row r="327470" spans="8:8">
      <c r="H327470" s="12"/>
    </row>
    <row r="327471" spans="8:8">
      <c r="H327471" s="12"/>
    </row>
    <row r="327472" spans="8:8">
      <c r="H327472" s="12"/>
    </row>
    <row r="327473" spans="8:8">
      <c r="H327473" s="12"/>
    </row>
    <row r="327474" spans="8:8">
      <c r="H327474" s="12"/>
    </row>
    <row r="327475" spans="8:8">
      <c r="H327475" s="12"/>
    </row>
    <row r="327476" spans="8:8">
      <c r="H327476" s="12"/>
    </row>
    <row r="327477" spans="8:8">
      <c r="H327477" s="12"/>
    </row>
    <row r="327478" spans="8:8">
      <c r="H327478" s="12"/>
    </row>
    <row r="327479" spans="8:8">
      <c r="H327479" s="12"/>
    </row>
    <row r="327480" spans="8:8">
      <c r="H327480" s="12"/>
    </row>
    <row r="327481" spans="8:8">
      <c r="H327481" s="12"/>
    </row>
    <row r="327482" spans="8:8">
      <c r="H327482" s="12"/>
    </row>
    <row r="327483" spans="8:8">
      <c r="H327483" s="12"/>
    </row>
    <row r="327484" spans="8:8">
      <c r="H327484" s="12"/>
    </row>
    <row r="327485" spans="8:8">
      <c r="H327485" s="12"/>
    </row>
    <row r="327486" spans="8:8">
      <c r="H327486" s="12"/>
    </row>
    <row r="327487" spans="8:8">
      <c r="H327487" s="12"/>
    </row>
    <row r="327488" spans="8:8">
      <c r="H327488" s="12"/>
    </row>
    <row r="327489" spans="8:8">
      <c r="H327489" s="12"/>
    </row>
    <row r="327490" spans="8:8">
      <c r="H327490" s="12"/>
    </row>
    <row r="327491" spans="8:8">
      <c r="H327491" s="12"/>
    </row>
    <row r="327492" spans="8:8">
      <c r="H327492" s="12"/>
    </row>
    <row r="327493" spans="8:8">
      <c r="H327493" s="12"/>
    </row>
    <row r="327494" spans="8:8">
      <c r="H327494" s="12"/>
    </row>
    <row r="327495" spans="8:8">
      <c r="H327495" s="12"/>
    </row>
    <row r="327496" spans="8:8">
      <c r="H327496" s="12"/>
    </row>
    <row r="327497" spans="8:8">
      <c r="H327497" s="12"/>
    </row>
    <row r="327498" spans="8:8">
      <c r="H327498" s="12"/>
    </row>
    <row r="327499" spans="8:8">
      <c r="H327499" s="12"/>
    </row>
    <row r="327500" spans="8:8">
      <c r="H327500" s="12"/>
    </row>
    <row r="327501" spans="8:8">
      <c r="H327501" s="12"/>
    </row>
    <row r="327502" spans="8:8">
      <c r="H327502" s="12"/>
    </row>
    <row r="327503" spans="8:8">
      <c r="H327503" s="12"/>
    </row>
    <row r="327504" spans="8:8">
      <c r="H327504" s="12"/>
    </row>
    <row r="327505" spans="8:8">
      <c r="H327505" s="12"/>
    </row>
    <row r="327506" spans="8:8">
      <c r="H327506" s="12"/>
    </row>
    <row r="327507" spans="8:8">
      <c r="H327507" s="12"/>
    </row>
    <row r="327508" spans="8:8">
      <c r="H327508" s="12"/>
    </row>
    <row r="327509" spans="8:8">
      <c r="H327509" s="12"/>
    </row>
    <row r="327510" spans="8:8">
      <c r="H327510" s="12"/>
    </row>
    <row r="327511" spans="8:8">
      <c r="H327511" s="12"/>
    </row>
    <row r="327512" spans="8:8">
      <c r="H327512" s="12"/>
    </row>
    <row r="327513" spans="8:8">
      <c r="H327513" s="12"/>
    </row>
    <row r="327514" spans="8:8">
      <c r="H327514" s="12"/>
    </row>
    <row r="327515" spans="8:8">
      <c r="H327515" s="12"/>
    </row>
    <row r="327516" spans="8:8">
      <c r="H327516" s="12"/>
    </row>
    <row r="327517" spans="8:8">
      <c r="H327517" s="12"/>
    </row>
    <row r="327518" spans="8:8">
      <c r="H327518" s="12"/>
    </row>
    <row r="327519" spans="8:8">
      <c r="H327519" s="12"/>
    </row>
    <row r="327520" spans="8:8">
      <c r="H327520" s="12"/>
    </row>
    <row r="327521" spans="8:8">
      <c r="H327521" s="12"/>
    </row>
    <row r="327522" spans="8:8">
      <c r="H327522" s="12"/>
    </row>
    <row r="327523" spans="8:8">
      <c r="H327523" s="12"/>
    </row>
    <row r="327524" spans="8:8">
      <c r="H327524" s="12"/>
    </row>
    <row r="327525" spans="8:8">
      <c r="H327525" s="12"/>
    </row>
    <row r="327526" spans="8:8">
      <c r="H327526" s="12"/>
    </row>
    <row r="327527" spans="8:8">
      <c r="H327527" s="12"/>
    </row>
    <row r="327528" spans="8:8">
      <c r="H327528" s="12"/>
    </row>
    <row r="327529" spans="8:8">
      <c r="H327529" s="12"/>
    </row>
    <row r="327530" spans="8:8">
      <c r="H327530" s="12"/>
    </row>
    <row r="327531" spans="8:8">
      <c r="H327531" s="12"/>
    </row>
    <row r="327532" spans="8:8">
      <c r="H327532" s="12"/>
    </row>
    <row r="327533" spans="8:8">
      <c r="H327533" s="12"/>
    </row>
    <row r="327534" spans="8:8">
      <c r="H327534" s="12"/>
    </row>
    <row r="327535" spans="8:8">
      <c r="H327535" s="12"/>
    </row>
    <row r="327536" spans="8:8">
      <c r="H327536" s="12"/>
    </row>
    <row r="327537" spans="8:8">
      <c r="H327537" s="12"/>
    </row>
    <row r="327538" spans="8:8">
      <c r="H327538" s="12"/>
    </row>
    <row r="327539" spans="8:8">
      <c r="H327539" s="12"/>
    </row>
    <row r="327540" spans="8:8">
      <c r="H327540" s="12"/>
    </row>
    <row r="327541" spans="8:8">
      <c r="H327541" s="12"/>
    </row>
    <row r="327542" spans="8:8">
      <c r="H327542" s="12"/>
    </row>
    <row r="327543" spans="8:8">
      <c r="H327543" s="12"/>
    </row>
    <row r="327544" spans="8:8">
      <c r="H327544" s="12"/>
    </row>
    <row r="327545" spans="8:8">
      <c r="H327545" s="12"/>
    </row>
    <row r="327546" spans="8:8">
      <c r="H327546" s="12"/>
    </row>
    <row r="327547" spans="8:8">
      <c r="H327547" s="12"/>
    </row>
    <row r="327548" spans="8:8">
      <c r="H327548" s="12"/>
    </row>
    <row r="327549" spans="8:8">
      <c r="H327549" s="12"/>
    </row>
    <row r="327550" spans="8:8">
      <c r="H327550" s="12"/>
    </row>
    <row r="327551" spans="8:8">
      <c r="H327551" s="12"/>
    </row>
    <row r="327552" spans="8:8">
      <c r="H327552" s="12"/>
    </row>
    <row r="327553" spans="8:8">
      <c r="H327553" s="12"/>
    </row>
    <row r="327554" spans="8:8">
      <c r="H327554" s="12"/>
    </row>
    <row r="327555" spans="8:8">
      <c r="H327555" s="12"/>
    </row>
    <row r="327556" spans="8:8">
      <c r="H327556" s="12"/>
    </row>
    <row r="327557" spans="8:8">
      <c r="H327557" s="12"/>
    </row>
    <row r="327558" spans="8:8">
      <c r="H327558" s="12"/>
    </row>
    <row r="327559" spans="8:8">
      <c r="H327559" s="12"/>
    </row>
    <row r="327560" spans="8:8">
      <c r="H327560" s="12"/>
    </row>
    <row r="327561" spans="8:8">
      <c r="H327561" s="12"/>
    </row>
    <row r="327562" spans="8:8">
      <c r="H327562" s="12"/>
    </row>
    <row r="327563" spans="8:8">
      <c r="H327563" s="12"/>
    </row>
    <row r="327564" spans="8:8">
      <c r="H327564" s="12"/>
    </row>
    <row r="327565" spans="8:8">
      <c r="H327565" s="12"/>
    </row>
    <row r="327566" spans="8:8">
      <c r="H327566" s="12"/>
    </row>
    <row r="327567" spans="8:8">
      <c r="H327567" s="12"/>
    </row>
    <row r="327568" spans="8:8">
      <c r="H327568" s="12"/>
    </row>
    <row r="327569" spans="8:8">
      <c r="H327569" s="12"/>
    </row>
    <row r="327570" spans="8:8">
      <c r="H327570" s="12"/>
    </row>
    <row r="327571" spans="8:8">
      <c r="H327571" s="12"/>
    </row>
    <row r="327572" spans="8:8">
      <c r="H327572" s="12"/>
    </row>
    <row r="327573" spans="8:8">
      <c r="H327573" s="12"/>
    </row>
    <row r="327574" spans="8:8">
      <c r="H327574" s="12"/>
    </row>
    <row r="327575" spans="8:8">
      <c r="H327575" s="12"/>
    </row>
    <row r="327576" spans="8:8">
      <c r="H327576" s="12"/>
    </row>
    <row r="327577" spans="8:8">
      <c r="H327577" s="12"/>
    </row>
    <row r="327578" spans="8:8">
      <c r="H327578" s="12"/>
    </row>
    <row r="327579" spans="8:8">
      <c r="H327579" s="12"/>
    </row>
    <row r="327580" spans="8:8">
      <c r="H327580" s="12"/>
    </row>
    <row r="327581" spans="8:8">
      <c r="H327581" s="12"/>
    </row>
    <row r="327582" spans="8:8">
      <c r="H327582" s="12"/>
    </row>
    <row r="327583" spans="8:8">
      <c r="H327583" s="12"/>
    </row>
    <row r="327584" spans="8:8">
      <c r="H327584" s="12"/>
    </row>
    <row r="327585" spans="8:8">
      <c r="H327585" s="12"/>
    </row>
    <row r="327586" spans="8:8">
      <c r="H327586" s="12"/>
    </row>
    <row r="327587" spans="8:8">
      <c r="H327587" s="12"/>
    </row>
    <row r="327588" spans="8:8">
      <c r="H327588" s="12"/>
    </row>
    <row r="327589" spans="8:8">
      <c r="H327589" s="12"/>
    </row>
    <row r="327590" spans="8:8">
      <c r="H327590" s="12"/>
    </row>
    <row r="327591" spans="8:8">
      <c r="H327591" s="12"/>
    </row>
    <row r="327592" spans="8:8">
      <c r="H327592" s="12"/>
    </row>
    <row r="327593" spans="8:8">
      <c r="H327593" s="12"/>
    </row>
    <row r="327594" spans="8:8">
      <c r="H327594" s="12"/>
    </row>
    <row r="327595" spans="8:8">
      <c r="H327595" s="12"/>
    </row>
    <row r="327596" spans="8:8">
      <c r="H327596" s="12"/>
    </row>
    <row r="327597" spans="8:8">
      <c r="H327597" s="12"/>
    </row>
    <row r="327598" spans="8:8">
      <c r="H327598" s="12"/>
    </row>
    <row r="327599" spans="8:8">
      <c r="H327599" s="12"/>
    </row>
    <row r="327600" spans="8:8">
      <c r="H327600" s="12"/>
    </row>
    <row r="327601" spans="8:8">
      <c r="H327601" s="12"/>
    </row>
    <row r="327602" spans="8:8">
      <c r="H327602" s="12"/>
    </row>
    <row r="327603" spans="8:8">
      <c r="H327603" s="12"/>
    </row>
    <row r="327604" spans="8:8">
      <c r="H327604" s="12"/>
    </row>
    <row r="327605" spans="8:8">
      <c r="H327605" s="12"/>
    </row>
    <row r="327606" spans="8:8">
      <c r="H327606" s="12"/>
    </row>
    <row r="327607" spans="8:8">
      <c r="H327607" s="12"/>
    </row>
    <row r="327608" spans="8:8">
      <c r="H327608" s="12"/>
    </row>
    <row r="327609" spans="8:8">
      <c r="H327609" s="12"/>
    </row>
    <row r="327610" spans="8:8">
      <c r="H327610" s="12"/>
    </row>
    <row r="327611" spans="8:8">
      <c r="H327611" s="12"/>
    </row>
    <row r="327612" spans="8:8">
      <c r="H327612" s="12"/>
    </row>
    <row r="327613" spans="8:8">
      <c r="H327613" s="12"/>
    </row>
    <row r="327614" spans="8:8">
      <c r="H327614" s="12"/>
    </row>
    <row r="327615" spans="8:8">
      <c r="H327615" s="12"/>
    </row>
    <row r="327616" spans="8:8">
      <c r="H327616" s="12"/>
    </row>
    <row r="327617" spans="8:8">
      <c r="H327617" s="12"/>
    </row>
    <row r="327618" spans="8:8">
      <c r="H327618" s="12"/>
    </row>
    <row r="327619" spans="8:8">
      <c r="H327619" s="12"/>
    </row>
    <row r="327620" spans="8:8">
      <c r="H327620" s="12"/>
    </row>
    <row r="327621" spans="8:8">
      <c r="H327621" s="12"/>
    </row>
    <row r="327622" spans="8:8">
      <c r="H327622" s="12"/>
    </row>
    <row r="327623" spans="8:8">
      <c r="H327623" s="12"/>
    </row>
    <row r="327624" spans="8:8">
      <c r="H327624" s="12"/>
    </row>
    <row r="327625" spans="8:8">
      <c r="H327625" s="12"/>
    </row>
    <row r="327626" spans="8:8">
      <c r="H327626" s="12"/>
    </row>
    <row r="327627" spans="8:8">
      <c r="H327627" s="12"/>
    </row>
    <row r="327628" spans="8:8">
      <c r="H327628" s="12"/>
    </row>
    <row r="327629" spans="8:8">
      <c r="H327629" s="12"/>
    </row>
    <row r="327630" spans="8:8">
      <c r="H327630" s="12"/>
    </row>
    <row r="327631" spans="8:8">
      <c r="H327631" s="12"/>
    </row>
    <row r="327632" spans="8:8">
      <c r="H327632" s="12"/>
    </row>
    <row r="327633" spans="8:8">
      <c r="H327633" s="12"/>
    </row>
    <row r="327634" spans="8:8">
      <c r="H327634" s="12"/>
    </row>
    <row r="327635" spans="8:8">
      <c r="H327635" s="12"/>
    </row>
    <row r="327636" spans="8:8">
      <c r="H327636" s="12"/>
    </row>
    <row r="327637" spans="8:8">
      <c r="H327637" s="12"/>
    </row>
    <row r="327638" spans="8:8">
      <c r="H327638" s="12"/>
    </row>
    <row r="327639" spans="8:8">
      <c r="H327639" s="12"/>
    </row>
    <row r="327640" spans="8:8">
      <c r="H327640" s="12"/>
    </row>
    <row r="327641" spans="8:8">
      <c r="H327641" s="12"/>
    </row>
    <row r="327642" spans="8:8">
      <c r="H327642" s="12"/>
    </row>
    <row r="327643" spans="8:8">
      <c r="H327643" s="12"/>
    </row>
    <row r="327644" spans="8:8">
      <c r="H327644" s="12"/>
    </row>
    <row r="327645" spans="8:8">
      <c r="H327645" s="12"/>
    </row>
    <row r="327646" spans="8:8">
      <c r="H327646" s="12"/>
    </row>
    <row r="327647" spans="8:8">
      <c r="H327647" s="12"/>
    </row>
    <row r="327648" spans="8:8">
      <c r="H327648" s="12"/>
    </row>
    <row r="327649" spans="8:8">
      <c r="H327649" s="12"/>
    </row>
    <row r="327650" spans="8:8">
      <c r="H327650" s="12"/>
    </row>
    <row r="327651" spans="8:8">
      <c r="H327651" s="12"/>
    </row>
    <row r="327652" spans="8:8">
      <c r="H327652" s="12"/>
    </row>
    <row r="327653" spans="8:8">
      <c r="H327653" s="12"/>
    </row>
    <row r="327654" spans="8:8">
      <c r="H327654" s="12"/>
    </row>
    <row r="327655" spans="8:8">
      <c r="H327655" s="12"/>
    </row>
    <row r="327656" spans="8:8">
      <c r="H327656" s="12"/>
    </row>
    <row r="327657" spans="8:8">
      <c r="H327657" s="12"/>
    </row>
    <row r="327658" spans="8:8">
      <c r="H327658" s="12"/>
    </row>
    <row r="327659" spans="8:8">
      <c r="H327659" s="12"/>
    </row>
    <row r="327660" spans="8:8">
      <c r="H327660" s="12"/>
    </row>
    <row r="327661" spans="8:8">
      <c r="H327661" s="12"/>
    </row>
    <row r="327662" spans="8:8">
      <c r="H327662" s="12"/>
    </row>
    <row r="327663" spans="8:8">
      <c r="H327663" s="12"/>
    </row>
    <row r="327664" spans="8:8">
      <c r="H327664" s="12"/>
    </row>
    <row r="327665" spans="8:8">
      <c r="H327665" s="12"/>
    </row>
    <row r="327666" spans="8:8">
      <c r="H327666" s="12"/>
    </row>
    <row r="327667" spans="8:8">
      <c r="H327667" s="12"/>
    </row>
    <row r="327668" spans="8:8">
      <c r="H327668" s="12"/>
    </row>
    <row r="327669" spans="8:8">
      <c r="H327669" s="12"/>
    </row>
    <row r="327670" spans="8:8">
      <c r="H327670" s="12"/>
    </row>
    <row r="327671" spans="8:8">
      <c r="H327671" s="12"/>
    </row>
    <row r="327672" spans="8:8">
      <c r="H327672" s="12"/>
    </row>
    <row r="327673" spans="8:8">
      <c r="H327673" s="12"/>
    </row>
    <row r="327674" spans="8:8">
      <c r="H327674" s="12"/>
    </row>
    <row r="327675" spans="8:8">
      <c r="H327675" s="12"/>
    </row>
    <row r="327676" spans="8:8">
      <c r="H327676" s="12"/>
    </row>
    <row r="327677" spans="8:8">
      <c r="H327677" s="12"/>
    </row>
    <row r="327678" spans="8:8">
      <c r="H327678" s="12"/>
    </row>
    <row r="327679" spans="8:8">
      <c r="H327679" s="12"/>
    </row>
    <row r="327680" spans="8:8">
      <c r="H327680" s="12"/>
    </row>
    <row r="327681" spans="8:8">
      <c r="H327681" s="12"/>
    </row>
    <row r="327682" spans="8:8">
      <c r="H327682" s="12"/>
    </row>
    <row r="327683" spans="8:8">
      <c r="H327683" s="12"/>
    </row>
    <row r="327684" spans="8:8">
      <c r="H327684" s="12"/>
    </row>
    <row r="327685" spans="8:8">
      <c r="H327685" s="12"/>
    </row>
    <row r="327686" spans="8:8">
      <c r="H327686" s="12"/>
    </row>
    <row r="327687" spans="8:8">
      <c r="H327687" s="12"/>
    </row>
    <row r="327688" spans="8:8">
      <c r="H327688" s="12"/>
    </row>
    <row r="327689" spans="8:8">
      <c r="H327689" s="12"/>
    </row>
    <row r="327690" spans="8:8">
      <c r="H327690" s="12"/>
    </row>
    <row r="327691" spans="8:8">
      <c r="H327691" s="12"/>
    </row>
    <row r="327692" spans="8:8">
      <c r="H327692" s="12"/>
    </row>
    <row r="327693" spans="8:8">
      <c r="H327693" s="12"/>
    </row>
    <row r="327694" spans="8:8">
      <c r="H327694" s="12"/>
    </row>
    <row r="327695" spans="8:8">
      <c r="H327695" s="12"/>
    </row>
    <row r="327696" spans="8:8">
      <c r="H327696" s="12"/>
    </row>
    <row r="327697" spans="8:8">
      <c r="H327697" s="12"/>
    </row>
    <row r="327698" spans="8:8">
      <c r="H327698" s="12"/>
    </row>
    <row r="327699" spans="8:8">
      <c r="H327699" s="12"/>
    </row>
    <row r="327700" spans="8:8">
      <c r="H327700" s="12"/>
    </row>
    <row r="327701" spans="8:8">
      <c r="H327701" s="12"/>
    </row>
    <row r="327702" spans="8:8">
      <c r="H327702" s="12"/>
    </row>
    <row r="327703" spans="8:8">
      <c r="H327703" s="12"/>
    </row>
    <row r="327704" spans="8:8">
      <c r="H327704" s="12"/>
    </row>
    <row r="327705" spans="8:8">
      <c r="H327705" s="12"/>
    </row>
    <row r="327706" spans="8:8">
      <c r="H327706" s="12"/>
    </row>
    <row r="327707" spans="8:8">
      <c r="H327707" s="12"/>
    </row>
    <row r="327708" spans="8:8">
      <c r="H327708" s="12"/>
    </row>
    <row r="327709" spans="8:8">
      <c r="H327709" s="12"/>
    </row>
    <row r="327710" spans="8:8">
      <c r="H327710" s="12"/>
    </row>
    <row r="327711" spans="8:8">
      <c r="H327711" s="12"/>
    </row>
    <row r="327712" spans="8:8">
      <c r="H327712" s="12"/>
    </row>
    <row r="327713" spans="8:8">
      <c r="H327713" s="12"/>
    </row>
    <row r="327714" spans="8:8">
      <c r="H327714" s="12"/>
    </row>
    <row r="327715" spans="8:8">
      <c r="H327715" s="12"/>
    </row>
    <row r="327716" spans="8:8">
      <c r="H327716" s="12"/>
    </row>
    <row r="327717" spans="8:8">
      <c r="H327717" s="12"/>
    </row>
    <row r="327718" spans="8:8">
      <c r="H327718" s="12"/>
    </row>
    <row r="327719" spans="8:8">
      <c r="H327719" s="12"/>
    </row>
    <row r="327720" spans="8:8">
      <c r="H327720" s="12"/>
    </row>
    <row r="327721" spans="8:8">
      <c r="H327721" s="12"/>
    </row>
    <row r="327722" spans="8:8">
      <c r="H327722" s="12"/>
    </row>
    <row r="327723" spans="8:8">
      <c r="H327723" s="12"/>
    </row>
    <row r="327724" spans="8:8">
      <c r="H327724" s="12"/>
    </row>
    <row r="327725" spans="8:8">
      <c r="H327725" s="12"/>
    </row>
    <row r="327726" spans="8:8">
      <c r="H327726" s="12"/>
    </row>
    <row r="327727" spans="8:8">
      <c r="H327727" s="12"/>
    </row>
    <row r="327728" spans="8:8">
      <c r="H327728" s="12"/>
    </row>
    <row r="327729" spans="8:8">
      <c r="H327729" s="12"/>
    </row>
    <row r="327730" spans="8:8">
      <c r="H327730" s="12"/>
    </row>
    <row r="327731" spans="8:8">
      <c r="H327731" s="12"/>
    </row>
    <row r="327732" spans="8:8">
      <c r="H327732" s="12"/>
    </row>
    <row r="327733" spans="8:8">
      <c r="H327733" s="12"/>
    </row>
    <row r="327734" spans="8:8">
      <c r="H327734" s="12"/>
    </row>
    <row r="327735" spans="8:8">
      <c r="H327735" s="12"/>
    </row>
    <row r="327736" spans="8:8">
      <c r="H327736" s="12"/>
    </row>
    <row r="327737" spans="8:8">
      <c r="H327737" s="12"/>
    </row>
    <row r="327738" spans="8:8">
      <c r="H327738" s="12"/>
    </row>
    <row r="327739" spans="8:8">
      <c r="H327739" s="12"/>
    </row>
    <row r="327740" spans="8:8">
      <c r="H327740" s="12"/>
    </row>
    <row r="327741" spans="8:8">
      <c r="H327741" s="12"/>
    </row>
    <row r="327742" spans="8:8">
      <c r="H327742" s="12"/>
    </row>
    <row r="327743" spans="8:8">
      <c r="H327743" s="12"/>
    </row>
    <row r="327744" spans="8:8">
      <c r="H327744" s="12"/>
    </row>
    <row r="327745" spans="8:8">
      <c r="H327745" s="12"/>
    </row>
    <row r="327746" spans="8:8">
      <c r="H327746" s="12"/>
    </row>
    <row r="327747" spans="8:8">
      <c r="H327747" s="12"/>
    </row>
    <row r="327748" spans="8:8">
      <c r="H327748" s="12"/>
    </row>
    <row r="327749" spans="8:8">
      <c r="H327749" s="12"/>
    </row>
    <row r="327750" spans="8:8">
      <c r="H327750" s="12"/>
    </row>
    <row r="327751" spans="8:8">
      <c r="H327751" s="12"/>
    </row>
    <row r="327752" spans="8:8">
      <c r="H327752" s="12"/>
    </row>
    <row r="327753" spans="8:8">
      <c r="H327753" s="12"/>
    </row>
    <row r="327754" spans="8:8">
      <c r="H327754" s="12"/>
    </row>
    <row r="327755" spans="8:8">
      <c r="H327755" s="12"/>
    </row>
    <row r="327756" spans="8:8">
      <c r="H327756" s="12"/>
    </row>
    <row r="327757" spans="8:8">
      <c r="H327757" s="12"/>
    </row>
    <row r="327758" spans="8:8">
      <c r="H327758" s="12"/>
    </row>
    <row r="327759" spans="8:8">
      <c r="H327759" s="12"/>
    </row>
    <row r="327760" spans="8:8">
      <c r="H327760" s="12"/>
    </row>
    <row r="327761" spans="8:8">
      <c r="H327761" s="12"/>
    </row>
    <row r="327762" spans="8:8">
      <c r="H327762" s="12"/>
    </row>
    <row r="327763" spans="8:8">
      <c r="H327763" s="12"/>
    </row>
    <row r="327764" spans="8:8">
      <c r="H327764" s="12"/>
    </row>
    <row r="327765" spans="8:8">
      <c r="H327765" s="12"/>
    </row>
    <row r="327766" spans="8:8">
      <c r="H327766" s="12"/>
    </row>
    <row r="327767" spans="8:8">
      <c r="H327767" s="12"/>
    </row>
    <row r="327768" spans="8:8">
      <c r="H327768" s="12"/>
    </row>
    <row r="327769" spans="8:8">
      <c r="H327769" s="12"/>
    </row>
    <row r="327770" spans="8:8">
      <c r="H327770" s="12"/>
    </row>
    <row r="327771" spans="8:8">
      <c r="H327771" s="12"/>
    </row>
    <row r="327772" spans="8:8">
      <c r="H327772" s="12"/>
    </row>
    <row r="327773" spans="8:8">
      <c r="H327773" s="12"/>
    </row>
    <row r="327774" spans="8:8">
      <c r="H327774" s="12"/>
    </row>
    <row r="327775" spans="8:8">
      <c r="H327775" s="12"/>
    </row>
    <row r="327776" spans="8:8">
      <c r="H327776" s="12"/>
    </row>
    <row r="327777" spans="8:8">
      <c r="H327777" s="12"/>
    </row>
    <row r="327778" spans="8:8">
      <c r="H327778" s="12"/>
    </row>
    <row r="327779" spans="8:8">
      <c r="H327779" s="12"/>
    </row>
    <row r="327780" spans="8:8">
      <c r="H327780" s="12"/>
    </row>
    <row r="327781" spans="8:8">
      <c r="H327781" s="12"/>
    </row>
    <row r="327782" spans="8:8">
      <c r="H327782" s="12"/>
    </row>
    <row r="327783" spans="8:8">
      <c r="H327783" s="12"/>
    </row>
    <row r="327784" spans="8:8">
      <c r="H327784" s="12"/>
    </row>
    <row r="327785" spans="8:8">
      <c r="H327785" s="12"/>
    </row>
    <row r="327786" spans="8:8">
      <c r="H327786" s="12"/>
    </row>
    <row r="327787" spans="8:8">
      <c r="H327787" s="12"/>
    </row>
    <row r="327788" spans="8:8">
      <c r="H327788" s="12"/>
    </row>
    <row r="327789" spans="8:8">
      <c r="H327789" s="12"/>
    </row>
    <row r="327790" spans="8:8">
      <c r="H327790" s="12"/>
    </row>
    <row r="327791" spans="8:8">
      <c r="H327791" s="12"/>
    </row>
    <row r="327792" spans="8:8">
      <c r="H327792" s="12"/>
    </row>
    <row r="327793" spans="8:8">
      <c r="H327793" s="12"/>
    </row>
    <row r="327794" spans="8:8">
      <c r="H327794" s="12"/>
    </row>
    <row r="327795" spans="8:8">
      <c r="H327795" s="12"/>
    </row>
    <row r="327796" spans="8:8">
      <c r="H327796" s="12"/>
    </row>
    <row r="327797" spans="8:8">
      <c r="H327797" s="12"/>
    </row>
    <row r="327798" spans="8:8">
      <c r="H327798" s="12"/>
    </row>
    <row r="327799" spans="8:8">
      <c r="H327799" s="12"/>
    </row>
    <row r="327800" spans="8:8">
      <c r="H327800" s="12"/>
    </row>
    <row r="327801" spans="8:8">
      <c r="H327801" s="12"/>
    </row>
    <row r="327802" spans="8:8">
      <c r="H327802" s="12"/>
    </row>
    <row r="327803" spans="8:8">
      <c r="H327803" s="12"/>
    </row>
    <row r="327804" spans="8:8">
      <c r="H327804" s="12"/>
    </row>
    <row r="327805" spans="8:8">
      <c r="H327805" s="12"/>
    </row>
    <row r="327806" spans="8:8">
      <c r="H327806" s="12"/>
    </row>
    <row r="327807" spans="8:8">
      <c r="H327807" s="12"/>
    </row>
    <row r="327808" spans="8:8">
      <c r="H327808" s="12"/>
    </row>
    <row r="327809" spans="8:8">
      <c r="H327809" s="12"/>
    </row>
    <row r="327810" spans="8:8">
      <c r="H327810" s="12"/>
    </row>
    <row r="327811" spans="8:8">
      <c r="H327811" s="12"/>
    </row>
    <row r="327812" spans="8:8">
      <c r="H327812" s="12"/>
    </row>
    <row r="327813" spans="8:8">
      <c r="H327813" s="12"/>
    </row>
    <row r="327814" spans="8:8">
      <c r="H327814" s="12"/>
    </row>
    <row r="327815" spans="8:8">
      <c r="H327815" s="12"/>
    </row>
    <row r="327816" spans="8:8">
      <c r="H327816" s="12"/>
    </row>
    <row r="327817" spans="8:8">
      <c r="H327817" s="12"/>
    </row>
    <row r="327818" spans="8:8">
      <c r="H327818" s="12"/>
    </row>
    <row r="327819" spans="8:8">
      <c r="H327819" s="12"/>
    </row>
    <row r="327820" spans="8:8">
      <c r="H327820" s="12"/>
    </row>
    <row r="327821" spans="8:8">
      <c r="H327821" s="12"/>
    </row>
    <row r="327822" spans="8:8">
      <c r="H327822" s="12"/>
    </row>
    <row r="327823" spans="8:8">
      <c r="H327823" s="12"/>
    </row>
    <row r="327824" spans="8:8">
      <c r="H327824" s="12"/>
    </row>
    <row r="327825" spans="8:8">
      <c r="H327825" s="12"/>
    </row>
    <row r="327826" spans="8:8">
      <c r="H327826" s="12"/>
    </row>
    <row r="327827" spans="8:8">
      <c r="H327827" s="12"/>
    </row>
    <row r="327828" spans="8:8">
      <c r="H327828" s="12"/>
    </row>
    <row r="327829" spans="8:8">
      <c r="H327829" s="12"/>
    </row>
    <row r="327830" spans="8:8">
      <c r="H327830" s="12"/>
    </row>
    <row r="327831" spans="8:8">
      <c r="H327831" s="12"/>
    </row>
    <row r="327832" spans="8:8">
      <c r="H327832" s="12"/>
    </row>
    <row r="327833" spans="8:8">
      <c r="H327833" s="12"/>
    </row>
    <row r="327834" spans="8:8">
      <c r="H327834" s="12"/>
    </row>
    <row r="327835" spans="8:8">
      <c r="H327835" s="12"/>
    </row>
    <row r="327836" spans="8:8">
      <c r="H327836" s="12"/>
    </row>
    <row r="327837" spans="8:8">
      <c r="H327837" s="12"/>
    </row>
    <row r="327838" spans="8:8">
      <c r="H327838" s="12"/>
    </row>
    <row r="327839" spans="8:8">
      <c r="H327839" s="12"/>
    </row>
    <row r="327840" spans="8:8">
      <c r="H327840" s="12"/>
    </row>
    <row r="327841" spans="8:8">
      <c r="H327841" s="12"/>
    </row>
    <row r="327842" spans="8:8">
      <c r="H327842" s="12"/>
    </row>
    <row r="327843" spans="8:8">
      <c r="H327843" s="12"/>
    </row>
    <row r="327844" spans="8:8">
      <c r="H327844" s="12"/>
    </row>
    <row r="327845" spans="8:8">
      <c r="H327845" s="12"/>
    </row>
    <row r="327846" spans="8:8">
      <c r="H327846" s="12"/>
    </row>
    <row r="327847" spans="8:8">
      <c r="H327847" s="12"/>
    </row>
    <row r="327848" spans="8:8">
      <c r="H327848" s="12"/>
    </row>
    <row r="327849" spans="8:8">
      <c r="H327849" s="12"/>
    </row>
    <row r="327850" spans="8:8">
      <c r="H327850" s="12"/>
    </row>
    <row r="327851" spans="8:8">
      <c r="H327851" s="12"/>
    </row>
    <row r="327852" spans="8:8">
      <c r="H327852" s="12"/>
    </row>
    <row r="327853" spans="8:8">
      <c r="H327853" s="12"/>
    </row>
    <row r="327854" spans="8:8">
      <c r="H327854" s="12"/>
    </row>
    <row r="327855" spans="8:8">
      <c r="H327855" s="12"/>
    </row>
    <row r="327856" spans="8:8">
      <c r="H327856" s="12"/>
    </row>
    <row r="327857" spans="8:8">
      <c r="H327857" s="12"/>
    </row>
    <row r="327858" spans="8:8">
      <c r="H327858" s="12"/>
    </row>
    <row r="327859" spans="8:8">
      <c r="H327859" s="12"/>
    </row>
    <row r="327860" spans="8:8">
      <c r="H327860" s="12"/>
    </row>
    <row r="327861" spans="8:8">
      <c r="H327861" s="12"/>
    </row>
    <row r="327862" spans="8:8">
      <c r="H327862" s="12"/>
    </row>
    <row r="327863" spans="8:8">
      <c r="H327863" s="12"/>
    </row>
    <row r="327864" spans="8:8">
      <c r="H327864" s="12"/>
    </row>
    <row r="327865" spans="8:8">
      <c r="H327865" s="12"/>
    </row>
    <row r="327866" spans="8:8">
      <c r="H327866" s="12"/>
    </row>
    <row r="327867" spans="8:8">
      <c r="H327867" s="12"/>
    </row>
    <row r="327868" spans="8:8">
      <c r="H327868" s="12"/>
    </row>
    <row r="327869" spans="8:8">
      <c r="H327869" s="12"/>
    </row>
    <row r="327870" spans="8:8">
      <c r="H327870" s="12"/>
    </row>
    <row r="327871" spans="8:8">
      <c r="H327871" s="12"/>
    </row>
    <row r="327872" spans="8:8">
      <c r="H327872" s="12"/>
    </row>
    <row r="327873" spans="8:8">
      <c r="H327873" s="12"/>
    </row>
    <row r="327874" spans="8:8">
      <c r="H327874" s="12"/>
    </row>
    <row r="327875" spans="8:8">
      <c r="H327875" s="12"/>
    </row>
    <row r="327876" spans="8:8">
      <c r="H327876" s="12"/>
    </row>
    <row r="327877" spans="8:8">
      <c r="H327877" s="12"/>
    </row>
    <row r="327878" spans="8:8">
      <c r="H327878" s="12"/>
    </row>
    <row r="327879" spans="8:8">
      <c r="H327879" s="12"/>
    </row>
    <row r="327880" spans="8:8">
      <c r="H327880" s="12"/>
    </row>
    <row r="327881" spans="8:8">
      <c r="H327881" s="12"/>
    </row>
    <row r="327882" spans="8:8">
      <c r="H327882" s="12"/>
    </row>
    <row r="327883" spans="8:8">
      <c r="H327883" s="12"/>
    </row>
    <row r="327884" spans="8:8">
      <c r="H327884" s="12"/>
    </row>
    <row r="327885" spans="8:8">
      <c r="H327885" s="12"/>
    </row>
    <row r="327886" spans="8:8">
      <c r="H327886" s="12"/>
    </row>
    <row r="327887" spans="8:8">
      <c r="H327887" s="12"/>
    </row>
    <row r="327888" spans="8:8">
      <c r="H327888" s="12"/>
    </row>
    <row r="327889" spans="8:8">
      <c r="H327889" s="12"/>
    </row>
    <row r="327890" spans="8:8">
      <c r="H327890" s="12"/>
    </row>
    <row r="327891" spans="8:8">
      <c r="H327891" s="12"/>
    </row>
    <row r="327892" spans="8:8">
      <c r="H327892" s="12"/>
    </row>
    <row r="327893" spans="8:8">
      <c r="H327893" s="12"/>
    </row>
    <row r="327894" spans="8:8">
      <c r="H327894" s="12"/>
    </row>
    <row r="327895" spans="8:8">
      <c r="H327895" s="12"/>
    </row>
    <row r="327896" spans="8:8">
      <c r="H327896" s="12"/>
    </row>
    <row r="327897" spans="8:8">
      <c r="H327897" s="12"/>
    </row>
    <row r="327898" spans="8:8">
      <c r="H327898" s="12"/>
    </row>
    <row r="327899" spans="8:8">
      <c r="H327899" s="12"/>
    </row>
    <row r="327900" spans="8:8">
      <c r="H327900" s="12"/>
    </row>
    <row r="327901" spans="8:8">
      <c r="H327901" s="12"/>
    </row>
    <row r="327902" spans="8:8">
      <c r="H327902" s="12"/>
    </row>
    <row r="327903" spans="8:8">
      <c r="H327903" s="12"/>
    </row>
    <row r="327904" spans="8:8">
      <c r="H327904" s="12"/>
    </row>
    <row r="327905" spans="8:8">
      <c r="H327905" s="12"/>
    </row>
    <row r="327906" spans="8:8">
      <c r="H327906" s="12"/>
    </row>
    <row r="327907" spans="8:8">
      <c r="H327907" s="12"/>
    </row>
    <row r="327908" spans="8:8">
      <c r="H327908" s="12"/>
    </row>
    <row r="327909" spans="8:8">
      <c r="H327909" s="12"/>
    </row>
    <row r="327910" spans="8:8">
      <c r="H327910" s="12"/>
    </row>
    <row r="327911" spans="8:8">
      <c r="H327911" s="12"/>
    </row>
    <row r="327912" spans="8:8">
      <c r="H327912" s="12"/>
    </row>
    <row r="327913" spans="8:8">
      <c r="H327913" s="12"/>
    </row>
    <row r="327914" spans="8:8">
      <c r="H327914" s="12"/>
    </row>
    <row r="327915" spans="8:8">
      <c r="H327915" s="12"/>
    </row>
    <row r="327916" spans="8:8">
      <c r="H327916" s="12"/>
    </row>
    <row r="327917" spans="8:8">
      <c r="H327917" s="12"/>
    </row>
    <row r="327918" spans="8:8">
      <c r="H327918" s="12"/>
    </row>
    <row r="327919" spans="8:8">
      <c r="H327919" s="12"/>
    </row>
    <row r="327920" spans="8:8">
      <c r="H327920" s="12"/>
    </row>
    <row r="327921" spans="8:8">
      <c r="H327921" s="12"/>
    </row>
    <row r="327922" spans="8:8">
      <c r="H327922" s="12"/>
    </row>
    <row r="327923" spans="8:8">
      <c r="H327923" s="12"/>
    </row>
    <row r="327924" spans="8:8">
      <c r="H327924" s="12"/>
    </row>
    <row r="327925" spans="8:8">
      <c r="H327925" s="12"/>
    </row>
    <row r="327926" spans="8:8">
      <c r="H327926" s="12"/>
    </row>
    <row r="327927" spans="8:8">
      <c r="H327927" s="12"/>
    </row>
    <row r="327928" spans="8:8">
      <c r="H327928" s="12"/>
    </row>
    <row r="327929" spans="8:8">
      <c r="H327929" s="12"/>
    </row>
    <row r="327930" spans="8:8">
      <c r="H327930" s="12"/>
    </row>
    <row r="327931" spans="8:8">
      <c r="H327931" s="12"/>
    </row>
    <row r="327932" spans="8:8">
      <c r="H327932" s="12"/>
    </row>
    <row r="327933" spans="8:8">
      <c r="H327933" s="12"/>
    </row>
    <row r="327934" spans="8:8">
      <c r="H327934" s="12"/>
    </row>
    <row r="327935" spans="8:8">
      <c r="H327935" s="12"/>
    </row>
    <row r="327936" spans="8:8">
      <c r="H327936" s="12"/>
    </row>
    <row r="327937" spans="8:8">
      <c r="H327937" s="12"/>
    </row>
    <row r="327938" spans="8:8">
      <c r="H327938" s="12"/>
    </row>
    <row r="327939" spans="8:8">
      <c r="H327939" s="12"/>
    </row>
    <row r="327940" spans="8:8">
      <c r="H327940" s="12"/>
    </row>
    <row r="327941" spans="8:8">
      <c r="H327941" s="12"/>
    </row>
    <row r="327942" spans="8:8">
      <c r="H327942" s="12"/>
    </row>
    <row r="327943" spans="8:8">
      <c r="H327943" s="12"/>
    </row>
    <row r="327944" spans="8:8">
      <c r="H327944" s="12"/>
    </row>
    <row r="327945" spans="8:8">
      <c r="H327945" s="12"/>
    </row>
    <row r="327946" spans="8:8">
      <c r="H327946" s="12"/>
    </row>
    <row r="327947" spans="8:8">
      <c r="H327947" s="12"/>
    </row>
    <row r="327948" spans="8:8">
      <c r="H327948" s="12"/>
    </row>
    <row r="327949" spans="8:8">
      <c r="H327949" s="12"/>
    </row>
    <row r="327950" spans="8:8">
      <c r="H327950" s="12"/>
    </row>
    <row r="327951" spans="8:8">
      <c r="H327951" s="12"/>
    </row>
    <row r="327952" spans="8:8">
      <c r="H327952" s="12"/>
    </row>
    <row r="327953" spans="8:8">
      <c r="H327953" s="12"/>
    </row>
    <row r="327954" spans="8:8">
      <c r="H327954" s="12"/>
    </row>
    <row r="327955" spans="8:8">
      <c r="H327955" s="12"/>
    </row>
    <row r="327956" spans="8:8">
      <c r="H327956" s="12"/>
    </row>
    <row r="327957" spans="8:8">
      <c r="H327957" s="12"/>
    </row>
    <row r="327958" spans="8:8">
      <c r="H327958" s="12"/>
    </row>
    <row r="327959" spans="8:8">
      <c r="H327959" s="12"/>
    </row>
    <row r="327960" spans="8:8">
      <c r="H327960" s="12"/>
    </row>
    <row r="327961" spans="8:8">
      <c r="H327961" s="12"/>
    </row>
    <row r="327962" spans="8:8">
      <c r="H327962" s="12"/>
    </row>
    <row r="327963" spans="8:8">
      <c r="H327963" s="12"/>
    </row>
    <row r="327964" spans="8:8">
      <c r="H327964" s="12"/>
    </row>
    <row r="327965" spans="8:8">
      <c r="H327965" s="12"/>
    </row>
    <row r="327966" spans="8:8">
      <c r="H327966" s="12"/>
    </row>
    <row r="327967" spans="8:8">
      <c r="H327967" s="12"/>
    </row>
    <row r="327968" spans="8:8">
      <c r="H327968" s="12"/>
    </row>
    <row r="327969" spans="8:8">
      <c r="H327969" s="12"/>
    </row>
    <row r="327970" spans="8:8">
      <c r="H327970" s="12"/>
    </row>
    <row r="327971" spans="8:8">
      <c r="H327971" s="12"/>
    </row>
    <row r="327972" spans="8:8">
      <c r="H327972" s="12"/>
    </row>
    <row r="327973" spans="8:8">
      <c r="H327973" s="12"/>
    </row>
    <row r="327974" spans="8:8">
      <c r="H327974" s="12"/>
    </row>
    <row r="327975" spans="8:8">
      <c r="H327975" s="12"/>
    </row>
    <row r="327976" spans="8:8">
      <c r="H327976" s="12"/>
    </row>
    <row r="327977" spans="8:8">
      <c r="H327977" s="12"/>
    </row>
    <row r="327978" spans="8:8">
      <c r="H327978" s="12"/>
    </row>
    <row r="327979" spans="8:8">
      <c r="H327979" s="12"/>
    </row>
    <row r="327980" spans="8:8">
      <c r="H327980" s="12"/>
    </row>
    <row r="327981" spans="8:8">
      <c r="H327981" s="12"/>
    </row>
    <row r="327982" spans="8:8">
      <c r="H327982" s="12"/>
    </row>
    <row r="327983" spans="8:8">
      <c r="H327983" s="12"/>
    </row>
    <row r="327984" spans="8:8">
      <c r="H327984" s="12"/>
    </row>
    <row r="327985" spans="8:8">
      <c r="H327985" s="12"/>
    </row>
    <row r="327986" spans="8:8">
      <c r="H327986" s="12"/>
    </row>
    <row r="327987" spans="8:8">
      <c r="H327987" s="12"/>
    </row>
    <row r="327988" spans="8:8">
      <c r="H327988" s="12"/>
    </row>
    <row r="327989" spans="8:8">
      <c r="H327989" s="12"/>
    </row>
    <row r="327990" spans="8:8">
      <c r="H327990" s="12"/>
    </row>
    <row r="327991" spans="8:8">
      <c r="H327991" s="12"/>
    </row>
    <row r="327992" spans="8:8">
      <c r="H327992" s="12"/>
    </row>
    <row r="327993" spans="8:8">
      <c r="H327993" s="12"/>
    </row>
    <row r="327994" spans="8:8">
      <c r="H327994" s="12"/>
    </row>
    <row r="327995" spans="8:8">
      <c r="H327995" s="12"/>
    </row>
    <row r="327996" spans="8:8">
      <c r="H327996" s="12"/>
    </row>
    <row r="327997" spans="8:8">
      <c r="H327997" s="12"/>
    </row>
    <row r="327998" spans="8:8">
      <c r="H327998" s="12"/>
    </row>
    <row r="327999" spans="8:8">
      <c r="H327999" s="12"/>
    </row>
    <row r="328000" spans="8:8">
      <c r="H328000" s="12"/>
    </row>
    <row r="328001" spans="8:8">
      <c r="H328001" s="12"/>
    </row>
    <row r="328002" spans="8:8">
      <c r="H328002" s="12"/>
    </row>
    <row r="328003" spans="8:8">
      <c r="H328003" s="12"/>
    </row>
    <row r="328004" spans="8:8">
      <c r="H328004" s="12"/>
    </row>
    <row r="328005" spans="8:8">
      <c r="H328005" s="12"/>
    </row>
    <row r="328006" spans="8:8">
      <c r="H328006" s="12"/>
    </row>
    <row r="328007" spans="8:8">
      <c r="H328007" s="12"/>
    </row>
    <row r="328008" spans="8:8">
      <c r="H328008" s="12"/>
    </row>
    <row r="328009" spans="8:8">
      <c r="H328009" s="12"/>
    </row>
    <row r="328010" spans="8:8">
      <c r="H328010" s="12"/>
    </row>
    <row r="328011" spans="8:8">
      <c r="H328011" s="12"/>
    </row>
    <row r="328012" spans="8:8">
      <c r="H328012" s="12"/>
    </row>
    <row r="328013" spans="8:8">
      <c r="H328013" s="12"/>
    </row>
    <row r="328014" spans="8:8">
      <c r="H328014" s="12"/>
    </row>
    <row r="328015" spans="8:8">
      <c r="H328015" s="12"/>
    </row>
    <row r="328016" spans="8:8">
      <c r="H328016" s="12"/>
    </row>
    <row r="328017" spans="8:8">
      <c r="H328017" s="12"/>
    </row>
    <row r="328018" spans="8:8">
      <c r="H328018" s="12"/>
    </row>
    <row r="328019" spans="8:8">
      <c r="H328019" s="12"/>
    </row>
    <row r="328020" spans="8:8">
      <c r="H328020" s="12"/>
    </row>
    <row r="328021" spans="8:8">
      <c r="H328021" s="12"/>
    </row>
    <row r="328022" spans="8:8">
      <c r="H328022" s="12"/>
    </row>
    <row r="328023" spans="8:8">
      <c r="H328023" s="12"/>
    </row>
    <row r="328024" spans="8:8">
      <c r="H328024" s="12"/>
    </row>
    <row r="328025" spans="8:8">
      <c r="H328025" s="12"/>
    </row>
    <row r="328026" spans="8:8">
      <c r="H328026" s="12"/>
    </row>
    <row r="328027" spans="8:8">
      <c r="H328027" s="12"/>
    </row>
    <row r="328028" spans="8:8">
      <c r="H328028" s="12"/>
    </row>
    <row r="328029" spans="8:8">
      <c r="H328029" s="12"/>
    </row>
    <row r="328030" spans="8:8">
      <c r="H328030" s="12"/>
    </row>
    <row r="328031" spans="8:8">
      <c r="H328031" s="12"/>
    </row>
    <row r="328032" spans="8:8">
      <c r="H328032" s="12"/>
    </row>
    <row r="328033" spans="8:8">
      <c r="H328033" s="12"/>
    </row>
    <row r="328034" spans="8:8">
      <c r="H328034" s="12"/>
    </row>
    <row r="328035" spans="8:8">
      <c r="H328035" s="12"/>
    </row>
    <row r="328036" spans="8:8">
      <c r="H328036" s="12"/>
    </row>
    <row r="328037" spans="8:8">
      <c r="H328037" s="12"/>
    </row>
    <row r="328038" spans="8:8">
      <c r="H328038" s="12"/>
    </row>
    <row r="328039" spans="8:8">
      <c r="H328039" s="12"/>
    </row>
    <row r="328040" spans="8:8">
      <c r="H328040" s="12"/>
    </row>
    <row r="328041" spans="8:8">
      <c r="H328041" s="12"/>
    </row>
    <row r="328042" spans="8:8">
      <c r="H328042" s="12"/>
    </row>
    <row r="328043" spans="8:8">
      <c r="H328043" s="12"/>
    </row>
    <row r="328044" spans="8:8">
      <c r="H328044" s="12"/>
    </row>
    <row r="328045" spans="8:8">
      <c r="H328045" s="12"/>
    </row>
    <row r="328046" spans="8:8">
      <c r="H328046" s="12"/>
    </row>
    <row r="328047" spans="8:8">
      <c r="H328047" s="12"/>
    </row>
    <row r="328048" spans="8:8">
      <c r="H328048" s="12"/>
    </row>
    <row r="328049" spans="8:8">
      <c r="H328049" s="12"/>
    </row>
    <row r="328050" spans="8:8">
      <c r="H328050" s="12"/>
    </row>
    <row r="328051" spans="8:8">
      <c r="H328051" s="12"/>
    </row>
    <row r="328052" spans="8:8">
      <c r="H328052" s="12"/>
    </row>
    <row r="328053" spans="8:8">
      <c r="H328053" s="12"/>
    </row>
    <row r="328054" spans="8:8">
      <c r="H328054" s="12"/>
    </row>
    <row r="328055" spans="8:8">
      <c r="H328055" s="12"/>
    </row>
    <row r="328056" spans="8:8">
      <c r="H328056" s="12"/>
    </row>
    <row r="328057" spans="8:8">
      <c r="H328057" s="12"/>
    </row>
    <row r="328058" spans="8:8">
      <c r="H328058" s="12"/>
    </row>
    <row r="328059" spans="8:8">
      <c r="H328059" s="12"/>
    </row>
    <row r="328060" spans="8:8">
      <c r="H328060" s="12"/>
    </row>
    <row r="328061" spans="8:8">
      <c r="H328061" s="12"/>
    </row>
    <row r="328062" spans="8:8">
      <c r="H328062" s="12"/>
    </row>
    <row r="328063" spans="8:8">
      <c r="H328063" s="12"/>
    </row>
    <row r="328064" spans="8:8">
      <c r="H328064" s="12"/>
    </row>
    <row r="328065" spans="8:8">
      <c r="H328065" s="12"/>
    </row>
    <row r="328066" spans="8:8">
      <c r="H328066" s="12"/>
    </row>
    <row r="328067" spans="8:8">
      <c r="H328067" s="12"/>
    </row>
    <row r="328068" spans="8:8">
      <c r="H328068" s="12"/>
    </row>
    <row r="328069" spans="8:8">
      <c r="H328069" s="12"/>
    </row>
    <row r="328070" spans="8:8">
      <c r="H328070" s="12"/>
    </row>
    <row r="328071" spans="8:8">
      <c r="H328071" s="12"/>
    </row>
    <row r="328072" spans="8:8">
      <c r="H328072" s="12"/>
    </row>
    <row r="328073" spans="8:8">
      <c r="H328073" s="12"/>
    </row>
    <row r="328074" spans="8:8">
      <c r="H328074" s="12"/>
    </row>
    <row r="328075" spans="8:8">
      <c r="H328075" s="12"/>
    </row>
    <row r="328076" spans="8:8">
      <c r="H328076" s="12"/>
    </row>
    <row r="328077" spans="8:8">
      <c r="H328077" s="12"/>
    </row>
    <row r="328078" spans="8:8">
      <c r="H328078" s="12"/>
    </row>
    <row r="328079" spans="8:8">
      <c r="H328079" s="12"/>
    </row>
    <row r="328080" spans="8:8">
      <c r="H328080" s="12"/>
    </row>
    <row r="328081" spans="8:8">
      <c r="H328081" s="12"/>
    </row>
    <row r="328082" spans="8:8">
      <c r="H328082" s="12"/>
    </row>
    <row r="328083" spans="8:8">
      <c r="H328083" s="12"/>
    </row>
    <row r="328084" spans="8:8">
      <c r="H328084" s="12"/>
    </row>
    <row r="328085" spans="8:8">
      <c r="H328085" s="12"/>
    </row>
    <row r="328086" spans="8:8">
      <c r="H328086" s="12"/>
    </row>
    <row r="328087" spans="8:8">
      <c r="H328087" s="12"/>
    </row>
    <row r="328088" spans="8:8">
      <c r="H328088" s="12"/>
    </row>
    <row r="328089" spans="8:8">
      <c r="H328089" s="12"/>
    </row>
    <row r="328090" spans="8:8">
      <c r="H328090" s="12"/>
    </row>
    <row r="328091" spans="8:8">
      <c r="H328091" s="12"/>
    </row>
    <row r="328092" spans="8:8">
      <c r="H328092" s="12"/>
    </row>
    <row r="328093" spans="8:8">
      <c r="H328093" s="12"/>
    </row>
    <row r="328094" spans="8:8">
      <c r="H328094" s="12"/>
    </row>
    <row r="328095" spans="8:8">
      <c r="H328095" s="12"/>
    </row>
    <row r="328096" spans="8:8">
      <c r="H328096" s="12"/>
    </row>
    <row r="328097" spans="8:8">
      <c r="H328097" s="12"/>
    </row>
    <row r="328098" spans="8:8">
      <c r="H328098" s="12"/>
    </row>
    <row r="328099" spans="8:8">
      <c r="H328099" s="12"/>
    </row>
    <row r="328100" spans="8:8">
      <c r="H328100" s="12"/>
    </row>
    <row r="328101" spans="8:8">
      <c r="H328101" s="12"/>
    </row>
    <row r="328102" spans="8:8">
      <c r="H328102" s="12"/>
    </row>
    <row r="328103" spans="8:8">
      <c r="H328103" s="12"/>
    </row>
    <row r="328104" spans="8:8">
      <c r="H328104" s="12"/>
    </row>
    <row r="328105" spans="8:8">
      <c r="H328105" s="12"/>
    </row>
    <row r="328106" spans="8:8">
      <c r="H328106" s="12"/>
    </row>
    <row r="328107" spans="8:8">
      <c r="H328107" s="12"/>
    </row>
    <row r="328108" spans="8:8">
      <c r="H328108" s="12"/>
    </row>
    <row r="328109" spans="8:8">
      <c r="H328109" s="12"/>
    </row>
    <row r="328110" spans="8:8">
      <c r="H328110" s="12"/>
    </row>
    <row r="328111" spans="8:8">
      <c r="H328111" s="12"/>
    </row>
    <row r="328112" spans="8:8">
      <c r="H328112" s="12"/>
    </row>
    <row r="328113" spans="8:8">
      <c r="H328113" s="12"/>
    </row>
    <row r="328114" spans="8:8">
      <c r="H328114" s="12"/>
    </row>
    <row r="328115" spans="8:8">
      <c r="H328115" s="12"/>
    </row>
    <row r="328116" spans="8:8">
      <c r="H328116" s="12"/>
    </row>
    <row r="328117" spans="8:8">
      <c r="H328117" s="12"/>
    </row>
    <row r="328118" spans="8:8">
      <c r="H328118" s="12"/>
    </row>
    <row r="328119" spans="8:8">
      <c r="H328119" s="12"/>
    </row>
    <row r="328120" spans="8:8">
      <c r="H328120" s="12"/>
    </row>
    <row r="328121" spans="8:8">
      <c r="H328121" s="12"/>
    </row>
    <row r="328122" spans="8:8">
      <c r="H328122" s="12"/>
    </row>
    <row r="328123" spans="8:8">
      <c r="H328123" s="12"/>
    </row>
    <row r="328124" spans="8:8">
      <c r="H328124" s="12"/>
    </row>
    <row r="328125" spans="8:8">
      <c r="H328125" s="12"/>
    </row>
    <row r="328126" spans="8:8">
      <c r="H328126" s="12"/>
    </row>
    <row r="328127" spans="8:8">
      <c r="H328127" s="12"/>
    </row>
    <row r="328128" spans="8:8">
      <c r="H328128" s="12"/>
    </row>
    <row r="328129" spans="8:8">
      <c r="H328129" s="12"/>
    </row>
    <row r="328130" spans="8:8">
      <c r="H328130" s="12"/>
    </row>
    <row r="328131" spans="8:8">
      <c r="H328131" s="12"/>
    </row>
    <row r="328132" spans="8:8">
      <c r="H328132" s="12"/>
    </row>
    <row r="328133" spans="8:8">
      <c r="H328133" s="12"/>
    </row>
    <row r="328134" spans="8:8">
      <c r="H328134" s="12"/>
    </row>
    <row r="328135" spans="8:8">
      <c r="H328135" s="12"/>
    </row>
    <row r="328136" spans="8:8">
      <c r="H328136" s="12"/>
    </row>
    <row r="328137" spans="8:8">
      <c r="H328137" s="12"/>
    </row>
    <row r="328138" spans="8:8">
      <c r="H328138" s="12"/>
    </row>
    <row r="328139" spans="8:8">
      <c r="H328139" s="12"/>
    </row>
    <row r="328140" spans="8:8">
      <c r="H328140" s="12"/>
    </row>
    <row r="328141" spans="8:8">
      <c r="H328141" s="12"/>
    </row>
    <row r="328142" spans="8:8">
      <c r="H328142" s="12"/>
    </row>
    <row r="328143" spans="8:8">
      <c r="H328143" s="12"/>
    </row>
    <row r="328144" spans="8:8">
      <c r="H328144" s="12"/>
    </row>
    <row r="328145" spans="8:8">
      <c r="H328145" s="12"/>
    </row>
    <row r="328146" spans="8:8">
      <c r="H328146" s="12"/>
    </row>
    <row r="328147" spans="8:8">
      <c r="H328147" s="12"/>
    </row>
    <row r="328148" spans="8:8">
      <c r="H328148" s="12"/>
    </row>
    <row r="328149" spans="8:8">
      <c r="H328149" s="12"/>
    </row>
    <row r="328150" spans="8:8">
      <c r="H328150" s="12"/>
    </row>
    <row r="328151" spans="8:8">
      <c r="H328151" s="12"/>
    </row>
    <row r="328152" spans="8:8">
      <c r="H328152" s="12"/>
    </row>
    <row r="328153" spans="8:8">
      <c r="H328153" s="12"/>
    </row>
    <row r="328154" spans="8:8">
      <c r="H328154" s="12"/>
    </row>
    <row r="328155" spans="8:8">
      <c r="H328155" s="12"/>
    </row>
    <row r="328156" spans="8:8">
      <c r="H328156" s="12"/>
    </row>
    <row r="328157" spans="8:8">
      <c r="H328157" s="12"/>
    </row>
    <row r="328158" spans="8:8">
      <c r="H328158" s="12"/>
    </row>
    <row r="328159" spans="8:8">
      <c r="H328159" s="12"/>
    </row>
    <row r="328160" spans="8:8">
      <c r="H328160" s="12"/>
    </row>
    <row r="328161" spans="8:8">
      <c r="H328161" s="12"/>
    </row>
    <row r="328162" spans="8:8">
      <c r="H328162" s="12"/>
    </row>
    <row r="328163" spans="8:8">
      <c r="H328163" s="12"/>
    </row>
    <row r="328164" spans="8:8">
      <c r="H328164" s="12"/>
    </row>
    <row r="328165" spans="8:8">
      <c r="H328165" s="12"/>
    </row>
    <row r="328166" spans="8:8">
      <c r="H328166" s="12"/>
    </row>
    <row r="328167" spans="8:8">
      <c r="H328167" s="12"/>
    </row>
    <row r="328168" spans="8:8">
      <c r="H328168" s="12"/>
    </row>
    <row r="328169" spans="8:8">
      <c r="H328169" s="12"/>
    </row>
    <row r="328170" spans="8:8">
      <c r="H328170" s="12"/>
    </row>
    <row r="328171" spans="8:8">
      <c r="H328171" s="12"/>
    </row>
    <row r="328172" spans="8:8">
      <c r="H328172" s="12"/>
    </row>
    <row r="328173" spans="8:8">
      <c r="H328173" s="12"/>
    </row>
    <row r="328174" spans="8:8">
      <c r="H328174" s="12"/>
    </row>
    <row r="328175" spans="8:8">
      <c r="H328175" s="12"/>
    </row>
    <row r="328176" spans="8:8">
      <c r="H328176" s="12"/>
    </row>
    <row r="328177" spans="8:8">
      <c r="H328177" s="12"/>
    </row>
    <row r="328178" spans="8:8">
      <c r="H328178" s="12"/>
    </row>
    <row r="328179" spans="8:8">
      <c r="H328179" s="12"/>
    </row>
    <row r="328180" spans="8:8">
      <c r="H328180" s="12"/>
    </row>
    <row r="328181" spans="8:8">
      <c r="H328181" s="12"/>
    </row>
    <row r="328182" spans="8:8">
      <c r="H328182" s="12"/>
    </row>
    <row r="328183" spans="8:8">
      <c r="H328183" s="12"/>
    </row>
    <row r="328184" spans="8:8">
      <c r="H328184" s="12"/>
    </row>
    <row r="328185" spans="8:8">
      <c r="H328185" s="12"/>
    </row>
    <row r="328186" spans="8:8">
      <c r="H328186" s="12"/>
    </row>
    <row r="328187" spans="8:8">
      <c r="H328187" s="12"/>
    </row>
    <row r="328188" spans="8:8">
      <c r="H328188" s="12"/>
    </row>
    <row r="328189" spans="8:8">
      <c r="H328189" s="12"/>
    </row>
    <row r="328190" spans="8:8">
      <c r="H328190" s="12"/>
    </row>
    <row r="328191" spans="8:8">
      <c r="H328191" s="12"/>
    </row>
    <row r="328192" spans="8:8">
      <c r="H328192" s="12"/>
    </row>
    <row r="328193" spans="8:8">
      <c r="H328193" s="12"/>
    </row>
    <row r="328194" spans="8:8">
      <c r="H328194" s="12"/>
    </row>
    <row r="328195" spans="8:8">
      <c r="H328195" s="12"/>
    </row>
    <row r="328196" spans="8:8">
      <c r="H328196" s="12"/>
    </row>
    <row r="328197" spans="8:8">
      <c r="H328197" s="12"/>
    </row>
    <row r="328198" spans="8:8">
      <c r="H328198" s="12"/>
    </row>
    <row r="328199" spans="8:8">
      <c r="H328199" s="12"/>
    </row>
    <row r="328200" spans="8:8">
      <c r="H328200" s="12"/>
    </row>
    <row r="328201" spans="8:8">
      <c r="H328201" s="12"/>
    </row>
    <row r="328202" spans="8:8">
      <c r="H328202" s="12"/>
    </row>
    <row r="328203" spans="8:8">
      <c r="H328203" s="12"/>
    </row>
    <row r="328204" spans="8:8">
      <c r="H328204" s="12"/>
    </row>
    <row r="328205" spans="8:8">
      <c r="H328205" s="12"/>
    </row>
    <row r="328206" spans="8:8">
      <c r="H328206" s="12"/>
    </row>
    <row r="328207" spans="8:8">
      <c r="H328207" s="12"/>
    </row>
    <row r="328208" spans="8:8">
      <c r="H328208" s="12"/>
    </row>
    <row r="328209" spans="8:8">
      <c r="H328209" s="12"/>
    </row>
    <row r="328210" spans="8:8">
      <c r="H328210" s="12"/>
    </row>
    <row r="328211" spans="8:8">
      <c r="H328211" s="12"/>
    </row>
    <row r="328212" spans="8:8">
      <c r="H328212" s="12"/>
    </row>
    <row r="328213" spans="8:8">
      <c r="H328213" s="12"/>
    </row>
    <row r="328214" spans="8:8">
      <c r="H328214" s="12"/>
    </row>
    <row r="328215" spans="8:8">
      <c r="H328215" s="12"/>
    </row>
    <row r="328216" spans="8:8">
      <c r="H328216" s="12"/>
    </row>
    <row r="328217" spans="8:8">
      <c r="H328217" s="12"/>
    </row>
    <row r="328218" spans="8:8">
      <c r="H328218" s="12"/>
    </row>
    <row r="328219" spans="8:8">
      <c r="H328219" s="12"/>
    </row>
    <row r="328220" spans="8:8">
      <c r="H328220" s="12"/>
    </row>
    <row r="328221" spans="8:8">
      <c r="H328221" s="12"/>
    </row>
    <row r="328222" spans="8:8">
      <c r="H328222" s="12"/>
    </row>
    <row r="328223" spans="8:8">
      <c r="H328223" s="12"/>
    </row>
    <row r="328224" spans="8:8">
      <c r="H328224" s="12"/>
    </row>
    <row r="328225" spans="8:8">
      <c r="H328225" s="12"/>
    </row>
    <row r="328226" spans="8:8">
      <c r="H328226" s="12"/>
    </row>
    <row r="328227" spans="8:8">
      <c r="H328227" s="12"/>
    </row>
    <row r="328228" spans="8:8">
      <c r="H328228" s="12"/>
    </row>
    <row r="328229" spans="8:8">
      <c r="H328229" s="12"/>
    </row>
    <row r="328230" spans="8:8">
      <c r="H328230" s="12"/>
    </row>
    <row r="328231" spans="8:8">
      <c r="H328231" s="12"/>
    </row>
    <row r="328232" spans="8:8">
      <c r="H328232" s="12"/>
    </row>
    <row r="328233" spans="8:8">
      <c r="H328233" s="12"/>
    </row>
    <row r="328234" spans="8:8">
      <c r="H328234" s="12"/>
    </row>
    <row r="328235" spans="8:8">
      <c r="H328235" s="12"/>
    </row>
    <row r="328236" spans="8:8">
      <c r="H328236" s="12"/>
    </row>
    <row r="328237" spans="8:8">
      <c r="H328237" s="12"/>
    </row>
    <row r="328238" spans="8:8">
      <c r="H328238" s="12"/>
    </row>
    <row r="328239" spans="8:8">
      <c r="H328239" s="12"/>
    </row>
    <row r="328240" spans="8:8">
      <c r="H328240" s="12"/>
    </row>
    <row r="328241" spans="8:8">
      <c r="H328241" s="12"/>
    </row>
    <row r="328242" spans="8:8">
      <c r="H328242" s="12"/>
    </row>
    <row r="328243" spans="8:8">
      <c r="H328243" s="12"/>
    </row>
    <row r="328244" spans="8:8">
      <c r="H328244" s="12"/>
    </row>
    <row r="328245" spans="8:8">
      <c r="H328245" s="12"/>
    </row>
    <row r="328246" spans="8:8">
      <c r="H328246" s="12"/>
    </row>
    <row r="328247" spans="8:8">
      <c r="H328247" s="12"/>
    </row>
    <row r="328248" spans="8:8">
      <c r="H328248" s="12"/>
    </row>
    <row r="328249" spans="8:8">
      <c r="H328249" s="12"/>
    </row>
    <row r="328250" spans="8:8">
      <c r="H328250" s="12"/>
    </row>
    <row r="328251" spans="8:8">
      <c r="H328251" s="12"/>
    </row>
    <row r="328252" spans="8:8">
      <c r="H328252" s="12"/>
    </row>
    <row r="328253" spans="8:8">
      <c r="H328253" s="12"/>
    </row>
    <row r="328254" spans="8:8">
      <c r="H328254" s="12"/>
    </row>
    <row r="328255" spans="8:8">
      <c r="H328255" s="12"/>
    </row>
    <row r="328256" spans="8:8">
      <c r="H328256" s="12"/>
    </row>
    <row r="328257" spans="8:8">
      <c r="H328257" s="12"/>
    </row>
    <row r="328258" spans="8:8">
      <c r="H328258" s="12"/>
    </row>
    <row r="328259" spans="8:8">
      <c r="H328259" s="12"/>
    </row>
    <row r="328260" spans="8:8">
      <c r="H328260" s="12"/>
    </row>
    <row r="328261" spans="8:8">
      <c r="H328261" s="12"/>
    </row>
    <row r="328262" spans="8:8">
      <c r="H328262" s="12"/>
    </row>
    <row r="328263" spans="8:8">
      <c r="H328263" s="12"/>
    </row>
    <row r="328264" spans="8:8">
      <c r="H328264" s="12"/>
    </row>
    <row r="328265" spans="8:8">
      <c r="H328265" s="12"/>
    </row>
    <row r="328266" spans="8:8">
      <c r="H328266" s="12"/>
    </row>
    <row r="328267" spans="8:8">
      <c r="H328267" s="12"/>
    </row>
    <row r="328268" spans="8:8">
      <c r="H328268" s="12"/>
    </row>
    <row r="328269" spans="8:8">
      <c r="H328269" s="12"/>
    </row>
    <row r="328270" spans="8:8">
      <c r="H328270" s="12"/>
    </row>
    <row r="328271" spans="8:8">
      <c r="H328271" s="12"/>
    </row>
    <row r="328272" spans="8:8">
      <c r="H328272" s="12"/>
    </row>
    <row r="328273" spans="8:8">
      <c r="H328273" s="12"/>
    </row>
    <row r="328274" spans="8:8">
      <c r="H328274" s="12"/>
    </row>
    <row r="328275" spans="8:8">
      <c r="H328275" s="12"/>
    </row>
    <row r="328276" spans="8:8">
      <c r="H328276" s="12"/>
    </row>
    <row r="328277" spans="8:8">
      <c r="H328277" s="12"/>
    </row>
    <row r="328278" spans="8:8">
      <c r="H328278" s="12"/>
    </row>
    <row r="328279" spans="8:8">
      <c r="H328279" s="12"/>
    </row>
    <row r="328280" spans="8:8">
      <c r="H328280" s="12"/>
    </row>
    <row r="328281" spans="8:8">
      <c r="H328281" s="12"/>
    </row>
    <row r="328282" spans="8:8">
      <c r="H328282" s="12"/>
    </row>
    <row r="328283" spans="8:8">
      <c r="H328283" s="12"/>
    </row>
    <row r="328284" spans="8:8">
      <c r="H328284" s="12"/>
    </row>
    <row r="328285" spans="8:8">
      <c r="H328285" s="12"/>
    </row>
    <row r="328286" spans="8:8">
      <c r="H328286" s="12"/>
    </row>
    <row r="328287" spans="8:8">
      <c r="H328287" s="12"/>
    </row>
    <row r="328288" spans="8:8">
      <c r="H328288" s="12"/>
    </row>
    <row r="328289" spans="8:8">
      <c r="H328289" s="12"/>
    </row>
    <row r="328290" spans="8:8">
      <c r="H328290" s="12"/>
    </row>
    <row r="328291" spans="8:8">
      <c r="H328291" s="12"/>
    </row>
    <row r="328292" spans="8:8">
      <c r="H328292" s="12"/>
    </row>
    <row r="328293" spans="8:8">
      <c r="H328293" s="12"/>
    </row>
    <row r="328294" spans="8:8">
      <c r="H328294" s="12"/>
    </row>
    <row r="328295" spans="8:8">
      <c r="H328295" s="12"/>
    </row>
    <row r="328296" spans="8:8">
      <c r="H328296" s="12"/>
    </row>
    <row r="328297" spans="8:8">
      <c r="H328297" s="12"/>
    </row>
    <row r="328298" spans="8:8">
      <c r="H328298" s="12"/>
    </row>
    <row r="328299" spans="8:8">
      <c r="H328299" s="12"/>
    </row>
    <row r="328300" spans="8:8">
      <c r="H328300" s="12"/>
    </row>
    <row r="328301" spans="8:8">
      <c r="H328301" s="12"/>
    </row>
    <row r="328302" spans="8:8">
      <c r="H328302" s="12"/>
    </row>
    <row r="328303" spans="8:8">
      <c r="H328303" s="12"/>
    </row>
    <row r="328304" spans="8:8">
      <c r="H328304" s="12"/>
    </row>
    <row r="328305" spans="8:8">
      <c r="H328305" s="12"/>
    </row>
    <row r="328306" spans="8:8">
      <c r="H328306" s="12"/>
    </row>
    <row r="328307" spans="8:8">
      <c r="H328307" s="12"/>
    </row>
    <row r="328308" spans="8:8">
      <c r="H328308" s="12"/>
    </row>
    <row r="328309" spans="8:8">
      <c r="H328309" s="12"/>
    </row>
    <row r="328310" spans="8:8">
      <c r="H328310" s="12"/>
    </row>
    <row r="328311" spans="8:8">
      <c r="H328311" s="12"/>
    </row>
    <row r="328312" spans="8:8">
      <c r="H328312" s="12"/>
    </row>
    <row r="328313" spans="8:8">
      <c r="H328313" s="12"/>
    </row>
    <row r="328314" spans="8:8">
      <c r="H328314" s="12"/>
    </row>
    <row r="328315" spans="8:8">
      <c r="H328315" s="12"/>
    </row>
    <row r="328316" spans="8:8">
      <c r="H328316" s="12"/>
    </row>
    <row r="328317" spans="8:8">
      <c r="H328317" s="12"/>
    </row>
    <row r="328318" spans="8:8">
      <c r="H328318" s="12"/>
    </row>
    <row r="328319" spans="8:8">
      <c r="H328319" s="12"/>
    </row>
    <row r="328320" spans="8:8">
      <c r="H328320" s="12"/>
    </row>
    <row r="328321" spans="8:8">
      <c r="H328321" s="12"/>
    </row>
    <row r="328322" spans="8:8">
      <c r="H328322" s="12"/>
    </row>
    <row r="328323" spans="8:8">
      <c r="H328323" s="12"/>
    </row>
    <row r="328324" spans="8:8">
      <c r="H328324" s="12"/>
    </row>
    <row r="328325" spans="8:8">
      <c r="H328325" s="12"/>
    </row>
    <row r="328326" spans="8:8">
      <c r="H328326" s="12"/>
    </row>
    <row r="328327" spans="8:8">
      <c r="H328327" s="12"/>
    </row>
    <row r="328328" spans="8:8">
      <c r="H328328" s="12"/>
    </row>
    <row r="328329" spans="8:8">
      <c r="H328329" s="12"/>
    </row>
    <row r="328330" spans="8:8">
      <c r="H328330" s="12"/>
    </row>
    <row r="328331" spans="8:8">
      <c r="H328331" s="12"/>
    </row>
    <row r="328332" spans="8:8">
      <c r="H328332" s="12"/>
    </row>
    <row r="328333" spans="8:8">
      <c r="H328333" s="12"/>
    </row>
    <row r="328334" spans="8:8">
      <c r="H328334" s="12"/>
    </row>
    <row r="328335" spans="8:8">
      <c r="H328335" s="12"/>
    </row>
    <row r="328336" spans="8:8">
      <c r="H328336" s="12"/>
    </row>
    <row r="328337" spans="8:8">
      <c r="H328337" s="12"/>
    </row>
    <row r="328338" spans="8:8">
      <c r="H328338" s="12"/>
    </row>
    <row r="328339" spans="8:8">
      <c r="H328339" s="12"/>
    </row>
    <row r="328340" spans="8:8">
      <c r="H328340" s="12"/>
    </row>
    <row r="328341" spans="8:8">
      <c r="H328341" s="12"/>
    </row>
    <row r="328342" spans="8:8">
      <c r="H328342" s="12"/>
    </row>
    <row r="328343" spans="8:8">
      <c r="H328343" s="12"/>
    </row>
    <row r="328344" spans="8:8">
      <c r="H328344" s="12"/>
    </row>
    <row r="328345" spans="8:8">
      <c r="H328345" s="12"/>
    </row>
    <row r="328346" spans="8:8">
      <c r="H328346" s="12"/>
    </row>
    <row r="328347" spans="8:8">
      <c r="H328347" s="12"/>
    </row>
    <row r="328348" spans="8:8">
      <c r="H328348" s="12"/>
    </row>
    <row r="328349" spans="8:8">
      <c r="H328349" s="12"/>
    </row>
    <row r="328350" spans="8:8">
      <c r="H328350" s="12"/>
    </row>
    <row r="328351" spans="8:8">
      <c r="H328351" s="12"/>
    </row>
    <row r="328352" spans="8:8">
      <c r="H328352" s="12"/>
    </row>
    <row r="328353" spans="8:8">
      <c r="H328353" s="12"/>
    </row>
    <row r="328354" spans="8:8">
      <c r="H328354" s="12"/>
    </row>
    <row r="328355" spans="8:8">
      <c r="H328355" s="12"/>
    </row>
    <row r="328356" spans="8:8">
      <c r="H328356" s="12"/>
    </row>
    <row r="328357" spans="8:8">
      <c r="H328357" s="12"/>
    </row>
    <row r="328358" spans="8:8">
      <c r="H328358" s="12"/>
    </row>
    <row r="328359" spans="8:8">
      <c r="H328359" s="12"/>
    </row>
    <row r="328360" spans="8:8">
      <c r="H328360" s="12"/>
    </row>
    <row r="328361" spans="8:8">
      <c r="H328361" s="12"/>
    </row>
    <row r="328362" spans="8:8">
      <c r="H328362" s="12"/>
    </row>
    <row r="328363" spans="8:8">
      <c r="H328363" s="12"/>
    </row>
    <row r="328364" spans="8:8">
      <c r="H328364" s="12"/>
    </row>
    <row r="328365" spans="8:8">
      <c r="H328365" s="12"/>
    </row>
    <row r="328366" spans="8:8">
      <c r="H328366" s="12"/>
    </row>
    <row r="328367" spans="8:8">
      <c r="H328367" s="12"/>
    </row>
    <row r="328368" spans="8:8">
      <c r="H328368" s="12"/>
    </row>
    <row r="328369" spans="8:8">
      <c r="H328369" s="12"/>
    </row>
    <row r="328370" spans="8:8">
      <c r="H328370" s="12"/>
    </row>
    <row r="328371" spans="8:8">
      <c r="H328371" s="12"/>
    </row>
    <row r="328372" spans="8:8">
      <c r="H328372" s="12"/>
    </row>
    <row r="328373" spans="8:8">
      <c r="H328373" s="12"/>
    </row>
    <row r="328374" spans="8:8">
      <c r="H328374" s="12"/>
    </row>
    <row r="328375" spans="8:8">
      <c r="H328375" s="12"/>
    </row>
    <row r="328376" spans="8:8">
      <c r="H328376" s="12"/>
    </row>
    <row r="328377" spans="8:8">
      <c r="H328377" s="12"/>
    </row>
    <row r="328378" spans="8:8">
      <c r="H328378" s="12"/>
    </row>
    <row r="328379" spans="8:8">
      <c r="H328379" s="12"/>
    </row>
    <row r="328380" spans="8:8">
      <c r="H328380" s="12"/>
    </row>
    <row r="328381" spans="8:8">
      <c r="H328381" s="12"/>
    </row>
    <row r="328382" spans="8:8">
      <c r="H328382" s="12"/>
    </row>
    <row r="328383" spans="8:8">
      <c r="H328383" s="12"/>
    </row>
    <row r="328384" spans="8:8">
      <c r="H328384" s="12"/>
    </row>
    <row r="328385" spans="8:8">
      <c r="H328385" s="12"/>
    </row>
    <row r="328386" spans="8:8">
      <c r="H328386" s="12"/>
    </row>
    <row r="328387" spans="8:8">
      <c r="H328387" s="12"/>
    </row>
    <row r="328388" spans="8:8">
      <c r="H328388" s="12"/>
    </row>
    <row r="328389" spans="8:8">
      <c r="H328389" s="12"/>
    </row>
    <row r="328390" spans="8:8">
      <c r="H328390" s="12"/>
    </row>
    <row r="328391" spans="8:8">
      <c r="H328391" s="12"/>
    </row>
    <row r="328392" spans="8:8">
      <c r="H328392" s="12"/>
    </row>
    <row r="328393" spans="8:8">
      <c r="H328393" s="12"/>
    </row>
    <row r="328394" spans="8:8">
      <c r="H328394" s="12"/>
    </row>
    <row r="328395" spans="8:8">
      <c r="H328395" s="12"/>
    </row>
    <row r="328396" spans="8:8">
      <c r="H328396" s="12"/>
    </row>
    <row r="328397" spans="8:8">
      <c r="H328397" s="12"/>
    </row>
    <row r="328398" spans="8:8">
      <c r="H328398" s="12"/>
    </row>
    <row r="328399" spans="8:8">
      <c r="H328399" s="12"/>
    </row>
    <row r="328400" spans="8:8">
      <c r="H328400" s="12"/>
    </row>
    <row r="328401" spans="8:8">
      <c r="H328401" s="12"/>
    </row>
    <row r="328402" spans="8:8">
      <c r="H328402" s="12"/>
    </row>
    <row r="328403" spans="8:8">
      <c r="H328403" s="12"/>
    </row>
    <row r="328404" spans="8:8">
      <c r="H328404" s="12"/>
    </row>
    <row r="328405" spans="8:8">
      <c r="H328405" s="12"/>
    </row>
    <row r="328406" spans="8:8">
      <c r="H328406" s="12"/>
    </row>
    <row r="328407" spans="8:8">
      <c r="H328407" s="12"/>
    </row>
    <row r="328408" spans="8:8">
      <c r="H328408" s="12"/>
    </row>
    <row r="328409" spans="8:8">
      <c r="H328409" s="12"/>
    </row>
    <row r="328410" spans="8:8">
      <c r="H328410" s="12"/>
    </row>
    <row r="328411" spans="8:8">
      <c r="H328411" s="12"/>
    </row>
    <row r="328412" spans="8:8">
      <c r="H328412" s="12"/>
    </row>
    <row r="328413" spans="8:8">
      <c r="H328413" s="12"/>
    </row>
    <row r="328414" spans="8:8">
      <c r="H328414" s="12"/>
    </row>
    <row r="328415" spans="8:8">
      <c r="H328415" s="12"/>
    </row>
    <row r="328416" spans="8:8">
      <c r="H328416" s="12"/>
    </row>
    <row r="328417" spans="8:8">
      <c r="H328417" s="12"/>
    </row>
    <row r="328418" spans="8:8">
      <c r="H328418" s="12"/>
    </row>
    <row r="328419" spans="8:8">
      <c r="H328419" s="12"/>
    </row>
    <row r="328420" spans="8:8">
      <c r="H328420" s="12"/>
    </row>
    <row r="328421" spans="8:8">
      <c r="H328421" s="12"/>
    </row>
    <row r="328422" spans="8:8">
      <c r="H328422" s="12"/>
    </row>
    <row r="328423" spans="8:8">
      <c r="H328423" s="12"/>
    </row>
    <row r="328424" spans="8:8">
      <c r="H328424" s="12"/>
    </row>
    <row r="328425" spans="8:8">
      <c r="H328425" s="12"/>
    </row>
    <row r="328426" spans="8:8">
      <c r="H328426" s="12"/>
    </row>
    <row r="328427" spans="8:8">
      <c r="H328427" s="12"/>
    </row>
    <row r="328428" spans="8:8">
      <c r="H328428" s="12"/>
    </row>
    <row r="328429" spans="8:8">
      <c r="H328429" s="12"/>
    </row>
    <row r="328430" spans="8:8">
      <c r="H328430" s="12"/>
    </row>
    <row r="328431" spans="8:8">
      <c r="H328431" s="12"/>
    </row>
    <row r="328432" spans="8:8">
      <c r="H328432" s="12"/>
    </row>
    <row r="328433" spans="8:8">
      <c r="H328433" s="12"/>
    </row>
    <row r="328434" spans="8:8">
      <c r="H328434" s="12"/>
    </row>
    <row r="328435" spans="8:8">
      <c r="H328435" s="12"/>
    </row>
    <row r="328436" spans="8:8">
      <c r="H328436" s="12"/>
    </row>
    <row r="328437" spans="8:8">
      <c r="H328437" s="12"/>
    </row>
    <row r="328438" spans="8:8">
      <c r="H328438" s="12"/>
    </row>
    <row r="328439" spans="8:8">
      <c r="H328439" s="12"/>
    </row>
    <row r="328440" spans="8:8">
      <c r="H328440" s="12"/>
    </row>
    <row r="328441" spans="8:8">
      <c r="H328441" s="12"/>
    </row>
    <row r="328442" spans="8:8">
      <c r="H328442" s="12"/>
    </row>
    <row r="328443" spans="8:8">
      <c r="H328443" s="12"/>
    </row>
    <row r="328444" spans="8:8">
      <c r="H328444" s="12"/>
    </row>
    <row r="328445" spans="8:8">
      <c r="H328445" s="12"/>
    </row>
    <row r="328446" spans="8:8">
      <c r="H328446" s="12"/>
    </row>
    <row r="328447" spans="8:8">
      <c r="H328447" s="12"/>
    </row>
    <row r="328448" spans="8:8">
      <c r="H328448" s="12"/>
    </row>
    <row r="328449" spans="8:8">
      <c r="H328449" s="12"/>
    </row>
    <row r="328450" spans="8:8">
      <c r="H328450" s="12"/>
    </row>
    <row r="328451" spans="8:8">
      <c r="H328451" s="12"/>
    </row>
    <row r="328452" spans="8:8">
      <c r="H328452" s="12"/>
    </row>
    <row r="328453" spans="8:8">
      <c r="H328453" s="12"/>
    </row>
    <row r="328454" spans="8:8">
      <c r="H328454" s="12"/>
    </row>
    <row r="328455" spans="8:8">
      <c r="H328455" s="12"/>
    </row>
    <row r="328456" spans="8:8">
      <c r="H328456" s="12"/>
    </row>
    <row r="328457" spans="8:8">
      <c r="H328457" s="12"/>
    </row>
    <row r="328458" spans="8:8">
      <c r="H328458" s="12"/>
    </row>
    <row r="328459" spans="8:8">
      <c r="H328459" s="12"/>
    </row>
    <row r="328460" spans="8:8">
      <c r="H328460" s="12"/>
    </row>
    <row r="328461" spans="8:8">
      <c r="H328461" s="12"/>
    </row>
    <row r="328462" spans="8:8">
      <c r="H328462" s="12"/>
    </row>
    <row r="328463" spans="8:8">
      <c r="H328463" s="12"/>
    </row>
    <row r="328464" spans="8:8">
      <c r="H328464" s="12"/>
    </row>
    <row r="328465" spans="8:8">
      <c r="H328465" s="12"/>
    </row>
    <row r="328466" spans="8:8">
      <c r="H328466" s="12"/>
    </row>
    <row r="328467" spans="8:8">
      <c r="H328467" s="12"/>
    </row>
    <row r="328468" spans="8:8">
      <c r="H328468" s="12"/>
    </row>
    <row r="328469" spans="8:8">
      <c r="H328469" s="12"/>
    </row>
    <row r="328470" spans="8:8">
      <c r="H328470" s="12"/>
    </row>
    <row r="328471" spans="8:8">
      <c r="H328471" s="12"/>
    </row>
    <row r="328472" spans="8:8">
      <c r="H328472" s="12"/>
    </row>
    <row r="328473" spans="8:8">
      <c r="H328473" s="12"/>
    </row>
    <row r="328474" spans="8:8">
      <c r="H328474" s="12"/>
    </row>
    <row r="328475" spans="8:8">
      <c r="H328475" s="12"/>
    </row>
    <row r="328476" spans="8:8">
      <c r="H328476" s="12"/>
    </row>
    <row r="328477" spans="8:8">
      <c r="H328477" s="12"/>
    </row>
    <row r="328478" spans="8:8">
      <c r="H328478" s="12"/>
    </row>
    <row r="328479" spans="8:8">
      <c r="H328479" s="12"/>
    </row>
    <row r="328480" spans="8:8">
      <c r="H328480" s="12"/>
    </row>
    <row r="328481" spans="8:8">
      <c r="H328481" s="12"/>
    </row>
    <row r="328482" spans="8:8">
      <c r="H328482" s="12"/>
    </row>
    <row r="328483" spans="8:8">
      <c r="H328483" s="12"/>
    </row>
    <row r="328484" spans="8:8">
      <c r="H328484" s="12"/>
    </row>
    <row r="328485" spans="8:8">
      <c r="H328485" s="12"/>
    </row>
    <row r="328486" spans="8:8">
      <c r="H328486" s="12"/>
    </row>
    <row r="328487" spans="8:8">
      <c r="H328487" s="12"/>
    </row>
    <row r="328488" spans="8:8">
      <c r="H328488" s="12"/>
    </row>
    <row r="328489" spans="8:8">
      <c r="H328489" s="12"/>
    </row>
    <row r="328490" spans="8:8">
      <c r="H328490" s="12"/>
    </row>
    <row r="328491" spans="8:8">
      <c r="H328491" s="12"/>
    </row>
    <row r="328492" spans="8:8">
      <c r="H328492" s="12"/>
    </row>
    <row r="328493" spans="8:8">
      <c r="H328493" s="12"/>
    </row>
    <row r="328494" spans="8:8">
      <c r="H328494" s="12"/>
    </row>
    <row r="328495" spans="8:8">
      <c r="H328495" s="12"/>
    </row>
    <row r="328496" spans="8:8">
      <c r="H328496" s="12"/>
    </row>
    <row r="328497" spans="8:8">
      <c r="H328497" s="12"/>
    </row>
    <row r="328498" spans="8:8">
      <c r="H328498" s="12"/>
    </row>
    <row r="328499" spans="8:8">
      <c r="H328499" s="12"/>
    </row>
    <row r="328500" spans="8:8">
      <c r="H328500" s="12"/>
    </row>
    <row r="328501" spans="8:8">
      <c r="H328501" s="12"/>
    </row>
    <row r="328502" spans="8:8">
      <c r="H328502" s="12"/>
    </row>
    <row r="328503" spans="8:8">
      <c r="H328503" s="12"/>
    </row>
    <row r="328504" spans="8:8">
      <c r="H328504" s="12"/>
    </row>
    <row r="328505" spans="8:8">
      <c r="H328505" s="12"/>
    </row>
    <row r="328506" spans="8:8">
      <c r="H328506" s="12"/>
    </row>
    <row r="328507" spans="8:8">
      <c r="H328507" s="12"/>
    </row>
    <row r="328508" spans="8:8">
      <c r="H328508" s="12"/>
    </row>
    <row r="328509" spans="8:8">
      <c r="H328509" s="12"/>
    </row>
    <row r="328510" spans="8:8">
      <c r="H328510" s="12"/>
    </row>
    <row r="328511" spans="8:8">
      <c r="H328511" s="12"/>
    </row>
    <row r="328512" spans="8:8">
      <c r="H328512" s="12"/>
    </row>
    <row r="328513" spans="8:8">
      <c r="H328513" s="12"/>
    </row>
    <row r="328514" spans="8:8">
      <c r="H328514" s="12"/>
    </row>
    <row r="328515" spans="8:8">
      <c r="H328515" s="12"/>
    </row>
    <row r="328516" spans="8:8">
      <c r="H328516" s="12"/>
    </row>
    <row r="328517" spans="8:8">
      <c r="H328517" s="12"/>
    </row>
    <row r="328518" spans="8:8">
      <c r="H328518" s="12"/>
    </row>
    <row r="328519" spans="8:8">
      <c r="H328519" s="12"/>
    </row>
    <row r="328520" spans="8:8">
      <c r="H328520" s="12"/>
    </row>
    <row r="328521" spans="8:8">
      <c r="H328521" s="12"/>
    </row>
    <row r="328522" spans="8:8">
      <c r="H328522" s="12"/>
    </row>
    <row r="328523" spans="8:8">
      <c r="H328523" s="12"/>
    </row>
    <row r="328524" spans="8:8">
      <c r="H328524" s="12"/>
    </row>
    <row r="328525" spans="8:8">
      <c r="H328525" s="12"/>
    </row>
    <row r="328526" spans="8:8">
      <c r="H328526" s="12"/>
    </row>
    <row r="328527" spans="8:8">
      <c r="H328527" s="12"/>
    </row>
    <row r="328528" spans="8:8">
      <c r="H328528" s="12"/>
    </row>
    <row r="328529" spans="8:8">
      <c r="H328529" s="12"/>
    </row>
    <row r="328530" spans="8:8">
      <c r="H328530" s="12"/>
    </row>
    <row r="328531" spans="8:8">
      <c r="H328531" s="12"/>
    </row>
    <row r="328532" spans="8:8">
      <c r="H328532" s="12"/>
    </row>
    <row r="328533" spans="8:8">
      <c r="H328533" s="12"/>
    </row>
    <row r="328534" spans="8:8">
      <c r="H328534" s="12"/>
    </row>
    <row r="328535" spans="8:8">
      <c r="H328535" s="12"/>
    </row>
    <row r="328536" spans="8:8">
      <c r="H328536" s="12"/>
    </row>
    <row r="328537" spans="8:8">
      <c r="H328537" s="12"/>
    </row>
    <row r="328538" spans="8:8">
      <c r="H328538" s="12"/>
    </row>
    <row r="328539" spans="8:8">
      <c r="H328539" s="12"/>
    </row>
    <row r="328540" spans="8:8">
      <c r="H328540" s="12"/>
    </row>
    <row r="328541" spans="8:8">
      <c r="H328541" s="12"/>
    </row>
    <row r="328542" spans="8:8">
      <c r="H328542" s="12"/>
    </row>
    <row r="328543" spans="8:8">
      <c r="H328543" s="12"/>
    </row>
    <row r="328544" spans="8:8">
      <c r="H328544" s="12"/>
    </row>
    <row r="328545" spans="8:8">
      <c r="H328545" s="12"/>
    </row>
    <row r="328546" spans="8:8">
      <c r="H328546" s="12"/>
    </row>
    <row r="328547" spans="8:8">
      <c r="H328547" s="12"/>
    </row>
    <row r="328548" spans="8:8">
      <c r="H328548" s="12"/>
    </row>
    <row r="328549" spans="8:8">
      <c r="H328549" s="12"/>
    </row>
    <row r="328550" spans="8:8">
      <c r="H328550" s="12"/>
    </row>
    <row r="328551" spans="8:8">
      <c r="H328551" s="12"/>
    </row>
    <row r="328552" spans="8:8">
      <c r="H328552" s="12"/>
    </row>
    <row r="328553" spans="8:8">
      <c r="H328553" s="12"/>
    </row>
    <row r="328554" spans="8:8">
      <c r="H328554" s="12"/>
    </row>
    <row r="328555" spans="8:8">
      <c r="H328555" s="12"/>
    </row>
    <row r="328556" spans="8:8">
      <c r="H328556" s="12"/>
    </row>
    <row r="328557" spans="8:8">
      <c r="H328557" s="12"/>
    </row>
    <row r="328558" spans="8:8">
      <c r="H328558" s="12"/>
    </row>
    <row r="328559" spans="8:8">
      <c r="H328559" s="12"/>
    </row>
    <row r="328560" spans="8:8">
      <c r="H328560" s="12"/>
    </row>
    <row r="328561" spans="8:8">
      <c r="H328561" s="12"/>
    </row>
    <row r="328562" spans="8:8">
      <c r="H328562" s="12"/>
    </row>
    <row r="328563" spans="8:8">
      <c r="H328563" s="12"/>
    </row>
    <row r="328564" spans="8:8">
      <c r="H328564" s="12"/>
    </row>
    <row r="328565" spans="8:8">
      <c r="H328565" s="12"/>
    </row>
    <row r="328566" spans="8:8">
      <c r="H328566" s="12"/>
    </row>
    <row r="328567" spans="8:8">
      <c r="H328567" s="12"/>
    </row>
    <row r="328568" spans="8:8">
      <c r="H328568" s="12"/>
    </row>
    <row r="328569" spans="8:8">
      <c r="H328569" s="12"/>
    </row>
    <row r="328570" spans="8:8">
      <c r="H328570" s="12"/>
    </row>
    <row r="328571" spans="8:8">
      <c r="H328571" s="12"/>
    </row>
    <row r="328572" spans="8:8">
      <c r="H328572" s="12"/>
    </row>
    <row r="328573" spans="8:8">
      <c r="H328573" s="12"/>
    </row>
    <row r="328574" spans="8:8">
      <c r="H328574" s="12"/>
    </row>
    <row r="328575" spans="8:8">
      <c r="H328575" s="12"/>
    </row>
    <row r="328576" spans="8:8">
      <c r="H328576" s="12"/>
    </row>
    <row r="328577" spans="8:8">
      <c r="H328577" s="12"/>
    </row>
    <row r="328578" spans="8:8">
      <c r="H328578" s="12"/>
    </row>
    <row r="328579" spans="8:8">
      <c r="H328579" s="12"/>
    </row>
    <row r="328580" spans="8:8">
      <c r="H328580" s="12"/>
    </row>
    <row r="328581" spans="8:8">
      <c r="H328581" s="12"/>
    </row>
    <row r="328582" spans="8:8">
      <c r="H328582" s="12"/>
    </row>
    <row r="328583" spans="8:8">
      <c r="H328583" s="12"/>
    </row>
    <row r="328584" spans="8:8">
      <c r="H328584" s="12"/>
    </row>
    <row r="328585" spans="8:8">
      <c r="H328585" s="12"/>
    </row>
    <row r="328586" spans="8:8">
      <c r="H328586" s="12"/>
    </row>
    <row r="328587" spans="8:8">
      <c r="H328587" s="12"/>
    </row>
    <row r="328588" spans="8:8">
      <c r="H328588" s="12"/>
    </row>
    <row r="328589" spans="8:8">
      <c r="H328589" s="12"/>
    </row>
    <row r="328590" spans="8:8">
      <c r="H328590" s="12"/>
    </row>
    <row r="328591" spans="8:8">
      <c r="H328591" s="12"/>
    </row>
    <row r="328592" spans="8:8">
      <c r="H328592" s="12"/>
    </row>
    <row r="328593" spans="8:8">
      <c r="H328593" s="12"/>
    </row>
    <row r="328594" spans="8:8">
      <c r="H328594" s="12"/>
    </row>
    <row r="328595" spans="8:8">
      <c r="H328595" s="12"/>
    </row>
    <row r="328596" spans="8:8">
      <c r="H328596" s="12"/>
    </row>
    <row r="328597" spans="8:8">
      <c r="H328597" s="12"/>
    </row>
    <row r="328598" spans="8:8">
      <c r="H328598" s="12"/>
    </row>
    <row r="328599" spans="8:8">
      <c r="H328599" s="12"/>
    </row>
    <row r="328600" spans="8:8">
      <c r="H328600" s="12"/>
    </row>
    <row r="328601" spans="8:8">
      <c r="H328601" s="12"/>
    </row>
    <row r="328602" spans="8:8">
      <c r="H328602" s="12"/>
    </row>
    <row r="328603" spans="8:8">
      <c r="H328603" s="12"/>
    </row>
    <row r="328604" spans="8:8">
      <c r="H328604" s="12"/>
    </row>
    <row r="328605" spans="8:8">
      <c r="H328605" s="12"/>
    </row>
    <row r="328606" spans="8:8">
      <c r="H328606" s="12"/>
    </row>
    <row r="328607" spans="8:8">
      <c r="H328607" s="12"/>
    </row>
    <row r="328608" spans="8:8">
      <c r="H328608" s="12"/>
    </row>
    <row r="328609" spans="8:8">
      <c r="H328609" s="12"/>
    </row>
    <row r="328610" spans="8:8">
      <c r="H328610" s="12"/>
    </row>
    <row r="328611" spans="8:8">
      <c r="H328611" s="12"/>
    </row>
    <row r="328612" spans="8:8">
      <c r="H328612" s="12"/>
    </row>
    <row r="328613" spans="8:8">
      <c r="H328613" s="12"/>
    </row>
    <row r="328614" spans="8:8">
      <c r="H328614" s="12"/>
    </row>
    <row r="328615" spans="8:8">
      <c r="H328615" s="12"/>
    </row>
    <row r="328616" spans="8:8">
      <c r="H328616" s="12"/>
    </row>
    <row r="328617" spans="8:8">
      <c r="H328617" s="12"/>
    </row>
    <row r="328618" spans="8:8">
      <c r="H328618" s="12"/>
    </row>
    <row r="328619" spans="8:8">
      <c r="H328619" s="12"/>
    </row>
    <row r="328620" spans="8:8">
      <c r="H328620" s="12"/>
    </row>
    <row r="328621" spans="8:8">
      <c r="H328621" s="12"/>
    </row>
    <row r="328622" spans="8:8">
      <c r="H328622" s="12"/>
    </row>
    <row r="328623" spans="8:8">
      <c r="H328623" s="12"/>
    </row>
    <row r="328624" spans="8:8">
      <c r="H328624" s="12"/>
    </row>
    <row r="328625" spans="8:8">
      <c r="H328625" s="12"/>
    </row>
    <row r="328626" spans="8:8">
      <c r="H328626" s="12"/>
    </row>
    <row r="328627" spans="8:8">
      <c r="H328627" s="12"/>
    </row>
    <row r="328628" spans="8:8">
      <c r="H328628" s="12"/>
    </row>
    <row r="328629" spans="8:8">
      <c r="H328629" s="12"/>
    </row>
    <row r="328630" spans="8:8">
      <c r="H328630" s="12"/>
    </row>
    <row r="328631" spans="8:8">
      <c r="H328631" s="12"/>
    </row>
    <row r="328632" spans="8:8">
      <c r="H328632" s="12"/>
    </row>
    <row r="328633" spans="8:8">
      <c r="H328633" s="12"/>
    </row>
    <row r="328634" spans="8:8">
      <c r="H328634" s="12"/>
    </row>
    <row r="328635" spans="8:8">
      <c r="H328635" s="12"/>
    </row>
    <row r="328636" spans="8:8">
      <c r="H328636" s="12"/>
    </row>
    <row r="328637" spans="8:8">
      <c r="H328637" s="12"/>
    </row>
    <row r="328638" spans="8:8">
      <c r="H328638" s="12"/>
    </row>
    <row r="328639" spans="8:8">
      <c r="H328639" s="12"/>
    </row>
    <row r="328640" spans="8:8">
      <c r="H328640" s="12"/>
    </row>
    <row r="328641" spans="8:8">
      <c r="H328641" s="12"/>
    </row>
    <row r="328642" spans="8:8">
      <c r="H328642" s="12"/>
    </row>
    <row r="328643" spans="8:8">
      <c r="H328643" s="12"/>
    </row>
    <row r="328644" spans="8:8">
      <c r="H328644" s="12"/>
    </row>
    <row r="328645" spans="8:8">
      <c r="H328645" s="12"/>
    </row>
    <row r="328646" spans="8:8">
      <c r="H328646" s="12"/>
    </row>
    <row r="328647" spans="8:8">
      <c r="H328647" s="12"/>
    </row>
    <row r="328648" spans="8:8">
      <c r="H328648" s="12"/>
    </row>
    <row r="328649" spans="8:8">
      <c r="H328649" s="12"/>
    </row>
    <row r="328650" spans="8:8">
      <c r="H328650" s="12"/>
    </row>
    <row r="328651" spans="8:8">
      <c r="H328651" s="12"/>
    </row>
    <row r="328652" spans="8:8">
      <c r="H328652" s="12"/>
    </row>
    <row r="328653" spans="8:8">
      <c r="H328653" s="12"/>
    </row>
    <row r="328654" spans="8:8">
      <c r="H328654" s="12"/>
    </row>
    <row r="328655" spans="8:8">
      <c r="H328655" s="12"/>
    </row>
    <row r="328656" spans="8:8">
      <c r="H328656" s="12"/>
    </row>
    <row r="328657" spans="8:8">
      <c r="H328657" s="12"/>
    </row>
    <row r="328658" spans="8:8">
      <c r="H328658" s="12"/>
    </row>
    <row r="328659" spans="8:8">
      <c r="H328659" s="12"/>
    </row>
    <row r="328660" spans="8:8">
      <c r="H328660" s="12"/>
    </row>
    <row r="328661" spans="8:8">
      <c r="H328661" s="12"/>
    </row>
    <row r="328662" spans="8:8">
      <c r="H328662" s="12"/>
    </row>
    <row r="328663" spans="8:8">
      <c r="H328663" s="12"/>
    </row>
    <row r="328664" spans="8:8">
      <c r="H328664" s="12"/>
    </row>
    <row r="328665" spans="8:8">
      <c r="H328665" s="12"/>
    </row>
    <row r="328666" spans="8:8">
      <c r="H328666" s="12"/>
    </row>
    <row r="328667" spans="8:8">
      <c r="H328667" s="12"/>
    </row>
    <row r="328668" spans="8:8">
      <c r="H328668" s="12"/>
    </row>
    <row r="328669" spans="8:8">
      <c r="H328669" s="12"/>
    </row>
    <row r="328670" spans="8:8">
      <c r="H328670" s="12"/>
    </row>
    <row r="328671" spans="8:8">
      <c r="H328671" s="12"/>
    </row>
    <row r="328672" spans="8:8">
      <c r="H328672" s="12"/>
    </row>
    <row r="328673" spans="8:8">
      <c r="H328673" s="12"/>
    </row>
    <row r="328674" spans="8:8">
      <c r="H328674" s="12"/>
    </row>
    <row r="328675" spans="8:8">
      <c r="H328675" s="12"/>
    </row>
    <row r="328676" spans="8:8">
      <c r="H328676" s="12"/>
    </row>
    <row r="328677" spans="8:8">
      <c r="H328677" s="12"/>
    </row>
    <row r="328678" spans="8:8">
      <c r="H328678" s="12"/>
    </row>
    <row r="328679" spans="8:8">
      <c r="H328679" s="12"/>
    </row>
    <row r="328680" spans="8:8">
      <c r="H328680" s="12"/>
    </row>
    <row r="328681" spans="8:8">
      <c r="H328681" s="12"/>
    </row>
    <row r="328682" spans="8:8">
      <c r="H328682" s="12"/>
    </row>
    <row r="328683" spans="8:8">
      <c r="H328683" s="12"/>
    </row>
    <row r="328684" spans="8:8">
      <c r="H328684" s="12"/>
    </row>
    <row r="328685" spans="8:8">
      <c r="H328685" s="12"/>
    </row>
    <row r="328686" spans="8:8">
      <c r="H328686" s="12"/>
    </row>
    <row r="328687" spans="8:8">
      <c r="H328687" s="12"/>
    </row>
    <row r="328688" spans="8:8">
      <c r="H328688" s="12"/>
    </row>
    <row r="328689" spans="8:8">
      <c r="H328689" s="12"/>
    </row>
    <row r="328690" spans="8:8">
      <c r="H328690" s="12"/>
    </row>
    <row r="328691" spans="8:8">
      <c r="H328691" s="12"/>
    </row>
    <row r="328692" spans="8:8">
      <c r="H328692" s="12"/>
    </row>
    <row r="328693" spans="8:8">
      <c r="H328693" s="12"/>
    </row>
    <row r="328694" spans="8:8">
      <c r="H328694" s="12"/>
    </row>
    <row r="328695" spans="8:8">
      <c r="H328695" s="12"/>
    </row>
    <row r="328696" spans="8:8">
      <c r="H328696" s="12"/>
    </row>
    <row r="328697" spans="8:8">
      <c r="H328697" s="12"/>
    </row>
    <row r="328698" spans="8:8">
      <c r="H328698" s="12"/>
    </row>
    <row r="328699" spans="8:8">
      <c r="H328699" s="12"/>
    </row>
    <row r="328700" spans="8:8">
      <c r="H328700" s="12"/>
    </row>
    <row r="328701" spans="8:8">
      <c r="H328701" s="12"/>
    </row>
    <row r="328702" spans="8:8">
      <c r="H328702" s="12"/>
    </row>
    <row r="328703" spans="8:8">
      <c r="H328703" s="12"/>
    </row>
    <row r="328704" spans="8:8">
      <c r="H328704" s="12"/>
    </row>
    <row r="328705" spans="8:8">
      <c r="H328705" s="12"/>
    </row>
    <row r="328706" spans="8:8">
      <c r="H328706" s="12"/>
    </row>
    <row r="328707" spans="8:8">
      <c r="H328707" s="12"/>
    </row>
    <row r="328708" spans="8:8">
      <c r="H328708" s="12"/>
    </row>
    <row r="328709" spans="8:8">
      <c r="H328709" s="12"/>
    </row>
    <row r="328710" spans="8:8">
      <c r="H328710" s="12"/>
    </row>
    <row r="328711" spans="8:8">
      <c r="H328711" s="12"/>
    </row>
    <row r="328712" spans="8:8">
      <c r="H328712" s="12"/>
    </row>
    <row r="328713" spans="8:8">
      <c r="H328713" s="12"/>
    </row>
    <row r="328714" spans="8:8">
      <c r="H328714" s="12"/>
    </row>
    <row r="328715" spans="8:8">
      <c r="H328715" s="12"/>
    </row>
    <row r="328716" spans="8:8">
      <c r="H328716" s="12"/>
    </row>
    <row r="328717" spans="8:8">
      <c r="H328717" s="12"/>
    </row>
    <row r="328718" spans="8:8">
      <c r="H328718" s="12"/>
    </row>
    <row r="328719" spans="8:8">
      <c r="H328719" s="12"/>
    </row>
    <row r="328720" spans="8:8">
      <c r="H328720" s="12"/>
    </row>
    <row r="328721" spans="8:8">
      <c r="H328721" s="12"/>
    </row>
    <row r="328722" spans="8:8">
      <c r="H328722" s="12"/>
    </row>
    <row r="328723" spans="8:8">
      <c r="H328723" s="12"/>
    </row>
    <row r="328724" spans="8:8">
      <c r="H328724" s="12"/>
    </row>
    <row r="328725" spans="8:8">
      <c r="H328725" s="12"/>
    </row>
    <row r="328726" spans="8:8">
      <c r="H328726" s="12"/>
    </row>
    <row r="328727" spans="8:8">
      <c r="H328727" s="12"/>
    </row>
    <row r="328728" spans="8:8">
      <c r="H328728" s="12"/>
    </row>
    <row r="328729" spans="8:8">
      <c r="H328729" s="12"/>
    </row>
    <row r="328730" spans="8:8">
      <c r="H328730" s="12"/>
    </row>
    <row r="328731" spans="8:8">
      <c r="H328731" s="12"/>
    </row>
    <row r="328732" spans="8:8">
      <c r="H328732" s="12"/>
    </row>
    <row r="328733" spans="8:8">
      <c r="H328733" s="12"/>
    </row>
    <row r="328734" spans="8:8">
      <c r="H328734" s="12"/>
    </row>
    <row r="328735" spans="8:8">
      <c r="H328735" s="12"/>
    </row>
    <row r="328736" spans="8:8">
      <c r="H328736" s="12"/>
    </row>
    <row r="328737" spans="8:8">
      <c r="H328737" s="12"/>
    </row>
    <row r="328738" spans="8:8">
      <c r="H328738" s="12"/>
    </row>
    <row r="328739" spans="8:8">
      <c r="H328739" s="12"/>
    </row>
    <row r="328740" spans="8:8">
      <c r="H328740" s="12"/>
    </row>
    <row r="328741" spans="8:8">
      <c r="H328741" s="12"/>
    </row>
    <row r="328742" spans="8:8">
      <c r="H328742" s="12"/>
    </row>
    <row r="328743" spans="8:8">
      <c r="H328743" s="12"/>
    </row>
    <row r="328744" spans="8:8">
      <c r="H328744" s="12"/>
    </row>
    <row r="328745" spans="8:8">
      <c r="H328745" s="12"/>
    </row>
    <row r="328746" spans="8:8">
      <c r="H328746" s="12"/>
    </row>
    <row r="328747" spans="8:8">
      <c r="H328747" s="12"/>
    </row>
    <row r="328748" spans="8:8">
      <c r="H328748" s="12"/>
    </row>
    <row r="328749" spans="8:8">
      <c r="H328749" s="12"/>
    </row>
    <row r="328750" spans="8:8">
      <c r="H328750" s="12"/>
    </row>
    <row r="328751" spans="8:8">
      <c r="H328751" s="12"/>
    </row>
    <row r="328752" spans="8:8">
      <c r="H328752" s="12"/>
    </row>
    <row r="328753" spans="8:8">
      <c r="H328753" s="12"/>
    </row>
    <row r="328754" spans="8:8">
      <c r="H328754" s="12"/>
    </row>
    <row r="328755" spans="8:8">
      <c r="H328755" s="12"/>
    </row>
    <row r="328756" spans="8:8">
      <c r="H328756" s="12"/>
    </row>
    <row r="328757" spans="8:8">
      <c r="H328757" s="12"/>
    </row>
    <row r="328758" spans="8:8">
      <c r="H328758" s="12"/>
    </row>
    <row r="328759" spans="8:8">
      <c r="H328759" s="12"/>
    </row>
    <row r="328760" spans="8:8">
      <c r="H328760" s="12"/>
    </row>
    <row r="328761" spans="8:8">
      <c r="H328761" s="12"/>
    </row>
    <row r="328762" spans="8:8">
      <c r="H328762" s="12"/>
    </row>
    <row r="328763" spans="8:8">
      <c r="H328763" s="12"/>
    </row>
    <row r="328764" spans="8:8">
      <c r="H328764" s="12"/>
    </row>
    <row r="328765" spans="8:8">
      <c r="H328765" s="12"/>
    </row>
    <row r="328766" spans="8:8">
      <c r="H328766" s="12"/>
    </row>
    <row r="328767" spans="8:8">
      <c r="H328767" s="12"/>
    </row>
    <row r="328768" spans="8:8">
      <c r="H328768" s="12"/>
    </row>
    <row r="328769" spans="8:8">
      <c r="H328769" s="12"/>
    </row>
    <row r="328770" spans="8:8">
      <c r="H328770" s="12"/>
    </row>
    <row r="328771" spans="8:8">
      <c r="H328771" s="12"/>
    </row>
    <row r="328772" spans="8:8">
      <c r="H328772" s="12"/>
    </row>
    <row r="328773" spans="8:8">
      <c r="H328773" s="12"/>
    </row>
    <row r="328774" spans="8:8">
      <c r="H328774" s="12"/>
    </row>
    <row r="328775" spans="8:8">
      <c r="H328775" s="12"/>
    </row>
    <row r="328776" spans="8:8">
      <c r="H328776" s="12"/>
    </row>
    <row r="328777" spans="8:8">
      <c r="H328777" s="12"/>
    </row>
    <row r="328778" spans="8:8">
      <c r="H328778" s="12"/>
    </row>
    <row r="328779" spans="8:8">
      <c r="H328779" s="12"/>
    </row>
    <row r="328780" spans="8:8">
      <c r="H328780" s="12"/>
    </row>
    <row r="328781" spans="8:8">
      <c r="H328781" s="12"/>
    </row>
    <row r="328782" spans="8:8">
      <c r="H328782" s="12"/>
    </row>
    <row r="328783" spans="8:8">
      <c r="H328783" s="12"/>
    </row>
    <row r="328784" spans="8:8">
      <c r="H328784" s="12"/>
    </row>
    <row r="328785" spans="8:8">
      <c r="H328785" s="12"/>
    </row>
    <row r="328786" spans="8:8">
      <c r="H328786" s="12"/>
    </row>
    <row r="328787" spans="8:8">
      <c r="H328787" s="12"/>
    </row>
    <row r="328788" spans="8:8">
      <c r="H328788" s="12"/>
    </row>
    <row r="328789" spans="8:8">
      <c r="H328789" s="12"/>
    </row>
    <row r="328790" spans="8:8">
      <c r="H328790" s="12"/>
    </row>
    <row r="328791" spans="8:8">
      <c r="H328791" s="12"/>
    </row>
    <row r="328792" spans="8:8">
      <c r="H328792" s="12"/>
    </row>
    <row r="328793" spans="8:8">
      <c r="H328793" s="12"/>
    </row>
    <row r="328794" spans="8:8">
      <c r="H328794" s="12"/>
    </row>
    <row r="328795" spans="8:8">
      <c r="H328795" s="12"/>
    </row>
    <row r="328796" spans="8:8">
      <c r="H328796" s="12"/>
    </row>
    <row r="328797" spans="8:8">
      <c r="H328797" s="12"/>
    </row>
    <row r="328798" spans="8:8">
      <c r="H328798" s="12"/>
    </row>
    <row r="328799" spans="8:8">
      <c r="H328799" s="12"/>
    </row>
    <row r="328800" spans="8:8">
      <c r="H328800" s="12"/>
    </row>
    <row r="328801" spans="8:8">
      <c r="H328801" s="12"/>
    </row>
    <row r="328802" spans="8:8">
      <c r="H328802" s="12"/>
    </row>
    <row r="328803" spans="8:8">
      <c r="H328803" s="12"/>
    </row>
    <row r="328804" spans="8:8">
      <c r="H328804" s="12"/>
    </row>
    <row r="328805" spans="8:8">
      <c r="H328805" s="12"/>
    </row>
    <row r="328806" spans="8:8">
      <c r="H328806" s="12"/>
    </row>
    <row r="328807" spans="8:8">
      <c r="H328807" s="12"/>
    </row>
    <row r="328808" spans="8:8">
      <c r="H328808" s="12"/>
    </row>
    <row r="328809" spans="8:8">
      <c r="H328809" s="12"/>
    </row>
    <row r="328810" spans="8:8">
      <c r="H328810" s="12"/>
    </row>
    <row r="328811" spans="8:8">
      <c r="H328811" s="12"/>
    </row>
    <row r="328812" spans="8:8">
      <c r="H328812" s="12"/>
    </row>
    <row r="328813" spans="8:8">
      <c r="H328813" s="12"/>
    </row>
    <row r="328814" spans="8:8">
      <c r="H328814" s="12"/>
    </row>
    <row r="328815" spans="8:8">
      <c r="H328815" s="12"/>
    </row>
    <row r="328816" spans="8:8">
      <c r="H328816" s="12"/>
    </row>
    <row r="328817" spans="8:8">
      <c r="H328817" s="12"/>
    </row>
    <row r="328818" spans="8:8">
      <c r="H328818" s="12"/>
    </row>
    <row r="328819" spans="8:8">
      <c r="H328819" s="12"/>
    </row>
    <row r="328820" spans="8:8">
      <c r="H328820" s="12"/>
    </row>
    <row r="328821" spans="8:8">
      <c r="H328821" s="12"/>
    </row>
    <row r="328822" spans="8:8">
      <c r="H328822" s="12"/>
    </row>
    <row r="328823" spans="8:8">
      <c r="H328823" s="12"/>
    </row>
    <row r="328824" spans="8:8">
      <c r="H328824" s="12"/>
    </row>
    <row r="328825" spans="8:8">
      <c r="H328825" s="12"/>
    </row>
    <row r="328826" spans="8:8">
      <c r="H328826" s="12"/>
    </row>
    <row r="328827" spans="8:8">
      <c r="H328827" s="12"/>
    </row>
    <row r="328828" spans="8:8">
      <c r="H328828" s="12"/>
    </row>
    <row r="328829" spans="8:8">
      <c r="H328829" s="12"/>
    </row>
    <row r="328830" spans="8:8">
      <c r="H328830" s="12"/>
    </row>
    <row r="328831" spans="8:8">
      <c r="H328831" s="12"/>
    </row>
    <row r="328832" spans="8:8">
      <c r="H328832" s="12"/>
    </row>
    <row r="328833" spans="8:8">
      <c r="H328833" s="12"/>
    </row>
    <row r="328834" spans="8:8">
      <c r="H328834" s="12"/>
    </row>
    <row r="328835" spans="8:8">
      <c r="H328835" s="12"/>
    </row>
    <row r="328836" spans="8:8">
      <c r="H328836" s="12"/>
    </row>
    <row r="328837" spans="8:8">
      <c r="H328837" s="12"/>
    </row>
    <row r="328838" spans="8:8">
      <c r="H328838" s="12"/>
    </row>
    <row r="328839" spans="8:8">
      <c r="H328839" s="12"/>
    </row>
    <row r="328840" spans="8:8">
      <c r="H328840" s="12"/>
    </row>
    <row r="328841" spans="8:8">
      <c r="H328841" s="12"/>
    </row>
    <row r="328842" spans="8:8">
      <c r="H328842" s="12"/>
    </row>
    <row r="328843" spans="8:8">
      <c r="H328843" s="12"/>
    </row>
    <row r="328844" spans="8:8">
      <c r="H328844" s="12"/>
    </row>
    <row r="328845" spans="8:8">
      <c r="H328845" s="12"/>
    </row>
    <row r="328846" spans="8:8">
      <c r="H328846" s="12"/>
    </row>
    <row r="328847" spans="8:8">
      <c r="H328847" s="12"/>
    </row>
    <row r="328848" spans="8:8">
      <c r="H328848" s="12"/>
    </row>
    <row r="328849" spans="8:8">
      <c r="H328849" s="12"/>
    </row>
    <row r="328850" spans="8:8">
      <c r="H328850" s="12"/>
    </row>
    <row r="328851" spans="8:8">
      <c r="H328851" s="12"/>
    </row>
    <row r="328852" spans="8:8">
      <c r="H328852" s="12"/>
    </row>
    <row r="328853" spans="8:8">
      <c r="H328853" s="12"/>
    </row>
    <row r="328854" spans="8:8">
      <c r="H328854" s="12"/>
    </row>
    <row r="328855" spans="8:8">
      <c r="H328855" s="12"/>
    </row>
    <row r="328856" spans="8:8">
      <c r="H328856" s="12"/>
    </row>
    <row r="328857" spans="8:8">
      <c r="H328857" s="12"/>
    </row>
    <row r="328858" spans="8:8">
      <c r="H328858" s="12"/>
    </row>
    <row r="328859" spans="8:8">
      <c r="H328859" s="12"/>
    </row>
    <row r="328860" spans="8:8">
      <c r="H328860" s="12"/>
    </row>
    <row r="328861" spans="8:8">
      <c r="H328861" s="12"/>
    </row>
    <row r="328862" spans="8:8">
      <c r="H328862" s="12"/>
    </row>
    <row r="328863" spans="8:8">
      <c r="H328863" s="12"/>
    </row>
    <row r="328864" spans="8:8">
      <c r="H328864" s="12"/>
    </row>
    <row r="328865" spans="8:8">
      <c r="H328865" s="12"/>
    </row>
    <row r="328866" spans="8:8">
      <c r="H328866" s="12"/>
    </row>
    <row r="328867" spans="8:8">
      <c r="H328867" s="12"/>
    </row>
    <row r="328868" spans="8:8">
      <c r="H328868" s="12"/>
    </row>
    <row r="328869" spans="8:8">
      <c r="H328869" s="12"/>
    </row>
    <row r="328870" spans="8:8">
      <c r="H328870" s="12"/>
    </row>
    <row r="328871" spans="8:8">
      <c r="H328871" s="12"/>
    </row>
    <row r="328872" spans="8:8">
      <c r="H328872" s="12"/>
    </row>
    <row r="328873" spans="8:8">
      <c r="H328873" s="12"/>
    </row>
    <row r="328874" spans="8:8">
      <c r="H328874" s="12"/>
    </row>
    <row r="328875" spans="8:8">
      <c r="H328875" s="12"/>
    </row>
    <row r="328876" spans="8:8">
      <c r="H328876" s="12"/>
    </row>
    <row r="328877" spans="8:8">
      <c r="H328877" s="12"/>
    </row>
    <row r="328878" spans="8:8">
      <c r="H328878" s="12"/>
    </row>
    <row r="328879" spans="8:8">
      <c r="H328879" s="12"/>
    </row>
    <row r="328880" spans="8:8">
      <c r="H328880" s="12"/>
    </row>
    <row r="328881" spans="8:8">
      <c r="H328881" s="12"/>
    </row>
    <row r="328882" spans="8:8">
      <c r="H328882" s="12"/>
    </row>
    <row r="328883" spans="8:8">
      <c r="H328883" s="12"/>
    </row>
    <row r="328884" spans="8:8">
      <c r="H328884" s="12"/>
    </row>
    <row r="328885" spans="8:8">
      <c r="H328885" s="12"/>
    </row>
    <row r="328886" spans="8:8">
      <c r="H328886" s="12"/>
    </row>
    <row r="328887" spans="8:8">
      <c r="H328887" s="12"/>
    </row>
    <row r="328888" spans="8:8">
      <c r="H328888" s="12"/>
    </row>
    <row r="328889" spans="8:8">
      <c r="H328889" s="12"/>
    </row>
    <row r="328890" spans="8:8">
      <c r="H328890" s="12"/>
    </row>
    <row r="328891" spans="8:8">
      <c r="H328891" s="12"/>
    </row>
    <row r="328892" spans="8:8">
      <c r="H328892" s="12"/>
    </row>
    <row r="328893" spans="8:8">
      <c r="H328893" s="12"/>
    </row>
    <row r="328894" spans="8:8">
      <c r="H328894" s="12"/>
    </row>
    <row r="328895" spans="8:8">
      <c r="H328895" s="12"/>
    </row>
    <row r="328896" spans="8:8">
      <c r="H328896" s="12"/>
    </row>
    <row r="328897" spans="8:8">
      <c r="H328897" s="12"/>
    </row>
    <row r="328898" spans="8:8">
      <c r="H328898" s="12"/>
    </row>
    <row r="328899" spans="8:8">
      <c r="H328899" s="12"/>
    </row>
    <row r="328900" spans="8:8">
      <c r="H328900" s="12"/>
    </row>
    <row r="328901" spans="8:8">
      <c r="H328901" s="12"/>
    </row>
    <row r="328902" spans="8:8">
      <c r="H328902" s="12"/>
    </row>
    <row r="328903" spans="8:8">
      <c r="H328903" s="12"/>
    </row>
    <row r="328904" spans="8:8">
      <c r="H328904" s="12"/>
    </row>
    <row r="328905" spans="8:8">
      <c r="H328905" s="12"/>
    </row>
    <row r="328906" spans="8:8">
      <c r="H328906" s="12"/>
    </row>
    <row r="328907" spans="8:8">
      <c r="H328907" s="12"/>
    </row>
    <row r="328908" spans="8:8">
      <c r="H328908" s="12"/>
    </row>
    <row r="328909" spans="8:8">
      <c r="H328909" s="12"/>
    </row>
    <row r="328910" spans="8:8">
      <c r="H328910" s="12"/>
    </row>
    <row r="328911" spans="8:8">
      <c r="H328911" s="12"/>
    </row>
    <row r="328912" spans="8:8">
      <c r="H328912" s="12"/>
    </row>
    <row r="328913" spans="8:8">
      <c r="H328913" s="12"/>
    </row>
    <row r="328914" spans="8:8">
      <c r="H328914" s="12"/>
    </row>
    <row r="328915" spans="8:8">
      <c r="H328915" s="12"/>
    </row>
    <row r="328916" spans="8:8">
      <c r="H328916" s="12"/>
    </row>
    <row r="328917" spans="8:8">
      <c r="H328917" s="12"/>
    </row>
    <row r="328918" spans="8:8">
      <c r="H328918" s="12"/>
    </row>
    <row r="328919" spans="8:8">
      <c r="H328919" s="12"/>
    </row>
    <row r="328920" spans="8:8">
      <c r="H328920" s="12"/>
    </row>
    <row r="328921" spans="8:8">
      <c r="H328921" s="12"/>
    </row>
    <row r="328922" spans="8:8">
      <c r="H328922" s="12"/>
    </row>
    <row r="328923" spans="8:8">
      <c r="H328923" s="12"/>
    </row>
    <row r="328924" spans="8:8">
      <c r="H328924" s="12"/>
    </row>
    <row r="328925" spans="8:8">
      <c r="H328925" s="12"/>
    </row>
    <row r="328926" spans="8:8">
      <c r="H328926" s="12"/>
    </row>
    <row r="328927" spans="8:8">
      <c r="H328927" s="12"/>
    </row>
    <row r="328928" spans="8:8">
      <c r="H328928" s="12"/>
    </row>
    <row r="328929" spans="8:8">
      <c r="H328929" s="12"/>
    </row>
    <row r="328930" spans="8:8">
      <c r="H328930" s="12"/>
    </row>
    <row r="328931" spans="8:8">
      <c r="H328931" s="12"/>
    </row>
    <row r="328932" spans="8:8">
      <c r="H328932" s="12"/>
    </row>
    <row r="328933" spans="8:8">
      <c r="H328933" s="12"/>
    </row>
    <row r="328934" spans="8:8">
      <c r="H328934" s="12"/>
    </row>
    <row r="328935" spans="8:8">
      <c r="H328935" s="12"/>
    </row>
    <row r="328936" spans="8:8">
      <c r="H328936" s="12"/>
    </row>
    <row r="328937" spans="8:8">
      <c r="H328937" s="12"/>
    </row>
    <row r="328938" spans="8:8">
      <c r="H328938" s="12"/>
    </row>
    <row r="328939" spans="8:8">
      <c r="H328939" s="12"/>
    </row>
    <row r="328940" spans="8:8">
      <c r="H328940" s="12"/>
    </row>
    <row r="328941" spans="8:8">
      <c r="H328941" s="12"/>
    </row>
    <row r="328942" spans="8:8">
      <c r="H328942" s="12"/>
    </row>
    <row r="328943" spans="8:8">
      <c r="H328943" s="12"/>
    </row>
    <row r="328944" spans="8:8">
      <c r="H328944" s="12"/>
    </row>
    <row r="328945" spans="8:8">
      <c r="H328945" s="12"/>
    </row>
    <row r="328946" spans="8:8">
      <c r="H328946" s="12"/>
    </row>
    <row r="328947" spans="8:8">
      <c r="H328947" s="12"/>
    </row>
    <row r="328948" spans="8:8">
      <c r="H328948" s="12"/>
    </row>
    <row r="328949" spans="8:8">
      <c r="H328949" s="12"/>
    </row>
    <row r="328950" spans="8:8">
      <c r="H328950" s="12"/>
    </row>
    <row r="328951" spans="8:8">
      <c r="H328951" s="12"/>
    </row>
    <row r="328952" spans="8:8">
      <c r="H328952" s="12"/>
    </row>
    <row r="328953" spans="8:8">
      <c r="H328953" s="12"/>
    </row>
    <row r="328954" spans="8:8">
      <c r="H328954" s="12"/>
    </row>
    <row r="328955" spans="8:8">
      <c r="H328955" s="12"/>
    </row>
    <row r="328956" spans="8:8">
      <c r="H328956" s="12"/>
    </row>
    <row r="328957" spans="8:8">
      <c r="H328957" s="12"/>
    </row>
    <row r="328958" spans="8:8">
      <c r="H328958" s="12"/>
    </row>
    <row r="328959" spans="8:8">
      <c r="H328959" s="12"/>
    </row>
    <row r="328960" spans="8:8">
      <c r="H328960" s="12"/>
    </row>
    <row r="328961" spans="8:8">
      <c r="H328961" s="12"/>
    </row>
    <row r="328962" spans="8:8">
      <c r="H328962" s="12"/>
    </row>
    <row r="328963" spans="8:8">
      <c r="H328963" s="12"/>
    </row>
    <row r="328964" spans="8:8">
      <c r="H328964" s="12"/>
    </row>
    <row r="328965" spans="8:8">
      <c r="H328965" s="12"/>
    </row>
    <row r="328966" spans="8:8">
      <c r="H328966" s="12"/>
    </row>
    <row r="328967" spans="8:8">
      <c r="H328967" s="12"/>
    </row>
    <row r="328968" spans="8:8">
      <c r="H328968" s="12"/>
    </row>
    <row r="328969" spans="8:8">
      <c r="H328969" s="12"/>
    </row>
    <row r="328970" spans="8:8">
      <c r="H328970" s="12"/>
    </row>
    <row r="328971" spans="8:8">
      <c r="H328971" s="12"/>
    </row>
    <row r="328972" spans="8:8">
      <c r="H328972" s="12"/>
    </row>
    <row r="328973" spans="8:8">
      <c r="H328973" s="12"/>
    </row>
    <row r="328974" spans="8:8">
      <c r="H328974" s="12"/>
    </row>
    <row r="328975" spans="8:8">
      <c r="H328975" s="12"/>
    </row>
    <row r="328976" spans="8:8">
      <c r="H328976" s="12"/>
    </row>
    <row r="328977" spans="8:8">
      <c r="H328977" s="12"/>
    </row>
    <row r="328978" spans="8:8">
      <c r="H328978" s="12"/>
    </row>
    <row r="328979" spans="8:8">
      <c r="H328979" s="12"/>
    </row>
    <row r="328980" spans="8:8">
      <c r="H328980" s="12"/>
    </row>
    <row r="328981" spans="8:8">
      <c r="H328981" s="12"/>
    </row>
    <row r="328982" spans="8:8">
      <c r="H328982" s="12"/>
    </row>
    <row r="328983" spans="8:8">
      <c r="H328983" s="12"/>
    </row>
    <row r="328984" spans="8:8">
      <c r="H328984" s="12"/>
    </row>
    <row r="328985" spans="8:8">
      <c r="H328985" s="12"/>
    </row>
    <row r="328986" spans="8:8">
      <c r="H328986" s="12"/>
    </row>
    <row r="328987" spans="8:8">
      <c r="H328987" s="12"/>
    </row>
    <row r="328988" spans="8:8">
      <c r="H328988" s="12"/>
    </row>
    <row r="328989" spans="8:8">
      <c r="H328989" s="12"/>
    </row>
    <row r="328990" spans="8:8">
      <c r="H328990" s="12"/>
    </row>
    <row r="328991" spans="8:8">
      <c r="H328991" s="12"/>
    </row>
    <row r="328992" spans="8:8">
      <c r="H328992" s="12"/>
    </row>
    <row r="328993" spans="8:8">
      <c r="H328993" s="12"/>
    </row>
    <row r="328994" spans="8:8">
      <c r="H328994" s="12"/>
    </row>
    <row r="328995" spans="8:8">
      <c r="H328995" s="12"/>
    </row>
    <row r="328996" spans="8:8">
      <c r="H328996" s="12"/>
    </row>
    <row r="328997" spans="8:8">
      <c r="H328997" s="12"/>
    </row>
    <row r="328998" spans="8:8">
      <c r="H328998" s="12"/>
    </row>
    <row r="328999" spans="8:8">
      <c r="H328999" s="12"/>
    </row>
    <row r="329000" spans="8:8">
      <c r="H329000" s="12"/>
    </row>
    <row r="329001" spans="8:8">
      <c r="H329001" s="12"/>
    </row>
    <row r="329002" spans="8:8">
      <c r="H329002" s="12"/>
    </row>
    <row r="329003" spans="8:8">
      <c r="H329003" s="12"/>
    </row>
    <row r="329004" spans="8:8">
      <c r="H329004" s="12"/>
    </row>
    <row r="329005" spans="8:8">
      <c r="H329005" s="12"/>
    </row>
    <row r="329006" spans="8:8">
      <c r="H329006" s="12"/>
    </row>
    <row r="329007" spans="8:8">
      <c r="H329007" s="12"/>
    </row>
    <row r="329008" spans="8:8">
      <c r="H329008" s="12"/>
    </row>
    <row r="329009" spans="8:8">
      <c r="H329009" s="12"/>
    </row>
    <row r="329010" spans="8:8">
      <c r="H329010" s="12"/>
    </row>
    <row r="329011" spans="8:8">
      <c r="H329011" s="12"/>
    </row>
    <row r="329012" spans="8:8">
      <c r="H329012" s="12"/>
    </row>
    <row r="329013" spans="8:8">
      <c r="H329013" s="12"/>
    </row>
    <row r="329014" spans="8:8">
      <c r="H329014" s="12"/>
    </row>
    <row r="329015" spans="8:8">
      <c r="H329015" s="12"/>
    </row>
    <row r="329016" spans="8:8">
      <c r="H329016" s="12"/>
    </row>
    <row r="329017" spans="8:8">
      <c r="H329017" s="12"/>
    </row>
    <row r="329018" spans="8:8">
      <c r="H329018" s="12"/>
    </row>
    <row r="329019" spans="8:8">
      <c r="H329019" s="12"/>
    </row>
    <row r="329020" spans="8:8">
      <c r="H329020" s="12"/>
    </row>
    <row r="329021" spans="8:8">
      <c r="H329021" s="12"/>
    </row>
    <row r="329022" spans="8:8">
      <c r="H329022" s="12"/>
    </row>
    <row r="329023" spans="8:8">
      <c r="H329023" s="12"/>
    </row>
    <row r="329024" spans="8:8">
      <c r="H329024" s="12"/>
    </row>
    <row r="329025" spans="8:8">
      <c r="H329025" s="12"/>
    </row>
    <row r="329026" spans="8:8">
      <c r="H329026" s="12"/>
    </row>
    <row r="329027" spans="8:8">
      <c r="H329027" s="12"/>
    </row>
    <row r="329028" spans="8:8">
      <c r="H329028" s="12"/>
    </row>
    <row r="329029" spans="8:8">
      <c r="H329029" s="12"/>
    </row>
    <row r="329030" spans="8:8">
      <c r="H329030" s="12"/>
    </row>
    <row r="329031" spans="8:8">
      <c r="H329031" s="12"/>
    </row>
    <row r="329032" spans="8:8">
      <c r="H329032" s="12"/>
    </row>
    <row r="329033" spans="8:8">
      <c r="H329033" s="12"/>
    </row>
    <row r="329034" spans="8:8">
      <c r="H329034" s="12"/>
    </row>
    <row r="329035" spans="8:8">
      <c r="H329035" s="12"/>
    </row>
    <row r="329036" spans="8:8">
      <c r="H329036" s="12"/>
    </row>
    <row r="329037" spans="8:8">
      <c r="H329037" s="12"/>
    </row>
    <row r="329038" spans="8:8">
      <c r="H329038" s="12"/>
    </row>
    <row r="329039" spans="8:8">
      <c r="H329039" s="12"/>
    </row>
    <row r="329040" spans="8:8">
      <c r="H329040" s="12"/>
    </row>
    <row r="329041" spans="8:8">
      <c r="H329041" s="12"/>
    </row>
    <row r="329042" spans="8:8">
      <c r="H329042" s="12"/>
    </row>
    <row r="329043" spans="8:8">
      <c r="H329043" s="12"/>
    </row>
    <row r="329044" spans="8:8">
      <c r="H329044" s="12"/>
    </row>
    <row r="329045" spans="8:8">
      <c r="H329045" s="12"/>
    </row>
    <row r="329046" spans="8:8">
      <c r="H329046" s="12"/>
    </row>
    <row r="329047" spans="8:8">
      <c r="H329047" s="12"/>
    </row>
    <row r="329048" spans="8:8">
      <c r="H329048" s="12"/>
    </row>
    <row r="329049" spans="8:8">
      <c r="H329049" s="12"/>
    </row>
    <row r="329050" spans="8:8">
      <c r="H329050" s="12"/>
    </row>
    <row r="329051" spans="8:8">
      <c r="H329051" s="12"/>
    </row>
    <row r="329052" spans="8:8">
      <c r="H329052" s="12"/>
    </row>
    <row r="329053" spans="8:8">
      <c r="H329053" s="12"/>
    </row>
    <row r="329054" spans="8:8">
      <c r="H329054" s="12"/>
    </row>
    <row r="329055" spans="8:8">
      <c r="H329055" s="12"/>
    </row>
    <row r="329056" spans="8:8">
      <c r="H329056" s="12"/>
    </row>
    <row r="329057" spans="8:8">
      <c r="H329057" s="12"/>
    </row>
    <row r="329058" spans="8:8">
      <c r="H329058" s="12"/>
    </row>
    <row r="329059" spans="8:8">
      <c r="H329059" s="12"/>
    </row>
    <row r="329060" spans="8:8">
      <c r="H329060" s="12"/>
    </row>
    <row r="329061" spans="8:8">
      <c r="H329061" s="12"/>
    </row>
    <row r="329062" spans="8:8">
      <c r="H329062" s="12"/>
    </row>
    <row r="329063" spans="8:8">
      <c r="H329063" s="12"/>
    </row>
    <row r="329064" spans="8:8">
      <c r="H329064" s="12"/>
    </row>
    <row r="329065" spans="8:8">
      <c r="H329065" s="12"/>
    </row>
    <row r="329066" spans="8:8">
      <c r="H329066" s="12"/>
    </row>
    <row r="329067" spans="8:8">
      <c r="H329067" s="12"/>
    </row>
    <row r="329068" spans="8:8">
      <c r="H329068" s="12"/>
    </row>
    <row r="329069" spans="8:8">
      <c r="H329069" s="12"/>
    </row>
    <row r="329070" spans="8:8">
      <c r="H329070" s="12"/>
    </row>
    <row r="329071" spans="8:8">
      <c r="H329071" s="12"/>
    </row>
    <row r="329072" spans="8:8">
      <c r="H329072" s="12"/>
    </row>
    <row r="329073" spans="8:8">
      <c r="H329073" s="12"/>
    </row>
    <row r="329074" spans="8:8">
      <c r="H329074" s="12"/>
    </row>
    <row r="329075" spans="8:8">
      <c r="H329075" s="12"/>
    </row>
    <row r="329076" spans="8:8">
      <c r="H329076" s="12"/>
    </row>
    <row r="329077" spans="8:8">
      <c r="H329077" s="12"/>
    </row>
    <row r="329078" spans="8:8">
      <c r="H329078" s="12"/>
    </row>
    <row r="329079" spans="8:8">
      <c r="H329079" s="12"/>
    </row>
    <row r="329080" spans="8:8">
      <c r="H329080" s="12"/>
    </row>
    <row r="329081" spans="8:8">
      <c r="H329081" s="12"/>
    </row>
    <row r="329082" spans="8:8">
      <c r="H329082" s="12"/>
    </row>
    <row r="329083" spans="8:8">
      <c r="H329083" s="12"/>
    </row>
    <row r="329084" spans="8:8">
      <c r="H329084" s="12"/>
    </row>
    <row r="329085" spans="8:8">
      <c r="H329085" s="12"/>
    </row>
    <row r="329086" spans="8:8">
      <c r="H329086" s="12"/>
    </row>
    <row r="329087" spans="8:8">
      <c r="H329087" s="12"/>
    </row>
    <row r="329088" spans="8:8">
      <c r="H329088" s="12"/>
    </row>
    <row r="329089" spans="8:8">
      <c r="H329089" s="12"/>
    </row>
    <row r="329090" spans="8:8">
      <c r="H329090" s="12"/>
    </row>
    <row r="329091" spans="8:8">
      <c r="H329091" s="12"/>
    </row>
    <row r="329092" spans="8:8">
      <c r="H329092" s="12"/>
    </row>
    <row r="329093" spans="8:8">
      <c r="H329093" s="12"/>
    </row>
    <row r="329094" spans="8:8">
      <c r="H329094" s="12"/>
    </row>
    <row r="329095" spans="8:8">
      <c r="H329095" s="12"/>
    </row>
    <row r="329096" spans="8:8">
      <c r="H329096" s="12"/>
    </row>
    <row r="329097" spans="8:8">
      <c r="H329097" s="12"/>
    </row>
    <row r="329098" spans="8:8">
      <c r="H329098" s="12"/>
    </row>
    <row r="329099" spans="8:8">
      <c r="H329099" s="12"/>
    </row>
    <row r="329100" spans="8:8">
      <c r="H329100" s="12"/>
    </row>
    <row r="329101" spans="8:8">
      <c r="H329101" s="12"/>
    </row>
    <row r="329102" spans="8:8">
      <c r="H329102" s="12"/>
    </row>
    <row r="329103" spans="8:8">
      <c r="H329103" s="12"/>
    </row>
    <row r="329104" spans="8:8">
      <c r="H329104" s="12"/>
    </row>
    <row r="329105" spans="8:8">
      <c r="H329105" s="12"/>
    </row>
    <row r="329106" spans="8:8">
      <c r="H329106" s="12"/>
    </row>
    <row r="329107" spans="8:8">
      <c r="H329107" s="12"/>
    </row>
    <row r="329108" spans="8:8">
      <c r="H329108" s="12"/>
    </row>
    <row r="329109" spans="8:8">
      <c r="H329109" s="12"/>
    </row>
    <row r="329110" spans="8:8">
      <c r="H329110" s="12"/>
    </row>
    <row r="329111" spans="8:8">
      <c r="H329111" s="12"/>
    </row>
    <row r="329112" spans="8:8">
      <c r="H329112" s="12"/>
    </row>
    <row r="329113" spans="8:8">
      <c r="H329113" s="12"/>
    </row>
    <row r="329114" spans="8:8">
      <c r="H329114" s="12"/>
    </row>
    <row r="329115" spans="8:8">
      <c r="H329115" s="12"/>
    </row>
    <row r="329116" spans="8:8">
      <c r="H329116" s="12"/>
    </row>
    <row r="329117" spans="8:8">
      <c r="H329117" s="12"/>
    </row>
    <row r="329118" spans="8:8">
      <c r="H329118" s="12"/>
    </row>
    <row r="329119" spans="8:8">
      <c r="H329119" s="12"/>
    </row>
    <row r="329120" spans="8:8">
      <c r="H329120" s="12"/>
    </row>
    <row r="329121" spans="8:8">
      <c r="H329121" s="12"/>
    </row>
    <row r="329122" spans="8:8">
      <c r="H329122" s="12"/>
    </row>
    <row r="329123" spans="8:8">
      <c r="H329123" s="12"/>
    </row>
    <row r="329124" spans="8:8">
      <c r="H329124" s="12"/>
    </row>
    <row r="329125" spans="8:8">
      <c r="H329125" s="12"/>
    </row>
    <row r="329126" spans="8:8">
      <c r="H329126" s="12"/>
    </row>
    <row r="329127" spans="8:8">
      <c r="H329127" s="12"/>
    </row>
    <row r="329128" spans="8:8">
      <c r="H329128" s="12"/>
    </row>
    <row r="329129" spans="8:8">
      <c r="H329129" s="12"/>
    </row>
    <row r="329130" spans="8:8">
      <c r="H329130" s="12"/>
    </row>
    <row r="329131" spans="8:8">
      <c r="H329131" s="12"/>
    </row>
    <row r="329132" spans="8:8">
      <c r="H329132" s="12"/>
    </row>
    <row r="329133" spans="8:8">
      <c r="H329133" s="12"/>
    </row>
    <row r="329134" spans="8:8">
      <c r="H329134" s="12"/>
    </row>
    <row r="329135" spans="8:8">
      <c r="H329135" s="12"/>
    </row>
    <row r="329136" spans="8:8">
      <c r="H329136" s="12"/>
    </row>
    <row r="329137" spans="8:8">
      <c r="H329137" s="12"/>
    </row>
    <row r="329138" spans="8:8">
      <c r="H329138" s="12"/>
    </row>
    <row r="329139" spans="8:8">
      <c r="H329139" s="12"/>
    </row>
    <row r="329140" spans="8:8">
      <c r="H329140" s="12"/>
    </row>
    <row r="329141" spans="8:8">
      <c r="H329141" s="12"/>
    </row>
    <row r="329142" spans="8:8">
      <c r="H329142" s="12"/>
    </row>
    <row r="329143" spans="8:8">
      <c r="H329143" s="12"/>
    </row>
    <row r="329144" spans="8:8">
      <c r="H329144" s="12"/>
    </row>
    <row r="329145" spans="8:8">
      <c r="H329145" s="12"/>
    </row>
    <row r="329146" spans="8:8">
      <c r="H329146" s="12"/>
    </row>
    <row r="329147" spans="8:8">
      <c r="H329147" s="12"/>
    </row>
    <row r="329148" spans="8:8">
      <c r="H329148" s="12"/>
    </row>
    <row r="329149" spans="8:8">
      <c r="H329149" s="12"/>
    </row>
    <row r="329150" spans="8:8">
      <c r="H329150" s="12"/>
    </row>
    <row r="329151" spans="8:8">
      <c r="H329151" s="12"/>
    </row>
    <row r="329152" spans="8:8">
      <c r="H329152" s="12"/>
    </row>
    <row r="329153" spans="8:8">
      <c r="H329153" s="12"/>
    </row>
    <row r="329154" spans="8:8">
      <c r="H329154" s="12"/>
    </row>
    <row r="329155" spans="8:8">
      <c r="H329155" s="12"/>
    </row>
    <row r="329156" spans="8:8">
      <c r="H329156" s="12"/>
    </row>
    <row r="329157" spans="8:8">
      <c r="H329157" s="12"/>
    </row>
    <row r="329158" spans="8:8">
      <c r="H329158" s="12"/>
    </row>
    <row r="329159" spans="8:8">
      <c r="H329159" s="12"/>
    </row>
    <row r="329160" spans="8:8">
      <c r="H329160" s="12"/>
    </row>
    <row r="329161" spans="8:8">
      <c r="H329161" s="12"/>
    </row>
    <row r="329162" spans="8:8">
      <c r="H329162" s="12"/>
    </row>
    <row r="329163" spans="8:8">
      <c r="H329163" s="12"/>
    </row>
    <row r="329164" spans="8:8">
      <c r="H329164" s="12"/>
    </row>
    <row r="329165" spans="8:8">
      <c r="H329165" s="12"/>
    </row>
    <row r="329166" spans="8:8">
      <c r="H329166" s="12"/>
    </row>
    <row r="329167" spans="8:8">
      <c r="H329167" s="12"/>
    </row>
    <row r="329168" spans="8:8">
      <c r="H329168" s="12"/>
    </row>
    <row r="329169" spans="8:8">
      <c r="H329169" s="12"/>
    </row>
    <row r="329170" spans="8:8">
      <c r="H329170" s="12"/>
    </row>
    <row r="329171" spans="8:8">
      <c r="H329171" s="12"/>
    </row>
    <row r="329172" spans="8:8">
      <c r="H329172" s="12"/>
    </row>
    <row r="329173" spans="8:8">
      <c r="H329173" s="12"/>
    </row>
    <row r="329174" spans="8:8">
      <c r="H329174" s="12"/>
    </row>
    <row r="329175" spans="8:8">
      <c r="H329175" s="12"/>
    </row>
    <row r="329176" spans="8:8">
      <c r="H329176" s="12"/>
    </row>
    <row r="329177" spans="8:8">
      <c r="H329177" s="12"/>
    </row>
    <row r="329178" spans="8:8">
      <c r="H329178" s="12"/>
    </row>
    <row r="329179" spans="8:8">
      <c r="H329179" s="12"/>
    </row>
    <row r="329180" spans="8:8">
      <c r="H329180" s="12"/>
    </row>
    <row r="329181" spans="8:8">
      <c r="H329181" s="12"/>
    </row>
    <row r="329182" spans="8:8">
      <c r="H329182" s="12"/>
    </row>
    <row r="329183" spans="8:8">
      <c r="H329183" s="12"/>
    </row>
    <row r="329184" spans="8:8">
      <c r="H329184" s="12"/>
    </row>
    <row r="329185" spans="8:8">
      <c r="H329185" s="12"/>
    </row>
    <row r="329186" spans="8:8">
      <c r="H329186" s="12"/>
    </row>
    <row r="329187" spans="8:8">
      <c r="H329187" s="12"/>
    </row>
    <row r="329188" spans="8:8">
      <c r="H329188" s="12"/>
    </row>
    <row r="329189" spans="8:8">
      <c r="H329189" s="12"/>
    </row>
    <row r="329190" spans="8:8">
      <c r="H329190" s="12"/>
    </row>
    <row r="329191" spans="8:8">
      <c r="H329191" s="12"/>
    </row>
    <row r="329192" spans="8:8">
      <c r="H329192" s="12"/>
    </row>
    <row r="329193" spans="8:8">
      <c r="H329193" s="12"/>
    </row>
    <row r="329194" spans="8:8">
      <c r="H329194" s="12"/>
    </row>
    <row r="329195" spans="8:8">
      <c r="H329195" s="12"/>
    </row>
    <row r="329196" spans="8:8">
      <c r="H329196" s="12"/>
    </row>
    <row r="329197" spans="8:8">
      <c r="H329197" s="12"/>
    </row>
    <row r="329198" spans="8:8">
      <c r="H329198" s="12"/>
    </row>
    <row r="329199" spans="8:8">
      <c r="H329199" s="12"/>
    </row>
    <row r="329200" spans="8:8">
      <c r="H329200" s="12"/>
    </row>
    <row r="329201" spans="8:8">
      <c r="H329201" s="12"/>
    </row>
    <row r="329202" spans="8:8">
      <c r="H329202" s="12"/>
    </row>
    <row r="329203" spans="8:8">
      <c r="H329203" s="12"/>
    </row>
    <row r="329204" spans="8:8">
      <c r="H329204" s="12"/>
    </row>
    <row r="329205" spans="8:8">
      <c r="H329205" s="12"/>
    </row>
    <row r="329206" spans="8:8">
      <c r="H329206" s="12"/>
    </row>
    <row r="329207" spans="8:8">
      <c r="H329207" s="12"/>
    </row>
    <row r="329208" spans="8:8">
      <c r="H329208" s="12"/>
    </row>
    <row r="329209" spans="8:8">
      <c r="H329209" s="12"/>
    </row>
    <row r="329210" spans="8:8">
      <c r="H329210" s="12"/>
    </row>
    <row r="329211" spans="8:8">
      <c r="H329211" s="12"/>
    </row>
    <row r="329212" spans="8:8">
      <c r="H329212" s="12"/>
    </row>
    <row r="329213" spans="8:8">
      <c r="H329213" s="12"/>
    </row>
    <row r="329214" spans="8:8">
      <c r="H329214" s="12"/>
    </row>
    <row r="329215" spans="8:8">
      <c r="H329215" s="12"/>
    </row>
    <row r="329216" spans="8:8">
      <c r="H329216" s="12"/>
    </row>
    <row r="329217" spans="8:8">
      <c r="H329217" s="12"/>
    </row>
    <row r="329218" spans="8:8">
      <c r="H329218" s="12"/>
    </row>
    <row r="329219" spans="8:8">
      <c r="H329219" s="12"/>
    </row>
    <row r="329220" spans="8:8">
      <c r="H329220" s="12"/>
    </row>
    <row r="329221" spans="8:8">
      <c r="H329221" s="12"/>
    </row>
    <row r="329222" spans="8:8">
      <c r="H329222" s="12"/>
    </row>
    <row r="329223" spans="8:8">
      <c r="H329223" s="12"/>
    </row>
    <row r="329224" spans="8:8">
      <c r="H329224" s="12"/>
    </row>
    <row r="329225" spans="8:8">
      <c r="H329225" s="12"/>
    </row>
    <row r="329226" spans="8:8">
      <c r="H329226" s="12"/>
    </row>
    <row r="329227" spans="8:8">
      <c r="H329227" s="12"/>
    </row>
    <row r="329228" spans="8:8">
      <c r="H329228" s="12"/>
    </row>
    <row r="329229" spans="8:8">
      <c r="H329229" s="12"/>
    </row>
    <row r="329230" spans="8:8">
      <c r="H329230" s="12"/>
    </row>
    <row r="329231" spans="8:8">
      <c r="H329231" s="12"/>
    </row>
    <row r="329232" spans="8:8">
      <c r="H329232" s="12"/>
    </row>
    <row r="329233" spans="8:8">
      <c r="H329233" s="12"/>
    </row>
    <row r="329234" spans="8:8">
      <c r="H329234" s="12"/>
    </row>
    <row r="329235" spans="8:8">
      <c r="H329235" s="12"/>
    </row>
    <row r="329236" spans="8:8">
      <c r="H329236" s="12"/>
    </row>
    <row r="329237" spans="8:8">
      <c r="H329237" s="12"/>
    </row>
    <row r="329238" spans="8:8">
      <c r="H329238" s="12"/>
    </row>
    <row r="329239" spans="8:8">
      <c r="H329239" s="12"/>
    </row>
    <row r="329240" spans="8:8">
      <c r="H329240" s="12"/>
    </row>
    <row r="329241" spans="8:8">
      <c r="H329241" s="12"/>
    </row>
    <row r="329242" spans="8:8">
      <c r="H329242" s="12"/>
    </row>
    <row r="329243" spans="8:8">
      <c r="H329243" s="12"/>
    </row>
    <row r="329244" spans="8:8">
      <c r="H329244" s="12"/>
    </row>
    <row r="329245" spans="8:8">
      <c r="H329245" s="12"/>
    </row>
    <row r="329246" spans="8:8">
      <c r="H329246" s="12"/>
    </row>
    <row r="329247" spans="8:8">
      <c r="H329247" s="12"/>
    </row>
    <row r="329248" spans="8:8">
      <c r="H329248" s="12"/>
    </row>
    <row r="329249" spans="8:8">
      <c r="H329249" s="12"/>
    </row>
    <row r="329250" spans="8:8">
      <c r="H329250" s="12"/>
    </row>
    <row r="329251" spans="8:8">
      <c r="H329251" s="12"/>
    </row>
    <row r="329252" spans="8:8">
      <c r="H329252" s="12"/>
    </row>
    <row r="329253" spans="8:8">
      <c r="H329253" s="12"/>
    </row>
    <row r="329254" spans="8:8">
      <c r="H329254" s="12"/>
    </row>
    <row r="329255" spans="8:8">
      <c r="H329255" s="12"/>
    </row>
    <row r="329256" spans="8:8">
      <c r="H329256" s="12"/>
    </row>
    <row r="329257" spans="8:8">
      <c r="H329257" s="12"/>
    </row>
    <row r="329258" spans="8:8">
      <c r="H329258" s="12"/>
    </row>
    <row r="329259" spans="8:8">
      <c r="H329259" s="12"/>
    </row>
    <row r="329260" spans="8:8">
      <c r="H329260" s="12"/>
    </row>
    <row r="329261" spans="8:8">
      <c r="H329261" s="12"/>
    </row>
    <row r="329262" spans="8:8">
      <c r="H329262" s="12"/>
    </row>
    <row r="329263" spans="8:8">
      <c r="H329263" s="12"/>
    </row>
    <row r="329264" spans="8:8">
      <c r="H329264" s="12"/>
    </row>
    <row r="329265" spans="8:8">
      <c r="H329265" s="12"/>
    </row>
    <row r="329266" spans="8:8">
      <c r="H329266" s="12"/>
    </row>
    <row r="329267" spans="8:8">
      <c r="H329267" s="12"/>
    </row>
    <row r="329268" spans="8:8">
      <c r="H329268" s="12"/>
    </row>
    <row r="329269" spans="8:8">
      <c r="H329269" s="12"/>
    </row>
    <row r="329270" spans="8:8">
      <c r="H329270" s="12"/>
    </row>
    <row r="329271" spans="8:8">
      <c r="H329271" s="12"/>
    </row>
    <row r="329272" spans="8:8">
      <c r="H329272" s="12"/>
    </row>
    <row r="329273" spans="8:8">
      <c r="H329273" s="12"/>
    </row>
    <row r="329274" spans="8:8">
      <c r="H329274" s="12"/>
    </row>
    <row r="329275" spans="8:8">
      <c r="H329275" s="12"/>
    </row>
    <row r="329276" spans="8:8">
      <c r="H329276" s="12"/>
    </row>
    <row r="329277" spans="8:8">
      <c r="H329277" s="12"/>
    </row>
    <row r="329278" spans="8:8">
      <c r="H329278" s="12"/>
    </row>
    <row r="329279" spans="8:8">
      <c r="H329279" s="12"/>
    </row>
    <row r="329280" spans="8:8">
      <c r="H329280" s="12"/>
    </row>
    <row r="329281" spans="8:8">
      <c r="H329281" s="12"/>
    </row>
    <row r="329282" spans="8:8">
      <c r="H329282" s="12"/>
    </row>
    <row r="329283" spans="8:8">
      <c r="H329283" s="12"/>
    </row>
    <row r="329284" spans="8:8">
      <c r="H329284" s="12"/>
    </row>
    <row r="329285" spans="8:8">
      <c r="H329285" s="12"/>
    </row>
    <row r="329286" spans="8:8">
      <c r="H329286" s="12"/>
    </row>
    <row r="329287" spans="8:8">
      <c r="H329287" s="12"/>
    </row>
    <row r="329288" spans="8:8">
      <c r="H329288" s="12"/>
    </row>
    <row r="329289" spans="8:8">
      <c r="H329289" s="12"/>
    </row>
    <row r="329290" spans="8:8">
      <c r="H329290" s="12"/>
    </row>
    <row r="329291" spans="8:8">
      <c r="H329291" s="12"/>
    </row>
    <row r="329292" spans="8:8">
      <c r="H329292" s="12"/>
    </row>
    <row r="329293" spans="8:8">
      <c r="H329293" s="12"/>
    </row>
    <row r="329294" spans="8:8">
      <c r="H329294" s="12"/>
    </row>
    <row r="329295" spans="8:8">
      <c r="H329295" s="12"/>
    </row>
    <row r="329296" spans="8:8">
      <c r="H329296" s="12"/>
    </row>
    <row r="329297" spans="8:8">
      <c r="H329297" s="12"/>
    </row>
    <row r="329298" spans="8:8">
      <c r="H329298" s="12"/>
    </row>
    <row r="329299" spans="8:8">
      <c r="H329299" s="12"/>
    </row>
    <row r="329300" spans="8:8">
      <c r="H329300" s="12"/>
    </row>
    <row r="329301" spans="8:8">
      <c r="H329301" s="12"/>
    </row>
    <row r="329302" spans="8:8">
      <c r="H329302" s="12"/>
    </row>
    <row r="329303" spans="8:8">
      <c r="H329303" s="12"/>
    </row>
    <row r="329304" spans="8:8">
      <c r="H329304" s="12"/>
    </row>
    <row r="329305" spans="8:8">
      <c r="H329305" s="12"/>
    </row>
    <row r="329306" spans="8:8">
      <c r="H329306" s="12"/>
    </row>
    <row r="329307" spans="8:8">
      <c r="H329307" s="12"/>
    </row>
    <row r="329308" spans="8:8">
      <c r="H329308" s="12"/>
    </row>
    <row r="329309" spans="8:8">
      <c r="H329309" s="12"/>
    </row>
    <row r="329310" spans="8:8">
      <c r="H329310" s="12"/>
    </row>
    <row r="329311" spans="8:8">
      <c r="H329311" s="12"/>
    </row>
    <row r="329312" spans="8:8">
      <c r="H329312" s="12"/>
    </row>
    <row r="329313" spans="8:8">
      <c r="H329313" s="12"/>
    </row>
    <row r="329314" spans="8:8">
      <c r="H329314" s="12"/>
    </row>
    <row r="329315" spans="8:8">
      <c r="H329315" s="12"/>
    </row>
    <row r="329316" spans="8:8">
      <c r="H329316" s="12"/>
    </row>
    <row r="329317" spans="8:8">
      <c r="H329317" s="12"/>
    </row>
    <row r="329318" spans="8:8">
      <c r="H329318" s="12"/>
    </row>
    <row r="329319" spans="8:8">
      <c r="H329319" s="12"/>
    </row>
    <row r="329320" spans="8:8">
      <c r="H329320" s="12"/>
    </row>
    <row r="329321" spans="8:8">
      <c r="H329321" s="12"/>
    </row>
    <row r="329322" spans="8:8">
      <c r="H329322" s="12"/>
    </row>
    <row r="329323" spans="8:8">
      <c r="H329323" s="12"/>
    </row>
    <row r="329324" spans="8:8">
      <c r="H329324" s="12"/>
    </row>
    <row r="329325" spans="8:8">
      <c r="H329325" s="12"/>
    </row>
    <row r="329326" spans="8:8">
      <c r="H329326" s="12"/>
    </row>
    <row r="329327" spans="8:8">
      <c r="H329327" s="12"/>
    </row>
    <row r="329328" spans="8:8">
      <c r="H329328" s="12"/>
    </row>
    <row r="329329" spans="8:8">
      <c r="H329329" s="12"/>
    </row>
    <row r="329330" spans="8:8">
      <c r="H329330" s="12"/>
    </row>
    <row r="329331" spans="8:8">
      <c r="H329331" s="12"/>
    </row>
    <row r="329332" spans="8:8">
      <c r="H329332" s="12"/>
    </row>
    <row r="329333" spans="8:8">
      <c r="H329333" s="12"/>
    </row>
    <row r="329334" spans="8:8">
      <c r="H329334" s="12"/>
    </row>
    <row r="329335" spans="8:8">
      <c r="H329335" s="12"/>
    </row>
    <row r="329336" spans="8:8">
      <c r="H329336" s="12"/>
    </row>
    <row r="329337" spans="8:8">
      <c r="H329337" s="12"/>
    </row>
    <row r="329338" spans="8:8">
      <c r="H329338" s="12"/>
    </row>
    <row r="329339" spans="8:8">
      <c r="H329339" s="12"/>
    </row>
    <row r="329340" spans="8:8">
      <c r="H329340" s="12"/>
    </row>
    <row r="329341" spans="8:8">
      <c r="H329341" s="12"/>
    </row>
    <row r="329342" spans="8:8">
      <c r="H329342" s="12"/>
    </row>
    <row r="329343" spans="8:8">
      <c r="H329343" s="12"/>
    </row>
    <row r="329344" spans="8:8">
      <c r="H329344" s="12"/>
    </row>
    <row r="329345" spans="8:8">
      <c r="H329345" s="12"/>
    </row>
    <row r="329346" spans="8:8">
      <c r="H329346" s="12"/>
    </row>
    <row r="329347" spans="8:8">
      <c r="H329347" s="12"/>
    </row>
    <row r="329348" spans="8:8">
      <c r="H329348" s="12"/>
    </row>
    <row r="329349" spans="8:8">
      <c r="H329349" s="12"/>
    </row>
    <row r="329350" spans="8:8">
      <c r="H329350" s="12"/>
    </row>
    <row r="329351" spans="8:8">
      <c r="H329351" s="12"/>
    </row>
    <row r="329352" spans="8:8">
      <c r="H329352" s="12"/>
    </row>
    <row r="329353" spans="8:8">
      <c r="H329353" s="12"/>
    </row>
    <row r="329354" spans="8:8">
      <c r="H329354" s="12"/>
    </row>
    <row r="329355" spans="8:8">
      <c r="H329355" s="12"/>
    </row>
    <row r="329356" spans="8:8">
      <c r="H329356" s="12"/>
    </row>
    <row r="329357" spans="8:8">
      <c r="H329357" s="12"/>
    </row>
    <row r="329358" spans="8:8">
      <c r="H329358" s="12"/>
    </row>
    <row r="329359" spans="8:8">
      <c r="H329359" s="12"/>
    </row>
    <row r="329360" spans="8:8">
      <c r="H329360" s="12"/>
    </row>
    <row r="329361" spans="8:8">
      <c r="H329361" s="12"/>
    </row>
    <row r="329362" spans="8:8">
      <c r="H329362" s="12"/>
    </row>
    <row r="329363" spans="8:8">
      <c r="H329363" s="12"/>
    </row>
    <row r="329364" spans="8:8">
      <c r="H329364" s="12"/>
    </row>
    <row r="329365" spans="8:8">
      <c r="H329365" s="12"/>
    </row>
    <row r="329366" spans="8:8">
      <c r="H329366" s="12"/>
    </row>
    <row r="329367" spans="8:8">
      <c r="H329367" s="12"/>
    </row>
    <row r="329368" spans="8:8">
      <c r="H329368" s="12"/>
    </row>
    <row r="329369" spans="8:8">
      <c r="H329369" s="12"/>
    </row>
    <row r="329370" spans="8:8">
      <c r="H329370" s="12"/>
    </row>
    <row r="329371" spans="8:8">
      <c r="H329371" s="12"/>
    </row>
    <row r="329372" spans="8:8">
      <c r="H329372" s="12"/>
    </row>
    <row r="329373" spans="8:8">
      <c r="H329373" s="12"/>
    </row>
    <row r="329374" spans="8:8">
      <c r="H329374" s="12"/>
    </row>
    <row r="329375" spans="8:8">
      <c r="H329375" s="12"/>
    </row>
    <row r="329376" spans="8:8">
      <c r="H329376" s="12"/>
    </row>
    <row r="329377" spans="8:8">
      <c r="H329377" s="12"/>
    </row>
    <row r="329378" spans="8:8">
      <c r="H329378" s="12"/>
    </row>
    <row r="329379" spans="8:8">
      <c r="H329379" s="12"/>
    </row>
    <row r="329380" spans="8:8">
      <c r="H329380" s="12"/>
    </row>
    <row r="329381" spans="8:8">
      <c r="H329381" s="12"/>
    </row>
    <row r="329382" spans="8:8">
      <c r="H329382" s="12"/>
    </row>
    <row r="329383" spans="8:8">
      <c r="H329383" s="12"/>
    </row>
    <row r="329384" spans="8:8">
      <c r="H329384" s="12"/>
    </row>
    <row r="329385" spans="8:8">
      <c r="H329385" s="12"/>
    </row>
    <row r="329386" spans="8:8">
      <c r="H329386" s="12"/>
    </row>
    <row r="329387" spans="8:8">
      <c r="H329387" s="12"/>
    </row>
    <row r="329388" spans="8:8">
      <c r="H329388" s="12"/>
    </row>
    <row r="329389" spans="8:8">
      <c r="H329389" s="12"/>
    </row>
    <row r="329390" spans="8:8">
      <c r="H329390" s="12"/>
    </row>
    <row r="329391" spans="8:8">
      <c r="H329391" s="12"/>
    </row>
    <row r="329392" spans="8:8">
      <c r="H329392" s="12"/>
    </row>
    <row r="329393" spans="8:8">
      <c r="H329393" s="12"/>
    </row>
    <row r="329394" spans="8:8">
      <c r="H329394" s="12"/>
    </row>
    <row r="329395" spans="8:8">
      <c r="H329395" s="12"/>
    </row>
    <row r="329396" spans="8:8">
      <c r="H329396" s="12"/>
    </row>
    <row r="329397" spans="8:8">
      <c r="H329397" s="12"/>
    </row>
    <row r="329398" spans="8:8">
      <c r="H329398" s="12"/>
    </row>
    <row r="329399" spans="8:8">
      <c r="H329399" s="12"/>
    </row>
    <row r="329400" spans="8:8">
      <c r="H329400" s="12"/>
    </row>
    <row r="329401" spans="8:8">
      <c r="H329401" s="12"/>
    </row>
    <row r="329402" spans="8:8">
      <c r="H329402" s="12"/>
    </row>
    <row r="329403" spans="8:8">
      <c r="H329403" s="12"/>
    </row>
    <row r="329404" spans="8:8">
      <c r="H329404" s="12"/>
    </row>
    <row r="329405" spans="8:8">
      <c r="H329405" s="12"/>
    </row>
    <row r="329406" spans="8:8">
      <c r="H329406" s="12"/>
    </row>
    <row r="329407" spans="8:8">
      <c r="H329407" s="12"/>
    </row>
    <row r="329408" spans="8:8">
      <c r="H329408" s="12"/>
    </row>
    <row r="329409" spans="8:8">
      <c r="H329409" s="12"/>
    </row>
    <row r="329410" spans="8:8">
      <c r="H329410" s="12"/>
    </row>
    <row r="329411" spans="8:8">
      <c r="H329411" s="12"/>
    </row>
    <row r="329412" spans="8:8">
      <c r="H329412" s="12"/>
    </row>
    <row r="329413" spans="8:8">
      <c r="H329413" s="12"/>
    </row>
    <row r="329414" spans="8:8">
      <c r="H329414" s="12"/>
    </row>
    <row r="329415" spans="8:8">
      <c r="H329415" s="12"/>
    </row>
    <row r="329416" spans="8:8">
      <c r="H329416" s="12"/>
    </row>
    <row r="329417" spans="8:8">
      <c r="H329417" s="12"/>
    </row>
    <row r="329418" spans="8:8">
      <c r="H329418" s="12"/>
    </row>
    <row r="329419" spans="8:8">
      <c r="H329419" s="12"/>
    </row>
    <row r="329420" spans="8:8">
      <c r="H329420" s="12"/>
    </row>
    <row r="329421" spans="8:8">
      <c r="H329421" s="12"/>
    </row>
    <row r="329422" spans="8:8">
      <c r="H329422" s="12"/>
    </row>
    <row r="329423" spans="8:8">
      <c r="H329423" s="12"/>
    </row>
    <row r="329424" spans="8:8">
      <c r="H329424" s="12"/>
    </row>
    <row r="329425" spans="8:8">
      <c r="H329425" s="12"/>
    </row>
    <row r="329426" spans="8:8">
      <c r="H329426" s="12"/>
    </row>
    <row r="329427" spans="8:8">
      <c r="H329427" s="12"/>
    </row>
    <row r="329428" spans="8:8">
      <c r="H329428" s="12"/>
    </row>
    <row r="329429" spans="8:8">
      <c r="H329429" s="12"/>
    </row>
    <row r="329430" spans="8:8">
      <c r="H329430" s="12"/>
    </row>
    <row r="329431" spans="8:8">
      <c r="H329431" s="12"/>
    </row>
    <row r="329432" spans="8:8">
      <c r="H329432" s="12"/>
    </row>
    <row r="329433" spans="8:8">
      <c r="H329433" s="12"/>
    </row>
    <row r="329434" spans="8:8">
      <c r="H329434" s="12"/>
    </row>
    <row r="329435" spans="8:8">
      <c r="H329435" s="12"/>
    </row>
    <row r="329436" spans="8:8">
      <c r="H329436" s="12"/>
    </row>
    <row r="329437" spans="8:8">
      <c r="H329437" s="12"/>
    </row>
    <row r="329438" spans="8:8">
      <c r="H329438" s="12"/>
    </row>
    <row r="329439" spans="8:8">
      <c r="H329439" s="12"/>
    </row>
    <row r="329440" spans="8:8">
      <c r="H329440" s="12"/>
    </row>
    <row r="329441" spans="8:8">
      <c r="H329441" s="12"/>
    </row>
    <row r="329442" spans="8:8">
      <c r="H329442" s="12"/>
    </row>
    <row r="329443" spans="8:8">
      <c r="H329443" s="12"/>
    </row>
    <row r="329444" spans="8:8">
      <c r="H329444" s="12"/>
    </row>
    <row r="329445" spans="8:8">
      <c r="H329445" s="12"/>
    </row>
    <row r="329446" spans="8:8">
      <c r="H329446" s="12"/>
    </row>
    <row r="329447" spans="8:8">
      <c r="H329447" s="12"/>
    </row>
    <row r="329448" spans="8:8">
      <c r="H329448" s="12"/>
    </row>
    <row r="329449" spans="8:8">
      <c r="H329449" s="12"/>
    </row>
    <row r="329450" spans="8:8">
      <c r="H329450" s="12"/>
    </row>
    <row r="329451" spans="8:8">
      <c r="H329451" s="12"/>
    </row>
    <row r="329452" spans="8:8">
      <c r="H329452" s="12"/>
    </row>
    <row r="329453" spans="8:8">
      <c r="H329453" s="12"/>
    </row>
    <row r="329454" spans="8:8">
      <c r="H329454" s="12"/>
    </row>
    <row r="329455" spans="8:8">
      <c r="H329455" s="12"/>
    </row>
    <row r="329456" spans="8:8">
      <c r="H329456" s="12"/>
    </row>
    <row r="329457" spans="8:8">
      <c r="H329457" s="12"/>
    </row>
    <row r="329458" spans="8:8">
      <c r="H329458" s="12"/>
    </row>
    <row r="329459" spans="8:8">
      <c r="H329459" s="12"/>
    </row>
    <row r="329460" spans="8:8">
      <c r="H329460" s="12"/>
    </row>
    <row r="329461" spans="8:8">
      <c r="H329461" s="12"/>
    </row>
    <row r="329462" spans="8:8">
      <c r="H329462" s="12"/>
    </row>
    <row r="329463" spans="8:8">
      <c r="H329463" s="12"/>
    </row>
    <row r="329464" spans="8:8">
      <c r="H329464" s="12"/>
    </row>
    <row r="329465" spans="8:8">
      <c r="H329465" s="12"/>
    </row>
    <row r="329466" spans="8:8">
      <c r="H329466" s="12"/>
    </row>
    <row r="329467" spans="8:8">
      <c r="H329467" s="12"/>
    </row>
    <row r="329468" spans="8:8">
      <c r="H329468" s="12"/>
    </row>
    <row r="329469" spans="8:8">
      <c r="H329469" s="12"/>
    </row>
    <row r="329470" spans="8:8">
      <c r="H329470" s="12"/>
    </row>
    <row r="329471" spans="8:8">
      <c r="H329471" s="12"/>
    </row>
    <row r="329472" spans="8:8">
      <c r="H329472" s="12"/>
    </row>
    <row r="329473" spans="8:8">
      <c r="H329473" s="12"/>
    </row>
    <row r="329474" spans="8:8">
      <c r="H329474" s="12"/>
    </row>
    <row r="329475" spans="8:8">
      <c r="H329475" s="12"/>
    </row>
    <row r="329476" spans="8:8">
      <c r="H329476" s="12"/>
    </row>
    <row r="329477" spans="8:8">
      <c r="H329477" s="12"/>
    </row>
    <row r="329478" spans="8:8">
      <c r="H329478" s="12"/>
    </row>
    <row r="329479" spans="8:8">
      <c r="H329479" s="12"/>
    </row>
    <row r="329480" spans="8:8">
      <c r="H329480" s="12"/>
    </row>
    <row r="329481" spans="8:8">
      <c r="H329481" s="12"/>
    </row>
    <row r="329482" spans="8:8">
      <c r="H329482" s="12"/>
    </row>
    <row r="329483" spans="8:8">
      <c r="H329483" s="12"/>
    </row>
    <row r="329484" spans="8:8">
      <c r="H329484" s="12"/>
    </row>
    <row r="329485" spans="8:8">
      <c r="H329485" s="12"/>
    </row>
    <row r="329486" spans="8:8">
      <c r="H329486" s="12"/>
    </row>
    <row r="329487" spans="8:8">
      <c r="H329487" s="12"/>
    </row>
    <row r="329488" spans="8:8">
      <c r="H329488" s="12"/>
    </row>
    <row r="329489" spans="8:8">
      <c r="H329489" s="12"/>
    </row>
    <row r="329490" spans="8:8">
      <c r="H329490" s="12"/>
    </row>
    <row r="329491" spans="8:8">
      <c r="H329491" s="12"/>
    </row>
    <row r="329492" spans="8:8">
      <c r="H329492" s="12"/>
    </row>
    <row r="329493" spans="8:8">
      <c r="H329493" s="12"/>
    </row>
    <row r="329494" spans="8:8">
      <c r="H329494" s="12"/>
    </row>
    <row r="329495" spans="8:8">
      <c r="H329495" s="12"/>
    </row>
    <row r="329496" spans="8:8">
      <c r="H329496" s="12"/>
    </row>
    <row r="329497" spans="8:8">
      <c r="H329497" s="12"/>
    </row>
    <row r="329498" spans="8:8">
      <c r="H329498" s="12"/>
    </row>
    <row r="329499" spans="8:8">
      <c r="H329499" s="12"/>
    </row>
    <row r="329500" spans="8:8">
      <c r="H329500" s="12"/>
    </row>
    <row r="329501" spans="8:8">
      <c r="H329501" s="12"/>
    </row>
    <row r="329502" spans="8:8">
      <c r="H329502" s="12"/>
    </row>
    <row r="329503" spans="8:8">
      <c r="H329503" s="12"/>
    </row>
    <row r="329504" spans="8:8">
      <c r="H329504" s="12"/>
    </row>
    <row r="329505" spans="8:8">
      <c r="H329505" s="12"/>
    </row>
    <row r="329506" spans="8:8">
      <c r="H329506" s="12"/>
    </row>
    <row r="329507" spans="8:8">
      <c r="H329507" s="12"/>
    </row>
    <row r="329508" spans="8:8">
      <c r="H329508" s="12"/>
    </row>
    <row r="329509" spans="8:8">
      <c r="H329509" s="12"/>
    </row>
    <row r="329510" spans="8:8">
      <c r="H329510" s="12"/>
    </row>
    <row r="329511" spans="8:8">
      <c r="H329511" s="12"/>
    </row>
    <row r="329512" spans="8:8">
      <c r="H329512" s="12"/>
    </row>
    <row r="329513" spans="8:8">
      <c r="H329513" s="12"/>
    </row>
    <row r="329514" spans="8:8">
      <c r="H329514" s="12"/>
    </row>
    <row r="329515" spans="8:8">
      <c r="H329515" s="12"/>
    </row>
    <row r="329516" spans="8:8">
      <c r="H329516" s="12"/>
    </row>
    <row r="329517" spans="8:8">
      <c r="H329517" s="12"/>
    </row>
    <row r="329518" spans="8:8">
      <c r="H329518" s="12"/>
    </row>
    <row r="329519" spans="8:8">
      <c r="H329519" s="12"/>
    </row>
    <row r="329520" spans="8:8">
      <c r="H329520" s="12"/>
    </row>
    <row r="329521" spans="8:8">
      <c r="H329521" s="12"/>
    </row>
    <row r="329522" spans="8:8">
      <c r="H329522" s="12"/>
    </row>
    <row r="329523" spans="8:8">
      <c r="H329523" s="12"/>
    </row>
    <row r="329524" spans="8:8">
      <c r="H329524" s="12"/>
    </row>
    <row r="329525" spans="8:8">
      <c r="H329525" s="12"/>
    </row>
    <row r="329526" spans="8:8">
      <c r="H329526" s="12"/>
    </row>
    <row r="329527" spans="8:8">
      <c r="H329527" s="12"/>
    </row>
    <row r="329528" spans="8:8">
      <c r="H329528" s="12"/>
    </row>
    <row r="329529" spans="8:8">
      <c r="H329529" s="12"/>
    </row>
    <row r="329530" spans="8:8">
      <c r="H329530" s="12"/>
    </row>
    <row r="329531" spans="8:8">
      <c r="H329531" s="12"/>
    </row>
    <row r="329532" spans="8:8">
      <c r="H329532" s="12"/>
    </row>
    <row r="329533" spans="8:8">
      <c r="H329533" s="12"/>
    </row>
    <row r="329534" spans="8:8">
      <c r="H329534" s="12"/>
    </row>
    <row r="329535" spans="8:8">
      <c r="H329535" s="12"/>
    </row>
    <row r="329536" spans="8:8">
      <c r="H329536" s="12"/>
    </row>
    <row r="329537" spans="8:8">
      <c r="H329537" s="12"/>
    </row>
    <row r="329538" spans="8:8">
      <c r="H329538" s="12"/>
    </row>
    <row r="329539" spans="8:8">
      <c r="H329539" s="12"/>
    </row>
    <row r="329540" spans="8:8">
      <c r="H329540" s="12"/>
    </row>
    <row r="329541" spans="8:8">
      <c r="H329541" s="12"/>
    </row>
    <row r="329542" spans="8:8">
      <c r="H329542" s="12"/>
    </row>
    <row r="329543" spans="8:8">
      <c r="H329543" s="12"/>
    </row>
    <row r="329544" spans="8:8">
      <c r="H329544" s="12"/>
    </row>
    <row r="329545" spans="8:8">
      <c r="H329545" s="12"/>
    </row>
    <row r="329546" spans="8:8">
      <c r="H329546" s="12"/>
    </row>
    <row r="329547" spans="8:8">
      <c r="H329547" s="12"/>
    </row>
    <row r="329548" spans="8:8">
      <c r="H329548" s="12"/>
    </row>
    <row r="329549" spans="8:8">
      <c r="H329549" s="12"/>
    </row>
    <row r="329550" spans="8:8">
      <c r="H329550" s="12"/>
    </row>
    <row r="329551" spans="8:8">
      <c r="H329551" s="12"/>
    </row>
    <row r="329552" spans="8:8">
      <c r="H329552" s="12"/>
    </row>
    <row r="329553" spans="8:8">
      <c r="H329553" s="12"/>
    </row>
    <row r="329554" spans="8:8">
      <c r="H329554" s="12"/>
    </row>
    <row r="329555" spans="8:8">
      <c r="H329555" s="12"/>
    </row>
    <row r="329556" spans="8:8">
      <c r="H329556" s="12"/>
    </row>
    <row r="329557" spans="8:8">
      <c r="H329557" s="12"/>
    </row>
    <row r="329558" spans="8:8">
      <c r="H329558" s="12"/>
    </row>
    <row r="329559" spans="8:8">
      <c r="H329559" s="12"/>
    </row>
    <row r="329560" spans="8:8">
      <c r="H329560" s="12"/>
    </row>
    <row r="329561" spans="8:8">
      <c r="H329561" s="12"/>
    </row>
    <row r="329562" spans="8:8">
      <c r="H329562" s="12"/>
    </row>
    <row r="329563" spans="8:8">
      <c r="H329563" s="12"/>
    </row>
    <row r="329564" spans="8:8">
      <c r="H329564" s="12"/>
    </row>
    <row r="329565" spans="8:8">
      <c r="H329565" s="12"/>
    </row>
    <row r="329566" spans="8:8">
      <c r="H329566" s="12"/>
    </row>
    <row r="329567" spans="8:8">
      <c r="H329567" s="12"/>
    </row>
    <row r="329568" spans="8:8">
      <c r="H329568" s="12"/>
    </row>
    <row r="329569" spans="8:8">
      <c r="H329569" s="12"/>
    </row>
    <row r="329570" spans="8:8">
      <c r="H329570" s="12"/>
    </row>
    <row r="329571" spans="8:8">
      <c r="H329571" s="12"/>
    </row>
    <row r="329572" spans="8:8">
      <c r="H329572" s="12"/>
    </row>
    <row r="329573" spans="8:8">
      <c r="H329573" s="12"/>
    </row>
    <row r="329574" spans="8:8">
      <c r="H329574" s="12"/>
    </row>
    <row r="329575" spans="8:8">
      <c r="H329575" s="12"/>
    </row>
    <row r="329576" spans="8:8">
      <c r="H329576" s="12"/>
    </row>
    <row r="329577" spans="8:8">
      <c r="H329577" s="12"/>
    </row>
    <row r="329578" spans="8:8">
      <c r="H329578" s="12"/>
    </row>
    <row r="329579" spans="8:8">
      <c r="H329579" s="12"/>
    </row>
    <row r="329580" spans="8:8">
      <c r="H329580" s="12"/>
    </row>
    <row r="329581" spans="8:8">
      <c r="H329581" s="12"/>
    </row>
    <row r="329582" spans="8:8">
      <c r="H329582" s="12"/>
    </row>
    <row r="329583" spans="8:8">
      <c r="H329583" s="12"/>
    </row>
    <row r="329584" spans="8:8">
      <c r="H329584" s="12"/>
    </row>
    <row r="329585" spans="8:8">
      <c r="H329585" s="12"/>
    </row>
    <row r="329586" spans="8:8">
      <c r="H329586" s="12"/>
    </row>
    <row r="329587" spans="8:8">
      <c r="H329587" s="12"/>
    </row>
    <row r="329588" spans="8:8">
      <c r="H329588" s="12"/>
    </row>
    <row r="329589" spans="8:8">
      <c r="H329589" s="12"/>
    </row>
    <row r="329590" spans="8:8">
      <c r="H329590" s="12"/>
    </row>
    <row r="329591" spans="8:8">
      <c r="H329591" s="12"/>
    </row>
    <row r="329592" spans="8:8">
      <c r="H329592" s="12"/>
    </row>
    <row r="329593" spans="8:8">
      <c r="H329593" s="12"/>
    </row>
    <row r="329594" spans="8:8">
      <c r="H329594" s="12"/>
    </row>
    <row r="329595" spans="8:8">
      <c r="H329595" s="12"/>
    </row>
    <row r="329596" spans="8:8">
      <c r="H329596" s="12"/>
    </row>
    <row r="329597" spans="8:8">
      <c r="H329597" s="12"/>
    </row>
    <row r="329598" spans="8:8">
      <c r="H329598" s="12"/>
    </row>
    <row r="329599" spans="8:8">
      <c r="H329599" s="12"/>
    </row>
    <row r="329600" spans="8:8">
      <c r="H329600" s="12"/>
    </row>
    <row r="329601" spans="8:8">
      <c r="H329601" s="12"/>
    </row>
    <row r="329602" spans="8:8">
      <c r="H329602" s="12"/>
    </row>
    <row r="329603" spans="8:8">
      <c r="H329603" s="12"/>
    </row>
    <row r="329604" spans="8:8">
      <c r="H329604" s="12"/>
    </row>
    <row r="329605" spans="8:8">
      <c r="H329605" s="12"/>
    </row>
    <row r="329606" spans="8:8">
      <c r="H329606" s="12"/>
    </row>
    <row r="329607" spans="8:8">
      <c r="H329607" s="12"/>
    </row>
    <row r="329608" spans="8:8">
      <c r="H329608" s="12"/>
    </row>
    <row r="329609" spans="8:8">
      <c r="H329609" s="12"/>
    </row>
    <row r="329610" spans="8:8">
      <c r="H329610" s="12"/>
    </row>
    <row r="329611" spans="8:8">
      <c r="H329611" s="12"/>
    </row>
    <row r="329612" spans="8:8">
      <c r="H329612" s="12"/>
    </row>
    <row r="329613" spans="8:8">
      <c r="H329613" s="12"/>
    </row>
    <row r="329614" spans="8:8">
      <c r="H329614" s="12"/>
    </row>
    <row r="329615" spans="8:8">
      <c r="H329615" s="12"/>
    </row>
    <row r="329616" spans="8:8">
      <c r="H329616" s="12"/>
    </row>
    <row r="329617" spans="8:8">
      <c r="H329617" s="12"/>
    </row>
    <row r="329618" spans="8:8">
      <c r="H329618" s="12"/>
    </row>
    <row r="329619" spans="8:8">
      <c r="H329619" s="12"/>
    </row>
    <row r="329620" spans="8:8">
      <c r="H329620" s="12"/>
    </row>
    <row r="329621" spans="8:8">
      <c r="H329621" s="12"/>
    </row>
    <row r="329622" spans="8:8">
      <c r="H329622" s="12"/>
    </row>
    <row r="329623" spans="8:8">
      <c r="H329623" s="12"/>
    </row>
    <row r="329624" spans="8:8">
      <c r="H329624" s="12"/>
    </row>
    <row r="329625" spans="8:8">
      <c r="H329625" s="12"/>
    </row>
    <row r="329626" spans="8:8">
      <c r="H329626" s="12"/>
    </row>
    <row r="329627" spans="8:8">
      <c r="H329627" s="12"/>
    </row>
    <row r="329628" spans="8:8">
      <c r="H329628" s="12"/>
    </row>
    <row r="329629" spans="8:8">
      <c r="H329629" s="12"/>
    </row>
    <row r="329630" spans="8:8">
      <c r="H329630" s="12"/>
    </row>
    <row r="329631" spans="8:8">
      <c r="H329631" s="12"/>
    </row>
    <row r="329632" spans="8:8">
      <c r="H329632" s="12"/>
    </row>
    <row r="329633" spans="8:8">
      <c r="H329633" s="12"/>
    </row>
    <row r="329634" spans="8:8">
      <c r="H329634" s="12"/>
    </row>
    <row r="329635" spans="8:8">
      <c r="H329635" s="12"/>
    </row>
    <row r="329636" spans="8:8">
      <c r="H329636" s="12"/>
    </row>
    <row r="329637" spans="8:8">
      <c r="H329637" s="12"/>
    </row>
    <row r="329638" spans="8:8">
      <c r="H329638" s="12"/>
    </row>
    <row r="329639" spans="8:8">
      <c r="H329639" s="12"/>
    </row>
    <row r="329640" spans="8:8">
      <c r="H329640" s="12"/>
    </row>
    <row r="329641" spans="8:8">
      <c r="H329641" s="12"/>
    </row>
    <row r="329642" spans="8:8">
      <c r="H329642" s="12"/>
    </row>
    <row r="329643" spans="8:8">
      <c r="H329643" s="12"/>
    </row>
    <row r="329644" spans="8:8">
      <c r="H329644" s="12"/>
    </row>
    <row r="329645" spans="8:8">
      <c r="H329645" s="12"/>
    </row>
    <row r="329646" spans="8:8">
      <c r="H329646" s="12"/>
    </row>
    <row r="329647" spans="8:8">
      <c r="H329647" s="12"/>
    </row>
    <row r="329648" spans="8:8">
      <c r="H329648" s="12"/>
    </row>
    <row r="329649" spans="8:8">
      <c r="H329649" s="12"/>
    </row>
    <row r="329650" spans="8:8">
      <c r="H329650" s="12"/>
    </row>
    <row r="329651" spans="8:8">
      <c r="H329651" s="12"/>
    </row>
    <row r="329652" spans="8:8">
      <c r="H329652" s="12"/>
    </row>
    <row r="329653" spans="8:8">
      <c r="H329653" s="12"/>
    </row>
    <row r="329654" spans="8:8">
      <c r="H329654" s="12"/>
    </row>
    <row r="329655" spans="8:8">
      <c r="H329655" s="12"/>
    </row>
    <row r="329656" spans="8:8">
      <c r="H329656" s="12"/>
    </row>
    <row r="329657" spans="8:8">
      <c r="H329657" s="12"/>
    </row>
    <row r="329658" spans="8:8">
      <c r="H329658" s="12"/>
    </row>
    <row r="329659" spans="8:8">
      <c r="H329659" s="12"/>
    </row>
    <row r="329660" spans="8:8">
      <c r="H329660" s="12"/>
    </row>
    <row r="329661" spans="8:8">
      <c r="H329661" s="12"/>
    </row>
    <row r="329662" spans="8:8">
      <c r="H329662" s="12"/>
    </row>
    <row r="329663" spans="8:8">
      <c r="H329663" s="12"/>
    </row>
    <row r="329664" spans="8:8">
      <c r="H329664" s="12"/>
    </row>
    <row r="329665" spans="8:8">
      <c r="H329665" s="12"/>
    </row>
    <row r="329666" spans="8:8">
      <c r="H329666" s="12"/>
    </row>
    <row r="329667" spans="8:8">
      <c r="H329667" s="12"/>
    </row>
    <row r="329668" spans="8:8">
      <c r="H329668" s="12"/>
    </row>
    <row r="329669" spans="8:8">
      <c r="H329669" s="12"/>
    </row>
    <row r="329670" spans="8:8">
      <c r="H329670" s="12"/>
    </row>
    <row r="329671" spans="8:8">
      <c r="H329671" s="12"/>
    </row>
    <row r="329672" spans="8:8">
      <c r="H329672" s="12"/>
    </row>
    <row r="329673" spans="8:8">
      <c r="H329673" s="12"/>
    </row>
    <row r="329674" spans="8:8">
      <c r="H329674" s="12"/>
    </row>
    <row r="329675" spans="8:8">
      <c r="H329675" s="12"/>
    </row>
    <row r="329676" spans="8:8">
      <c r="H329676" s="12"/>
    </row>
    <row r="329677" spans="8:8">
      <c r="H329677" s="12"/>
    </row>
    <row r="329678" spans="8:8">
      <c r="H329678" s="12"/>
    </row>
    <row r="329679" spans="8:8">
      <c r="H329679" s="12"/>
    </row>
    <row r="329680" spans="8:8">
      <c r="H329680" s="12"/>
    </row>
    <row r="329681" spans="8:8">
      <c r="H329681" s="12"/>
    </row>
    <row r="329682" spans="8:8">
      <c r="H329682" s="12"/>
    </row>
    <row r="329683" spans="8:8">
      <c r="H329683" s="12"/>
    </row>
    <row r="329684" spans="8:8">
      <c r="H329684" s="12"/>
    </row>
    <row r="329685" spans="8:8">
      <c r="H329685" s="12"/>
    </row>
    <row r="329686" spans="8:8">
      <c r="H329686" s="12"/>
    </row>
    <row r="329687" spans="8:8">
      <c r="H329687" s="12"/>
    </row>
    <row r="329688" spans="8:8">
      <c r="H329688" s="12"/>
    </row>
    <row r="329689" spans="8:8">
      <c r="H329689" s="12"/>
    </row>
    <row r="329690" spans="8:8">
      <c r="H329690" s="12"/>
    </row>
    <row r="329691" spans="8:8">
      <c r="H329691" s="12"/>
    </row>
    <row r="329692" spans="8:8">
      <c r="H329692" s="12"/>
    </row>
    <row r="329693" spans="8:8">
      <c r="H329693" s="12"/>
    </row>
    <row r="329694" spans="8:8">
      <c r="H329694" s="12"/>
    </row>
    <row r="329695" spans="8:8">
      <c r="H329695" s="12"/>
    </row>
    <row r="329696" spans="8:8">
      <c r="H329696" s="12"/>
    </row>
    <row r="329697" spans="8:8">
      <c r="H329697" s="12"/>
    </row>
    <row r="329698" spans="8:8">
      <c r="H329698" s="12"/>
    </row>
    <row r="329699" spans="8:8">
      <c r="H329699" s="12"/>
    </row>
    <row r="329700" spans="8:8">
      <c r="H329700" s="12"/>
    </row>
    <row r="329701" spans="8:8">
      <c r="H329701" s="12"/>
    </row>
    <row r="329702" spans="8:8">
      <c r="H329702" s="12"/>
    </row>
    <row r="329703" spans="8:8">
      <c r="H329703" s="12"/>
    </row>
    <row r="329704" spans="8:8">
      <c r="H329704" s="12"/>
    </row>
    <row r="329705" spans="8:8">
      <c r="H329705" s="12"/>
    </row>
    <row r="329706" spans="8:8">
      <c r="H329706" s="12"/>
    </row>
    <row r="329707" spans="8:8">
      <c r="H329707" s="12"/>
    </row>
    <row r="329708" spans="8:8">
      <c r="H329708" s="12"/>
    </row>
    <row r="329709" spans="8:8">
      <c r="H329709" s="12"/>
    </row>
    <row r="329710" spans="8:8">
      <c r="H329710" s="12"/>
    </row>
    <row r="329711" spans="8:8">
      <c r="H329711" s="12"/>
    </row>
    <row r="329712" spans="8:8">
      <c r="H329712" s="12"/>
    </row>
    <row r="329713" spans="8:8">
      <c r="H329713" s="12"/>
    </row>
    <row r="329714" spans="8:8">
      <c r="H329714" s="12"/>
    </row>
    <row r="329715" spans="8:8">
      <c r="H329715" s="12"/>
    </row>
    <row r="329716" spans="8:8">
      <c r="H329716" s="12"/>
    </row>
    <row r="329717" spans="8:8">
      <c r="H329717" s="12"/>
    </row>
    <row r="329718" spans="8:8">
      <c r="H329718" s="12"/>
    </row>
    <row r="329719" spans="8:8">
      <c r="H329719" s="12"/>
    </row>
    <row r="329720" spans="8:8">
      <c r="H329720" s="12"/>
    </row>
    <row r="329721" spans="8:8">
      <c r="H329721" s="12"/>
    </row>
    <row r="329722" spans="8:8">
      <c r="H329722" s="12"/>
    </row>
    <row r="329723" spans="8:8">
      <c r="H329723" s="12"/>
    </row>
    <row r="329724" spans="8:8">
      <c r="H329724" s="12"/>
    </row>
    <row r="329725" spans="8:8">
      <c r="H329725" s="12"/>
    </row>
    <row r="329726" spans="8:8">
      <c r="H329726" s="12"/>
    </row>
    <row r="329727" spans="8:8">
      <c r="H329727" s="12"/>
    </row>
    <row r="329728" spans="8:8">
      <c r="H329728" s="12"/>
    </row>
    <row r="329729" spans="8:8">
      <c r="H329729" s="12"/>
    </row>
    <row r="329730" spans="8:8">
      <c r="H329730" s="12"/>
    </row>
    <row r="329731" spans="8:8">
      <c r="H329731" s="12"/>
    </row>
    <row r="329732" spans="8:8">
      <c r="H329732" s="12"/>
    </row>
    <row r="329733" spans="8:8">
      <c r="H329733" s="12"/>
    </row>
    <row r="329734" spans="8:8">
      <c r="H329734" s="12"/>
    </row>
    <row r="329735" spans="8:8">
      <c r="H329735" s="12"/>
    </row>
    <row r="329736" spans="8:8">
      <c r="H329736" s="12"/>
    </row>
    <row r="329737" spans="8:8">
      <c r="H329737" s="12"/>
    </row>
    <row r="329738" spans="8:8">
      <c r="H329738" s="12"/>
    </row>
    <row r="329739" spans="8:8">
      <c r="H329739" s="12"/>
    </row>
    <row r="329740" spans="8:8">
      <c r="H329740" s="12"/>
    </row>
    <row r="329741" spans="8:8">
      <c r="H329741" s="12"/>
    </row>
    <row r="329742" spans="8:8">
      <c r="H329742" s="12"/>
    </row>
    <row r="329743" spans="8:8">
      <c r="H329743" s="12"/>
    </row>
    <row r="329744" spans="8:8">
      <c r="H329744" s="12"/>
    </row>
    <row r="329745" spans="8:8">
      <c r="H329745" s="12"/>
    </row>
    <row r="329746" spans="8:8">
      <c r="H329746" s="12"/>
    </row>
    <row r="329747" spans="8:8">
      <c r="H329747" s="12"/>
    </row>
    <row r="329748" spans="8:8">
      <c r="H329748" s="12"/>
    </row>
    <row r="329749" spans="8:8">
      <c r="H329749" s="12"/>
    </row>
    <row r="329750" spans="8:8">
      <c r="H329750" s="12"/>
    </row>
    <row r="329751" spans="8:8">
      <c r="H329751" s="12"/>
    </row>
    <row r="329752" spans="8:8">
      <c r="H329752" s="12"/>
    </row>
    <row r="329753" spans="8:8">
      <c r="H329753" s="12"/>
    </row>
    <row r="329754" spans="8:8">
      <c r="H329754" s="12"/>
    </row>
    <row r="329755" spans="8:8">
      <c r="H329755" s="12"/>
    </row>
    <row r="329756" spans="8:8">
      <c r="H329756" s="12"/>
    </row>
    <row r="329757" spans="8:8">
      <c r="H329757" s="12"/>
    </row>
    <row r="329758" spans="8:8">
      <c r="H329758" s="12"/>
    </row>
    <row r="329759" spans="8:8">
      <c r="H329759" s="12"/>
    </row>
    <row r="329760" spans="8:8">
      <c r="H329760" s="12"/>
    </row>
    <row r="329761" spans="8:8">
      <c r="H329761" s="12"/>
    </row>
    <row r="329762" spans="8:8">
      <c r="H329762" s="12"/>
    </row>
    <row r="329763" spans="8:8">
      <c r="H329763" s="12"/>
    </row>
    <row r="329764" spans="8:8">
      <c r="H329764" s="12"/>
    </row>
    <row r="329765" spans="8:8">
      <c r="H329765" s="12"/>
    </row>
    <row r="329766" spans="8:8">
      <c r="H329766" s="12"/>
    </row>
    <row r="329767" spans="8:8">
      <c r="H329767" s="12"/>
    </row>
    <row r="329768" spans="8:8">
      <c r="H329768" s="12"/>
    </row>
    <row r="329769" spans="8:8">
      <c r="H329769" s="12"/>
    </row>
    <row r="329770" spans="8:8">
      <c r="H329770" s="12"/>
    </row>
    <row r="329771" spans="8:8">
      <c r="H329771" s="12"/>
    </row>
    <row r="329772" spans="8:8">
      <c r="H329772" s="12"/>
    </row>
    <row r="329773" spans="8:8">
      <c r="H329773" s="12"/>
    </row>
    <row r="329774" spans="8:8">
      <c r="H329774" s="12"/>
    </row>
    <row r="329775" spans="8:8">
      <c r="H329775" s="12"/>
    </row>
    <row r="329776" spans="8:8">
      <c r="H329776" s="12"/>
    </row>
    <row r="329777" spans="8:8">
      <c r="H329777" s="12"/>
    </row>
    <row r="329778" spans="8:8">
      <c r="H329778" s="12"/>
    </row>
    <row r="329779" spans="8:8">
      <c r="H329779" s="12"/>
    </row>
    <row r="329780" spans="8:8">
      <c r="H329780" s="12"/>
    </row>
    <row r="329781" spans="8:8">
      <c r="H329781" s="12"/>
    </row>
    <row r="329782" spans="8:8">
      <c r="H329782" s="12"/>
    </row>
    <row r="329783" spans="8:8">
      <c r="H329783" s="12"/>
    </row>
    <row r="329784" spans="8:8">
      <c r="H329784" s="12"/>
    </row>
    <row r="329785" spans="8:8">
      <c r="H329785" s="12"/>
    </row>
    <row r="329786" spans="8:8">
      <c r="H329786" s="12"/>
    </row>
    <row r="329787" spans="8:8">
      <c r="H329787" s="12"/>
    </row>
    <row r="329788" spans="8:8">
      <c r="H329788" s="12"/>
    </row>
    <row r="329789" spans="8:8">
      <c r="H329789" s="12"/>
    </row>
    <row r="329790" spans="8:8">
      <c r="H329790" s="12"/>
    </row>
    <row r="329791" spans="8:8">
      <c r="H329791" s="12"/>
    </row>
    <row r="329792" spans="8:8">
      <c r="H329792" s="12"/>
    </row>
    <row r="329793" spans="8:8">
      <c r="H329793" s="12"/>
    </row>
    <row r="329794" spans="8:8">
      <c r="H329794" s="12"/>
    </row>
    <row r="329795" spans="8:8">
      <c r="H329795" s="12"/>
    </row>
    <row r="329796" spans="8:8">
      <c r="H329796" s="12"/>
    </row>
    <row r="329797" spans="8:8">
      <c r="H329797" s="12"/>
    </row>
    <row r="329798" spans="8:8">
      <c r="H329798" s="12"/>
    </row>
    <row r="329799" spans="8:8">
      <c r="H329799" s="12"/>
    </row>
    <row r="329800" spans="8:8">
      <c r="H329800" s="12"/>
    </row>
    <row r="329801" spans="8:8">
      <c r="H329801" s="12"/>
    </row>
    <row r="329802" spans="8:8">
      <c r="H329802" s="12"/>
    </row>
    <row r="329803" spans="8:8">
      <c r="H329803" s="12"/>
    </row>
    <row r="329804" spans="8:8">
      <c r="H329804" s="12"/>
    </row>
    <row r="329805" spans="8:8">
      <c r="H329805" s="12"/>
    </row>
    <row r="329806" spans="8:8">
      <c r="H329806" s="12"/>
    </row>
    <row r="329807" spans="8:8">
      <c r="H329807" s="12"/>
    </row>
    <row r="329808" spans="8:8">
      <c r="H329808" s="12"/>
    </row>
    <row r="329809" spans="8:8">
      <c r="H329809" s="12"/>
    </row>
    <row r="329810" spans="8:8">
      <c r="H329810" s="12"/>
    </row>
    <row r="329811" spans="8:8">
      <c r="H329811" s="12"/>
    </row>
    <row r="329812" spans="8:8">
      <c r="H329812" s="12"/>
    </row>
    <row r="329813" spans="8:8">
      <c r="H329813" s="12"/>
    </row>
    <row r="329814" spans="8:8">
      <c r="H329814" s="12"/>
    </row>
    <row r="329815" spans="8:8">
      <c r="H329815" s="12"/>
    </row>
    <row r="329816" spans="8:8">
      <c r="H329816" s="12"/>
    </row>
    <row r="329817" spans="8:8">
      <c r="H329817" s="12"/>
    </row>
    <row r="329818" spans="8:8">
      <c r="H329818" s="12"/>
    </row>
    <row r="329819" spans="8:8">
      <c r="H329819" s="12"/>
    </row>
    <row r="329820" spans="8:8">
      <c r="H329820" s="12"/>
    </row>
    <row r="329821" spans="8:8">
      <c r="H329821" s="12"/>
    </row>
    <row r="329822" spans="8:8">
      <c r="H329822" s="12"/>
    </row>
    <row r="329823" spans="8:8">
      <c r="H329823" s="12"/>
    </row>
    <row r="329824" spans="8:8">
      <c r="H329824" s="12"/>
    </row>
    <row r="329825" spans="8:8">
      <c r="H329825" s="12"/>
    </row>
    <row r="329826" spans="8:8">
      <c r="H329826" s="12"/>
    </row>
    <row r="329827" spans="8:8">
      <c r="H329827" s="12"/>
    </row>
    <row r="329828" spans="8:8">
      <c r="H329828" s="12"/>
    </row>
    <row r="329829" spans="8:8">
      <c r="H329829" s="12"/>
    </row>
    <row r="329830" spans="8:8">
      <c r="H329830" s="12"/>
    </row>
    <row r="329831" spans="8:8">
      <c r="H329831" s="12"/>
    </row>
    <row r="329832" spans="8:8">
      <c r="H329832" s="12"/>
    </row>
    <row r="329833" spans="8:8">
      <c r="H329833" s="12"/>
    </row>
    <row r="329834" spans="8:8">
      <c r="H329834" s="12"/>
    </row>
    <row r="329835" spans="8:8">
      <c r="H329835" s="12"/>
    </row>
    <row r="329836" spans="8:8">
      <c r="H329836" s="12"/>
    </row>
    <row r="329837" spans="8:8">
      <c r="H329837" s="12"/>
    </row>
    <row r="329838" spans="8:8">
      <c r="H329838" s="12"/>
    </row>
    <row r="329839" spans="8:8">
      <c r="H329839" s="12"/>
    </row>
    <row r="329840" spans="8:8">
      <c r="H329840" s="12"/>
    </row>
    <row r="329841" spans="8:8">
      <c r="H329841" s="12"/>
    </row>
    <row r="329842" spans="8:8">
      <c r="H329842" s="12"/>
    </row>
    <row r="329843" spans="8:8">
      <c r="H329843" s="12"/>
    </row>
    <row r="329844" spans="8:8">
      <c r="H329844" s="12"/>
    </row>
    <row r="329845" spans="8:8">
      <c r="H329845" s="12"/>
    </row>
    <row r="329846" spans="8:8">
      <c r="H329846" s="12"/>
    </row>
    <row r="329847" spans="8:8">
      <c r="H329847" s="12"/>
    </row>
    <row r="329848" spans="8:8">
      <c r="H329848" s="12"/>
    </row>
    <row r="329849" spans="8:8">
      <c r="H329849" s="12"/>
    </row>
    <row r="329850" spans="8:8">
      <c r="H329850" s="12"/>
    </row>
    <row r="329851" spans="8:8">
      <c r="H329851" s="12"/>
    </row>
    <row r="329852" spans="8:8">
      <c r="H329852" s="12"/>
    </row>
    <row r="329853" spans="8:8">
      <c r="H329853" s="12"/>
    </row>
    <row r="329854" spans="8:8">
      <c r="H329854" s="12"/>
    </row>
    <row r="329855" spans="8:8">
      <c r="H329855" s="12"/>
    </row>
    <row r="329856" spans="8:8">
      <c r="H329856" s="12"/>
    </row>
    <row r="329857" spans="8:8">
      <c r="H329857" s="12"/>
    </row>
    <row r="329858" spans="8:8">
      <c r="H329858" s="12"/>
    </row>
    <row r="329859" spans="8:8">
      <c r="H329859" s="12"/>
    </row>
    <row r="329860" spans="8:8">
      <c r="H329860" s="12"/>
    </row>
    <row r="329861" spans="8:8">
      <c r="H329861" s="12"/>
    </row>
    <row r="329862" spans="8:8">
      <c r="H329862" s="12"/>
    </row>
    <row r="329863" spans="8:8">
      <c r="H329863" s="12"/>
    </row>
    <row r="329864" spans="8:8">
      <c r="H329864" s="12"/>
    </row>
    <row r="329865" spans="8:8">
      <c r="H329865" s="12"/>
    </row>
    <row r="329866" spans="8:8">
      <c r="H329866" s="12"/>
    </row>
    <row r="329867" spans="8:8">
      <c r="H329867" s="12"/>
    </row>
    <row r="329868" spans="8:8">
      <c r="H329868" s="12"/>
    </row>
    <row r="329869" spans="8:8">
      <c r="H329869" s="12"/>
    </row>
    <row r="329870" spans="8:8">
      <c r="H329870" s="12"/>
    </row>
    <row r="329871" spans="8:8">
      <c r="H329871" s="12"/>
    </row>
    <row r="329872" spans="8:8">
      <c r="H329872" s="12"/>
    </row>
    <row r="329873" spans="8:8">
      <c r="H329873" s="12"/>
    </row>
    <row r="329874" spans="8:8">
      <c r="H329874" s="12"/>
    </row>
    <row r="329875" spans="8:8">
      <c r="H329875" s="12"/>
    </row>
    <row r="329876" spans="8:8">
      <c r="H329876" s="12"/>
    </row>
    <row r="329877" spans="8:8">
      <c r="H329877" s="12"/>
    </row>
    <row r="329878" spans="8:8">
      <c r="H329878" s="12"/>
    </row>
    <row r="329879" spans="8:8">
      <c r="H329879" s="12"/>
    </row>
    <row r="329880" spans="8:8">
      <c r="H329880" s="12"/>
    </row>
    <row r="329881" spans="8:8">
      <c r="H329881" s="12"/>
    </row>
    <row r="329882" spans="8:8">
      <c r="H329882" s="12"/>
    </row>
    <row r="329883" spans="8:8">
      <c r="H329883" s="12"/>
    </row>
    <row r="329884" spans="8:8">
      <c r="H329884" s="12"/>
    </row>
    <row r="329885" spans="8:8">
      <c r="H329885" s="12"/>
    </row>
    <row r="329886" spans="8:8">
      <c r="H329886" s="12"/>
    </row>
    <row r="329887" spans="8:8">
      <c r="H329887" s="12"/>
    </row>
    <row r="329888" spans="8:8">
      <c r="H329888" s="12"/>
    </row>
    <row r="329889" spans="8:8">
      <c r="H329889" s="12"/>
    </row>
    <row r="329890" spans="8:8">
      <c r="H329890" s="12"/>
    </row>
    <row r="329891" spans="8:8">
      <c r="H329891" s="12"/>
    </row>
    <row r="329892" spans="8:8">
      <c r="H329892" s="12"/>
    </row>
    <row r="329893" spans="8:8">
      <c r="H329893" s="12"/>
    </row>
    <row r="329894" spans="8:8">
      <c r="H329894" s="12"/>
    </row>
    <row r="329895" spans="8:8">
      <c r="H329895" s="12"/>
    </row>
    <row r="329896" spans="8:8">
      <c r="H329896" s="12"/>
    </row>
    <row r="329897" spans="8:8">
      <c r="H329897" s="12"/>
    </row>
    <row r="329898" spans="8:8">
      <c r="H329898" s="12"/>
    </row>
    <row r="329899" spans="8:8">
      <c r="H329899" s="12"/>
    </row>
    <row r="329900" spans="8:8">
      <c r="H329900" s="12"/>
    </row>
    <row r="329901" spans="8:8">
      <c r="H329901" s="12"/>
    </row>
    <row r="329902" spans="8:8">
      <c r="H329902" s="12"/>
    </row>
    <row r="329903" spans="8:8">
      <c r="H329903" s="12"/>
    </row>
    <row r="329904" spans="8:8">
      <c r="H329904" s="12"/>
    </row>
    <row r="329905" spans="8:8">
      <c r="H329905" s="12"/>
    </row>
    <row r="329906" spans="8:8">
      <c r="H329906" s="12"/>
    </row>
    <row r="329907" spans="8:8">
      <c r="H329907" s="12"/>
    </row>
    <row r="329908" spans="8:8">
      <c r="H329908" s="12"/>
    </row>
    <row r="329909" spans="8:8">
      <c r="H329909" s="12"/>
    </row>
    <row r="329910" spans="8:8">
      <c r="H329910" s="12"/>
    </row>
    <row r="329911" spans="8:8">
      <c r="H329911" s="12"/>
    </row>
    <row r="329912" spans="8:8">
      <c r="H329912" s="12"/>
    </row>
    <row r="329913" spans="8:8">
      <c r="H329913" s="12"/>
    </row>
    <row r="329914" spans="8:8">
      <c r="H329914" s="12"/>
    </row>
    <row r="329915" spans="8:8">
      <c r="H329915" s="12"/>
    </row>
    <row r="329916" spans="8:8">
      <c r="H329916" s="12"/>
    </row>
    <row r="329917" spans="8:8">
      <c r="H329917" s="12"/>
    </row>
    <row r="329918" spans="8:8">
      <c r="H329918" s="12"/>
    </row>
    <row r="329919" spans="8:8">
      <c r="H329919" s="12"/>
    </row>
    <row r="329920" spans="8:8">
      <c r="H329920" s="12"/>
    </row>
    <row r="329921" spans="8:8">
      <c r="H329921" s="12"/>
    </row>
    <row r="329922" spans="8:8">
      <c r="H329922" s="12"/>
    </row>
    <row r="329923" spans="8:8">
      <c r="H329923" s="12"/>
    </row>
    <row r="329924" spans="8:8">
      <c r="H329924" s="12"/>
    </row>
    <row r="329925" spans="8:8">
      <c r="H329925" s="12"/>
    </row>
    <row r="329926" spans="8:8">
      <c r="H329926" s="12"/>
    </row>
    <row r="329927" spans="8:8">
      <c r="H329927" s="12"/>
    </row>
    <row r="329928" spans="8:8">
      <c r="H329928" s="12"/>
    </row>
    <row r="329929" spans="8:8">
      <c r="H329929" s="12"/>
    </row>
    <row r="329930" spans="8:8">
      <c r="H329930" s="12"/>
    </row>
    <row r="329931" spans="8:8">
      <c r="H329931" s="12"/>
    </row>
    <row r="329932" spans="8:8">
      <c r="H329932" s="12"/>
    </row>
    <row r="329933" spans="8:8">
      <c r="H329933" s="12"/>
    </row>
    <row r="329934" spans="8:8">
      <c r="H329934" s="12"/>
    </row>
    <row r="329935" spans="8:8">
      <c r="H329935" s="12"/>
    </row>
    <row r="329936" spans="8:8">
      <c r="H329936" s="12"/>
    </row>
    <row r="329937" spans="8:8">
      <c r="H329937" s="12"/>
    </row>
    <row r="329938" spans="8:8">
      <c r="H329938" s="12"/>
    </row>
    <row r="329939" spans="8:8">
      <c r="H329939" s="12"/>
    </row>
    <row r="329940" spans="8:8">
      <c r="H329940" s="12"/>
    </row>
    <row r="329941" spans="8:8">
      <c r="H329941" s="12"/>
    </row>
    <row r="329942" spans="8:8">
      <c r="H329942" s="12"/>
    </row>
    <row r="329943" spans="8:8">
      <c r="H329943" s="12"/>
    </row>
    <row r="329944" spans="8:8">
      <c r="H329944" s="12"/>
    </row>
    <row r="329945" spans="8:8">
      <c r="H329945" s="12"/>
    </row>
    <row r="329946" spans="8:8">
      <c r="H329946" s="12"/>
    </row>
    <row r="329947" spans="8:8">
      <c r="H329947" s="12"/>
    </row>
    <row r="329948" spans="8:8">
      <c r="H329948" s="12"/>
    </row>
    <row r="329949" spans="8:8">
      <c r="H329949" s="12"/>
    </row>
    <row r="329950" spans="8:8">
      <c r="H329950" s="12"/>
    </row>
    <row r="329951" spans="8:8">
      <c r="H329951" s="12"/>
    </row>
    <row r="329952" spans="8:8">
      <c r="H329952" s="12"/>
    </row>
    <row r="329953" spans="8:8">
      <c r="H329953" s="12"/>
    </row>
    <row r="329954" spans="8:8">
      <c r="H329954" s="12"/>
    </row>
    <row r="329955" spans="8:8">
      <c r="H329955" s="12"/>
    </row>
    <row r="329956" spans="8:8">
      <c r="H329956" s="12"/>
    </row>
    <row r="329957" spans="8:8">
      <c r="H329957" s="12"/>
    </row>
    <row r="329958" spans="8:8">
      <c r="H329958" s="12"/>
    </row>
    <row r="329959" spans="8:8">
      <c r="H329959" s="12"/>
    </row>
    <row r="329960" spans="8:8">
      <c r="H329960" s="12"/>
    </row>
    <row r="329961" spans="8:8">
      <c r="H329961" s="12"/>
    </row>
    <row r="329962" spans="8:8">
      <c r="H329962" s="12"/>
    </row>
    <row r="329963" spans="8:8">
      <c r="H329963" s="12"/>
    </row>
    <row r="329964" spans="8:8">
      <c r="H329964" s="12"/>
    </row>
    <row r="329965" spans="8:8">
      <c r="H329965" s="12"/>
    </row>
    <row r="329966" spans="8:8">
      <c r="H329966" s="12"/>
    </row>
    <row r="329967" spans="8:8">
      <c r="H329967" s="12"/>
    </row>
    <row r="329968" spans="8:8">
      <c r="H329968" s="12"/>
    </row>
    <row r="329969" spans="8:8">
      <c r="H329969" s="12"/>
    </row>
    <row r="329970" spans="8:8">
      <c r="H329970" s="12"/>
    </row>
    <row r="329971" spans="8:8">
      <c r="H329971" s="12"/>
    </row>
    <row r="329972" spans="8:8">
      <c r="H329972" s="12"/>
    </row>
    <row r="329973" spans="8:8">
      <c r="H329973" s="12"/>
    </row>
    <row r="329974" spans="8:8">
      <c r="H329974" s="12"/>
    </row>
    <row r="329975" spans="8:8">
      <c r="H329975" s="12"/>
    </row>
    <row r="329976" spans="8:8">
      <c r="H329976" s="12"/>
    </row>
    <row r="329977" spans="8:8">
      <c r="H329977" s="12"/>
    </row>
    <row r="329978" spans="8:8">
      <c r="H329978" s="12"/>
    </row>
    <row r="329979" spans="8:8">
      <c r="H329979" s="12"/>
    </row>
    <row r="329980" spans="8:8">
      <c r="H329980" s="12"/>
    </row>
    <row r="329981" spans="8:8">
      <c r="H329981" s="12"/>
    </row>
    <row r="329982" spans="8:8">
      <c r="H329982" s="12"/>
    </row>
    <row r="329983" spans="8:8">
      <c r="H329983" s="12"/>
    </row>
    <row r="329984" spans="8:8">
      <c r="H329984" s="12"/>
    </row>
    <row r="329985" spans="8:8">
      <c r="H329985" s="12"/>
    </row>
    <row r="329986" spans="8:8">
      <c r="H329986" s="12"/>
    </row>
    <row r="329987" spans="8:8">
      <c r="H329987" s="12"/>
    </row>
    <row r="329988" spans="8:8">
      <c r="H329988" s="12"/>
    </row>
    <row r="329989" spans="8:8">
      <c r="H329989" s="12"/>
    </row>
    <row r="329990" spans="8:8">
      <c r="H329990" s="12"/>
    </row>
    <row r="329991" spans="8:8">
      <c r="H329991" s="12"/>
    </row>
    <row r="329992" spans="8:8">
      <c r="H329992" s="12"/>
    </row>
    <row r="329993" spans="8:8">
      <c r="H329993" s="12"/>
    </row>
    <row r="329994" spans="8:8">
      <c r="H329994" s="12"/>
    </row>
    <row r="329995" spans="8:8">
      <c r="H329995" s="12"/>
    </row>
    <row r="329996" spans="8:8">
      <c r="H329996" s="12"/>
    </row>
    <row r="329997" spans="8:8">
      <c r="H329997" s="12"/>
    </row>
    <row r="329998" spans="8:8">
      <c r="H329998" s="12"/>
    </row>
    <row r="329999" spans="8:8">
      <c r="H329999" s="12"/>
    </row>
    <row r="330000" spans="8:8">
      <c r="H330000" s="12"/>
    </row>
    <row r="330001" spans="8:8">
      <c r="H330001" s="12"/>
    </row>
    <row r="330002" spans="8:8">
      <c r="H330002" s="12"/>
    </row>
    <row r="330003" spans="8:8">
      <c r="H330003" s="12"/>
    </row>
    <row r="330004" spans="8:8">
      <c r="H330004" s="12"/>
    </row>
    <row r="330005" spans="8:8">
      <c r="H330005" s="12"/>
    </row>
    <row r="330006" spans="8:8">
      <c r="H330006" s="12"/>
    </row>
    <row r="330007" spans="8:8">
      <c r="H330007" s="12"/>
    </row>
    <row r="330008" spans="8:8">
      <c r="H330008" s="12"/>
    </row>
    <row r="330009" spans="8:8">
      <c r="H330009" s="12"/>
    </row>
    <row r="330010" spans="8:8">
      <c r="H330010" s="12"/>
    </row>
    <row r="330011" spans="8:8">
      <c r="H330011" s="12"/>
    </row>
    <row r="330012" spans="8:8">
      <c r="H330012" s="12"/>
    </row>
    <row r="330013" spans="8:8">
      <c r="H330013" s="12"/>
    </row>
    <row r="330014" spans="8:8">
      <c r="H330014" s="12"/>
    </row>
    <row r="330015" spans="8:8">
      <c r="H330015" s="12"/>
    </row>
    <row r="330016" spans="8:8">
      <c r="H330016" s="12"/>
    </row>
    <row r="330017" spans="8:8">
      <c r="H330017" s="12"/>
    </row>
    <row r="330018" spans="8:8">
      <c r="H330018" s="12"/>
    </row>
    <row r="330019" spans="8:8">
      <c r="H330019" s="12"/>
    </row>
    <row r="330020" spans="8:8">
      <c r="H330020" s="12"/>
    </row>
    <row r="330021" spans="8:8">
      <c r="H330021" s="12"/>
    </row>
    <row r="330022" spans="8:8">
      <c r="H330022" s="12"/>
    </row>
    <row r="330023" spans="8:8">
      <c r="H330023" s="12"/>
    </row>
    <row r="330024" spans="8:8">
      <c r="H330024" s="12"/>
    </row>
    <row r="330025" spans="8:8">
      <c r="H330025" s="12"/>
    </row>
    <row r="330026" spans="8:8">
      <c r="H330026" s="12"/>
    </row>
    <row r="330027" spans="8:8">
      <c r="H330027" s="12"/>
    </row>
    <row r="330028" spans="8:8">
      <c r="H330028" s="12"/>
    </row>
    <row r="330029" spans="8:8">
      <c r="H330029" s="12"/>
    </row>
    <row r="330030" spans="8:8">
      <c r="H330030" s="12"/>
    </row>
    <row r="330031" spans="8:8">
      <c r="H330031" s="12"/>
    </row>
    <row r="330032" spans="8:8">
      <c r="H330032" s="12"/>
    </row>
    <row r="330033" spans="8:8">
      <c r="H330033" s="12"/>
    </row>
    <row r="330034" spans="8:8">
      <c r="H330034" s="12"/>
    </row>
    <row r="330035" spans="8:8">
      <c r="H330035" s="12"/>
    </row>
    <row r="330036" spans="8:8">
      <c r="H330036" s="12"/>
    </row>
    <row r="330037" spans="8:8">
      <c r="H330037" s="12"/>
    </row>
    <row r="330038" spans="8:8">
      <c r="H330038" s="12"/>
    </row>
    <row r="330039" spans="8:8">
      <c r="H330039" s="12"/>
    </row>
    <row r="330040" spans="8:8">
      <c r="H330040" s="12"/>
    </row>
    <row r="330041" spans="8:8">
      <c r="H330041" s="12"/>
    </row>
    <row r="330042" spans="8:8">
      <c r="H330042" s="12"/>
    </row>
    <row r="330043" spans="8:8">
      <c r="H330043" s="12"/>
    </row>
    <row r="330044" spans="8:8">
      <c r="H330044" s="12"/>
    </row>
    <row r="330045" spans="8:8">
      <c r="H330045" s="12"/>
    </row>
    <row r="330046" spans="8:8">
      <c r="H330046" s="12"/>
    </row>
    <row r="330047" spans="8:8">
      <c r="H330047" s="12"/>
    </row>
    <row r="330048" spans="8:8">
      <c r="H330048" s="12"/>
    </row>
    <row r="330049" spans="8:8">
      <c r="H330049" s="12"/>
    </row>
    <row r="330050" spans="8:8">
      <c r="H330050" s="12"/>
    </row>
    <row r="330051" spans="8:8">
      <c r="H330051" s="12"/>
    </row>
    <row r="330052" spans="8:8">
      <c r="H330052" s="12"/>
    </row>
    <row r="330053" spans="8:8">
      <c r="H330053" s="12"/>
    </row>
    <row r="330054" spans="8:8">
      <c r="H330054" s="12"/>
    </row>
    <row r="330055" spans="8:8">
      <c r="H330055" s="12"/>
    </row>
    <row r="330056" spans="8:8">
      <c r="H330056" s="12"/>
    </row>
    <row r="330057" spans="8:8">
      <c r="H330057" s="12"/>
    </row>
    <row r="330058" spans="8:8">
      <c r="H330058" s="12"/>
    </row>
    <row r="330059" spans="8:8">
      <c r="H330059" s="12"/>
    </row>
    <row r="330060" spans="8:8">
      <c r="H330060" s="12"/>
    </row>
    <row r="330061" spans="8:8">
      <c r="H330061" s="12"/>
    </row>
    <row r="330062" spans="8:8">
      <c r="H330062" s="12"/>
    </row>
    <row r="330063" spans="8:8">
      <c r="H330063" s="12"/>
    </row>
    <row r="330064" spans="8:8">
      <c r="H330064" s="12"/>
    </row>
    <row r="330065" spans="8:8">
      <c r="H330065" s="12"/>
    </row>
    <row r="330066" spans="8:8">
      <c r="H330066" s="12"/>
    </row>
    <row r="330067" spans="8:8">
      <c r="H330067" s="12"/>
    </row>
    <row r="330068" spans="8:8">
      <c r="H330068" s="12"/>
    </row>
    <row r="330069" spans="8:8">
      <c r="H330069" s="12"/>
    </row>
    <row r="330070" spans="8:8">
      <c r="H330070" s="12"/>
    </row>
    <row r="330071" spans="8:8">
      <c r="H330071" s="12"/>
    </row>
    <row r="330072" spans="8:8">
      <c r="H330072" s="12"/>
    </row>
    <row r="330073" spans="8:8">
      <c r="H330073" s="12"/>
    </row>
    <row r="330074" spans="8:8">
      <c r="H330074" s="12"/>
    </row>
    <row r="330075" spans="8:8">
      <c r="H330075" s="12"/>
    </row>
    <row r="330076" spans="8:8">
      <c r="H330076" s="12"/>
    </row>
    <row r="330077" spans="8:8">
      <c r="H330077" s="12"/>
    </row>
    <row r="330078" spans="8:8">
      <c r="H330078" s="12"/>
    </row>
    <row r="330079" spans="8:8">
      <c r="H330079" s="12"/>
    </row>
    <row r="330080" spans="8:8">
      <c r="H330080" s="12"/>
    </row>
    <row r="330081" spans="8:8">
      <c r="H330081" s="12"/>
    </row>
    <row r="330082" spans="8:8">
      <c r="H330082" s="12"/>
    </row>
    <row r="330083" spans="8:8">
      <c r="H330083" s="12"/>
    </row>
    <row r="330084" spans="8:8">
      <c r="H330084" s="12"/>
    </row>
    <row r="330085" spans="8:8">
      <c r="H330085" s="12"/>
    </row>
    <row r="330086" spans="8:8">
      <c r="H330086" s="12"/>
    </row>
    <row r="330087" spans="8:8">
      <c r="H330087" s="12"/>
    </row>
    <row r="330088" spans="8:8">
      <c r="H330088" s="12"/>
    </row>
    <row r="330089" spans="8:8">
      <c r="H330089" s="12"/>
    </row>
    <row r="330090" spans="8:8">
      <c r="H330090" s="12"/>
    </row>
    <row r="330091" spans="8:8">
      <c r="H330091" s="12"/>
    </row>
    <row r="330092" spans="8:8">
      <c r="H330092" s="12"/>
    </row>
    <row r="330093" spans="8:8">
      <c r="H330093" s="12"/>
    </row>
    <row r="330094" spans="8:8">
      <c r="H330094" s="12"/>
    </row>
    <row r="330095" spans="8:8">
      <c r="H330095" s="12"/>
    </row>
    <row r="330096" spans="8:8">
      <c r="H330096" s="12"/>
    </row>
    <row r="330097" spans="8:8">
      <c r="H330097" s="12"/>
    </row>
    <row r="330098" spans="8:8">
      <c r="H330098" s="12"/>
    </row>
    <row r="330099" spans="8:8">
      <c r="H330099" s="12"/>
    </row>
    <row r="330100" spans="8:8">
      <c r="H330100" s="12"/>
    </row>
    <row r="330101" spans="8:8">
      <c r="H330101" s="12"/>
    </row>
    <row r="330102" spans="8:8">
      <c r="H330102" s="12"/>
    </row>
    <row r="330103" spans="8:8">
      <c r="H330103" s="12"/>
    </row>
    <row r="330104" spans="8:8">
      <c r="H330104" s="12"/>
    </row>
    <row r="330105" spans="8:8">
      <c r="H330105" s="12"/>
    </row>
    <row r="330106" spans="8:8">
      <c r="H330106" s="12"/>
    </row>
    <row r="330107" spans="8:8">
      <c r="H330107" s="12"/>
    </row>
    <row r="330108" spans="8:8">
      <c r="H330108" s="12"/>
    </row>
    <row r="330109" spans="8:8">
      <c r="H330109" s="12"/>
    </row>
    <row r="330110" spans="8:8">
      <c r="H330110" s="12"/>
    </row>
    <row r="330111" spans="8:8">
      <c r="H330111" s="12"/>
    </row>
    <row r="330112" spans="8:8">
      <c r="H330112" s="12"/>
    </row>
    <row r="330113" spans="8:8">
      <c r="H330113" s="12"/>
    </row>
    <row r="330114" spans="8:8">
      <c r="H330114" s="12"/>
    </row>
    <row r="330115" spans="8:8">
      <c r="H330115" s="12"/>
    </row>
    <row r="330116" spans="8:8">
      <c r="H330116" s="12"/>
    </row>
    <row r="330117" spans="8:8">
      <c r="H330117" s="12"/>
    </row>
    <row r="330118" spans="8:8">
      <c r="H330118" s="12"/>
    </row>
    <row r="330119" spans="8:8">
      <c r="H330119" s="12"/>
    </row>
    <row r="330120" spans="8:8">
      <c r="H330120" s="12"/>
    </row>
    <row r="330121" spans="8:8">
      <c r="H330121" s="12"/>
    </row>
    <row r="330122" spans="8:8">
      <c r="H330122" s="12"/>
    </row>
    <row r="330123" spans="8:8">
      <c r="H330123" s="12"/>
    </row>
    <row r="330124" spans="8:8">
      <c r="H330124" s="12"/>
    </row>
    <row r="330125" spans="8:8">
      <c r="H330125" s="12"/>
    </row>
    <row r="330126" spans="8:8">
      <c r="H330126" s="12"/>
    </row>
    <row r="330127" spans="8:8">
      <c r="H330127" s="12"/>
    </row>
    <row r="330128" spans="8:8">
      <c r="H330128" s="12"/>
    </row>
    <row r="330129" spans="8:8">
      <c r="H330129" s="12"/>
    </row>
    <row r="330130" spans="8:8">
      <c r="H330130" s="12"/>
    </row>
    <row r="330131" spans="8:8">
      <c r="H330131" s="12"/>
    </row>
    <row r="330132" spans="8:8">
      <c r="H330132" s="12"/>
    </row>
    <row r="330133" spans="8:8">
      <c r="H330133" s="12"/>
    </row>
    <row r="330134" spans="8:8">
      <c r="H330134" s="12"/>
    </row>
    <row r="330135" spans="8:8">
      <c r="H330135" s="12"/>
    </row>
    <row r="330136" spans="8:8">
      <c r="H330136" s="12"/>
    </row>
    <row r="330137" spans="8:8">
      <c r="H330137" s="12"/>
    </row>
    <row r="330138" spans="8:8">
      <c r="H330138" s="12"/>
    </row>
    <row r="330139" spans="8:8">
      <c r="H330139" s="12"/>
    </row>
    <row r="330140" spans="8:8">
      <c r="H330140" s="12"/>
    </row>
    <row r="330141" spans="8:8">
      <c r="H330141" s="12"/>
    </row>
    <row r="330142" spans="8:8">
      <c r="H330142" s="12"/>
    </row>
    <row r="330143" spans="8:8">
      <c r="H330143" s="12"/>
    </row>
    <row r="330144" spans="8:8">
      <c r="H330144" s="12"/>
    </row>
    <row r="330145" spans="8:8">
      <c r="H330145" s="12"/>
    </row>
    <row r="330146" spans="8:8">
      <c r="H330146" s="12"/>
    </row>
    <row r="330147" spans="8:8">
      <c r="H330147" s="12"/>
    </row>
    <row r="330148" spans="8:8">
      <c r="H330148" s="12"/>
    </row>
    <row r="330149" spans="8:8">
      <c r="H330149" s="12"/>
    </row>
    <row r="330150" spans="8:8">
      <c r="H330150" s="12"/>
    </row>
    <row r="330151" spans="8:8">
      <c r="H330151" s="12"/>
    </row>
    <row r="330152" spans="8:8">
      <c r="H330152" s="12"/>
    </row>
    <row r="330153" spans="8:8">
      <c r="H330153" s="12"/>
    </row>
    <row r="330154" spans="8:8">
      <c r="H330154" s="12"/>
    </row>
    <row r="330155" spans="8:8">
      <c r="H330155" s="12"/>
    </row>
    <row r="330156" spans="8:8">
      <c r="H330156" s="12"/>
    </row>
    <row r="330157" spans="8:8">
      <c r="H330157" s="12"/>
    </row>
    <row r="330158" spans="8:8">
      <c r="H330158" s="12"/>
    </row>
    <row r="330159" spans="8:8">
      <c r="H330159" s="12"/>
    </row>
    <row r="330160" spans="8:8">
      <c r="H330160" s="12"/>
    </row>
    <row r="330161" spans="8:8">
      <c r="H330161" s="12"/>
    </row>
    <row r="330162" spans="8:8">
      <c r="H330162" s="12"/>
    </row>
    <row r="330163" spans="8:8">
      <c r="H330163" s="12"/>
    </row>
    <row r="330164" spans="8:8">
      <c r="H330164" s="12"/>
    </row>
    <row r="330165" spans="8:8">
      <c r="H330165" s="12"/>
    </row>
    <row r="330166" spans="8:8">
      <c r="H330166" s="12"/>
    </row>
    <row r="330167" spans="8:8">
      <c r="H330167" s="12"/>
    </row>
    <row r="330168" spans="8:8">
      <c r="H330168" s="12"/>
    </row>
    <row r="330169" spans="8:8">
      <c r="H330169" s="12"/>
    </row>
    <row r="330170" spans="8:8">
      <c r="H330170" s="12"/>
    </row>
    <row r="330171" spans="8:8">
      <c r="H330171" s="12"/>
    </row>
    <row r="330172" spans="8:8">
      <c r="H330172" s="12"/>
    </row>
    <row r="330173" spans="8:8">
      <c r="H330173" s="12"/>
    </row>
    <row r="330174" spans="8:8">
      <c r="H330174" s="12"/>
    </row>
    <row r="330175" spans="8:8">
      <c r="H330175" s="12"/>
    </row>
    <row r="330176" spans="8:8">
      <c r="H330176" s="12"/>
    </row>
    <row r="330177" spans="8:8">
      <c r="H330177" s="12"/>
    </row>
    <row r="330178" spans="8:8">
      <c r="H330178" s="12"/>
    </row>
    <row r="330179" spans="8:8">
      <c r="H330179" s="12"/>
    </row>
    <row r="330180" spans="8:8">
      <c r="H330180" s="12"/>
    </row>
    <row r="330181" spans="8:8">
      <c r="H330181" s="12"/>
    </row>
    <row r="330182" spans="8:8">
      <c r="H330182" s="12"/>
    </row>
    <row r="330183" spans="8:8">
      <c r="H330183" s="12"/>
    </row>
    <row r="330184" spans="8:8">
      <c r="H330184" s="12"/>
    </row>
    <row r="330185" spans="8:8">
      <c r="H330185" s="12"/>
    </row>
    <row r="330186" spans="8:8">
      <c r="H330186" s="12"/>
    </row>
    <row r="330187" spans="8:8">
      <c r="H330187" s="12"/>
    </row>
    <row r="330188" spans="8:8">
      <c r="H330188" s="12"/>
    </row>
    <row r="330189" spans="8:8">
      <c r="H330189" s="12"/>
    </row>
    <row r="330190" spans="8:8">
      <c r="H330190" s="12"/>
    </row>
    <row r="330191" spans="8:8">
      <c r="H330191" s="12"/>
    </row>
    <row r="330192" spans="8:8">
      <c r="H330192" s="12"/>
    </row>
    <row r="330193" spans="8:8">
      <c r="H330193" s="12"/>
    </row>
    <row r="330194" spans="8:8">
      <c r="H330194" s="12"/>
    </row>
    <row r="330195" spans="8:8">
      <c r="H330195" s="12"/>
    </row>
    <row r="330196" spans="8:8">
      <c r="H330196" s="12"/>
    </row>
    <row r="330197" spans="8:8">
      <c r="H330197" s="12"/>
    </row>
    <row r="330198" spans="8:8">
      <c r="H330198" s="12"/>
    </row>
    <row r="330199" spans="8:8">
      <c r="H330199" s="12"/>
    </row>
    <row r="330200" spans="8:8">
      <c r="H330200" s="12"/>
    </row>
    <row r="330201" spans="8:8">
      <c r="H330201" s="12"/>
    </row>
    <row r="330202" spans="8:8">
      <c r="H330202" s="12"/>
    </row>
    <row r="330203" spans="8:8">
      <c r="H330203" s="12"/>
    </row>
    <row r="330204" spans="8:8">
      <c r="H330204" s="12"/>
    </row>
    <row r="330205" spans="8:8">
      <c r="H330205" s="12"/>
    </row>
    <row r="330206" spans="8:8">
      <c r="H330206" s="12"/>
    </row>
    <row r="330207" spans="8:8">
      <c r="H330207" s="12"/>
    </row>
    <row r="330208" spans="8:8">
      <c r="H330208" s="12"/>
    </row>
    <row r="330209" spans="8:8">
      <c r="H330209" s="12"/>
    </row>
    <row r="330210" spans="8:8">
      <c r="H330210" s="12"/>
    </row>
    <row r="330211" spans="8:8">
      <c r="H330211" s="12"/>
    </row>
    <row r="330212" spans="8:8">
      <c r="H330212" s="12"/>
    </row>
    <row r="330213" spans="8:8">
      <c r="H330213" s="12"/>
    </row>
    <row r="330214" spans="8:8">
      <c r="H330214" s="12"/>
    </row>
    <row r="330215" spans="8:8">
      <c r="H330215" s="12"/>
    </row>
    <row r="330216" spans="8:8">
      <c r="H330216" s="12"/>
    </row>
    <row r="330217" spans="8:8">
      <c r="H330217" s="12"/>
    </row>
    <row r="330218" spans="8:8">
      <c r="H330218" s="12"/>
    </row>
    <row r="330219" spans="8:8">
      <c r="H330219" s="12"/>
    </row>
    <row r="330220" spans="8:8">
      <c r="H330220" s="12"/>
    </row>
    <row r="330221" spans="8:8">
      <c r="H330221" s="12"/>
    </row>
    <row r="330222" spans="8:8">
      <c r="H330222" s="12"/>
    </row>
    <row r="330223" spans="8:8">
      <c r="H330223" s="12"/>
    </row>
    <row r="330224" spans="8:8">
      <c r="H330224" s="12"/>
    </row>
    <row r="330225" spans="8:8">
      <c r="H330225" s="12"/>
    </row>
    <row r="330226" spans="8:8">
      <c r="H330226" s="12"/>
    </row>
    <row r="330227" spans="8:8">
      <c r="H330227" s="12"/>
    </row>
    <row r="330228" spans="8:8">
      <c r="H330228" s="12"/>
    </row>
    <row r="330229" spans="8:8">
      <c r="H330229" s="12"/>
    </row>
    <row r="330230" spans="8:8">
      <c r="H330230" s="12"/>
    </row>
    <row r="330231" spans="8:8">
      <c r="H330231" s="12"/>
    </row>
    <row r="330232" spans="8:8">
      <c r="H330232" s="12"/>
    </row>
    <row r="330233" spans="8:8">
      <c r="H330233" s="12"/>
    </row>
    <row r="330234" spans="8:8">
      <c r="H330234" s="12"/>
    </row>
    <row r="330235" spans="8:8">
      <c r="H330235" s="12"/>
    </row>
    <row r="330236" spans="8:8">
      <c r="H330236" s="12"/>
    </row>
    <row r="330237" spans="8:8">
      <c r="H330237" s="12"/>
    </row>
    <row r="330238" spans="8:8">
      <c r="H330238" s="12"/>
    </row>
    <row r="330239" spans="8:8">
      <c r="H330239" s="12"/>
    </row>
    <row r="330240" spans="8:8">
      <c r="H330240" s="12"/>
    </row>
    <row r="330241" spans="8:8">
      <c r="H330241" s="12"/>
    </row>
    <row r="330242" spans="8:8">
      <c r="H330242" s="12"/>
    </row>
    <row r="330243" spans="8:8">
      <c r="H330243" s="12"/>
    </row>
    <row r="330244" spans="8:8">
      <c r="H330244" s="12"/>
    </row>
    <row r="330245" spans="8:8">
      <c r="H330245" s="12"/>
    </row>
    <row r="330246" spans="8:8">
      <c r="H330246" s="12"/>
    </row>
    <row r="330247" spans="8:8">
      <c r="H330247" s="12"/>
    </row>
    <row r="330248" spans="8:8">
      <c r="H330248" s="12"/>
    </row>
    <row r="330249" spans="8:8">
      <c r="H330249" s="12"/>
    </row>
    <row r="330250" spans="8:8">
      <c r="H330250" s="12"/>
    </row>
    <row r="330251" spans="8:8">
      <c r="H330251" s="12"/>
    </row>
    <row r="330252" spans="8:8">
      <c r="H330252" s="12"/>
    </row>
    <row r="330253" spans="8:8">
      <c r="H330253" s="12"/>
    </row>
    <row r="330254" spans="8:8">
      <c r="H330254" s="12"/>
    </row>
    <row r="330255" spans="8:8">
      <c r="H330255" s="12"/>
    </row>
    <row r="330256" spans="8:8">
      <c r="H330256" s="12"/>
    </row>
    <row r="330257" spans="8:8">
      <c r="H330257" s="12"/>
    </row>
    <row r="330258" spans="8:8">
      <c r="H330258" s="12"/>
    </row>
    <row r="330259" spans="8:8">
      <c r="H330259" s="12"/>
    </row>
    <row r="330260" spans="8:8">
      <c r="H330260" s="12"/>
    </row>
    <row r="330261" spans="8:8">
      <c r="H330261" s="12"/>
    </row>
    <row r="330262" spans="8:8">
      <c r="H330262" s="12"/>
    </row>
    <row r="330263" spans="8:8">
      <c r="H330263" s="12"/>
    </row>
    <row r="330264" spans="8:8">
      <c r="H330264" s="12"/>
    </row>
    <row r="330265" spans="8:8">
      <c r="H330265" s="12"/>
    </row>
    <row r="330266" spans="8:8">
      <c r="H330266" s="12"/>
    </row>
    <row r="330267" spans="8:8">
      <c r="H330267" s="12"/>
    </row>
    <row r="330268" spans="8:8">
      <c r="H330268" s="12"/>
    </row>
    <row r="330269" spans="8:8">
      <c r="H330269" s="12"/>
    </row>
    <row r="330270" spans="8:8">
      <c r="H330270" s="12"/>
    </row>
    <row r="330271" spans="8:8">
      <c r="H330271" s="12"/>
    </row>
    <row r="330272" spans="8:8">
      <c r="H330272" s="12"/>
    </row>
    <row r="330273" spans="8:8">
      <c r="H330273" s="12"/>
    </row>
    <row r="330274" spans="8:8">
      <c r="H330274" s="12"/>
    </row>
    <row r="330275" spans="8:8">
      <c r="H330275" s="12"/>
    </row>
    <row r="330276" spans="8:8">
      <c r="H330276" s="12"/>
    </row>
    <row r="330277" spans="8:8">
      <c r="H330277" s="12"/>
    </row>
    <row r="330278" spans="8:8">
      <c r="H330278" s="12"/>
    </row>
    <row r="330279" spans="8:8">
      <c r="H330279" s="12"/>
    </row>
    <row r="330280" spans="8:8">
      <c r="H330280" s="12"/>
    </row>
    <row r="330281" spans="8:8">
      <c r="H330281" s="12"/>
    </row>
    <row r="330282" spans="8:8">
      <c r="H330282" s="12"/>
    </row>
    <row r="330283" spans="8:8">
      <c r="H330283" s="12"/>
    </row>
    <row r="330284" spans="8:8">
      <c r="H330284" s="12"/>
    </row>
    <row r="330285" spans="8:8">
      <c r="H330285" s="12"/>
    </row>
    <row r="330286" spans="8:8">
      <c r="H330286" s="12"/>
    </row>
    <row r="330287" spans="8:8">
      <c r="H330287" s="12"/>
    </row>
    <row r="330288" spans="8:8">
      <c r="H330288" s="12"/>
    </row>
    <row r="330289" spans="8:8">
      <c r="H330289" s="12"/>
    </row>
    <row r="330290" spans="8:8">
      <c r="H330290" s="12"/>
    </row>
    <row r="330291" spans="8:8">
      <c r="H330291" s="12"/>
    </row>
    <row r="330292" spans="8:8">
      <c r="H330292" s="12"/>
    </row>
    <row r="330293" spans="8:8">
      <c r="H330293" s="12"/>
    </row>
    <row r="330294" spans="8:8">
      <c r="H330294" s="12"/>
    </row>
    <row r="330295" spans="8:8">
      <c r="H330295" s="12"/>
    </row>
    <row r="330296" spans="8:8">
      <c r="H330296" s="12"/>
    </row>
    <row r="330297" spans="8:8">
      <c r="H330297" s="12"/>
    </row>
    <row r="330298" spans="8:8">
      <c r="H330298" s="12"/>
    </row>
    <row r="330299" spans="8:8">
      <c r="H330299" s="12"/>
    </row>
    <row r="330300" spans="8:8">
      <c r="H330300" s="12"/>
    </row>
    <row r="330301" spans="8:8">
      <c r="H330301" s="12"/>
    </row>
    <row r="330302" spans="8:8">
      <c r="H330302" s="12"/>
    </row>
    <row r="330303" spans="8:8">
      <c r="H330303" s="12"/>
    </row>
    <row r="330304" spans="8:8">
      <c r="H330304" s="12"/>
    </row>
    <row r="330305" spans="8:8">
      <c r="H330305" s="12"/>
    </row>
    <row r="330306" spans="8:8">
      <c r="H330306" s="12"/>
    </row>
    <row r="330307" spans="8:8">
      <c r="H330307" s="12"/>
    </row>
    <row r="330308" spans="8:8">
      <c r="H330308" s="12"/>
    </row>
    <row r="330309" spans="8:8">
      <c r="H330309" s="12"/>
    </row>
    <row r="330310" spans="8:8">
      <c r="H330310" s="12"/>
    </row>
    <row r="330311" spans="8:8">
      <c r="H330311" s="12"/>
    </row>
    <row r="330312" spans="8:8">
      <c r="H330312" s="12"/>
    </row>
    <row r="330313" spans="8:8">
      <c r="H330313" s="12"/>
    </row>
    <row r="330314" spans="8:8">
      <c r="H330314" s="12"/>
    </row>
    <row r="330315" spans="8:8">
      <c r="H330315" s="12"/>
    </row>
    <row r="330316" spans="8:8">
      <c r="H330316" s="12"/>
    </row>
    <row r="330317" spans="8:8">
      <c r="H330317" s="12"/>
    </row>
    <row r="330318" spans="8:8">
      <c r="H330318" s="12"/>
    </row>
    <row r="330319" spans="8:8">
      <c r="H330319" s="12"/>
    </row>
    <row r="330320" spans="8:8">
      <c r="H330320" s="12"/>
    </row>
    <row r="330321" spans="8:8">
      <c r="H330321" s="12"/>
    </row>
    <row r="330322" spans="8:8">
      <c r="H330322" s="12"/>
    </row>
    <row r="330323" spans="8:8">
      <c r="H330323" s="12"/>
    </row>
    <row r="330324" spans="8:8">
      <c r="H330324" s="12"/>
    </row>
    <row r="330325" spans="8:8">
      <c r="H330325" s="12"/>
    </row>
    <row r="330326" spans="8:8">
      <c r="H330326" s="12"/>
    </row>
    <row r="330327" spans="8:8">
      <c r="H330327" s="12"/>
    </row>
    <row r="330328" spans="8:8">
      <c r="H330328" s="12"/>
    </row>
    <row r="330329" spans="8:8">
      <c r="H330329" s="12"/>
    </row>
    <row r="330330" spans="8:8">
      <c r="H330330" s="12"/>
    </row>
    <row r="330331" spans="8:8">
      <c r="H330331" s="12"/>
    </row>
    <row r="330332" spans="8:8">
      <c r="H330332" s="12"/>
    </row>
    <row r="330333" spans="8:8">
      <c r="H330333" s="12"/>
    </row>
    <row r="330334" spans="8:8">
      <c r="H330334" s="12"/>
    </row>
    <row r="330335" spans="8:8">
      <c r="H330335" s="12"/>
    </row>
    <row r="330336" spans="8:8">
      <c r="H330336" s="12"/>
    </row>
    <row r="330337" spans="8:8">
      <c r="H330337" s="12"/>
    </row>
    <row r="330338" spans="8:8">
      <c r="H330338" s="12"/>
    </row>
    <row r="330339" spans="8:8">
      <c r="H330339" s="12"/>
    </row>
    <row r="330340" spans="8:8">
      <c r="H330340" s="12"/>
    </row>
    <row r="330341" spans="8:8">
      <c r="H330341" s="12"/>
    </row>
    <row r="330342" spans="8:8">
      <c r="H330342" s="12"/>
    </row>
    <row r="330343" spans="8:8">
      <c r="H330343" s="12"/>
    </row>
    <row r="330344" spans="8:8">
      <c r="H330344" s="12"/>
    </row>
    <row r="330345" spans="8:8">
      <c r="H330345" s="12"/>
    </row>
    <row r="330346" spans="8:8">
      <c r="H330346" s="12"/>
    </row>
    <row r="330347" spans="8:8">
      <c r="H330347" s="12"/>
    </row>
    <row r="330348" spans="8:8">
      <c r="H330348" s="12"/>
    </row>
    <row r="330349" spans="8:8">
      <c r="H330349" s="12"/>
    </row>
    <row r="330350" spans="8:8">
      <c r="H330350" s="12"/>
    </row>
    <row r="330351" spans="8:8">
      <c r="H330351" s="12"/>
    </row>
    <row r="330352" spans="8:8">
      <c r="H330352" s="12"/>
    </row>
    <row r="330353" spans="8:8">
      <c r="H330353" s="12"/>
    </row>
    <row r="330354" spans="8:8">
      <c r="H330354" s="12"/>
    </row>
    <row r="330355" spans="8:8">
      <c r="H330355" s="12"/>
    </row>
    <row r="330356" spans="8:8">
      <c r="H330356" s="12"/>
    </row>
    <row r="330357" spans="8:8">
      <c r="H330357" s="12"/>
    </row>
    <row r="330358" spans="8:8">
      <c r="H330358" s="12"/>
    </row>
    <row r="330359" spans="8:8">
      <c r="H330359" s="12"/>
    </row>
    <row r="330360" spans="8:8">
      <c r="H330360" s="12"/>
    </row>
    <row r="330361" spans="8:8">
      <c r="H330361" s="12"/>
    </row>
    <row r="330362" spans="8:8">
      <c r="H330362" s="12"/>
    </row>
    <row r="330363" spans="8:8">
      <c r="H330363" s="12"/>
    </row>
    <row r="330364" spans="8:8">
      <c r="H330364" s="12"/>
    </row>
    <row r="330365" spans="8:8">
      <c r="H330365" s="12"/>
    </row>
    <row r="330366" spans="8:8">
      <c r="H330366" s="12"/>
    </row>
    <row r="330367" spans="8:8">
      <c r="H330367" s="12"/>
    </row>
    <row r="330368" spans="8:8">
      <c r="H330368" s="12"/>
    </row>
    <row r="330369" spans="8:8">
      <c r="H330369" s="12"/>
    </row>
    <row r="330370" spans="8:8">
      <c r="H330370" s="12"/>
    </row>
    <row r="330371" spans="8:8">
      <c r="H330371" s="12"/>
    </row>
    <row r="330372" spans="8:8">
      <c r="H330372" s="12"/>
    </row>
    <row r="330373" spans="8:8">
      <c r="H330373" s="12"/>
    </row>
    <row r="330374" spans="8:8">
      <c r="H330374" s="12"/>
    </row>
    <row r="330375" spans="8:8">
      <c r="H330375" s="12"/>
    </row>
    <row r="330376" spans="8:8">
      <c r="H330376" s="12"/>
    </row>
    <row r="330377" spans="8:8">
      <c r="H330377" s="12"/>
    </row>
    <row r="330378" spans="8:8">
      <c r="H330378" s="12"/>
    </row>
    <row r="330379" spans="8:8">
      <c r="H330379" s="12"/>
    </row>
    <row r="330380" spans="8:8">
      <c r="H330380" s="12"/>
    </row>
    <row r="330381" spans="8:8">
      <c r="H330381" s="12"/>
    </row>
    <row r="330382" spans="8:8">
      <c r="H330382" s="12"/>
    </row>
    <row r="330383" spans="8:8">
      <c r="H330383" s="12"/>
    </row>
    <row r="330384" spans="8:8">
      <c r="H330384" s="12"/>
    </row>
    <row r="330385" spans="8:8">
      <c r="H330385" s="12"/>
    </row>
    <row r="330386" spans="8:8">
      <c r="H330386" s="12"/>
    </row>
    <row r="330387" spans="8:8">
      <c r="H330387" s="12"/>
    </row>
    <row r="330388" spans="8:8">
      <c r="H330388" s="12"/>
    </row>
    <row r="330389" spans="8:8">
      <c r="H330389" s="12"/>
    </row>
    <row r="330390" spans="8:8">
      <c r="H330390" s="12"/>
    </row>
    <row r="330391" spans="8:8">
      <c r="H330391" s="12"/>
    </row>
    <row r="330392" spans="8:8">
      <c r="H330392" s="12"/>
    </row>
    <row r="330393" spans="8:8">
      <c r="H330393" s="12"/>
    </row>
    <row r="330394" spans="8:8">
      <c r="H330394" s="12"/>
    </row>
    <row r="330395" spans="8:8">
      <c r="H330395" s="12"/>
    </row>
    <row r="330396" spans="8:8">
      <c r="H330396" s="12"/>
    </row>
    <row r="330397" spans="8:8">
      <c r="H330397" s="12"/>
    </row>
    <row r="330398" spans="8:8">
      <c r="H330398" s="12"/>
    </row>
    <row r="330399" spans="8:8">
      <c r="H330399" s="12"/>
    </row>
    <row r="330400" spans="8:8">
      <c r="H330400" s="12"/>
    </row>
    <row r="330401" spans="8:8">
      <c r="H330401" s="12"/>
    </row>
    <row r="330402" spans="8:8">
      <c r="H330402" s="12"/>
    </row>
    <row r="330403" spans="8:8">
      <c r="H330403" s="12"/>
    </row>
    <row r="330404" spans="8:8">
      <c r="H330404" s="12"/>
    </row>
    <row r="330405" spans="8:8">
      <c r="H330405" s="12"/>
    </row>
    <row r="330406" spans="8:8">
      <c r="H330406" s="12"/>
    </row>
    <row r="330407" spans="8:8">
      <c r="H330407" s="12"/>
    </row>
    <row r="330408" spans="8:8">
      <c r="H330408" s="12"/>
    </row>
    <row r="330409" spans="8:8">
      <c r="H330409" s="12"/>
    </row>
    <row r="330410" spans="8:8">
      <c r="H330410" s="12"/>
    </row>
    <row r="330411" spans="8:8">
      <c r="H330411" s="12"/>
    </row>
    <row r="330412" spans="8:8">
      <c r="H330412" s="12"/>
    </row>
    <row r="330413" spans="8:8">
      <c r="H330413" s="12"/>
    </row>
    <row r="330414" spans="8:8">
      <c r="H330414" s="12"/>
    </row>
    <row r="330415" spans="8:8">
      <c r="H330415" s="12"/>
    </row>
    <row r="330416" spans="8:8">
      <c r="H330416" s="12"/>
    </row>
    <row r="330417" spans="8:8">
      <c r="H330417" s="12"/>
    </row>
    <row r="330418" spans="8:8">
      <c r="H330418" s="12"/>
    </row>
    <row r="330419" spans="8:8">
      <c r="H330419" s="12"/>
    </row>
    <row r="330420" spans="8:8">
      <c r="H330420" s="12"/>
    </row>
    <row r="330421" spans="8:8">
      <c r="H330421" s="12"/>
    </row>
    <row r="330422" spans="8:8">
      <c r="H330422" s="12"/>
    </row>
    <row r="330423" spans="8:8">
      <c r="H330423" s="12"/>
    </row>
    <row r="330424" spans="8:8">
      <c r="H330424" s="12"/>
    </row>
    <row r="330425" spans="8:8">
      <c r="H330425" s="12"/>
    </row>
    <row r="330426" spans="8:8">
      <c r="H330426" s="12"/>
    </row>
    <row r="330427" spans="8:8">
      <c r="H330427" s="12"/>
    </row>
    <row r="330428" spans="8:8">
      <c r="H330428" s="12"/>
    </row>
    <row r="330429" spans="8:8">
      <c r="H330429" s="12"/>
    </row>
    <row r="330430" spans="8:8">
      <c r="H330430" s="12"/>
    </row>
    <row r="330431" spans="8:8">
      <c r="H330431" s="12"/>
    </row>
    <row r="330432" spans="8:8">
      <c r="H330432" s="12"/>
    </row>
    <row r="330433" spans="8:8">
      <c r="H330433" s="12"/>
    </row>
    <row r="330434" spans="8:8">
      <c r="H330434" s="12"/>
    </row>
    <row r="330435" spans="8:8">
      <c r="H330435" s="12"/>
    </row>
    <row r="330436" spans="8:8">
      <c r="H330436" s="12"/>
    </row>
    <row r="330437" spans="8:8">
      <c r="H330437" s="12"/>
    </row>
    <row r="330438" spans="8:8">
      <c r="H330438" s="12"/>
    </row>
    <row r="330439" spans="8:8">
      <c r="H330439" s="12"/>
    </row>
    <row r="330440" spans="8:8">
      <c r="H330440" s="12"/>
    </row>
    <row r="330441" spans="8:8">
      <c r="H330441" s="12"/>
    </row>
    <row r="330442" spans="8:8">
      <c r="H330442" s="12"/>
    </row>
    <row r="330443" spans="8:8">
      <c r="H330443" s="12"/>
    </row>
    <row r="330444" spans="8:8">
      <c r="H330444" s="12"/>
    </row>
    <row r="330445" spans="8:8">
      <c r="H330445" s="12"/>
    </row>
    <row r="330446" spans="8:8">
      <c r="H330446" s="12"/>
    </row>
    <row r="330447" spans="8:8">
      <c r="H330447" s="12"/>
    </row>
    <row r="330448" spans="8:8">
      <c r="H330448" s="12"/>
    </row>
    <row r="330449" spans="8:8">
      <c r="H330449" s="12"/>
    </row>
    <row r="330450" spans="8:8">
      <c r="H330450" s="12"/>
    </row>
    <row r="330451" spans="8:8">
      <c r="H330451" s="12"/>
    </row>
    <row r="330452" spans="8:8">
      <c r="H330452" s="12"/>
    </row>
    <row r="330453" spans="8:8">
      <c r="H330453" s="12"/>
    </row>
    <row r="330454" spans="8:8">
      <c r="H330454" s="12"/>
    </row>
    <row r="330455" spans="8:8">
      <c r="H330455" s="12"/>
    </row>
    <row r="330456" spans="8:8">
      <c r="H330456" s="12"/>
    </row>
    <row r="330457" spans="8:8">
      <c r="H330457" s="12"/>
    </row>
    <row r="330458" spans="8:8">
      <c r="H330458" s="12"/>
    </row>
    <row r="330459" spans="8:8">
      <c r="H330459" s="12"/>
    </row>
    <row r="330460" spans="8:8">
      <c r="H330460" s="12"/>
    </row>
    <row r="330461" spans="8:8">
      <c r="H330461" s="12"/>
    </row>
    <row r="330462" spans="8:8">
      <c r="H330462" s="12"/>
    </row>
    <row r="330463" spans="8:8">
      <c r="H330463" s="12"/>
    </row>
    <row r="330464" spans="8:8">
      <c r="H330464" s="12"/>
    </row>
    <row r="330465" spans="8:8">
      <c r="H330465" s="12"/>
    </row>
    <row r="330466" spans="8:8">
      <c r="H330466" s="12"/>
    </row>
    <row r="330467" spans="8:8">
      <c r="H330467" s="12"/>
    </row>
    <row r="330468" spans="8:8">
      <c r="H330468" s="12"/>
    </row>
    <row r="330469" spans="8:8">
      <c r="H330469" s="12"/>
    </row>
    <row r="330470" spans="8:8">
      <c r="H330470" s="12"/>
    </row>
    <row r="330471" spans="8:8">
      <c r="H330471" s="12"/>
    </row>
    <row r="330472" spans="8:8">
      <c r="H330472" s="12"/>
    </row>
    <row r="330473" spans="8:8">
      <c r="H330473" s="12"/>
    </row>
    <row r="330474" spans="8:8">
      <c r="H330474" s="12"/>
    </row>
    <row r="330475" spans="8:8">
      <c r="H330475" s="12"/>
    </row>
    <row r="330476" spans="8:8">
      <c r="H330476" s="12"/>
    </row>
    <row r="330477" spans="8:8">
      <c r="H330477" s="12"/>
    </row>
    <row r="330478" spans="8:8">
      <c r="H330478" s="12"/>
    </row>
    <row r="330479" spans="8:8">
      <c r="H330479" s="12"/>
    </row>
    <row r="330480" spans="8:8">
      <c r="H330480" s="12"/>
    </row>
    <row r="330481" spans="8:8">
      <c r="H330481" s="12"/>
    </row>
    <row r="330482" spans="8:8">
      <c r="H330482" s="12"/>
    </row>
    <row r="330483" spans="8:8">
      <c r="H330483" s="12"/>
    </row>
    <row r="330484" spans="8:8">
      <c r="H330484" s="12"/>
    </row>
    <row r="330485" spans="8:8">
      <c r="H330485" s="12"/>
    </row>
    <row r="330486" spans="8:8">
      <c r="H330486" s="12"/>
    </row>
    <row r="330487" spans="8:8">
      <c r="H330487" s="12"/>
    </row>
    <row r="330488" spans="8:8">
      <c r="H330488" s="12"/>
    </row>
    <row r="330489" spans="8:8">
      <c r="H330489" s="12"/>
    </row>
    <row r="330490" spans="8:8">
      <c r="H330490" s="12"/>
    </row>
    <row r="330491" spans="8:8">
      <c r="H330491" s="12"/>
    </row>
    <row r="330492" spans="8:8">
      <c r="H330492" s="12"/>
    </row>
    <row r="330493" spans="8:8">
      <c r="H330493" s="12"/>
    </row>
    <row r="330494" spans="8:8">
      <c r="H330494" s="12"/>
    </row>
    <row r="330495" spans="8:8">
      <c r="H330495" s="12"/>
    </row>
    <row r="330496" spans="8:8">
      <c r="H330496" s="12"/>
    </row>
    <row r="330497" spans="8:8">
      <c r="H330497" s="12"/>
    </row>
    <row r="330498" spans="8:8">
      <c r="H330498" s="12"/>
    </row>
    <row r="330499" spans="8:8">
      <c r="H330499" s="12"/>
    </row>
    <row r="330500" spans="8:8">
      <c r="H330500" s="12"/>
    </row>
    <row r="330501" spans="8:8">
      <c r="H330501" s="12"/>
    </row>
    <row r="330502" spans="8:8">
      <c r="H330502" s="12"/>
    </row>
    <row r="330503" spans="8:8">
      <c r="H330503" s="12"/>
    </row>
    <row r="330504" spans="8:8">
      <c r="H330504" s="12"/>
    </row>
    <row r="330505" spans="8:8">
      <c r="H330505" s="12"/>
    </row>
    <row r="330506" spans="8:8">
      <c r="H330506" s="12"/>
    </row>
    <row r="330507" spans="8:8">
      <c r="H330507" s="12"/>
    </row>
    <row r="330508" spans="8:8">
      <c r="H330508" s="12"/>
    </row>
    <row r="330509" spans="8:8">
      <c r="H330509" s="12"/>
    </row>
    <row r="330510" spans="8:8">
      <c r="H330510" s="12"/>
    </row>
    <row r="330511" spans="8:8">
      <c r="H330511" s="12"/>
    </row>
    <row r="330512" spans="8:8">
      <c r="H330512" s="12"/>
    </row>
    <row r="330513" spans="8:8">
      <c r="H330513" s="12"/>
    </row>
    <row r="330514" spans="8:8">
      <c r="H330514" s="12"/>
    </row>
    <row r="330515" spans="8:8">
      <c r="H330515" s="12"/>
    </row>
    <row r="330516" spans="8:8">
      <c r="H330516" s="12"/>
    </row>
    <row r="330517" spans="8:8">
      <c r="H330517" s="12"/>
    </row>
    <row r="330518" spans="8:8">
      <c r="H330518" s="12"/>
    </row>
    <row r="330519" spans="8:8">
      <c r="H330519" s="12"/>
    </row>
    <row r="330520" spans="8:8">
      <c r="H330520" s="12"/>
    </row>
    <row r="330521" spans="8:8">
      <c r="H330521" s="12"/>
    </row>
    <row r="330522" spans="8:8">
      <c r="H330522" s="12"/>
    </row>
    <row r="330523" spans="8:8">
      <c r="H330523" s="12"/>
    </row>
    <row r="330524" spans="8:8">
      <c r="H330524" s="12"/>
    </row>
    <row r="330525" spans="8:8">
      <c r="H330525" s="12"/>
    </row>
    <row r="330526" spans="8:8">
      <c r="H330526" s="12"/>
    </row>
    <row r="330527" spans="8:8">
      <c r="H330527" s="12"/>
    </row>
    <row r="330528" spans="8:8">
      <c r="H330528" s="12"/>
    </row>
    <row r="330529" spans="8:8">
      <c r="H330529" s="12"/>
    </row>
    <row r="330530" spans="8:8">
      <c r="H330530" s="12"/>
    </row>
    <row r="330531" spans="8:8">
      <c r="H330531" s="12"/>
    </row>
    <row r="330532" spans="8:8">
      <c r="H330532" s="12"/>
    </row>
    <row r="330533" spans="8:8">
      <c r="H330533" s="12"/>
    </row>
    <row r="330534" spans="8:8">
      <c r="H330534" s="12"/>
    </row>
    <row r="330535" spans="8:8">
      <c r="H330535" s="12"/>
    </row>
    <row r="330536" spans="8:8">
      <c r="H330536" s="12"/>
    </row>
    <row r="330537" spans="8:8">
      <c r="H330537" s="12"/>
    </row>
    <row r="330538" spans="8:8">
      <c r="H330538" s="12"/>
    </row>
    <row r="330539" spans="8:8">
      <c r="H330539" s="12"/>
    </row>
    <row r="330540" spans="8:8">
      <c r="H330540" s="12"/>
    </row>
    <row r="330541" spans="8:8">
      <c r="H330541" s="12"/>
    </row>
    <row r="330542" spans="8:8">
      <c r="H330542" s="12"/>
    </row>
    <row r="330543" spans="8:8">
      <c r="H330543" s="12"/>
    </row>
    <row r="330544" spans="8:8">
      <c r="H330544" s="12"/>
    </row>
    <row r="330545" spans="8:8">
      <c r="H330545" s="12"/>
    </row>
    <row r="330546" spans="8:8">
      <c r="H330546" s="12"/>
    </row>
    <row r="330547" spans="8:8">
      <c r="H330547" s="12"/>
    </row>
    <row r="330548" spans="8:8">
      <c r="H330548" s="12"/>
    </row>
    <row r="330549" spans="8:8">
      <c r="H330549" s="12"/>
    </row>
    <row r="330550" spans="8:8">
      <c r="H330550" s="12"/>
    </row>
    <row r="330551" spans="8:8">
      <c r="H330551" s="12"/>
    </row>
    <row r="330552" spans="8:8">
      <c r="H330552" s="12"/>
    </row>
    <row r="330553" spans="8:8">
      <c r="H330553" s="12"/>
    </row>
    <row r="330554" spans="8:8">
      <c r="H330554" s="12"/>
    </row>
    <row r="330555" spans="8:8">
      <c r="H330555" s="12"/>
    </row>
    <row r="330556" spans="8:8">
      <c r="H330556" s="12"/>
    </row>
    <row r="330557" spans="8:8">
      <c r="H330557" s="12"/>
    </row>
    <row r="330558" spans="8:8">
      <c r="H330558" s="12"/>
    </row>
    <row r="330559" spans="8:8">
      <c r="H330559" s="12"/>
    </row>
    <row r="330560" spans="8:8">
      <c r="H330560" s="12"/>
    </row>
    <row r="330561" spans="8:8">
      <c r="H330561" s="12"/>
    </row>
    <row r="330562" spans="8:8">
      <c r="H330562" s="12"/>
    </row>
    <row r="330563" spans="8:8">
      <c r="H330563" s="12"/>
    </row>
    <row r="330564" spans="8:8">
      <c r="H330564" s="12"/>
    </row>
    <row r="330565" spans="8:8">
      <c r="H330565" s="12"/>
    </row>
    <row r="330566" spans="8:8">
      <c r="H330566" s="12"/>
    </row>
    <row r="330567" spans="8:8">
      <c r="H330567" s="12"/>
    </row>
    <row r="330568" spans="8:8">
      <c r="H330568" s="12"/>
    </row>
    <row r="330569" spans="8:8">
      <c r="H330569" s="12"/>
    </row>
    <row r="330570" spans="8:8">
      <c r="H330570" s="12"/>
    </row>
    <row r="330571" spans="8:8">
      <c r="H330571" s="12"/>
    </row>
    <row r="330572" spans="8:8">
      <c r="H330572" s="12"/>
    </row>
    <row r="330573" spans="8:8">
      <c r="H330573" s="12"/>
    </row>
    <row r="330574" spans="8:8">
      <c r="H330574" s="12"/>
    </row>
    <row r="330575" spans="8:8">
      <c r="H330575" s="12"/>
    </row>
    <row r="330576" spans="8:8">
      <c r="H330576" s="12"/>
    </row>
    <row r="330577" spans="8:8">
      <c r="H330577" s="12"/>
    </row>
    <row r="330578" spans="8:8">
      <c r="H330578" s="12"/>
    </row>
    <row r="330579" spans="8:8">
      <c r="H330579" s="12"/>
    </row>
    <row r="330580" spans="8:8">
      <c r="H330580" s="12"/>
    </row>
    <row r="330581" spans="8:8">
      <c r="H330581" s="12"/>
    </row>
    <row r="330582" spans="8:8">
      <c r="H330582" s="12"/>
    </row>
    <row r="330583" spans="8:8">
      <c r="H330583" s="12"/>
    </row>
    <row r="330584" spans="8:8">
      <c r="H330584" s="12"/>
    </row>
    <row r="330585" spans="8:8">
      <c r="H330585" s="12"/>
    </row>
    <row r="330586" spans="8:8">
      <c r="H330586" s="12"/>
    </row>
    <row r="330587" spans="8:8">
      <c r="H330587" s="12"/>
    </row>
    <row r="330588" spans="8:8">
      <c r="H330588" s="12"/>
    </row>
    <row r="330589" spans="8:8">
      <c r="H330589" s="12"/>
    </row>
    <row r="330590" spans="8:8">
      <c r="H330590" s="12"/>
    </row>
    <row r="330591" spans="8:8">
      <c r="H330591" s="12"/>
    </row>
    <row r="330592" spans="8:8">
      <c r="H330592" s="12"/>
    </row>
    <row r="330593" spans="8:8">
      <c r="H330593" s="12"/>
    </row>
    <row r="330594" spans="8:8">
      <c r="H330594" s="12"/>
    </row>
    <row r="330595" spans="8:8">
      <c r="H330595" s="12"/>
    </row>
    <row r="330596" spans="8:8">
      <c r="H330596" s="12"/>
    </row>
    <row r="330597" spans="8:8">
      <c r="H330597" s="12"/>
    </row>
    <row r="330598" spans="8:8">
      <c r="H330598" s="12"/>
    </row>
    <row r="330599" spans="8:8">
      <c r="H330599" s="12"/>
    </row>
    <row r="330600" spans="8:8">
      <c r="H330600" s="12"/>
    </row>
    <row r="330601" spans="8:8">
      <c r="H330601" s="12"/>
    </row>
    <row r="330602" spans="8:8">
      <c r="H330602" s="12"/>
    </row>
    <row r="330603" spans="8:8">
      <c r="H330603" s="12"/>
    </row>
    <row r="330604" spans="8:8">
      <c r="H330604" s="12"/>
    </row>
    <row r="330605" spans="8:8">
      <c r="H330605" s="12"/>
    </row>
    <row r="330606" spans="8:8">
      <c r="H330606" s="12"/>
    </row>
    <row r="330607" spans="8:8">
      <c r="H330607" s="12"/>
    </row>
    <row r="330608" spans="8:8">
      <c r="H330608" s="12"/>
    </row>
    <row r="330609" spans="8:8">
      <c r="H330609" s="12"/>
    </row>
    <row r="330610" spans="8:8">
      <c r="H330610" s="12"/>
    </row>
    <row r="330611" spans="8:8">
      <c r="H330611" s="12"/>
    </row>
    <row r="330612" spans="8:8">
      <c r="H330612" s="12"/>
    </row>
    <row r="330613" spans="8:8">
      <c r="H330613" s="12"/>
    </row>
    <row r="330614" spans="8:8">
      <c r="H330614" s="12"/>
    </row>
    <row r="330615" spans="8:8">
      <c r="H330615" s="12"/>
    </row>
    <row r="330616" spans="8:8">
      <c r="H330616" s="12"/>
    </row>
    <row r="330617" spans="8:8">
      <c r="H330617" s="12"/>
    </row>
    <row r="330618" spans="8:8">
      <c r="H330618" s="12"/>
    </row>
    <row r="330619" spans="8:8">
      <c r="H330619" s="12"/>
    </row>
    <row r="330620" spans="8:8">
      <c r="H330620" s="12"/>
    </row>
    <row r="330621" spans="8:8">
      <c r="H330621" s="12"/>
    </row>
    <row r="330622" spans="8:8">
      <c r="H330622" s="12"/>
    </row>
    <row r="330623" spans="8:8">
      <c r="H330623" s="12"/>
    </row>
    <row r="330624" spans="8:8">
      <c r="H330624" s="12"/>
    </row>
    <row r="330625" spans="8:8">
      <c r="H330625" s="12"/>
    </row>
    <row r="330626" spans="8:8">
      <c r="H330626" s="12"/>
    </row>
    <row r="330627" spans="8:8">
      <c r="H330627" s="12"/>
    </row>
    <row r="330628" spans="8:8">
      <c r="H330628" s="12"/>
    </row>
    <row r="330629" spans="8:8">
      <c r="H330629" s="12"/>
    </row>
    <row r="330630" spans="8:8">
      <c r="H330630" s="12"/>
    </row>
    <row r="330631" spans="8:8">
      <c r="H330631" s="12"/>
    </row>
    <row r="330632" spans="8:8">
      <c r="H330632" s="12"/>
    </row>
    <row r="330633" spans="8:8">
      <c r="H330633" s="12"/>
    </row>
    <row r="330634" spans="8:8">
      <c r="H330634" s="12"/>
    </row>
    <row r="330635" spans="8:8">
      <c r="H330635" s="12"/>
    </row>
    <row r="330636" spans="8:8">
      <c r="H330636" s="12"/>
    </row>
    <row r="330637" spans="8:8">
      <c r="H330637" s="12"/>
    </row>
    <row r="330638" spans="8:8">
      <c r="H330638" s="12"/>
    </row>
    <row r="330639" spans="8:8">
      <c r="H330639" s="12"/>
    </row>
    <row r="330640" spans="8:8">
      <c r="H330640" s="12"/>
    </row>
    <row r="330641" spans="8:8">
      <c r="H330641" s="12"/>
    </row>
    <row r="330642" spans="8:8">
      <c r="H330642" s="12"/>
    </row>
    <row r="330643" spans="8:8">
      <c r="H330643" s="12"/>
    </row>
    <row r="330644" spans="8:8">
      <c r="H330644" s="12"/>
    </row>
    <row r="330645" spans="8:8">
      <c r="H330645" s="12"/>
    </row>
    <row r="330646" spans="8:8">
      <c r="H330646" s="12"/>
    </row>
    <row r="330647" spans="8:8">
      <c r="H330647" s="12"/>
    </row>
    <row r="330648" spans="8:8">
      <c r="H330648" s="12"/>
    </row>
    <row r="330649" spans="8:8">
      <c r="H330649" s="12"/>
    </row>
    <row r="330650" spans="8:8">
      <c r="H330650" s="12"/>
    </row>
    <row r="330651" spans="8:8">
      <c r="H330651" s="12"/>
    </row>
    <row r="330652" spans="8:8">
      <c r="H330652" s="12"/>
    </row>
    <row r="330653" spans="8:8">
      <c r="H330653" s="12"/>
    </row>
    <row r="330654" spans="8:8">
      <c r="H330654" s="12"/>
    </row>
    <row r="330655" spans="8:8">
      <c r="H330655" s="12"/>
    </row>
    <row r="330656" spans="8:8">
      <c r="H330656" s="12"/>
    </row>
    <row r="330657" spans="8:8">
      <c r="H330657" s="12"/>
    </row>
    <row r="330658" spans="8:8">
      <c r="H330658" s="12"/>
    </row>
    <row r="330659" spans="8:8">
      <c r="H330659" s="12"/>
    </row>
    <row r="330660" spans="8:8">
      <c r="H330660" s="12"/>
    </row>
    <row r="330661" spans="8:8">
      <c r="H330661" s="12"/>
    </row>
    <row r="330662" spans="8:8">
      <c r="H330662" s="12"/>
    </row>
    <row r="330663" spans="8:8">
      <c r="H330663" s="12"/>
    </row>
    <row r="330664" spans="8:8">
      <c r="H330664" s="12"/>
    </row>
    <row r="330665" spans="8:8">
      <c r="H330665" s="12"/>
    </row>
    <row r="330666" spans="8:8">
      <c r="H330666" s="12"/>
    </row>
    <row r="330667" spans="8:8">
      <c r="H330667" s="12"/>
    </row>
    <row r="330668" spans="8:8">
      <c r="H330668" s="12"/>
    </row>
    <row r="330669" spans="8:8">
      <c r="H330669" s="12"/>
    </row>
    <row r="330670" spans="8:8">
      <c r="H330670" s="12"/>
    </row>
    <row r="330671" spans="8:8">
      <c r="H330671" s="12"/>
    </row>
    <row r="330672" spans="8:8">
      <c r="H330672" s="12"/>
    </row>
    <row r="330673" spans="8:8">
      <c r="H330673" s="12"/>
    </row>
    <row r="330674" spans="8:8">
      <c r="H330674" s="12"/>
    </row>
    <row r="330675" spans="8:8">
      <c r="H330675" s="12"/>
    </row>
    <row r="330676" spans="8:8">
      <c r="H330676" s="12"/>
    </row>
    <row r="330677" spans="8:8">
      <c r="H330677" s="12"/>
    </row>
    <row r="330678" spans="8:8">
      <c r="H330678" s="12"/>
    </row>
    <row r="330679" spans="8:8">
      <c r="H330679" s="12"/>
    </row>
    <row r="330680" spans="8:8">
      <c r="H330680" s="12"/>
    </row>
    <row r="330681" spans="8:8">
      <c r="H330681" s="12"/>
    </row>
    <row r="330682" spans="8:8">
      <c r="H330682" s="12"/>
    </row>
    <row r="330683" spans="8:8">
      <c r="H330683" s="12"/>
    </row>
    <row r="330684" spans="8:8">
      <c r="H330684" s="12"/>
    </row>
    <row r="330685" spans="8:8">
      <c r="H330685" s="12"/>
    </row>
    <row r="330686" spans="8:8">
      <c r="H330686" s="12"/>
    </row>
    <row r="330687" spans="8:8">
      <c r="H330687" s="12"/>
    </row>
    <row r="330688" spans="8:8">
      <c r="H330688" s="12"/>
    </row>
    <row r="330689" spans="8:8">
      <c r="H330689" s="12"/>
    </row>
    <row r="330690" spans="8:8">
      <c r="H330690" s="12"/>
    </row>
    <row r="330691" spans="8:8">
      <c r="H330691" s="12"/>
    </row>
    <row r="330692" spans="8:8">
      <c r="H330692" s="12"/>
    </row>
    <row r="330693" spans="8:8">
      <c r="H330693" s="12"/>
    </row>
    <row r="330694" spans="8:8">
      <c r="H330694" s="12"/>
    </row>
    <row r="330695" spans="8:8">
      <c r="H330695" s="12"/>
    </row>
    <row r="330696" spans="8:8">
      <c r="H330696" s="12"/>
    </row>
    <row r="330697" spans="8:8">
      <c r="H330697" s="12"/>
    </row>
    <row r="330698" spans="8:8">
      <c r="H330698" s="12"/>
    </row>
    <row r="330699" spans="8:8">
      <c r="H330699" s="12"/>
    </row>
    <row r="330700" spans="8:8">
      <c r="H330700" s="12"/>
    </row>
    <row r="330701" spans="8:8">
      <c r="H330701" s="12"/>
    </row>
    <row r="330702" spans="8:8">
      <c r="H330702" s="12"/>
    </row>
    <row r="330703" spans="8:8">
      <c r="H330703" s="12"/>
    </row>
    <row r="330704" spans="8:8">
      <c r="H330704" s="12"/>
    </row>
    <row r="330705" spans="8:8">
      <c r="H330705" s="12"/>
    </row>
    <row r="330706" spans="8:8">
      <c r="H330706" s="12"/>
    </row>
    <row r="330707" spans="8:8">
      <c r="H330707" s="12"/>
    </row>
    <row r="330708" spans="8:8">
      <c r="H330708" s="12"/>
    </row>
    <row r="330709" spans="8:8">
      <c r="H330709" s="12"/>
    </row>
    <row r="330710" spans="8:8">
      <c r="H330710" s="12"/>
    </row>
    <row r="330711" spans="8:8">
      <c r="H330711" s="12"/>
    </row>
    <row r="330712" spans="8:8">
      <c r="H330712" s="12"/>
    </row>
    <row r="330713" spans="8:8">
      <c r="H330713" s="12"/>
    </row>
    <row r="330714" spans="8:8">
      <c r="H330714" s="12"/>
    </row>
    <row r="330715" spans="8:8">
      <c r="H330715" s="12"/>
    </row>
    <row r="330716" spans="8:8">
      <c r="H330716" s="12"/>
    </row>
    <row r="330717" spans="8:8">
      <c r="H330717" s="12"/>
    </row>
    <row r="330718" spans="8:8">
      <c r="H330718" s="12"/>
    </row>
    <row r="330719" spans="8:8">
      <c r="H330719" s="12"/>
    </row>
    <row r="330720" spans="8:8">
      <c r="H330720" s="12"/>
    </row>
    <row r="330721" spans="8:8">
      <c r="H330721" s="12"/>
    </row>
    <row r="330722" spans="8:8">
      <c r="H330722" s="12"/>
    </row>
    <row r="330723" spans="8:8">
      <c r="H330723" s="12"/>
    </row>
    <row r="330724" spans="8:8">
      <c r="H330724" s="12"/>
    </row>
    <row r="330725" spans="8:8">
      <c r="H330725" s="12"/>
    </row>
    <row r="330726" spans="8:8">
      <c r="H330726" s="12"/>
    </row>
    <row r="330727" spans="8:8">
      <c r="H330727" s="12"/>
    </row>
    <row r="330728" spans="8:8">
      <c r="H330728" s="12"/>
    </row>
    <row r="330729" spans="8:8">
      <c r="H330729" s="12"/>
    </row>
    <row r="330730" spans="8:8">
      <c r="H330730" s="12"/>
    </row>
    <row r="330731" spans="8:8">
      <c r="H330731" s="12"/>
    </row>
    <row r="330732" spans="8:8">
      <c r="H330732" s="12"/>
    </row>
    <row r="330733" spans="8:8">
      <c r="H330733" s="12"/>
    </row>
    <row r="330734" spans="8:8">
      <c r="H330734" s="12"/>
    </row>
    <row r="330735" spans="8:8">
      <c r="H330735" s="12"/>
    </row>
    <row r="330736" spans="8:8">
      <c r="H330736" s="12"/>
    </row>
    <row r="330737" spans="8:8">
      <c r="H330737" s="12"/>
    </row>
    <row r="330738" spans="8:8">
      <c r="H330738" s="12"/>
    </row>
    <row r="330739" spans="8:8">
      <c r="H330739" s="12"/>
    </row>
    <row r="330740" spans="8:8">
      <c r="H330740" s="12"/>
    </row>
    <row r="330741" spans="8:8">
      <c r="H330741" s="12"/>
    </row>
    <row r="330742" spans="8:8">
      <c r="H330742" s="12"/>
    </row>
    <row r="330743" spans="8:8">
      <c r="H330743" s="12"/>
    </row>
    <row r="330744" spans="8:8">
      <c r="H330744" s="12"/>
    </row>
    <row r="330745" spans="8:8">
      <c r="H330745" s="12"/>
    </row>
    <row r="330746" spans="8:8">
      <c r="H330746" s="12"/>
    </row>
    <row r="330747" spans="8:8">
      <c r="H330747" s="12"/>
    </row>
    <row r="330748" spans="8:8">
      <c r="H330748" s="12"/>
    </row>
    <row r="330749" spans="8:8">
      <c r="H330749" s="12"/>
    </row>
    <row r="330750" spans="8:8">
      <c r="H330750" s="12"/>
    </row>
    <row r="330751" spans="8:8">
      <c r="H330751" s="12"/>
    </row>
    <row r="330752" spans="8:8">
      <c r="H330752" s="12"/>
    </row>
    <row r="330753" spans="8:8">
      <c r="H330753" s="12"/>
    </row>
    <row r="330754" spans="8:8">
      <c r="H330754" s="12"/>
    </row>
    <row r="330755" spans="8:8">
      <c r="H330755" s="12"/>
    </row>
    <row r="330756" spans="8:8">
      <c r="H330756" s="12"/>
    </row>
    <row r="330757" spans="8:8">
      <c r="H330757" s="12"/>
    </row>
    <row r="330758" spans="8:8">
      <c r="H330758" s="12"/>
    </row>
    <row r="330759" spans="8:8">
      <c r="H330759" s="12"/>
    </row>
    <row r="330760" spans="8:8">
      <c r="H330760" s="12"/>
    </row>
    <row r="330761" spans="8:8">
      <c r="H330761" s="12"/>
    </row>
    <row r="330762" spans="8:8">
      <c r="H330762" s="12"/>
    </row>
    <row r="330763" spans="8:8">
      <c r="H330763" s="12"/>
    </row>
    <row r="330764" spans="8:8">
      <c r="H330764" s="12"/>
    </row>
    <row r="330765" spans="8:8">
      <c r="H330765" s="12"/>
    </row>
    <row r="330766" spans="8:8">
      <c r="H330766" s="12"/>
    </row>
    <row r="330767" spans="8:8">
      <c r="H330767" s="12"/>
    </row>
    <row r="330768" spans="8:8">
      <c r="H330768" s="12"/>
    </row>
    <row r="330769" spans="8:8">
      <c r="H330769" s="12"/>
    </row>
    <row r="330770" spans="8:8">
      <c r="H330770" s="12"/>
    </row>
    <row r="330771" spans="8:8">
      <c r="H330771" s="12"/>
    </row>
    <row r="330772" spans="8:8">
      <c r="H330772" s="12"/>
    </row>
    <row r="330773" spans="8:8">
      <c r="H330773" s="12"/>
    </row>
    <row r="330774" spans="8:8">
      <c r="H330774" s="12"/>
    </row>
    <row r="330775" spans="8:8">
      <c r="H330775" s="12"/>
    </row>
    <row r="330776" spans="8:8">
      <c r="H330776" s="12"/>
    </row>
    <row r="330777" spans="8:8">
      <c r="H330777" s="12"/>
    </row>
    <row r="330778" spans="8:8">
      <c r="H330778" s="12"/>
    </row>
    <row r="330779" spans="8:8">
      <c r="H330779" s="12"/>
    </row>
    <row r="330780" spans="8:8">
      <c r="H330780" s="12"/>
    </row>
    <row r="330781" spans="8:8">
      <c r="H330781" s="12"/>
    </row>
    <row r="330782" spans="8:8">
      <c r="H330782" s="12"/>
    </row>
    <row r="330783" spans="8:8">
      <c r="H330783" s="12"/>
    </row>
    <row r="330784" spans="8:8">
      <c r="H330784" s="12"/>
    </row>
    <row r="330785" spans="8:8">
      <c r="H330785" s="12"/>
    </row>
    <row r="330786" spans="8:8">
      <c r="H330786" s="12"/>
    </row>
    <row r="330787" spans="8:8">
      <c r="H330787" s="12"/>
    </row>
    <row r="330788" spans="8:8">
      <c r="H330788" s="12"/>
    </row>
    <row r="330789" spans="8:8">
      <c r="H330789" s="12"/>
    </row>
    <row r="330790" spans="8:8">
      <c r="H330790" s="12"/>
    </row>
    <row r="330791" spans="8:8">
      <c r="H330791" s="12"/>
    </row>
    <row r="330792" spans="8:8">
      <c r="H330792" s="12"/>
    </row>
    <row r="330793" spans="8:8">
      <c r="H330793" s="12"/>
    </row>
    <row r="330794" spans="8:8">
      <c r="H330794" s="12"/>
    </row>
    <row r="330795" spans="8:8">
      <c r="H330795" s="12"/>
    </row>
    <row r="330796" spans="8:8">
      <c r="H330796" s="12"/>
    </row>
    <row r="330797" spans="8:8">
      <c r="H330797" s="12"/>
    </row>
    <row r="330798" spans="8:8">
      <c r="H330798" s="12"/>
    </row>
    <row r="330799" spans="8:8">
      <c r="H330799" s="12"/>
    </row>
    <row r="330800" spans="8:8">
      <c r="H330800" s="12"/>
    </row>
    <row r="330801" spans="8:8">
      <c r="H330801" s="12"/>
    </row>
    <row r="330802" spans="8:8">
      <c r="H330802" s="12"/>
    </row>
    <row r="330803" spans="8:8">
      <c r="H330803" s="12"/>
    </row>
    <row r="330804" spans="8:8">
      <c r="H330804" s="12"/>
    </row>
    <row r="330805" spans="8:8">
      <c r="H330805" s="12"/>
    </row>
    <row r="330806" spans="8:8">
      <c r="H330806" s="12"/>
    </row>
    <row r="330807" spans="8:8">
      <c r="H330807" s="12"/>
    </row>
    <row r="330808" spans="8:8">
      <c r="H330808" s="12"/>
    </row>
    <row r="330809" spans="8:8">
      <c r="H330809" s="12"/>
    </row>
    <row r="330810" spans="8:8">
      <c r="H330810" s="12"/>
    </row>
    <row r="330811" spans="8:8">
      <c r="H330811" s="12"/>
    </row>
    <row r="330812" spans="8:8">
      <c r="H330812" s="12"/>
    </row>
    <row r="330813" spans="8:8">
      <c r="H330813" s="12"/>
    </row>
    <row r="330814" spans="8:8">
      <c r="H330814" s="12"/>
    </row>
    <row r="330815" spans="8:8">
      <c r="H330815" s="12"/>
    </row>
    <row r="330816" spans="8:8">
      <c r="H330816" s="12"/>
    </row>
    <row r="330817" spans="8:8">
      <c r="H330817" s="12"/>
    </row>
    <row r="330818" spans="8:8">
      <c r="H330818" s="12"/>
    </row>
    <row r="330819" spans="8:8">
      <c r="H330819" s="12"/>
    </row>
    <row r="330820" spans="8:8">
      <c r="H330820" s="12"/>
    </row>
    <row r="330821" spans="8:8">
      <c r="H330821" s="12"/>
    </row>
    <row r="330822" spans="8:8">
      <c r="H330822" s="12"/>
    </row>
    <row r="330823" spans="8:8">
      <c r="H330823" s="12"/>
    </row>
    <row r="330824" spans="8:8">
      <c r="H330824" s="12"/>
    </row>
    <row r="330825" spans="8:8">
      <c r="H330825" s="12"/>
    </row>
    <row r="330826" spans="8:8">
      <c r="H330826" s="12"/>
    </row>
    <row r="330827" spans="8:8">
      <c r="H330827" s="12"/>
    </row>
    <row r="330828" spans="8:8">
      <c r="H330828" s="12"/>
    </row>
    <row r="330829" spans="8:8">
      <c r="H330829" s="12"/>
    </row>
    <row r="330830" spans="8:8">
      <c r="H330830" s="12"/>
    </row>
    <row r="330831" spans="8:8">
      <c r="H330831" s="12"/>
    </row>
    <row r="330832" spans="8:8">
      <c r="H330832" s="12"/>
    </row>
    <row r="330833" spans="8:8">
      <c r="H330833" s="12"/>
    </row>
    <row r="330834" spans="8:8">
      <c r="H330834" s="12"/>
    </row>
    <row r="330835" spans="8:8">
      <c r="H330835" s="12"/>
    </row>
    <row r="330836" spans="8:8">
      <c r="H330836" s="12"/>
    </row>
    <row r="330837" spans="8:8">
      <c r="H330837" s="12"/>
    </row>
    <row r="330838" spans="8:8">
      <c r="H330838" s="12"/>
    </row>
    <row r="330839" spans="8:8">
      <c r="H330839" s="12"/>
    </row>
    <row r="330840" spans="8:8">
      <c r="H330840" s="12"/>
    </row>
    <row r="330841" spans="8:8">
      <c r="H330841" s="12"/>
    </row>
    <row r="330842" spans="8:8">
      <c r="H330842" s="12"/>
    </row>
    <row r="330843" spans="8:8">
      <c r="H330843" s="12"/>
    </row>
    <row r="330844" spans="8:8">
      <c r="H330844" s="12"/>
    </row>
    <row r="330845" spans="8:8">
      <c r="H330845" s="12"/>
    </row>
    <row r="330846" spans="8:8">
      <c r="H330846" s="12"/>
    </row>
    <row r="330847" spans="8:8">
      <c r="H330847" s="12"/>
    </row>
    <row r="330848" spans="8:8">
      <c r="H330848" s="12"/>
    </row>
    <row r="330849" spans="8:8">
      <c r="H330849" s="12"/>
    </row>
    <row r="330850" spans="8:8">
      <c r="H330850" s="12"/>
    </row>
    <row r="330851" spans="8:8">
      <c r="H330851" s="12"/>
    </row>
    <row r="330852" spans="8:8">
      <c r="H330852" s="12"/>
    </row>
    <row r="330853" spans="8:8">
      <c r="H330853" s="12"/>
    </row>
    <row r="330854" spans="8:8">
      <c r="H330854" s="12"/>
    </row>
    <row r="330855" spans="8:8">
      <c r="H330855" s="12"/>
    </row>
    <row r="330856" spans="8:8">
      <c r="H330856" s="12"/>
    </row>
    <row r="330857" spans="8:8">
      <c r="H330857" s="12"/>
    </row>
    <row r="330858" spans="8:8">
      <c r="H330858" s="12"/>
    </row>
    <row r="330859" spans="8:8">
      <c r="H330859" s="12"/>
    </row>
    <row r="330860" spans="8:8">
      <c r="H330860" s="12"/>
    </row>
    <row r="330861" spans="8:8">
      <c r="H330861" s="12"/>
    </row>
    <row r="330862" spans="8:8">
      <c r="H330862" s="12"/>
    </row>
    <row r="330863" spans="8:8">
      <c r="H330863" s="12"/>
    </row>
    <row r="330864" spans="8:8">
      <c r="H330864" s="12"/>
    </row>
    <row r="330865" spans="8:8">
      <c r="H330865" s="12"/>
    </row>
    <row r="330866" spans="8:8">
      <c r="H330866" s="12"/>
    </row>
    <row r="330867" spans="8:8">
      <c r="H330867" s="12"/>
    </row>
    <row r="330868" spans="8:8">
      <c r="H330868" s="12"/>
    </row>
    <row r="330869" spans="8:8">
      <c r="H330869" s="12"/>
    </row>
    <row r="330870" spans="8:8">
      <c r="H330870" s="12"/>
    </row>
    <row r="330871" spans="8:8">
      <c r="H330871" s="12"/>
    </row>
    <row r="330872" spans="8:8">
      <c r="H330872" s="12"/>
    </row>
    <row r="330873" spans="8:8">
      <c r="H330873" s="12"/>
    </row>
    <row r="330874" spans="8:8">
      <c r="H330874" s="12"/>
    </row>
    <row r="330875" spans="8:8">
      <c r="H330875" s="12"/>
    </row>
    <row r="330876" spans="8:8">
      <c r="H330876" s="12"/>
    </row>
    <row r="330877" spans="8:8">
      <c r="H330877" s="12"/>
    </row>
    <row r="330878" spans="8:8">
      <c r="H330878" s="12"/>
    </row>
    <row r="330879" spans="8:8">
      <c r="H330879" s="12"/>
    </row>
    <row r="330880" spans="8:8">
      <c r="H330880" s="12"/>
    </row>
    <row r="330881" spans="8:8">
      <c r="H330881" s="12"/>
    </row>
    <row r="330882" spans="8:8">
      <c r="H330882" s="12"/>
    </row>
    <row r="330883" spans="8:8">
      <c r="H330883" s="12"/>
    </row>
    <row r="330884" spans="8:8">
      <c r="H330884" s="12"/>
    </row>
    <row r="330885" spans="8:8">
      <c r="H330885" s="12"/>
    </row>
    <row r="330886" spans="8:8">
      <c r="H330886" s="12"/>
    </row>
    <row r="330887" spans="8:8">
      <c r="H330887" s="12"/>
    </row>
    <row r="330888" spans="8:8">
      <c r="H330888" s="12"/>
    </row>
    <row r="330889" spans="8:8">
      <c r="H330889" s="12"/>
    </row>
    <row r="330890" spans="8:8">
      <c r="H330890" s="12"/>
    </row>
    <row r="330891" spans="8:8">
      <c r="H330891" s="12"/>
    </row>
    <row r="330892" spans="8:8">
      <c r="H330892" s="12"/>
    </row>
    <row r="330893" spans="8:8">
      <c r="H330893" s="12"/>
    </row>
    <row r="330894" spans="8:8">
      <c r="H330894" s="12"/>
    </row>
    <row r="330895" spans="8:8">
      <c r="H330895" s="12"/>
    </row>
    <row r="330896" spans="8:8">
      <c r="H330896" s="12"/>
    </row>
    <row r="330897" spans="8:8">
      <c r="H330897" s="12"/>
    </row>
    <row r="330898" spans="8:8">
      <c r="H330898" s="12"/>
    </row>
    <row r="330899" spans="8:8">
      <c r="H330899" s="12"/>
    </row>
    <row r="330900" spans="8:8">
      <c r="H330900" s="12"/>
    </row>
    <row r="330901" spans="8:8">
      <c r="H330901" s="12"/>
    </row>
    <row r="330902" spans="8:8">
      <c r="H330902" s="12"/>
    </row>
    <row r="330903" spans="8:8">
      <c r="H330903" s="12"/>
    </row>
    <row r="330904" spans="8:8">
      <c r="H330904" s="12"/>
    </row>
    <row r="330905" spans="8:8">
      <c r="H330905" s="12"/>
    </row>
    <row r="330906" spans="8:8">
      <c r="H330906" s="12"/>
    </row>
    <row r="330907" spans="8:8">
      <c r="H330907" s="12"/>
    </row>
    <row r="330908" spans="8:8">
      <c r="H330908" s="12"/>
    </row>
    <row r="330909" spans="8:8">
      <c r="H330909" s="12"/>
    </row>
    <row r="330910" spans="8:8">
      <c r="H330910" s="12"/>
    </row>
    <row r="330911" spans="8:8">
      <c r="H330911" s="12"/>
    </row>
    <row r="330912" spans="8:8">
      <c r="H330912" s="12"/>
    </row>
    <row r="330913" spans="8:8">
      <c r="H330913" s="12"/>
    </row>
    <row r="330914" spans="8:8">
      <c r="H330914" s="12"/>
    </row>
    <row r="330915" spans="8:8">
      <c r="H330915" s="12"/>
    </row>
    <row r="330916" spans="8:8">
      <c r="H330916" s="12"/>
    </row>
    <row r="330917" spans="8:8">
      <c r="H330917" s="12"/>
    </row>
    <row r="330918" spans="8:8">
      <c r="H330918" s="12"/>
    </row>
    <row r="330919" spans="8:8">
      <c r="H330919" s="12"/>
    </row>
    <row r="330920" spans="8:8">
      <c r="H330920" s="12"/>
    </row>
    <row r="330921" spans="8:8">
      <c r="H330921" s="12"/>
    </row>
    <row r="330922" spans="8:8">
      <c r="H330922" s="12"/>
    </row>
    <row r="330923" spans="8:8">
      <c r="H330923" s="12"/>
    </row>
    <row r="330924" spans="8:8">
      <c r="H330924" s="12"/>
    </row>
    <row r="330925" spans="8:8">
      <c r="H330925" s="12"/>
    </row>
    <row r="330926" spans="8:8">
      <c r="H330926" s="12"/>
    </row>
    <row r="330927" spans="8:8">
      <c r="H330927" s="12"/>
    </row>
    <row r="330928" spans="8:8">
      <c r="H330928" s="12"/>
    </row>
    <row r="330929" spans="8:8">
      <c r="H330929" s="12"/>
    </row>
    <row r="330930" spans="8:8">
      <c r="H330930" s="12"/>
    </row>
    <row r="330931" spans="8:8">
      <c r="H330931" s="12"/>
    </row>
    <row r="330932" spans="8:8">
      <c r="H330932" s="12"/>
    </row>
    <row r="330933" spans="8:8">
      <c r="H330933" s="12"/>
    </row>
    <row r="330934" spans="8:8">
      <c r="H330934" s="12"/>
    </row>
    <row r="330935" spans="8:8">
      <c r="H330935" s="12"/>
    </row>
    <row r="330936" spans="8:8">
      <c r="H330936" s="12"/>
    </row>
    <row r="330937" spans="8:8">
      <c r="H330937" s="12"/>
    </row>
    <row r="330938" spans="8:8">
      <c r="H330938" s="12"/>
    </row>
    <row r="330939" spans="8:8">
      <c r="H330939" s="12"/>
    </row>
    <row r="330940" spans="8:8">
      <c r="H330940" s="12"/>
    </row>
    <row r="330941" spans="8:8">
      <c r="H330941" s="12"/>
    </row>
    <row r="330942" spans="8:8">
      <c r="H330942" s="12"/>
    </row>
    <row r="330943" spans="8:8">
      <c r="H330943" s="12"/>
    </row>
    <row r="330944" spans="8:8">
      <c r="H330944" s="12"/>
    </row>
    <row r="330945" spans="8:8">
      <c r="H330945" s="12"/>
    </row>
    <row r="330946" spans="8:8">
      <c r="H330946" s="12"/>
    </row>
    <row r="330947" spans="8:8">
      <c r="H330947" s="12"/>
    </row>
    <row r="330948" spans="8:8">
      <c r="H330948" s="12"/>
    </row>
    <row r="330949" spans="8:8">
      <c r="H330949" s="12"/>
    </row>
    <row r="330950" spans="8:8">
      <c r="H330950" s="12"/>
    </row>
    <row r="330951" spans="8:8">
      <c r="H330951" s="12"/>
    </row>
    <row r="330952" spans="8:8">
      <c r="H330952" s="12"/>
    </row>
    <row r="330953" spans="8:8">
      <c r="H330953" s="12"/>
    </row>
    <row r="330954" spans="8:8">
      <c r="H330954" s="12"/>
    </row>
    <row r="330955" spans="8:8">
      <c r="H330955" s="12"/>
    </row>
    <row r="330956" spans="8:8">
      <c r="H330956" s="12"/>
    </row>
    <row r="330957" spans="8:8">
      <c r="H330957" s="12"/>
    </row>
    <row r="330958" spans="8:8">
      <c r="H330958" s="12"/>
    </row>
    <row r="330959" spans="8:8">
      <c r="H330959" s="12"/>
    </row>
    <row r="330960" spans="8:8">
      <c r="H330960" s="12"/>
    </row>
    <row r="330961" spans="8:8">
      <c r="H330961" s="12"/>
    </row>
    <row r="330962" spans="8:8">
      <c r="H330962" s="12"/>
    </row>
    <row r="330963" spans="8:8">
      <c r="H330963" s="12"/>
    </row>
    <row r="330964" spans="8:8">
      <c r="H330964" s="12"/>
    </row>
    <row r="330965" spans="8:8">
      <c r="H330965" s="12"/>
    </row>
    <row r="330966" spans="8:8">
      <c r="H330966" s="12"/>
    </row>
    <row r="330967" spans="8:8">
      <c r="H330967" s="12"/>
    </row>
    <row r="330968" spans="8:8">
      <c r="H330968" s="12"/>
    </row>
    <row r="330969" spans="8:8">
      <c r="H330969" s="12"/>
    </row>
    <row r="330970" spans="8:8">
      <c r="H330970" s="12"/>
    </row>
    <row r="330971" spans="8:8">
      <c r="H330971" s="12"/>
    </row>
    <row r="330972" spans="8:8">
      <c r="H330972" s="12"/>
    </row>
    <row r="330973" spans="8:8">
      <c r="H330973" s="12"/>
    </row>
    <row r="330974" spans="8:8">
      <c r="H330974" s="12"/>
    </row>
    <row r="330975" spans="8:8">
      <c r="H330975" s="12"/>
    </row>
    <row r="330976" spans="8:8">
      <c r="H330976" s="12"/>
    </row>
    <row r="330977" spans="8:8">
      <c r="H330977" s="12"/>
    </row>
    <row r="330978" spans="8:8">
      <c r="H330978" s="12"/>
    </row>
    <row r="330979" spans="8:8">
      <c r="H330979" s="12"/>
    </row>
    <row r="330980" spans="8:8">
      <c r="H330980" s="12"/>
    </row>
    <row r="330981" spans="8:8">
      <c r="H330981" s="12"/>
    </row>
    <row r="330982" spans="8:8">
      <c r="H330982" s="12"/>
    </row>
    <row r="330983" spans="8:8">
      <c r="H330983" s="12"/>
    </row>
    <row r="330984" spans="8:8">
      <c r="H330984" s="12"/>
    </row>
    <row r="330985" spans="8:8">
      <c r="H330985" s="12"/>
    </row>
    <row r="330986" spans="8:8">
      <c r="H330986" s="12"/>
    </row>
    <row r="330987" spans="8:8">
      <c r="H330987" s="12"/>
    </row>
    <row r="330988" spans="8:8">
      <c r="H330988" s="12"/>
    </row>
    <row r="330989" spans="8:8">
      <c r="H330989" s="12"/>
    </row>
    <row r="330990" spans="8:8">
      <c r="H330990" s="12"/>
    </row>
    <row r="330991" spans="8:8">
      <c r="H330991" s="12"/>
    </row>
    <row r="330992" spans="8:8">
      <c r="H330992" s="12"/>
    </row>
    <row r="330993" spans="8:8">
      <c r="H330993" s="12"/>
    </row>
    <row r="330994" spans="8:8">
      <c r="H330994" s="12"/>
    </row>
    <row r="330995" spans="8:8">
      <c r="H330995" s="12"/>
    </row>
    <row r="330996" spans="8:8">
      <c r="H330996" s="12"/>
    </row>
    <row r="330997" spans="8:8">
      <c r="H330997" s="12"/>
    </row>
    <row r="330998" spans="8:8">
      <c r="H330998" s="12"/>
    </row>
    <row r="330999" spans="8:8">
      <c r="H330999" s="12"/>
    </row>
    <row r="331000" spans="8:8">
      <c r="H331000" s="12"/>
    </row>
    <row r="331001" spans="8:8">
      <c r="H331001" s="12"/>
    </row>
    <row r="331002" spans="8:8">
      <c r="H331002" s="12"/>
    </row>
    <row r="331003" spans="8:8">
      <c r="H331003" s="12"/>
    </row>
    <row r="331004" spans="8:8">
      <c r="H331004" s="12"/>
    </row>
    <row r="331005" spans="8:8">
      <c r="H331005" s="12"/>
    </row>
    <row r="331006" spans="8:8">
      <c r="H331006" s="12"/>
    </row>
    <row r="331007" spans="8:8">
      <c r="H331007" s="12"/>
    </row>
    <row r="331008" spans="8:8">
      <c r="H331008" s="12"/>
    </row>
    <row r="331009" spans="8:8">
      <c r="H331009" s="12"/>
    </row>
    <row r="331010" spans="8:8">
      <c r="H331010" s="12"/>
    </row>
    <row r="331011" spans="8:8">
      <c r="H331011" s="12"/>
    </row>
    <row r="331012" spans="8:8">
      <c r="H331012" s="12"/>
    </row>
    <row r="331013" spans="8:8">
      <c r="H331013" s="12"/>
    </row>
    <row r="331014" spans="8:8">
      <c r="H331014" s="12"/>
    </row>
    <row r="331015" spans="8:8">
      <c r="H331015" s="12"/>
    </row>
    <row r="331016" spans="8:8">
      <c r="H331016" s="12"/>
    </row>
    <row r="331017" spans="8:8">
      <c r="H331017" s="12"/>
    </row>
    <row r="331018" spans="8:8">
      <c r="H331018" s="12"/>
    </row>
    <row r="331019" spans="8:8">
      <c r="H331019" s="12"/>
    </row>
    <row r="331020" spans="8:8">
      <c r="H331020" s="12"/>
    </row>
    <row r="331021" spans="8:8">
      <c r="H331021" s="12"/>
    </row>
    <row r="331022" spans="8:8">
      <c r="H331022" s="12"/>
    </row>
    <row r="331023" spans="8:8">
      <c r="H331023" s="12"/>
    </row>
    <row r="331024" spans="8:8">
      <c r="H331024" s="12"/>
    </row>
    <row r="331025" spans="8:8">
      <c r="H331025" s="12"/>
    </row>
    <row r="331026" spans="8:8">
      <c r="H331026" s="12"/>
    </row>
    <row r="331027" spans="8:8">
      <c r="H331027" s="12"/>
    </row>
    <row r="331028" spans="8:8">
      <c r="H331028" s="12"/>
    </row>
    <row r="331029" spans="8:8">
      <c r="H331029" s="12"/>
    </row>
    <row r="331030" spans="8:8">
      <c r="H331030" s="12"/>
    </row>
    <row r="331031" spans="8:8">
      <c r="H331031" s="12"/>
    </row>
    <row r="331032" spans="8:8">
      <c r="H331032" s="12"/>
    </row>
    <row r="331033" spans="8:8">
      <c r="H331033" s="12"/>
    </row>
    <row r="331034" spans="8:8">
      <c r="H331034" s="12"/>
    </row>
    <row r="331035" spans="8:8">
      <c r="H331035" s="12"/>
    </row>
    <row r="331036" spans="8:8">
      <c r="H331036" s="12"/>
    </row>
    <row r="331037" spans="8:8">
      <c r="H331037" s="12"/>
    </row>
    <row r="331038" spans="8:8">
      <c r="H331038" s="12"/>
    </row>
    <row r="331039" spans="8:8">
      <c r="H331039" s="12"/>
    </row>
    <row r="331040" spans="8:8">
      <c r="H331040" s="12"/>
    </row>
    <row r="331041" spans="8:8">
      <c r="H331041" s="12"/>
    </row>
    <row r="331042" spans="8:8">
      <c r="H331042" s="12"/>
    </row>
    <row r="331043" spans="8:8">
      <c r="H331043" s="12"/>
    </row>
    <row r="331044" spans="8:8">
      <c r="H331044" s="12"/>
    </row>
    <row r="331045" spans="8:8">
      <c r="H331045" s="12"/>
    </row>
    <row r="331046" spans="8:8">
      <c r="H331046" s="12"/>
    </row>
    <row r="331047" spans="8:8">
      <c r="H331047" s="12"/>
    </row>
    <row r="331048" spans="8:8">
      <c r="H331048" s="12"/>
    </row>
    <row r="331049" spans="8:8">
      <c r="H331049" s="12"/>
    </row>
    <row r="331050" spans="8:8">
      <c r="H331050" s="12"/>
    </row>
    <row r="331051" spans="8:8">
      <c r="H331051" s="12"/>
    </row>
    <row r="331052" spans="8:8">
      <c r="H331052" s="12"/>
    </row>
    <row r="331053" spans="8:8">
      <c r="H331053" s="12"/>
    </row>
    <row r="331054" spans="8:8">
      <c r="H331054" s="12"/>
    </row>
    <row r="331055" spans="8:8">
      <c r="H331055" s="12"/>
    </row>
    <row r="331056" spans="8:8">
      <c r="H331056" s="12"/>
    </row>
    <row r="331057" spans="8:8">
      <c r="H331057" s="12"/>
    </row>
    <row r="331058" spans="8:8">
      <c r="H331058" s="12"/>
    </row>
    <row r="331059" spans="8:8">
      <c r="H331059" s="12"/>
    </row>
    <row r="331060" spans="8:8">
      <c r="H331060" s="12"/>
    </row>
    <row r="331061" spans="8:8">
      <c r="H331061" s="12"/>
    </row>
    <row r="331062" spans="8:8">
      <c r="H331062" s="12"/>
    </row>
    <row r="331063" spans="8:8">
      <c r="H331063" s="12"/>
    </row>
    <row r="331064" spans="8:8">
      <c r="H331064" s="12"/>
    </row>
    <row r="331065" spans="8:8">
      <c r="H331065" s="12"/>
    </row>
    <row r="331066" spans="8:8">
      <c r="H331066" s="12"/>
    </row>
    <row r="331067" spans="8:8">
      <c r="H331067" s="12"/>
    </row>
    <row r="331068" spans="8:8">
      <c r="H331068" s="12"/>
    </row>
    <row r="331069" spans="8:8">
      <c r="H331069" s="12"/>
    </row>
    <row r="331070" spans="8:8">
      <c r="H331070" s="12"/>
    </row>
    <row r="331071" spans="8:8">
      <c r="H331071" s="12"/>
    </row>
    <row r="331072" spans="8:8">
      <c r="H331072" s="12"/>
    </row>
    <row r="331073" spans="8:8">
      <c r="H331073" s="12"/>
    </row>
    <row r="331074" spans="8:8">
      <c r="H331074" s="12"/>
    </row>
    <row r="331075" spans="8:8">
      <c r="H331075" s="12"/>
    </row>
    <row r="331076" spans="8:8">
      <c r="H331076" s="12"/>
    </row>
    <row r="331077" spans="8:8">
      <c r="H331077" s="12"/>
    </row>
    <row r="331078" spans="8:8">
      <c r="H331078" s="12"/>
    </row>
    <row r="331079" spans="8:8">
      <c r="H331079" s="12"/>
    </row>
    <row r="331080" spans="8:8">
      <c r="H331080" s="12"/>
    </row>
    <row r="331081" spans="8:8">
      <c r="H331081" s="12"/>
    </row>
    <row r="331082" spans="8:8">
      <c r="H331082" s="12"/>
    </row>
    <row r="331083" spans="8:8">
      <c r="H331083" s="12"/>
    </row>
    <row r="331084" spans="8:8">
      <c r="H331084" s="12"/>
    </row>
    <row r="331085" spans="8:8">
      <c r="H331085" s="12"/>
    </row>
    <row r="331086" spans="8:8">
      <c r="H331086" s="12"/>
    </row>
    <row r="331087" spans="8:8">
      <c r="H331087" s="12"/>
    </row>
    <row r="331088" spans="8:8">
      <c r="H331088" s="12"/>
    </row>
    <row r="331089" spans="8:8">
      <c r="H331089" s="12"/>
    </row>
    <row r="331090" spans="8:8">
      <c r="H331090" s="12"/>
    </row>
    <row r="331091" spans="8:8">
      <c r="H331091" s="12"/>
    </row>
    <row r="331092" spans="8:8">
      <c r="H331092" s="12"/>
    </row>
    <row r="331093" spans="8:8">
      <c r="H331093" s="12"/>
    </row>
    <row r="331094" spans="8:8">
      <c r="H331094" s="12"/>
    </row>
    <row r="331095" spans="8:8">
      <c r="H331095" s="12"/>
    </row>
    <row r="331096" spans="8:8">
      <c r="H331096" s="12"/>
    </row>
    <row r="331097" spans="8:8">
      <c r="H331097" s="12"/>
    </row>
    <row r="331098" spans="8:8">
      <c r="H331098" s="12"/>
    </row>
    <row r="331099" spans="8:8">
      <c r="H331099" s="12"/>
    </row>
    <row r="331100" spans="8:8">
      <c r="H331100" s="12"/>
    </row>
    <row r="331101" spans="8:8">
      <c r="H331101" s="12"/>
    </row>
    <row r="331102" spans="8:8">
      <c r="H331102" s="12"/>
    </row>
    <row r="331103" spans="8:8">
      <c r="H331103" s="12"/>
    </row>
    <row r="331104" spans="8:8">
      <c r="H331104" s="12"/>
    </row>
    <row r="331105" spans="8:8">
      <c r="H331105" s="12"/>
    </row>
    <row r="331106" spans="8:8">
      <c r="H331106" s="12"/>
    </row>
    <row r="331107" spans="8:8">
      <c r="H331107" s="12"/>
    </row>
    <row r="331108" spans="8:8">
      <c r="H331108" s="12"/>
    </row>
    <row r="331109" spans="8:8">
      <c r="H331109" s="12"/>
    </row>
    <row r="331110" spans="8:8">
      <c r="H331110" s="12"/>
    </row>
    <row r="331111" spans="8:8">
      <c r="H331111" s="12"/>
    </row>
    <row r="331112" spans="8:8">
      <c r="H331112" s="12"/>
    </row>
    <row r="331113" spans="8:8">
      <c r="H331113" s="12"/>
    </row>
    <row r="331114" spans="8:8">
      <c r="H331114" s="12"/>
    </row>
    <row r="331115" spans="8:8">
      <c r="H331115" s="12"/>
    </row>
    <row r="331116" spans="8:8">
      <c r="H331116" s="12"/>
    </row>
    <row r="331117" spans="8:8">
      <c r="H331117" s="12"/>
    </row>
    <row r="331118" spans="8:8">
      <c r="H331118" s="12"/>
    </row>
    <row r="331119" spans="8:8">
      <c r="H331119" s="12"/>
    </row>
    <row r="331120" spans="8:8">
      <c r="H331120" s="12"/>
    </row>
    <row r="331121" spans="8:8">
      <c r="H331121" s="12"/>
    </row>
    <row r="331122" spans="8:8">
      <c r="H331122" s="12"/>
    </row>
    <row r="331123" spans="8:8">
      <c r="H331123" s="12"/>
    </row>
    <row r="331124" spans="8:8">
      <c r="H331124" s="12"/>
    </row>
    <row r="331125" spans="8:8">
      <c r="H331125" s="12"/>
    </row>
    <row r="331126" spans="8:8">
      <c r="H331126" s="12"/>
    </row>
    <row r="331127" spans="8:8">
      <c r="H331127" s="12"/>
    </row>
    <row r="331128" spans="8:8">
      <c r="H331128" s="12"/>
    </row>
    <row r="331129" spans="8:8">
      <c r="H331129" s="12"/>
    </row>
    <row r="331130" spans="8:8">
      <c r="H331130" s="12"/>
    </row>
    <row r="331131" spans="8:8">
      <c r="H331131" s="12"/>
    </row>
    <row r="331132" spans="8:8">
      <c r="H331132" s="12"/>
    </row>
    <row r="331133" spans="8:8">
      <c r="H331133" s="12"/>
    </row>
    <row r="331134" spans="8:8">
      <c r="H331134" s="12"/>
    </row>
    <row r="331135" spans="8:8">
      <c r="H331135" s="12"/>
    </row>
    <row r="331136" spans="8:8">
      <c r="H331136" s="12"/>
    </row>
    <row r="331137" spans="8:8">
      <c r="H331137" s="12"/>
    </row>
    <row r="331138" spans="8:8">
      <c r="H331138" s="12"/>
    </row>
    <row r="331139" spans="8:8">
      <c r="H331139" s="12"/>
    </row>
    <row r="331140" spans="8:8">
      <c r="H331140" s="12"/>
    </row>
    <row r="331141" spans="8:8">
      <c r="H331141" s="12"/>
    </row>
    <row r="331142" spans="8:8">
      <c r="H331142" s="12"/>
    </row>
    <row r="331143" spans="8:8">
      <c r="H331143" s="12"/>
    </row>
    <row r="331144" spans="8:8">
      <c r="H331144" s="12"/>
    </row>
    <row r="331145" spans="8:8">
      <c r="H331145" s="12"/>
    </row>
    <row r="331146" spans="8:8">
      <c r="H331146" s="12"/>
    </row>
    <row r="331147" spans="8:8">
      <c r="H331147" s="12"/>
    </row>
    <row r="331148" spans="8:8">
      <c r="H331148" s="12"/>
    </row>
    <row r="331149" spans="8:8">
      <c r="H331149" s="12"/>
    </row>
    <row r="331150" spans="8:8">
      <c r="H331150" s="12"/>
    </row>
    <row r="331151" spans="8:8">
      <c r="H331151" s="12"/>
    </row>
    <row r="331152" spans="8:8">
      <c r="H331152" s="12"/>
    </row>
    <row r="331153" spans="8:8">
      <c r="H331153" s="12"/>
    </row>
    <row r="331154" spans="8:8">
      <c r="H331154" s="12"/>
    </row>
    <row r="331155" spans="8:8">
      <c r="H331155" s="12"/>
    </row>
    <row r="331156" spans="8:8">
      <c r="H331156" s="12"/>
    </row>
    <row r="331157" spans="8:8">
      <c r="H331157" s="12"/>
    </row>
    <row r="331158" spans="8:8">
      <c r="H331158" s="12"/>
    </row>
    <row r="331159" spans="8:8">
      <c r="H331159" s="12"/>
    </row>
    <row r="331160" spans="8:8">
      <c r="H331160" s="12"/>
    </row>
    <row r="331161" spans="8:8">
      <c r="H331161" s="12"/>
    </row>
    <row r="331162" spans="8:8">
      <c r="H331162" s="12"/>
    </row>
    <row r="331163" spans="8:8">
      <c r="H331163" s="12"/>
    </row>
    <row r="331164" spans="8:8">
      <c r="H331164" s="12"/>
    </row>
    <row r="331165" spans="8:8">
      <c r="H331165" s="12"/>
    </row>
    <row r="331166" spans="8:8">
      <c r="H331166" s="12"/>
    </row>
    <row r="331167" spans="8:8">
      <c r="H331167" s="12"/>
    </row>
    <row r="331168" spans="8:8">
      <c r="H331168" s="12"/>
    </row>
    <row r="331169" spans="8:8">
      <c r="H331169" s="12"/>
    </row>
    <row r="331170" spans="8:8">
      <c r="H331170" s="12"/>
    </row>
    <row r="331171" spans="8:8">
      <c r="H331171" s="12"/>
    </row>
    <row r="331172" spans="8:8">
      <c r="H331172" s="12"/>
    </row>
    <row r="331173" spans="8:8">
      <c r="H331173" s="12"/>
    </row>
    <row r="331174" spans="8:8">
      <c r="H331174" s="12"/>
    </row>
    <row r="331175" spans="8:8">
      <c r="H331175" s="12"/>
    </row>
    <row r="331176" spans="8:8">
      <c r="H331176" s="12"/>
    </row>
    <row r="331177" spans="8:8">
      <c r="H331177" s="12"/>
    </row>
    <row r="331178" spans="8:8">
      <c r="H331178" s="12"/>
    </row>
    <row r="331179" spans="8:8">
      <c r="H331179" s="12"/>
    </row>
    <row r="331180" spans="8:8">
      <c r="H331180" s="12"/>
    </row>
    <row r="331181" spans="8:8">
      <c r="H331181" s="12"/>
    </row>
    <row r="331182" spans="8:8">
      <c r="H331182" s="12"/>
    </row>
    <row r="331183" spans="8:8">
      <c r="H331183" s="12"/>
    </row>
    <row r="331184" spans="8:8">
      <c r="H331184" s="12"/>
    </row>
    <row r="331185" spans="8:8">
      <c r="H331185" s="12"/>
    </row>
    <row r="331186" spans="8:8">
      <c r="H331186" s="12"/>
    </row>
    <row r="331187" spans="8:8">
      <c r="H331187" s="12"/>
    </row>
    <row r="331188" spans="8:8">
      <c r="H331188" s="12"/>
    </row>
    <row r="331189" spans="8:8">
      <c r="H331189" s="12"/>
    </row>
    <row r="331190" spans="8:8">
      <c r="H331190" s="12"/>
    </row>
    <row r="331191" spans="8:8">
      <c r="H331191" s="12"/>
    </row>
    <row r="331192" spans="8:8">
      <c r="H331192" s="12"/>
    </row>
    <row r="331193" spans="8:8">
      <c r="H331193" s="12"/>
    </row>
    <row r="331194" spans="8:8">
      <c r="H331194" s="12"/>
    </row>
    <row r="331195" spans="8:8">
      <c r="H331195" s="12"/>
    </row>
    <row r="331196" spans="8:8">
      <c r="H331196" s="12"/>
    </row>
    <row r="331197" spans="8:8">
      <c r="H331197" s="12"/>
    </row>
    <row r="331198" spans="8:8">
      <c r="H331198" s="12"/>
    </row>
    <row r="331199" spans="8:8">
      <c r="H331199" s="12"/>
    </row>
    <row r="331200" spans="8:8">
      <c r="H331200" s="12"/>
    </row>
    <row r="331201" spans="8:8">
      <c r="H331201" s="12"/>
    </row>
    <row r="331202" spans="8:8">
      <c r="H331202" s="12"/>
    </row>
    <row r="331203" spans="8:8">
      <c r="H331203" s="12"/>
    </row>
    <row r="331204" spans="8:8">
      <c r="H331204" s="12"/>
    </row>
    <row r="331205" spans="8:8">
      <c r="H331205" s="12"/>
    </row>
    <row r="331206" spans="8:8">
      <c r="H331206" s="12"/>
    </row>
    <row r="331207" spans="8:8">
      <c r="H331207" s="12"/>
    </row>
    <row r="331208" spans="8:8">
      <c r="H331208" s="12"/>
    </row>
    <row r="331209" spans="8:8">
      <c r="H331209" s="12"/>
    </row>
    <row r="331210" spans="8:8">
      <c r="H331210" s="12"/>
    </row>
    <row r="331211" spans="8:8">
      <c r="H331211" s="12"/>
    </row>
    <row r="331212" spans="8:8">
      <c r="H331212" s="12"/>
    </row>
    <row r="331213" spans="8:8">
      <c r="H331213" s="12"/>
    </row>
    <row r="331214" spans="8:8">
      <c r="H331214" s="12"/>
    </row>
    <row r="331215" spans="8:8">
      <c r="H331215" s="12"/>
    </row>
    <row r="331216" spans="8:8">
      <c r="H331216" s="12"/>
    </row>
    <row r="331217" spans="8:8">
      <c r="H331217" s="12"/>
    </row>
    <row r="331218" spans="8:8">
      <c r="H331218" s="12"/>
    </row>
    <row r="331219" spans="8:8">
      <c r="H331219" s="12"/>
    </row>
    <row r="331220" spans="8:8">
      <c r="H331220" s="12"/>
    </row>
    <row r="331221" spans="8:8">
      <c r="H331221" s="12"/>
    </row>
    <row r="331222" spans="8:8">
      <c r="H331222" s="12"/>
    </row>
    <row r="331223" spans="8:8">
      <c r="H331223" s="12"/>
    </row>
    <row r="331224" spans="8:8">
      <c r="H331224" s="12"/>
    </row>
    <row r="331225" spans="8:8">
      <c r="H331225" s="12"/>
    </row>
    <row r="331226" spans="8:8">
      <c r="H331226" s="12"/>
    </row>
    <row r="331227" spans="8:8">
      <c r="H331227" s="12"/>
    </row>
    <row r="331228" spans="8:8">
      <c r="H331228" s="12"/>
    </row>
    <row r="331229" spans="8:8">
      <c r="H331229" s="12"/>
    </row>
    <row r="331230" spans="8:8">
      <c r="H331230" s="12"/>
    </row>
    <row r="331231" spans="8:8">
      <c r="H331231" s="12"/>
    </row>
    <row r="331232" spans="8:8">
      <c r="H331232" s="12"/>
    </row>
    <row r="331233" spans="8:8">
      <c r="H331233" s="12"/>
    </row>
    <row r="331234" spans="8:8">
      <c r="H331234" s="12"/>
    </row>
    <row r="331235" spans="8:8">
      <c r="H331235" s="12"/>
    </row>
    <row r="331236" spans="8:8">
      <c r="H331236" s="12"/>
    </row>
    <row r="331237" spans="8:8">
      <c r="H331237" s="12"/>
    </row>
    <row r="331238" spans="8:8">
      <c r="H331238" s="12"/>
    </row>
    <row r="331239" spans="8:8">
      <c r="H331239" s="12"/>
    </row>
    <row r="331240" spans="8:8">
      <c r="H331240" s="12"/>
    </row>
    <row r="331241" spans="8:8">
      <c r="H331241" s="12"/>
    </row>
    <row r="331242" spans="8:8">
      <c r="H331242" s="12"/>
    </row>
    <row r="331243" spans="8:8">
      <c r="H331243" s="12"/>
    </row>
    <row r="331244" spans="8:8">
      <c r="H331244" s="12"/>
    </row>
    <row r="331245" spans="8:8">
      <c r="H331245" s="12"/>
    </row>
    <row r="331246" spans="8:8">
      <c r="H331246" s="12"/>
    </row>
    <row r="331247" spans="8:8">
      <c r="H331247" s="12"/>
    </row>
    <row r="331248" spans="8:8">
      <c r="H331248" s="12"/>
    </row>
    <row r="331249" spans="8:8">
      <c r="H331249" s="12"/>
    </row>
    <row r="331250" spans="8:8">
      <c r="H331250" s="12"/>
    </row>
    <row r="331251" spans="8:8">
      <c r="H331251" s="12"/>
    </row>
    <row r="331252" spans="8:8">
      <c r="H331252" s="12"/>
    </row>
    <row r="331253" spans="8:8">
      <c r="H331253" s="12"/>
    </row>
    <row r="331254" spans="8:8">
      <c r="H331254" s="12"/>
    </row>
    <row r="331255" spans="8:8">
      <c r="H331255" s="12"/>
    </row>
    <row r="331256" spans="8:8">
      <c r="H331256" s="12"/>
    </row>
    <row r="331257" spans="8:8">
      <c r="H331257" s="12"/>
    </row>
    <row r="331258" spans="8:8">
      <c r="H331258" s="12"/>
    </row>
    <row r="331259" spans="8:8">
      <c r="H331259" s="12"/>
    </row>
    <row r="331260" spans="8:8">
      <c r="H331260" s="12"/>
    </row>
    <row r="331261" spans="8:8">
      <c r="H331261" s="12"/>
    </row>
    <row r="331262" spans="8:8">
      <c r="H331262" s="12"/>
    </row>
    <row r="331263" spans="8:8">
      <c r="H331263" s="12"/>
    </row>
    <row r="331264" spans="8:8">
      <c r="H331264" s="12"/>
    </row>
    <row r="331265" spans="8:8">
      <c r="H331265" s="12"/>
    </row>
    <row r="331266" spans="8:8">
      <c r="H331266" s="12"/>
    </row>
    <row r="331267" spans="8:8">
      <c r="H331267" s="12"/>
    </row>
    <row r="331268" spans="8:8">
      <c r="H331268" s="12"/>
    </row>
    <row r="331269" spans="8:8">
      <c r="H331269" s="12"/>
    </row>
    <row r="331270" spans="8:8">
      <c r="H331270" s="12"/>
    </row>
    <row r="331271" spans="8:8">
      <c r="H331271" s="12"/>
    </row>
    <row r="331272" spans="8:8">
      <c r="H331272" s="12"/>
    </row>
    <row r="331273" spans="8:8">
      <c r="H331273" s="12"/>
    </row>
    <row r="331274" spans="8:8">
      <c r="H331274" s="12"/>
    </row>
    <row r="331275" spans="8:8">
      <c r="H331275" s="12"/>
    </row>
    <row r="331276" spans="8:8">
      <c r="H331276" s="12"/>
    </row>
    <row r="331277" spans="8:8">
      <c r="H331277" s="12"/>
    </row>
    <row r="331278" spans="8:8">
      <c r="H331278" s="12"/>
    </row>
    <row r="331279" spans="8:8">
      <c r="H331279" s="12"/>
    </row>
    <row r="331280" spans="8:8">
      <c r="H331280" s="12"/>
    </row>
    <row r="331281" spans="8:8">
      <c r="H331281" s="12"/>
    </row>
    <row r="331282" spans="8:8">
      <c r="H331282" s="12"/>
    </row>
    <row r="331283" spans="8:8">
      <c r="H331283" s="12"/>
    </row>
    <row r="331284" spans="8:8">
      <c r="H331284" s="12"/>
    </row>
    <row r="331285" spans="8:8">
      <c r="H331285" s="12"/>
    </row>
    <row r="331286" spans="8:8">
      <c r="H331286" s="12"/>
    </row>
    <row r="331287" spans="8:8">
      <c r="H331287" s="12"/>
    </row>
    <row r="331288" spans="8:8">
      <c r="H331288" s="12"/>
    </row>
    <row r="331289" spans="8:8">
      <c r="H331289" s="12"/>
    </row>
    <row r="331290" spans="8:8">
      <c r="H331290" s="12"/>
    </row>
    <row r="331291" spans="8:8">
      <c r="H331291" s="12"/>
    </row>
    <row r="331292" spans="8:8">
      <c r="H331292" s="12"/>
    </row>
    <row r="331293" spans="8:8">
      <c r="H331293" s="12"/>
    </row>
    <row r="331294" spans="8:8">
      <c r="H331294" s="12"/>
    </row>
    <row r="331295" spans="8:8">
      <c r="H331295" s="12"/>
    </row>
    <row r="331296" spans="8:8">
      <c r="H331296" s="12"/>
    </row>
    <row r="331297" spans="8:8">
      <c r="H331297" s="12"/>
    </row>
    <row r="331298" spans="8:8">
      <c r="H331298" s="12"/>
    </row>
    <row r="331299" spans="8:8">
      <c r="H331299" s="12"/>
    </row>
    <row r="331300" spans="8:8">
      <c r="H331300" s="12"/>
    </row>
    <row r="331301" spans="8:8">
      <c r="H331301" s="12"/>
    </row>
    <row r="331302" spans="8:8">
      <c r="H331302" s="12"/>
    </row>
    <row r="331303" spans="8:8">
      <c r="H331303" s="12"/>
    </row>
    <row r="331304" spans="8:8">
      <c r="H331304" s="12"/>
    </row>
    <row r="331305" spans="8:8">
      <c r="H331305" s="12"/>
    </row>
    <row r="331306" spans="8:8">
      <c r="H331306" s="12"/>
    </row>
    <row r="331307" spans="8:8">
      <c r="H331307" s="12"/>
    </row>
    <row r="331308" spans="8:8">
      <c r="H331308" s="12"/>
    </row>
    <row r="331309" spans="8:8">
      <c r="H331309" s="12"/>
    </row>
    <row r="331310" spans="8:8">
      <c r="H331310" s="12"/>
    </row>
    <row r="331311" spans="8:8">
      <c r="H331311" s="12"/>
    </row>
    <row r="331312" spans="8:8">
      <c r="H331312" s="12"/>
    </row>
    <row r="331313" spans="8:8">
      <c r="H331313" s="12"/>
    </row>
    <row r="331314" spans="8:8">
      <c r="H331314" s="12"/>
    </row>
    <row r="331315" spans="8:8">
      <c r="H331315" s="12"/>
    </row>
    <row r="331316" spans="8:8">
      <c r="H331316" s="12"/>
    </row>
    <row r="331317" spans="8:8">
      <c r="H331317" s="12"/>
    </row>
    <row r="331318" spans="8:8">
      <c r="H331318" s="12"/>
    </row>
    <row r="331319" spans="8:8">
      <c r="H331319" s="12"/>
    </row>
    <row r="331320" spans="8:8">
      <c r="H331320" s="12"/>
    </row>
    <row r="331321" spans="8:8">
      <c r="H331321" s="12"/>
    </row>
    <row r="331322" spans="8:8">
      <c r="H331322" s="12"/>
    </row>
    <row r="331323" spans="8:8">
      <c r="H331323" s="12"/>
    </row>
    <row r="331324" spans="8:8">
      <c r="H331324" s="12"/>
    </row>
    <row r="331325" spans="8:8">
      <c r="H331325" s="12"/>
    </row>
    <row r="331326" spans="8:8">
      <c r="H331326" s="12"/>
    </row>
    <row r="331327" spans="8:8">
      <c r="H331327" s="12"/>
    </row>
    <row r="331328" spans="8:8">
      <c r="H331328" s="12"/>
    </row>
    <row r="331329" spans="8:8">
      <c r="H331329" s="12"/>
    </row>
    <row r="331330" spans="8:8">
      <c r="H331330" s="12"/>
    </row>
    <row r="331331" spans="8:8">
      <c r="H331331" s="12"/>
    </row>
    <row r="331332" spans="8:8">
      <c r="H331332" s="12"/>
    </row>
    <row r="331333" spans="8:8">
      <c r="H331333" s="12"/>
    </row>
    <row r="331334" spans="8:8">
      <c r="H331334" s="12"/>
    </row>
    <row r="331335" spans="8:8">
      <c r="H331335" s="12"/>
    </row>
    <row r="331336" spans="8:8">
      <c r="H331336" s="12"/>
    </row>
    <row r="331337" spans="8:8">
      <c r="H331337" s="12"/>
    </row>
    <row r="331338" spans="8:8">
      <c r="H331338" s="12"/>
    </row>
    <row r="331339" spans="8:8">
      <c r="H331339" s="12"/>
    </row>
    <row r="331340" spans="8:8">
      <c r="H331340" s="12"/>
    </row>
    <row r="331341" spans="8:8">
      <c r="H331341" s="12"/>
    </row>
    <row r="331342" spans="8:8">
      <c r="H331342" s="12"/>
    </row>
    <row r="331343" spans="8:8">
      <c r="H331343" s="12"/>
    </row>
    <row r="331344" spans="8:8">
      <c r="H331344" s="12"/>
    </row>
    <row r="331345" spans="8:8">
      <c r="H331345" s="12"/>
    </row>
    <row r="331346" spans="8:8">
      <c r="H331346" s="12"/>
    </row>
    <row r="331347" spans="8:8">
      <c r="H331347" s="12"/>
    </row>
    <row r="331348" spans="8:8">
      <c r="H331348" s="12"/>
    </row>
    <row r="331349" spans="8:8">
      <c r="H331349" s="12"/>
    </row>
    <row r="331350" spans="8:8">
      <c r="H331350" s="12"/>
    </row>
    <row r="331351" spans="8:8">
      <c r="H331351" s="12"/>
    </row>
    <row r="331352" spans="8:8">
      <c r="H331352" s="12"/>
    </row>
    <row r="331353" spans="8:8">
      <c r="H331353" s="12"/>
    </row>
    <row r="331354" spans="8:8">
      <c r="H331354" s="12"/>
    </row>
    <row r="331355" spans="8:8">
      <c r="H331355" s="12"/>
    </row>
    <row r="331356" spans="8:8">
      <c r="H331356" s="12"/>
    </row>
    <row r="331357" spans="8:8">
      <c r="H331357" s="12"/>
    </row>
    <row r="331358" spans="8:8">
      <c r="H331358" s="12"/>
    </row>
    <row r="331359" spans="8:8">
      <c r="H331359" s="12"/>
    </row>
    <row r="331360" spans="8:8">
      <c r="H331360" s="12"/>
    </row>
    <row r="331361" spans="8:8">
      <c r="H331361" s="12"/>
    </row>
    <row r="331362" spans="8:8">
      <c r="H331362" s="12"/>
    </row>
    <row r="331363" spans="8:8">
      <c r="H331363" s="12"/>
    </row>
    <row r="331364" spans="8:8">
      <c r="H331364" s="12"/>
    </row>
    <row r="331365" spans="8:8">
      <c r="H331365" s="12"/>
    </row>
    <row r="331366" spans="8:8">
      <c r="H331366" s="12"/>
    </row>
    <row r="331367" spans="8:8">
      <c r="H331367" s="12"/>
    </row>
    <row r="331368" spans="8:8">
      <c r="H331368" s="12"/>
    </row>
    <row r="331369" spans="8:8">
      <c r="H331369" s="12"/>
    </row>
    <row r="331370" spans="8:8">
      <c r="H331370" s="12"/>
    </row>
    <row r="331371" spans="8:8">
      <c r="H331371" s="12"/>
    </row>
    <row r="331372" spans="8:8">
      <c r="H331372" s="12"/>
    </row>
    <row r="331373" spans="8:8">
      <c r="H331373" s="12"/>
    </row>
    <row r="331374" spans="8:8">
      <c r="H331374" s="12"/>
    </row>
    <row r="331375" spans="8:8">
      <c r="H331375" s="12"/>
    </row>
    <row r="331376" spans="8:8">
      <c r="H331376" s="12"/>
    </row>
    <row r="331377" spans="8:8">
      <c r="H331377" s="12"/>
    </row>
    <row r="331378" spans="8:8">
      <c r="H331378" s="12"/>
    </row>
    <row r="331379" spans="8:8">
      <c r="H331379" s="12"/>
    </row>
    <row r="331380" spans="8:8">
      <c r="H331380" s="12"/>
    </row>
    <row r="331381" spans="8:8">
      <c r="H331381" s="12"/>
    </row>
    <row r="331382" spans="8:8">
      <c r="H331382" s="12"/>
    </row>
    <row r="331383" spans="8:8">
      <c r="H331383" s="12"/>
    </row>
    <row r="331384" spans="8:8">
      <c r="H331384" s="12"/>
    </row>
    <row r="331385" spans="8:8">
      <c r="H331385" s="12"/>
    </row>
    <row r="331386" spans="8:8">
      <c r="H331386" s="12"/>
    </row>
    <row r="331387" spans="8:8">
      <c r="H331387" s="12"/>
    </row>
    <row r="331388" spans="8:8">
      <c r="H331388" s="12"/>
    </row>
    <row r="331389" spans="8:8">
      <c r="H331389" s="12"/>
    </row>
    <row r="331390" spans="8:8">
      <c r="H331390" s="12"/>
    </row>
    <row r="331391" spans="8:8">
      <c r="H331391" s="12"/>
    </row>
    <row r="331392" spans="8:8">
      <c r="H331392" s="12"/>
    </row>
    <row r="331393" spans="8:8">
      <c r="H331393" s="12"/>
    </row>
    <row r="331394" spans="8:8">
      <c r="H331394" s="12"/>
    </row>
    <row r="331395" spans="8:8">
      <c r="H331395" s="12"/>
    </row>
    <row r="331396" spans="8:8">
      <c r="H331396" s="12"/>
    </row>
    <row r="331397" spans="8:8">
      <c r="H331397" s="12"/>
    </row>
    <row r="331398" spans="8:8">
      <c r="H331398" s="12"/>
    </row>
    <row r="331399" spans="8:8">
      <c r="H331399" s="12"/>
    </row>
    <row r="331400" spans="8:8">
      <c r="H331400" s="12"/>
    </row>
    <row r="331401" spans="8:8">
      <c r="H331401" s="12"/>
    </row>
    <row r="331402" spans="8:8">
      <c r="H331402" s="12"/>
    </row>
    <row r="331403" spans="8:8">
      <c r="H331403" s="12"/>
    </row>
    <row r="331404" spans="8:8">
      <c r="H331404" s="12"/>
    </row>
    <row r="331405" spans="8:8">
      <c r="H331405" s="12"/>
    </row>
    <row r="331406" spans="8:8">
      <c r="H331406" s="12"/>
    </row>
    <row r="331407" spans="8:8">
      <c r="H331407" s="12"/>
    </row>
    <row r="331408" spans="8:8">
      <c r="H331408" s="12"/>
    </row>
    <row r="331409" spans="8:8">
      <c r="H331409" s="12"/>
    </row>
    <row r="331410" spans="8:8">
      <c r="H331410" s="12"/>
    </row>
    <row r="331411" spans="8:8">
      <c r="H331411" s="12"/>
    </row>
    <row r="331412" spans="8:8">
      <c r="H331412" s="12"/>
    </row>
    <row r="331413" spans="8:8">
      <c r="H331413" s="12"/>
    </row>
    <row r="331414" spans="8:8">
      <c r="H331414" s="12"/>
    </row>
    <row r="331415" spans="8:8">
      <c r="H331415" s="12"/>
    </row>
    <row r="331416" spans="8:8">
      <c r="H331416" s="12"/>
    </row>
    <row r="331417" spans="8:8">
      <c r="H331417" s="12"/>
    </row>
    <row r="331418" spans="8:8">
      <c r="H331418" s="12"/>
    </row>
    <row r="331419" spans="8:8">
      <c r="H331419" s="12"/>
    </row>
    <row r="331420" spans="8:8">
      <c r="H331420" s="12"/>
    </row>
    <row r="331421" spans="8:8">
      <c r="H331421" s="12"/>
    </row>
    <row r="331422" spans="8:8">
      <c r="H331422" s="12"/>
    </row>
    <row r="331423" spans="8:8">
      <c r="H331423" s="12"/>
    </row>
    <row r="331424" spans="8:8">
      <c r="H331424" s="12"/>
    </row>
    <row r="331425" spans="8:8">
      <c r="H331425" s="12"/>
    </row>
    <row r="331426" spans="8:8">
      <c r="H331426" s="12"/>
    </row>
    <row r="331427" spans="8:8">
      <c r="H331427" s="12"/>
    </row>
    <row r="331428" spans="8:8">
      <c r="H331428" s="12"/>
    </row>
    <row r="331429" spans="8:8">
      <c r="H331429" s="12"/>
    </row>
    <row r="331430" spans="8:8">
      <c r="H331430" s="12"/>
    </row>
    <row r="331431" spans="8:8">
      <c r="H331431" s="12"/>
    </row>
    <row r="331432" spans="8:8">
      <c r="H331432" s="12"/>
    </row>
    <row r="331433" spans="8:8">
      <c r="H331433" s="12"/>
    </row>
    <row r="331434" spans="8:8">
      <c r="H331434" s="12"/>
    </row>
    <row r="331435" spans="8:8">
      <c r="H331435" s="12"/>
    </row>
    <row r="331436" spans="8:8">
      <c r="H331436" s="12"/>
    </row>
    <row r="331437" spans="8:8">
      <c r="H331437" s="12"/>
    </row>
    <row r="331438" spans="8:8">
      <c r="H331438" s="12"/>
    </row>
    <row r="331439" spans="8:8">
      <c r="H331439" s="12"/>
    </row>
    <row r="331440" spans="8:8">
      <c r="H331440" s="12"/>
    </row>
    <row r="331441" spans="8:8">
      <c r="H331441" s="12"/>
    </row>
    <row r="331442" spans="8:8">
      <c r="H331442" s="12"/>
    </row>
    <row r="331443" spans="8:8">
      <c r="H331443" s="12"/>
    </row>
    <row r="331444" spans="8:8">
      <c r="H331444" s="12"/>
    </row>
    <row r="331445" spans="8:8">
      <c r="H331445" s="12"/>
    </row>
    <row r="331446" spans="8:8">
      <c r="H331446" s="12"/>
    </row>
    <row r="331447" spans="8:8">
      <c r="H331447" s="12"/>
    </row>
    <row r="331448" spans="8:8">
      <c r="H331448" s="12"/>
    </row>
    <row r="331449" spans="8:8">
      <c r="H331449" s="12"/>
    </row>
    <row r="331450" spans="8:8">
      <c r="H331450" s="12"/>
    </row>
    <row r="331451" spans="8:8">
      <c r="H331451" s="12"/>
    </row>
    <row r="331452" spans="8:8">
      <c r="H331452" s="12"/>
    </row>
    <row r="331453" spans="8:8">
      <c r="H331453" s="12"/>
    </row>
    <row r="331454" spans="8:8">
      <c r="H331454" s="12"/>
    </row>
    <row r="331455" spans="8:8">
      <c r="H331455" s="12"/>
    </row>
    <row r="331456" spans="8:8">
      <c r="H331456" s="12"/>
    </row>
    <row r="331457" spans="8:8">
      <c r="H331457" s="12"/>
    </row>
    <row r="331458" spans="8:8">
      <c r="H331458" s="12"/>
    </row>
    <row r="331459" spans="8:8">
      <c r="H331459" s="12"/>
    </row>
    <row r="331460" spans="8:8">
      <c r="H331460" s="12"/>
    </row>
    <row r="331461" spans="8:8">
      <c r="H331461" s="12"/>
    </row>
    <row r="331462" spans="8:8">
      <c r="H331462" s="12"/>
    </row>
    <row r="331463" spans="8:8">
      <c r="H331463" s="12"/>
    </row>
    <row r="331464" spans="8:8">
      <c r="H331464" s="12"/>
    </row>
    <row r="331465" spans="8:8">
      <c r="H331465" s="12"/>
    </row>
    <row r="331466" spans="8:8">
      <c r="H331466" s="12"/>
    </row>
    <row r="331467" spans="8:8">
      <c r="H331467" s="12"/>
    </row>
    <row r="331468" spans="8:8">
      <c r="H331468" s="12"/>
    </row>
    <row r="331469" spans="8:8">
      <c r="H331469" s="12"/>
    </row>
    <row r="331470" spans="8:8">
      <c r="H331470" s="12"/>
    </row>
    <row r="331471" spans="8:8">
      <c r="H331471" s="12"/>
    </row>
    <row r="331472" spans="8:8">
      <c r="H331472" s="12"/>
    </row>
    <row r="331473" spans="8:8">
      <c r="H331473" s="12"/>
    </row>
    <row r="331474" spans="8:8">
      <c r="H331474" s="12"/>
    </row>
    <row r="331475" spans="8:8">
      <c r="H331475" s="12"/>
    </row>
    <row r="331476" spans="8:8">
      <c r="H331476" s="12"/>
    </row>
    <row r="331477" spans="8:8">
      <c r="H331477" s="12"/>
    </row>
    <row r="331478" spans="8:8">
      <c r="H331478" s="12"/>
    </row>
    <row r="331479" spans="8:8">
      <c r="H331479" s="12"/>
    </row>
    <row r="331480" spans="8:8">
      <c r="H331480" s="12"/>
    </row>
    <row r="331481" spans="8:8">
      <c r="H331481" s="12"/>
    </row>
    <row r="331482" spans="8:8">
      <c r="H331482" s="12"/>
    </row>
    <row r="331483" spans="8:8">
      <c r="H331483" s="12"/>
    </row>
    <row r="331484" spans="8:8">
      <c r="H331484" s="12"/>
    </row>
    <row r="331485" spans="8:8">
      <c r="H331485" s="12"/>
    </row>
    <row r="331486" spans="8:8">
      <c r="H331486" s="12"/>
    </row>
    <row r="331487" spans="8:8">
      <c r="H331487" s="12"/>
    </row>
    <row r="331488" spans="8:8">
      <c r="H331488" s="12"/>
    </row>
    <row r="331489" spans="8:8">
      <c r="H331489" s="12"/>
    </row>
    <row r="331490" spans="8:8">
      <c r="H331490" s="12"/>
    </row>
    <row r="331491" spans="8:8">
      <c r="H331491" s="12"/>
    </row>
    <row r="331492" spans="8:8">
      <c r="H331492" s="12"/>
    </row>
    <row r="331493" spans="8:8">
      <c r="H331493" s="12"/>
    </row>
    <row r="331494" spans="8:8">
      <c r="H331494" s="12"/>
    </row>
    <row r="331495" spans="8:8">
      <c r="H331495" s="12"/>
    </row>
    <row r="331496" spans="8:8">
      <c r="H331496" s="12"/>
    </row>
    <row r="331497" spans="8:8">
      <c r="H331497" s="12"/>
    </row>
    <row r="331498" spans="8:8">
      <c r="H331498" s="12"/>
    </row>
    <row r="331499" spans="8:8">
      <c r="H331499" s="12"/>
    </row>
    <row r="331500" spans="8:8">
      <c r="H331500" s="12"/>
    </row>
    <row r="331501" spans="8:8">
      <c r="H331501" s="12"/>
    </row>
    <row r="331502" spans="8:8">
      <c r="H331502" s="12"/>
    </row>
    <row r="331503" spans="8:8">
      <c r="H331503" s="12"/>
    </row>
    <row r="331504" spans="8:8">
      <c r="H331504" s="12"/>
    </row>
    <row r="331505" spans="8:8">
      <c r="H331505" s="12"/>
    </row>
    <row r="331506" spans="8:8">
      <c r="H331506" s="12"/>
    </row>
    <row r="331507" spans="8:8">
      <c r="H331507" s="12"/>
    </row>
    <row r="331508" spans="8:8">
      <c r="H331508" s="12"/>
    </row>
    <row r="331509" spans="8:8">
      <c r="H331509" s="12"/>
    </row>
    <row r="331510" spans="8:8">
      <c r="H331510" s="12"/>
    </row>
    <row r="331511" spans="8:8">
      <c r="H331511" s="12"/>
    </row>
    <row r="331512" spans="8:8">
      <c r="H331512" s="12"/>
    </row>
    <row r="331513" spans="8:8">
      <c r="H331513" s="12"/>
    </row>
    <row r="331514" spans="8:8">
      <c r="H331514" s="12"/>
    </row>
    <row r="331515" spans="8:8">
      <c r="H331515" s="12"/>
    </row>
    <row r="331516" spans="8:8">
      <c r="H331516" s="12"/>
    </row>
    <row r="331517" spans="8:8">
      <c r="H331517" s="12"/>
    </row>
    <row r="331518" spans="8:8">
      <c r="H331518" s="12"/>
    </row>
    <row r="331519" spans="8:8">
      <c r="H331519" s="12"/>
    </row>
    <row r="331520" spans="8:8">
      <c r="H331520" s="12"/>
    </row>
    <row r="331521" spans="8:8">
      <c r="H331521" s="12"/>
    </row>
    <row r="331522" spans="8:8">
      <c r="H331522" s="12"/>
    </row>
    <row r="331523" spans="8:8">
      <c r="H331523" s="12"/>
    </row>
    <row r="331524" spans="8:8">
      <c r="H331524" s="12"/>
    </row>
    <row r="331525" spans="8:8">
      <c r="H331525" s="12"/>
    </row>
    <row r="331526" spans="8:8">
      <c r="H331526" s="12"/>
    </row>
    <row r="331527" spans="8:8">
      <c r="H331527" s="12"/>
    </row>
    <row r="331528" spans="8:8">
      <c r="H331528" s="12"/>
    </row>
    <row r="331529" spans="8:8">
      <c r="H331529" s="12"/>
    </row>
    <row r="331530" spans="8:8">
      <c r="H331530" s="12"/>
    </row>
    <row r="331531" spans="8:8">
      <c r="H331531" s="12"/>
    </row>
    <row r="331532" spans="8:8">
      <c r="H331532" s="12"/>
    </row>
    <row r="331533" spans="8:8">
      <c r="H331533" s="12"/>
    </row>
    <row r="331534" spans="8:8">
      <c r="H331534" s="12"/>
    </row>
    <row r="331535" spans="8:8">
      <c r="H331535" s="12"/>
    </row>
    <row r="331536" spans="8:8">
      <c r="H331536" s="12"/>
    </row>
    <row r="331537" spans="8:8">
      <c r="H331537" s="12"/>
    </row>
    <row r="331538" spans="8:8">
      <c r="H331538" s="12"/>
    </row>
    <row r="331539" spans="8:8">
      <c r="H331539" s="12"/>
    </row>
    <row r="331540" spans="8:8">
      <c r="H331540" s="12"/>
    </row>
    <row r="331541" spans="8:8">
      <c r="H331541" s="12"/>
    </row>
    <row r="331542" spans="8:8">
      <c r="H331542" s="12"/>
    </row>
    <row r="331543" spans="8:8">
      <c r="H331543" s="12"/>
    </row>
    <row r="331544" spans="8:8">
      <c r="H331544" s="12"/>
    </row>
    <row r="331545" spans="8:8">
      <c r="H331545" s="12"/>
    </row>
    <row r="331546" spans="8:8">
      <c r="H331546" s="12"/>
    </row>
    <row r="331547" spans="8:8">
      <c r="H331547" s="12"/>
    </row>
    <row r="331548" spans="8:8">
      <c r="H331548" s="12"/>
    </row>
    <row r="331549" spans="8:8">
      <c r="H331549" s="12"/>
    </row>
    <row r="331550" spans="8:8">
      <c r="H331550" s="12"/>
    </row>
    <row r="331551" spans="8:8">
      <c r="H331551" s="12"/>
    </row>
    <row r="331552" spans="8:8">
      <c r="H331552" s="12"/>
    </row>
    <row r="331553" spans="8:8">
      <c r="H331553" s="12"/>
    </row>
    <row r="331554" spans="8:8">
      <c r="H331554" s="12"/>
    </row>
    <row r="331555" spans="8:8">
      <c r="H331555" s="12"/>
    </row>
    <row r="331556" spans="8:8">
      <c r="H331556" s="12"/>
    </row>
    <row r="331557" spans="8:8">
      <c r="H331557" s="12"/>
    </row>
    <row r="331558" spans="8:8">
      <c r="H331558" s="12"/>
    </row>
    <row r="331559" spans="8:8">
      <c r="H331559" s="12"/>
    </row>
    <row r="331560" spans="8:8">
      <c r="H331560" s="12"/>
    </row>
    <row r="331561" spans="8:8">
      <c r="H331561" s="12"/>
    </row>
    <row r="331562" spans="8:8">
      <c r="H331562" s="12"/>
    </row>
    <row r="331563" spans="8:8">
      <c r="H331563" s="12"/>
    </row>
    <row r="331564" spans="8:8">
      <c r="H331564" s="12"/>
    </row>
    <row r="331565" spans="8:8">
      <c r="H331565" s="12"/>
    </row>
    <row r="331566" spans="8:8">
      <c r="H331566" s="12"/>
    </row>
    <row r="331567" spans="8:8">
      <c r="H331567" s="12"/>
    </row>
    <row r="331568" spans="8:8">
      <c r="H331568" s="12"/>
    </row>
    <row r="331569" spans="8:8">
      <c r="H331569" s="12"/>
    </row>
    <row r="331570" spans="8:8">
      <c r="H331570" s="12"/>
    </row>
    <row r="331571" spans="8:8">
      <c r="H331571" s="12"/>
    </row>
    <row r="331572" spans="8:8">
      <c r="H331572" s="12"/>
    </row>
    <row r="331573" spans="8:8">
      <c r="H331573" s="12"/>
    </row>
    <row r="331574" spans="8:8">
      <c r="H331574" s="12"/>
    </row>
    <row r="331575" spans="8:8">
      <c r="H331575" s="12"/>
    </row>
    <row r="331576" spans="8:8">
      <c r="H331576" s="12"/>
    </row>
    <row r="331577" spans="8:8">
      <c r="H331577" s="12"/>
    </row>
    <row r="331578" spans="8:8">
      <c r="H331578" s="12"/>
    </row>
    <row r="331579" spans="8:8">
      <c r="H331579" s="12"/>
    </row>
    <row r="331580" spans="8:8">
      <c r="H331580" s="12"/>
    </row>
    <row r="331581" spans="8:8">
      <c r="H331581" s="12"/>
    </row>
    <row r="331582" spans="8:8">
      <c r="H331582" s="12"/>
    </row>
    <row r="331583" spans="8:8">
      <c r="H331583" s="12"/>
    </row>
    <row r="331584" spans="8:8">
      <c r="H331584" s="12"/>
    </row>
    <row r="331585" spans="8:8">
      <c r="H331585" s="12"/>
    </row>
    <row r="331586" spans="8:8">
      <c r="H331586" s="12"/>
    </row>
    <row r="331587" spans="8:8">
      <c r="H331587" s="12"/>
    </row>
    <row r="331588" spans="8:8">
      <c r="H331588" s="12"/>
    </row>
    <row r="331589" spans="8:8">
      <c r="H331589" s="12"/>
    </row>
    <row r="331590" spans="8:8">
      <c r="H331590" s="12"/>
    </row>
    <row r="331591" spans="8:8">
      <c r="H331591" s="12"/>
    </row>
    <row r="331592" spans="8:8">
      <c r="H331592" s="12"/>
    </row>
    <row r="331593" spans="8:8">
      <c r="H331593" s="12"/>
    </row>
    <row r="331594" spans="8:8">
      <c r="H331594" s="12"/>
    </row>
    <row r="331595" spans="8:8">
      <c r="H331595" s="12"/>
    </row>
    <row r="331596" spans="8:8">
      <c r="H331596" s="12"/>
    </row>
    <row r="331597" spans="8:8">
      <c r="H331597" s="12"/>
    </row>
    <row r="331598" spans="8:8">
      <c r="H331598" s="12"/>
    </row>
    <row r="331599" spans="8:8">
      <c r="H331599" s="12"/>
    </row>
    <row r="331600" spans="8:8">
      <c r="H331600" s="12"/>
    </row>
    <row r="331601" spans="8:8">
      <c r="H331601" s="12"/>
    </row>
    <row r="331602" spans="8:8">
      <c r="H331602" s="12"/>
    </row>
    <row r="331603" spans="8:8">
      <c r="H331603" s="12"/>
    </row>
    <row r="331604" spans="8:8">
      <c r="H331604" s="12"/>
    </row>
    <row r="331605" spans="8:8">
      <c r="H331605" s="12"/>
    </row>
    <row r="331606" spans="8:8">
      <c r="H331606" s="12"/>
    </row>
    <row r="331607" spans="8:8">
      <c r="H331607" s="12"/>
    </row>
    <row r="331608" spans="8:8">
      <c r="H331608" s="12"/>
    </row>
    <row r="331609" spans="8:8">
      <c r="H331609" s="12"/>
    </row>
    <row r="331610" spans="8:8">
      <c r="H331610" s="12"/>
    </row>
    <row r="331611" spans="8:8">
      <c r="H331611" s="12"/>
    </row>
    <row r="331612" spans="8:8">
      <c r="H331612" s="12"/>
    </row>
    <row r="331613" spans="8:8">
      <c r="H331613" s="12"/>
    </row>
    <row r="331614" spans="8:8">
      <c r="H331614" s="12"/>
    </row>
    <row r="331615" spans="8:8">
      <c r="H331615" s="12"/>
    </row>
    <row r="331616" spans="8:8">
      <c r="H331616" s="12"/>
    </row>
    <row r="331617" spans="8:8">
      <c r="H331617" s="12"/>
    </row>
    <row r="331618" spans="8:8">
      <c r="H331618" s="12"/>
    </row>
    <row r="331619" spans="8:8">
      <c r="H331619" s="12"/>
    </row>
    <row r="331620" spans="8:8">
      <c r="H331620" s="12"/>
    </row>
    <row r="331621" spans="8:8">
      <c r="H331621" s="12"/>
    </row>
    <row r="331622" spans="8:8">
      <c r="H331622" s="12"/>
    </row>
    <row r="331623" spans="8:8">
      <c r="H331623" s="12"/>
    </row>
    <row r="331624" spans="8:8">
      <c r="H331624" s="12"/>
    </row>
    <row r="331625" spans="8:8">
      <c r="H331625" s="12"/>
    </row>
    <row r="331626" spans="8:8">
      <c r="H331626" s="12"/>
    </row>
    <row r="331627" spans="8:8">
      <c r="H331627" s="12"/>
    </row>
    <row r="331628" spans="8:8">
      <c r="H331628" s="12"/>
    </row>
    <row r="331629" spans="8:8">
      <c r="H331629" s="12"/>
    </row>
    <row r="331630" spans="8:8">
      <c r="H331630" s="12"/>
    </row>
    <row r="331631" spans="8:8">
      <c r="H331631" s="12"/>
    </row>
    <row r="331632" spans="8:8">
      <c r="H331632" s="12"/>
    </row>
    <row r="331633" spans="8:8">
      <c r="H331633" s="12"/>
    </row>
    <row r="331634" spans="8:8">
      <c r="H331634" s="12"/>
    </row>
    <row r="331635" spans="8:8">
      <c r="H331635" s="12"/>
    </row>
    <row r="331636" spans="8:8">
      <c r="H331636" s="12"/>
    </row>
    <row r="331637" spans="8:8">
      <c r="H331637" s="12"/>
    </row>
    <row r="331638" spans="8:8">
      <c r="H331638" s="12"/>
    </row>
    <row r="331639" spans="8:8">
      <c r="H331639" s="12"/>
    </row>
    <row r="331640" spans="8:8">
      <c r="H331640" s="12"/>
    </row>
    <row r="331641" spans="8:8">
      <c r="H331641" s="12"/>
    </row>
    <row r="331642" spans="8:8">
      <c r="H331642" s="12"/>
    </row>
    <row r="331643" spans="8:8">
      <c r="H331643" s="12"/>
    </row>
    <row r="331644" spans="8:8">
      <c r="H331644" s="12"/>
    </row>
    <row r="331645" spans="8:8">
      <c r="H331645" s="12"/>
    </row>
    <row r="331646" spans="8:8">
      <c r="H331646" s="12"/>
    </row>
    <row r="331647" spans="8:8">
      <c r="H331647" s="12"/>
    </row>
    <row r="331648" spans="8:8">
      <c r="H331648" s="12"/>
    </row>
    <row r="331649" spans="8:8">
      <c r="H331649" s="12"/>
    </row>
    <row r="331650" spans="8:8">
      <c r="H331650" s="12"/>
    </row>
    <row r="331651" spans="8:8">
      <c r="H331651" s="12"/>
    </row>
    <row r="331652" spans="8:8">
      <c r="H331652" s="12"/>
    </row>
    <row r="331653" spans="8:8">
      <c r="H331653" s="12"/>
    </row>
    <row r="331654" spans="8:8">
      <c r="H331654" s="12"/>
    </row>
    <row r="331655" spans="8:8">
      <c r="H331655" s="12"/>
    </row>
    <row r="331656" spans="8:8">
      <c r="H331656" s="12"/>
    </row>
    <row r="331657" spans="8:8">
      <c r="H331657" s="12"/>
    </row>
    <row r="331658" spans="8:8">
      <c r="H331658" s="12"/>
    </row>
    <row r="331659" spans="8:8">
      <c r="H331659" s="12"/>
    </row>
    <row r="331660" spans="8:8">
      <c r="H331660" s="12"/>
    </row>
    <row r="331661" spans="8:8">
      <c r="H331661" s="12"/>
    </row>
    <row r="331662" spans="8:8">
      <c r="H331662" s="12"/>
    </row>
    <row r="331663" spans="8:8">
      <c r="H331663" s="12"/>
    </row>
    <row r="331664" spans="8:8">
      <c r="H331664" s="12"/>
    </row>
    <row r="331665" spans="8:8">
      <c r="H331665" s="12"/>
    </row>
    <row r="331666" spans="8:8">
      <c r="H331666" s="12"/>
    </row>
    <row r="331667" spans="8:8">
      <c r="H331667" s="12"/>
    </row>
    <row r="331668" spans="8:8">
      <c r="H331668" s="12"/>
    </row>
    <row r="331669" spans="8:8">
      <c r="H331669" s="12"/>
    </row>
    <row r="331670" spans="8:8">
      <c r="H331670" s="12"/>
    </row>
    <row r="331671" spans="8:8">
      <c r="H331671" s="12"/>
    </row>
    <row r="331672" spans="8:8">
      <c r="H331672" s="12"/>
    </row>
    <row r="331673" spans="8:8">
      <c r="H331673" s="12"/>
    </row>
    <row r="331674" spans="8:8">
      <c r="H331674" s="12"/>
    </row>
    <row r="331675" spans="8:8">
      <c r="H331675" s="12"/>
    </row>
    <row r="331676" spans="8:8">
      <c r="H331676" s="12"/>
    </row>
    <row r="331677" spans="8:8">
      <c r="H331677" s="12"/>
    </row>
    <row r="331678" spans="8:8">
      <c r="H331678" s="12"/>
    </row>
    <row r="331679" spans="8:8">
      <c r="H331679" s="12"/>
    </row>
    <row r="331680" spans="8:8">
      <c r="H331680" s="12"/>
    </row>
    <row r="331681" spans="8:8">
      <c r="H331681" s="12"/>
    </row>
    <row r="331682" spans="8:8">
      <c r="H331682" s="12"/>
    </row>
    <row r="331683" spans="8:8">
      <c r="H331683" s="12"/>
    </row>
    <row r="331684" spans="8:8">
      <c r="H331684" s="12"/>
    </row>
    <row r="331685" spans="8:8">
      <c r="H331685" s="12"/>
    </row>
    <row r="331686" spans="8:8">
      <c r="H331686" s="12"/>
    </row>
    <row r="331687" spans="8:8">
      <c r="H331687" s="12"/>
    </row>
    <row r="331688" spans="8:8">
      <c r="H331688" s="12"/>
    </row>
    <row r="331689" spans="8:8">
      <c r="H331689" s="12"/>
    </row>
    <row r="331690" spans="8:8">
      <c r="H331690" s="12"/>
    </row>
    <row r="331691" spans="8:8">
      <c r="H331691" s="12"/>
    </row>
    <row r="331692" spans="8:8">
      <c r="H331692" s="12"/>
    </row>
    <row r="331693" spans="8:8">
      <c r="H331693" s="12"/>
    </row>
    <row r="331694" spans="8:8">
      <c r="H331694" s="12"/>
    </row>
    <row r="331695" spans="8:8">
      <c r="H331695" s="12"/>
    </row>
    <row r="331696" spans="8:8">
      <c r="H331696" s="12"/>
    </row>
    <row r="331697" spans="8:8">
      <c r="H331697" s="12"/>
    </row>
    <row r="331698" spans="8:8">
      <c r="H331698" s="12"/>
    </row>
    <row r="331699" spans="8:8">
      <c r="H331699" s="12"/>
    </row>
    <row r="331700" spans="8:8">
      <c r="H331700" s="12"/>
    </row>
    <row r="331701" spans="8:8">
      <c r="H331701" s="12"/>
    </row>
    <row r="331702" spans="8:8">
      <c r="H331702" s="12"/>
    </row>
    <row r="331703" spans="8:8">
      <c r="H331703" s="12"/>
    </row>
    <row r="331704" spans="8:8">
      <c r="H331704" s="12"/>
    </row>
    <row r="331705" spans="8:8">
      <c r="H331705" s="12"/>
    </row>
    <row r="331706" spans="8:8">
      <c r="H331706" s="12"/>
    </row>
    <row r="331707" spans="8:8">
      <c r="H331707" s="12"/>
    </row>
    <row r="331708" spans="8:8">
      <c r="H331708" s="12"/>
    </row>
    <row r="331709" spans="8:8">
      <c r="H331709" s="12"/>
    </row>
    <row r="331710" spans="8:8">
      <c r="H331710" s="12"/>
    </row>
    <row r="331711" spans="8:8">
      <c r="H331711" s="12"/>
    </row>
    <row r="331712" spans="8:8">
      <c r="H331712" s="12"/>
    </row>
    <row r="331713" spans="8:8">
      <c r="H331713" s="12"/>
    </row>
    <row r="331714" spans="8:8">
      <c r="H331714" s="12"/>
    </row>
    <row r="331715" spans="8:8">
      <c r="H331715" s="12"/>
    </row>
    <row r="331716" spans="8:8">
      <c r="H331716" s="12"/>
    </row>
    <row r="331717" spans="8:8">
      <c r="H331717" s="12"/>
    </row>
    <row r="331718" spans="8:8">
      <c r="H331718" s="12"/>
    </row>
    <row r="331719" spans="8:8">
      <c r="H331719" s="12"/>
    </row>
    <row r="331720" spans="8:8">
      <c r="H331720" s="12"/>
    </row>
    <row r="331721" spans="8:8">
      <c r="H331721" s="12"/>
    </row>
    <row r="331722" spans="8:8">
      <c r="H331722" s="12"/>
    </row>
    <row r="331723" spans="8:8">
      <c r="H331723" s="12"/>
    </row>
    <row r="331724" spans="8:8">
      <c r="H331724" s="12"/>
    </row>
    <row r="331725" spans="8:8">
      <c r="H331725" s="12"/>
    </row>
    <row r="331726" spans="8:8">
      <c r="H331726" s="12"/>
    </row>
    <row r="331727" spans="8:8">
      <c r="H331727" s="12"/>
    </row>
    <row r="331728" spans="8:8">
      <c r="H331728" s="12"/>
    </row>
    <row r="331729" spans="8:8">
      <c r="H331729" s="12"/>
    </row>
    <row r="331730" spans="8:8">
      <c r="H331730" s="12"/>
    </row>
    <row r="331731" spans="8:8">
      <c r="H331731" s="12"/>
    </row>
    <row r="331732" spans="8:8">
      <c r="H331732" s="12"/>
    </row>
    <row r="331733" spans="8:8">
      <c r="H331733" s="12"/>
    </row>
    <row r="331734" spans="8:8">
      <c r="H331734" s="12"/>
    </row>
    <row r="331735" spans="8:8">
      <c r="H331735" s="12"/>
    </row>
    <row r="331736" spans="8:8">
      <c r="H331736" s="12"/>
    </row>
    <row r="331737" spans="8:8">
      <c r="H331737" s="12"/>
    </row>
    <row r="331738" spans="8:8">
      <c r="H331738" s="12"/>
    </row>
    <row r="331739" spans="8:8">
      <c r="H331739" s="12"/>
    </row>
    <row r="331740" spans="8:8">
      <c r="H331740" s="12"/>
    </row>
    <row r="331741" spans="8:8">
      <c r="H331741" s="12"/>
    </row>
    <row r="331742" spans="8:8">
      <c r="H331742" s="12"/>
    </row>
    <row r="331743" spans="8:8">
      <c r="H331743" s="12"/>
    </row>
    <row r="331744" spans="8:8">
      <c r="H331744" s="12"/>
    </row>
    <row r="331745" spans="8:8">
      <c r="H331745" s="12"/>
    </row>
    <row r="331746" spans="8:8">
      <c r="H331746" s="12"/>
    </row>
    <row r="331747" spans="8:8">
      <c r="H331747" s="12"/>
    </row>
    <row r="331748" spans="8:8">
      <c r="H331748" s="12"/>
    </row>
    <row r="331749" spans="8:8">
      <c r="H331749" s="12"/>
    </row>
    <row r="331750" spans="8:8">
      <c r="H331750" s="12"/>
    </row>
    <row r="331751" spans="8:8">
      <c r="H331751" s="12"/>
    </row>
    <row r="331752" spans="8:8">
      <c r="H331752" s="12"/>
    </row>
    <row r="331753" spans="8:8">
      <c r="H331753" s="12"/>
    </row>
    <row r="331754" spans="8:8">
      <c r="H331754" s="12"/>
    </row>
    <row r="331755" spans="8:8">
      <c r="H331755" s="12"/>
    </row>
    <row r="331756" spans="8:8">
      <c r="H331756" s="12"/>
    </row>
    <row r="331757" spans="8:8">
      <c r="H331757" s="12"/>
    </row>
    <row r="331758" spans="8:8">
      <c r="H331758" s="12"/>
    </row>
    <row r="331759" spans="8:8">
      <c r="H331759" s="12"/>
    </row>
    <row r="331760" spans="8:8">
      <c r="H331760" s="12"/>
    </row>
    <row r="331761" spans="8:8">
      <c r="H331761" s="12"/>
    </row>
    <row r="331762" spans="8:8">
      <c r="H331762" s="12"/>
    </row>
    <row r="331763" spans="8:8">
      <c r="H331763" s="12"/>
    </row>
    <row r="331764" spans="8:8">
      <c r="H331764" s="12"/>
    </row>
    <row r="331765" spans="8:8">
      <c r="H331765" s="12"/>
    </row>
    <row r="331766" spans="8:8">
      <c r="H331766" s="12"/>
    </row>
    <row r="331767" spans="8:8">
      <c r="H331767" s="12"/>
    </row>
    <row r="331768" spans="8:8">
      <c r="H331768" s="12"/>
    </row>
    <row r="331769" spans="8:8">
      <c r="H331769" s="12"/>
    </row>
    <row r="331770" spans="8:8">
      <c r="H331770" s="12"/>
    </row>
    <row r="331771" spans="8:8">
      <c r="H331771" s="12"/>
    </row>
    <row r="331772" spans="8:8">
      <c r="H331772" s="12"/>
    </row>
    <row r="331773" spans="8:8">
      <c r="H331773" s="12"/>
    </row>
    <row r="331774" spans="8:8">
      <c r="H331774" s="12"/>
    </row>
    <row r="331775" spans="8:8">
      <c r="H331775" s="12"/>
    </row>
    <row r="331776" spans="8:8">
      <c r="H331776" s="12"/>
    </row>
    <row r="331777" spans="8:8">
      <c r="H331777" s="12"/>
    </row>
    <row r="331778" spans="8:8">
      <c r="H331778" s="12"/>
    </row>
    <row r="331779" spans="8:8">
      <c r="H331779" s="12"/>
    </row>
    <row r="331780" spans="8:8">
      <c r="H331780" s="12"/>
    </row>
    <row r="331781" spans="8:8">
      <c r="H331781" s="12"/>
    </row>
    <row r="331782" spans="8:8">
      <c r="H331782" s="12"/>
    </row>
    <row r="331783" spans="8:8">
      <c r="H331783" s="12"/>
    </row>
    <row r="331784" spans="8:8">
      <c r="H331784" s="12"/>
    </row>
    <row r="331785" spans="8:8">
      <c r="H331785" s="12"/>
    </row>
    <row r="331786" spans="8:8">
      <c r="H331786" s="12"/>
    </row>
    <row r="331787" spans="8:8">
      <c r="H331787" s="12"/>
    </row>
    <row r="331788" spans="8:8">
      <c r="H331788" s="12"/>
    </row>
    <row r="331789" spans="8:8">
      <c r="H331789" s="12"/>
    </row>
    <row r="331790" spans="8:8">
      <c r="H331790" s="12"/>
    </row>
    <row r="331791" spans="8:8">
      <c r="H331791" s="12"/>
    </row>
    <row r="331792" spans="8:8">
      <c r="H331792" s="12"/>
    </row>
    <row r="331793" spans="8:8">
      <c r="H331793" s="12"/>
    </row>
    <row r="331794" spans="8:8">
      <c r="H331794" s="12"/>
    </row>
    <row r="331795" spans="8:8">
      <c r="H331795" s="12"/>
    </row>
    <row r="331796" spans="8:8">
      <c r="H331796" s="12"/>
    </row>
    <row r="331797" spans="8:8">
      <c r="H331797" s="12"/>
    </row>
    <row r="331798" spans="8:8">
      <c r="H331798" s="12"/>
    </row>
    <row r="331799" spans="8:8">
      <c r="H331799" s="12"/>
    </row>
    <row r="331800" spans="8:8">
      <c r="H331800" s="12"/>
    </row>
    <row r="331801" spans="8:8">
      <c r="H331801" s="12"/>
    </row>
    <row r="331802" spans="8:8">
      <c r="H331802" s="12"/>
    </row>
    <row r="331803" spans="8:8">
      <c r="H331803" s="12"/>
    </row>
    <row r="331804" spans="8:8">
      <c r="H331804" s="12"/>
    </row>
    <row r="331805" spans="8:8">
      <c r="H331805" s="12"/>
    </row>
    <row r="331806" spans="8:8">
      <c r="H331806" s="12"/>
    </row>
    <row r="331807" spans="8:8">
      <c r="H331807" s="12"/>
    </row>
    <row r="331808" spans="8:8">
      <c r="H331808" s="12"/>
    </row>
    <row r="331809" spans="8:8">
      <c r="H331809" s="12"/>
    </row>
    <row r="331810" spans="8:8">
      <c r="H331810" s="12"/>
    </row>
    <row r="331811" spans="8:8">
      <c r="H331811" s="12"/>
    </row>
    <row r="331812" spans="8:8">
      <c r="H331812" s="12"/>
    </row>
    <row r="331813" spans="8:8">
      <c r="H331813" s="12"/>
    </row>
    <row r="331814" spans="8:8">
      <c r="H331814" s="12"/>
    </row>
    <row r="331815" spans="8:8">
      <c r="H331815" s="12"/>
    </row>
    <row r="331816" spans="8:8">
      <c r="H331816" s="12"/>
    </row>
    <row r="331817" spans="8:8">
      <c r="H331817" s="12"/>
    </row>
    <row r="331818" spans="8:8">
      <c r="H331818" s="12"/>
    </row>
    <row r="331819" spans="8:8">
      <c r="H331819" s="12"/>
    </row>
    <row r="331820" spans="8:8">
      <c r="H331820" s="12"/>
    </row>
    <row r="331821" spans="8:8">
      <c r="H331821" s="12"/>
    </row>
    <row r="331822" spans="8:8">
      <c r="H331822" s="12"/>
    </row>
    <row r="331823" spans="8:8">
      <c r="H331823" s="12"/>
    </row>
    <row r="331824" spans="8:8">
      <c r="H331824" s="12"/>
    </row>
    <row r="331825" spans="8:8">
      <c r="H331825" s="12"/>
    </row>
    <row r="331826" spans="8:8">
      <c r="H331826" s="12"/>
    </row>
    <row r="331827" spans="8:8">
      <c r="H331827" s="12"/>
    </row>
    <row r="331828" spans="8:8">
      <c r="H331828" s="12"/>
    </row>
    <row r="331829" spans="8:8">
      <c r="H331829" s="12"/>
    </row>
    <row r="331830" spans="8:8">
      <c r="H331830" s="12"/>
    </row>
    <row r="331831" spans="8:8">
      <c r="H331831" s="12"/>
    </row>
    <row r="331832" spans="8:8">
      <c r="H331832" s="12"/>
    </row>
    <row r="331833" spans="8:8">
      <c r="H331833" s="12"/>
    </row>
    <row r="331834" spans="8:8">
      <c r="H331834" s="12"/>
    </row>
    <row r="331835" spans="8:8">
      <c r="H331835" s="12"/>
    </row>
    <row r="331836" spans="8:8">
      <c r="H331836" s="12"/>
    </row>
    <row r="331837" spans="8:8">
      <c r="H331837" s="12"/>
    </row>
    <row r="331838" spans="8:8">
      <c r="H331838" s="12"/>
    </row>
    <row r="331839" spans="8:8">
      <c r="H331839" s="12"/>
    </row>
    <row r="331840" spans="8:8">
      <c r="H331840" s="12"/>
    </row>
    <row r="331841" spans="8:8">
      <c r="H331841" s="12"/>
    </row>
    <row r="331842" spans="8:8">
      <c r="H331842" s="12"/>
    </row>
    <row r="331843" spans="8:8">
      <c r="H331843" s="12"/>
    </row>
    <row r="331844" spans="8:8">
      <c r="H331844" s="12"/>
    </row>
    <row r="331845" spans="8:8">
      <c r="H331845" s="12"/>
    </row>
    <row r="331846" spans="8:8">
      <c r="H331846" s="12"/>
    </row>
    <row r="331847" spans="8:8">
      <c r="H331847" s="12"/>
    </row>
    <row r="331848" spans="8:8">
      <c r="H331848" s="12"/>
    </row>
    <row r="331849" spans="8:8">
      <c r="H331849" s="12"/>
    </row>
    <row r="331850" spans="8:8">
      <c r="H331850" s="12"/>
    </row>
    <row r="331851" spans="8:8">
      <c r="H331851" s="12"/>
    </row>
    <row r="331852" spans="8:8">
      <c r="H331852" s="12"/>
    </row>
    <row r="331853" spans="8:8">
      <c r="H331853" s="12"/>
    </row>
    <row r="331854" spans="8:8">
      <c r="H331854" s="12"/>
    </row>
    <row r="331855" spans="8:8">
      <c r="H331855" s="12"/>
    </row>
    <row r="331856" spans="8:8">
      <c r="H331856" s="12"/>
    </row>
    <row r="331857" spans="8:8">
      <c r="H331857" s="12"/>
    </row>
    <row r="331858" spans="8:8">
      <c r="H331858" s="12"/>
    </row>
    <row r="331859" spans="8:8">
      <c r="H331859" s="12"/>
    </row>
    <row r="331860" spans="8:8">
      <c r="H331860" s="12"/>
    </row>
    <row r="331861" spans="8:8">
      <c r="H331861" s="12"/>
    </row>
    <row r="331862" spans="8:8">
      <c r="H331862" s="12"/>
    </row>
    <row r="331863" spans="8:8">
      <c r="H331863" s="12"/>
    </row>
    <row r="331864" spans="8:8">
      <c r="H331864" s="12"/>
    </row>
    <row r="331865" spans="8:8">
      <c r="H331865" s="12"/>
    </row>
    <row r="331866" spans="8:8">
      <c r="H331866" s="12"/>
    </row>
    <row r="331867" spans="8:8">
      <c r="H331867" s="12"/>
    </row>
    <row r="331868" spans="8:8">
      <c r="H331868" s="12"/>
    </row>
    <row r="331869" spans="8:8">
      <c r="H331869" s="12"/>
    </row>
    <row r="331870" spans="8:8">
      <c r="H331870" s="12"/>
    </row>
    <row r="331871" spans="8:8">
      <c r="H331871" s="12"/>
    </row>
    <row r="331872" spans="8:8">
      <c r="H331872" s="12"/>
    </row>
    <row r="331873" spans="8:8">
      <c r="H331873" s="12"/>
    </row>
    <row r="331874" spans="8:8">
      <c r="H331874" s="12"/>
    </row>
    <row r="331875" spans="8:8">
      <c r="H331875" s="12"/>
    </row>
    <row r="331876" spans="8:8">
      <c r="H331876" s="12"/>
    </row>
    <row r="331877" spans="8:8">
      <c r="H331877" s="12"/>
    </row>
    <row r="331878" spans="8:8">
      <c r="H331878" s="12"/>
    </row>
    <row r="331879" spans="8:8">
      <c r="H331879" s="12"/>
    </row>
    <row r="331880" spans="8:8">
      <c r="H331880" s="12"/>
    </row>
    <row r="331881" spans="8:8">
      <c r="H331881" s="12"/>
    </row>
    <row r="331882" spans="8:8">
      <c r="H331882" s="12"/>
    </row>
    <row r="331883" spans="8:8">
      <c r="H331883" s="12"/>
    </row>
    <row r="331884" spans="8:8">
      <c r="H331884" s="12"/>
    </row>
    <row r="331885" spans="8:8">
      <c r="H331885" s="12"/>
    </row>
    <row r="331886" spans="8:8">
      <c r="H331886" s="12"/>
    </row>
    <row r="331887" spans="8:8">
      <c r="H331887" s="12"/>
    </row>
    <row r="331888" spans="8:8">
      <c r="H331888" s="12"/>
    </row>
    <row r="331889" spans="8:8">
      <c r="H331889" s="12"/>
    </row>
    <row r="331890" spans="8:8">
      <c r="H331890" s="12"/>
    </row>
    <row r="331891" spans="8:8">
      <c r="H331891" s="12"/>
    </row>
    <row r="331892" spans="8:8">
      <c r="H331892" s="12"/>
    </row>
    <row r="331893" spans="8:8">
      <c r="H331893" s="12"/>
    </row>
    <row r="331894" spans="8:8">
      <c r="H331894" s="12"/>
    </row>
    <row r="331895" spans="8:8">
      <c r="H331895" s="12"/>
    </row>
    <row r="331896" spans="8:8">
      <c r="H331896" s="12"/>
    </row>
    <row r="331897" spans="8:8">
      <c r="H331897" s="12"/>
    </row>
    <row r="331898" spans="8:8">
      <c r="H331898" s="12"/>
    </row>
    <row r="331899" spans="8:8">
      <c r="H331899" s="12"/>
    </row>
    <row r="331900" spans="8:8">
      <c r="H331900" s="12"/>
    </row>
    <row r="331901" spans="8:8">
      <c r="H331901" s="12"/>
    </row>
    <row r="331902" spans="8:8">
      <c r="H331902" s="12"/>
    </row>
    <row r="331903" spans="8:8">
      <c r="H331903" s="12"/>
    </row>
    <row r="331904" spans="8:8">
      <c r="H331904" s="12"/>
    </row>
    <row r="331905" spans="8:8">
      <c r="H331905" s="12"/>
    </row>
    <row r="331906" spans="8:8">
      <c r="H331906" s="12"/>
    </row>
    <row r="331907" spans="8:8">
      <c r="H331907" s="12"/>
    </row>
    <row r="331908" spans="8:8">
      <c r="H331908" s="12"/>
    </row>
    <row r="331909" spans="8:8">
      <c r="H331909" s="12"/>
    </row>
    <row r="331910" spans="8:8">
      <c r="H331910" s="12"/>
    </row>
    <row r="331911" spans="8:8">
      <c r="H331911" s="12"/>
    </row>
    <row r="331912" spans="8:8">
      <c r="H331912" s="12"/>
    </row>
    <row r="331913" spans="8:8">
      <c r="H331913" s="12"/>
    </row>
    <row r="331914" spans="8:8">
      <c r="H331914" s="12"/>
    </row>
    <row r="331915" spans="8:8">
      <c r="H331915" s="12"/>
    </row>
    <row r="331916" spans="8:8">
      <c r="H331916" s="12"/>
    </row>
    <row r="331917" spans="8:8">
      <c r="H331917" s="12"/>
    </row>
    <row r="331918" spans="8:8">
      <c r="H331918" s="12"/>
    </row>
    <row r="331919" spans="8:8">
      <c r="H331919" s="12"/>
    </row>
    <row r="331920" spans="8:8">
      <c r="H331920" s="12"/>
    </row>
    <row r="331921" spans="8:8">
      <c r="H331921" s="12"/>
    </row>
    <row r="331922" spans="8:8">
      <c r="H331922" s="12"/>
    </row>
    <row r="331923" spans="8:8">
      <c r="H331923" s="12"/>
    </row>
    <row r="331924" spans="8:8">
      <c r="H331924" s="12"/>
    </row>
    <row r="331925" spans="8:8">
      <c r="H331925" s="12"/>
    </row>
    <row r="331926" spans="8:8">
      <c r="H331926" s="12"/>
    </row>
    <row r="331927" spans="8:8">
      <c r="H331927" s="12"/>
    </row>
    <row r="331928" spans="8:8">
      <c r="H331928" s="12"/>
    </row>
    <row r="331929" spans="8:8">
      <c r="H331929" s="12"/>
    </row>
    <row r="331930" spans="8:8">
      <c r="H331930" s="12"/>
    </row>
    <row r="331931" spans="8:8">
      <c r="H331931" s="12"/>
    </row>
    <row r="331932" spans="8:8">
      <c r="H331932" s="12"/>
    </row>
    <row r="331933" spans="8:8">
      <c r="H331933" s="12"/>
    </row>
    <row r="331934" spans="8:8">
      <c r="H331934" s="12"/>
    </row>
    <row r="331935" spans="8:8">
      <c r="H331935" s="12"/>
    </row>
    <row r="331936" spans="8:8">
      <c r="H331936" s="12"/>
    </row>
    <row r="331937" spans="8:8">
      <c r="H331937" s="12"/>
    </row>
    <row r="331938" spans="8:8">
      <c r="H331938" s="12"/>
    </row>
    <row r="331939" spans="8:8">
      <c r="H331939" s="12"/>
    </row>
    <row r="331940" spans="8:8">
      <c r="H331940" s="12"/>
    </row>
    <row r="331941" spans="8:8">
      <c r="H331941" s="12"/>
    </row>
    <row r="331942" spans="8:8">
      <c r="H331942" s="12"/>
    </row>
    <row r="331943" spans="8:8">
      <c r="H331943" s="12"/>
    </row>
    <row r="331944" spans="8:8">
      <c r="H331944" s="12"/>
    </row>
    <row r="331945" spans="8:8">
      <c r="H331945" s="12"/>
    </row>
    <row r="331946" spans="8:8">
      <c r="H331946" s="12"/>
    </row>
    <row r="331947" spans="8:8">
      <c r="H331947" s="12"/>
    </row>
    <row r="331948" spans="8:8">
      <c r="H331948" s="12"/>
    </row>
    <row r="331949" spans="8:8">
      <c r="H331949" s="12"/>
    </row>
    <row r="331950" spans="8:8">
      <c r="H331950" s="12"/>
    </row>
    <row r="331951" spans="8:8">
      <c r="H331951" s="12"/>
    </row>
    <row r="331952" spans="8:8">
      <c r="H331952" s="12"/>
    </row>
    <row r="331953" spans="8:8">
      <c r="H331953" s="12"/>
    </row>
    <row r="331954" spans="8:8">
      <c r="H331954" s="12"/>
    </row>
    <row r="331955" spans="8:8">
      <c r="H331955" s="12"/>
    </row>
    <row r="331956" spans="8:8">
      <c r="H331956" s="12"/>
    </row>
    <row r="331957" spans="8:8">
      <c r="H331957" s="12"/>
    </row>
    <row r="331958" spans="8:8">
      <c r="H331958" s="12"/>
    </row>
    <row r="331959" spans="8:8">
      <c r="H331959" s="12"/>
    </row>
    <row r="331960" spans="8:8">
      <c r="H331960" s="12"/>
    </row>
    <row r="331961" spans="8:8">
      <c r="H331961" s="12"/>
    </row>
    <row r="331962" spans="8:8">
      <c r="H331962" s="12"/>
    </row>
    <row r="331963" spans="8:8">
      <c r="H331963" s="12"/>
    </row>
    <row r="331964" spans="8:8">
      <c r="H331964" s="12"/>
    </row>
    <row r="331965" spans="8:8">
      <c r="H331965" s="12"/>
    </row>
    <row r="331966" spans="8:8">
      <c r="H331966" s="12"/>
    </row>
    <row r="331967" spans="8:8">
      <c r="H331967" s="12"/>
    </row>
    <row r="331968" spans="8:8">
      <c r="H331968" s="12"/>
    </row>
    <row r="331969" spans="8:8">
      <c r="H331969" s="12"/>
    </row>
    <row r="331970" spans="8:8">
      <c r="H331970" s="12"/>
    </row>
    <row r="331971" spans="8:8">
      <c r="H331971" s="12"/>
    </row>
    <row r="331972" spans="8:8">
      <c r="H331972" s="12"/>
    </row>
    <row r="331973" spans="8:8">
      <c r="H331973" s="12"/>
    </row>
    <row r="331974" spans="8:8">
      <c r="H331974" s="12"/>
    </row>
    <row r="331975" spans="8:8">
      <c r="H331975" s="12"/>
    </row>
    <row r="331976" spans="8:8">
      <c r="H331976" s="12"/>
    </row>
    <row r="331977" spans="8:8">
      <c r="H331977" s="12"/>
    </row>
    <row r="331978" spans="8:8">
      <c r="H331978" s="12"/>
    </row>
    <row r="331979" spans="8:8">
      <c r="H331979" s="12"/>
    </row>
    <row r="331980" spans="8:8">
      <c r="H331980" s="12"/>
    </row>
    <row r="331981" spans="8:8">
      <c r="H331981" s="12"/>
    </row>
    <row r="331982" spans="8:8">
      <c r="H331982" s="12"/>
    </row>
    <row r="331983" spans="8:8">
      <c r="H331983" s="12"/>
    </row>
    <row r="331984" spans="8:8">
      <c r="H331984" s="12"/>
    </row>
    <row r="331985" spans="8:8">
      <c r="H331985" s="12"/>
    </row>
    <row r="331986" spans="8:8">
      <c r="H331986" s="12"/>
    </row>
    <row r="331987" spans="8:8">
      <c r="H331987" s="12"/>
    </row>
    <row r="331988" spans="8:8">
      <c r="H331988" s="12"/>
    </row>
    <row r="331989" spans="8:8">
      <c r="H331989" s="12"/>
    </row>
    <row r="331990" spans="8:8">
      <c r="H331990" s="12"/>
    </row>
    <row r="331991" spans="8:8">
      <c r="H331991" s="12"/>
    </row>
    <row r="331992" spans="8:8">
      <c r="H331992" s="12"/>
    </row>
    <row r="331993" spans="8:8">
      <c r="H331993" s="12"/>
    </row>
    <row r="331994" spans="8:8">
      <c r="H331994" s="12"/>
    </row>
    <row r="331995" spans="8:8">
      <c r="H331995" s="12"/>
    </row>
    <row r="331996" spans="8:8">
      <c r="H331996" s="12"/>
    </row>
    <row r="331997" spans="8:8">
      <c r="H331997" s="12"/>
    </row>
    <row r="331998" spans="8:8">
      <c r="H331998" s="12"/>
    </row>
    <row r="331999" spans="8:8">
      <c r="H331999" s="12"/>
    </row>
    <row r="332000" spans="8:8">
      <c r="H332000" s="12"/>
    </row>
    <row r="332001" spans="8:8">
      <c r="H332001" s="12"/>
    </row>
    <row r="332002" spans="8:8">
      <c r="H332002" s="12"/>
    </row>
    <row r="332003" spans="8:8">
      <c r="H332003" s="12"/>
    </row>
    <row r="332004" spans="8:8">
      <c r="H332004" s="12"/>
    </row>
    <row r="332005" spans="8:8">
      <c r="H332005" s="12"/>
    </row>
    <row r="332006" spans="8:8">
      <c r="H332006" s="12"/>
    </row>
    <row r="332007" spans="8:8">
      <c r="H332007" s="12"/>
    </row>
    <row r="332008" spans="8:8">
      <c r="H332008" s="12"/>
    </row>
    <row r="332009" spans="8:8">
      <c r="H332009" s="12"/>
    </row>
    <row r="332010" spans="8:8">
      <c r="H332010" s="12"/>
    </row>
    <row r="332011" spans="8:8">
      <c r="H332011" s="12"/>
    </row>
    <row r="332012" spans="8:8">
      <c r="H332012" s="12"/>
    </row>
    <row r="332013" spans="8:8">
      <c r="H332013" s="12"/>
    </row>
    <row r="332014" spans="8:8">
      <c r="H332014" s="12"/>
    </row>
    <row r="332015" spans="8:8">
      <c r="H332015" s="12"/>
    </row>
    <row r="332016" spans="8:8">
      <c r="H332016" s="12"/>
    </row>
    <row r="332017" spans="8:8">
      <c r="H332017" s="12"/>
    </row>
    <row r="332018" spans="8:8">
      <c r="H332018" s="12"/>
    </row>
    <row r="332019" spans="8:8">
      <c r="H332019" s="12"/>
    </row>
    <row r="332020" spans="8:8">
      <c r="H332020" s="12"/>
    </row>
    <row r="332021" spans="8:8">
      <c r="H332021" s="12"/>
    </row>
    <row r="332022" spans="8:8">
      <c r="H332022" s="12"/>
    </row>
    <row r="332023" spans="8:8">
      <c r="H332023" s="12"/>
    </row>
    <row r="332024" spans="8:8">
      <c r="H332024" s="12"/>
    </row>
    <row r="332025" spans="8:8">
      <c r="H332025" s="12"/>
    </row>
    <row r="332026" spans="8:8">
      <c r="H332026" s="12"/>
    </row>
    <row r="332027" spans="8:8">
      <c r="H332027" s="12"/>
    </row>
    <row r="332028" spans="8:8">
      <c r="H332028" s="12"/>
    </row>
    <row r="332029" spans="8:8">
      <c r="H332029" s="12"/>
    </row>
    <row r="332030" spans="8:8">
      <c r="H332030" s="12"/>
    </row>
    <row r="332031" spans="8:8">
      <c r="H332031" s="12"/>
    </row>
    <row r="332032" spans="8:8">
      <c r="H332032" s="12"/>
    </row>
    <row r="332033" spans="8:8">
      <c r="H332033" s="12"/>
    </row>
    <row r="332034" spans="8:8">
      <c r="H332034" s="12"/>
    </row>
    <row r="332035" spans="8:8">
      <c r="H332035" s="12"/>
    </row>
    <row r="332036" spans="8:8">
      <c r="H332036" s="12"/>
    </row>
    <row r="332037" spans="8:8">
      <c r="H332037" s="12"/>
    </row>
    <row r="332038" spans="8:8">
      <c r="H332038" s="12"/>
    </row>
    <row r="332039" spans="8:8">
      <c r="H332039" s="12"/>
    </row>
    <row r="332040" spans="8:8">
      <c r="H332040" s="12"/>
    </row>
    <row r="332041" spans="8:8">
      <c r="H332041" s="12"/>
    </row>
    <row r="332042" spans="8:8">
      <c r="H332042" s="12"/>
    </row>
    <row r="332043" spans="8:8">
      <c r="H332043" s="12"/>
    </row>
    <row r="332044" spans="8:8">
      <c r="H332044" s="12"/>
    </row>
    <row r="332045" spans="8:8">
      <c r="H332045" s="12"/>
    </row>
    <row r="332046" spans="8:8">
      <c r="H332046" s="12"/>
    </row>
    <row r="332047" spans="8:8">
      <c r="H332047" s="12"/>
    </row>
    <row r="332048" spans="8:8">
      <c r="H332048" s="12"/>
    </row>
    <row r="332049" spans="8:8">
      <c r="H332049" s="12"/>
    </row>
    <row r="332050" spans="8:8">
      <c r="H332050" s="12"/>
    </row>
    <row r="332051" spans="8:8">
      <c r="H332051" s="12"/>
    </row>
    <row r="332052" spans="8:8">
      <c r="H332052" s="12"/>
    </row>
    <row r="332053" spans="8:8">
      <c r="H332053" s="12"/>
    </row>
    <row r="332054" spans="8:8">
      <c r="H332054" s="12"/>
    </row>
    <row r="332055" spans="8:8">
      <c r="H332055" s="12"/>
    </row>
    <row r="332056" spans="8:8">
      <c r="H332056" s="12"/>
    </row>
    <row r="332057" spans="8:8">
      <c r="H332057" s="12"/>
    </row>
    <row r="332058" spans="8:8">
      <c r="H332058" s="12"/>
    </row>
    <row r="332059" spans="8:8">
      <c r="H332059" s="12"/>
    </row>
    <row r="332060" spans="8:8">
      <c r="H332060" s="12"/>
    </row>
    <row r="332061" spans="8:8">
      <c r="H332061" s="12"/>
    </row>
    <row r="332062" spans="8:8">
      <c r="H332062" s="12"/>
    </row>
    <row r="332063" spans="8:8">
      <c r="H332063" s="12"/>
    </row>
    <row r="332064" spans="8:8">
      <c r="H332064" s="12"/>
    </row>
    <row r="332065" spans="8:8">
      <c r="H332065" s="12"/>
    </row>
    <row r="332066" spans="8:8">
      <c r="H332066" s="12"/>
    </row>
    <row r="332067" spans="8:8">
      <c r="H332067" s="12"/>
    </row>
    <row r="332068" spans="8:8">
      <c r="H332068" s="12"/>
    </row>
    <row r="332069" spans="8:8">
      <c r="H332069" s="12"/>
    </row>
    <row r="332070" spans="8:8">
      <c r="H332070" s="12"/>
    </row>
    <row r="332071" spans="8:8">
      <c r="H332071" s="12"/>
    </row>
    <row r="332072" spans="8:8">
      <c r="H332072" s="12"/>
    </row>
    <row r="332073" spans="8:8">
      <c r="H332073" s="12"/>
    </row>
    <row r="332074" spans="8:8">
      <c r="H332074" s="12"/>
    </row>
    <row r="332075" spans="8:8">
      <c r="H332075" s="12"/>
    </row>
    <row r="332076" spans="8:8">
      <c r="H332076" s="12"/>
    </row>
    <row r="332077" spans="8:8">
      <c r="H332077" s="12"/>
    </row>
    <row r="332078" spans="8:8">
      <c r="H332078" s="12"/>
    </row>
    <row r="332079" spans="8:8">
      <c r="H332079" s="12"/>
    </row>
    <row r="332080" spans="8:8">
      <c r="H332080" s="12"/>
    </row>
    <row r="332081" spans="8:8">
      <c r="H332081" s="12"/>
    </row>
    <row r="332082" spans="8:8">
      <c r="H332082" s="12"/>
    </row>
    <row r="332083" spans="8:8">
      <c r="H332083" s="12"/>
    </row>
    <row r="332084" spans="8:8">
      <c r="H332084" s="12"/>
    </row>
    <row r="332085" spans="8:8">
      <c r="H332085" s="12"/>
    </row>
    <row r="332086" spans="8:8">
      <c r="H332086" s="12"/>
    </row>
    <row r="332087" spans="8:8">
      <c r="H332087" s="12"/>
    </row>
    <row r="332088" spans="8:8">
      <c r="H332088" s="12"/>
    </row>
    <row r="332089" spans="8:8">
      <c r="H332089" s="12"/>
    </row>
    <row r="332090" spans="8:8">
      <c r="H332090" s="12"/>
    </row>
    <row r="332091" spans="8:8">
      <c r="H332091" s="12"/>
    </row>
    <row r="332092" spans="8:8">
      <c r="H332092" s="12"/>
    </row>
    <row r="332093" spans="8:8">
      <c r="H332093" s="12"/>
    </row>
    <row r="332094" spans="8:8">
      <c r="H332094" s="12"/>
    </row>
    <row r="332095" spans="8:8">
      <c r="H332095" s="12"/>
    </row>
    <row r="332096" spans="8:8">
      <c r="H332096" s="12"/>
    </row>
    <row r="332097" spans="8:8">
      <c r="H332097" s="12"/>
    </row>
    <row r="332098" spans="8:8">
      <c r="H332098" s="12"/>
    </row>
    <row r="332099" spans="8:8">
      <c r="H332099" s="12"/>
    </row>
    <row r="332100" spans="8:8">
      <c r="H332100" s="12"/>
    </row>
    <row r="332101" spans="8:8">
      <c r="H332101" s="12"/>
    </row>
    <row r="332102" spans="8:8">
      <c r="H332102" s="12"/>
    </row>
    <row r="332103" spans="8:8">
      <c r="H332103" s="12"/>
    </row>
    <row r="332104" spans="8:8">
      <c r="H332104" s="12"/>
    </row>
    <row r="332105" spans="8:8">
      <c r="H332105" s="12"/>
    </row>
    <row r="332106" spans="8:8">
      <c r="H332106" s="12"/>
    </row>
    <row r="332107" spans="8:8">
      <c r="H332107" s="12"/>
    </row>
    <row r="332108" spans="8:8">
      <c r="H332108" s="12"/>
    </row>
    <row r="332109" spans="8:8">
      <c r="H332109" s="12"/>
    </row>
    <row r="332110" spans="8:8">
      <c r="H332110" s="12"/>
    </row>
    <row r="332111" spans="8:8">
      <c r="H332111" s="12"/>
    </row>
    <row r="332112" spans="8:8">
      <c r="H332112" s="12"/>
    </row>
    <row r="332113" spans="8:8">
      <c r="H332113" s="12"/>
    </row>
    <row r="332114" spans="8:8">
      <c r="H332114" s="12"/>
    </row>
    <row r="332115" spans="8:8">
      <c r="H332115" s="12"/>
    </row>
    <row r="332116" spans="8:8">
      <c r="H332116" s="12"/>
    </row>
    <row r="332117" spans="8:8">
      <c r="H332117" s="12"/>
    </row>
    <row r="332118" spans="8:8">
      <c r="H332118" s="12"/>
    </row>
    <row r="332119" spans="8:8">
      <c r="H332119" s="12"/>
    </row>
    <row r="332120" spans="8:8">
      <c r="H332120" s="12"/>
    </row>
    <row r="332121" spans="8:8">
      <c r="H332121" s="12"/>
    </row>
    <row r="332122" spans="8:8">
      <c r="H332122" s="12"/>
    </row>
    <row r="332123" spans="8:8">
      <c r="H332123" s="12"/>
    </row>
    <row r="332124" spans="8:8">
      <c r="H332124" s="12"/>
    </row>
    <row r="332125" spans="8:8">
      <c r="H332125" s="12"/>
    </row>
    <row r="332126" spans="8:8">
      <c r="H332126" s="12"/>
    </row>
    <row r="332127" spans="8:8">
      <c r="H332127" s="12"/>
    </row>
    <row r="332128" spans="8:8">
      <c r="H332128" s="12"/>
    </row>
    <row r="332129" spans="8:8">
      <c r="H332129" s="12"/>
    </row>
    <row r="332130" spans="8:8">
      <c r="H332130" s="12"/>
    </row>
    <row r="332131" spans="8:8">
      <c r="H332131" s="12"/>
    </row>
    <row r="332132" spans="8:8">
      <c r="H332132" s="12"/>
    </row>
    <row r="332133" spans="8:8">
      <c r="H332133" s="12"/>
    </row>
    <row r="332134" spans="8:8">
      <c r="H332134" s="12"/>
    </row>
    <row r="332135" spans="8:8">
      <c r="H332135" s="12"/>
    </row>
    <row r="332136" spans="8:8">
      <c r="H332136" s="12"/>
    </row>
    <row r="332137" spans="8:8">
      <c r="H332137" s="12"/>
    </row>
    <row r="332138" spans="8:8">
      <c r="H332138" s="12"/>
    </row>
    <row r="332139" spans="8:8">
      <c r="H332139" s="12"/>
    </row>
    <row r="332140" spans="8:8">
      <c r="H332140" s="12"/>
    </row>
    <row r="332141" spans="8:8">
      <c r="H332141" s="12"/>
    </row>
    <row r="332142" spans="8:8">
      <c r="H332142" s="12"/>
    </row>
    <row r="332143" spans="8:8">
      <c r="H332143" s="12"/>
    </row>
    <row r="332144" spans="8:8">
      <c r="H332144" s="12"/>
    </row>
    <row r="332145" spans="8:8">
      <c r="H332145" s="12"/>
    </row>
    <row r="332146" spans="8:8">
      <c r="H332146" s="12"/>
    </row>
    <row r="332147" spans="8:8">
      <c r="H332147" s="12"/>
    </row>
    <row r="332148" spans="8:8">
      <c r="H332148" s="12"/>
    </row>
    <row r="332149" spans="8:8">
      <c r="H332149" s="12"/>
    </row>
    <row r="332150" spans="8:8">
      <c r="H332150" s="12"/>
    </row>
    <row r="332151" spans="8:8">
      <c r="H332151" s="12"/>
    </row>
    <row r="332152" spans="8:8">
      <c r="H332152" s="12"/>
    </row>
    <row r="332153" spans="8:8">
      <c r="H332153" s="12"/>
    </row>
    <row r="332154" spans="8:8">
      <c r="H332154" s="12"/>
    </row>
    <row r="332155" spans="8:8">
      <c r="H332155" s="12"/>
    </row>
    <row r="332156" spans="8:8">
      <c r="H332156" s="12"/>
    </row>
    <row r="332157" spans="8:8">
      <c r="H332157" s="12"/>
    </row>
    <row r="332158" spans="8:8">
      <c r="H332158" s="12"/>
    </row>
    <row r="332159" spans="8:8">
      <c r="H332159" s="12"/>
    </row>
    <row r="332160" spans="8:8">
      <c r="H332160" s="12"/>
    </row>
    <row r="332161" spans="8:8">
      <c r="H332161" s="12"/>
    </row>
    <row r="332162" spans="8:8">
      <c r="H332162" s="12"/>
    </row>
    <row r="332163" spans="8:8">
      <c r="H332163" s="12"/>
    </row>
    <row r="332164" spans="8:8">
      <c r="H332164" s="12"/>
    </row>
    <row r="332165" spans="8:8">
      <c r="H332165" s="12"/>
    </row>
    <row r="332166" spans="8:8">
      <c r="H332166" s="12"/>
    </row>
    <row r="332167" spans="8:8">
      <c r="H332167" s="12"/>
    </row>
    <row r="332168" spans="8:8">
      <c r="H332168" s="12"/>
    </row>
    <row r="332169" spans="8:8">
      <c r="H332169" s="12"/>
    </row>
    <row r="332170" spans="8:8">
      <c r="H332170" s="12"/>
    </row>
    <row r="332171" spans="8:8">
      <c r="H332171" s="12"/>
    </row>
    <row r="332172" spans="8:8">
      <c r="H332172" s="12"/>
    </row>
    <row r="332173" spans="8:8">
      <c r="H332173" s="12"/>
    </row>
    <row r="332174" spans="8:8">
      <c r="H332174" s="12"/>
    </row>
    <row r="332175" spans="8:8">
      <c r="H332175" s="12"/>
    </row>
    <row r="332176" spans="8:8">
      <c r="H332176" s="12"/>
    </row>
    <row r="332177" spans="8:8">
      <c r="H332177" s="12"/>
    </row>
    <row r="332178" spans="8:8">
      <c r="H332178" s="12"/>
    </row>
    <row r="332179" spans="8:8">
      <c r="H332179" s="12"/>
    </row>
    <row r="332180" spans="8:8">
      <c r="H332180" s="12"/>
    </row>
    <row r="332181" spans="8:8">
      <c r="H332181" s="12"/>
    </row>
    <row r="332182" spans="8:8">
      <c r="H332182" s="12"/>
    </row>
    <row r="332183" spans="8:8">
      <c r="H332183" s="12"/>
    </row>
    <row r="332184" spans="8:8">
      <c r="H332184" s="12"/>
    </row>
    <row r="332185" spans="8:8">
      <c r="H332185" s="12"/>
    </row>
    <row r="332186" spans="8:8">
      <c r="H332186" s="12"/>
    </row>
    <row r="332187" spans="8:8">
      <c r="H332187" s="12"/>
    </row>
    <row r="332188" spans="8:8">
      <c r="H332188" s="12"/>
    </row>
    <row r="332189" spans="8:8">
      <c r="H332189" s="12"/>
    </row>
    <row r="332190" spans="8:8">
      <c r="H332190" s="12"/>
    </row>
    <row r="332191" spans="8:8">
      <c r="H332191" s="12"/>
    </row>
    <row r="332192" spans="8:8">
      <c r="H332192" s="12"/>
    </row>
    <row r="332193" spans="8:8">
      <c r="H332193" s="12"/>
    </row>
    <row r="332194" spans="8:8">
      <c r="H332194" s="12"/>
    </row>
    <row r="332195" spans="8:8">
      <c r="H332195" s="12"/>
    </row>
    <row r="332196" spans="8:8">
      <c r="H332196" s="12"/>
    </row>
    <row r="332197" spans="8:8">
      <c r="H332197" s="12"/>
    </row>
    <row r="332198" spans="8:8">
      <c r="H332198" s="12"/>
    </row>
    <row r="332199" spans="8:8">
      <c r="H332199" s="12"/>
    </row>
    <row r="332200" spans="8:8">
      <c r="H332200" s="12"/>
    </row>
    <row r="332201" spans="8:8">
      <c r="H332201" s="12"/>
    </row>
    <row r="332202" spans="8:8">
      <c r="H332202" s="12"/>
    </row>
    <row r="332203" spans="8:8">
      <c r="H332203" s="12"/>
    </row>
    <row r="332204" spans="8:8">
      <c r="H332204" s="12"/>
    </row>
    <row r="332205" spans="8:8">
      <c r="H332205" s="12"/>
    </row>
    <row r="332206" spans="8:8">
      <c r="H332206" s="12"/>
    </row>
    <row r="332207" spans="8:8">
      <c r="H332207" s="12"/>
    </row>
    <row r="332208" spans="8:8">
      <c r="H332208" s="12"/>
    </row>
    <row r="332209" spans="8:8">
      <c r="H332209" s="12"/>
    </row>
    <row r="332210" spans="8:8">
      <c r="H332210" s="12"/>
    </row>
    <row r="332211" spans="8:8">
      <c r="H332211" s="12"/>
    </row>
    <row r="332212" spans="8:8">
      <c r="H332212" s="12"/>
    </row>
    <row r="332213" spans="8:8">
      <c r="H332213" s="12"/>
    </row>
    <row r="332214" spans="8:8">
      <c r="H332214" s="12"/>
    </row>
    <row r="332215" spans="8:8">
      <c r="H332215" s="12"/>
    </row>
    <row r="332216" spans="8:8">
      <c r="H332216" s="12"/>
    </row>
    <row r="332217" spans="8:8">
      <c r="H332217" s="12"/>
    </row>
    <row r="332218" spans="8:8">
      <c r="H332218" s="12"/>
    </row>
    <row r="332219" spans="8:8">
      <c r="H332219" s="12"/>
    </row>
    <row r="332220" spans="8:8">
      <c r="H332220" s="12"/>
    </row>
    <row r="332221" spans="8:8">
      <c r="H332221" s="12"/>
    </row>
    <row r="332222" spans="8:8">
      <c r="H332222" s="12"/>
    </row>
    <row r="332223" spans="8:8">
      <c r="H332223" s="12"/>
    </row>
    <row r="332224" spans="8:8">
      <c r="H332224" s="12"/>
    </row>
    <row r="332225" spans="8:8">
      <c r="H332225" s="12"/>
    </row>
    <row r="332226" spans="8:8">
      <c r="H332226" s="12"/>
    </row>
    <row r="332227" spans="8:8">
      <c r="H332227" s="12"/>
    </row>
    <row r="332228" spans="8:8">
      <c r="H332228" s="12"/>
    </row>
    <row r="332229" spans="8:8">
      <c r="H332229" s="12"/>
    </row>
    <row r="332230" spans="8:8">
      <c r="H332230" s="12"/>
    </row>
    <row r="332231" spans="8:8">
      <c r="H332231" s="12"/>
    </row>
    <row r="332232" spans="8:8">
      <c r="H332232" s="12"/>
    </row>
    <row r="332233" spans="8:8">
      <c r="H332233" s="12"/>
    </row>
    <row r="332234" spans="8:8">
      <c r="H332234" s="12"/>
    </row>
    <row r="332235" spans="8:8">
      <c r="H332235" s="12"/>
    </row>
    <row r="332236" spans="8:8">
      <c r="H332236" s="12"/>
    </row>
    <row r="332237" spans="8:8">
      <c r="H332237" s="12"/>
    </row>
    <row r="332238" spans="8:8">
      <c r="H332238" s="12"/>
    </row>
    <row r="332239" spans="8:8">
      <c r="H332239" s="12"/>
    </row>
    <row r="332240" spans="8:8">
      <c r="H332240" s="12"/>
    </row>
    <row r="332241" spans="8:8">
      <c r="H332241" s="12"/>
    </row>
    <row r="332242" spans="8:8">
      <c r="H332242" s="12"/>
    </row>
    <row r="332243" spans="8:8">
      <c r="H332243" s="12"/>
    </row>
    <row r="332244" spans="8:8">
      <c r="H332244" s="12"/>
    </row>
    <row r="332245" spans="8:8">
      <c r="H332245" s="12"/>
    </row>
    <row r="332246" spans="8:8">
      <c r="H332246" s="12"/>
    </row>
    <row r="332247" spans="8:8">
      <c r="H332247" s="12"/>
    </row>
    <row r="332248" spans="8:8">
      <c r="H332248" s="12"/>
    </row>
    <row r="332249" spans="8:8">
      <c r="H332249" s="12"/>
    </row>
    <row r="332250" spans="8:8">
      <c r="H332250" s="12"/>
    </row>
    <row r="332251" spans="8:8">
      <c r="H332251" s="12"/>
    </row>
    <row r="332252" spans="8:8">
      <c r="H332252" s="12"/>
    </row>
    <row r="332253" spans="8:8">
      <c r="H332253" s="12"/>
    </row>
    <row r="332254" spans="8:8">
      <c r="H332254" s="12"/>
    </row>
    <row r="332255" spans="8:8">
      <c r="H332255" s="12"/>
    </row>
    <row r="332256" spans="8:8">
      <c r="H332256" s="12"/>
    </row>
    <row r="332257" spans="8:8">
      <c r="H332257" s="12"/>
    </row>
    <row r="332258" spans="8:8">
      <c r="H332258" s="12"/>
    </row>
    <row r="332259" spans="8:8">
      <c r="H332259" s="12"/>
    </row>
    <row r="332260" spans="8:8">
      <c r="H332260" s="12"/>
    </row>
    <row r="332261" spans="8:8">
      <c r="H332261" s="12"/>
    </row>
    <row r="332262" spans="8:8">
      <c r="H332262" s="12"/>
    </row>
    <row r="332263" spans="8:8">
      <c r="H332263" s="12"/>
    </row>
    <row r="332264" spans="8:8">
      <c r="H332264" s="12"/>
    </row>
    <row r="332265" spans="8:8">
      <c r="H332265" s="12"/>
    </row>
    <row r="332266" spans="8:8">
      <c r="H332266" s="12"/>
    </row>
    <row r="332267" spans="8:8">
      <c r="H332267" s="12"/>
    </row>
    <row r="332268" spans="8:8">
      <c r="H332268" s="12"/>
    </row>
    <row r="332269" spans="8:8">
      <c r="H332269" s="12"/>
    </row>
    <row r="332270" spans="8:8">
      <c r="H332270" s="12"/>
    </row>
    <row r="332271" spans="8:8">
      <c r="H332271" s="12"/>
    </row>
    <row r="332272" spans="8:8">
      <c r="H332272" s="12"/>
    </row>
    <row r="332273" spans="8:8">
      <c r="H332273" s="12"/>
    </row>
    <row r="332274" spans="8:8">
      <c r="H332274" s="12"/>
    </row>
    <row r="332275" spans="8:8">
      <c r="H332275" s="12"/>
    </row>
    <row r="332276" spans="8:8">
      <c r="H332276" s="12"/>
    </row>
    <row r="332277" spans="8:8">
      <c r="H332277" s="12"/>
    </row>
    <row r="332278" spans="8:8">
      <c r="H332278" s="12"/>
    </row>
    <row r="332279" spans="8:8">
      <c r="H332279" s="12"/>
    </row>
    <row r="332280" spans="8:8">
      <c r="H332280" s="12"/>
    </row>
    <row r="332281" spans="8:8">
      <c r="H332281" s="12"/>
    </row>
    <row r="332282" spans="8:8">
      <c r="H332282" s="12"/>
    </row>
    <row r="332283" spans="8:8">
      <c r="H332283" s="12"/>
    </row>
    <row r="332284" spans="8:8">
      <c r="H332284" s="12"/>
    </row>
    <row r="332285" spans="8:8">
      <c r="H332285" s="12"/>
    </row>
    <row r="332286" spans="8:8">
      <c r="H332286" s="12"/>
    </row>
    <row r="332287" spans="8:8">
      <c r="H332287" s="12"/>
    </row>
    <row r="332288" spans="8:8">
      <c r="H332288" s="12"/>
    </row>
    <row r="332289" spans="8:8">
      <c r="H332289" s="12"/>
    </row>
    <row r="332290" spans="8:8">
      <c r="H332290" s="12"/>
    </row>
    <row r="332291" spans="8:8">
      <c r="H332291" s="12"/>
    </row>
    <row r="332292" spans="8:8">
      <c r="H332292" s="12"/>
    </row>
    <row r="332293" spans="8:8">
      <c r="H332293" s="12"/>
    </row>
    <row r="332294" spans="8:8">
      <c r="H332294" s="12"/>
    </row>
    <row r="332295" spans="8:8">
      <c r="H332295" s="12"/>
    </row>
    <row r="332296" spans="8:8">
      <c r="H332296" s="12"/>
    </row>
    <row r="332297" spans="8:8">
      <c r="H332297" s="12"/>
    </row>
    <row r="332298" spans="8:8">
      <c r="H332298" s="12"/>
    </row>
    <row r="332299" spans="8:8">
      <c r="H332299" s="12"/>
    </row>
    <row r="332300" spans="8:8">
      <c r="H332300" s="12"/>
    </row>
    <row r="332301" spans="8:8">
      <c r="H332301" s="12"/>
    </row>
    <row r="332302" spans="8:8">
      <c r="H332302" s="12"/>
    </row>
    <row r="332303" spans="8:8">
      <c r="H332303" s="12"/>
    </row>
    <row r="332304" spans="8:8">
      <c r="H332304" s="12"/>
    </row>
    <row r="332305" spans="8:8">
      <c r="H332305" s="12"/>
    </row>
    <row r="332306" spans="8:8">
      <c r="H332306" s="12"/>
    </row>
    <row r="332307" spans="8:8">
      <c r="H332307" s="12"/>
    </row>
    <row r="332308" spans="8:8">
      <c r="H332308" s="12"/>
    </row>
    <row r="332309" spans="8:8">
      <c r="H332309" s="12"/>
    </row>
    <row r="332310" spans="8:8">
      <c r="H332310" s="12"/>
    </row>
    <row r="332311" spans="8:8">
      <c r="H332311" s="12"/>
    </row>
    <row r="332312" spans="8:8">
      <c r="H332312" s="12"/>
    </row>
    <row r="332313" spans="8:8">
      <c r="H332313" s="12"/>
    </row>
    <row r="332314" spans="8:8">
      <c r="H332314" s="12"/>
    </row>
    <row r="332315" spans="8:8">
      <c r="H332315" s="12"/>
    </row>
    <row r="332316" spans="8:8">
      <c r="H332316" s="12"/>
    </row>
    <row r="332317" spans="8:8">
      <c r="H332317" s="12"/>
    </row>
    <row r="332318" spans="8:8">
      <c r="H332318" s="12"/>
    </row>
    <row r="332319" spans="8:8">
      <c r="H332319" s="12"/>
    </row>
    <row r="332320" spans="8:8">
      <c r="H332320" s="12"/>
    </row>
    <row r="332321" spans="8:8">
      <c r="H332321" s="12"/>
    </row>
    <row r="332322" spans="8:8">
      <c r="H332322" s="12"/>
    </row>
    <row r="332323" spans="8:8">
      <c r="H332323" s="12"/>
    </row>
    <row r="332324" spans="8:8">
      <c r="H332324" s="12"/>
    </row>
    <row r="332325" spans="8:8">
      <c r="H332325" s="12"/>
    </row>
    <row r="332326" spans="8:8">
      <c r="H332326" s="12"/>
    </row>
    <row r="332327" spans="8:8">
      <c r="H332327" s="12"/>
    </row>
    <row r="332328" spans="8:8">
      <c r="H332328" s="12"/>
    </row>
    <row r="332329" spans="8:8">
      <c r="H332329" s="12"/>
    </row>
    <row r="332330" spans="8:8">
      <c r="H332330" s="12"/>
    </row>
    <row r="332331" spans="8:8">
      <c r="H332331" s="12"/>
    </row>
    <row r="332332" spans="8:8">
      <c r="H332332" s="12"/>
    </row>
    <row r="332333" spans="8:8">
      <c r="H332333" s="12"/>
    </row>
    <row r="332334" spans="8:8">
      <c r="H332334" s="12"/>
    </row>
    <row r="332335" spans="8:8">
      <c r="H332335" s="12"/>
    </row>
    <row r="332336" spans="8:8">
      <c r="H332336" s="12"/>
    </row>
    <row r="332337" spans="8:8">
      <c r="H332337" s="12"/>
    </row>
    <row r="332338" spans="8:8">
      <c r="H332338" s="12"/>
    </row>
    <row r="332339" spans="8:8">
      <c r="H332339" s="12"/>
    </row>
    <row r="332340" spans="8:8">
      <c r="H332340" s="12"/>
    </row>
    <row r="332341" spans="8:8">
      <c r="H332341" s="12"/>
    </row>
    <row r="332342" spans="8:8">
      <c r="H332342" s="12"/>
    </row>
    <row r="332343" spans="8:8">
      <c r="H332343" s="12"/>
    </row>
    <row r="332344" spans="8:8">
      <c r="H332344" s="12"/>
    </row>
    <row r="332345" spans="8:8">
      <c r="H332345" s="12"/>
    </row>
    <row r="332346" spans="8:8">
      <c r="H332346" s="12"/>
    </row>
    <row r="332347" spans="8:8">
      <c r="H332347" s="12"/>
    </row>
    <row r="332348" spans="8:8">
      <c r="H332348" s="12"/>
    </row>
    <row r="332349" spans="8:8">
      <c r="H332349" s="12"/>
    </row>
    <row r="332350" spans="8:8">
      <c r="H332350" s="12"/>
    </row>
    <row r="332351" spans="8:8">
      <c r="H332351" s="12"/>
    </row>
    <row r="332352" spans="8:8">
      <c r="H332352" s="12"/>
    </row>
    <row r="332353" spans="8:8">
      <c r="H332353" s="12"/>
    </row>
    <row r="332354" spans="8:8">
      <c r="H332354" s="12"/>
    </row>
    <row r="332355" spans="8:8">
      <c r="H332355" s="12"/>
    </row>
    <row r="332356" spans="8:8">
      <c r="H332356" s="12"/>
    </row>
    <row r="332357" spans="8:8">
      <c r="H332357" s="12"/>
    </row>
    <row r="332358" spans="8:8">
      <c r="H332358" s="12"/>
    </row>
    <row r="332359" spans="8:8">
      <c r="H332359" s="12"/>
    </row>
    <row r="332360" spans="8:8">
      <c r="H332360" s="12"/>
    </row>
    <row r="332361" spans="8:8">
      <c r="H332361" s="12"/>
    </row>
    <row r="332362" spans="8:8">
      <c r="H332362" s="12"/>
    </row>
    <row r="332363" spans="8:8">
      <c r="H332363" s="12"/>
    </row>
    <row r="332364" spans="8:8">
      <c r="H332364" s="12"/>
    </row>
    <row r="332365" spans="8:8">
      <c r="H332365" s="12"/>
    </row>
    <row r="332366" spans="8:8">
      <c r="H332366" s="12"/>
    </row>
    <row r="332367" spans="8:8">
      <c r="H332367" s="12"/>
    </row>
    <row r="332368" spans="8:8">
      <c r="H332368" s="12"/>
    </row>
    <row r="332369" spans="8:8">
      <c r="H332369" s="12"/>
    </row>
    <row r="332370" spans="8:8">
      <c r="H332370" s="12"/>
    </row>
    <row r="332371" spans="8:8">
      <c r="H332371" s="12"/>
    </row>
    <row r="332372" spans="8:8">
      <c r="H332372" s="12"/>
    </row>
    <row r="332373" spans="8:8">
      <c r="H332373" s="12"/>
    </row>
    <row r="332374" spans="8:8">
      <c r="H332374" s="12"/>
    </row>
    <row r="332375" spans="8:8">
      <c r="H332375" s="12"/>
    </row>
    <row r="332376" spans="8:8">
      <c r="H332376" s="12"/>
    </row>
    <row r="332377" spans="8:8">
      <c r="H332377" s="12"/>
    </row>
    <row r="332378" spans="8:8">
      <c r="H332378" s="12"/>
    </row>
    <row r="332379" spans="8:8">
      <c r="H332379" s="12"/>
    </row>
    <row r="332380" spans="8:8">
      <c r="H332380" s="12"/>
    </row>
    <row r="332381" spans="8:8">
      <c r="H332381" s="12"/>
    </row>
    <row r="332382" spans="8:8">
      <c r="H332382" s="12"/>
    </row>
    <row r="332383" spans="8:8">
      <c r="H332383" s="12"/>
    </row>
    <row r="332384" spans="8:8">
      <c r="H332384" s="12"/>
    </row>
    <row r="332385" spans="8:8">
      <c r="H332385" s="12"/>
    </row>
    <row r="332386" spans="8:8">
      <c r="H332386" s="12"/>
    </row>
    <row r="332387" spans="8:8">
      <c r="H332387" s="12"/>
    </row>
    <row r="332388" spans="8:8">
      <c r="H332388" s="12"/>
    </row>
    <row r="332389" spans="8:8">
      <c r="H332389" s="12"/>
    </row>
    <row r="332390" spans="8:8">
      <c r="H332390" s="12"/>
    </row>
    <row r="332391" spans="8:8">
      <c r="H332391" s="12"/>
    </row>
    <row r="332392" spans="8:8">
      <c r="H332392" s="12"/>
    </row>
    <row r="332393" spans="8:8">
      <c r="H332393" s="12"/>
    </row>
    <row r="332394" spans="8:8">
      <c r="H332394" s="12"/>
    </row>
    <row r="332395" spans="8:8">
      <c r="H332395" s="12"/>
    </row>
    <row r="332396" spans="8:8">
      <c r="H332396" s="12"/>
    </row>
    <row r="332397" spans="8:8">
      <c r="H332397" s="12"/>
    </row>
    <row r="332398" spans="8:8">
      <c r="H332398" s="12"/>
    </row>
    <row r="332399" spans="8:8">
      <c r="H332399" s="12"/>
    </row>
    <row r="332400" spans="8:8">
      <c r="H332400" s="12"/>
    </row>
    <row r="332401" spans="8:8">
      <c r="H332401" s="12"/>
    </row>
    <row r="332402" spans="8:8">
      <c r="H332402" s="12"/>
    </row>
    <row r="332403" spans="8:8">
      <c r="H332403" s="12"/>
    </row>
    <row r="332404" spans="8:8">
      <c r="H332404" s="12"/>
    </row>
    <row r="332405" spans="8:8">
      <c r="H332405" s="12"/>
    </row>
    <row r="332406" spans="8:8">
      <c r="H332406" s="12"/>
    </row>
    <row r="332407" spans="8:8">
      <c r="H332407" s="12"/>
    </row>
    <row r="332408" spans="8:8">
      <c r="H332408" s="12"/>
    </row>
    <row r="332409" spans="8:8">
      <c r="H332409" s="12"/>
    </row>
    <row r="332410" spans="8:8">
      <c r="H332410" s="12"/>
    </row>
    <row r="332411" spans="8:8">
      <c r="H332411" s="12"/>
    </row>
    <row r="332412" spans="8:8">
      <c r="H332412" s="12"/>
    </row>
    <row r="332413" spans="8:8">
      <c r="H332413" s="12"/>
    </row>
    <row r="332414" spans="8:8">
      <c r="H332414" s="12"/>
    </row>
    <row r="332415" spans="8:8">
      <c r="H332415" s="12"/>
    </row>
    <row r="332416" spans="8:8">
      <c r="H332416" s="12"/>
    </row>
    <row r="332417" spans="8:8">
      <c r="H332417" s="12"/>
    </row>
    <row r="332418" spans="8:8">
      <c r="H332418" s="12"/>
    </row>
    <row r="332419" spans="8:8">
      <c r="H332419" s="12"/>
    </row>
    <row r="332420" spans="8:8">
      <c r="H332420" s="12"/>
    </row>
    <row r="332421" spans="8:8">
      <c r="H332421" s="12"/>
    </row>
    <row r="332422" spans="8:8">
      <c r="H332422" s="12"/>
    </row>
    <row r="332423" spans="8:8">
      <c r="H332423" s="12"/>
    </row>
    <row r="332424" spans="8:8">
      <c r="H332424" s="12"/>
    </row>
    <row r="332425" spans="8:8">
      <c r="H332425" s="12"/>
    </row>
    <row r="332426" spans="8:8">
      <c r="H332426" s="12"/>
    </row>
    <row r="332427" spans="8:8">
      <c r="H332427" s="12"/>
    </row>
    <row r="332428" spans="8:8">
      <c r="H332428" s="12"/>
    </row>
    <row r="332429" spans="8:8">
      <c r="H332429" s="12"/>
    </row>
    <row r="332430" spans="8:8">
      <c r="H332430" s="12"/>
    </row>
    <row r="332431" spans="8:8">
      <c r="H332431" s="12"/>
    </row>
    <row r="332432" spans="8:8">
      <c r="H332432" s="12"/>
    </row>
    <row r="332433" spans="8:8">
      <c r="H332433" s="12"/>
    </row>
    <row r="332434" spans="8:8">
      <c r="H332434" s="12"/>
    </row>
    <row r="332435" spans="8:8">
      <c r="H332435" s="12"/>
    </row>
    <row r="332436" spans="8:8">
      <c r="H332436" s="12"/>
    </row>
    <row r="332437" spans="8:8">
      <c r="H332437" s="12"/>
    </row>
    <row r="332438" spans="8:8">
      <c r="H332438" s="12"/>
    </row>
    <row r="332439" spans="8:8">
      <c r="H332439" s="12"/>
    </row>
    <row r="332440" spans="8:8">
      <c r="H332440" s="12"/>
    </row>
    <row r="332441" spans="8:8">
      <c r="H332441" s="12"/>
    </row>
    <row r="332442" spans="8:8">
      <c r="H332442" s="12"/>
    </row>
    <row r="332443" spans="8:8">
      <c r="H332443" s="12"/>
    </row>
    <row r="332444" spans="8:8">
      <c r="H332444" s="12"/>
    </row>
    <row r="332445" spans="8:8">
      <c r="H332445" s="12"/>
    </row>
    <row r="332446" spans="8:8">
      <c r="H332446" s="12"/>
    </row>
    <row r="332447" spans="8:8">
      <c r="H332447" s="12"/>
    </row>
    <row r="332448" spans="8:8">
      <c r="H332448" s="12"/>
    </row>
    <row r="332449" spans="8:8">
      <c r="H332449" s="12"/>
    </row>
    <row r="332450" spans="8:8">
      <c r="H332450" s="12"/>
    </row>
    <row r="332451" spans="8:8">
      <c r="H332451" s="12"/>
    </row>
    <row r="332452" spans="8:8">
      <c r="H332452" s="12"/>
    </row>
    <row r="332453" spans="8:8">
      <c r="H332453" s="12"/>
    </row>
    <row r="332454" spans="8:8">
      <c r="H332454" s="12"/>
    </row>
    <row r="332455" spans="8:8">
      <c r="H332455" s="12"/>
    </row>
    <row r="332456" spans="8:8">
      <c r="H332456" s="12"/>
    </row>
    <row r="332457" spans="8:8">
      <c r="H332457" s="12"/>
    </row>
    <row r="332458" spans="8:8">
      <c r="H332458" s="12"/>
    </row>
    <row r="332459" spans="8:8">
      <c r="H332459" s="12"/>
    </row>
    <row r="332460" spans="8:8">
      <c r="H332460" s="12"/>
    </row>
    <row r="332461" spans="8:8">
      <c r="H332461" s="12"/>
    </row>
    <row r="332462" spans="8:8">
      <c r="H332462" s="12"/>
    </row>
    <row r="332463" spans="8:8">
      <c r="H332463" s="12"/>
    </row>
    <row r="332464" spans="8:8">
      <c r="H332464" s="12"/>
    </row>
    <row r="332465" spans="8:8">
      <c r="H332465" s="12"/>
    </row>
    <row r="332466" spans="8:8">
      <c r="H332466" s="12"/>
    </row>
    <row r="332467" spans="8:8">
      <c r="H332467" s="12"/>
    </row>
    <row r="332468" spans="8:8">
      <c r="H332468" s="12"/>
    </row>
    <row r="332469" spans="8:8">
      <c r="H332469" s="12"/>
    </row>
    <row r="332470" spans="8:8">
      <c r="H332470" s="12"/>
    </row>
    <row r="332471" spans="8:8">
      <c r="H332471" s="12"/>
    </row>
    <row r="332472" spans="8:8">
      <c r="H332472" s="12"/>
    </row>
    <row r="332473" spans="8:8">
      <c r="H332473" s="12"/>
    </row>
    <row r="332474" spans="8:8">
      <c r="H332474" s="12"/>
    </row>
    <row r="332475" spans="8:8">
      <c r="H332475" s="12"/>
    </row>
    <row r="332476" spans="8:8">
      <c r="H332476" s="12"/>
    </row>
    <row r="332477" spans="8:8">
      <c r="H332477" s="12"/>
    </row>
    <row r="332478" spans="8:8">
      <c r="H332478" s="12"/>
    </row>
    <row r="332479" spans="8:8">
      <c r="H332479" s="12"/>
    </row>
    <row r="332480" spans="8:8">
      <c r="H332480" s="12"/>
    </row>
    <row r="332481" spans="8:8">
      <c r="H332481" s="12"/>
    </row>
    <row r="332482" spans="8:8">
      <c r="H332482" s="12"/>
    </row>
    <row r="332483" spans="8:8">
      <c r="H332483" s="12"/>
    </row>
    <row r="332484" spans="8:8">
      <c r="H332484" s="12"/>
    </row>
    <row r="332485" spans="8:8">
      <c r="H332485" s="12"/>
    </row>
    <row r="332486" spans="8:8">
      <c r="H332486" s="12"/>
    </row>
    <row r="332487" spans="8:8">
      <c r="H332487" s="12"/>
    </row>
    <row r="332488" spans="8:8">
      <c r="H332488" s="12"/>
    </row>
    <row r="332489" spans="8:8">
      <c r="H332489" s="12"/>
    </row>
    <row r="332490" spans="8:8">
      <c r="H332490" s="12"/>
    </row>
    <row r="332491" spans="8:8">
      <c r="H332491" s="12"/>
    </row>
    <row r="332492" spans="8:8">
      <c r="H332492" s="12"/>
    </row>
    <row r="332493" spans="8:8">
      <c r="H332493" s="12"/>
    </row>
    <row r="332494" spans="8:8">
      <c r="H332494" s="12"/>
    </row>
    <row r="332495" spans="8:8">
      <c r="H332495" s="12"/>
    </row>
    <row r="332496" spans="8:8">
      <c r="H332496" s="12"/>
    </row>
    <row r="332497" spans="8:8">
      <c r="H332497" s="12"/>
    </row>
    <row r="332498" spans="8:8">
      <c r="H332498" s="12"/>
    </row>
    <row r="332499" spans="8:8">
      <c r="H332499" s="12"/>
    </row>
    <row r="332500" spans="8:8">
      <c r="H332500" s="12"/>
    </row>
    <row r="332501" spans="8:8">
      <c r="H332501" s="12"/>
    </row>
    <row r="332502" spans="8:8">
      <c r="H332502" s="12"/>
    </row>
    <row r="332503" spans="8:8">
      <c r="H332503" s="12"/>
    </row>
    <row r="332504" spans="8:8">
      <c r="H332504" s="12"/>
    </row>
    <row r="332505" spans="8:8">
      <c r="H332505" s="12"/>
    </row>
    <row r="332506" spans="8:8">
      <c r="H332506" s="12"/>
    </row>
    <row r="332507" spans="8:8">
      <c r="H332507" s="12"/>
    </row>
    <row r="332508" spans="8:8">
      <c r="H332508" s="12"/>
    </row>
    <row r="332509" spans="8:8">
      <c r="H332509" s="12"/>
    </row>
    <row r="332510" spans="8:8">
      <c r="H332510" s="12"/>
    </row>
    <row r="332511" spans="8:8">
      <c r="H332511" s="12"/>
    </row>
    <row r="332512" spans="8:8">
      <c r="H332512" s="12"/>
    </row>
    <row r="332513" spans="8:8">
      <c r="H332513" s="12"/>
    </row>
    <row r="332514" spans="8:8">
      <c r="H332514" s="12"/>
    </row>
    <row r="332515" spans="8:8">
      <c r="H332515" s="12"/>
    </row>
    <row r="332516" spans="8:8">
      <c r="H332516" s="12"/>
    </row>
    <row r="332517" spans="8:8">
      <c r="H332517" s="12"/>
    </row>
    <row r="332518" spans="8:8">
      <c r="H332518" s="12"/>
    </row>
    <row r="332519" spans="8:8">
      <c r="H332519" s="12"/>
    </row>
    <row r="332520" spans="8:8">
      <c r="H332520" s="12"/>
    </row>
    <row r="332521" spans="8:8">
      <c r="H332521" s="12"/>
    </row>
    <row r="332522" spans="8:8">
      <c r="H332522" s="12"/>
    </row>
    <row r="332523" spans="8:8">
      <c r="H332523" s="12"/>
    </row>
    <row r="332524" spans="8:8">
      <c r="H332524" s="12"/>
    </row>
    <row r="332525" spans="8:8">
      <c r="H332525" s="12"/>
    </row>
    <row r="332526" spans="8:8">
      <c r="H332526" s="12"/>
    </row>
    <row r="332527" spans="8:8">
      <c r="H332527" s="12"/>
    </row>
    <row r="332528" spans="8:8">
      <c r="H332528" s="12"/>
    </row>
    <row r="332529" spans="8:8">
      <c r="H332529" s="12"/>
    </row>
    <row r="332530" spans="8:8">
      <c r="H332530" s="12"/>
    </row>
    <row r="332531" spans="8:8">
      <c r="H332531" s="12"/>
    </row>
    <row r="332532" spans="8:8">
      <c r="H332532" s="12"/>
    </row>
    <row r="332533" spans="8:8">
      <c r="H332533" s="12"/>
    </row>
    <row r="332534" spans="8:8">
      <c r="H332534" s="12"/>
    </row>
    <row r="332535" spans="8:8">
      <c r="H332535" s="12"/>
    </row>
    <row r="332536" spans="8:8">
      <c r="H332536" s="12"/>
    </row>
    <row r="332537" spans="8:8">
      <c r="H332537" s="12"/>
    </row>
    <row r="332538" spans="8:8">
      <c r="H332538" s="12"/>
    </row>
    <row r="332539" spans="8:8">
      <c r="H332539" s="12"/>
    </row>
    <row r="332540" spans="8:8">
      <c r="H332540" s="12"/>
    </row>
    <row r="332541" spans="8:8">
      <c r="H332541" s="12"/>
    </row>
    <row r="332542" spans="8:8">
      <c r="H332542" s="12"/>
    </row>
    <row r="332543" spans="8:8">
      <c r="H332543" s="12"/>
    </row>
    <row r="332544" spans="8:8">
      <c r="H332544" s="12"/>
    </row>
    <row r="332545" spans="8:8">
      <c r="H332545" s="12"/>
    </row>
    <row r="332546" spans="8:8">
      <c r="H332546" s="12"/>
    </row>
    <row r="332547" spans="8:8">
      <c r="H332547" s="12"/>
    </row>
    <row r="332548" spans="8:8">
      <c r="H332548" s="12"/>
    </row>
    <row r="332549" spans="8:8">
      <c r="H332549" s="12"/>
    </row>
    <row r="332550" spans="8:8">
      <c r="H332550" s="12"/>
    </row>
    <row r="332551" spans="8:8">
      <c r="H332551" s="12"/>
    </row>
    <row r="332552" spans="8:8">
      <c r="H332552" s="12"/>
    </row>
    <row r="332553" spans="8:8">
      <c r="H332553" s="12"/>
    </row>
    <row r="332554" spans="8:8">
      <c r="H332554" s="12"/>
    </row>
    <row r="332555" spans="8:8">
      <c r="H332555" s="12"/>
    </row>
    <row r="332556" spans="8:8">
      <c r="H332556" s="12"/>
    </row>
    <row r="332557" spans="8:8">
      <c r="H332557" s="12"/>
    </row>
    <row r="332558" spans="8:8">
      <c r="H332558" s="12"/>
    </row>
    <row r="332559" spans="8:8">
      <c r="H332559" s="12"/>
    </row>
    <row r="332560" spans="8:8">
      <c r="H332560" s="12"/>
    </row>
    <row r="332561" spans="8:8">
      <c r="H332561" s="12"/>
    </row>
    <row r="332562" spans="8:8">
      <c r="H332562" s="12"/>
    </row>
    <row r="332563" spans="8:8">
      <c r="H332563" s="12"/>
    </row>
    <row r="332564" spans="8:8">
      <c r="H332564" s="12"/>
    </row>
    <row r="332565" spans="8:8">
      <c r="H332565" s="12"/>
    </row>
    <row r="332566" spans="8:8">
      <c r="H332566" s="12"/>
    </row>
    <row r="332567" spans="8:8">
      <c r="H332567" s="12"/>
    </row>
    <row r="332568" spans="8:8">
      <c r="H332568" s="12"/>
    </row>
    <row r="332569" spans="8:8">
      <c r="H332569" s="12"/>
    </row>
    <row r="332570" spans="8:8">
      <c r="H332570" s="12"/>
    </row>
    <row r="332571" spans="8:8">
      <c r="H332571" s="12"/>
    </row>
    <row r="332572" spans="8:8">
      <c r="H332572" s="12"/>
    </row>
    <row r="332573" spans="8:8">
      <c r="H332573" s="12"/>
    </row>
    <row r="332574" spans="8:8">
      <c r="H332574" s="12"/>
    </row>
    <row r="332575" spans="8:8">
      <c r="H332575" s="12"/>
    </row>
    <row r="332576" spans="8:8">
      <c r="H332576" s="12"/>
    </row>
    <row r="332577" spans="8:8">
      <c r="H332577" s="12"/>
    </row>
    <row r="332578" spans="8:8">
      <c r="H332578" s="12"/>
    </row>
    <row r="332579" spans="8:8">
      <c r="H332579" s="12"/>
    </row>
    <row r="332580" spans="8:8">
      <c r="H332580" s="12"/>
    </row>
    <row r="332581" spans="8:8">
      <c r="H332581" s="12"/>
    </row>
    <row r="332582" spans="8:8">
      <c r="H332582" s="12"/>
    </row>
    <row r="332583" spans="8:8">
      <c r="H332583" s="12"/>
    </row>
    <row r="332584" spans="8:8">
      <c r="H332584" s="12"/>
    </row>
    <row r="332585" spans="8:8">
      <c r="H332585" s="12"/>
    </row>
    <row r="332586" spans="8:8">
      <c r="H332586" s="12"/>
    </row>
    <row r="332587" spans="8:8">
      <c r="H332587" s="12"/>
    </row>
    <row r="332588" spans="8:8">
      <c r="H332588" s="12"/>
    </row>
    <row r="332589" spans="8:8">
      <c r="H332589" s="12"/>
    </row>
    <row r="332590" spans="8:8">
      <c r="H332590" s="12"/>
    </row>
    <row r="332591" spans="8:8">
      <c r="H332591" s="12"/>
    </row>
    <row r="332592" spans="8:8">
      <c r="H332592" s="12"/>
    </row>
    <row r="332593" spans="8:8">
      <c r="H332593" s="12"/>
    </row>
    <row r="332594" spans="8:8">
      <c r="H332594" s="12"/>
    </row>
    <row r="332595" spans="8:8">
      <c r="H332595" s="12"/>
    </row>
    <row r="332596" spans="8:8">
      <c r="H332596" s="12"/>
    </row>
    <row r="332597" spans="8:8">
      <c r="H332597" s="12"/>
    </row>
    <row r="332598" spans="8:8">
      <c r="H332598" s="12"/>
    </row>
    <row r="332599" spans="8:8">
      <c r="H332599" s="12"/>
    </row>
    <row r="332600" spans="8:8">
      <c r="H332600" s="12"/>
    </row>
    <row r="332601" spans="8:8">
      <c r="H332601" s="12"/>
    </row>
    <row r="332602" spans="8:8">
      <c r="H332602" s="12"/>
    </row>
    <row r="332603" spans="8:8">
      <c r="H332603" s="12"/>
    </row>
    <row r="332604" spans="8:8">
      <c r="H332604" s="12"/>
    </row>
    <row r="332605" spans="8:8">
      <c r="H332605" s="12"/>
    </row>
    <row r="332606" spans="8:8">
      <c r="H332606" s="12"/>
    </row>
    <row r="332607" spans="8:8">
      <c r="H332607" s="12"/>
    </row>
    <row r="332608" spans="8:8">
      <c r="H332608" s="12"/>
    </row>
    <row r="332609" spans="8:8">
      <c r="H332609" s="12"/>
    </row>
    <row r="332610" spans="8:8">
      <c r="H332610" s="12"/>
    </row>
    <row r="332611" spans="8:8">
      <c r="H332611" s="12"/>
    </row>
    <row r="332612" spans="8:8">
      <c r="H332612" s="12"/>
    </row>
    <row r="332613" spans="8:8">
      <c r="H332613" s="12"/>
    </row>
    <row r="332614" spans="8:8">
      <c r="H332614" s="12"/>
    </row>
    <row r="332615" spans="8:8">
      <c r="H332615" s="12"/>
    </row>
    <row r="332616" spans="8:8">
      <c r="H332616" s="12"/>
    </row>
    <row r="332617" spans="8:8">
      <c r="H332617" s="12"/>
    </row>
    <row r="332618" spans="8:8">
      <c r="H332618" s="12"/>
    </row>
    <row r="332619" spans="8:8">
      <c r="H332619" s="12"/>
    </row>
    <row r="332620" spans="8:8">
      <c r="H332620" s="12"/>
    </row>
    <row r="332621" spans="8:8">
      <c r="H332621" s="12"/>
    </row>
    <row r="332622" spans="8:8">
      <c r="H332622" s="12"/>
    </row>
    <row r="332623" spans="8:8">
      <c r="H332623" s="12"/>
    </row>
    <row r="332624" spans="8:8">
      <c r="H332624" s="12"/>
    </row>
    <row r="332625" spans="8:8">
      <c r="H332625" s="12"/>
    </row>
    <row r="332626" spans="8:8">
      <c r="H332626" s="12"/>
    </row>
    <row r="332627" spans="8:8">
      <c r="H332627" s="12"/>
    </row>
    <row r="332628" spans="8:8">
      <c r="H332628" s="12"/>
    </row>
    <row r="332629" spans="8:8">
      <c r="H332629" s="12"/>
    </row>
    <row r="332630" spans="8:8">
      <c r="H332630" s="12"/>
    </row>
    <row r="332631" spans="8:8">
      <c r="H332631" s="12"/>
    </row>
    <row r="332632" spans="8:8">
      <c r="H332632" s="12"/>
    </row>
    <row r="332633" spans="8:8">
      <c r="H332633" s="12"/>
    </row>
    <row r="332634" spans="8:8">
      <c r="H332634" s="12"/>
    </row>
    <row r="332635" spans="8:8">
      <c r="H332635" s="12"/>
    </row>
    <row r="332636" spans="8:8">
      <c r="H332636" s="12"/>
    </row>
    <row r="332637" spans="8:8">
      <c r="H332637" s="12"/>
    </row>
    <row r="332638" spans="8:8">
      <c r="H332638" s="12"/>
    </row>
    <row r="332639" spans="8:8">
      <c r="H332639" s="12"/>
    </row>
    <row r="332640" spans="8:8">
      <c r="H332640" s="12"/>
    </row>
    <row r="332641" spans="8:8">
      <c r="H332641" s="12"/>
    </row>
    <row r="332642" spans="8:8">
      <c r="H332642" s="12"/>
    </row>
    <row r="332643" spans="8:8">
      <c r="H332643" s="12"/>
    </row>
    <row r="332644" spans="8:8">
      <c r="H332644" s="12"/>
    </row>
    <row r="332645" spans="8:8">
      <c r="H332645" s="12"/>
    </row>
    <row r="332646" spans="8:8">
      <c r="H332646" s="12"/>
    </row>
    <row r="332647" spans="8:8">
      <c r="H332647" s="12"/>
    </row>
    <row r="332648" spans="8:8">
      <c r="H332648" s="12"/>
    </row>
    <row r="332649" spans="8:8">
      <c r="H332649" s="12"/>
    </row>
    <row r="332650" spans="8:8">
      <c r="H332650" s="12"/>
    </row>
    <row r="332651" spans="8:8">
      <c r="H332651" s="12"/>
    </row>
    <row r="332652" spans="8:8">
      <c r="H332652" s="12"/>
    </row>
    <row r="332653" spans="8:8">
      <c r="H332653" s="12"/>
    </row>
    <row r="332654" spans="8:8">
      <c r="H332654" s="12"/>
    </row>
    <row r="332655" spans="8:8">
      <c r="H332655" s="12"/>
    </row>
    <row r="332656" spans="8:8">
      <c r="H332656" s="12"/>
    </row>
    <row r="332657" spans="8:8">
      <c r="H332657" s="12"/>
    </row>
    <row r="332658" spans="8:8">
      <c r="H332658" s="12"/>
    </row>
    <row r="332659" spans="8:8">
      <c r="H332659" s="12"/>
    </row>
    <row r="332660" spans="8:8">
      <c r="H332660" s="12"/>
    </row>
    <row r="332661" spans="8:8">
      <c r="H332661" s="12"/>
    </row>
    <row r="332662" spans="8:8">
      <c r="H332662" s="12"/>
    </row>
    <row r="332663" spans="8:8">
      <c r="H332663" s="12"/>
    </row>
    <row r="332664" spans="8:8">
      <c r="H332664" s="12"/>
    </row>
    <row r="332665" spans="8:8">
      <c r="H332665" s="12"/>
    </row>
    <row r="332666" spans="8:8">
      <c r="H332666" s="12"/>
    </row>
    <row r="332667" spans="8:8">
      <c r="H332667" s="12"/>
    </row>
    <row r="332668" spans="8:8">
      <c r="H332668" s="12"/>
    </row>
    <row r="332669" spans="8:8">
      <c r="H332669" s="12"/>
    </row>
    <row r="332670" spans="8:8">
      <c r="H332670" s="12"/>
    </row>
    <row r="332671" spans="8:8">
      <c r="H332671" s="12"/>
    </row>
    <row r="332672" spans="8:8">
      <c r="H332672" s="12"/>
    </row>
    <row r="332673" spans="8:8">
      <c r="H332673" s="12"/>
    </row>
    <row r="332674" spans="8:8">
      <c r="H332674" s="12"/>
    </row>
    <row r="332675" spans="8:8">
      <c r="H332675" s="12"/>
    </row>
    <row r="332676" spans="8:8">
      <c r="H332676" s="12"/>
    </row>
    <row r="332677" spans="8:8">
      <c r="H332677" s="12"/>
    </row>
    <row r="332678" spans="8:8">
      <c r="H332678" s="12"/>
    </row>
    <row r="332679" spans="8:8">
      <c r="H332679" s="12"/>
    </row>
    <row r="332680" spans="8:8">
      <c r="H332680" s="12"/>
    </row>
    <row r="332681" spans="8:8">
      <c r="H332681" s="12"/>
    </row>
    <row r="332682" spans="8:8">
      <c r="H332682" s="12"/>
    </row>
    <row r="332683" spans="8:8">
      <c r="H332683" s="12"/>
    </row>
    <row r="332684" spans="8:8">
      <c r="H332684" s="12"/>
    </row>
    <row r="332685" spans="8:8">
      <c r="H332685" s="12"/>
    </row>
    <row r="332686" spans="8:8">
      <c r="H332686" s="12"/>
    </row>
    <row r="332687" spans="8:8">
      <c r="H332687" s="12"/>
    </row>
    <row r="332688" spans="8:8">
      <c r="H332688" s="12"/>
    </row>
    <row r="332689" spans="8:8">
      <c r="H332689" s="12"/>
    </row>
    <row r="332690" spans="8:8">
      <c r="H332690" s="12"/>
    </row>
    <row r="332691" spans="8:8">
      <c r="H332691" s="12"/>
    </row>
    <row r="332692" spans="8:8">
      <c r="H332692" s="12"/>
    </row>
    <row r="332693" spans="8:8">
      <c r="H332693" s="12"/>
    </row>
    <row r="332694" spans="8:8">
      <c r="H332694" s="12"/>
    </row>
    <row r="332695" spans="8:8">
      <c r="H332695" s="12"/>
    </row>
    <row r="332696" spans="8:8">
      <c r="H332696" s="12"/>
    </row>
    <row r="332697" spans="8:8">
      <c r="H332697" s="12"/>
    </row>
    <row r="332698" spans="8:8">
      <c r="H332698" s="12"/>
    </row>
    <row r="332699" spans="8:8">
      <c r="H332699" s="12"/>
    </row>
    <row r="332700" spans="8:8">
      <c r="H332700" s="12"/>
    </row>
    <row r="332701" spans="8:8">
      <c r="H332701" s="12"/>
    </row>
    <row r="332702" spans="8:8">
      <c r="H332702" s="12"/>
    </row>
    <row r="332703" spans="8:8">
      <c r="H332703" s="12"/>
    </row>
    <row r="332704" spans="8:8">
      <c r="H332704" s="12"/>
    </row>
    <row r="332705" spans="8:8">
      <c r="H332705" s="12"/>
    </row>
    <row r="332706" spans="8:8">
      <c r="H332706" s="12"/>
    </row>
    <row r="332707" spans="8:8">
      <c r="H332707" s="12"/>
    </row>
    <row r="332708" spans="8:8">
      <c r="H332708" s="12"/>
    </row>
    <row r="332709" spans="8:8">
      <c r="H332709" s="12"/>
    </row>
    <row r="332710" spans="8:8">
      <c r="H332710" s="12"/>
    </row>
    <row r="332711" spans="8:8">
      <c r="H332711" s="12"/>
    </row>
    <row r="332712" spans="8:8">
      <c r="H332712" s="12"/>
    </row>
    <row r="332713" spans="8:8">
      <c r="H332713" s="12"/>
    </row>
    <row r="332714" spans="8:8">
      <c r="H332714" s="12"/>
    </row>
    <row r="332715" spans="8:8">
      <c r="H332715" s="12"/>
    </row>
    <row r="332716" spans="8:8">
      <c r="H332716" s="12"/>
    </row>
    <row r="332717" spans="8:8">
      <c r="H332717" s="12"/>
    </row>
    <row r="332718" spans="8:8">
      <c r="H332718" s="12"/>
    </row>
    <row r="332719" spans="8:8">
      <c r="H332719" s="12"/>
    </row>
    <row r="332720" spans="8:8">
      <c r="H332720" s="12"/>
    </row>
    <row r="332721" spans="8:8">
      <c r="H332721" s="12"/>
    </row>
    <row r="332722" spans="8:8">
      <c r="H332722" s="12"/>
    </row>
    <row r="332723" spans="8:8">
      <c r="H332723" s="12"/>
    </row>
    <row r="332724" spans="8:8">
      <c r="H332724" s="12"/>
    </row>
    <row r="332725" spans="8:8">
      <c r="H332725" s="12"/>
    </row>
    <row r="332726" spans="8:8">
      <c r="H332726" s="12"/>
    </row>
    <row r="332727" spans="8:8">
      <c r="H332727" s="12"/>
    </row>
    <row r="332728" spans="8:8">
      <c r="H332728" s="12"/>
    </row>
    <row r="332729" spans="8:8">
      <c r="H332729" s="12"/>
    </row>
    <row r="332730" spans="8:8">
      <c r="H332730" s="12"/>
    </row>
    <row r="332731" spans="8:8">
      <c r="H332731" s="12"/>
    </row>
    <row r="332732" spans="8:8">
      <c r="H332732" s="12"/>
    </row>
    <row r="332733" spans="8:8">
      <c r="H332733" s="12"/>
    </row>
    <row r="332734" spans="8:8">
      <c r="H332734" s="12"/>
    </row>
    <row r="332735" spans="8:8">
      <c r="H332735" s="12"/>
    </row>
    <row r="332736" spans="8:8">
      <c r="H332736" s="12"/>
    </row>
    <row r="332737" spans="8:8">
      <c r="H332737" s="12"/>
    </row>
    <row r="332738" spans="8:8">
      <c r="H332738" s="12"/>
    </row>
    <row r="332739" spans="8:8">
      <c r="H332739" s="12"/>
    </row>
    <row r="332740" spans="8:8">
      <c r="H332740" s="12"/>
    </row>
    <row r="332741" spans="8:8">
      <c r="H332741" s="12"/>
    </row>
    <row r="332742" spans="8:8">
      <c r="H332742" s="12"/>
    </row>
    <row r="332743" spans="8:8">
      <c r="H332743" s="12"/>
    </row>
    <row r="332744" spans="8:8">
      <c r="H332744" s="12"/>
    </row>
    <row r="332745" spans="8:8">
      <c r="H332745" s="12"/>
    </row>
    <row r="332746" spans="8:8">
      <c r="H332746" s="12"/>
    </row>
    <row r="332747" spans="8:8">
      <c r="H332747" s="12"/>
    </row>
    <row r="332748" spans="8:8">
      <c r="H332748" s="12"/>
    </row>
    <row r="332749" spans="8:8">
      <c r="H332749" s="12"/>
    </row>
    <row r="332750" spans="8:8">
      <c r="H332750" s="12"/>
    </row>
    <row r="332751" spans="8:8">
      <c r="H332751" s="12"/>
    </row>
    <row r="332752" spans="8:8">
      <c r="H332752" s="12"/>
    </row>
    <row r="332753" spans="8:8">
      <c r="H332753" s="12"/>
    </row>
    <row r="332754" spans="8:8">
      <c r="H332754" s="12"/>
    </row>
    <row r="332755" spans="8:8">
      <c r="H332755" s="12"/>
    </row>
    <row r="332756" spans="8:8">
      <c r="H332756" s="12"/>
    </row>
    <row r="332757" spans="8:8">
      <c r="H332757" s="12"/>
    </row>
    <row r="332758" spans="8:8">
      <c r="H332758" s="12"/>
    </row>
    <row r="332759" spans="8:8">
      <c r="H332759" s="12"/>
    </row>
    <row r="332760" spans="8:8">
      <c r="H332760" s="12"/>
    </row>
    <row r="332761" spans="8:8">
      <c r="H332761" s="12"/>
    </row>
    <row r="332762" spans="8:8">
      <c r="H332762" s="12"/>
    </row>
    <row r="332763" spans="8:8">
      <c r="H332763" s="12"/>
    </row>
    <row r="332764" spans="8:8">
      <c r="H332764" s="12"/>
    </row>
    <row r="332765" spans="8:8">
      <c r="H332765" s="12"/>
    </row>
    <row r="332766" spans="8:8">
      <c r="H332766" s="12"/>
    </row>
    <row r="332767" spans="8:8">
      <c r="H332767" s="12"/>
    </row>
    <row r="332768" spans="8:8">
      <c r="H332768" s="12"/>
    </row>
    <row r="332769" spans="8:8">
      <c r="H332769" s="12"/>
    </row>
    <row r="332770" spans="8:8">
      <c r="H332770" s="12"/>
    </row>
    <row r="332771" spans="8:8">
      <c r="H332771" s="12"/>
    </row>
    <row r="332772" spans="8:8">
      <c r="H332772" s="12"/>
    </row>
    <row r="332773" spans="8:8">
      <c r="H332773" s="12"/>
    </row>
    <row r="332774" spans="8:8">
      <c r="H332774" s="12"/>
    </row>
    <row r="332775" spans="8:8">
      <c r="H332775" s="12"/>
    </row>
    <row r="332776" spans="8:8">
      <c r="H332776" s="12"/>
    </row>
    <row r="332777" spans="8:8">
      <c r="H332777" s="12"/>
    </row>
    <row r="332778" spans="8:8">
      <c r="H332778" s="12"/>
    </row>
    <row r="332779" spans="8:8">
      <c r="H332779" s="12"/>
    </row>
    <row r="332780" spans="8:8">
      <c r="H332780" s="12"/>
    </row>
    <row r="332781" spans="8:8">
      <c r="H332781" s="12"/>
    </row>
    <row r="332782" spans="8:8">
      <c r="H332782" s="12"/>
    </row>
    <row r="332783" spans="8:8">
      <c r="H332783" s="12"/>
    </row>
    <row r="332784" spans="8:8">
      <c r="H332784" s="12"/>
    </row>
    <row r="332785" spans="8:8">
      <c r="H332785" s="12"/>
    </row>
    <row r="332786" spans="8:8">
      <c r="H332786" s="12"/>
    </row>
    <row r="332787" spans="8:8">
      <c r="H332787" s="12"/>
    </row>
    <row r="332788" spans="8:8">
      <c r="H332788" s="12"/>
    </row>
    <row r="332789" spans="8:8">
      <c r="H332789" s="12"/>
    </row>
    <row r="332790" spans="8:8">
      <c r="H332790" s="12"/>
    </row>
    <row r="332791" spans="8:8">
      <c r="H332791" s="12"/>
    </row>
    <row r="332792" spans="8:8">
      <c r="H332792" s="12"/>
    </row>
    <row r="332793" spans="8:8">
      <c r="H332793" s="12"/>
    </row>
    <row r="332794" spans="8:8">
      <c r="H332794" s="12"/>
    </row>
    <row r="332795" spans="8:8">
      <c r="H332795" s="12"/>
    </row>
    <row r="332796" spans="8:8">
      <c r="H332796" s="12"/>
    </row>
    <row r="332797" spans="8:8">
      <c r="H332797" s="12"/>
    </row>
    <row r="332798" spans="8:8">
      <c r="H332798" s="12"/>
    </row>
    <row r="332799" spans="8:8">
      <c r="H332799" s="12"/>
    </row>
    <row r="332800" spans="8:8">
      <c r="H332800" s="12"/>
    </row>
    <row r="332801" spans="8:8">
      <c r="H332801" s="12"/>
    </row>
    <row r="332802" spans="8:8">
      <c r="H332802" s="12"/>
    </row>
    <row r="332803" spans="8:8">
      <c r="H332803" s="12"/>
    </row>
    <row r="332804" spans="8:8">
      <c r="H332804" s="12"/>
    </row>
    <row r="332805" spans="8:8">
      <c r="H332805" s="12"/>
    </row>
    <row r="332806" spans="8:8">
      <c r="H332806" s="12"/>
    </row>
    <row r="332807" spans="8:8">
      <c r="H332807" s="12"/>
    </row>
    <row r="332808" spans="8:8">
      <c r="H332808" s="12"/>
    </row>
    <row r="332809" spans="8:8">
      <c r="H332809" s="12"/>
    </row>
    <row r="332810" spans="8:8">
      <c r="H332810" s="12"/>
    </row>
    <row r="332811" spans="8:8">
      <c r="H332811" s="12"/>
    </row>
    <row r="332812" spans="8:8">
      <c r="H332812" s="12"/>
    </row>
    <row r="332813" spans="8:8">
      <c r="H332813" s="12"/>
    </row>
    <row r="332814" spans="8:8">
      <c r="H332814" s="12"/>
    </row>
    <row r="332815" spans="8:8">
      <c r="H332815" s="12"/>
    </row>
    <row r="332816" spans="8:8">
      <c r="H332816" s="12"/>
    </row>
    <row r="332817" spans="8:8">
      <c r="H332817" s="12"/>
    </row>
    <row r="332818" spans="8:8">
      <c r="H332818" s="12"/>
    </row>
    <row r="332819" spans="8:8">
      <c r="H332819" s="12"/>
    </row>
    <row r="332820" spans="8:8">
      <c r="H332820" s="12"/>
    </row>
    <row r="332821" spans="8:8">
      <c r="H332821" s="12"/>
    </row>
    <row r="332822" spans="8:8">
      <c r="H332822" s="12"/>
    </row>
    <row r="332823" spans="8:8">
      <c r="H332823" s="12"/>
    </row>
    <row r="332824" spans="8:8">
      <c r="H332824" s="12"/>
    </row>
    <row r="332825" spans="8:8">
      <c r="H332825" s="12"/>
    </row>
    <row r="332826" spans="8:8">
      <c r="H332826" s="12"/>
    </row>
    <row r="332827" spans="8:8">
      <c r="H332827" s="12"/>
    </row>
    <row r="332828" spans="8:8">
      <c r="H332828" s="12"/>
    </row>
    <row r="332829" spans="8:8">
      <c r="H332829" s="12"/>
    </row>
    <row r="332830" spans="8:8">
      <c r="H332830" s="12"/>
    </row>
    <row r="332831" spans="8:8">
      <c r="H332831" s="12"/>
    </row>
    <row r="332832" spans="8:8">
      <c r="H332832" s="12"/>
    </row>
    <row r="332833" spans="8:8">
      <c r="H332833" s="12"/>
    </row>
    <row r="332834" spans="8:8">
      <c r="H332834" s="12"/>
    </row>
    <row r="332835" spans="8:8">
      <c r="H332835" s="12"/>
    </row>
    <row r="332836" spans="8:8">
      <c r="H332836" s="12"/>
    </row>
    <row r="332837" spans="8:8">
      <c r="H332837" s="12"/>
    </row>
    <row r="332838" spans="8:8">
      <c r="H332838" s="12"/>
    </row>
    <row r="332839" spans="8:8">
      <c r="H332839" s="12"/>
    </row>
    <row r="332840" spans="8:8">
      <c r="H332840" s="12"/>
    </row>
    <row r="332841" spans="8:8">
      <c r="H332841" s="12"/>
    </row>
    <row r="332842" spans="8:8">
      <c r="H332842" s="12"/>
    </row>
    <row r="332843" spans="8:8">
      <c r="H332843" s="12"/>
    </row>
    <row r="332844" spans="8:8">
      <c r="H332844" s="12"/>
    </row>
    <row r="332845" spans="8:8">
      <c r="H332845" s="12"/>
    </row>
    <row r="332846" spans="8:8">
      <c r="H332846" s="12"/>
    </row>
    <row r="332847" spans="8:8">
      <c r="H332847" s="12"/>
    </row>
    <row r="332848" spans="8:8">
      <c r="H332848" s="12"/>
    </row>
    <row r="332849" spans="8:8">
      <c r="H332849" s="12"/>
    </row>
    <row r="332850" spans="8:8">
      <c r="H332850" s="12"/>
    </row>
    <row r="332851" spans="8:8">
      <c r="H332851" s="12"/>
    </row>
    <row r="332852" spans="8:8">
      <c r="H332852" s="12"/>
    </row>
    <row r="332853" spans="8:8">
      <c r="H332853" s="12"/>
    </row>
    <row r="332854" spans="8:8">
      <c r="H332854" s="12"/>
    </row>
    <row r="332855" spans="8:8">
      <c r="H332855" s="12"/>
    </row>
    <row r="332856" spans="8:8">
      <c r="H332856" s="12"/>
    </row>
    <row r="332857" spans="8:8">
      <c r="H332857" s="12"/>
    </row>
    <row r="332858" spans="8:8">
      <c r="H332858" s="12"/>
    </row>
    <row r="332859" spans="8:8">
      <c r="H332859" s="12"/>
    </row>
    <row r="332860" spans="8:8">
      <c r="H332860" s="12"/>
    </row>
    <row r="332861" spans="8:8">
      <c r="H332861" s="12"/>
    </row>
    <row r="332862" spans="8:8">
      <c r="H332862" s="12"/>
    </row>
    <row r="332863" spans="8:8">
      <c r="H332863" s="12"/>
    </row>
    <row r="332864" spans="8:8">
      <c r="H332864" s="12"/>
    </row>
    <row r="332865" spans="8:8">
      <c r="H332865" s="12"/>
    </row>
    <row r="332866" spans="8:8">
      <c r="H332866" s="12"/>
    </row>
    <row r="332867" spans="8:8">
      <c r="H332867" s="12"/>
    </row>
    <row r="332868" spans="8:8">
      <c r="H332868" s="12"/>
    </row>
    <row r="332869" spans="8:8">
      <c r="H332869" s="12"/>
    </row>
    <row r="332870" spans="8:8">
      <c r="H332870" s="12"/>
    </row>
    <row r="332871" spans="8:8">
      <c r="H332871" s="12"/>
    </row>
    <row r="332872" spans="8:8">
      <c r="H332872" s="12"/>
    </row>
    <row r="332873" spans="8:8">
      <c r="H332873" s="12"/>
    </row>
    <row r="332874" spans="8:8">
      <c r="H332874" s="12"/>
    </row>
    <row r="332875" spans="8:8">
      <c r="H332875" s="12"/>
    </row>
    <row r="332876" spans="8:8">
      <c r="H332876" s="12"/>
    </row>
    <row r="332877" spans="8:8">
      <c r="H332877" s="12"/>
    </row>
    <row r="332878" spans="8:8">
      <c r="H332878" s="12"/>
    </row>
    <row r="332879" spans="8:8">
      <c r="H332879" s="12"/>
    </row>
    <row r="332880" spans="8:8">
      <c r="H332880" s="12"/>
    </row>
    <row r="332881" spans="8:8">
      <c r="H332881" s="12"/>
    </row>
    <row r="332882" spans="8:8">
      <c r="H332882" s="12"/>
    </row>
    <row r="332883" spans="8:8">
      <c r="H332883" s="12"/>
    </row>
    <row r="332884" spans="8:8">
      <c r="H332884" s="12"/>
    </row>
    <row r="332885" spans="8:8">
      <c r="H332885" s="12"/>
    </row>
    <row r="332886" spans="8:8">
      <c r="H332886" s="12"/>
    </row>
    <row r="332887" spans="8:8">
      <c r="H332887" s="12"/>
    </row>
    <row r="332888" spans="8:8">
      <c r="H332888" s="12"/>
    </row>
    <row r="332889" spans="8:8">
      <c r="H332889" s="12"/>
    </row>
    <row r="332890" spans="8:8">
      <c r="H332890" s="12"/>
    </row>
    <row r="332891" spans="8:8">
      <c r="H332891" s="12"/>
    </row>
    <row r="332892" spans="8:8">
      <c r="H332892" s="12"/>
    </row>
    <row r="332893" spans="8:8">
      <c r="H332893" s="12"/>
    </row>
    <row r="332894" spans="8:8">
      <c r="H332894" s="12"/>
    </row>
    <row r="332895" spans="8:8">
      <c r="H332895" s="12"/>
    </row>
    <row r="332896" spans="8:8">
      <c r="H332896" s="12"/>
    </row>
    <row r="332897" spans="8:8">
      <c r="H332897" s="12"/>
    </row>
    <row r="332898" spans="8:8">
      <c r="H332898" s="12"/>
    </row>
    <row r="332899" spans="8:8">
      <c r="H332899" s="12"/>
    </row>
    <row r="332900" spans="8:8">
      <c r="H332900" s="12"/>
    </row>
    <row r="332901" spans="8:8">
      <c r="H332901" s="12"/>
    </row>
    <row r="332902" spans="8:8">
      <c r="H332902" s="12"/>
    </row>
    <row r="332903" spans="8:8">
      <c r="H332903" s="12"/>
    </row>
    <row r="332904" spans="8:8">
      <c r="H332904" s="12"/>
    </row>
    <row r="332905" spans="8:8">
      <c r="H332905" s="12"/>
    </row>
    <row r="332906" spans="8:8">
      <c r="H332906" s="12"/>
    </row>
    <row r="332907" spans="8:8">
      <c r="H332907" s="12"/>
    </row>
    <row r="332908" spans="8:8">
      <c r="H332908" s="12"/>
    </row>
    <row r="332909" spans="8:8">
      <c r="H332909" s="12"/>
    </row>
    <row r="332910" spans="8:8">
      <c r="H332910" s="12"/>
    </row>
    <row r="332911" spans="8:8">
      <c r="H332911" s="12"/>
    </row>
    <row r="332912" spans="8:8">
      <c r="H332912" s="12"/>
    </row>
    <row r="332913" spans="8:8">
      <c r="H332913" s="12"/>
    </row>
    <row r="332914" spans="8:8">
      <c r="H332914" s="12"/>
    </row>
    <row r="332915" spans="8:8">
      <c r="H332915" s="12"/>
    </row>
    <row r="332916" spans="8:8">
      <c r="H332916" s="12"/>
    </row>
    <row r="332917" spans="8:8">
      <c r="H332917" s="12"/>
    </row>
    <row r="332918" spans="8:8">
      <c r="H332918" s="12"/>
    </row>
    <row r="332919" spans="8:8">
      <c r="H332919" s="12"/>
    </row>
    <row r="332920" spans="8:8">
      <c r="H332920" s="12"/>
    </row>
    <row r="332921" spans="8:8">
      <c r="H332921" s="12"/>
    </row>
    <row r="332922" spans="8:8">
      <c r="H332922" s="12"/>
    </row>
    <row r="332923" spans="8:8">
      <c r="H332923" s="12"/>
    </row>
    <row r="332924" spans="8:8">
      <c r="H332924" s="12"/>
    </row>
    <row r="332925" spans="8:8">
      <c r="H332925" s="12"/>
    </row>
    <row r="332926" spans="8:8">
      <c r="H332926" s="12"/>
    </row>
    <row r="332927" spans="8:8">
      <c r="H332927" s="12"/>
    </row>
    <row r="332928" spans="8:8">
      <c r="H332928" s="12"/>
    </row>
    <row r="332929" spans="8:8">
      <c r="H332929" s="12"/>
    </row>
    <row r="332930" spans="8:8">
      <c r="H332930" s="12"/>
    </row>
    <row r="332931" spans="8:8">
      <c r="H332931" s="12"/>
    </row>
    <row r="332932" spans="8:8">
      <c r="H332932" s="12"/>
    </row>
    <row r="332933" spans="8:8">
      <c r="H332933" s="12"/>
    </row>
    <row r="332934" spans="8:8">
      <c r="H332934" s="12"/>
    </row>
    <row r="332935" spans="8:8">
      <c r="H332935" s="12"/>
    </row>
    <row r="332936" spans="8:8">
      <c r="H332936" s="12"/>
    </row>
    <row r="332937" spans="8:8">
      <c r="H332937" s="12"/>
    </row>
    <row r="332938" spans="8:8">
      <c r="H332938" s="12"/>
    </row>
    <row r="332939" spans="8:8">
      <c r="H332939" s="12"/>
    </row>
    <row r="332940" spans="8:8">
      <c r="H332940" s="12"/>
    </row>
    <row r="332941" spans="8:8">
      <c r="H332941" s="12"/>
    </row>
    <row r="332942" spans="8:8">
      <c r="H332942" s="12"/>
    </row>
    <row r="332943" spans="8:8">
      <c r="H332943" s="12"/>
    </row>
    <row r="332944" spans="8:8">
      <c r="H332944" s="12"/>
    </row>
    <row r="332945" spans="8:8">
      <c r="H332945" s="12"/>
    </row>
    <row r="332946" spans="8:8">
      <c r="H332946" s="12"/>
    </row>
    <row r="332947" spans="8:8">
      <c r="H332947" s="12"/>
    </row>
    <row r="332948" spans="8:8">
      <c r="H332948" s="12"/>
    </row>
    <row r="332949" spans="8:8">
      <c r="H332949" s="12"/>
    </row>
    <row r="332950" spans="8:8">
      <c r="H332950" s="12"/>
    </row>
    <row r="332951" spans="8:8">
      <c r="H332951" s="12"/>
    </row>
    <row r="332952" spans="8:8">
      <c r="H332952" s="12"/>
    </row>
    <row r="332953" spans="8:8">
      <c r="H332953" s="12"/>
    </row>
    <row r="332954" spans="8:8">
      <c r="H332954" s="12"/>
    </row>
    <row r="332955" spans="8:8">
      <c r="H332955" s="12"/>
    </row>
    <row r="332956" spans="8:8">
      <c r="H332956" s="12"/>
    </row>
    <row r="332957" spans="8:8">
      <c r="H332957" s="12"/>
    </row>
    <row r="332958" spans="8:8">
      <c r="H332958" s="12"/>
    </row>
    <row r="332959" spans="8:8">
      <c r="H332959" s="12"/>
    </row>
    <row r="332960" spans="8:8">
      <c r="H332960" s="12"/>
    </row>
    <row r="332961" spans="8:8">
      <c r="H332961" s="12"/>
    </row>
    <row r="332962" spans="8:8">
      <c r="H332962" s="12"/>
    </row>
    <row r="332963" spans="8:8">
      <c r="H332963" s="12"/>
    </row>
    <row r="332964" spans="8:8">
      <c r="H332964" s="12"/>
    </row>
    <row r="332965" spans="8:8">
      <c r="H332965" s="12"/>
    </row>
    <row r="332966" spans="8:8">
      <c r="H332966" s="12"/>
    </row>
    <row r="332967" spans="8:8">
      <c r="H332967" s="12"/>
    </row>
    <row r="332968" spans="8:8">
      <c r="H332968" s="12"/>
    </row>
    <row r="332969" spans="8:8">
      <c r="H332969" s="12"/>
    </row>
    <row r="332970" spans="8:8">
      <c r="H332970" s="12"/>
    </row>
    <row r="332971" spans="8:8">
      <c r="H332971" s="12"/>
    </row>
    <row r="332972" spans="8:8">
      <c r="H332972" s="12"/>
    </row>
    <row r="332973" spans="8:8">
      <c r="H332973" s="12"/>
    </row>
    <row r="332974" spans="8:8">
      <c r="H332974" s="12"/>
    </row>
    <row r="332975" spans="8:8">
      <c r="H332975" s="12"/>
    </row>
    <row r="332976" spans="8:8">
      <c r="H332976" s="12"/>
    </row>
    <row r="332977" spans="8:8">
      <c r="H332977" s="12"/>
    </row>
    <row r="332978" spans="8:8">
      <c r="H332978" s="12"/>
    </row>
    <row r="332979" spans="8:8">
      <c r="H332979" s="12"/>
    </row>
    <row r="332980" spans="8:8">
      <c r="H332980" s="12"/>
    </row>
    <row r="332981" spans="8:8">
      <c r="H332981" s="12"/>
    </row>
    <row r="332982" spans="8:8">
      <c r="H332982" s="12"/>
    </row>
    <row r="332983" spans="8:8">
      <c r="H332983" s="12"/>
    </row>
    <row r="332984" spans="8:8">
      <c r="H332984" s="12"/>
    </row>
    <row r="332985" spans="8:8">
      <c r="H332985" s="12"/>
    </row>
    <row r="332986" spans="8:8">
      <c r="H332986" s="12"/>
    </row>
    <row r="332987" spans="8:8">
      <c r="H332987" s="12"/>
    </row>
    <row r="332988" spans="8:8">
      <c r="H332988" s="12"/>
    </row>
    <row r="332989" spans="8:8">
      <c r="H332989" s="12"/>
    </row>
    <row r="332990" spans="8:8">
      <c r="H332990" s="12"/>
    </row>
    <row r="332991" spans="8:8">
      <c r="H332991" s="12"/>
    </row>
    <row r="332992" spans="8:8">
      <c r="H332992" s="12"/>
    </row>
    <row r="332993" spans="8:8">
      <c r="H332993" s="12"/>
    </row>
    <row r="332994" spans="8:8">
      <c r="H332994" s="12"/>
    </row>
    <row r="332995" spans="8:8">
      <c r="H332995" s="12"/>
    </row>
    <row r="332996" spans="8:8">
      <c r="H332996" s="12"/>
    </row>
    <row r="332997" spans="8:8">
      <c r="H332997" s="12"/>
    </row>
    <row r="332998" spans="8:8">
      <c r="H332998" s="12"/>
    </row>
    <row r="332999" spans="8:8">
      <c r="H332999" s="12"/>
    </row>
    <row r="333000" spans="8:8">
      <c r="H333000" s="12"/>
    </row>
    <row r="333001" spans="8:8">
      <c r="H333001" s="12"/>
    </row>
    <row r="333002" spans="8:8">
      <c r="H333002" s="12"/>
    </row>
    <row r="333003" spans="8:8">
      <c r="H333003" s="12"/>
    </row>
    <row r="333004" spans="8:8">
      <c r="H333004" s="12"/>
    </row>
    <row r="333005" spans="8:8">
      <c r="H333005" s="12"/>
    </row>
    <row r="333006" spans="8:8">
      <c r="H333006" s="12"/>
    </row>
    <row r="333007" spans="8:8">
      <c r="H333007" s="12"/>
    </row>
    <row r="333008" spans="8:8">
      <c r="H333008" s="12"/>
    </row>
    <row r="333009" spans="8:8">
      <c r="H333009" s="12"/>
    </row>
    <row r="333010" spans="8:8">
      <c r="H333010" s="12"/>
    </row>
    <row r="333011" spans="8:8">
      <c r="H333011" s="12"/>
    </row>
    <row r="333012" spans="8:8">
      <c r="H333012" s="12"/>
    </row>
    <row r="333013" spans="8:8">
      <c r="H333013" s="12"/>
    </row>
    <row r="333014" spans="8:8">
      <c r="H333014" s="12"/>
    </row>
    <row r="333015" spans="8:8">
      <c r="H333015" s="12"/>
    </row>
    <row r="333016" spans="8:8">
      <c r="H333016" s="12"/>
    </row>
    <row r="333017" spans="8:8">
      <c r="H333017" s="12"/>
    </row>
    <row r="333018" spans="8:8">
      <c r="H333018" s="12"/>
    </row>
    <row r="333019" spans="8:8">
      <c r="H333019" s="12"/>
    </row>
    <row r="333020" spans="8:8">
      <c r="H333020" s="12"/>
    </row>
    <row r="333021" spans="8:8">
      <c r="H333021" s="12"/>
    </row>
    <row r="333022" spans="8:8">
      <c r="H333022" s="12"/>
    </row>
    <row r="333023" spans="8:8">
      <c r="H333023" s="12"/>
    </row>
    <row r="333024" spans="8:8">
      <c r="H333024" s="12"/>
    </row>
    <row r="333025" spans="8:8">
      <c r="H333025" s="12"/>
    </row>
    <row r="333026" spans="8:8">
      <c r="H333026" s="12"/>
    </row>
    <row r="333027" spans="8:8">
      <c r="H333027" s="12"/>
    </row>
    <row r="333028" spans="8:8">
      <c r="H333028" s="12"/>
    </row>
    <row r="333029" spans="8:8">
      <c r="H333029" s="12"/>
    </row>
    <row r="333030" spans="8:8">
      <c r="H333030" s="12"/>
    </row>
    <row r="333031" spans="8:8">
      <c r="H333031" s="12"/>
    </row>
    <row r="333032" spans="8:8">
      <c r="H333032" s="12"/>
    </row>
    <row r="333033" spans="8:8">
      <c r="H333033" s="12"/>
    </row>
    <row r="333034" spans="8:8">
      <c r="H333034" s="12"/>
    </row>
    <row r="333035" spans="8:8">
      <c r="H333035" s="12"/>
    </row>
    <row r="333036" spans="8:8">
      <c r="H333036" s="12"/>
    </row>
    <row r="333037" spans="8:8">
      <c r="H333037" s="12"/>
    </row>
    <row r="333038" spans="8:8">
      <c r="H333038" s="12"/>
    </row>
    <row r="333039" spans="8:8">
      <c r="H333039" s="12"/>
    </row>
    <row r="333040" spans="8:8">
      <c r="H333040" s="12"/>
    </row>
    <row r="333041" spans="8:8">
      <c r="H333041" s="12"/>
    </row>
    <row r="333042" spans="8:8">
      <c r="H333042" s="12"/>
    </row>
    <row r="333043" spans="8:8">
      <c r="H333043" s="12"/>
    </row>
    <row r="333044" spans="8:8">
      <c r="H333044" s="12"/>
    </row>
    <row r="333045" spans="8:8">
      <c r="H333045" s="12"/>
    </row>
    <row r="333046" spans="8:8">
      <c r="H333046" s="12"/>
    </row>
    <row r="333047" spans="8:8">
      <c r="H333047" s="12"/>
    </row>
    <row r="333048" spans="8:8">
      <c r="H333048" s="12"/>
    </row>
    <row r="333049" spans="8:8">
      <c r="H333049" s="12"/>
    </row>
    <row r="333050" spans="8:8">
      <c r="H333050" s="12"/>
    </row>
    <row r="333051" spans="8:8">
      <c r="H333051" s="12"/>
    </row>
    <row r="333052" spans="8:8">
      <c r="H333052" s="12"/>
    </row>
    <row r="333053" spans="8:8">
      <c r="H333053" s="12"/>
    </row>
    <row r="333054" spans="8:8">
      <c r="H333054" s="12"/>
    </row>
    <row r="333055" spans="8:8">
      <c r="H333055" s="12"/>
    </row>
    <row r="333056" spans="8:8">
      <c r="H333056" s="12"/>
    </row>
    <row r="333057" spans="8:8">
      <c r="H333057" s="12"/>
    </row>
    <row r="333058" spans="8:8">
      <c r="H333058" s="12"/>
    </row>
    <row r="333059" spans="8:8">
      <c r="H333059" s="12"/>
    </row>
    <row r="333060" spans="8:8">
      <c r="H333060" s="12"/>
    </row>
    <row r="333061" spans="8:8">
      <c r="H333061" s="12"/>
    </row>
    <row r="333062" spans="8:8">
      <c r="H333062" s="12"/>
    </row>
    <row r="333063" spans="8:8">
      <c r="H333063" s="12"/>
    </row>
    <row r="333064" spans="8:8">
      <c r="H333064" s="12"/>
    </row>
    <row r="333065" spans="8:8">
      <c r="H333065" s="12"/>
    </row>
    <row r="333066" spans="8:8">
      <c r="H333066" s="12"/>
    </row>
    <row r="333067" spans="8:8">
      <c r="H333067" s="12"/>
    </row>
    <row r="333068" spans="8:8">
      <c r="H333068" s="12"/>
    </row>
    <row r="333069" spans="8:8">
      <c r="H333069" s="12"/>
    </row>
    <row r="333070" spans="8:8">
      <c r="H333070" s="12"/>
    </row>
    <row r="333071" spans="8:8">
      <c r="H333071" s="12"/>
    </row>
    <row r="333072" spans="8:8">
      <c r="H333072" s="12"/>
    </row>
    <row r="333073" spans="8:8">
      <c r="H333073" s="12"/>
    </row>
    <row r="333074" spans="8:8">
      <c r="H333074" s="12"/>
    </row>
    <row r="333075" spans="8:8">
      <c r="H333075" s="12"/>
    </row>
    <row r="333076" spans="8:8">
      <c r="H333076" s="12"/>
    </row>
    <row r="333077" spans="8:8">
      <c r="H333077" s="12"/>
    </row>
    <row r="333078" spans="8:8">
      <c r="H333078" s="12"/>
    </row>
    <row r="333079" spans="8:8">
      <c r="H333079" s="12"/>
    </row>
    <row r="333080" spans="8:8">
      <c r="H333080" s="12"/>
    </row>
    <row r="333081" spans="8:8">
      <c r="H333081" s="12"/>
    </row>
    <row r="333082" spans="8:8">
      <c r="H333082" s="12"/>
    </row>
    <row r="333083" spans="8:8">
      <c r="H333083" s="12"/>
    </row>
    <row r="333084" spans="8:8">
      <c r="H333084" s="12"/>
    </row>
    <row r="333085" spans="8:8">
      <c r="H333085" s="12"/>
    </row>
    <row r="333086" spans="8:8">
      <c r="H333086" s="12"/>
    </row>
    <row r="333087" spans="8:8">
      <c r="H333087" s="12"/>
    </row>
    <row r="333088" spans="8:8">
      <c r="H333088" s="12"/>
    </row>
    <row r="333089" spans="8:8">
      <c r="H333089" s="12"/>
    </row>
    <row r="333090" spans="8:8">
      <c r="H333090" s="12"/>
    </row>
    <row r="333091" spans="8:8">
      <c r="H333091" s="12"/>
    </row>
    <row r="333092" spans="8:8">
      <c r="H333092" s="12"/>
    </row>
    <row r="333093" spans="8:8">
      <c r="H333093" s="12"/>
    </row>
    <row r="333094" spans="8:8">
      <c r="H333094" s="12"/>
    </row>
    <row r="333095" spans="8:8">
      <c r="H333095" s="12"/>
    </row>
    <row r="333096" spans="8:8">
      <c r="H333096" s="12"/>
    </row>
    <row r="333097" spans="8:8">
      <c r="H333097" s="12"/>
    </row>
    <row r="333098" spans="8:8">
      <c r="H333098" s="12"/>
    </row>
    <row r="333099" spans="8:8">
      <c r="H333099" s="12"/>
    </row>
    <row r="333100" spans="8:8">
      <c r="H333100" s="12"/>
    </row>
    <row r="333101" spans="8:8">
      <c r="H333101" s="12"/>
    </row>
    <row r="333102" spans="8:8">
      <c r="H333102" s="12"/>
    </row>
    <row r="333103" spans="8:8">
      <c r="H333103" s="12"/>
    </row>
    <row r="333104" spans="8:8">
      <c r="H333104" s="12"/>
    </row>
    <row r="333105" spans="8:8">
      <c r="H333105" s="12"/>
    </row>
    <row r="333106" spans="8:8">
      <c r="H333106" s="12"/>
    </row>
    <row r="333107" spans="8:8">
      <c r="H333107" s="12"/>
    </row>
    <row r="333108" spans="8:8">
      <c r="H333108" s="12"/>
    </row>
    <row r="333109" spans="8:8">
      <c r="H333109" s="12"/>
    </row>
    <row r="333110" spans="8:8">
      <c r="H333110" s="12"/>
    </row>
    <row r="333111" spans="8:8">
      <c r="H333111" s="12"/>
    </row>
    <row r="333112" spans="8:8">
      <c r="H333112" s="12"/>
    </row>
    <row r="333113" spans="8:8">
      <c r="H333113" s="12"/>
    </row>
    <row r="333114" spans="8:8">
      <c r="H333114" s="12"/>
    </row>
    <row r="333115" spans="8:8">
      <c r="H333115" s="12"/>
    </row>
    <row r="333116" spans="8:8">
      <c r="H333116" s="12"/>
    </row>
    <row r="333117" spans="8:8">
      <c r="H333117" s="12"/>
    </row>
    <row r="333118" spans="8:8">
      <c r="H333118" s="12"/>
    </row>
    <row r="333119" spans="8:8">
      <c r="H333119" s="12"/>
    </row>
    <row r="333120" spans="8:8">
      <c r="H333120" s="12"/>
    </row>
    <row r="333121" spans="8:8">
      <c r="H333121" s="12"/>
    </row>
    <row r="333122" spans="8:8">
      <c r="H333122" s="12"/>
    </row>
    <row r="333123" spans="8:8">
      <c r="H333123" s="12"/>
    </row>
    <row r="333124" spans="8:8">
      <c r="H333124" s="12"/>
    </row>
    <row r="333125" spans="8:8">
      <c r="H333125" s="12"/>
    </row>
    <row r="333126" spans="8:8">
      <c r="H333126" s="12"/>
    </row>
    <row r="333127" spans="8:8">
      <c r="H333127" s="12"/>
    </row>
    <row r="333128" spans="8:8">
      <c r="H333128" s="12"/>
    </row>
    <row r="333129" spans="8:8">
      <c r="H333129" s="12"/>
    </row>
    <row r="333130" spans="8:8">
      <c r="H333130" s="12"/>
    </row>
    <row r="333131" spans="8:8">
      <c r="H333131" s="12"/>
    </row>
    <row r="333132" spans="8:8">
      <c r="H333132" s="12"/>
    </row>
    <row r="333133" spans="8:8">
      <c r="H333133" s="12"/>
    </row>
    <row r="333134" spans="8:8">
      <c r="H333134" s="12"/>
    </row>
    <row r="333135" spans="8:8">
      <c r="H333135" s="12"/>
    </row>
    <row r="333136" spans="8:8">
      <c r="H333136" s="12"/>
    </row>
    <row r="333137" spans="8:8">
      <c r="H333137" s="12"/>
    </row>
    <row r="333138" spans="8:8">
      <c r="H333138" s="12"/>
    </row>
    <row r="333139" spans="8:8">
      <c r="H333139" s="12"/>
    </row>
    <row r="333140" spans="8:8">
      <c r="H333140" s="12"/>
    </row>
    <row r="333141" spans="8:8">
      <c r="H333141" s="12"/>
    </row>
    <row r="333142" spans="8:8">
      <c r="H333142" s="12"/>
    </row>
    <row r="333143" spans="8:8">
      <c r="H333143" s="12"/>
    </row>
    <row r="333144" spans="8:8">
      <c r="H333144" s="12"/>
    </row>
    <row r="333145" spans="8:8">
      <c r="H333145" s="12"/>
    </row>
    <row r="333146" spans="8:8">
      <c r="H333146" s="12"/>
    </row>
    <row r="333147" spans="8:8">
      <c r="H333147" s="12"/>
    </row>
    <row r="333148" spans="8:8">
      <c r="H333148" s="12"/>
    </row>
    <row r="333149" spans="8:8">
      <c r="H333149" s="12"/>
    </row>
    <row r="333150" spans="8:8">
      <c r="H333150" s="12"/>
    </row>
    <row r="333151" spans="8:8">
      <c r="H333151" s="12"/>
    </row>
    <row r="333152" spans="8:8">
      <c r="H333152" s="12"/>
    </row>
    <row r="333153" spans="8:8">
      <c r="H333153" s="12"/>
    </row>
    <row r="333154" spans="8:8">
      <c r="H333154" s="12"/>
    </row>
    <row r="333155" spans="8:8">
      <c r="H333155" s="12"/>
    </row>
    <row r="333156" spans="8:8">
      <c r="H333156" s="12"/>
    </row>
    <row r="333157" spans="8:8">
      <c r="H333157" s="12"/>
    </row>
    <row r="333158" spans="8:8">
      <c r="H333158" s="12"/>
    </row>
    <row r="333159" spans="8:8">
      <c r="H333159" s="12"/>
    </row>
    <row r="333160" spans="8:8">
      <c r="H333160" s="12"/>
    </row>
    <row r="333161" spans="8:8">
      <c r="H333161" s="12"/>
    </row>
    <row r="333162" spans="8:8">
      <c r="H333162" s="12"/>
    </row>
    <row r="333163" spans="8:8">
      <c r="H333163" s="12"/>
    </row>
    <row r="333164" spans="8:8">
      <c r="H333164" s="12"/>
    </row>
    <row r="333165" spans="8:8">
      <c r="H333165" s="12"/>
    </row>
    <row r="333166" spans="8:8">
      <c r="H333166" s="12"/>
    </row>
    <row r="333167" spans="8:8">
      <c r="H333167" s="12"/>
    </row>
    <row r="333168" spans="8:8">
      <c r="H333168" s="12"/>
    </row>
    <row r="333169" spans="8:8">
      <c r="H333169" s="12"/>
    </row>
    <row r="333170" spans="8:8">
      <c r="H333170" s="12"/>
    </row>
    <row r="333171" spans="8:8">
      <c r="H333171" s="12"/>
    </row>
    <row r="333172" spans="8:8">
      <c r="H333172" s="12"/>
    </row>
    <row r="333173" spans="8:8">
      <c r="H333173" s="12"/>
    </row>
    <row r="333174" spans="8:8">
      <c r="H333174" s="12"/>
    </row>
    <row r="333175" spans="8:8">
      <c r="H333175" s="12"/>
    </row>
    <row r="333176" spans="8:8">
      <c r="H333176" s="12"/>
    </row>
    <row r="333177" spans="8:8">
      <c r="H333177" s="12"/>
    </row>
    <row r="333178" spans="8:8">
      <c r="H333178" s="12"/>
    </row>
    <row r="333179" spans="8:8">
      <c r="H333179" s="12"/>
    </row>
    <row r="333180" spans="8:8">
      <c r="H333180" s="12"/>
    </row>
    <row r="333181" spans="8:8">
      <c r="H333181" s="12"/>
    </row>
    <row r="333182" spans="8:8">
      <c r="H333182" s="12"/>
    </row>
    <row r="333183" spans="8:8">
      <c r="H333183" s="12"/>
    </row>
    <row r="333184" spans="8:8">
      <c r="H333184" s="12"/>
    </row>
    <row r="333185" spans="8:8">
      <c r="H333185" s="12"/>
    </row>
    <row r="333186" spans="8:8">
      <c r="H333186" s="12"/>
    </row>
    <row r="333187" spans="8:8">
      <c r="H333187" s="12"/>
    </row>
    <row r="333188" spans="8:8">
      <c r="H333188" s="12"/>
    </row>
    <row r="333189" spans="8:8">
      <c r="H333189" s="12"/>
    </row>
    <row r="333190" spans="8:8">
      <c r="H333190" s="12"/>
    </row>
    <row r="333191" spans="8:8">
      <c r="H333191" s="12"/>
    </row>
    <row r="333192" spans="8:8">
      <c r="H333192" s="12"/>
    </row>
    <row r="333193" spans="8:8">
      <c r="H333193" s="12"/>
    </row>
    <row r="333194" spans="8:8">
      <c r="H333194" s="12"/>
    </row>
    <row r="333195" spans="8:8">
      <c r="H333195" s="12"/>
    </row>
    <row r="333196" spans="8:8">
      <c r="H333196" s="12"/>
    </row>
    <row r="333197" spans="8:8">
      <c r="H333197" s="12"/>
    </row>
    <row r="333198" spans="8:8">
      <c r="H333198" s="12"/>
    </row>
    <row r="333199" spans="8:8">
      <c r="H333199" s="12"/>
    </row>
    <row r="333200" spans="8:8">
      <c r="H333200" s="12"/>
    </row>
    <row r="333201" spans="8:8">
      <c r="H333201" s="12"/>
    </row>
    <row r="333202" spans="8:8">
      <c r="H333202" s="12"/>
    </row>
    <row r="333203" spans="8:8">
      <c r="H333203" s="12"/>
    </row>
    <row r="333204" spans="8:8">
      <c r="H333204" s="12"/>
    </row>
    <row r="333205" spans="8:8">
      <c r="H333205" s="12"/>
    </row>
    <row r="333206" spans="8:8">
      <c r="H333206" s="12"/>
    </row>
    <row r="333207" spans="8:8">
      <c r="H333207" s="12"/>
    </row>
    <row r="333208" spans="8:8">
      <c r="H333208" s="12"/>
    </row>
    <row r="333209" spans="8:8">
      <c r="H333209" s="12"/>
    </row>
    <row r="333210" spans="8:8">
      <c r="H333210" s="12"/>
    </row>
    <row r="333211" spans="8:8">
      <c r="H333211" s="12"/>
    </row>
    <row r="333212" spans="8:8">
      <c r="H333212" s="12"/>
    </row>
    <row r="333213" spans="8:8">
      <c r="H333213" s="12"/>
    </row>
    <row r="333214" spans="8:8">
      <c r="H333214" s="12"/>
    </row>
    <row r="333215" spans="8:8">
      <c r="H333215" s="12"/>
    </row>
    <row r="333216" spans="8:8">
      <c r="H333216" s="12"/>
    </row>
    <row r="333217" spans="8:8">
      <c r="H333217" s="12"/>
    </row>
    <row r="333218" spans="8:8">
      <c r="H333218" s="12"/>
    </row>
    <row r="333219" spans="8:8">
      <c r="H333219" s="12"/>
    </row>
    <row r="333220" spans="8:8">
      <c r="H333220" s="12"/>
    </row>
    <row r="333221" spans="8:8">
      <c r="H333221" s="12"/>
    </row>
    <row r="333222" spans="8:8">
      <c r="H333222" s="12"/>
    </row>
    <row r="333223" spans="8:8">
      <c r="H333223" s="12"/>
    </row>
    <row r="333224" spans="8:8">
      <c r="H333224" s="12"/>
    </row>
    <row r="333225" spans="8:8">
      <c r="H333225" s="12"/>
    </row>
    <row r="333226" spans="8:8">
      <c r="H333226" s="12"/>
    </row>
    <row r="333227" spans="8:8">
      <c r="H333227" s="12"/>
    </row>
    <row r="333228" spans="8:8">
      <c r="H333228" s="12"/>
    </row>
    <row r="333229" spans="8:8">
      <c r="H333229" s="12"/>
    </row>
    <row r="333230" spans="8:8">
      <c r="H333230" s="12"/>
    </row>
    <row r="333231" spans="8:8">
      <c r="H333231" s="12"/>
    </row>
    <row r="333232" spans="8:8">
      <c r="H333232" s="12"/>
    </row>
    <row r="333233" spans="8:8">
      <c r="H333233" s="12"/>
    </row>
    <row r="333234" spans="8:8">
      <c r="H333234" s="12"/>
    </row>
    <row r="333235" spans="8:8">
      <c r="H333235" s="12"/>
    </row>
    <row r="333236" spans="8:8">
      <c r="H333236" s="12"/>
    </row>
    <row r="333237" spans="8:8">
      <c r="H333237" s="12"/>
    </row>
    <row r="333238" spans="8:8">
      <c r="H333238" s="12"/>
    </row>
    <row r="333239" spans="8:8">
      <c r="H333239" s="12"/>
    </row>
    <row r="333240" spans="8:8">
      <c r="H333240" s="12"/>
    </row>
    <row r="333241" spans="8:8">
      <c r="H333241" s="12"/>
    </row>
    <row r="333242" spans="8:8">
      <c r="H333242" s="12"/>
    </row>
    <row r="333243" spans="8:8">
      <c r="H333243" s="12"/>
    </row>
    <row r="333244" spans="8:8">
      <c r="H333244" s="12"/>
    </row>
    <row r="333245" spans="8:8">
      <c r="H333245" s="12"/>
    </row>
    <row r="333246" spans="8:8">
      <c r="H333246" s="12"/>
    </row>
    <row r="333247" spans="8:8">
      <c r="H333247" s="12"/>
    </row>
    <row r="333248" spans="8:8">
      <c r="H333248" s="12"/>
    </row>
    <row r="333249" spans="8:8">
      <c r="H333249" s="12"/>
    </row>
    <row r="333250" spans="8:8">
      <c r="H333250" s="12"/>
    </row>
    <row r="333251" spans="8:8">
      <c r="H333251" s="12"/>
    </row>
    <row r="333252" spans="8:8">
      <c r="H333252" s="12"/>
    </row>
    <row r="333253" spans="8:8">
      <c r="H333253" s="12"/>
    </row>
    <row r="333254" spans="8:8">
      <c r="H333254" s="12"/>
    </row>
    <row r="333255" spans="8:8">
      <c r="H333255" s="12"/>
    </row>
    <row r="333256" spans="8:8">
      <c r="H333256" s="12"/>
    </row>
    <row r="333257" spans="8:8">
      <c r="H333257" s="12"/>
    </row>
    <row r="333258" spans="8:8">
      <c r="H333258" s="12"/>
    </row>
    <row r="333259" spans="8:8">
      <c r="H333259" s="12"/>
    </row>
    <row r="333260" spans="8:8">
      <c r="H333260" s="12"/>
    </row>
    <row r="333261" spans="8:8">
      <c r="H333261" s="12"/>
    </row>
    <row r="333262" spans="8:8">
      <c r="H333262" s="12"/>
    </row>
    <row r="333263" spans="8:8">
      <c r="H333263" s="12"/>
    </row>
    <row r="333264" spans="8:8">
      <c r="H333264" s="12"/>
    </row>
    <row r="333265" spans="8:8">
      <c r="H333265" s="12"/>
    </row>
    <row r="333266" spans="8:8">
      <c r="H333266" s="12"/>
    </row>
    <row r="333267" spans="8:8">
      <c r="H333267" s="12"/>
    </row>
    <row r="333268" spans="8:8">
      <c r="H333268" s="12"/>
    </row>
    <row r="333269" spans="8:8">
      <c r="H333269" s="12"/>
    </row>
    <row r="333270" spans="8:8">
      <c r="H333270" s="12"/>
    </row>
    <row r="333271" spans="8:8">
      <c r="H333271" s="12"/>
    </row>
    <row r="333272" spans="8:8">
      <c r="H333272" s="12"/>
    </row>
    <row r="333273" spans="8:8">
      <c r="H333273" s="12"/>
    </row>
    <row r="333274" spans="8:8">
      <c r="H333274" s="12"/>
    </row>
    <row r="333275" spans="8:8">
      <c r="H333275" s="12"/>
    </row>
    <row r="333276" spans="8:8">
      <c r="H333276" s="12"/>
    </row>
    <row r="333277" spans="8:8">
      <c r="H333277" s="12"/>
    </row>
    <row r="333278" spans="8:8">
      <c r="H333278" s="12"/>
    </row>
    <row r="333279" spans="8:8">
      <c r="H333279" s="12"/>
    </row>
    <row r="333280" spans="8:8">
      <c r="H333280" s="12"/>
    </row>
    <row r="333281" spans="8:8">
      <c r="H333281" s="12"/>
    </row>
    <row r="333282" spans="8:8">
      <c r="H333282" s="12"/>
    </row>
    <row r="333283" spans="8:8">
      <c r="H333283" s="12"/>
    </row>
    <row r="333284" spans="8:8">
      <c r="H333284" s="12"/>
    </row>
    <row r="333285" spans="8:8">
      <c r="H333285" s="12"/>
    </row>
    <row r="333286" spans="8:8">
      <c r="H333286" s="12"/>
    </row>
    <row r="333287" spans="8:8">
      <c r="H333287" s="12"/>
    </row>
    <row r="333288" spans="8:8">
      <c r="H333288" s="12"/>
    </row>
    <row r="333289" spans="8:8">
      <c r="H333289" s="12"/>
    </row>
    <row r="333290" spans="8:8">
      <c r="H333290" s="12"/>
    </row>
    <row r="333291" spans="8:8">
      <c r="H333291" s="12"/>
    </row>
    <row r="333292" spans="8:8">
      <c r="H333292" s="12"/>
    </row>
    <row r="333293" spans="8:8">
      <c r="H333293" s="12"/>
    </row>
    <row r="333294" spans="8:8">
      <c r="H333294" s="12"/>
    </row>
    <row r="333295" spans="8:8">
      <c r="H333295" s="12"/>
    </row>
    <row r="333296" spans="8:8">
      <c r="H333296" s="12"/>
    </row>
    <row r="333297" spans="8:8">
      <c r="H333297" s="12"/>
    </row>
    <row r="333298" spans="8:8">
      <c r="H333298" s="12"/>
    </row>
    <row r="333299" spans="8:8">
      <c r="H333299" s="12"/>
    </row>
    <row r="333300" spans="8:8">
      <c r="H333300" s="12"/>
    </row>
    <row r="333301" spans="8:8">
      <c r="H333301" s="12"/>
    </row>
    <row r="333302" spans="8:8">
      <c r="H333302" s="12"/>
    </row>
    <row r="333303" spans="8:8">
      <c r="H333303" s="12"/>
    </row>
    <row r="333304" spans="8:8">
      <c r="H333304" s="12"/>
    </row>
    <row r="333305" spans="8:8">
      <c r="H333305" s="12"/>
    </row>
    <row r="333306" spans="8:8">
      <c r="H333306" s="12"/>
    </row>
    <row r="333307" spans="8:8">
      <c r="H333307" s="12"/>
    </row>
    <row r="333308" spans="8:8">
      <c r="H333308" s="12"/>
    </row>
    <row r="333309" spans="8:8">
      <c r="H333309" s="12"/>
    </row>
    <row r="333310" spans="8:8">
      <c r="H333310" s="12"/>
    </row>
    <row r="333311" spans="8:8">
      <c r="H333311" s="12"/>
    </row>
    <row r="333312" spans="8:8">
      <c r="H333312" s="12"/>
    </row>
    <row r="333313" spans="8:8">
      <c r="H333313" s="12"/>
    </row>
    <row r="333314" spans="8:8">
      <c r="H333314" s="12"/>
    </row>
    <row r="333315" spans="8:8">
      <c r="H333315" s="12"/>
    </row>
    <row r="333316" spans="8:8">
      <c r="H333316" s="12"/>
    </row>
    <row r="333317" spans="8:8">
      <c r="H333317" s="12"/>
    </row>
    <row r="333318" spans="8:8">
      <c r="H333318" s="12"/>
    </row>
    <row r="333319" spans="8:8">
      <c r="H333319" s="12"/>
    </row>
    <row r="333320" spans="8:8">
      <c r="H333320" s="12"/>
    </row>
    <row r="333321" spans="8:8">
      <c r="H333321" s="12"/>
    </row>
    <row r="333322" spans="8:8">
      <c r="H333322" s="12"/>
    </row>
    <row r="333323" spans="8:8">
      <c r="H333323" s="12"/>
    </row>
    <row r="333324" spans="8:8">
      <c r="H333324" s="12"/>
    </row>
    <row r="333325" spans="8:8">
      <c r="H333325" s="12"/>
    </row>
    <row r="333326" spans="8:8">
      <c r="H333326" s="12"/>
    </row>
    <row r="333327" spans="8:8">
      <c r="H333327" s="12"/>
    </row>
    <row r="333328" spans="8:8">
      <c r="H333328" s="12"/>
    </row>
    <row r="333329" spans="8:8">
      <c r="H333329" s="12"/>
    </row>
    <row r="333330" spans="8:8">
      <c r="H333330" s="12"/>
    </row>
    <row r="333331" spans="8:8">
      <c r="H333331" s="12"/>
    </row>
    <row r="333332" spans="8:8">
      <c r="H333332" s="12"/>
    </row>
    <row r="333333" spans="8:8">
      <c r="H333333" s="12"/>
    </row>
    <row r="333334" spans="8:8">
      <c r="H333334" s="12"/>
    </row>
    <row r="333335" spans="8:8">
      <c r="H333335" s="12"/>
    </row>
    <row r="333336" spans="8:8">
      <c r="H333336" s="12"/>
    </row>
    <row r="333337" spans="8:8">
      <c r="H333337" s="12"/>
    </row>
    <row r="333338" spans="8:8">
      <c r="H333338" s="12"/>
    </row>
    <row r="333339" spans="8:8">
      <c r="H333339" s="12"/>
    </row>
    <row r="333340" spans="8:8">
      <c r="H333340" s="12"/>
    </row>
    <row r="333341" spans="8:8">
      <c r="H333341" s="12"/>
    </row>
    <row r="333342" spans="8:8">
      <c r="H333342" s="12"/>
    </row>
    <row r="333343" spans="8:8">
      <c r="H333343" s="12"/>
    </row>
    <row r="333344" spans="8:8">
      <c r="H333344" s="12"/>
    </row>
    <row r="333345" spans="8:8">
      <c r="H333345" s="12"/>
    </row>
    <row r="333346" spans="8:8">
      <c r="H333346" s="12"/>
    </row>
    <row r="333347" spans="8:8">
      <c r="H333347" s="12"/>
    </row>
    <row r="333348" spans="8:8">
      <c r="H333348" s="12"/>
    </row>
    <row r="333349" spans="8:8">
      <c r="H333349" s="12"/>
    </row>
    <row r="333350" spans="8:8">
      <c r="H333350" s="12"/>
    </row>
    <row r="333351" spans="8:8">
      <c r="H333351" s="12"/>
    </row>
    <row r="333352" spans="8:8">
      <c r="H333352" s="12"/>
    </row>
    <row r="333353" spans="8:8">
      <c r="H333353" s="12"/>
    </row>
    <row r="333354" spans="8:8">
      <c r="H333354" s="12"/>
    </row>
    <row r="333355" spans="8:8">
      <c r="H333355" s="12"/>
    </row>
    <row r="333356" spans="8:8">
      <c r="H333356" s="12"/>
    </row>
    <row r="333357" spans="8:8">
      <c r="H333357" s="12"/>
    </row>
    <row r="333358" spans="8:8">
      <c r="H333358" s="12"/>
    </row>
    <row r="333359" spans="8:8">
      <c r="H333359" s="12"/>
    </row>
    <row r="333360" spans="8:8">
      <c r="H333360" s="12"/>
    </row>
    <row r="333361" spans="8:8">
      <c r="H333361" s="12"/>
    </row>
    <row r="333362" spans="8:8">
      <c r="H333362" s="12"/>
    </row>
    <row r="333363" spans="8:8">
      <c r="H333363" s="12"/>
    </row>
    <row r="333364" spans="8:8">
      <c r="H333364" s="12"/>
    </row>
    <row r="333365" spans="8:8">
      <c r="H333365" s="12"/>
    </row>
    <row r="333366" spans="8:8">
      <c r="H333366" s="12"/>
    </row>
    <row r="333367" spans="8:8">
      <c r="H333367" s="12"/>
    </row>
    <row r="333368" spans="8:8">
      <c r="H333368" s="12"/>
    </row>
    <row r="333369" spans="8:8">
      <c r="H333369" s="12"/>
    </row>
    <row r="333370" spans="8:8">
      <c r="H333370" s="12"/>
    </row>
    <row r="333371" spans="8:8">
      <c r="H333371" s="12"/>
    </row>
    <row r="333372" spans="8:8">
      <c r="H333372" s="12"/>
    </row>
    <row r="333373" spans="8:8">
      <c r="H333373" s="12"/>
    </row>
    <row r="333374" spans="8:8">
      <c r="H333374" s="12"/>
    </row>
    <row r="333375" spans="8:8">
      <c r="H333375" s="12"/>
    </row>
    <row r="333376" spans="8:8">
      <c r="H333376" s="12"/>
    </row>
    <row r="333377" spans="8:8">
      <c r="H333377" s="12"/>
    </row>
    <row r="333378" spans="8:8">
      <c r="H333378" s="12"/>
    </row>
    <row r="333379" spans="8:8">
      <c r="H333379" s="12"/>
    </row>
    <row r="333380" spans="8:8">
      <c r="H333380" s="12"/>
    </row>
    <row r="333381" spans="8:8">
      <c r="H333381" s="12"/>
    </row>
    <row r="333382" spans="8:8">
      <c r="H333382" s="12"/>
    </row>
    <row r="333383" spans="8:8">
      <c r="H333383" s="12"/>
    </row>
    <row r="333384" spans="8:8">
      <c r="H333384" s="12"/>
    </row>
    <row r="333385" spans="8:8">
      <c r="H333385" s="12"/>
    </row>
    <row r="333386" spans="8:8">
      <c r="H333386" s="12"/>
    </row>
    <row r="333387" spans="8:8">
      <c r="H333387" s="12"/>
    </row>
    <row r="333388" spans="8:8">
      <c r="H333388" s="12"/>
    </row>
    <row r="333389" spans="8:8">
      <c r="H333389" s="12"/>
    </row>
    <row r="333390" spans="8:8">
      <c r="H333390" s="12"/>
    </row>
    <row r="333391" spans="8:8">
      <c r="H333391" s="12"/>
    </row>
    <row r="333392" spans="8:8">
      <c r="H333392" s="12"/>
    </row>
    <row r="333393" spans="8:8">
      <c r="H333393" s="12"/>
    </row>
    <row r="333394" spans="8:8">
      <c r="H333394" s="12"/>
    </row>
    <row r="333395" spans="8:8">
      <c r="H333395" s="12"/>
    </row>
    <row r="333396" spans="8:8">
      <c r="H333396" s="12"/>
    </row>
    <row r="333397" spans="8:8">
      <c r="H333397" s="12"/>
    </row>
    <row r="333398" spans="8:8">
      <c r="H333398" s="12"/>
    </row>
    <row r="333399" spans="8:8">
      <c r="H333399" s="12"/>
    </row>
    <row r="333400" spans="8:8">
      <c r="H333400" s="12"/>
    </row>
    <row r="333401" spans="8:8">
      <c r="H333401" s="12"/>
    </row>
    <row r="333402" spans="8:8">
      <c r="H333402" s="12"/>
    </row>
    <row r="333403" spans="8:8">
      <c r="H333403" s="12"/>
    </row>
    <row r="333404" spans="8:8">
      <c r="H333404" s="12"/>
    </row>
    <row r="333405" spans="8:8">
      <c r="H333405" s="12"/>
    </row>
    <row r="333406" spans="8:8">
      <c r="H333406" s="12"/>
    </row>
    <row r="333407" spans="8:8">
      <c r="H333407" s="12"/>
    </row>
    <row r="333408" spans="8:8">
      <c r="H333408" s="12"/>
    </row>
    <row r="333409" spans="8:8">
      <c r="H333409" s="12"/>
    </row>
    <row r="333410" spans="8:8">
      <c r="H333410" s="12"/>
    </row>
    <row r="333411" spans="8:8">
      <c r="H333411" s="12"/>
    </row>
    <row r="333412" spans="8:8">
      <c r="H333412" s="12"/>
    </row>
    <row r="333413" spans="8:8">
      <c r="H333413" s="12"/>
    </row>
    <row r="333414" spans="8:8">
      <c r="H333414" s="12"/>
    </row>
    <row r="333415" spans="8:8">
      <c r="H333415" s="12"/>
    </row>
    <row r="333416" spans="8:8">
      <c r="H333416" s="12"/>
    </row>
    <row r="333417" spans="8:8">
      <c r="H333417" s="12"/>
    </row>
    <row r="333418" spans="8:8">
      <c r="H333418" s="12"/>
    </row>
    <row r="333419" spans="8:8">
      <c r="H333419" s="12"/>
    </row>
    <row r="333420" spans="8:8">
      <c r="H333420" s="12"/>
    </row>
    <row r="333421" spans="8:8">
      <c r="H333421" s="12"/>
    </row>
    <row r="333422" spans="8:8">
      <c r="H333422" s="12"/>
    </row>
    <row r="333423" spans="8:8">
      <c r="H333423" s="12"/>
    </row>
    <row r="333424" spans="8:8">
      <c r="H333424" s="12"/>
    </row>
    <row r="333425" spans="8:8">
      <c r="H333425" s="12"/>
    </row>
    <row r="333426" spans="8:8">
      <c r="H333426" s="12"/>
    </row>
    <row r="333427" spans="8:8">
      <c r="H333427" s="12"/>
    </row>
    <row r="333428" spans="8:8">
      <c r="H333428" s="12"/>
    </row>
    <row r="333429" spans="8:8">
      <c r="H333429" s="12"/>
    </row>
    <row r="333430" spans="8:8">
      <c r="H333430" s="12"/>
    </row>
    <row r="333431" spans="8:8">
      <c r="H333431" s="12"/>
    </row>
    <row r="333432" spans="8:8">
      <c r="H333432" s="12"/>
    </row>
    <row r="333433" spans="8:8">
      <c r="H333433" s="12"/>
    </row>
    <row r="333434" spans="8:8">
      <c r="H333434" s="12"/>
    </row>
    <row r="333435" spans="8:8">
      <c r="H333435" s="12"/>
    </row>
    <row r="333436" spans="8:8">
      <c r="H333436" s="12"/>
    </row>
    <row r="333437" spans="8:8">
      <c r="H333437" s="12"/>
    </row>
    <row r="333438" spans="8:8">
      <c r="H333438" s="12"/>
    </row>
    <row r="333439" spans="8:8">
      <c r="H333439" s="12"/>
    </row>
    <row r="333440" spans="8:8">
      <c r="H333440" s="12"/>
    </row>
    <row r="333441" spans="8:8">
      <c r="H333441" s="12"/>
    </row>
    <row r="333442" spans="8:8">
      <c r="H333442" s="12"/>
    </row>
    <row r="333443" spans="8:8">
      <c r="H333443" s="12"/>
    </row>
    <row r="333444" spans="8:8">
      <c r="H333444" s="12"/>
    </row>
    <row r="333445" spans="8:8">
      <c r="H333445" s="12"/>
    </row>
    <row r="333446" spans="8:8">
      <c r="H333446" s="12"/>
    </row>
    <row r="333447" spans="8:8">
      <c r="H333447" s="12"/>
    </row>
    <row r="333448" spans="8:8">
      <c r="H333448" s="12"/>
    </row>
    <row r="333449" spans="8:8">
      <c r="H333449" s="12"/>
    </row>
    <row r="333450" spans="8:8">
      <c r="H333450" s="12"/>
    </row>
    <row r="333451" spans="8:8">
      <c r="H333451" s="12"/>
    </row>
    <row r="333452" spans="8:8">
      <c r="H333452" s="12"/>
    </row>
    <row r="333453" spans="8:8">
      <c r="H333453" s="12"/>
    </row>
    <row r="333454" spans="8:8">
      <c r="H333454" s="12"/>
    </row>
    <row r="333455" spans="8:8">
      <c r="H333455" s="12"/>
    </row>
    <row r="333456" spans="8:8">
      <c r="H333456" s="12"/>
    </row>
    <row r="333457" spans="8:8">
      <c r="H333457" s="12"/>
    </row>
    <row r="333458" spans="8:8">
      <c r="H333458" s="12"/>
    </row>
    <row r="333459" spans="8:8">
      <c r="H333459" s="12"/>
    </row>
    <row r="333460" spans="8:8">
      <c r="H333460" s="12"/>
    </row>
    <row r="333461" spans="8:8">
      <c r="H333461" s="12"/>
    </row>
    <row r="333462" spans="8:8">
      <c r="H333462" s="12"/>
    </row>
    <row r="333463" spans="8:8">
      <c r="H333463" s="12"/>
    </row>
    <row r="333464" spans="8:8">
      <c r="H333464" s="12"/>
    </row>
    <row r="333465" spans="8:8">
      <c r="H333465" s="12"/>
    </row>
    <row r="333466" spans="8:8">
      <c r="H333466" s="12"/>
    </row>
    <row r="333467" spans="8:8">
      <c r="H333467" s="12"/>
    </row>
    <row r="333468" spans="8:8">
      <c r="H333468" s="12"/>
    </row>
    <row r="333469" spans="8:8">
      <c r="H333469" s="12"/>
    </row>
    <row r="333470" spans="8:8">
      <c r="H333470" s="12"/>
    </row>
    <row r="333471" spans="8:8">
      <c r="H333471" s="12"/>
    </row>
    <row r="333472" spans="8:8">
      <c r="H333472" s="12"/>
    </row>
    <row r="333473" spans="8:8">
      <c r="H333473" s="12"/>
    </row>
    <row r="333474" spans="8:8">
      <c r="H333474" s="12"/>
    </row>
    <row r="333475" spans="8:8">
      <c r="H333475" s="12"/>
    </row>
    <row r="333476" spans="8:8">
      <c r="H333476" s="12"/>
    </row>
    <row r="333477" spans="8:8">
      <c r="H333477" s="12"/>
    </row>
    <row r="333478" spans="8:8">
      <c r="H333478" s="12"/>
    </row>
    <row r="333479" spans="8:8">
      <c r="H333479" s="12"/>
    </row>
    <row r="333480" spans="8:8">
      <c r="H333480" s="12"/>
    </row>
    <row r="333481" spans="8:8">
      <c r="H333481" s="12"/>
    </row>
    <row r="333482" spans="8:8">
      <c r="H333482" s="12"/>
    </row>
    <row r="333483" spans="8:8">
      <c r="H333483" s="12"/>
    </row>
    <row r="333484" spans="8:8">
      <c r="H333484" s="12"/>
    </row>
    <row r="333485" spans="8:8">
      <c r="H333485" s="12"/>
    </row>
    <row r="333486" spans="8:8">
      <c r="H333486" s="12"/>
    </row>
    <row r="333487" spans="8:8">
      <c r="H333487" s="12"/>
    </row>
    <row r="333488" spans="8:8">
      <c r="H333488" s="12"/>
    </row>
    <row r="333489" spans="8:8">
      <c r="H333489" s="12"/>
    </row>
    <row r="333490" spans="8:8">
      <c r="H333490" s="12"/>
    </row>
    <row r="333491" spans="8:8">
      <c r="H333491" s="12"/>
    </row>
    <row r="333492" spans="8:8">
      <c r="H333492" s="12"/>
    </row>
    <row r="333493" spans="8:8">
      <c r="H333493" s="12"/>
    </row>
    <row r="333494" spans="8:8">
      <c r="H333494" s="12"/>
    </row>
    <row r="333495" spans="8:8">
      <c r="H333495" s="12"/>
    </row>
    <row r="333496" spans="8:8">
      <c r="H333496" s="12"/>
    </row>
    <row r="333497" spans="8:8">
      <c r="H333497" s="12"/>
    </row>
    <row r="333498" spans="8:8">
      <c r="H333498" s="12"/>
    </row>
    <row r="333499" spans="8:8">
      <c r="H333499" s="12"/>
    </row>
    <row r="333500" spans="8:8">
      <c r="H333500" s="12"/>
    </row>
    <row r="333501" spans="8:8">
      <c r="H333501" s="12"/>
    </row>
    <row r="333502" spans="8:8">
      <c r="H333502" s="12"/>
    </row>
    <row r="333503" spans="8:8">
      <c r="H333503" s="12"/>
    </row>
    <row r="333504" spans="8:8">
      <c r="H333504" s="12"/>
    </row>
    <row r="333505" spans="8:8">
      <c r="H333505" s="12"/>
    </row>
    <row r="333506" spans="8:8">
      <c r="H333506" s="12"/>
    </row>
    <row r="333507" spans="8:8">
      <c r="H333507" s="12"/>
    </row>
    <row r="333508" spans="8:8">
      <c r="H333508" s="12"/>
    </row>
    <row r="333509" spans="8:8">
      <c r="H333509" s="12"/>
    </row>
    <row r="333510" spans="8:8">
      <c r="H333510" s="12"/>
    </row>
    <row r="333511" spans="8:8">
      <c r="H333511" s="12"/>
    </row>
    <row r="333512" spans="8:8">
      <c r="H333512" s="12"/>
    </row>
    <row r="333513" spans="8:8">
      <c r="H333513" s="12"/>
    </row>
    <row r="333514" spans="8:8">
      <c r="H333514" s="12"/>
    </row>
    <row r="333515" spans="8:8">
      <c r="H333515" s="12"/>
    </row>
    <row r="333516" spans="8:8">
      <c r="H333516" s="12"/>
    </row>
    <row r="333517" spans="8:8">
      <c r="H333517" s="12"/>
    </row>
    <row r="333518" spans="8:8">
      <c r="H333518" s="12"/>
    </row>
    <row r="333519" spans="8:8">
      <c r="H333519" s="12"/>
    </row>
    <row r="333520" spans="8:8">
      <c r="H333520" s="12"/>
    </row>
    <row r="333521" spans="8:8">
      <c r="H333521" s="12"/>
    </row>
    <row r="333522" spans="8:8">
      <c r="H333522" s="12"/>
    </row>
    <row r="333523" spans="8:8">
      <c r="H333523" s="12"/>
    </row>
    <row r="333524" spans="8:8">
      <c r="H333524" s="12"/>
    </row>
    <row r="333525" spans="8:8">
      <c r="H333525" s="12"/>
    </row>
    <row r="333526" spans="8:8">
      <c r="H333526" s="12"/>
    </row>
    <row r="333527" spans="8:8">
      <c r="H333527" s="12"/>
    </row>
    <row r="333528" spans="8:8">
      <c r="H333528" s="12"/>
    </row>
    <row r="333529" spans="8:8">
      <c r="H333529" s="12"/>
    </row>
    <row r="333530" spans="8:8">
      <c r="H333530" s="12"/>
    </row>
    <row r="333531" spans="8:8">
      <c r="H333531" s="12"/>
    </row>
    <row r="333532" spans="8:8">
      <c r="H333532" s="12"/>
    </row>
    <row r="333533" spans="8:8">
      <c r="H333533" s="12"/>
    </row>
    <row r="333534" spans="8:8">
      <c r="H333534" s="12"/>
    </row>
    <row r="333535" spans="8:8">
      <c r="H333535" s="12"/>
    </row>
    <row r="333536" spans="8:8">
      <c r="H333536" s="12"/>
    </row>
    <row r="333537" spans="8:8">
      <c r="H333537" s="12"/>
    </row>
    <row r="333538" spans="8:8">
      <c r="H333538" s="12"/>
    </row>
    <row r="333539" spans="8:8">
      <c r="H333539" s="12"/>
    </row>
    <row r="333540" spans="8:8">
      <c r="H333540" s="12"/>
    </row>
    <row r="333541" spans="8:8">
      <c r="H333541" s="12"/>
    </row>
    <row r="333542" spans="8:8">
      <c r="H333542" s="12"/>
    </row>
    <row r="333543" spans="8:8">
      <c r="H333543" s="12"/>
    </row>
    <row r="333544" spans="8:8">
      <c r="H333544" s="12"/>
    </row>
    <row r="333545" spans="8:8">
      <c r="H333545" s="12"/>
    </row>
    <row r="333546" spans="8:8">
      <c r="H333546" s="12"/>
    </row>
    <row r="333547" spans="8:8">
      <c r="H333547" s="12"/>
    </row>
    <row r="333548" spans="8:8">
      <c r="H333548" s="12"/>
    </row>
    <row r="333549" spans="8:8">
      <c r="H333549" s="12"/>
    </row>
    <row r="333550" spans="8:8">
      <c r="H333550" s="12"/>
    </row>
    <row r="333551" spans="8:8">
      <c r="H333551" s="12"/>
    </row>
    <row r="333552" spans="8:8">
      <c r="H333552" s="12"/>
    </row>
    <row r="333553" spans="8:8">
      <c r="H333553" s="12"/>
    </row>
    <row r="333554" spans="8:8">
      <c r="H333554" s="12"/>
    </row>
    <row r="333555" spans="8:8">
      <c r="H333555" s="12"/>
    </row>
    <row r="333556" spans="8:8">
      <c r="H333556" s="12"/>
    </row>
    <row r="333557" spans="8:8">
      <c r="H333557" s="12"/>
    </row>
    <row r="333558" spans="8:8">
      <c r="H333558" s="12"/>
    </row>
    <row r="333559" spans="8:8">
      <c r="H333559" s="12"/>
    </row>
    <row r="333560" spans="8:8">
      <c r="H333560" s="12"/>
    </row>
    <row r="333561" spans="8:8">
      <c r="H333561" s="12"/>
    </row>
    <row r="333562" spans="8:8">
      <c r="H333562" s="12"/>
    </row>
    <row r="333563" spans="8:8">
      <c r="H333563" s="12"/>
    </row>
    <row r="333564" spans="8:8">
      <c r="H333564" s="12"/>
    </row>
    <row r="333565" spans="8:8">
      <c r="H333565" s="12"/>
    </row>
    <row r="333566" spans="8:8">
      <c r="H333566" s="12"/>
    </row>
    <row r="333567" spans="8:8">
      <c r="H333567" s="12"/>
    </row>
    <row r="333568" spans="8:8">
      <c r="H333568" s="12"/>
    </row>
    <row r="333569" spans="8:8">
      <c r="H333569" s="12"/>
    </row>
    <row r="333570" spans="8:8">
      <c r="H333570" s="12"/>
    </row>
    <row r="333571" spans="8:8">
      <c r="H333571" s="12"/>
    </row>
    <row r="333572" spans="8:8">
      <c r="H333572" s="12"/>
    </row>
    <row r="333573" spans="8:8">
      <c r="H333573" s="12"/>
    </row>
    <row r="333574" spans="8:8">
      <c r="H333574" s="12"/>
    </row>
    <row r="333575" spans="8:8">
      <c r="H333575" s="12"/>
    </row>
    <row r="333576" spans="8:8">
      <c r="H333576" s="12"/>
    </row>
    <row r="333577" spans="8:8">
      <c r="H333577" s="12"/>
    </row>
    <row r="333578" spans="8:8">
      <c r="H333578" s="12"/>
    </row>
    <row r="333579" spans="8:8">
      <c r="H333579" s="12"/>
    </row>
    <row r="333580" spans="8:8">
      <c r="H333580" s="12"/>
    </row>
    <row r="333581" spans="8:8">
      <c r="H333581" s="12"/>
    </row>
    <row r="333582" spans="8:8">
      <c r="H333582" s="12"/>
    </row>
    <row r="333583" spans="8:8">
      <c r="H333583" s="12"/>
    </row>
    <row r="333584" spans="8:8">
      <c r="H333584" s="12"/>
    </row>
    <row r="333585" spans="8:8">
      <c r="H333585" s="12"/>
    </row>
    <row r="333586" spans="8:8">
      <c r="H333586" s="12"/>
    </row>
    <row r="333587" spans="8:8">
      <c r="H333587" s="12"/>
    </row>
    <row r="333588" spans="8:8">
      <c r="H333588" s="12"/>
    </row>
    <row r="333589" spans="8:8">
      <c r="H333589" s="12"/>
    </row>
    <row r="333590" spans="8:8">
      <c r="H333590" s="12"/>
    </row>
    <row r="333591" spans="8:8">
      <c r="H333591" s="12"/>
    </row>
    <row r="333592" spans="8:8">
      <c r="H333592" s="12"/>
    </row>
    <row r="333593" spans="8:8">
      <c r="H333593" s="12"/>
    </row>
    <row r="333594" spans="8:8">
      <c r="H333594" s="12"/>
    </row>
    <row r="333595" spans="8:8">
      <c r="H333595" s="12"/>
    </row>
    <row r="333596" spans="8:8">
      <c r="H333596" s="12"/>
    </row>
    <row r="333597" spans="8:8">
      <c r="H333597" s="12"/>
    </row>
    <row r="333598" spans="8:8">
      <c r="H333598" s="12"/>
    </row>
    <row r="333599" spans="8:8">
      <c r="H333599" s="12"/>
    </row>
    <row r="333600" spans="8:8">
      <c r="H333600" s="12"/>
    </row>
    <row r="333601" spans="8:8">
      <c r="H333601" s="12"/>
    </row>
    <row r="333602" spans="8:8">
      <c r="H333602" s="12"/>
    </row>
    <row r="333603" spans="8:8">
      <c r="H333603" s="12"/>
    </row>
    <row r="333604" spans="8:8">
      <c r="H333604" s="12"/>
    </row>
    <row r="333605" spans="8:8">
      <c r="H333605" s="12"/>
    </row>
    <row r="333606" spans="8:8">
      <c r="H333606" s="12"/>
    </row>
    <row r="333607" spans="8:8">
      <c r="H333607" s="12"/>
    </row>
    <row r="333608" spans="8:8">
      <c r="H333608" s="12"/>
    </row>
    <row r="333609" spans="8:8">
      <c r="H333609" s="12"/>
    </row>
    <row r="333610" spans="8:8">
      <c r="H333610" s="12"/>
    </row>
    <row r="333611" spans="8:8">
      <c r="H333611" s="12"/>
    </row>
    <row r="333612" spans="8:8">
      <c r="H333612" s="12"/>
    </row>
    <row r="333613" spans="8:8">
      <c r="H333613" s="12"/>
    </row>
    <row r="333614" spans="8:8">
      <c r="H333614" s="12"/>
    </row>
    <row r="333615" spans="8:8">
      <c r="H333615" s="12"/>
    </row>
    <row r="333616" spans="8:8">
      <c r="H333616" s="12"/>
    </row>
    <row r="333617" spans="8:8">
      <c r="H333617" s="12"/>
    </row>
    <row r="333618" spans="8:8">
      <c r="H333618" s="12"/>
    </row>
    <row r="333619" spans="8:8">
      <c r="H333619" s="12"/>
    </row>
    <row r="333620" spans="8:8">
      <c r="H333620" s="12"/>
    </row>
    <row r="333621" spans="8:8">
      <c r="H333621" s="12"/>
    </row>
    <row r="333622" spans="8:8">
      <c r="H333622" s="12"/>
    </row>
    <row r="333623" spans="8:8">
      <c r="H333623" s="12"/>
    </row>
    <row r="333624" spans="8:8">
      <c r="H333624" s="12"/>
    </row>
    <row r="333625" spans="8:8">
      <c r="H333625" s="12"/>
    </row>
    <row r="333626" spans="8:8">
      <c r="H333626" s="12"/>
    </row>
    <row r="333627" spans="8:8">
      <c r="H333627" s="12"/>
    </row>
    <row r="333628" spans="8:8">
      <c r="H333628" s="12"/>
    </row>
    <row r="333629" spans="8:8">
      <c r="H333629" s="12"/>
    </row>
    <row r="333630" spans="8:8">
      <c r="H333630" s="12"/>
    </row>
    <row r="333631" spans="8:8">
      <c r="H333631" s="12"/>
    </row>
    <row r="333632" spans="8:8">
      <c r="H333632" s="12"/>
    </row>
    <row r="333633" spans="8:8">
      <c r="H333633" s="12"/>
    </row>
    <row r="333634" spans="8:8">
      <c r="H333634" s="12"/>
    </row>
    <row r="333635" spans="8:8">
      <c r="H333635" s="12"/>
    </row>
    <row r="333636" spans="8:8">
      <c r="H333636" s="12"/>
    </row>
    <row r="333637" spans="8:8">
      <c r="H333637" s="12"/>
    </row>
    <row r="333638" spans="8:8">
      <c r="H333638" s="12"/>
    </row>
    <row r="333639" spans="8:8">
      <c r="H333639" s="12"/>
    </row>
    <row r="333640" spans="8:8">
      <c r="H333640" s="12"/>
    </row>
    <row r="333641" spans="8:8">
      <c r="H333641" s="12"/>
    </row>
    <row r="333642" spans="8:8">
      <c r="H333642" s="12"/>
    </row>
    <row r="333643" spans="8:8">
      <c r="H333643" s="12"/>
    </row>
    <row r="333644" spans="8:8">
      <c r="H333644" s="12"/>
    </row>
    <row r="333645" spans="8:8">
      <c r="H333645" s="12"/>
    </row>
    <row r="333646" spans="8:8">
      <c r="H333646" s="12"/>
    </row>
    <row r="333647" spans="8:8">
      <c r="H333647" s="12"/>
    </row>
    <row r="333648" spans="8:8">
      <c r="H333648" s="12"/>
    </row>
    <row r="333649" spans="8:8">
      <c r="H333649" s="12"/>
    </row>
    <row r="333650" spans="8:8">
      <c r="H333650" s="12"/>
    </row>
    <row r="333651" spans="8:8">
      <c r="H333651" s="12"/>
    </row>
    <row r="333652" spans="8:8">
      <c r="H333652" s="12"/>
    </row>
    <row r="333653" spans="8:8">
      <c r="H333653" s="12"/>
    </row>
    <row r="333654" spans="8:8">
      <c r="H333654" s="12"/>
    </row>
    <row r="333655" spans="8:8">
      <c r="H333655" s="12"/>
    </row>
    <row r="333656" spans="8:8">
      <c r="H333656" s="12"/>
    </row>
    <row r="333657" spans="8:8">
      <c r="H333657" s="12"/>
    </row>
    <row r="333658" spans="8:8">
      <c r="H333658" s="12"/>
    </row>
    <row r="333659" spans="8:8">
      <c r="H333659" s="12"/>
    </row>
    <row r="333660" spans="8:8">
      <c r="H333660" s="12"/>
    </row>
    <row r="333661" spans="8:8">
      <c r="H333661" s="12"/>
    </row>
    <row r="333662" spans="8:8">
      <c r="H333662" s="12"/>
    </row>
    <row r="333663" spans="8:8">
      <c r="H333663" s="12"/>
    </row>
    <row r="333664" spans="8:8">
      <c r="H333664" s="12"/>
    </row>
    <row r="333665" spans="8:8">
      <c r="H333665" s="12"/>
    </row>
    <row r="333666" spans="8:8">
      <c r="H333666" s="12"/>
    </row>
    <row r="333667" spans="8:8">
      <c r="H333667" s="12"/>
    </row>
    <row r="333668" spans="8:8">
      <c r="H333668" s="12"/>
    </row>
    <row r="333669" spans="8:8">
      <c r="H333669" s="12"/>
    </row>
    <row r="333670" spans="8:8">
      <c r="H333670" s="12"/>
    </row>
    <row r="333671" spans="8:8">
      <c r="H333671" s="12"/>
    </row>
    <row r="333672" spans="8:8">
      <c r="H333672" s="12"/>
    </row>
    <row r="333673" spans="8:8">
      <c r="H333673" s="12"/>
    </row>
    <row r="333674" spans="8:8">
      <c r="H333674" s="12"/>
    </row>
    <row r="333675" spans="8:8">
      <c r="H333675" s="12"/>
    </row>
    <row r="333676" spans="8:8">
      <c r="H333676" s="12"/>
    </row>
    <row r="333677" spans="8:8">
      <c r="H333677" s="12"/>
    </row>
    <row r="333678" spans="8:8">
      <c r="H333678" s="12"/>
    </row>
    <row r="333679" spans="8:8">
      <c r="H333679" s="12"/>
    </row>
    <row r="333680" spans="8:8">
      <c r="H333680" s="12"/>
    </row>
    <row r="333681" spans="8:8">
      <c r="H333681" s="12"/>
    </row>
    <row r="333682" spans="8:8">
      <c r="H333682" s="12"/>
    </row>
    <row r="333683" spans="8:8">
      <c r="H333683" s="12"/>
    </row>
    <row r="333684" spans="8:8">
      <c r="H333684" s="12"/>
    </row>
    <row r="333685" spans="8:8">
      <c r="H333685" s="12"/>
    </row>
    <row r="333686" spans="8:8">
      <c r="H333686" s="12"/>
    </row>
    <row r="333687" spans="8:8">
      <c r="H333687" s="12"/>
    </row>
    <row r="333688" spans="8:8">
      <c r="H333688" s="12"/>
    </row>
    <row r="333689" spans="8:8">
      <c r="H333689" s="12"/>
    </row>
    <row r="333690" spans="8:8">
      <c r="H333690" s="12"/>
    </row>
    <row r="333691" spans="8:8">
      <c r="H333691" s="12"/>
    </row>
    <row r="333692" spans="8:8">
      <c r="H333692" s="12"/>
    </row>
    <row r="333693" spans="8:8">
      <c r="H333693" s="12"/>
    </row>
    <row r="333694" spans="8:8">
      <c r="H333694" s="12"/>
    </row>
    <row r="333695" spans="8:8">
      <c r="H333695" s="12"/>
    </row>
    <row r="333696" spans="8:8">
      <c r="H333696" s="12"/>
    </row>
    <row r="333697" spans="8:8">
      <c r="H333697" s="12"/>
    </row>
    <row r="333698" spans="8:8">
      <c r="H333698" s="12"/>
    </row>
    <row r="333699" spans="8:8">
      <c r="H333699" s="12"/>
    </row>
    <row r="333700" spans="8:8">
      <c r="H333700" s="12"/>
    </row>
    <row r="333701" spans="8:8">
      <c r="H333701" s="12"/>
    </row>
    <row r="333702" spans="8:8">
      <c r="H333702" s="12"/>
    </row>
    <row r="333703" spans="8:8">
      <c r="H333703" s="12"/>
    </row>
    <row r="333704" spans="8:8">
      <c r="H333704" s="12"/>
    </row>
    <row r="333705" spans="8:8">
      <c r="H333705" s="12"/>
    </row>
    <row r="333706" spans="8:8">
      <c r="H333706" s="12"/>
    </row>
    <row r="333707" spans="8:8">
      <c r="H333707" s="12"/>
    </row>
    <row r="333708" spans="8:8">
      <c r="H333708" s="12"/>
    </row>
    <row r="333709" spans="8:8">
      <c r="H333709" s="12"/>
    </row>
    <row r="333710" spans="8:8">
      <c r="H333710" s="12"/>
    </row>
    <row r="333711" spans="8:8">
      <c r="H333711" s="12"/>
    </row>
    <row r="333712" spans="8:8">
      <c r="H333712" s="12"/>
    </row>
    <row r="333713" spans="8:8">
      <c r="H333713" s="12"/>
    </row>
    <row r="333714" spans="8:8">
      <c r="H333714" s="12"/>
    </row>
    <row r="333715" spans="8:8">
      <c r="H333715" s="12"/>
    </row>
    <row r="333716" spans="8:8">
      <c r="H333716" s="12"/>
    </row>
    <row r="333717" spans="8:8">
      <c r="H333717" s="12"/>
    </row>
    <row r="333718" spans="8:8">
      <c r="H333718" s="12"/>
    </row>
    <row r="333719" spans="8:8">
      <c r="H333719" s="12"/>
    </row>
    <row r="333720" spans="8:8">
      <c r="H333720" s="12"/>
    </row>
    <row r="333721" spans="8:8">
      <c r="H333721" s="12"/>
    </row>
    <row r="333722" spans="8:8">
      <c r="H333722" s="12"/>
    </row>
    <row r="333723" spans="8:8">
      <c r="H333723" s="12"/>
    </row>
    <row r="333724" spans="8:8">
      <c r="H333724" s="12"/>
    </row>
    <row r="333725" spans="8:8">
      <c r="H333725" s="12"/>
    </row>
    <row r="333726" spans="8:8">
      <c r="H333726" s="12"/>
    </row>
    <row r="333727" spans="8:8">
      <c r="H333727" s="12"/>
    </row>
    <row r="333728" spans="8:8">
      <c r="H333728" s="12"/>
    </row>
    <row r="333729" spans="8:8">
      <c r="H333729" s="12"/>
    </row>
    <row r="333730" spans="8:8">
      <c r="H333730" s="12"/>
    </row>
    <row r="333731" spans="8:8">
      <c r="H333731" s="12"/>
    </row>
    <row r="333732" spans="8:8">
      <c r="H333732" s="12"/>
    </row>
    <row r="333733" spans="8:8">
      <c r="H333733" s="12"/>
    </row>
    <row r="333734" spans="8:8">
      <c r="H333734" s="12"/>
    </row>
    <row r="333735" spans="8:8">
      <c r="H333735" s="12"/>
    </row>
    <row r="333736" spans="8:8">
      <c r="H333736" s="12"/>
    </row>
    <row r="333737" spans="8:8">
      <c r="H333737" s="12"/>
    </row>
    <row r="333738" spans="8:8">
      <c r="H333738" s="12"/>
    </row>
    <row r="333739" spans="8:8">
      <c r="H333739" s="12"/>
    </row>
    <row r="333740" spans="8:8">
      <c r="H333740" s="12"/>
    </row>
    <row r="333741" spans="8:8">
      <c r="H333741" s="12"/>
    </row>
    <row r="333742" spans="8:8">
      <c r="H333742" s="12"/>
    </row>
    <row r="333743" spans="8:8">
      <c r="H333743" s="12"/>
    </row>
    <row r="333744" spans="8:8">
      <c r="H333744" s="12"/>
    </row>
    <row r="333745" spans="8:8">
      <c r="H333745" s="12"/>
    </row>
    <row r="333746" spans="8:8">
      <c r="H333746" s="12"/>
    </row>
    <row r="333747" spans="8:8">
      <c r="H333747" s="12"/>
    </row>
    <row r="333748" spans="8:8">
      <c r="H333748" s="12"/>
    </row>
    <row r="333749" spans="8:8">
      <c r="H333749" s="12"/>
    </row>
    <row r="333750" spans="8:8">
      <c r="H333750" s="12"/>
    </row>
    <row r="333751" spans="8:8">
      <c r="H333751" s="12"/>
    </row>
    <row r="333752" spans="8:8">
      <c r="H333752" s="12"/>
    </row>
    <row r="333753" spans="8:8">
      <c r="H333753" s="12"/>
    </row>
    <row r="333754" spans="8:8">
      <c r="H333754" s="12"/>
    </row>
    <row r="333755" spans="8:8">
      <c r="H333755" s="12"/>
    </row>
    <row r="333756" spans="8:8">
      <c r="H333756" s="12"/>
    </row>
    <row r="333757" spans="8:8">
      <c r="H333757" s="12"/>
    </row>
    <row r="333758" spans="8:8">
      <c r="H333758" s="12"/>
    </row>
    <row r="333759" spans="8:8">
      <c r="H333759" s="12"/>
    </row>
    <row r="333760" spans="8:8">
      <c r="H333760" s="12"/>
    </row>
    <row r="333761" spans="8:8">
      <c r="H333761" s="12"/>
    </row>
    <row r="333762" spans="8:8">
      <c r="H333762" s="12"/>
    </row>
    <row r="333763" spans="8:8">
      <c r="H333763" s="12"/>
    </row>
    <row r="333764" spans="8:8">
      <c r="H333764" s="12"/>
    </row>
    <row r="333765" spans="8:8">
      <c r="H333765" s="12"/>
    </row>
    <row r="333766" spans="8:8">
      <c r="H333766" s="12"/>
    </row>
    <row r="333767" spans="8:8">
      <c r="H333767" s="12"/>
    </row>
    <row r="333768" spans="8:8">
      <c r="H333768" s="12"/>
    </row>
    <row r="333769" spans="8:8">
      <c r="H333769" s="12"/>
    </row>
    <row r="333770" spans="8:8">
      <c r="H333770" s="12"/>
    </row>
    <row r="333771" spans="8:8">
      <c r="H333771" s="12"/>
    </row>
    <row r="333772" spans="8:8">
      <c r="H333772" s="12"/>
    </row>
    <row r="333773" spans="8:8">
      <c r="H333773" s="12"/>
    </row>
    <row r="333774" spans="8:8">
      <c r="H333774" s="12"/>
    </row>
    <row r="333775" spans="8:8">
      <c r="H333775" s="12"/>
    </row>
    <row r="333776" spans="8:8">
      <c r="H333776" s="12"/>
    </row>
    <row r="333777" spans="8:8">
      <c r="H333777" s="12"/>
    </row>
    <row r="333778" spans="8:8">
      <c r="H333778" s="12"/>
    </row>
    <row r="333779" spans="8:8">
      <c r="H333779" s="12"/>
    </row>
    <row r="333780" spans="8:8">
      <c r="H333780" s="12"/>
    </row>
    <row r="333781" spans="8:8">
      <c r="H333781" s="12"/>
    </row>
    <row r="333782" spans="8:8">
      <c r="H333782" s="12"/>
    </row>
    <row r="333783" spans="8:8">
      <c r="H333783" s="12"/>
    </row>
    <row r="333784" spans="8:8">
      <c r="H333784" s="12"/>
    </row>
    <row r="333785" spans="8:8">
      <c r="H333785" s="12"/>
    </row>
    <row r="333786" spans="8:8">
      <c r="H333786" s="12"/>
    </row>
    <row r="333787" spans="8:8">
      <c r="H333787" s="12"/>
    </row>
    <row r="333788" spans="8:8">
      <c r="H333788" s="12"/>
    </row>
    <row r="333789" spans="8:8">
      <c r="H333789" s="12"/>
    </row>
    <row r="333790" spans="8:8">
      <c r="H333790" s="12"/>
    </row>
    <row r="333791" spans="8:8">
      <c r="H333791" s="12"/>
    </row>
    <row r="333792" spans="8:8">
      <c r="H333792" s="12"/>
    </row>
    <row r="333793" spans="8:8">
      <c r="H333793" s="12"/>
    </row>
    <row r="333794" spans="8:8">
      <c r="H333794" s="12"/>
    </row>
    <row r="333795" spans="8:8">
      <c r="H333795" s="12"/>
    </row>
    <row r="333796" spans="8:8">
      <c r="H333796" s="12"/>
    </row>
    <row r="333797" spans="8:8">
      <c r="H333797" s="12"/>
    </row>
    <row r="333798" spans="8:8">
      <c r="H333798" s="12"/>
    </row>
    <row r="333799" spans="8:8">
      <c r="H333799" s="12"/>
    </row>
    <row r="333800" spans="8:8">
      <c r="H333800" s="12"/>
    </row>
    <row r="333801" spans="8:8">
      <c r="H333801" s="12"/>
    </row>
    <row r="333802" spans="8:8">
      <c r="H333802" s="12"/>
    </row>
    <row r="333803" spans="8:8">
      <c r="H333803" s="12"/>
    </row>
    <row r="333804" spans="8:8">
      <c r="H333804" s="12"/>
    </row>
    <row r="333805" spans="8:8">
      <c r="H333805" s="12"/>
    </row>
    <row r="333806" spans="8:8">
      <c r="H333806" s="12"/>
    </row>
    <row r="333807" spans="8:8">
      <c r="H333807" s="12"/>
    </row>
    <row r="333808" spans="8:8">
      <c r="H333808" s="12"/>
    </row>
    <row r="333809" spans="8:8">
      <c r="H333809" s="12"/>
    </row>
    <row r="333810" spans="8:8">
      <c r="H333810" s="12"/>
    </row>
    <row r="333811" spans="8:8">
      <c r="H333811" s="12"/>
    </row>
    <row r="333812" spans="8:8">
      <c r="H333812" s="12"/>
    </row>
    <row r="333813" spans="8:8">
      <c r="H333813" s="12"/>
    </row>
    <row r="333814" spans="8:8">
      <c r="H333814" s="12"/>
    </row>
    <row r="333815" spans="8:8">
      <c r="H333815" s="12"/>
    </row>
    <row r="333816" spans="8:8">
      <c r="H333816" s="12"/>
    </row>
    <row r="333817" spans="8:8">
      <c r="H333817" s="12"/>
    </row>
    <row r="333818" spans="8:8">
      <c r="H333818" s="12"/>
    </row>
    <row r="333819" spans="8:8">
      <c r="H333819" s="12"/>
    </row>
    <row r="333820" spans="8:8">
      <c r="H333820" s="12"/>
    </row>
    <row r="333821" spans="8:8">
      <c r="H333821" s="12"/>
    </row>
    <row r="333822" spans="8:8">
      <c r="H333822" s="12"/>
    </row>
    <row r="333823" spans="8:8">
      <c r="H333823" s="12"/>
    </row>
    <row r="333824" spans="8:8">
      <c r="H333824" s="12"/>
    </row>
    <row r="333825" spans="8:8">
      <c r="H333825" s="12"/>
    </row>
    <row r="333826" spans="8:8">
      <c r="H333826" s="12"/>
    </row>
    <row r="333827" spans="8:8">
      <c r="H333827" s="12"/>
    </row>
    <row r="333828" spans="8:8">
      <c r="H333828" s="12"/>
    </row>
    <row r="333829" spans="8:8">
      <c r="H333829" s="12"/>
    </row>
    <row r="333830" spans="8:8">
      <c r="H333830" s="12"/>
    </row>
    <row r="333831" spans="8:8">
      <c r="H333831" s="12"/>
    </row>
    <row r="333832" spans="8:8">
      <c r="H333832" s="12"/>
    </row>
    <row r="333833" spans="8:8">
      <c r="H333833" s="12"/>
    </row>
    <row r="333834" spans="8:8">
      <c r="H333834" s="12"/>
    </row>
    <row r="333835" spans="8:8">
      <c r="H333835" s="12"/>
    </row>
    <row r="333836" spans="8:8">
      <c r="H333836" s="12"/>
    </row>
    <row r="333837" spans="8:8">
      <c r="H333837" s="12"/>
    </row>
    <row r="333838" spans="8:8">
      <c r="H333838" s="12"/>
    </row>
    <row r="333839" spans="8:8">
      <c r="H333839" s="12"/>
    </row>
    <row r="333840" spans="8:8">
      <c r="H333840" s="12"/>
    </row>
    <row r="333841" spans="8:8">
      <c r="H333841" s="12"/>
    </row>
    <row r="333842" spans="8:8">
      <c r="H333842" s="12"/>
    </row>
    <row r="333843" spans="8:8">
      <c r="H333843" s="12"/>
    </row>
    <row r="333844" spans="8:8">
      <c r="H333844" s="12"/>
    </row>
    <row r="333845" spans="8:8">
      <c r="H333845" s="12"/>
    </row>
    <row r="333846" spans="8:8">
      <c r="H333846" s="12"/>
    </row>
    <row r="333847" spans="8:8">
      <c r="H333847" s="12"/>
    </row>
    <row r="333848" spans="8:8">
      <c r="H333848" s="12"/>
    </row>
    <row r="333849" spans="8:8">
      <c r="H333849" s="12"/>
    </row>
    <row r="333850" spans="8:8">
      <c r="H333850" s="12"/>
    </row>
    <row r="333851" spans="8:8">
      <c r="H333851" s="12"/>
    </row>
    <row r="333852" spans="8:8">
      <c r="H333852" s="12"/>
    </row>
    <row r="333853" spans="8:8">
      <c r="H333853" s="12"/>
    </row>
    <row r="333854" spans="8:8">
      <c r="H333854" s="12"/>
    </row>
    <row r="333855" spans="8:8">
      <c r="H333855" s="12"/>
    </row>
    <row r="333856" spans="8:8">
      <c r="H333856" s="12"/>
    </row>
    <row r="333857" spans="8:8">
      <c r="H333857" s="12"/>
    </row>
    <row r="333858" spans="8:8">
      <c r="H333858" s="12"/>
    </row>
    <row r="333859" spans="8:8">
      <c r="H333859" s="12"/>
    </row>
    <row r="333860" spans="8:8">
      <c r="H333860" s="12"/>
    </row>
    <row r="333861" spans="8:8">
      <c r="H333861" s="12"/>
    </row>
    <row r="333862" spans="8:8">
      <c r="H333862" s="12"/>
    </row>
    <row r="333863" spans="8:8">
      <c r="H333863" s="12"/>
    </row>
    <row r="333864" spans="8:8">
      <c r="H333864" s="12"/>
    </row>
    <row r="333865" spans="8:8">
      <c r="H333865" s="12"/>
    </row>
    <row r="333866" spans="8:8">
      <c r="H333866" s="12"/>
    </row>
    <row r="333867" spans="8:8">
      <c r="H333867" s="12"/>
    </row>
    <row r="333868" spans="8:8">
      <c r="H333868" s="12"/>
    </row>
    <row r="333869" spans="8:8">
      <c r="H333869" s="12"/>
    </row>
    <row r="333870" spans="8:8">
      <c r="H333870" s="12"/>
    </row>
    <row r="333871" spans="8:8">
      <c r="H333871" s="12"/>
    </row>
    <row r="333872" spans="8:8">
      <c r="H333872" s="12"/>
    </row>
    <row r="333873" spans="8:8">
      <c r="H333873" s="12"/>
    </row>
    <row r="333874" spans="8:8">
      <c r="H333874" s="12"/>
    </row>
    <row r="333875" spans="8:8">
      <c r="H333875" s="12"/>
    </row>
    <row r="333876" spans="8:8">
      <c r="H333876" s="12"/>
    </row>
    <row r="333877" spans="8:8">
      <c r="H333877" s="12"/>
    </row>
    <row r="333878" spans="8:8">
      <c r="H333878" s="12"/>
    </row>
    <row r="333879" spans="8:8">
      <c r="H333879" s="12"/>
    </row>
    <row r="333880" spans="8:8">
      <c r="H333880" s="12"/>
    </row>
    <row r="333881" spans="8:8">
      <c r="H333881" s="12"/>
    </row>
    <row r="333882" spans="8:8">
      <c r="H333882" s="12"/>
    </row>
    <row r="333883" spans="8:8">
      <c r="H333883" s="12"/>
    </row>
    <row r="333884" spans="8:8">
      <c r="H333884" s="12"/>
    </row>
    <row r="333885" spans="8:8">
      <c r="H333885" s="12"/>
    </row>
    <row r="333886" spans="8:8">
      <c r="H333886" s="12"/>
    </row>
    <row r="333887" spans="8:8">
      <c r="H333887" s="12"/>
    </row>
    <row r="333888" spans="8:8">
      <c r="H333888" s="12"/>
    </row>
    <row r="333889" spans="8:8">
      <c r="H333889" s="12"/>
    </row>
    <row r="333890" spans="8:8">
      <c r="H333890" s="12"/>
    </row>
    <row r="333891" spans="8:8">
      <c r="H333891" s="12"/>
    </row>
    <row r="333892" spans="8:8">
      <c r="H333892" s="12"/>
    </row>
    <row r="333893" spans="8:8">
      <c r="H333893" s="12"/>
    </row>
    <row r="333894" spans="8:8">
      <c r="H333894" s="12"/>
    </row>
    <row r="333895" spans="8:8">
      <c r="H333895" s="12"/>
    </row>
    <row r="333896" spans="8:8">
      <c r="H333896" s="12"/>
    </row>
    <row r="333897" spans="8:8">
      <c r="H333897" s="12"/>
    </row>
    <row r="333898" spans="8:8">
      <c r="H333898" s="12"/>
    </row>
    <row r="333899" spans="8:8">
      <c r="H333899" s="12"/>
    </row>
    <row r="333900" spans="8:8">
      <c r="H333900" s="12"/>
    </row>
    <row r="333901" spans="8:8">
      <c r="H333901" s="12"/>
    </row>
    <row r="333902" spans="8:8">
      <c r="H333902" s="12"/>
    </row>
    <row r="333903" spans="8:8">
      <c r="H333903" s="12"/>
    </row>
    <row r="333904" spans="8:8">
      <c r="H333904" s="12"/>
    </row>
    <row r="333905" spans="8:8">
      <c r="H333905" s="12"/>
    </row>
    <row r="333906" spans="8:8">
      <c r="H333906" s="12"/>
    </row>
    <row r="333907" spans="8:8">
      <c r="H333907" s="12"/>
    </row>
    <row r="333908" spans="8:8">
      <c r="H333908" s="12"/>
    </row>
    <row r="333909" spans="8:8">
      <c r="H333909" s="12"/>
    </row>
    <row r="333910" spans="8:8">
      <c r="H333910" s="12"/>
    </row>
    <row r="333911" spans="8:8">
      <c r="H333911" s="12"/>
    </row>
    <row r="333912" spans="8:8">
      <c r="H333912" s="12"/>
    </row>
    <row r="333913" spans="8:8">
      <c r="H333913" s="12"/>
    </row>
    <row r="333914" spans="8:8">
      <c r="H333914" s="12"/>
    </row>
    <row r="333915" spans="8:8">
      <c r="H333915" s="12"/>
    </row>
    <row r="333916" spans="8:8">
      <c r="H333916" s="12"/>
    </row>
    <row r="333917" spans="8:8">
      <c r="H333917" s="12"/>
    </row>
    <row r="333918" spans="8:8">
      <c r="H333918" s="12"/>
    </row>
    <row r="333919" spans="8:8">
      <c r="H333919" s="12"/>
    </row>
    <row r="333920" spans="8:8">
      <c r="H333920" s="12"/>
    </row>
    <row r="333921" spans="8:8">
      <c r="H333921" s="12"/>
    </row>
    <row r="333922" spans="8:8">
      <c r="H333922" s="12"/>
    </row>
    <row r="333923" spans="8:8">
      <c r="H333923" s="12"/>
    </row>
    <row r="333924" spans="8:8">
      <c r="H333924" s="12"/>
    </row>
    <row r="333925" spans="8:8">
      <c r="H333925" s="12"/>
    </row>
    <row r="333926" spans="8:8">
      <c r="H333926" s="12"/>
    </row>
    <row r="333927" spans="8:8">
      <c r="H333927" s="12"/>
    </row>
    <row r="333928" spans="8:8">
      <c r="H333928" s="12"/>
    </row>
    <row r="333929" spans="8:8">
      <c r="H333929" s="12"/>
    </row>
    <row r="333930" spans="8:8">
      <c r="H333930" s="12"/>
    </row>
    <row r="333931" spans="8:8">
      <c r="H333931" s="12"/>
    </row>
    <row r="333932" spans="8:8">
      <c r="H333932" s="12"/>
    </row>
    <row r="333933" spans="8:8">
      <c r="H333933" s="12"/>
    </row>
    <row r="333934" spans="8:8">
      <c r="H333934" s="12"/>
    </row>
    <row r="333935" spans="8:8">
      <c r="H333935" s="12"/>
    </row>
    <row r="333936" spans="8:8">
      <c r="H333936" s="12"/>
    </row>
    <row r="333937" spans="8:8">
      <c r="H333937" s="12"/>
    </row>
    <row r="333938" spans="8:8">
      <c r="H333938" s="12"/>
    </row>
    <row r="333939" spans="8:8">
      <c r="H333939" s="12"/>
    </row>
    <row r="333940" spans="8:8">
      <c r="H333940" s="12"/>
    </row>
    <row r="333941" spans="8:8">
      <c r="H333941" s="12"/>
    </row>
    <row r="333942" spans="8:8">
      <c r="H333942" s="12"/>
    </row>
    <row r="333943" spans="8:8">
      <c r="H333943" s="12"/>
    </row>
    <row r="333944" spans="8:8">
      <c r="H333944" s="12"/>
    </row>
    <row r="333945" spans="8:8">
      <c r="H333945" s="12"/>
    </row>
    <row r="333946" spans="8:8">
      <c r="H333946" s="12"/>
    </row>
    <row r="333947" spans="8:8">
      <c r="H333947" s="12"/>
    </row>
    <row r="333948" spans="8:8">
      <c r="H333948" s="12"/>
    </row>
    <row r="333949" spans="8:8">
      <c r="H333949" s="12"/>
    </row>
    <row r="333950" spans="8:8">
      <c r="H333950" s="12"/>
    </row>
    <row r="333951" spans="8:8">
      <c r="H333951" s="12"/>
    </row>
    <row r="333952" spans="8:8">
      <c r="H333952" s="12"/>
    </row>
    <row r="333953" spans="8:8">
      <c r="H333953" s="12"/>
    </row>
    <row r="333954" spans="8:8">
      <c r="H333954" s="12"/>
    </row>
    <row r="333955" spans="8:8">
      <c r="H333955" s="12"/>
    </row>
    <row r="333956" spans="8:8">
      <c r="H333956" s="12"/>
    </row>
    <row r="333957" spans="8:8">
      <c r="H333957" s="12"/>
    </row>
    <row r="333958" spans="8:8">
      <c r="H333958" s="12"/>
    </row>
    <row r="333959" spans="8:8">
      <c r="H333959" s="12"/>
    </row>
    <row r="333960" spans="8:8">
      <c r="H333960" s="12"/>
    </row>
    <row r="333961" spans="8:8">
      <c r="H333961" s="12"/>
    </row>
    <row r="333962" spans="8:8">
      <c r="H333962" s="12"/>
    </row>
    <row r="333963" spans="8:8">
      <c r="H333963" s="12"/>
    </row>
    <row r="333964" spans="8:8">
      <c r="H333964" s="12"/>
    </row>
    <row r="333965" spans="8:8">
      <c r="H333965" s="12"/>
    </row>
    <row r="333966" spans="8:8">
      <c r="H333966" s="12"/>
    </row>
    <row r="333967" spans="8:8">
      <c r="H333967" s="12"/>
    </row>
    <row r="333968" spans="8:8">
      <c r="H333968" s="12"/>
    </row>
    <row r="333969" spans="8:8">
      <c r="H333969" s="12"/>
    </row>
    <row r="333970" spans="8:8">
      <c r="H333970" s="12"/>
    </row>
    <row r="333971" spans="8:8">
      <c r="H333971" s="12"/>
    </row>
    <row r="333972" spans="8:8">
      <c r="H333972" s="12"/>
    </row>
    <row r="333973" spans="8:8">
      <c r="H333973" s="12"/>
    </row>
    <row r="333974" spans="8:8">
      <c r="H333974" s="12"/>
    </row>
    <row r="333975" spans="8:8">
      <c r="H333975" s="12"/>
    </row>
    <row r="333976" spans="8:8">
      <c r="H333976" s="12"/>
    </row>
    <row r="333977" spans="8:8">
      <c r="H333977" s="12"/>
    </row>
    <row r="333978" spans="8:8">
      <c r="H333978" s="12"/>
    </row>
    <row r="333979" spans="8:8">
      <c r="H333979" s="12"/>
    </row>
    <row r="333980" spans="8:8">
      <c r="H333980" s="12"/>
    </row>
    <row r="333981" spans="8:8">
      <c r="H333981" s="12"/>
    </row>
    <row r="333982" spans="8:8">
      <c r="H333982" s="12"/>
    </row>
    <row r="333983" spans="8:8">
      <c r="H333983" s="12"/>
    </row>
    <row r="333984" spans="8:8">
      <c r="H333984" s="12"/>
    </row>
    <row r="333985" spans="8:8">
      <c r="H333985" s="12"/>
    </row>
    <row r="333986" spans="8:8">
      <c r="H333986" s="12"/>
    </row>
    <row r="333987" spans="8:8">
      <c r="H333987" s="12"/>
    </row>
    <row r="333988" spans="8:8">
      <c r="H333988" s="12"/>
    </row>
    <row r="333989" spans="8:8">
      <c r="H333989" s="12"/>
    </row>
    <row r="333990" spans="8:8">
      <c r="H333990" s="12"/>
    </row>
    <row r="333991" spans="8:8">
      <c r="H333991" s="12"/>
    </row>
    <row r="333992" spans="8:8">
      <c r="H333992" s="12"/>
    </row>
    <row r="333993" spans="8:8">
      <c r="H333993" s="12"/>
    </row>
    <row r="333994" spans="8:8">
      <c r="H333994" s="12"/>
    </row>
    <row r="333995" spans="8:8">
      <c r="H333995" s="12"/>
    </row>
    <row r="333996" spans="8:8">
      <c r="H333996" s="12"/>
    </row>
    <row r="333997" spans="8:8">
      <c r="H333997" s="12"/>
    </row>
    <row r="333998" spans="8:8">
      <c r="H333998" s="12"/>
    </row>
    <row r="333999" spans="8:8">
      <c r="H333999" s="12"/>
    </row>
    <row r="334000" spans="8:8">
      <c r="H334000" s="12"/>
    </row>
    <row r="334001" spans="8:8">
      <c r="H334001" s="12"/>
    </row>
    <row r="334002" spans="8:8">
      <c r="H334002" s="12"/>
    </row>
    <row r="334003" spans="8:8">
      <c r="H334003" s="12"/>
    </row>
    <row r="334004" spans="8:8">
      <c r="H334004" s="12"/>
    </row>
    <row r="334005" spans="8:8">
      <c r="H334005" s="12"/>
    </row>
    <row r="334006" spans="8:8">
      <c r="H334006" s="12"/>
    </row>
    <row r="334007" spans="8:8">
      <c r="H334007" s="12"/>
    </row>
    <row r="334008" spans="8:8">
      <c r="H334008" s="12"/>
    </row>
    <row r="334009" spans="8:8">
      <c r="H334009" s="12"/>
    </row>
    <row r="334010" spans="8:8">
      <c r="H334010" s="12"/>
    </row>
    <row r="334011" spans="8:8">
      <c r="H334011" s="12"/>
    </row>
    <row r="334012" spans="8:8">
      <c r="H334012" s="12"/>
    </row>
    <row r="334013" spans="8:8">
      <c r="H334013" s="12"/>
    </row>
    <row r="334014" spans="8:8">
      <c r="H334014" s="12"/>
    </row>
    <row r="334015" spans="8:8">
      <c r="H334015" s="12"/>
    </row>
    <row r="334016" spans="8:8">
      <c r="H334016" s="12"/>
    </row>
    <row r="334017" spans="8:8">
      <c r="H334017" s="12"/>
    </row>
    <row r="334018" spans="8:8">
      <c r="H334018" s="12"/>
    </row>
    <row r="334019" spans="8:8">
      <c r="H334019" s="12"/>
    </row>
    <row r="334020" spans="8:8">
      <c r="H334020" s="12"/>
    </row>
    <row r="334021" spans="8:8">
      <c r="H334021" s="12"/>
    </row>
    <row r="334022" spans="8:8">
      <c r="H334022" s="12"/>
    </row>
    <row r="334023" spans="8:8">
      <c r="H334023" s="12"/>
    </row>
    <row r="334024" spans="8:8">
      <c r="H334024" s="12"/>
    </row>
    <row r="334025" spans="8:8">
      <c r="H334025" s="12"/>
    </row>
    <row r="334026" spans="8:8">
      <c r="H334026" s="12"/>
    </row>
    <row r="334027" spans="8:8">
      <c r="H334027" s="12"/>
    </row>
    <row r="334028" spans="8:8">
      <c r="H334028" s="12"/>
    </row>
    <row r="334029" spans="8:8">
      <c r="H334029" s="12"/>
    </row>
    <row r="334030" spans="8:8">
      <c r="H334030" s="12"/>
    </row>
    <row r="334031" spans="8:8">
      <c r="H334031" s="12"/>
    </row>
    <row r="334032" spans="8:8">
      <c r="H334032" s="12"/>
    </row>
    <row r="334033" spans="8:8">
      <c r="H334033" s="12"/>
    </row>
    <row r="334034" spans="8:8">
      <c r="H334034" s="12"/>
    </row>
    <row r="334035" spans="8:8">
      <c r="H334035" s="12"/>
    </row>
    <row r="334036" spans="8:8">
      <c r="H334036" s="12"/>
    </row>
    <row r="334037" spans="8:8">
      <c r="H334037" s="12"/>
    </row>
    <row r="334038" spans="8:8">
      <c r="H334038" s="12"/>
    </row>
    <row r="334039" spans="8:8">
      <c r="H334039" s="12"/>
    </row>
    <row r="334040" spans="8:8">
      <c r="H334040" s="12"/>
    </row>
    <row r="334041" spans="8:8">
      <c r="H334041" s="12"/>
    </row>
    <row r="334042" spans="8:8">
      <c r="H334042" s="12"/>
    </row>
    <row r="334043" spans="8:8">
      <c r="H334043" s="12"/>
    </row>
    <row r="334044" spans="8:8">
      <c r="H334044" s="12"/>
    </row>
    <row r="334045" spans="8:8">
      <c r="H334045" s="12"/>
    </row>
    <row r="334046" spans="8:8">
      <c r="H334046" s="12"/>
    </row>
    <row r="334047" spans="8:8">
      <c r="H334047" s="12"/>
    </row>
    <row r="334048" spans="8:8">
      <c r="H334048" s="12"/>
    </row>
    <row r="334049" spans="8:8">
      <c r="H334049" s="12"/>
    </row>
    <row r="334050" spans="8:8">
      <c r="H334050" s="12"/>
    </row>
    <row r="334051" spans="8:8">
      <c r="H334051" s="12"/>
    </row>
    <row r="334052" spans="8:8">
      <c r="H334052" s="12"/>
    </row>
    <row r="334053" spans="8:8">
      <c r="H334053" s="12"/>
    </row>
    <row r="334054" spans="8:8">
      <c r="H334054" s="12"/>
    </row>
    <row r="334055" spans="8:8">
      <c r="H334055" s="12"/>
    </row>
    <row r="334056" spans="8:8">
      <c r="H334056" s="12"/>
    </row>
    <row r="334057" spans="8:8">
      <c r="H334057" s="12"/>
    </row>
    <row r="334058" spans="8:8">
      <c r="H334058" s="12"/>
    </row>
    <row r="334059" spans="8:8">
      <c r="H334059" s="12"/>
    </row>
    <row r="334060" spans="8:8">
      <c r="H334060" s="12"/>
    </row>
    <row r="334061" spans="8:8">
      <c r="H334061" s="12"/>
    </row>
    <row r="334062" spans="8:8">
      <c r="H334062" s="12"/>
    </row>
    <row r="334063" spans="8:8">
      <c r="H334063" s="12"/>
    </row>
    <row r="334064" spans="8:8">
      <c r="H334064" s="12"/>
    </row>
    <row r="334065" spans="8:8">
      <c r="H334065" s="12"/>
    </row>
    <row r="334066" spans="8:8">
      <c r="H334066" s="12"/>
    </row>
    <row r="334067" spans="8:8">
      <c r="H334067" s="12"/>
    </row>
    <row r="334068" spans="8:8">
      <c r="H334068" s="12"/>
    </row>
    <row r="334069" spans="8:8">
      <c r="H334069" s="12"/>
    </row>
    <row r="334070" spans="8:8">
      <c r="H334070" s="12"/>
    </row>
    <row r="334071" spans="8:8">
      <c r="H334071" s="12"/>
    </row>
    <row r="334072" spans="8:8">
      <c r="H334072" s="12"/>
    </row>
    <row r="334073" spans="8:8">
      <c r="H334073" s="12"/>
    </row>
    <row r="334074" spans="8:8">
      <c r="H334074" s="12"/>
    </row>
    <row r="334075" spans="8:8">
      <c r="H334075" s="12"/>
    </row>
    <row r="334076" spans="8:8">
      <c r="H334076" s="12"/>
    </row>
    <row r="334077" spans="8:8">
      <c r="H334077" s="12"/>
    </row>
    <row r="334078" spans="8:8">
      <c r="H334078" s="12"/>
    </row>
    <row r="334079" spans="8:8">
      <c r="H334079" s="12"/>
    </row>
    <row r="334080" spans="8:8">
      <c r="H334080" s="12"/>
    </row>
    <row r="334081" spans="8:8">
      <c r="H334081" s="12"/>
    </row>
    <row r="334082" spans="8:8">
      <c r="H334082" s="12"/>
    </row>
    <row r="334083" spans="8:8">
      <c r="H334083" s="12"/>
    </row>
    <row r="334084" spans="8:8">
      <c r="H334084" s="12"/>
    </row>
    <row r="334085" spans="8:8">
      <c r="H334085" s="12"/>
    </row>
    <row r="334086" spans="8:8">
      <c r="H334086" s="12"/>
    </row>
    <row r="334087" spans="8:8">
      <c r="H334087" s="12"/>
    </row>
    <row r="334088" spans="8:8">
      <c r="H334088" s="12"/>
    </row>
    <row r="334089" spans="8:8">
      <c r="H334089" s="12"/>
    </row>
    <row r="334090" spans="8:8">
      <c r="H334090" s="12"/>
    </row>
    <row r="334091" spans="8:8">
      <c r="H334091" s="12"/>
    </row>
    <row r="334092" spans="8:8">
      <c r="H334092" s="12"/>
    </row>
    <row r="334093" spans="8:8">
      <c r="H334093" s="12"/>
    </row>
    <row r="334094" spans="8:8">
      <c r="H334094" s="12"/>
    </row>
    <row r="334095" spans="8:8">
      <c r="H334095" s="12"/>
    </row>
    <row r="334096" spans="8:8">
      <c r="H334096" s="12"/>
    </row>
    <row r="334097" spans="8:8">
      <c r="H334097" s="12"/>
    </row>
    <row r="334098" spans="8:8">
      <c r="H334098" s="12"/>
    </row>
    <row r="334099" spans="8:8">
      <c r="H334099" s="12"/>
    </row>
    <row r="334100" spans="8:8">
      <c r="H334100" s="12"/>
    </row>
    <row r="334101" spans="8:8">
      <c r="H334101" s="12"/>
    </row>
    <row r="334102" spans="8:8">
      <c r="H334102" s="12"/>
    </row>
    <row r="334103" spans="8:8">
      <c r="H334103" s="12"/>
    </row>
    <row r="334104" spans="8:8">
      <c r="H334104" s="12"/>
    </row>
    <row r="334105" spans="8:8">
      <c r="H334105" s="12"/>
    </row>
    <row r="334106" spans="8:8">
      <c r="H334106" s="12"/>
    </row>
    <row r="334107" spans="8:8">
      <c r="H334107" s="12"/>
    </row>
    <row r="334108" spans="8:8">
      <c r="H334108" s="12"/>
    </row>
    <row r="334109" spans="8:8">
      <c r="H334109" s="12"/>
    </row>
    <row r="334110" spans="8:8">
      <c r="H334110" s="12"/>
    </row>
    <row r="334111" spans="8:8">
      <c r="H334111" s="12"/>
    </row>
    <row r="334112" spans="8:8">
      <c r="H334112" s="12"/>
    </row>
    <row r="334113" spans="8:8">
      <c r="H334113" s="12"/>
    </row>
    <row r="334114" spans="8:8">
      <c r="H334114" s="12"/>
    </row>
    <row r="334115" spans="8:8">
      <c r="H334115" s="12"/>
    </row>
    <row r="334116" spans="8:8">
      <c r="H334116" s="12"/>
    </row>
    <row r="334117" spans="8:8">
      <c r="H334117" s="12"/>
    </row>
    <row r="334118" spans="8:8">
      <c r="H334118" s="12"/>
    </row>
    <row r="334119" spans="8:8">
      <c r="H334119" s="12"/>
    </row>
    <row r="334120" spans="8:8">
      <c r="H334120" s="12"/>
    </row>
    <row r="334121" spans="8:8">
      <c r="H334121" s="12"/>
    </row>
    <row r="334122" spans="8:8">
      <c r="H334122" s="12"/>
    </row>
    <row r="334123" spans="8:8">
      <c r="H334123" s="12"/>
    </row>
    <row r="334124" spans="8:8">
      <c r="H334124" s="12"/>
    </row>
    <row r="334125" spans="8:8">
      <c r="H334125" s="12"/>
    </row>
    <row r="334126" spans="8:8">
      <c r="H334126" s="12"/>
    </row>
    <row r="334127" spans="8:8">
      <c r="H334127" s="12"/>
    </row>
    <row r="334128" spans="8:8">
      <c r="H334128" s="12"/>
    </row>
    <row r="334129" spans="8:8">
      <c r="H334129" s="12"/>
    </row>
    <row r="334130" spans="8:8">
      <c r="H334130" s="12"/>
    </row>
    <row r="334131" spans="8:8">
      <c r="H334131" s="12"/>
    </row>
    <row r="334132" spans="8:8">
      <c r="H334132" s="12"/>
    </row>
    <row r="334133" spans="8:8">
      <c r="H334133" s="12"/>
    </row>
    <row r="334134" spans="8:8">
      <c r="H334134" s="12"/>
    </row>
    <row r="334135" spans="8:8">
      <c r="H334135" s="12"/>
    </row>
    <row r="334136" spans="8:8">
      <c r="H334136" s="12"/>
    </row>
    <row r="334137" spans="8:8">
      <c r="H334137" s="12"/>
    </row>
    <row r="334138" spans="8:8">
      <c r="H334138" s="12"/>
    </row>
    <row r="334139" spans="8:8">
      <c r="H334139" s="12"/>
    </row>
    <row r="334140" spans="8:8">
      <c r="H334140" s="12"/>
    </row>
    <row r="334141" spans="8:8">
      <c r="H334141" s="12"/>
    </row>
    <row r="334142" spans="8:8">
      <c r="H334142" s="12"/>
    </row>
    <row r="334143" spans="8:8">
      <c r="H334143" s="12"/>
    </row>
    <row r="334144" spans="8:8">
      <c r="H334144" s="12"/>
    </row>
    <row r="334145" spans="8:8">
      <c r="H334145" s="12"/>
    </row>
    <row r="334146" spans="8:8">
      <c r="H334146" s="12"/>
    </row>
    <row r="334147" spans="8:8">
      <c r="H334147" s="12"/>
    </row>
    <row r="334148" spans="8:8">
      <c r="H334148" s="12"/>
    </row>
    <row r="334149" spans="8:8">
      <c r="H334149" s="12"/>
    </row>
    <row r="334150" spans="8:8">
      <c r="H334150" s="12"/>
    </row>
    <row r="334151" spans="8:8">
      <c r="H334151" s="12"/>
    </row>
    <row r="334152" spans="8:8">
      <c r="H334152" s="12"/>
    </row>
    <row r="334153" spans="8:8">
      <c r="H334153" s="12"/>
    </row>
    <row r="334154" spans="8:8">
      <c r="H334154" s="12"/>
    </row>
    <row r="334155" spans="8:8">
      <c r="H334155" s="12"/>
    </row>
    <row r="334156" spans="8:8">
      <c r="H334156" s="12"/>
    </row>
    <row r="334157" spans="8:8">
      <c r="H334157" s="12"/>
    </row>
    <row r="334158" spans="8:8">
      <c r="H334158" s="12"/>
    </row>
    <row r="334159" spans="8:8">
      <c r="H334159" s="12"/>
    </row>
    <row r="334160" spans="8:8">
      <c r="H334160" s="12"/>
    </row>
    <row r="334161" spans="8:8">
      <c r="H334161" s="12"/>
    </row>
    <row r="334162" spans="8:8">
      <c r="H334162" s="12"/>
    </row>
    <row r="334163" spans="8:8">
      <c r="H334163" s="12"/>
    </row>
    <row r="334164" spans="8:8">
      <c r="H334164" s="12"/>
    </row>
    <row r="334165" spans="8:8">
      <c r="H334165" s="12"/>
    </row>
    <row r="334166" spans="8:8">
      <c r="H334166" s="12"/>
    </row>
    <row r="334167" spans="8:8">
      <c r="H334167" s="12"/>
    </row>
    <row r="334168" spans="8:8">
      <c r="H334168" s="12"/>
    </row>
    <row r="334169" spans="8:8">
      <c r="H334169" s="12"/>
    </row>
    <row r="334170" spans="8:8">
      <c r="H334170" s="12"/>
    </row>
    <row r="334171" spans="8:8">
      <c r="H334171" s="12"/>
    </row>
    <row r="334172" spans="8:8">
      <c r="H334172" s="12"/>
    </row>
    <row r="334173" spans="8:8">
      <c r="H334173" s="12"/>
    </row>
    <row r="334174" spans="8:8">
      <c r="H334174" s="12"/>
    </row>
    <row r="334175" spans="8:8">
      <c r="H334175" s="12"/>
    </row>
    <row r="334176" spans="8:8">
      <c r="H334176" s="12"/>
    </row>
    <row r="334177" spans="8:8">
      <c r="H334177" s="12"/>
    </row>
    <row r="334178" spans="8:8">
      <c r="H334178" s="12"/>
    </row>
    <row r="334179" spans="8:8">
      <c r="H334179" s="12"/>
    </row>
    <row r="334180" spans="8:8">
      <c r="H334180" s="12"/>
    </row>
    <row r="334181" spans="8:8">
      <c r="H334181" s="12"/>
    </row>
    <row r="334182" spans="8:8">
      <c r="H334182" s="12"/>
    </row>
    <row r="334183" spans="8:8">
      <c r="H334183" s="12"/>
    </row>
    <row r="334184" spans="8:8">
      <c r="H334184" s="12"/>
    </row>
    <row r="334185" spans="8:8">
      <c r="H334185" s="12"/>
    </row>
    <row r="334186" spans="8:8">
      <c r="H334186" s="12"/>
    </row>
    <row r="334187" spans="8:8">
      <c r="H334187" s="12"/>
    </row>
    <row r="334188" spans="8:8">
      <c r="H334188" s="12"/>
    </row>
    <row r="334189" spans="8:8">
      <c r="H334189" s="12"/>
    </row>
    <row r="334190" spans="8:8">
      <c r="H334190" s="12"/>
    </row>
    <row r="334191" spans="8:8">
      <c r="H334191" s="12"/>
    </row>
    <row r="334192" spans="8:8">
      <c r="H334192" s="12"/>
    </row>
    <row r="334193" spans="8:8">
      <c r="H334193" s="12"/>
    </row>
    <row r="334194" spans="8:8">
      <c r="H334194" s="12"/>
    </row>
    <row r="334195" spans="8:8">
      <c r="H334195" s="12"/>
    </row>
    <row r="334196" spans="8:8">
      <c r="H334196" s="12"/>
    </row>
    <row r="334197" spans="8:8">
      <c r="H334197" s="12"/>
    </row>
    <row r="334198" spans="8:8">
      <c r="H334198" s="12"/>
    </row>
    <row r="334199" spans="8:8">
      <c r="H334199" s="12"/>
    </row>
    <row r="334200" spans="8:8">
      <c r="H334200" s="12"/>
    </row>
    <row r="334201" spans="8:8">
      <c r="H334201" s="12"/>
    </row>
    <row r="334202" spans="8:8">
      <c r="H334202" s="12"/>
    </row>
    <row r="334203" spans="8:8">
      <c r="H334203" s="12"/>
    </row>
    <row r="334204" spans="8:8">
      <c r="H334204" s="12"/>
    </row>
    <row r="334205" spans="8:8">
      <c r="H334205" s="12"/>
    </row>
    <row r="334206" spans="8:8">
      <c r="H334206" s="12"/>
    </row>
    <row r="334207" spans="8:8">
      <c r="H334207" s="12"/>
    </row>
    <row r="334208" spans="8:8">
      <c r="H334208" s="12"/>
    </row>
    <row r="334209" spans="8:8">
      <c r="H334209" s="12"/>
    </row>
    <row r="334210" spans="8:8">
      <c r="H334210" s="12"/>
    </row>
    <row r="334211" spans="8:8">
      <c r="H334211" s="12"/>
    </row>
    <row r="334212" spans="8:8">
      <c r="H334212" s="12"/>
    </row>
    <row r="334213" spans="8:8">
      <c r="H334213" s="12"/>
    </row>
    <row r="334214" spans="8:8">
      <c r="H334214" s="12"/>
    </row>
    <row r="334215" spans="8:8">
      <c r="H334215" s="12"/>
    </row>
    <row r="334216" spans="8:8">
      <c r="H334216" s="12"/>
    </row>
    <row r="334217" spans="8:8">
      <c r="H334217" s="12"/>
    </row>
    <row r="334218" spans="8:8">
      <c r="H334218" s="12"/>
    </row>
    <row r="334219" spans="8:8">
      <c r="H334219" s="12"/>
    </row>
    <row r="334220" spans="8:8">
      <c r="H334220" s="12"/>
    </row>
    <row r="334221" spans="8:8">
      <c r="H334221" s="12"/>
    </row>
    <row r="334222" spans="8:8">
      <c r="H334222" s="12"/>
    </row>
    <row r="334223" spans="8:8">
      <c r="H334223" s="12"/>
    </row>
    <row r="334224" spans="8:8">
      <c r="H334224" s="12"/>
    </row>
    <row r="334225" spans="8:8">
      <c r="H334225" s="12"/>
    </row>
    <row r="334226" spans="8:8">
      <c r="H334226" s="12"/>
    </row>
    <row r="334227" spans="8:8">
      <c r="H334227" s="12"/>
    </row>
    <row r="334228" spans="8:8">
      <c r="H334228" s="12"/>
    </row>
    <row r="334229" spans="8:8">
      <c r="H334229" s="12"/>
    </row>
    <row r="334230" spans="8:8">
      <c r="H334230" s="12"/>
    </row>
    <row r="334231" spans="8:8">
      <c r="H334231" s="12"/>
    </row>
    <row r="334232" spans="8:8">
      <c r="H334232" s="12"/>
    </row>
    <row r="334233" spans="8:8">
      <c r="H334233" s="12"/>
    </row>
    <row r="334234" spans="8:8">
      <c r="H334234" s="12"/>
    </row>
    <row r="334235" spans="8:8">
      <c r="H334235" s="12"/>
    </row>
    <row r="334236" spans="8:8">
      <c r="H334236" s="12"/>
    </row>
    <row r="334237" spans="8:8">
      <c r="H334237" s="12"/>
    </row>
    <row r="334238" spans="8:8">
      <c r="H334238" s="12"/>
    </row>
    <row r="334239" spans="8:8">
      <c r="H334239" s="12"/>
    </row>
    <row r="334240" spans="8:8">
      <c r="H334240" s="12"/>
    </row>
    <row r="334241" spans="8:8">
      <c r="H334241" s="12"/>
    </row>
    <row r="334242" spans="8:8">
      <c r="H334242" s="12"/>
    </row>
    <row r="334243" spans="8:8">
      <c r="H334243" s="12"/>
    </row>
    <row r="334244" spans="8:8">
      <c r="H334244" s="12"/>
    </row>
    <row r="334245" spans="8:8">
      <c r="H334245" s="12"/>
    </row>
    <row r="334246" spans="8:8">
      <c r="H334246" s="12"/>
    </row>
    <row r="334247" spans="8:8">
      <c r="H334247" s="12"/>
    </row>
    <row r="334248" spans="8:8">
      <c r="H334248" s="12"/>
    </row>
    <row r="334249" spans="8:8">
      <c r="H334249" s="12"/>
    </row>
    <row r="334250" spans="8:8">
      <c r="H334250" s="12"/>
    </row>
    <row r="334251" spans="8:8">
      <c r="H334251" s="12"/>
    </row>
    <row r="334252" spans="8:8">
      <c r="H334252" s="12"/>
    </row>
    <row r="334253" spans="8:8">
      <c r="H334253" s="12"/>
    </row>
    <row r="334254" spans="8:8">
      <c r="H334254" s="12"/>
    </row>
    <row r="334255" spans="8:8">
      <c r="H334255" s="12"/>
    </row>
    <row r="334256" spans="8:8">
      <c r="H334256" s="12"/>
    </row>
    <row r="334257" spans="8:8">
      <c r="H334257" s="12"/>
    </row>
    <row r="334258" spans="8:8">
      <c r="H334258" s="12"/>
    </row>
    <row r="334259" spans="8:8">
      <c r="H334259" s="12"/>
    </row>
    <row r="334260" spans="8:8">
      <c r="H334260" s="12"/>
    </row>
    <row r="334261" spans="8:8">
      <c r="H334261" s="12"/>
    </row>
    <row r="334262" spans="8:8">
      <c r="H334262" s="12"/>
    </row>
    <row r="334263" spans="8:8">
      <c r="H334263" s="12"/>
    </row>
    <row r="334264" spans="8:8">
      <c r="H334264" s="12"/>
    </row>
    <row r="334265" spans="8:8">
      <c r="H334265" s="12"/>
    </row>
    <row r="334266" spans="8:8">
      <c r="H334266" s="12"/>
    </row>
    <row r="334267" spans="8:8">
      <c r="H334267" s="12"/>
    </row>
    <row r="334268" spans="8:8">
      <c r="H334268" s="12"/>
    </row>
    <row r="334269" spans="8:8">
      <c r="H334269" s="12"/>
    </row>
    <row r="334270" spans="8:8">
      <c r="H334270" s="12"/>
    </row>
    <row r="334271" spans="8:8">
      <c r="H334271" s="12"/>
    </row>
    <row r="334272" spans="8:8">
      <c r="H334272" s="12"/>
    </row>
    <row r="334273" spans="8:8">
      <c r="H334273" s="12"/>
    </row>
    <row r="334274" spans="8:8">
      <c r="H334274" s="12"/>
    </row>
    <row r="334275" spans="8:8">
      <c r="H334275" s="12"/>
    </row>
    <row r="334276" spans="8:8">
      <c r="H334276" s="12"/>
    </row>
    <row r="334277" spans="8:8">
      <c r="H334277" s="12"/>
    </row>
    <row r="334278" spans="8:8">
      <c r="H334278" s="12"/>
    </row>
    <row r="334279" spans="8:8">
      <c r="H334279" s="12"/>
    </row>
    <row r="334280" spans="8:8">
      <c r="H334280" s="12"/>
    </row>
    <row r="334281" spans="8:8">
      <c r="H334281" s="12"/>
    </row>
    <row r="334282" spans="8:8">
      <c r="H334282" s="12"/>
    </row>
    <row r="334283" spans="8:8">
      <c r="H334283" s="12"/>
    </row>
    <row r="334284" spans="8:8">
      <c r="H334284" s="12"/>
    </row>
    <row r="334285" spans="8:8">
      <c r="H334285" s="12"/>
    </row>
    <row r="334286" spans="8:8">
      <c r="H334286" s="12"/>
    </row>
    <row r="334287" spans="8:8">
      <c r="H334287" s="12"/>
    </row>
    <row r="334288" spans="8:8">
      <c r="H334288" s="12"/>
    </row>
    <row r="334289" spans="8:8">
      <c r="H334289" s="12"/>
    </row>
    <row r="334290" spans="8:8">
      <c r="H334290" s="12"/>
    </row>
    <row r="334291" spans="8:8">
      <c r="H334291" s="12"/>
    </row>
    <row r="334292" spans="8:8">
      <c r="H334292" s="12"/>
    </row>
    <row r="334293" spans="8:8">
      <c r="H334293" s="12"/>
    </row>
    <row r="334294" spans="8:8">
      <c r="H334294" s="12"/>
    </row>
    <row r="334295" spans="8:8">
      <c r="H334295" s="12"/>
    </row>
    <row r="334296" spans="8:8">
      <c r="H334296" s="12"/>
    </row>
    <row r="334297" spans="8:8">
      <c r="H334297" s="12"/>
    </row>
    <row r="334298" spans="8:8">
      <c r="H334298" s="12"/>
    </row>
    <row r="334299" spans="8:8">
      <c r="H334299" s="12"/>
    </row>
    <row r="334300" spans="8:8">
      <c r="H334300" s="12"/>
    </row>
    <row r="334301" spans="8:8">
      <c r="H334301" s="12"/>
    </row>
    <row r="334302" spans="8:8">
      <c r="H334302" s="12"/>
    </row>
    <row r="334303" spans="8:8">
      <c r="H334303" s="12"/>
    </row>
    <row r="334304" spans="8:8">
      <c r="H334304" s="12"/>
    </row>
    <row r="334305" spans="8:8">
      <c r="H334305" s="12"/>
    </row>
    <row r="334306" spans="8:8">
      <c r="H334306" s="12"/>
    </row>
    <row r="334307" spans="8:8">
      <c r="H334307" s="12"/>
    </row>
    <row r="334308" spans="8:8">
      <c r="H334308" s="12"/>
    </row>
    <row r="334309" spans="8:8">
      <c r="H334309" s="12"/>
    </row>
    <row r="334310" spans="8:8">
      <c r="H334310" s="12"/>
    </row>
    <row r="334311" spans="8:8">
      <c r="H334311" s="12"/>
    </row>
    <row r="334312" spans="8:8">
      <c r="H334312" s="12"/>
    </row>
    <row r="334313" spans="8:8">
      <c r="H334313" s="12"/>
    </row>
    <row r="334314" spans="8:8">
      <c r="H334314" s="12"/>
    </row>
    <row r="334315" spans="8:8">
      <c r="H334315" s="12"/>
    </row>
    <row r="334316" spans="8:8">
      <c r="H334316" s="12"/>
    </row>
    <row r="334317" spans="8:8">
      <c r="H334317" s="12"/>
    </row>
    <row r="334318" spans="8:8">
      <c r="H334318" s="12"/>
    </row>
    <row r="334319" spans="8:8">
      <c r="H334319" s="12"/>
    </row>
    <row r="334320" spans="8:8">
      <c r="H334320" s="12"/>
    </row>
    <row r="334321" spans="8:8">
      <c r="H334321" s="12"/>
    </row>
    <row r="334322" spans="8:8">
      <c r="H334322" s="12"/>
    </row>
    <row r="334323" spans="8:8">
      <c r="H334323" s="12"/>
    </row>
    <row r="334324" spans="8:8">
      <c r="H334324" s="12"/>
    </row>
    <row r="334325" spans="8:8">
      <c r="H334325" s="12"/>
    </row>
    <row r="334326" spans="8:8">
      <c r="H334326" s="12"/>
    </row>
    <row r="334327" spans="8:8">
      <c r="H334327" s="12"/>
    </row>
    <row r="334328" spans="8:8">
      <c r="H334328" s="12"/>
    </row>
    <row r="334329" spans="8:8">
      <c r="H334329" s="12"/>
    </row>
    <row r="334330" spans="8:8">
      <c r="H334330" s="12"/>
    </row>
    <row r="334331" spans="8:8">
      <c r="H334331" s="12"/>
    </row>
    <row r="334332" spans="8:8">
      <c r="H334332" s="12"/>
    </row>
    <row r="334333" spans="8:8">
      <c r="H334333" s="12"/>
    </row>
    <row r="334334" spans="8:8">
      <c r="H334334" s="12"/>
    </row>
    <row r="334335" spans="8:8">
      <c r="H334335" s="12"/>
    </row>
    <row r="334336" spans="8:8">
      <c r="H334336" s="12"/>
    </row>
    <row r="334337" spans="8:8">
      <c r="H334337" s="12"/>
    </row>
    <row r="334338" spans="8:8">
      <c r="H334338" s="12"/>
    </row>
    <row r="334339" spans="8:8">
      <c r="H334339" s="12"/>
    </row>
    <row r="334340" spans="8:8">
      <c r="H334340" s="12"/>
    </row>
    <row r="334341" spans="8:8">
      <c r="H334341" s="12"/>
    </row>
    <row r="334342" spans="8:8">
      <c r="H334342" s="12"/>
    </row>
    <row r="334343" spans="8:8">
      <c r="H334343" s="12"/>
    </row>
    <row r="334344" spans="8:8">
      <c r="H334344" s="12"/>
    </row>
    <row r="334345" spans="8:8">
      <c r="H334345" s="12"/>
    </row>
    <row r="334346" spans="8:8">
      <c r="H334346" s="12"/>
    </row>
    <row r="334347" spans="8:8">
      <c r="H334347" s="12"/>
    </row>
    <row r="334348" spans="8:8">
      <c r="H334348" s="12"/>
    </row>
    <row r="334349" spans="8:8">
      <c r="H334349" s="12"/>
    </row>
    <row r="334350" spans="8:8">
      <c r="H334350" s="12"/>
    </row>
    <row r="334351" spans="8:8">
      <c r="H334351" s="12"/>
    </row>
    <row r="334352" spans="8:8">
      <c r="H334352" s="12"/>
    </row>
    <row r="334353" spans="8:8">
      <c r="H334353" s="12"/>
    </row>
    <row r="334354" spans="8:8">
      <c r="H334354" s="12"/>
    </row>
    <row r="334355" spans="8:8">
      <c r="H334355" s="12"/>
    </row>
    <row r="334356" spans="8:8">
      <c r="H334356" s="12"/>
    </row>
    <row r="334357" spans="8:8">
      <c r="H334357" s="12"/>
    </row>
    <row r="334358" spans="8:8">
      <c r="H334358" s="12"/>
    </row>
    <row r="334359" spans="8:8">
      <c r="H334359" s="12"/>
    </row>
    <row r="334360" spans="8:8">
      <c r="H334360" s="12"/>
    </row>
    <row r="334361" spans="8:8">
      <c r="H334361" s="12"/>
    </row>
    <row r="334362" spans="8:8">
      <c r="H334362" s="12"/>
    </row>
    <row r="334363" spans="8:8">
      <c r="H334363" s="12"/>
    </row>
    <row r="334364" spans="8:8">
      <c r="H334364" s="12"/>
    </row>
    <row r="334365" spans="8:8">
      <c r="H334365" s="12"/>
    </row>
    <row r="334366" spans="8:8">
      <c r="H334366" s="12"/>
    </row>
    <row r="334367" spans="8:8">
      <c r="H334367" s="12"/>
    </row>
    <row r="334368" spans="8:8">
      <c r="H334368" s="12"/>
    </row>
    <row r="334369" spans="8:8">
      <c r="H334369" s="12"/>
    </row>
    <row r="334370" spans="8:8">
      <c r="H334370" s="12"/>
    </row>
    <row r="334371" spans="8:8">
      <c r="H334371" s="12"/>
    </row>
    <row r="334372" spans="8:8">
      <c r="H334372" s="12"/>
    </row>
    <row r="334373" spans="8:8">
      <c r="H334373" s="12"/>
    </row>
    <row r="334374" spans="8:8">
      <c r="H334374" s="12"/>
    </row>
    <row r="334375" spans="8:8">
      <c r="H334375" s="12"/>
    </row>
    <row r="334376" spans="8:8">
      <c r="H334376" s="12"/>
    </row>
    <row r="334377" spans="8:8">
      <c r="H334377" s="12"/>
    </row>
    <row r="334378" spans="8:8">
      <c r="H334378" s="12"/>
    </row>
    <row r="334379" spans="8:8">
      <c r="H334379" s="12"/>
    </row>
    <row r="334380" spans="8:8">
      <c r="H334380" s="12"/>
    </row>
    <row r="334381" spans="8:8">
      <c r="H334381" s="12"/>
    </row>
    <row r="334382" spans="8:8">
      <c r="H334382" s="12"/>
    </row>
    <row r="334383" spans="8:8">
      <c r="H334383" s="12"/>
    </row>
    <row r="334384" spans="8:8">
      <c r="H334384" s="12"/>
    </row>
    <row r="334385" spans="8:8">
      <c r="H334385" s="12"/>
    </row>
    <row r="334386" spans="8:8">
      <c r="H334386" s="12"/>
    </row>
    <row r="334387" spans="8:8">
      <c r="H334387" s="12"/>
    </row>
    <row r="334388" spans="8:8">
      <c r="H334388" s="12"/>
    </row>
    <row r="334389" spans="8:8">
      <c r="H334389" s="12"/>
    </row>
    <row r="334390" spans="8:8">
      <c r="H334390" s="12"/>
    </row>
    <row r="334391" spans="8:8">
      <c r="H334391" s="12"/>
    </row>
    <row r="334392" spans="8:8">
      <c r="H334392" s="12"/>
    </row>
    <row r="334393" spans="8:8">
      <c r="H334393" s="12"/>
    </row>
    <row r="334394" spans="8:8">
      <c r="H334394" s="12"/>
    </row>
    <row r="334395" spans="8:8">
      <c r="H334395" s="12"/>
    </row>
    <row r="334396" spans="8:8">
      <c r="H334396" s="12"/>
    </row>
    <row r="334397" spans="8:8">
      <c r="H334397" s="12"/>
    </row>
    <row r="334398" spans="8:8">
      <c r="H334398" s="12"/>
    </row>
    <row r="334399" spans="8:8">
      <c r="H334399" s="12"/>
    </row>
    <row r="334400" spans="8:8">
      <c r="H334400" s="12"/>
    </row>
    <row r="334401" spans="8:8">
      <c r="H334401" s="12"/>
    </row>
    <row r="334402" spans="8:8">
      <c r="H334402" s="12"/>
    </row>
    <row r="334403" spans="8:8">
      <c r="H334403" s="12"/>
    </row>
    <row r="334404" spans="8:8">
      <c r="H334404" s="12"/>
    </row>
    <row r="334405" spans="8:8">
      <c r="H334405" s="12"/>
    </row>
    <row r="334406" spans="8:8">
      <c r="H334406" s="12"/>
    </row>
    <row r="334407" spans="8:8">
      <c r="H334407" s="12"/>
    </row>
    <row r="334408" spans="8:8">
      <c r="H334408" s="12"/>
    </row>
    <row r="334409" spans="8:8">
      <c r="H334409" s="12"/>
    </row>
    <row r="334410" spans="8:8">
      <c r="H334410" s="12"/>
    </row>
    <row r="334411" spans="8:8">
      <c r="H334411" s="12"/>
    </row>
    <row r="334412" spans="8:8">
      <c r="H334412" s="12"/>
    </row>
    <row r="334413" spans="8:8">
      <c r="H334413" s="12"/>
    </row>
    <row r="334414" spans="8:8">
      <c r="H334414" s="12"/>
    </row>
    <row r="334415" spans="8:8">
      <c r="H334415" s="12"/>
    </row>
    <row r="334416" spans="8:8">
      <c r="H334416" s="12"/>
    </row>
    <row r="334417" spans="8:8">
      <c r="H334417" s="12"/>
    </row>
    <row r="334418" spans="8:8">
      <c r="H334418" s="12"/>
    </row>
    <row r="334419" spans="8:8">
      <c r="H334419" s="12"/>
    </row>
    <row r="334420" spans="8:8">
      <c r="H334420" s="12"/>
    </row>
    <row r="334421" spans="8:8">
      <c r="H334421" s="12"/>
    </row>
    <row r="334422" spans="8:8">
      <c r="H334422" s="12"/>
    </row>
    <row r="334423" spans="8:8">
      <c r="H334423" s="12"/>
    </row>
    <row r="334424" spans="8:8">
      <c r="H334424" s="12"/>
    </row>
    <row r="334425" spans="8:8">
      <c r="H334425" s="12"/>
    </row>
    <row r="334426" spans="8:8">
      <c r="H334426" s="12"/>
    </row>
    <row r="334427" spans="8:8">
      <c r="H334427" s="12"/>
    </row>
    <row r="334428" spans="8:8">
      <c r="H334428" s="12"/>
    </row>
    <row r="334429" spans="8:8">
      <c r="H334429" s="12"/>
    </row>
    <row r="334430" spans="8:8">
      <c r="H334430" s="12"/>
    </row>
    <row r="334431" spans="8:8">
      <c r="H334431" s="12"/>
    </row>
    <row r="334432" spans="8:8">
      <c r="H334432" s="12"/>
    </row>
    <row r="334433" spans="8:8">
      <c r="H334433" s="12"/>
    </row>
    <row r="334434" spans="8:8">
      <c r="H334434" s="12"/>
    </row>
    <row r="334435" spans="8:8">
      <c r="H334435" s="12"/>
    </row>
    <row r="334436" spans="8:8">
      <c r="H334436" s="12"/>
    </row>
    <row r="334437" spans="8:8">
      <c r="H334437" s="12"/>
    </row>
    <row r="334438" spans="8:8">
      <c r="H334438" s="12"/>
    </row>
    <row r="334439" spans="8:8">
      <c r="H334439" s="12"/>
    </row>
    <row r="334440" spans="8:8">
      <c r="H334440" s="12"/>
    </row>
    <row r="334441" spans="8:8">
      <c r="H334441" s="12"/>
    </row>
    <row r="334442" spans="8:8">
      <c r="H334442" s="12"/>
    </row>
    <row r="334443" spans="8:8">
      <c r="H334443" s="12"/>
    </row>
    <row r="334444" spans="8:8">
      <c r="H334444" s="12"/>
    </row>
    <row r="334445" spans="8:8">
      <c r="H334445" s="12"/>
    </row>
    <row r="334446" spans="8:8">
      <c r="H334446" s="12"/>
    </row>
    <row r="334447" spans="8:8">
      <c r="H334447" s="12"/>
    </row>
    <row r="334448" spans="8:8">
      <c r="H334448" s="12"/>
    </row>
    <row r="334449" spans="8:8">
      <c r="H334449" s="12"/>
    </row>
    <row r="334450" spans="8:8">
      <c r="H334450" s="12"/>
    </row>
    <row r="334451" spans="8:8">
      <c r="H334451" s="12"/>
    </row>
    <row r="334452" spans="8:8">
      <c r="H334452" s="12"/>
    </row>
    <row r="334453" spans="8:8">
      <c r="H334453" s="12"/>
    </row>
    <row r="334454" spans="8:8">
      <c r="H334454" s="12"/>
    </row>
    <row r="334455" spans="8:8">
      <c r="H334455" s="12"/>
    </row>
    <row r="334456" spans="8:8">
      <c r="H334456" s="12"/>
    </row>
    <row r="334457" spans="8:8">
      <c r="H334457" s="12"/>
    </row>
    <row r="334458" spans="8:8">
      <c r="H334458" s="12"/>
    </row>
    <row r="334459" spans="8:8">
      <c r="H334459" s="12"/>
    </row>
    <row r="334460" spans="8:8">
      <c r="H334460" s="12"/>
    </row>
    <row r="334461" spans="8:8">
      <c r="H334461" s="12"/>
    </row>
    <row r="334462" spans="8:8">
      <c r="H334462" s="12"/>
    </row>
    <row r="334463" spans="8:8">
      <c r="H334463" s="12"/>
    </row>
    <row r="334464" spans="8:8">
      <c r="H334464" s="12"/>
    </row>
    <row r="334465" spans="8:8">
      <c r="H334465" s="12"/>
    </row>
    <row r="334466" spans="8:8">
      <c r="H334466" s="12"/>
    </row>
    <row r="334467" spans="8:8">
      <c r="H334467" s="12"/>
    </row>
    <row r="334468" spans="8:8">
      <c r="H334468" s="12"/>
    </row>
    <row r="334469" spans="8:8">
      <c r="H334469" s="12"/>
    </row>
    <row r="334470" spans="8:8">
      <c r="H334470" s="12"/>
    </row>
    <row r="334471" spans="8:8">
      <c r="H334471" s="12"/>
    </row>
    <row r="334472" spans="8:8">
      <c r="H334472" s="12"/>
    </row>
    <row r="334473" spans="8:8">
      <c r="H334473" s="12"/>
    </row>
    <row r="334474" spans="8:8">
      <c r="H334474" s="12"/>
    </row>
    <row r="334475" spans="8:8">
      <c r="H334475" s="12"/>
    </row>
    <row r="334476" spans="8:8">
      <c r="H334476" s="12"/>
    </row>
    <row r="334477" spans="8:8">
      <c r="H334477" s="12"/>
    </row>
    <row r="334478" spans="8:8">
      <c r="H334478" s="12"/>
    </row>
    <row r="334479" spans="8:8">
      <c r="H334479" s="12"/>
    </row>
    <row r="334480" spans="8:8">
      <c r="H334480" s="12"/>
    </row>
    <row r="334481" spans="8:8">
      <c r="H334481" s="12"/>
    </row>
    <row r="334482" spans="8:8">
      <c r="H334482" s="12"/>
    </row>
    <row r="334483" spans="8:8">
      <c r="H334483" s="12"/>
    </row>
    <row r="334484" spans="8:8">
      <c r="H334484" s="12"/>
    </row>
    <row r="334485" spans="8:8">
      <c r="H334485" s="12"/>
    </row>
    <row r="334486" spans="8:8">
      <c r="H334486" s="12"/>
    </row>
    <row r="334487" spans="8:8">
      <c r="H334487" s="12"/>
    </row>
    <row r="334488" spans="8:8">
      <c r="H334488" s="12"/>
    </row>
    <row r="334489" spans="8:8">
      <c r="H334489" s="12"/>
    </row>
    <row r="334490" spans="8:8">
      <c r="H334490" s="12"/>
    </row>
    <row r="334491" spans="8:8">
      <c r="H334491" s="12"/>
    </row>
    <row r="334492" spans="8:8">
      <c r="H334492" s="12"/>
    </row>
    <row r="334493" spans="8:8">
      <c r="H334493" s="12"/>
    </row>
    <row r="334494" spans="8:8">
      <c r="H334494" s="12"/>
    </row>
    <row r="334495" spans="8:8">
      <c r="H334495" s="12"/>
    </row>
    <row r="334496" spans="8:8">
      <c r="H334496" s="12"/>
    </row>
    <row r="334497" spans="8:8">
      <c r="H334497" s="12"/>
    </row>
    <row r="334498" spans="8:8">
      <c r="H334498" s="12"/>
    </row>
    <row r="334499" spans="8:8">
      <c r="H334499" s="12"/>
    </row>
    <row r="334500" spans="8:8">
      <c r="H334500" s="12"/>
    </row>
    <row r="334501" spans="8:8">
      <c r="H334501" s="12"/>
    </row>
    <row r="334502" spans="8:8">
      <c r="H334502" s="12"/>
    </row>
    <row r="334503" spans="8:8">
      <c r="H334503" s="12"/>
    </row>
    <row r="334504" spans="8:8">
      <c r="H334504" s="12"/>
    </row>
    <row r="334505" spans="8:8">
      <c r="H334505" s="12"/>
    </row>
    <row r="334506" spans="8:8">
      <c r="H334506" s="12"/>
    </row>
    <row r="334507" spans="8:8">
      <c r="H334507" s="12"/>
    </row>
    <row r="334508" spans="8:8">
      <c r="H334508" s="12"/>
    </row>
    <row r="334509" spans="8:8">
      <c r="H334509" s="12"/>
    </row>
    <row r="334510" spans="8:8">
      <c r="H334510" s="12"/>
    </row>
    <row r="334511" spans="8:8">
      <c r="H334511" s="12"/>
    </row>
    <row r="334512" spans="8:8">
      <c r="H334512" s="12"/>
    </row>
    <row r="334513" spans="8:8">
      <c r="H334513" s="12"/>
    </row>
    <row r="334514" spans="8:8">
      <c r="H334514" s="12"/>
    </row>
    <row r="334515" spans="8:8">
      <c r="H334515" s="12"/>
    </row>
    <row r="334516" spans="8:8">
      <c r="H334516" s="12"/>
    </row>
    <row r="334517" spans="8:8">
      <c r="H334517" s="12"/>
    </row>
    <row r="334518" spans="8:8">
      <c r="H334518" s="12"/>
    </row>
    <row r="334519" spans="8:8">
      <c r="H334519" s="12"/>
    </row>
    <row r="334520" spans="8:8">
      <c r="H334520" s="12"/>
    </row>
    <row r="334521" spans="8:8">
      <c r="H334521" s="12"/>
    </row>
    <row r="334522" spans="8:8">
      <c r="H334522" s="12"/>
    </row>
    <row r="334523" spans="8:8">
      <c r="H334523" s="12"/>
    </row>
    <row r="334524" spans="8:8">
      <c r="H334524" s="12"/>
    </row>
    <row r="334525" spans="8:8">
      <c r="H334525" s="12"/>
    </row>
    <row r="334526" spans="8:8">
      <c r="H334526" s="12"/>
    </row>
    <row r="334527" spans="8:8">
      <c r="H334527" s="12"/>
    </row>
    <row r="334528" spans="8:8">
      <c r="H334528" s="12"/>
    </row>
    <row r="334529" spans="8:8">
      <c r="H334529" s="12"/>
    </row>
    <row r="334530" spans="8:8">
      <c r="H334530" s="12"/>
    </row>
    <row r="334531" spans="8:8">
      <c r="H334531" s="12"/>
    </row>
    <row r="334532" spans="8:8">
      <c r="H334532" s="12"/>
    </row>
    <row r="334533" spans="8:8">
      <c r="H334533" s="12"/>
    </row>
    <row r="334534" spans="8:8">
      <c r="H334534" s="12"/>
    </row>
    <row r="334535" spans="8:8">
      <c r="H334535" s="12"/>
    </row>
    <row r="334536" spans="8:8">
      <c r="H334536" s="12"/>
    </row>
    <row r="334537" spans="8:8">
      <c r="H334537" s="12"/>
    </row>
    <row r="334538" spans="8:8">
      <c r="H334538" s="12"/>
    </row>
    <row r="334539" spans="8:8">
      <c r="H334539" s="12"/>
    </row>
    <row r="334540" spans="8:8">
      <c r="H334540" s="12"/>
    </row>
    <row r="334541" spans="8:8">
      <c r="H334541" s="12"/>
    </row>
    <row r="334542" spans="8:8">
      <c r="H334542" s="12"/>
    </row>
    <row r="334543" spans="8:8">
      <c r="H334543" s="12"/>
    </row>
    <row r="334544" spans="8:8">
      <c r="H334544" s="12"/>
    </row>
    <row r="334545" spans="8:8">
      <c r="H334545" s="12"/>
    </row>
    <row r="334546" spans="8:8">
      <c r="H334546" s="12"/>
    </row>
    <row r="334547" spans="8:8">
      <c r="H334547" s="12"/>
    </row>
    <row r="334548" spans="8:8">
      <c r="H334548" s="12"/>
    </row>
    <row r="334549" spans="8:8">
      <c r="H334549" s="12"/>
    </row>
    <row r="334550" spans="8:8">
      <c r="H334550" s="12"/>
    </row>
    <row r="334551" spans="8:8">
      <c r="H334551" s="12"/>
    </row>
    <row r="334552" spans="8:8">
      <c r="H334552" s="12"/>
    </row>
    <row r="334553" spans="8:8">
      <c r="H334553" s="12"/>
    </row>
    <row r="334554" spans="8:8">
      <c r="H334554" s="12"/>
    </row>
    <row r="334555" spans="8:8">
      <c r="H334555" s="12"/>
    </row>
    <row r="334556" spans="8:8">
      <c r="H334556" s="12"/>
    </row>
    <row r="334557" spans="8:8">
      <c r="H334557" s="12"/>
    </row>
    <row r="334558" spans="8:8">
      <c r="H334558" s="12"/>
    </row>
    <row r="334559" spans="8:8">
      <c r="H334559" s="12"/>
    </row>
    <row r="334560" spans="8:8">
      <c r="H334560" s="12"/>
    </row>
    <row r="334561" spans="8:8">
      <c r="H334561" s="12"/>
    </row>
    <row r="334562" spans="8:8">
      <c r="H334562" s="12"/>
    </row>
    <row r="334563" spans="8:8">
      <c r="H334563" s="12"/>
    </row>
    <row r="334564" spans="8:8">
      <c r="H334564" s="12"/>
    </row>
    <row r="334565" spans="8:8">
      <c r="H334565" s="12"/>
    </row>
    <row r="334566" spans="8:8">
      <c r="H334566" s="12"/>
    </row>
    <row r="334567" spans="8:8">
      <c r="H334567" s="12"/>
    </row>
    <row r="334568" spans="8:8">
      <c r="H334568" s="12"/>
    </row>
    <row r="334569" spans="8:8">
      <c r="H334569" s="12"/>
    </row>
    <row r="334570" spans="8:8">
      <c r="H334570" s="12"/>
    </row>
    <row r="334571" spans="8:8">
      <c r="H334571" s="12"/>
    </row>
    <row r="334572" spans="8:8">
      <c r="H334572" s="12"/>
    </row>
    <row r="334573" spans="8:8">
      <c r="H334573" s="12"/>
    </row>
    <row r="334574" spans="8:8">
      <c r="H334574" s="12"/>
    </row>
    <row r="334575" spans="8:8">
      <c r="H334575" s="12"/>
    </row>
    <row r="334576" spans="8:8">
      <c r="H334576" s="12"/>
    </row>
    <row r="334577" spans="8:8">
      <c r="H334577" s="12"/>
    </row>
    <row r="334578" spans="8:8">
      <c r="H334578" s="12"/>
    </row>
    <row r="334579" spans="8:8">
      <c r="H334579" s="12"/>
    </row>
    <row r="334580" spans="8:8">
      <c r="H334580" s="12"/>
    </row>
    <row r="334581" spans="8:8">
      <c r="H334581" s="12"/>
    </row>
    <row r="334582" spans="8:8">
      <c r="H334582" s="12"/>
    </row>
    <row r="334583" spans="8:8">
      <c r="H334583" s="12"/>
    </row>
    <row r="334584" spans="8:8">
      <c r="H334584" s="12"/>
    </row>
    <row r="334585" spans="8:8">
      <c r="H334585" s="12"/>
    </row>
    <row r="334586" spans="8:8">
      <c r="H334586" s="12"/>
    </row>
    <row r="334587" spans="8:8">
      <c r="H334587" s="12"/>
    </row>
    <row r="334588" spans="8:8">
      <c r="H334588" s="12"/>
    </row>
    <row r="334589" spans="8:8">
      <c r="H334589" s="12"/>
    </row>
    <row r="334590" spans="8:8">
      <c r="H334590" s="12"/>
    </row>
    <row r="334591" spans="8:8">
      <c r="H334591" s="12"/>
    </row>
    <row r="334592" spans="8:8">
      <c r="H334592" s="12"/>
    </row>
    <row r="334593" spans="8:8">
      <c r="H334593" s="12"/>
    </row>
    <row r="334594" spans="8:8">
      <c r="H334594" s="12"/>
    </row>
    <row r="334595" spans="8:8">
      <c r="H334595" s="12"/>
    </row>
    <row r="334596" spans="8:8">
      <c r="H334596" s="12"/>
    </row>
    <row r="334597" spans="8:8">
      <c r="H334597" s="12"/>
    </row>
    <row r="334598" spans="8:8">
      <c r="H334598" s="12"/>
    </row>
    <row r="334599" spans="8:8">
      <c r="H334599" s="12"/>
    </row>
    <row r="334600" spans="8:8">
      <c r="H334600" s="12"/>
    </row>
    <row r="334601" spans="8:8">
      <c r="H334601" s="12"/>
    </row>
    <row r="334602" spans="8:8">
      <c r="H334602" s="12"/>
    </row>
    <row r="334603" spans="8:8">
      <c r="H334603" s="12"/>
    </row>
    <row r="334604" spans="8:8">
      <c r="H334604" s="12"/>
    </row>
    <row r="334605" spans="8:8">
      <c r="H334605" s="12"/>
    </row>
    <row r="334606" spans="8:8">
      <c r="H334606" s="12"/>
    </row>
    <row r="334607" spans="8:8">
      <c r="H334607" s="12"/>
    </row>
    <row r="334608" spans="8:8">
      <c r="H334608" s="12"/>
    </row>
    <row r="334609" spans="8:8">
      <c r="H334609" s="12"/>
    </row>
    <row r="334610" spans="8:8">
      <c r="H334610" s="12"/>
    </row>
    <row r="334611" spans="8:8">
      <c r="H334611" s="12"/>
    </row>
    <row r="334612" spans="8:8">
      <c r="H334612" s="12"/>
    </row>
    <row r="334613" spans="8:8">
      <c r="H334613" s="12"/>
    </row>
    <row r="334614" spans="8:8">
      <c r="H334614" s="12"/>
    </row>
    <row r="334615" spans="8:8">
      <c r="H334615" s="12"/>
    </row>
    <row r="334616" spans="8:8">
      <c r="H334616" s="12"/>
    </row>
    <row r="334617" spans="8:8">
      <c r="H334617" s="12"/>
    </row>
    <row r="334618" spans="8:8">
      <c r="H334618" s="12"/>
    </row>
    <row r="334619" spans="8:8">
      <c r="H334619" s="12"/>
    </row>
    <row r="334620" spans="8:8">
      <c r="H334620" s="12"/>
    </row>
    <row r="334621" spans="8:8">
      <c r="H334621" s="12"/>
    </row>
    <row r="334622" spans="8:8">
      <c r="H334622" s="12"/>
    </row>
    <row r="334623" spans="8:8">
      <c r="H334623" s="12"/>
    </row>
    <row r="334624" spans="8:8">
      <c r="H334624" s="12"/>
    </row>
    <row r="334625" spans="8:8">
      <c r="H334625" s="12"/>
    </row>
    <row r="334626" spans="8:8">
      <c r="H334626" s="12"/>
    </row>
    <row r="334627" spans="8:8">
      <c r="H334627" s="12"/>
    </row>
    <row r="334628" spans="8:8">
      <c r="H334628" s="12"/>
    </row>
    <row r="334629" spans="8:8">
      <c r="H334629" s="12"/>
    </row>
    <row r="334630" spans="8:8">
      <c r="H334630" s="12"/>
    </row>
    <row r="334631" spans="8:8">
      <c r="H334631" s="12"/>
    </row>
    <row r="334632" spans="8:8">
      <c r="H334632" s="12"/>
    </row>
    <row r="334633" spans="8:8">
      <c r="H334633" s="12"/>
    </row>
    <row r="334634" spans="8:8">
      <c r="H334634" s="12"/>
    </row>
    <row r="334635" spans="8:8">
      <c r="H334635" s="12"/>
    </row>
    <row r="334636" spans="8:8">
      <c r="H334636" s="12"/>
    </row>
    <row r="334637" spans="8:8">
      <c r="H334637" s="12"/>
    </row>
    <row r="334638" spans="8:8">
      <c r="H334638" s="12"/>
    </row>
    <row r="334639" spans="8:8">
      <c r="H334639" s="12"/>
    </row>
    <row r="334640" spans="8:8">
      <c r="H334640" s="12"/>
    </row>
    <row r="334641" spans="8:8">
      <c r="H334641" s="12"/>
    </row>
    <row r="334642" spans="8:8">
      <c r="H334642" s="12"/>
    </row>
    <row r="334643" spans="8:8">
      <c r="H334643" s="12"/>
    </row>
    <row r="334644" spans="8:8">
      <c r="H334644" s="12"/>
    </row>
    <row r="334645" spans="8:8">
      <c r="H334645" s="12"/>
    </row>
    <row r="334646" spans="8:8">
      <c r="H334646" s="12"/>
    </row>
    <row r="334647" spans="8:8">
      <c r="H334647" s="12"/>
    </row>
    <row r="334648" spans="8:8">
      <c r="H334648" s="12"/>
    </row>
    <row r="334649" spans="8:8">
      <c r="H334649" s="12"/>
    </row>
    <row r="334650" spans="8:8">
      <c r="H334650" s="12"/>
    </row>
    <row r="334651" spans="8:8">
      <c r="H334651" s="12"/>
    </row>
    <row r="334652" spans="8:8">
      <c r="H334652" s="12"/>
    </row>
    <row r="334653" spans="8:8">
      <c r="H334653" s="12"/>
    </row>
    <row r="334654" spans="8:8">
      <c r="H334654" s="12"/>
    </row>
    <row r="334655" spans="8:8">
      <c r="H334655" s="12"/>
    </row>
    <row r="334656" spans="8:8">
      <c r="H334656" s="12"/>
    </row>
    <row r="334657" spans="8:8">
      <c r="H334657" s="12"/>
    </row>
    <row r="334658" spans="8:8">
      <c r="H334658" s="12"/>
    </row>
    <row r="334659" spans="8:8">
      <c r="H334659" s="12"/>
    </row>
    <row r="334660" spans="8:8">
      <c r="H334660" s="12"/>
    </row>
    <row r="334661" spans="8:8">
      <c r="H334661" s="12"/>
    </row>
    <row r="334662" spans="8:8">
      <c r="H334662" s="12"/>
    </row>
    <row r="334663" spans="8:8">
      <c r="H334663" s="12"/>
    </row>
    <row r="334664" spans="8:8">
      <c r="H334664" s="12"/>
    </row>
    <row r="334665" spans="8:8">
      <c r="H334665" s="12"/>
    </row>
    <row r="334666" spans="8:8">
      <c r="H334666" s="12"/>
    </row>
    <row r="334667" spans="8:8">
      <c r="H334667" s="12"/>
    </row>
    <row r="334668" spans="8:8">
      <c r="H334668" s="12"/>
    </row>
    <row r="334669" spans="8:8">
      <c r="H334669" s="12"/>
    </row>
    <row r="334670" spans="8:8">
      <c r="H334670" s="12"/>
    </row>
    <row r="334671" spans="8:8">
      <c r="H334671" s="12"/>
    </row>
    <row r="334672" spans="8:8">
      <c r="H334672" s="12"/>
    </row>
    <row r="334673" spans="8:8">
      <c r="H334673" s="12"/>
    </row>
    <row r="334674" spans="8:8">
      <c r="H334674" s="12"/>
    </row>
    <row r="334675" spans="8:8">
      <c r="H334675" s="12"/>
    </row>
    <row r="334676" spans="8:8">
      <c r="H334676" s="12"/>
    </row>
    <row r="334677" spans="8:8">
      <c r="H334677" s="12"/>
    </row>
    <row r="334678" spans="8:8">
      <c r="H334678" s="12"/>
    </row>
    <row r="334679" spans="8:8">
      <c r="H334679" s="12"/>
    </row>
    <row r="334680" spans="8:8">
      <c r="H334680" s="12"/>
    </row>
    <row r="334681" spans="8:8">
      <c r="H334681" s="12"/>
    </row>
    <row r="334682" spans="8:8">
      <c r="H334682" s="12"/>
    </row>
    <row r="334683" spans="8:8">
      <c r="H334683" s="12"/>
    </row>
    <row r="334684" spans="8:8">
      <c r="H334684" s="12"/>
    </row>
    <row r="334685" spans="8:8">
      <c r="H334685" s="12"/>
    </row>
    <row r="334686" spans="8:8">
      <c r="H334686" s="12"/>
    </row>
    <row r="334687" spans="8:8">
      <c r="H334687" s="12"/>
    </row>
    <row r="334688" spans="8:8">
      <c r="H334688" s="12"/>
    </row>
    <row r="334689" spans="8:8">
      <c r="H334689" s="12"/>
    </row>
    <row r="334690" spans="8:8">
      <c r="H334690" s="12"/>
    </row>
    <row r="334691" spans="8:8">
      <c r="H334691" s="12"/>
    </row>
    <row r="334692" spans="8:8">
      <c r="H334692" s="12"/>
    </row>
    <row r="334693" spans="8:8">
      <c r="H334693" s="12"/>
    </row>
    <row r="334694" spans="8:8">
      <c r="H334694" s="12"/>
    </row>
    <row r="334695" spans="8:8">
      <c r="H334695" s="12"/>
    </row>
    <row r="334696" spans="8:8">
      <c r="H334696" s="12"/>
    </row>
    <row r="334697" spans="8:8">
      <c r="H334697" s="12"/>
    </row>
    <row r="334698" spans="8:8">
      <c r="H334698" s="12"/>
    </row>
    <row r="334699" spans="8:8">
      <c r="H334699" s="12"/>
    </row>
    <row r="334700" spans="8:8">
      <c r="H334700" s="12"/>
    </row>
    <row r="334701" spans="8:8">
      <c r="H334701" s="12"/>
    </row>
    <row r="334702" spans="8:8">
      <c r="H334702" s="12"/>
    </row>
    <row r="334703" spans="8:8">
      <c r="H334703" s="12"/>
    </row>
    <row r="334704" spans="8:8">
      <c r="H334704" s="12"/>
    </row>
    <row r="334705" spans="8:8">
      <c r="H334705" s="12"/>
    </row>
    <row r="334706" spans="8:8">
      <c r="H334706" s="12"/>
    </row>
    <row r="334707" spans="8:8">
      <c r="H334707" s="12"/>
    </row>
    <row r="334708" spans="8:8">
      <c r="H334708" s="12"/>
    </row>
    <row r="334709" spans="8:8">
      <c r="H334709" s="12"/>
    </row>
    <row r="334710" spans="8:8">
      <c r="H334710" s="12"/>
    </row>
    <row r="334711" spans="8:8">
      <c r="H334711" s="12"/>
    </row>
    <row r="334712" spans="8:8">
      <c r="H334712" s="12"/>
    </row>
    <row r="334713" spans="8:8">
      <c r="H334713" s="12"/>
    </row>
    <row r="334714" spans="8:8">
      <c r="H334714" s="12"/>
    </row>
    <row r="334715" spans="8:8">
      <c r="H334715" s="12"/>
    </row>
    <row r="334716" spans="8:8">
      <c r="H334716" s="12"/>
    </row>
    <row r="334717" spans="8:8">
      <c r="H334717" s="12"/>
    </row>
    <row r="334718" spans="8:8">
      <c r="H334718" s="12"/>
    </row>
    <row r="334719" spans="8:8">
      <c r="H334719" s="12"/>
    </row>
    <row r="334720" spans="8:8">
      <c r="H334720" s="12"/>
    </row>
    <row r="334721" spans="8:8">
      <c r="H334721" s="12"/>
    </row>
    <row r="334722" spans="8:8">
      <c r="H334722" s="12"/>
    </row>
    <row r="334723" spans="8:8">
      <c r="H334723" s="12"/>
    </row>
    <row r="334724" spans="8:8">
      <c r="H334724" s="12"/>
    </row>
    <row r="334725" spans="8:8">
      <c r="H334725" s="12"/>
    </row>
    <row r="334726" spans="8:8">
      <c r="H334726" s="12"/>
    </row>
    <row r="334727" spans="8:8">
      <c r="H334727" s="12"/>
    </row>
    <row r="334728" spans="8:8">
      <c r="H334728" s="12"/>
    </row>
    <row r="334729" spans="8:8">
      <c r="H334729" s="12"/>
    </row>
    <row r="334730" spans="8:8">
      <c r="H334730" s="12"/>
    </row>
    <row r="334731" spans="8:8">
      <c r="H334731" s="12"/>
    </row>
    <row r="334732" spans="8:8">
      <c r="H334732" s="12"/>
    </row>
    <row r="334733" spans="8:8">
      <c r="H334733" s="12"/>
    </row>
    <row r="334734" spans="8:8">
      <c r="H334734" s="12"/>
    </row>
    <row r="334735" spans="8:8">
      <c r="H334735" s="12"/>
    </row>
    <row r="334736" spans="8:8">
      <c r="H334736" s="12"/>
    </row>
    <row r="334737" spans="8:8">
      <c r="H334737" s="12"/>
    </row>
    <row r="334738" spans="8:8">
      <c r="H334738" s="12"/>
    </row>
    <row r="334739" spans="8:8">
      <c r="H334739" s="12"/>
    </row>
    <row r="334740" spans="8:8">
      <c r="H334740" s="12"/>
    </row>
    <row r="334741" spans="8:8">
      <c r="H334741" s="12"/>
    </row>
    <row r="334742" spans="8:8">
      <c r="H334742" s="12"/>
    </row>
    <row r="334743" spans="8:8">
      <c r="H334743" s="12"/>
    </row>
    <row r="334744" spans="8:8">
      <c r="H334744" s="12"/>
    </row>
    <row r="334745" spans="8:8">
      <c r="H334745" s="12"/>
    </row>
    <row r="334746" spans="8:8">
      <c r="H334746" s="12"/>
    </row>
    <row r="334747" spans="8:8">
      <c r="H334747" s="12"/>
    </row>
    <row r="334748" spans="8:8">
      <c r="H334748" s="12"/>
    </row>
    <row r="334749" spans="8:8">
      <c r="H334749" s="12"/>
    </row>
    <row r="334750" spans="8:8">
      <c r="H334750" s="12"/>
    </row>
    <row r="334751" spans="8:8">
      <c r="H334751" s="12"/>
    </row>
    <row r="334752" spans="8:8">
      <c r="H334752" s="12"/>
    </row>
    <row r="334753" spans="8:8">
      <c r="H334753" s="12"/>
    </row>
    <row r="334754" spans="8:8">
      <c r="H334754" s="12"/>
    </row>
    <row r="334755" spans="8:8">
      <c r="H334755" s="12"/>
    </row>
    <row r="334756" spans="8:8">
      <c r="H334756" s="12"/>
    </row>
    <row r="334757" spans="8:8">
      <c r="H334757" s="12"/>
    </row>
    <row r="334758" spans="8:8">
      <c r="H334758" s="12"/>
    </row>
    <row r="334759" spans="8:8">
      <c r="H334759" s="12"/>
    </row>
    <row r="334760" spans="8:8">
      <c r="H334760" s="12"/>
    </row>
    <row r="334761" spans="8:8">
      <c r="H334761" s="12"/>
    </row>
    <row r="334762" spans="8:8">
      <c r="H334762" s="12"/>
    </row>
    <row r="334763" spans="8:8">
      <c r="H334763" s="12"/>
    </row>
    <row r="334764" spans="8:8">
      <c r="H334764" s="12"/>
    </row>
    <row r="334765" spans="8:8">
      <c r="H334765" s="12"/>
    </row>
    <row r="334766" spans="8:8">
      <c r="H334766" s="12"/>
    </row>
    <row r="334767" spans="8:8">
      <c r="H334767" s="12"/>
    </row>
    <row r="334768" spans="8:8">
      <c r="H334768" s="12"/>
    </row>
    <row r="334769" spans="8:8">
      <c r="H334769" s="12"/>
    </row>
    <row r="334770" spans="8:8">
      <c r="H334770" s="12"/>
    </row>
    <row r="334771" spans="8:8">
      <c r="H334771" s="12"/>
    </row>
    <row r="334772" spans="8:8">
      <c r="H334772" s="12"/>
    </row>
    <row r="334773" spans="8:8">
      <c r="H334773" s="12"/>
    </row>
    <row r="334774" spans="8:8">
      <c r="H334774" s="12"/>
    </row>
    <row r="334775" spans="8:8">
      <c r="H334775" s="12"/>
    </row>
    <row r="334776" spans="8:8">
      <c r="H334776" s="12"/>
    </row>
    <row r="334777" spans="8:8">
      <c r="H334777" s="12"/>
    </row>
    <row r="334778" spans="8:8">
      <c r="H334778" s="12"/>
    </row>
    <row r="334779" spans="8:8">
      <c r="H334779" s="12"/>
    </row>
    <row r="334780" spans="8:8">
      <c r="H334780" s="12"/>
    </row>
    <row r="334781" spans="8:8">
      <c r="H334781" s="12"/>
    </row>
    <row r="334782" spans="8:8">
      <c r="H334782" s="12"/>
    </row>
    <row r="334783" spans="8:8">
      <c r="H334783" s="12"/>
    </row>
    <row r="334784" spans="8:8">
      <c r="H334784" s="12"/>
    </row>
    <row r="334785" spans="8:8">
      <c r="H334785" s="12"/>
    </row>
    <row r="334786" spans="8:8">
      <c r="H334786" s="12"/>
    </row>
    <row r="334787" spans="8:8">
      <c r="H334787" s="12"/>
    </row>
    <row r="334788" spans="8:8">
      <c r="H334788" s="12"/>
    </row>
    <row r="334789" spans="8:8">
      <c r="H334789" s="12"/>
    </row>
    <row r="334790" spans="8:8">
      <c r="H334790" s="12"/>
    </row>
    <row r="334791" spans="8:8">
      <c r="H334791" s="12"/>
    </row>
    <row r="334792" spans="8:8">
      <c r="H334792" s="12"/>
    </row>
    <row r="334793" spans="8:8">
      <c r="H334793" s="12"/>
    </row>
    <row r="334794" spans="8:8">
      <c r="H334794" s="12"/>
    </row>
    <row r="334795" spans="8:8">
      <c r="H334795" s="12"/>
    </row>
    <row r="334796" spans="8:8">
      <c r="H334796" s="12"/>
    </row>
    <row r="334797" spans="8:8">
      <c r="H334797" s="12"/>
    </row>
    <row r="334798" spans="8:8">
      <c r="H334798" s="12"/>
    </row>
    <row r="334799" spans="8:8">
      <c r="H334799" s="12"/>
    </row>
    <row r="334800" spans="8:8">
      <c r="H334800" s="12"/>
    </row>
    <row r="334801" spans="8:8">
      <c r="H334801" s="12"/>
    </row>
    <row r="334802" spans="8:8">
      <c r="H334802" s="12"/>
    </row>
    <row r="334803" spans="8:8">
      <c r="H334803" s="12"/>
    </row>
    <row r="334804" spans="8:8">
      <c r="H334804" s="12"/>
    </row>
    <row r="334805" spans="8:8">
      <c r="H334805" s="12"/>
    </row>
    <row r="334806" spans="8:8">
      <c r="H334806" s="12"/>
    </row>
    <row r="334807" spans="8:8">
      <c r="H334807" s="12"/>
    </row>
    <row r="334808" spans="8:8">
      <c r="H334808" s="12"/>
    </row>
    <row r="334809" spans="8:8">
      <c r="H334809" s="12"/>
    </row>
    <row r="334810" spans="8:8">
      <c r="H334810" s="12"/>
    </row>
    <row r="334811" spans="8:8">
      <c r="H334811" s="12"/>
    </row>
    <row r="334812" spans="8:8">
      <c r="H334812" s="12"/>
    </row>
    <row r="334813" spans="8:8">
      <c r="H334813" s="12"/>
    </row>
    <row r="334814" spans="8:8">
      <c r="H334814" s="12"/>
    </row>
    <row r="334815" spans="8:8">
      <c r="H334815" s="12"/>
    </row>
    <row r="334816" spans="8:8">
      <c r="H334816" s="12"/>
    </row>
    <row r="334817" spans="8:8">
      <c r="H334817" s="12"/>
    </row>
    <row r="334818" spans="8:8">
      <c r="H334818" s="12"/>
    </row>
    <row r="334819" spans="8:8">
      <c r="H334819" s="12"/>
    </row>
    <row r="334820" spans="8:8">
      <c r="H334820" s="12"/>
    </row>
    <row r="334821" spans="8:8">
      <c r="H334821" s="12"/>
    </row>
    <row r="334822" spans="8:8">
      <c r="H334822" s="12"/>
    </row>
    <row r="334823" spans="8:8">
      <c r="H334823" s="12"/>
    </row>
    <row r="334824" spans="8:8">
      <c r="H334824" s="12"/>
    </row>
    <row r="334825" spans="8:8">
      <c r="H334825" s="12"/>
    </row>
    <row r="334826" spans="8:8">
      <c r="H334826" s="12"/>
    </row>
    <row r="334827" spans="8:8">
      <c r="H334827" s="12"/>
    </row>
    <row r="334828" spans="8:8">
      <c r="H334828" s="12"/>
    </row>
    <row r="334829" spans="8:8">
      <c r="H334829" s="12"/>
    </row>
    <row r="334830" spans="8:8">
      <c r="H334830" s="12"/>
    </row>
    <row r="334831" spans="8:8">
      <c r="H334831" s="12"/>
    </row>
    <row r="334832" spans="8:8">
      <c r="H334832" s="12"/>
    </row>
    <row r="334833" spans="8:8">
      <c r="H334833" s="12"/>
    </row>
    <row r="334834" spans="8:8">
      <c r="H334834" s="12"/>
    </row>
    <row r="334835" spans="8:8">
      <c r="H334835" s="12"/>
    </row>
    <row r="334836" spans="8:8">
      <c r="H334836" s="12"/>
    </row>
    <row r="334837" spans="8:8">
      <c r="H334837" s="12"/>
    </row>
    <row r="334838" spans="8:8">
      <c r="H334838" s="12"/>
    </row>
    <row r="334839" spans="8:8">
      <c r="H334839" s="12"/>
    </row>
    <row r="334840" spans="8:8">
      <c r="H334840" s="12"/>
    </row>
    <row r="334841" spans="8:8">
      <c r="H334841" s="12"/>
    </row>
    <row r="334842" spans="8:8">
      <c r="H334842" s="12"/>
    </row>
    <row r="334843" spans="8:8">
      <c r="H334843" s="12"/>
    </row>
    <row r="334844" spans="8:8">
      <c r="H334844" s="12"/>
    </row>
    <row r="334845" spans="8:8">
      <c r="H334845" s="12"/>
    </row>
    <row r="334846" spans="8:8">
      <c r="H334846" s="12"/>
    </row>
    <row r="334847" spans="8:8">
      <c r="H334847" s="12"/>
    </row>
    <row r="334848" spans="8:8">
      <c r="H334848" s="12"/>
    </row>
    <row r="334849" spans="8:8">
      <c r="H334849" s="12"/>
    </row>
    <row r="334850" spans="8:8">
      <c r="H334850" s="12"/>
    </row>
    <row r="334851" spans="8:8">
      <c r="H334851" s="12"/>
    </row>
    <row r="334852" spans="8:8">
      <c r="H334852" s="12"/>
    </row>
    <row r="334853" spans="8:8">
      <c r="H334853" s="12"/>
    </row>
    <row r="334854" spans="8:8">
      <c r="H334854" s="12"/>
    </row>
    <row r="334855" spans="8:8">
      <c r="H334855" s="12"/>
    </row>
    <row r="334856" spans="8:8">
      <c r="H334856" s="12"/>
    </row>
    <row r="334857" spans="8:8">
      <c r="H334857" s="12"/>
    </row>
    <row r="334858" spans="8:8">
      <c r="H334858" s="12"/>
    </row>
    <row r="334859" spans="8:8">
      <c r="H334859" s="12"/>
    </row>
    <row r="334860" spans="8:8">
      <c r="H334860" s="12"/>
    </row>
    <row r="334861" spans="8:8">
      <c r="H334861" s="12"/>
    </row>
    <row r="334862" spans="8:8">
      <c r="H334862" s="12"/>
    </row>
    <row r="334863" spans="8:8">
      <c r="H334863" s="12"/>
    </row>
    <row r="334864" spans="8:8">
      <c r="H334864" s="12"/>
    </row>
    <row r="334865" spans="8:8">
      <c r="H334865" s="12"/>
    </row>
    <row r="334866" spans="8:8">
      <c r="H334866" s="12"/>
    </row>
    <row r="334867" spans="8:8">
      <c r="H334867" s="12"/>
    </row>
    <row r="334868" spans="8:8">
      <c r="H334868" s="12"/>
    </row>
    <row r="334869" spans="8:8">
      <c r="H334869" s="12"/>
    </row>
    <row r="334870" spans="8:8">
      <c r="H334870" s="12"/>
    </row>
    <row r="334871" spans="8:8">
      <c r="H334871" s="12"/>
    </row>
    <row r="334872" spans="8:8">
      <c r="H334872" s="12"/>
    </row>
    <row r="334873" spans="8:8">
      <c r="H334873" s="12"/>
    </row>
    <row r="334874" spans="8:8">
      <c r="H334874" s="12"/>
    </row>
    <row r="334875" spans="8:8">
      <c r="H334875" s="12"/>
    </row>
    <row r="334876" spans="8:8">
      <c r="H334876" s="12"/>
    </row>
    <row r="334877" spans="8:8">
      <c r="H334877" s="12"/>
    </row>
    <row r="334878" spans="8:8">
      <c r="H334878" s="12"/>
    </row>
    <row r="334879" spans="8:8">
      <c r="H334879" s="12"/>
    </row>
    <row r="334880" spans="8:8">
      <c r="H334880" s="12"/>
    </row>
    <row r="334881" spans="8:8">
      <c r="H334881" s="12"/>
    </row>
    <row r="334882" spans="8:8">
      <c r="H334882" s="12"/>
    </row>
    <row r="334883" spans="8:8">
      <c r="H334883" s="12"/>
    </row>
    <row r="334884" spans="8:8">
      <c r="H334884" s="12"/>
    </row>
    <row r="334885" spans="8:8">
      <c r="H334885" s="12"/>
    </row>
    <row r="334886" spans="8:8">
      <c r="H334886" s="12"/>
    </row>
    <row r="334887" spans="8:8">
      <c r="H334887" s="12"/>
    </row>
    <row r="334888" spans="8:8">
      <c r="H334888" s="12"/>
    </row>
    <row r="334889" spans="8:8">
      <c r="H334889" s="12"/>
    </row>
    <row r="334890" spans="8:8">
      <c r="H334890" s="12"/>
    </row>
    <row r="334891" spans="8:8">
      <c r="H334891" s="12"/>
    </row>
    <row r="334892" spans="8:8">
      <c r="H334892" s="12"/>
    </row>
    <row r="334893" spans="8:8">
      <c r="H334893" s="12"/>
    </row>
    <row r="334894" spans="8:8">
      <c r="H334894" s="12"/>
    </row>
    <row r="334895" spans="8:8">
      <c r="H334895" s="12"/>
    </row>
    <row r="334896" spans="8:8">
      <c r="H334896" s="12"/>
    </row>
    <row r="334897" spans="8:8">
      <c r="H334897" s="12"/>
    </row>
    <row r="334898" spans="8:8">
      <c r="H334898" s="12"/>
    </row>
    <row r="334899" spans="8:8">
      <c r="H334899" s="12"/>
    </row>
    <row r="334900" spans="8:8">
      <c r="H334900" s="12"/>
    </row>
    <row r="334901" spans="8:8">
      <c r="H334901" s="12"/>
    </row>
    <row r="334902" spans="8:8">
      <c r="H334902" s="12"/>
    </row>
    <row r="334903" spans="8:8">
      <c r="H334903" s="12"/>
    </row>
    <row r="334904" spans="8:8">
      <c r="H334904" s="12"/>
    </row>
    <row r="334905" spans="8:8">
      <c r="H334905" s="12"/>
    </row>
    <row r="334906" spans="8:8">
      <c r="H334906" s="12"/>
    </row>
    <row r="334907" spans="8:8">
      <c r="H334907" s="12"/>
    </row>
    <row r="334908" spans="8:8">
      <c r="H334908" s="12"/>
    </row>
    <row r="334909" spans="8:8">
      <c r="H334909" s="12"/>
    </row>
    <row r="334910" spans="8:8">
      <c r="H334910" s="12"/>
    </row>
    <row r="334911" spans="8:8">
      <c r="H334911" s="12"/>
    </row>
    <row r="334912" spans="8:8">
      <c r="H334912" s="12"/>
    </row>
    <row r="334913" spans="8:8">
      <c r="H334913" s="12"/>
    </row>
    <row r="334914" spans="8:8">
      <c r="H334914" s="12"/>
    </row>
    <row r="334915" spans="8:8">
      <c r="H334915" s="12"/>
    </row>
    <row r="334916" spans="8:8">
      <c r="H334916" s="12"/>
    </row>
    <row r="334917" spans="8:8">
      <c r="H334917" s="12"/>
    </row>
    <row r="334918" spans="8:8">
      <c r="H334918" s="12"/>
    </row>
    <row r="334919" spans="8:8">
      <c r="H334919" s="12"/>
    </row>
    <row r="334920" spans="8:8">
      <c r="H334920" s="12"/>
    </row>
    <row r="334921" spans="8:8">
      <c r="H334921" s="12"/>
    </row>
    <row r="334922" spans="8:8">
      <c r="H334922" s="12"/>
    </row>
    <row r="334923" spans="8:8">
      <c r="H334923" s="12"/>
    </row>
    <row r="334924" spans="8:8">
      <c r="H334924" s="12"/>
    </row>
    <row r="334925" spans="8:8">
      <c r="H334925" s="12"/>
    </row>
    <row r="334926" spans="8:8">
      <c r="H334926" s="12"/>
    </row>
    <row r="334927" spans="8:8">
      <c r="H334927" s="12"/>
    </row>
    <row r="334928" spans="8:8">
      <c r="H334928" s="12"/>
    </row>
    <row r="334929" spans="8:8">
      <c r="H334929" s="12"/>
    </row>
    <row r="334930" spans="8:8">
      <c r="H334930" s="12"/>
    </row>
    <row r="334931" spans="8:8">
      <c r="H334931" s="12"/>
    </row>
    <row r="334932" spans="8:8">
      <c r="H334932" s="12"/>
    </row>
    <row r="334933" spans="8:8">
      <c r="H334933" s="12"/>
    </row>
    <row r="334934" spans="8:8">
      <c r="H334934" s="12"/>
    </row>
    <row r="334935" spans="8:8">
      <c r="H334935" s="12"/>
    </row>
    <row r="334936" spans="8:8">
      <c r="H334936" s="12"/>
    </row>
    <row r="334937" spans="8:8">
      <c r="H334937" s="12"/>
    </row>
    <row r="334938" spans="8:8">
      <c r="H334938" s="12"/>
    </row>
    <row r="334939" spans="8:8">
      <c r="H334939" s="12"/>
    </row>
    <row r="334940" spans="8:8">
      <c r="H334940" s="12"/>
    </row>
    <row r="334941" spans="8:8">
      <c r="H334941" s="12"/>
    </row>
    <row r="334942" spans="8:8">
      <c r="H334942" s="12"/>
    </row>
    <row r="334943" spans="8:8">
      <c r="H334943" s="12"/>
    </row>
    <row r="334944" spans="8:8">
      <c r="H334944" s="12"/>
    </row>
    <row r="334945" spans="8:8">
      <c r="H334945" s="12"/>
    </row>
    <row r="334946" spans="8:8">
      <c r="H334946" s="12"/>
    </row>
    <row r="334947" spans="8:8">
      <c r="H334947" s="12"/>
    </row>
    <row r="334948" spans="8:8">
      <c r="H334948" s="12"/>
    </row>
    <row r="334949" spans="8:8">
      <c r="H334949" s="12"/>
    </row>
    <row r="334950" spans="8:8">
      <c r="H334950" s="12"/>
    </row>
    <row r="334951" spans="8:8">
      <c r="H334951" s="12"/>
    </row>
    <row r="334952" spans="8:8">
      <c r="H334952" s="12"/>
    </row>
    <row r="334953" spans="8:8">
      <c r="H334953" s="12"/>
    </row>
    <row r="334954" spans="8:8">
      <c r="H334954" s="12"/>
    </row>
    <row r="334955" spans="8:8">
      <c r="H334955" s="12"/>
    </row>
    <row r="334956" spans="8:8">
      <c r="H334956" s="12"/>
    </row>
    <row r="334957" spans="8:8">
      <c r="H334957" s="12"/>
    </row>
    <row r="334958" spans="8:8">
      <c r="H334958" s="12"/>
    </row>
    <row r="334959" spans="8:8">
      <c r="H334959" s="12"/>
    </row>
    <row r="334960" spans="8:8">
      <c r="H334960" s="12"/>
    </row>
    <row r="334961" spans="8:8">
      <c r="H334961" s="12"/>
    </row>
    <row r="334962" spans="8:8">
      <c r="H334962" s="12"/>
    </row>
    <row r="334963" spans="8:8">
      <c r="H334963" s="12"/>
    </row>
    <row r="334964" spans="8:8">
      <c r="H334964" s="12"/>
    </row>
    <row r="334965" spans="8:8">
      <c r="H334965" s="12"/>
    </row>
    <row r="334966" spans="8:8">
      <c r="H334966" s="12"/>
    </row>
    <row r="334967" spans="8:8">
      <c r="H334967" s="12"/>
    </row>
    <row r="334968" spans="8:8">
      <c r="H334968" s="12"/>
    </row>
    <row r="334969" spans="8:8">
      <c r="H334969" s="12"/>
    </row>
    <row r="334970" spans="8:8">
      <c r="H334970" s="12"/>
    </row>
    <row r="334971" spans="8:8">
      <c r="H334971" s="12"/>
    </row>
    <row r="334972" spans="8:8">
      <c r="H334972" s="12"/>
    </row>
    <row r="334973" spans="8:8">
      <c r="H334973" s="12"/>
    </row>
    <row r="334974" spans="8:8">
      <c r="H334974" s="12"/>
    </row>
    <row r="334975" spans="8:8">
      <c r="H334975" s="12"/>
    </row>
    <row r="334976" spans="8:8">
      <c r="H334976" s="12"/>
    </row>
    <row r="334977" spans="8:8">
      <c r="H334977" s="12"/>
    </row>
    <row r="334978" spans="8:8">
      <c r="H334978" s="12"/>
    </row>
    <row r="334979" spans="8:8">
      <c r="H334979" s="12"/>
    </row>
    <row r="334980" spans="8:8">
      <c r="H334980" s="12"/>
    </row>
    <row r="334981" spans="8:8">
      <c r="H334981" s="12"/>
    </row>
    <row r="334982" spans="8:8">
      <c r="H334982" s="12"/>
    </row>
    <row r="334983" spans="8:8">
      <c r="H334983" s="12"/>
    </row>
    <row r="334984" spans="8:8">
      <c r="H334984" s="12"/>
    </row>
    <row r="334985" spans="8:8">
      <c r="H334985" s="12"/>
    </row>
    <row r="334986" spans="8:8">
      <c r="H334986" s="12"/>
    </row>
    <row r="334987" spans="8:8">
      <c r="H334987" s="12"/>
    </row>
    <row r="334988" spans="8:8">
      <c r="H334988" s="12"/>
    </row>
    <row r="334989" spans="8:8">
      <c r="H334989" s="12"/>
    </row>
    <row r="334990" spans="8:8">
      <c r="H334990" s="12"/>
    </row>
    <row r="334991" spans="8:8">
      <c r="H334991" s="12"/>
    </row>
    <row r="334992" spans="8:8">
      <c r="H334992" s="12"/>
    </row>
    <row r="334993" spans="8:8">
      <c r="H334993" s="12"/>
    </row>
    <row r="334994" spans="8:8">
      <c r="H334994" s="12"/>
    </row>
    <row r="334995" spans="8:8">
      <c r="H334995" s="12"/>
    </row>
    <row r="334996" spans="8:8">
      <c r="H334996" s="12"/>
    </row>
    <row r="334997" spans="8:8">
      <c r="H334997" s="12"/>
    </row>
    <row r="334998" spans="8:8">
      <c r="H334998" s="12"/>
    </row>
    <row r="334999" spans="8:8">
      <c r="H334999" s="12"/>
    </row>
    <row r="335000" spans="8:8">
      <c r="H335000" s="12"/>
    </row>
    <row r="335001" spans="8:8">
      <c r="H335001" s="12"/>
    </row>
    <row r="335002" spans="8:8">
      <c r="H335002" s="12"/>
    </row>
    <row r="335003" spans="8:8">
      <c r="H335003" s="12"/>
    </row>
    <row r="335004" spans="8:8">
      <c r="H335004" s="12"/>
    </row>
    <row r="335005" spans="8:8">
      <c r="H335005" s="12"/>
    </row>
    <row r="335006" spans="8:8">
      <c r="H335006" s="12"/>
    </row>
    <row r="335007" spans="8:8">
      <c r="H335007" s="12"/>
    </row>
    <row r="335008" spans="8:8">
      <c r="H335008" s="12"/>
    </row>
    <row r="335009" spans="8:8">
      <c r="H335009" s="12"/>
    </row>
    <row r="335010" spans="8:8">
      <c r="H335010" s="12"/>
    </row>
    <row r="335011" spans="8:8">
      <c r="H335011" s="12"/>
    </row>
    <row r="335012" spans="8:8">
      <c r="H335012" s="12"/>
    </row>
    <row r="335013" spans="8:8">
      <c r="H335013" s="12"/>
    </row>
    <row r="335014" spans="8:8">
      <c r="H335014" s="12"/>
    </row>
    <row r="335015" spans="8:8">
      <c r="H335015" s="12"/>
    </row>
    <row r="335016" spans="8:8">
      <c r="H335016" s="12"/>
    </row>
    <row r="335017" spans="8:8">
      <c r="H335017" s="12"/>
    </row>
    <row r="335018" spans="8:8">
      <c r="H335018" s="12"/>
    </row>
    <row r="335019" spans="8:8">
      <c r="H335019" s="12"/>
    </row>
    <row r="335020" spans="8:8">
      <c r="H335020" s="12"/>
    </row>
    <row r="335021" spans="8:8">
      <c r="H335021" s="12"/>
    </row>
    <row r="335022" spans="8:8">
      <c r="H335022" s="12"/>
    </row>
    <row r="335023" spans="8:8">
      <c r="H335023" s="12"/>
    </row>
    <row r="335024" spans="8:8">
      <c r="H335024" s="12"/>
    </row>
    <row r="335025" spans="8:8">
      <c r="H335025" s="12"/>
    </row>
    <row r="335026" spans="8:8">
      <c r="H335026" s="12"/>
    </row>
    <row r="335027" spans="8:8">
      <c r="H335027" s="12"/>
    </row>
    <row r="335028" spans="8:8">
      <c r="H335028" s="12"/>
    </row>
    <row r="335029" spans="8:8">
      <c r="H335029" s="12"/>
    </row>
    <row r="335030" spans="8:8">
      <c r="H335030" s="12"/>
    </row>
    <row r="335031" spans="8:8">
      <c r="H335031" s="12"/>
    </row>
    <row r="335032" spans="8:8">
      <c r="H335032" s="12"/>
    </row>
    <row r="335033" spans="8:8">
      <c r="H335033" s="12"/>
    </row>
    <row r="335034" spans="8:8">
      <c r="H335034" s="12"/>
    </row>
    <row r="335035" spans="8:8">
      <c r="H335035" s="12"/>
    </row>
    <row r="335036" spans="8:8">
      <c r="H335036" s="12"/>
    </row>
    <row r="335037" spans="8:8">
      <c r="H335037" s="12"/>
    </row>
    <row r="335038" spans="8:8">
      <c r="H335038" s="12"/>
    </row>
    <row r="335039" spans="8:8">
      <c r="H335039" s="12"/>
    </row>
    <row r="335040" spans="8:8">
      <c r="H335040" s="12"/>
    </row>
    <row r="335041" spans="8:8">
      <c r="H335041" s="12"/>
    </row>
    <row r="335042" spans="8:8">
      <c r="H335042" s="12"/>
    </row>
    <row r="335043" spans="8:8">
      <c r="H335043" s="12"/>
    </row>
    <row r="335044" spans="8:8">
      <c r="H335044" s="12"/>
    </row>
    <row r="335045" spans="8:8">
      <c r="H335045" s="12"/>
    </row>
    <row r="335046" spans="8:8">
      <c r="H335046" s="12"/>
    </row>
    <row r="335047" spans="8:8">
      <c r="H335047" s="12"/>
    </row>
    <row r="335048" spans="8:8">
      <c r="H335048" s="12"/>
    </row>
    <row r="335049" spans="8:8">
      <c r="H335049" s="12"/>
    </row>
    <row r="335050" spans="8:8">
      <c r="H335050" s="12"/>
    </row>
    <row r="335051" spans="8:8">
      <c r="H335051" s="12"/>
    </row>
    <row r="335052" spans="8:8">
      <c r="H335052" s="12"/>
    </row>
    <row r="335053" spans="8:8">
      <c r="H335053" s="12"/>
    </row>
    <row r="335054" spans="8:8">
      <c r="H335054" s="12"/>
    </row>
    <row r="335055" spans="8:8">
      <c r="H335055" s="12"/>
    </row>
    <row r="335056" spans="8:8">
      <c r="H335056" s="12"/>
    </row>
    <row r="335057" spans="8:8">
      <c r="H335057" s="12"/>
    </row>
    <row r="335058" spans="8:8">
      <c r="H335058" s="12"/>
    </row>
    <row r="335059" spans="8:8">
      <c r="H335059" s="12"/>
    </row>
    <row r="335060" spans="8:8">
      <c r="H335060" s="12"/>
    </row>
    <row r="335061" spans="8:8">
      <c r="H335061" s="12"/>
    </row>
    <row r="335062" spans="8:8">
      <c r="H335062" s="12"/>
    </row>
    <row r="335063" spans="8:8">
      <c r="H335063" s="12"/>
    </row>
    <row r="335064" spans="8:8">
      <c r="H335064" s="12"/>
    </row>
    <row r="335065" spans="8:8">
      <c r="H335065" s="12"/>
    </row>
    <row r="335066" spans="8:8">
      <c r="H335066" s="12"/>
    </row>
    <row r="335067" spans="8:8">
      <c r="H335067" s="12"/>
    </row>
    <row r="335068" spans="8:8">
      <c r="H335068" s="12"/>
    </row>
    <row r="335069" spans="8:8">
      <c r="H335069" s="12"/>
    </row>
    <row r="335070" spans="8:8">
      <c r="H335070" s="12"/>
    </row>
    <row r="335071" spans="8:8">
      <c r="H335071" s="12"/>
    </row>
    <row r="335072" spans="8:8">
      <c r="H335072" s="12"/>
    </row>
    <row r="335073" spans="8:8">
      <c r="H335073" s="12"/>
    </row>
    <row r="335074" spans="8:8">
      <c r="H335074" s="12"/>
    </row>
    <row r="335075" spans="8:8">
      <c r="H335075" s="12"/>
    </row>
    <row r="335076" spans="8:8">
      <c r="H335076" s="12"/>
    </row>
    <row r="335077" spans="8:8">
      <c r="H335077" s="12"/>
    </row>
    <row r="335078" spans="8:8">
      <c r="H335078" s="12"/>
    </row>
    <row r="335079" spans="8:8">
      <c r="H335079" s="12"/>
    </row>
    <row r="335080" spans="8:8">
      <c r="H335080" s="12"/>
    </row>
    <row r="335081" spans="8:8">
      <c r="H335081" s="12"/>
    </row>
    <row r="335082" spans="8:8">
      <c r="H335082" s="12"/>
    </row>
    <row r="335083" spans="8:8">
      <c r="H335083" s="12"/>
    </row>
    <row r="335084" spans="8:8">
      <c r="H335084" s="12"/>
    </row>
    <row r="335085" spans="8:8">
      <c r="H335085" s="12"/>
    </row>
    <row r="335086" spans="8:8">
      <c r="H335086" s="12"/>
    </row>
    <row r="335087" spans="8:8">
      <c r="H335087" s="12"/>
    </row>
    <row r="335088" spans="8:8">
      <c r="H335088" s="12"/>
    </row>
    <row r="335089" spans="8:8">
      <c r="H335089" s="12"/>
    </row>
    <row r="335090" spans="8:8">
      <c r="H335090" s="12"/>
    </row>
    <row r="335091" spans="8:8">
      <c r="H335091" s="12"/>
    </row>
    <row r="335092" spans="8:8">
      <c r="H335092" s="12"/>
    </row>
    <row r="335093" spans="8:8">
      <c r="H335093" s="12"/>
    </row>
    <row r="335094" spans="8:8">
      <c r="H335094" s="12"/>
    </row>
    <row r="335095" spans="8:8">
      <c r="H335095" s="12"/>
    </row>
    <row r="335096" spans="8:8">
      <c r="H335096" s="12"/>
    </row>
    <row r="335097" spans="8:8">
      <c r="H335097" s="12"/>
    </row>
    <row r="335098" spans="8:8">
      <c r="H335098" s="12"/>
    </row>
    <row r="335099" spans="8:8">
      <c r="H335099" s="12"/>
    </row>
    <row r="335100" spans="8:8">
      <c r="H335100" s="12"/>
    </row>
    <row r="335101" spans="8:8">
      <c r="H335101" s="12"/>
    </row>
    <row r="335102" spans="8:8">
      <c r="H335102" s="12"/>
    </row>
    <row r="335103" spans="8:8">
      <c r="H335103" s="12"/>
    </row>
    <row r="335104" spans="8:8">
      <c r="H335104" s="12"/>
    </row>
    <row r="335105" spans="8:8">
      <c r="H335105" s="12"/>
    </row>
    <row r="335106" spans="8:8">
      <c r="H335106" s="12"/>
    </row>
    <row r="335107" spans="8:8">
      <c r="H335107" s="12"/>
    </row>
    <row r="335108" spans="8:8">
      <c r="H335108" s="12"/>
    </row>
    <row r="335109" spans="8:8">
      <c r="H335109" s="12"/>
    </row>
    <row r="335110" spans="8:8">
      <c r="H335110" s="12"/>
    </row>
    <row r="335111" spans="8:8">
      <c r="H335111" s="12"/>
    </row>
    <row r="335112" spans="8:8">
      <c r="H335112" s="12"/>
    </row>
    <row r="335113" spans="8:8">
      <c r="H335113" s="12"/>
    </row>
    <row r="335114" spans="8:8">
      <c r="H335114" s="12"/>
    </row>
    <row r="335115" spans="8:8">
      <c r="H335115" s="12"/>
    </row>
    <row r="335116" spans="8:8">
      <c r="H335116" s="12"/>
    </row>
    <row r="335117" spans="8:8">
      <c r="H335117" s="12"/>
    </row>
    <row r="335118" spans="8:8">
      <c r="H335118" s="12"/>
    </row>
    <row r="335119" spans="8:8">
      <c r="H335119" s="12"/>
    </row>
    <row r="335120" spans="8:8">
      <c r="H335120" s="12"/>
    </row>
    <row r="335121" spans="8:8">
      <c r="H335121" s="12"/>
    </row>
    <row r="335122" spans="8:8">
      <c r="H335122" s="12"/>
    </row>
    <row r="335123" spans="8:8">
      <c r="H335123" s="12"/>
    </row>
    <row r="335124" spans="8:8">
      <c r="H335124" s="12"/>
    </row>
    <row r="335125" spans="8:8">
      <c r="H335125" s="12"/>
    </row>
    <row r="335126" spans="8:8">
      <c r="H335126" s="12"/>
    </row>
    <row r="335127" spans="8:8">
      <c r="H335127" s="12"/>
    </row>
    <row r="335128" spans="8:8">
      <c r="H335128" s="12"/>
    </row>
    <row r="335129" spans="8:8">
      <c r="H335129" s="12"/>
    </row>
    <row r="335130" spans="8:8">
      <c r="H335130" s="12"/>
    </row>
    <row r="335131" spans="8:8">
      <c r="H335131" s="12"/>
    </row>
    <row r="335132" spans="8:8">
      <c r="H335132" s="12"/>
    </row>
    <row r="335133" spans="8:8">
      <c r="H335133" s="12"/>
    </row>
    <row r="335134" spans="8:8">
      <c r="H335134" s="12"/>
    </row>
    <row r="335135" spans="8:8">
      <c r="H335135" s="12"/>
    </row>
    <row r="335136" spans="8:8">
      <c r="H335136" s="12"/>
    </row>
    <row r="335137" spans="8:8">
      <c r="H335137" s="12"/>
    </row>
    <row r="335138" spans="8:8">
      <c r="H335138" s="12"/>
    </row>
    <row r="335139" spans="8:8">
      <c r="H335139" s="12"/>
    </row>
    <row r="335140" spans="8:8">
      <c r="H335140" s="12"/>
    </row>
    <row r="335141" spans="8:8">
      <c r="H335141" s="12"/>
    </row>
    <row r="335142" spans="8:8">
      <c r="H335142" s="12"/>
    </row>
    <row r="335143" spans="8:8">
      <c r="H335143" s="12"/>
    </row>
    <row r="335144" spans="8:8">
      <c r="H335144" s="12"/>
    </row>
    <row r="335145" spans="8:8">
      <c r="H335145" s="12"/>
    </row>
    <row r="335146" spans="8:8">
      <c r="H335146" s="12"/>
    </row>
    <row r="335147" spans="8:8">
      <c r="H335147" s="12"/>
    </row>
    <row r="335148" spans="8:8">
      <c r="H335148" s="12"/>
    </row>
    <row r="335149" spans="8:8">
      <c r="H335149" s="12"/>
    </row>
    <row r="335150" spans="8:8">
      <c r="H335150" s="12"/>
    </row>
    <row r="335151" spans="8:8">
      <c r="H335151" s="12"/>
    </row>
    <row r="335152" spans="8:8">
      <c r="H335152" s="12"/>
    </row>
    <row r="335153" spans="8:8">
      <c r="H335153" s="12"/>
    </row>
    <row r="335154" spans="8:8">
      <c r="H335154" s="12"/>
    </row>
    <row r="335155" spans="8:8">
      <c r="H335155" s="12"/>
    </row>
    <row r="335156" spans="8:8">
      <c r="H335156" s="12"/>
    </row>
    <row r="335157" spans="8:8">
      <c r="H335157" s="12"/>
    </row>
    <row r="335158" spans="8:8">
      <c r="H335158" s="12"/>
    </row>
    <row r="335159" spans="8:8">
      <c r="H335159" s="12"/>
    </row>
    <row r="335160" spans="8:8">
      <c r="H335160" s="12"/>
    </row>
    <row r="335161" spans="8:8">
      <c r="H335161" s="12"/>
    </row>
    <row r="335162" spans="8:8">
      <c r="H335162" s="12"/>
    </row>
    <row r="335163" spans="8:8">
      <c r="H335163" s="12"/>
    </row>
    <row r="335164" spans="8:8">
      <c r="H335164" s="12"/>
    </row>
    <row r="335165" spans="8:8">
      <c r="H335165" s="12"/>
    </row>
    <row r="335166" spans="8:8">
      <c r="H335166" s="12"/>
    </row>
    <row r="335167" spans="8:8">
      <c r="H335167" s="12"/>
    </row>
    <row r="335168" spans="8:8">
      <c r="H335168" s="12"/>
    </row>
    <row r="335169" spans="8:8">
      <c r="H335169" s="12"/>
    </row>
    <row r="335170" spans="8:8">
      <c r="H335170" s="12"/>
    </row>
    <row r="335171" spans="8:8">
      <c r="H335171" s="12"/>
    </row>
    <row r="335172" spans="8:8">
      <c r="H335172" s="12"/>
    </row>
    <row r="335173" spans="8:8">
      <c r="H335173" s="12"/>
    </row>
    <row r="335174" spans="8:8">
      <c r="H335174" s="12"/>
    </row>
    <row r="335175" spans="8:8">
      <c r="H335175" s="12"/>
    </row>
    <row r="335176" spans="8:8">
      <c r="H335176" s="12"/>
    </row>
    <row r="335177" spans="8:8">
      <c r="H335177" s="12"/>
    </row>
    <row r="335178" spans="8:8">
      <c r="H335178" s="12"/>
    </row>
    <row r="335179" spans="8:8">
      <c r="H335179" s="12"/>
    </row>
    <row r="335180" spans="8:8">
      <c r="H335180" s="12"/>
    </row>
    <row r="335181" spans="8:8">
      <c r="H335181" s="12"/>
    </row>
    <row r="335182" spans="8:8">
      <c r="H335182" s="12"/>
    </row>
    <row r="335183" spans="8:8">
      <c r="H335183" s="12"/>
    </row>
    <row r="335184" spans="8:8">
      <c r="H335184" s="12"/>
    </row>
    <row r="335185" spans="8:8">
      <c r="H335185" s="12"/>
    </row>
    <row r="335186" spans="8:8">
      <c r="H335186" s="12"/>
    </row>
    <row r="335187" spans="8:8">
      <c r="H335187" s="12"/>
    </row>
    <row r="335188" spans="8:8">
      <c r="H335188" s="12"/>
    </row>
    <row r="335189" spans="8:8">
      <c r="H335189" s="12"/>
    </row>
    <row r="335190" spans="8:8">
      <c r="H335190" s="12"/>
    </row>
    <row r="335191" spans="8:8">
      <c r="H335191" s="12"/>
    </row>
    <row r="335192" spans="8:8">
      <c r="H335192" s="12"/>
    </row>
    <row r="335193" spans="8:8">
      <c r="H335193" s="12"/>
    </row>
    <row r="335194" spans="8:8">
      <c r="H335194" s="12"/>
    </row>
    <row r="335195" spans="8:8">
      <c r="H335195" s="12"/>
    </row>
    <row r="335196" spans="8:8">
      <c r="H335196" s="12"/>
    </row>
    <row r="335197" spans="8:8">
      <c r="H335197" s="12"/>
    </row>
    <row r="335198" spans="8:8">
      <c r="H335198" s="12"/>
    </row>
    <row r="335199" spans="8:8">
      <c r="H335199" s="12"/>
    </row>
    <row r="335200" spans="8:8">
      <c r="H335200" s="12"/>
    </row>
    <row r="335201" spans="8:8">
      <c r="H335201" s="12"/>
    </row>
    <row r="335202" spans="8:8">
      <c r="H335202" s="12"/>
    </row>
    <row r="335203" spans="8:8">
      <c r="H335203" s="12"/>
    </row>
    <row r="335204" spans="8:8">
      <c r="H335204" s="12"/>
    </row>
    <row r="335205" spans="8:8">
      <c r="H335205" s="12"/>
    </row>
    <row r="335206" spans="8:8">
      <c r="H335206" s="12"/>
    </row>
    <row r="335207" spans="8:8">
      <c r="H335207" s="12"/>
    </row>
    <row r="335208" spans="8:8">
      <c r="H335208" s="12"/>
    </row>
    <row r="335209" spans="8:8">
      <c r="H335209" s="12"/>
    </row>
    <row r="335210" spans="8:8">
      <c r="H335210" s="12"/>
    </row>
    <row r="335211" spans="8:8">
      <c r="H335211" s="12"/>
    </row>
    <row r="335212" spans="8:8">
      <c r="H335212" s="12"/>
    </row>
    <row r="335213" spans="8:8">
      <c r="H335213" s="12"/>
    </row>
    <row r="335214" spans="8:8">
      <c r="H335214" s="12"/>
    </row>
    <row r="335215" spans="8:8">
      <c r="H335215" s="12"/>
    </row>
    <row r="335216" spans="8:8">
      <c r="H335216" s="12"/>
    </row>
    <row r="335217" spans="8:8">
      <c r="H335217" s="12"/>
    </row>
    <row r="335218" spans="8:8">
      <c r="H335218" s="12"/>
    </row>
    <row r="335219" spans="8:8">
      <c r="H335219" s="12"/>
    </row>
    <row r="335220" spans="8:8">
      <c r="H335220" s="12"/>
    </row>
    <row r="335221" spans="8:8">
      <c r="H335221" s="12"/>
    </row>
    <row r="335222" spans="8:8">
      <c r="H335222" s="12"/>
    </row>
    <row r="335223" spans="8:8">
      <c r="H335223" s="12"/>
    </row>
    <row r="335224" spans="8:8">
      <c r="H335224" s="12"/>
    </row>
    <row r="335225" spans="8:8">
      <c r="H335225" s="12"/>
    </row>
    <row r="335226" spans="8:8">
      <c r="H335226" s="12"/>
    </row>
    <row r="335227" spans="8:8">
      <c r="H335227" s="12"/>
    </row>
    <row r="335228" spans="8:8">
      <c r="H335228" s="12"/>
    </row>
    <row r="335229" spans="8:8">
      <c r="H335229" s="12"/>
    </row>
    <row r="335230" spans="8:8">
      <c r="H335230" s="12"/>
    </row>
    <row r="335231" spans="8:8">
      <c r="H335231" s="12"/>
    </row>
    <row r="335232" spans="8:8">
      <c r="H335232" s="12"/>
    </row>
    <row r="335233" spans="8:8">
      <c r="H335233" s="12"/>
    </row>
    <row r="335234" spans="8:8">
      <c r="H335234" s="12"/>
    </row>
    <row r="335235" spans="8:8">
      <c r="H335235" s="12"/>
    </row>
    <row r="335236" spans="8:8">
      <c r="H335236" s="12"/>
    </row>
    <row r="335237" spans="8:8">
      <c r="H335237" s="12"/>
    </row>
    <row r="335238" spans="8:8">
      <c r="H335238" s="12"/>
    </row>
    <row r="335239" spans="8:8">
      <c r="H335239" s="12"/>
    </row>
    <row r="335240" spans="8:8">
      <c r="H335240" s="12"/>
    </row>
    <row r="335241" spans="8:8">
      <c r="H335241" s="12"/>
    </row>
    <row r="335242" spans="8:8">
      <c r="H335242" s="12"/>
    </row>
    <row r="335243" spans="8:8">
      <c r="H335243" s="12"/>
    </row>
    <row r="335244" spans="8:8">
      <c r="H335244" s="12"/>
    </row>
    <row r="335245" spans="8:8">
      <c r="H335245" s="12"/>
    </row>
    <row r="335246" spans="8:8">
      <c r="H335246" s="12"/>
    </row>
    <row r="335247" spans="8:8">
      <c r="H335247" s="12"/>
    </row>
    <row r="335248" spans="8:8">
      <c r="H335248" s="12"/>
    </row>
    <row r="335249" spans="8:8">
      <c r="H335249" s="12"/>
    </row>
    <row r="335250" spans="8:8">
      <c r="H335250" s="12"/>
    </row>
    <row r="335251" spans="8:8">
      <c r="H335251" s="12"/>
    </row>
    <row r="335252" spans="8:8">
      <c r="H335252" s="12"/>
    </row>
    <row r="335253" spans="8:8">
      <c r="H335253" s="12"/>
    </row>
    <row r="335254" spans="8:8">
      <c r="H335254" s="12"/>
    </row>
    <row r="335255" spans="8:8">
      <c r="H335255" s="12"/>
    </row>
    <row r="335256" spans="8:8">
      <c r="H335256" s="12"/>
    </row>
    <row r="335257" spans="8:8">
      <c r="H335257" s="12"/>
    </row>
    <row r="335258" spans="8:8">
      <c r="H335258" s="12"/>
    </row>
    <row r="335259" spans="8:8">
      <c r="H335259" s="12"/>
    </row>
    <row r="335260" spans="8:8">
      <c r="H335260" s="12"/>
    </row>
    <row r="335261" spans="8:8">
      <c r="H335261" s="12"/>
    </row>
    <row r="335262" spans="8:8">
      <c r="H335262" s="12"/>
    </row>
    <row r="335263" spans="8:8">
      <c r="H335263" s="12"/>
    </row>
    <row r="335264" spans="8:8">
      <c r="H335264" s="12"/>
    </row>
    <row r="335265" spans="8:8">
      <c r="H335265" s="12"/>
    </row>
    <row r="335266" spans="8:8">
      <c r="H335266" s="12"/>
    </row>
    <row r="335267" spans="8:8">
      <c r="H335267" s="12"/>
    </row>
    <row r="335268" spans="8:8">
      <c r="H335268" s="12"/>
    </row>
    <row r="335269" spans="8:8">
      <c r="H335269" s="12"/>
    </row>
    <row r="335270" spans="8:8">
      <c r="H335270" s="12"/>
    </row>
    <row r="335271" spans="8:8">
      <c r="H335271" s="12"/>
    </row>
    <row r="335272" spans="8:8">
      <c r="H335272" s="12"/>
    </row>
    <row r="335273" spans="8:8">
      <c r="H335273" s="12"/>
    </row>
    <row r="335274" spans="8:8">
      <c r="H335274" s="12"/>
    </row>
    <row r="335275" spans="8:8">
      <c r="H335275" s="12"/>
    </row>
    <row r="335276" spans="8:8">
      <c r="H335276" s="12"/>
    </row>
    <row r="335277" spans="8:8">
      <c r="H335277" s="12"/>
    </row>
    <row r="335278" spans="8:8">
      <c r="H335278" s="12"/>
    </row>
    <row r="335279" spans="8:8">
      <c r="H335279" s="12"/>
    </row>
    <row r="335280" spans="8:8">
      <c r="H335280" s="12"/>
    </row>
    <row r="335281" spans="8:8">
      <c r="H335281" s="12"/>
    </row>
    <row r="335282" spans="8:8">
      <c r="H335282" s="12"/>
    </row>
    <row r="335283" spans="8:8">
      <c r="H335283" s="12"/>
    </row>
    <row r="335284" spans="8:8">
      <c r="H335284" s="12"/>
    </row>
    <row r="335285" spans="8:8">
      <c r="H335285" s="12"/>
    </row>
    <row r="335286" spans="8:8">
      <c r="H335286" s="12"/>
    </row>
    <row r="335287" spans="8:8">
      <c r="H335287" s="12"/>
    </row>
    <row r="335288" spans="8:8">
      <c r="H335288" s="12"/>
    </row>
    <row r="335289" spans="8:8">
      <c r="H335289" s="12"/>
    </row>
    <row r="335290" spans="8:8">
      <c r="H335290" s="12"/>
    </row>
    <row r="335291" spans="8:8">
      <c r="H335291" s="12"/>
    </row>
    <row r="335292" spans="8:8">
      <c r="H335292" s="12"/>
    </row>
    <row r="335293" spans="8:8">
      <c r="H335293" s="12"/>
    </row>
    <row r="335294" spans="8:8">
      <c r="H335294" s="12"/>
    </row>
    <row r="335295" spans="8:8">
      <c r="H335295" s="12"/>
    </row>
    <row r="335296" spans="8:8">
      <c r="H335296" s="12"/>
    </row>
    <row r="335297" spans="8:8">
      <c r="H335297" s="12"/>
    </row>
    <row r="335298" spans="8:8">
      <c r="H335298" s="12"/>
    </row>
    <row r="335299" spans="8:8">
      <c r="H335299" s="12"/>
    </row>
    <row r="335300" spans="8:8">
      <c r="H335300" s="12"/>
    </row>
    <row r="335301" spans="8:8">
      <c r="H335301" s="12"/>
    </row>
    <row r="335302" spans="8:8">
      <c r="H335302" s="12"/>
    </row>
    <row r="335303" spans="8:8">
      <c r="H335303" s="12"/>
    </row>
    <row r="335304" spans="8:8">
      <c r="H335304" s="12"/>
    </row>
    <row r="335305" spans="8:8">
      <c r="H335305" s="12"/>
    </row>
    <row r="335306" spans="8:8">
      <c r="H335306" s="12"/>
    </row>
    <row r="335307" spans="8:8">
      <c r="H335307" s="12"/>
    </row>
    <row r="335308" spans="8:8">
      <c r="H335308" s="12"/>
    </row>
    <row r="335309" spans="8:8">
      <c r="H335309" s="12"/>
    </row>
    <row r="335310" spans="8:8">
      <c r="H335310" s="12"/>
    </row>
    <row r="335311" spans="8:8">
      <c r="H335311" s="12"/>
    </row>
    <row r="335312" spans="8:8">
      <c r="H335312" s="12"/>
    </row>
    <row r="335313" spans="8:8">
      <c r="H335313" s="12"/>
    </row>
    <row r="335314" spans="8:8">
      <c r="H335314" s="12"/>
    </row>
    <row r="335315" spans="8:8">
      <c r="H335315" s="12"/>
    </row>
    <row r="335316" spans="8:8">
      <c r="H335316" s="12"/>
    </row>
    <row r="335317" spans="8:8">
      <c r="H335317" s="12"/>
    </row>
    <row r="335318" spans="8:8">
      <c r="H335318" s="12"/>
    </row>
    <row r="335319" spans="8:8">
      <c r="H335319" s="12"/>
    </row>
    <row r="335320" spans="8:8">
      <c r="H335320" s="12"/>
    </row>
    <row r="335321" spans="8:8">
      <c r="H335321" s="12"/>
    </row>
    <row r="335322" spans="8:8">
      <c r="H335322" s="12"/>
    </row>
    <row r="335323" spans="8:8">
      <c r="H335323" s="12"/>
    </row>
    <row r="335324" spans="8:8">
      <c r="H335324" s="12"/>
    </row>
    <row r="335325" spans="8:8">
      <c r="H335325" s="12"/>
    </row>
    <row r="335326" spans="8:8">
      <c r="H335326" s="12"/>
    </row>
    <row r="335327" spans="8:8">
      <c r="H335327" s="12"/>
    </row>
    <row r="335328" spans="8:8">
      <c r="H335328" s="12"/>
    </row>
    <row r="335329" spans="8:8">
      <c r="H335329" s="12"/>
    </row>
    <row r="335330" spans="8:8">
      <c r="H335330" s="12"/>
    </row>
    <row r="335331" spans="8:8">
      <c r="H335331" s="12"/>
    </row>
    <row r="335332" spans="8:8">
      <c r="H335332" s="12"/>
    </row>
    <row r="335333" spans="8:8">
      <c r="H335333" s="12"/>
    </row>
    <row r="335334" spans="8:8">
      <c r="H335334" s="12"/>
    </row>
    <row r="335335" spans="8:8">
      <c r="H335335" s="12"/>
    </row>
    <row r="335336" spans="8:8">
      <c r="H335336" s="12"/>
    </row>
    <row r="335337" spans="8:8">
      <c r="H335337" s="12"/>
    </row>
    <row r="335338" spans="8:8">
      <c r="H335338" s="12"/>
    </row>
    <row r="335339" spans="8:8">
      <c r="H335339" s="12"/>
    </row>
    <row r="335340" spans="8:8">
      <c r="H335340" s="12"/>
    </row>
    <row r="335341" spans="8:8">
      <c r="H335341" s="12"/>
    </row>
    <row r="335342" spans="8:8">
      <c r="H335342" s="12"/>
    </row>
    <row r="335343" spans="8:8">
      <c r="H335343" s="12"/>
    </row>
    <row r="335344" spans="8:8">
      <c r="H335344" s="12"/>
    </row>
    <row r="335345" spans="8:8">
      <c r="H335345" s="12"/>
    </row>
    <row r="335346" spans="8:8">
      <c r="H335346" s="12"/>
    </row>
    <row r="335347" spans="8:8">
      <c r="H335347" s="12"/>
    </row>
    <row r="335348" spans="8:8">
      <c r="H335348" s="12"/>
    </row>
    <row r="335349" spans="8:8">
      <c r="H335349" s="12"/>
    </row>
    <row r="335350" spans="8:8">
      <c r="H335350" s="12"/>
    </row>
    <row r="335351" spans="8:8">
      <c r="H335351" s="12"/>
    </row>
    <row r="335352" spans="8:8">
      <c r="H335352" s="12"/>
    </row>
    <row r="335353" spans="8:8">
      <c r="H335353" s="12"/>
    </row>
    <row r="335354" spans="8:8">
      <c r="H335354" s="12"/>
    </row>
    <row r="335355" spans="8:8">
      <c r="H335355" s="12"/>
    </row>
    <row r="335356" spans="8:8">
      <c r="H335356" s="12"/>
    </row>
    <row r="335357" spans="8:8">
      <c r="H335357" s="12"/>
    </row>
    <row r="335358" spans="8:8">
      <c r="H335358" s="12"/>
    </row>
    <row r="335359" spans="8:8">
      <c r="H335359" s="12"/>
    </row>
    <row r="335360" spans="8:8">
      <c r="H335360" s="12"/>
    </row>
    <row r="335361" spans="8:8">
      <c r="H335361" s="12"/>
    </row>
    <row r="335362" spans="8:8">
      <c r="H335362" s="12"/>
    </row>
    <row r="335363" spans="8:8">
      <c r="H335363" s="12"/>
    </row>
    <row r="335364" spans="8:8">
      <c r="H335364" s="12"/>
    </row>
    <row r="335365" spans="8:8">
      <c r="H335365" s="12"/>
    </row>
    <row r="335366" spans="8:8">
      <c r="H335366" s="12"/>
    </row>
    <row r="335367" spans="8:8">
      <c r="H335367" s="12"/>
    </row>
    <row r="335368" spans="8:8">
      <c r="H335368" s="12"/>
    </row>
    <row r="335369" spans="8:8">
      <c r="H335369" s="12"/>
    </row>
    <row r="335370" spans="8:8">
      <c r="H335370" s="12"/>
    </row>
    <row r="335371" spans="8:8">
      <c r="H335371" s="12"/>
    </row>
    <row r="335372" spans="8:8">
      <c r="H335372" s="12"/>
    </row>
    <row r="335373" spans="8:8">
      <c r="H335373" s="12"/>
    </row>
    <row r="335374" spans="8:8">
      <c r="H335374" s="12"/>
    </row>
    <row r="335375" spans="8:8">
      <c r="H335375" s="12"/>
    </row>
    <row r="335376" spans="8:8">
      <c r="H335376" s="12"/>
    </row>
    <row r="335377" spans="8:8">
      <c r="H335377" s="12"/>
    </row>
    <row r="335378" spans="8:8">
      <c r="H335378" s="12"/>
    </row>
    <row r="335379" spans="8:8">
      <c r="H335379" s="12"/>
    </row>
    <row r="335380" spans="8:8">
      <c r="H335380" s="12"/>
    </row>
    <row r="335381" spans="8:8">
      <c r="H335381" s="12"/>
    </row>
    <row r="335382" spans="8:8">
      <c r="H335382" s="12"/>
    </row>
    <row r="335383" spans="8:8">
      <c r="H335383" s="12"/>
    </row>
    <row r="335384" spans="8:8">
      <c r="H335384" s="12"/>
    </row>
    <row r="335385" spans="8:8">
      <c r="H335385" s="12"/>
    </row>
    <row r="335386" spans="8:8">
      <c r="H335386" s="12"/>
    </row>
    <row r="335387" spans="8:8">
      <c r="H335387" s="12"/>
    </row>
    <row r="335388" spans="8:8">
      <c r="H335388" s="12"/>
    </row>
    <row r="335389" spans="8:8">
      <c r="H335389" s="12"/>
    </row>
    <row r="335390" spans="8:8">
      <c r="H335390" s="12"/>
    </row>
    <row r="335391" spans="8:8">
      <c r="H335391" s="12"/>
    </row>
    <row r="335392" spans="8:8">
      <c r="H335392" s="12"/>
    </row>
    <row r="335393" spans="8:8">
      <c r="H335393" s="12"/>
    </row>
    <row r="335394" spans="8:8">
      <c r="H335394" s="12"/>
    </row>
    <row r="335395" spans="8:8">
      <c r="H335395" s="12"/>
    </row>
    <row r="335396" spans="8:8">
      <c r="H335396" s="12"/>
    </row>
    <row r="335397" spans="8:8">
      <c r="H335397" s="12"/>
    </row>
    <row r="335398" spans="8:8">
      <c r="H335398" s="12"/>
    </row>
    <row r="335399" spans="8:8">
      <c r="H335399" s="12"/>
    </row>
    <row r="335400" spans="8:8">
      <c r="H335400" s="12"/>
    </row>
    <row r="335401" spans="8:8">
      <c r="H335401" s="12"/>
    </row>
    <row r="335402" spans="8:8">
      <c r="H335402" s="12"/>
    </row>
    <row r="335403" spans="8:8">
      <c r="H335403" s="12"/>
    </row>
    <row r="335404" spans="8:8">
      <c r="H335404" s="12"/>
    </row>
    <row r="335405" spans="8:8">
      <c r="H335405" s="12"/>
    </row>
    <row r="335406" spans="8:8">
      <c r="H335406" s="12"/>
    </row>
    <row r="335407" spans="8:8">
      <c r="H335407" s="12"/>
    </row>
    <row r="335408" spans="8:8">
      <c r="H335408" s="12"/>
    </row>
    <row r="335409" spans="8:8">
      <c r="H335409" s="12"/>
    </row>
    <row r="335410" spans="8:8">
      <c r="H335410" s="12"/>
    </row>
    <row r="335411" spans="8:8">
      <c r="H335411" s="12"/>
    </row>
    <row r="335412" spans="8:8">
      <c r="H335412" s="12"/>
    </row>
    <row r="335413" spans="8:8">
      <c r="H335413" s="12"/>
    </row>
    <row r="335414" spans="8:8">
      <c r="H335414" s="12"/>
    </row>
    <row r="335415" spans="8:8">
      <c r="H335415" s="12"/>
    </row>
    <row r="335416" spans="8:8">
      <c r="H335416" s="12"/>
    </row>
    <row r="335417" spans="8:8">
      <c r="H335417" s="12"/>
    </row>
    <row r="335418" spans="8:8">
      <c r="H335418" s="12"/>
    </row>
    <row r="335419" spans="8:8">
      <c r="H335419" s="12"/>
    </row>
    <row r="335420" spans="8:8">
      <c r="H335420" s="12"/>
    </row>
    <row r="335421" spans="8:8">
      <c r="H335421" s="12"/>
    </row>
    <row r="335422" spans="8:8">
      <c r="H335422" s="12"/>
    </row>
    <row r="335423" spans="8:8">
      <c r="H335423" s="12"/>
    </row>
    <row r="335424" spans="8:8">
      <c r="H335424" s="12"/>
    </row>
    <row r="335425" spans="8:8">
      <c r="H335425" s="12"/>
    </row>
    <row r="335426" spans="8:8">
      <c r="H335426" s="12"/>
    </row>
    <row r="335427" spans="8:8">
      <c r="H335427" s="12"/>
    </row>
    <row r="335428" spans="8:8">
      <c r="H335428" s="12"/>
    </row>
    <row r="335429" spans="8:8">
      <c r="H335429" s="12"/>
    </row>
    <row r="335430" spans="8:8">
      <c r="H335430" s="12"/>
    </row>
    <row r="335431" spans="8:8">
      <c r="H335431" s="12"/>
    </row>
    <row r="335432" spans="8:8">
      <c r="H335432" s="12"/>
    </row>
    <row r="335433" spans="8:8">
      <c r="H335433" s="12"/>
    </row>
    <row r="335434" spans="8:8">
      <c r="H335434" s="12"/>
    </row>
    <row r="335435" spans="8:8">
      <c r="H335435" s="12"/>
    </row>
    <row r="335436" spans="8:8">
      <c r="H335436" s="12"/>
    </row>
    <row r="335437" spans="8:8">
      <c r="H335437" s="12"/>
    </row>
    <row r="335438" spans="8:8">
      <c r="H335438" s="12"/>
    </row>
    <row r="335439" spans="8:8">
      <c r="H335439" s="12"/>
    </row>
    <row r="335440" spans="8:8">
      <c r="H335440" s="12"/>
    </row>
    <row r="335441" spans="8:8">
      <c r="H335441" s="12"/>
    </row>
    <row r="335442" spans="8:8">
      <c r="H335442" s="12"/>
    </row>
    <row r="335443" spans="8:8">
      <c r="H335443" s="12"/>
    </row>
    <row r="335444" spans="8:8">
      <c r="H335444" s="12"/>
    </row>
    <row r="335445" spans="8:8">
      <c r="H335445" s="12"/>
    </row>
    <row r="335446" spans="8:8">
      <c r="H335446" s="12"/>
    </row>
    <row r="335447" spans="8:8">
      <c r="H335447" s="12"/>
    </row>
    <row r="335448" spans="8:8">
      <c r="H335448" s="12"/>
    </row>
    <row r="335449" spans="8:8">
      <c r="H335449" s="12"/>
    </row>
    <row r="335450" spans="8:8">
      <c r="H335450" s="12"/>
    </row>
    <row r="335451" spans="8:8">
      <c r="H335451" s="12"/>
    </row>
    <row r="335452" spans="8:8">
      <c r="H335452" s="12"/>
    </row>
    <row r="335453" spans="8:8">
      <c r="H335453" s="12"/>
    </row>
    <row r="335454" spans="8:8">
      <c r="H335454" s="12"/>
    </row>
    <row r="335455" spans="8:8">
      <c r="H335455" s="12"/>
    </row>
    <row r="335456" spans="8:8">
      <c r="H335456" s="12"/>
    </row>
    <row r="335457" spans="8:8">
      <c r="H335457" s="12"/>
    </row>
    <row r="335458" spans="8:8">
      <c r="H335458" s="12"/>
    </row>
    <row r="335459" spans="8:8">
      <c r="H335459" s="12"/>
    </row>
    <row r="335460" spans="8:8">
      <c r="H335460" s="12"/>
    </row>
    <row r="335461" spans="8:8">
      <c r="H335461" s="12"/>
    </row>
    <row r="335462" spans="8:8">
      <c r="H335462" s="12"/>
    </row>
    <row r="335463" spans="8:8">
      <c r="H335463" s="12"/>
    </row>
    <row r="335464" spans="8:8">
      <c r="H335464" s="12"/>
    </row>
    <row r="335465" spans="8:8">
      <c r="H335465" s="12"/>
    </row>
    <row r="335466" spans="8:8">
      <c r="H335466" s="12"/>
    </row>
    <row r="335467" spans="8:8">
      <c r="H335467" s="12"/>
    </row>
    <row r="335468" spans="8:8">
      <c r="H335468" s="12"/>
    </row>
    <row r="335469" spans="8:8">
      <c r="H335469" s="12"/>
    </row>
    <row r="335470" spans="8:8">
      <c r="H335470" s="12"/>
    </row>
    <row r="335471" spans="8:8">
      <c r="H335471" s="12"/>
    </row>
    <row r="335472" spans="8:8">
      <c r="H335472" s="12"/>
    </row>
    <row r="335473" spans="8:8">
      <c r="H335473" s="12"/>
    </row>
    <row r="335474" spans="8:8">
      <c r="H335474" s="12"/>
    </row>
    <row r="335475" spans="8:8">
      <c r="H335475" s="12"/>
    </row>
    <row r="335476" spans="8:8">
      <c r="H335476" s="12"/>
    </row>
    <row r="335477" spans="8:8">
      <c r="H335477" s="12"/>
    </row>
    <row r="335478" spans="8:8">
      <c r="H335478" s="12"/>
    </row>
    <row r="335479" spans="8:8">
      <c r="H335479" s="12"/>
    </row>
    <row r="335480" spans="8:8">
      <c r="H335480" s="12"/>
    </row>
    <row r="335481" spans="8:8">
      <c r="H335481" s="12"/>
    </row>
    <row r="335482" spans="8:8">
      <c r="H335482" s="12"/>
    </row>
    <row r="335483" spans="8:8">
      <c r="H335483" s="12"/>
    </row>
    <row r="335484" spans="8:8">
      <c r="H335484" s="12"/>
    </row>
    <row r="335485" spans="8:8">
      <c r="H335485" s="12"/>
    </row>
    <row r="335486" spans="8:8">
      <c r="H335486" s="12"/>
    </row>
    <row r="335487" spans="8:8">
      <c r="H335487" s="12"/>
    </row>
    <row r="335488" spans="8:8">
      <c r="H335488" s="12"/>
    </row>
    <row r="335489" spans="8:8">
      <c r="H335489" s="12"/>
    </row>
    <row r="335490" spans="8:8">
      <c r="H335490" s="12"/>
    </row>
    <row r="335491" spans="8:8">
      <c r="H335491" s="12"/>
    </row>
    <row r="335492" spans="8:8">
      <c r="H335492" s="12"/>
    </row>
    <row r="335493" spans="8:8">
      <c r="H335493" s="12"/>
    </row>
    <row r="335494" spans="8:8">
      <c r="H335494" s="12"/>
    </row>
    <row r="335495" spans="8:8">
      <c r="H335495" s="12"/>
    </row>
    <row r="335496" spans="8:8">
      <c r="H335496" s="12"/>
    </row>
    <row r="335497" spans="8:8">
      <c r="H335497" s="12"/>
    </row>
    <row r="335498" spans="8:8">
      <c r="H335498" s="12"/>
    </row>
    <row r="335499" spans="8:8">
      <c r="H335499" s="12"/>
    </row>
    <row r="335500" spans="8:8">
      <c r="H335500" s="12"/>
    </row>
    <row r="335501" spans="8:8">
      <c r="H335501" s="12"/>
    </row>
    <row r="335502" spans="8:8">
      <c r="H335502" s="12"/>
    </row>
    <row r="335503" spans="8:8">
      <c r="H335503" s="12"/>
    </row>
    <row r="335504" spans="8:8">
      <c r="H335504" s="12"/>
    </row>
    <row r="335505" spans="8:8">
      <c r="H335505" s="12"/>
    </row>
    <row r="335506" spans="8:8">
      <c r="H335506" s="12"/>
    </row>
    <row r="335507" spans="8:8">
      <c r="H335507" s="12"/>
    </row>
    <row r="335508" spans="8:8">
      <c r="H335508" s="12"/>
    </row>
    <row r="335509" spans="8:8">
      <c r="H335509" s="12"/>
    </row>
    <row r="335510" spans="8:8">
      <c r="H335510" s="12"/>
    </row>
    <row r="335511" spans="8:8">
      <c r="H335511" s="12"/>
    </row>
    <row r="335512" spans="8:8">
      <c r="H335512" s="12"/>
    </row>
    <row r="335513" spans="8:8">
      <c r="H335513" s="12"/>
    </row>
    <row r="335514" spans="8:8">
      <c r="H335514" s="12"/>
    </row>
    <row r="335515" spans="8:8">
      <c r="H335515" s="12"/>
    </row>
    <row r="335516" spans="8:8">
      <c r="H335516" s="12"/>
    </row>
    <row r="335517" spans="8:8">
      <c r="H335517" s="12"/>
    </row>
    <row r="335518" spans="8:8">
      <c r="H335518" s="12"/>
    </row>
    <row r="335519" spans="8:8">
      <c r="H335519" s="12"/>
    </row>
    <row r="335520" spans="8:8">
      <c r="H335520" s="12"/>
    </row>
    <row r="335521" spans="8:8">
      <c r="H335521" s="12"/>
    </row>
    <row r="335522" spans="8:8">
      <c r="H335522" s="12"/>
    </row>
    <row r="335523" spans="8:8">
      <c r="H335523" s="12"/>
    </row>
    <row r="335524" spans="8:8">
      <c r="H335524" s="12"/>
    </row>
    <row r="335525" spans="8:8">
      <c r="H335525" s="12"/>
    </row>
    <row r="335526" spans="8:8">
      <c r="H335526" s="12"/>
    </row>
    <row r="335527" spans="8:8">
      <c r="H335527" s="12"/>
    </row>
    <row r="335528" spans="8:8">
      <c r="H335528" s="12"/>
    </row>
    <row r="335529" spans="8:8">
      <c r="H335529" s="12"/>
    </row>
    <row r="335530" spans="8:8">
      <c r="H335530" s="12"/>
    </row>
    <row r="335531" spans="8:8">
      <c r="H335531" s="12"/>
    </row>
    <row r="335532" spans="8:8">
      <c r="H335532" s="12"/>
    </row>
    <row r="335533" spans="8:8">
      <c r="H335533" s="12"/>
    </row>
    <row r="335534" spans="8:8">
      <c r="H335534" s="12"/>
    </row>
    <row r="335535" spans="8:8">
      <c r="H335535" s="12"/>
    </row>
    <row r="335536" spans="8:8">
      <c r="H335536" s="12"/>
    </row>
    <row r="335537" spans="8:8">
      <c r="H335537" s="12"/>
    </row>
    <row r="335538" spans="8:8">
      <c r="H335538" s="12"/>
    </row>
    <row r="335539" spans="8:8">
      <c r="H335539" s="12"/>
    </row>
    <row r="335540" spans="8:8">
      <c r="H335540" s="12"/>
    </row>
    <row r="335541" spans="8:8">
      <c r="H335541" s="12"/>
    </row>
    <row r="335542" spans="8:8">
      <c r="H335542" s="12"/>
    </row>
    <row r="335543" spans="8:8">
      <c r="H335543" s="12"/>
    </row>
    <row r="335544" spans="8:8">
      <c r="H335544" s="12"/>
    </row>
    <row r="335545" spans="8:8">
      <c r="H335545" s="12"/>
    </row>
    <row r="335546" spans="8:8">
      <c r="H335546" s="12"/>
    </row>
    <row r="335547" spans="8:8">
      <c r="H335547" s="12"/>
    </row>
    <row r="335548" spans="8:8">
      <c r="H335548" s="12"/>
    </row>
    <row r="335549" spans="8:8">
      <c r="H335549" s="12"/>
    </row>
    <row r="335550" spans="8:8">
      <c r="H335550" s="12"/>
    </row>
    <row r="335551" spans="8:8">
      <c r="H335551" s="12"/>
    </row>
    <row r="335552" spans="8:8">
      <c r="H335552" s="12"/>
    </row>
    <row r="335553" spans="8:8">
      <c r="H335553" s="12"/>
    </row>
    <row r="335554" spans="8:8">
      <c r="H335554" s="12"/>
    </row>
    <row r="335555" spans="8:8">
      <c r="H335555" s="12"/>
    </row>
    <row r="335556" spans="8:8">
      <c r="H335556" s="12"/>
    </row>
    <row r="335557" spans="8:8">
      <c r="H335557" s="12"/>
    </row>
    <row r="335558" spans="8:8">
      <c r="H335558" s="12"/>
    </row>
    <row r="335559" spans="8:8">
      <c r="H335559" s="12"/>
    </row>
    <row r="335560" spans="8:8">
      <c r="H335560" s="12"/>
    </row>
    <row r="335561" spans="8:8">
      <c r="H335561" s="12"/>
    </row>
    <row r="335562" spans="8:8">
      <c r="H335562" s="12"/>
    </row>
    <row r="335563" spans="8:8">
      <c r="H335563" s="12"/>
    </row>
    <row r="335564" spans="8:8">
      <c r="H335564" s="12"/>
    </row>
    <row r="335565" spans="8:8">
      <c r="H335565" s="12"/>
    </row>
    <row r="335566" spans="8:8">
      <c r="H335566" s="12"/>
    </row>
    <row r="335567" spans="8:8">
      <c r="H335567" s="12"/>
    </row>
    <row r="335568" spans="8:8">
      <c r="H335568" s="12"/>
    </row>
    <row r="335569" spans="8:8">
      <c r="H335569" s="12"/>
    </row>
    <row r="335570" spans="8:8">
      <c r="H335570" s="12"/>
    </row>
    <row r="335571" spans="8:8">
      <c r="H335571" s="12"/>
    </row>
    <row r="335572" spans="8:8">
      <c r="H335572" s="12"/>
    </row>
    <row r="335573" spans="8:8">
      <c r="H335573" s="12"/>
    </row>
    <row r="335574" spans="8:8">
      <c r="H335574" s="12"/>
    </row>
    <row r="335575" spans="8:8">
      <c r="H335575" s="12"/>
    </row>
    <row r="335576" spans="8:8">
      <c r="H335576" s="12"/>
    </row>
    <row r="335577" spans="8:8">
      <c r="H335577" s="12"/>
    </row>
    <row r="335578" spans="8:8">
      <c r="H335578" s="12"/>
    </row>
    <row r="335579" spans="8:8">
      <c r="H335579" s="12"/>
    </row>
    <row r="335580" spans="8:8">
      <c r="H335580" s="12"/>
    </row>
    <row r="335581" spans="8:8">
      <c r="H335581" s="12"/>
    </row>
    <row r="335582" spans="8:8">
      <c r="H335582" s="12"/>
    </row>
    <row r="335583" spans="8:8">
      <c r="H335583" s="12"/>
    </row>
    <row r="335584" spans="8:8">
      <c r="H335584" s="12"/>
    </row>
    <row r="335585" spans="8:8">
      <c r="H335585" s="12"/>
    </row>
    <row r="335586" spans="8:8">
      <c r="H335586" s="12"/>
    </row>
    <row r="335587" spans="8:8">
      <c r="H335587" s="12"/>
    </row>
    <row r="335588" spans="8:8">
      <c r="H335588" s="12"/>
    </row>
    <row r="335589" spans="8:8">
      <c r="H335589" s="12"/>
    </row>
    <row r="335590" spans="8:8">
      <c r="H335590" s="12"/>
    </row>
    <row r="335591" spans="8:8">
      <c r="H335591" s="12"/>
    </row>
    <row r="335592" spans="8:8">
      <c r="H335592" s="12"/>
    </row>
    <row r="335593" spans="8:8">
      <c r="H335593" s="12"/>
    </row>
    <row r="335594" spans="8:8">
      <c r="H335594" s="12"/>
    </row>
    <row r="335595" spans="8:8">
      <c r="H335595" s="12"/>
    </row>
    <row r="335596" spans="8:8">
      <c r="H335596" s="12"/>
    </row>
    <row r="335597" spans="8:8">
      <c r="H335597" s="12"/>
    </row>
    <row r="335598" spans="8:8">
      <c r="H335598" s="12"/>
    </row>
    <row r="335599" spans="8:8">
      <c r="H335599" s="12"/>
    </row>
    <row r="335600" spans="8:8">
      <c r="H335600" s="12"/>
    </row>
    <row r="335601" spans="8:8">
      <c r="H335601" s="12"/>
    </row>
    <row r="335602" spans="8:8">
      <c r="H335602" s="12"/>
    </row>
    <row r="335603" spans="8:8">
      <c r="H335603" s="12"/>
    </row>
    <row r="335604" spans="8:8">
      <c r="H335604" s="12"/>
    </row>
    <row r="335605" spans="8:8">
      <c r="H335605" s="12"/>
    </row>
    <row r="335606" spans="8:8">
      <c r="H335606" s="12"/>
    </row>
    <row r="335607" spans="8:8">
      <c r="H335607" s="12"/>
    </row>
    <row r="335608" spans="8:8">
      <c r="H335608" s="12"/>
    </row>
    <row r="335609" spans="8:8">
      <c r="H335609" s="12"/>
    </row>
    <row r="335610" spans="8:8">
      <c r="H335610" s="12"/>
    </row>
    <row r="335611" spans="8:8">
      <c r="H335611" s="12"/>
    </row>
    <row r="335612" spans="8:8">
      <c r="H335612" s="12"/>
    </row>
    <row r="335613" spans="8:8">
      <c r="H335613" s="12"/>
    </row>
    <row r="335614" spans="8:8">
      <c r="H335614" s="12"/>
    </row>
    <row r="335615" spans="8:8">
      <c r="H335615" s="12"/>
    </row>
    <row r="335616" spans="8:8">
      <c r="H335616" s="12"/>
    </row>
    <row r="335617" spans="8:8">
      <c r="H335617" s="12"/>
    </row>
    <row r="335618" spans="8:8">
      <c r="H335618" s="12"/>
    </row>
    <row r="335619" spans="8:8">
      <c r="H335619" s="12"/>
    </row>
    <row r="335620" spans="8:8">
      <c r="H335620" s="12"/>
    </row>
    <row r="335621" spans="8:8">
      <c r="H335621" s="12"/>
    </row>
    <row r="335622" spans="8:8">
      <c r="H335622" s="12"/>
    </row>
    <row r="335623" spans="8:8">
      <c r="H335623" s="12"/>
    </row>
    <row r="335624" spans="8:8">
      <c r="H335624" s="12"/>
    </row>
    <row r="335625" spans="8:8">
      <c r="H335625" s="12"/>
    </row>
    <row r="335626" spans="8:8">
      <c r="H335626" s="12"/>
    </row>
    <row r="335627" spans="8:8">
      <c r="H335627" s="12"/>
    </row>
    <row r="335628" spans="8:8">
      <c r="H335628" s="12"/>
    </row>
    <row r="335629" spans="8:8">
      <c r="H335629" s="12"/>
    </row>
    <row r="335630" spans="8:8">
      <c r="H335630" s="12"/>
    </row>
    <row r="335631" spans="8:8">
      <c r="H335631" s="12"/>
    </row>
    <row r="335632" spans="8:8">
      <c r="H335632" s="12"/>
    </row>
    <row r="335633" spans="8:8">
      <c r="H335633" s="12"/>
    </row>
    <row r="335634" spans="8:8">
      <c r="H335634" s="12"/>
    </row>
    <row r="335635" spans="8:8">
      <c r="H335635" s="12"/>
    </row>
    <row r="335636" spans="8:8">
      <c r="H335636" s="12"/>
    </row>
    <row r="335637" spans="8:8">
      <c r="H335637" s="12"/>
    </row>
    <row r="335638" spans="8:8">
      <c r="H335638" s="12"/>
    </row>
    <row r="335639" spans="8:8">
      <c r="H335639" s="12"/>
    </row>
    <row r="335640" spans="8:8">
      <c r="H335640" s="12"/>
    </row>
    <row r="335641" spans="8:8">
      <c r="H335641" s="12"/>
    </row>
    <row r="335642" spans="8:8">
      <c r="H335642" s="12"/>
    </row>
    <row r="335643" spans="8:8">
      <c r="H335643" s="12"/>
    </row>
    <row r="335644" spans="8:8">
      <c r="H335644" s="12"/>
    </row>
    <row r="335645" spans="8:8">
      <c r="H335645" s="12"/>
    </row>
    <row r="335646" spans="8:8">
      <c r="H335646" s="12"/>
    </row>
    <row r="335647" spans="8:8">
      <c r="H335647" s="12"/>
    </row>
    <row r="335648" spans="8:8">
      <c r="H335648" s="12"/>
    </row>
    <row r="335649" spans="8:8">
      <c r="H335649" s="12"/>
    </row>
    <row r="335650" spans="8:8">
      <c r="H335650" s="12"/>
    </row>
    <row r="335651" spans="8:8">
      <c r="H335651" s="12"/>
    </row>
    <row r="335652" spans="8:8">
      <c r="H335652" s="12"/>
    </row>
    <row r="335653" spans="8:8">
      <c r="H335653" s="12"/>
    </row>
    <row r="335654" spans="8:8">
      <c r="H335654" s="12"/>
    </row>
    <row r="335655" spans="8:8">
      <c r="H335655" s="12"/>
    </row>
    <row r="335656" spans="8:8">
      <c r="H335656" s="12"/>
    </row>
    <row r="335657" spans="8:8">
      <c r="H335657" s="12"/>
    </row>
    <row r="335658" spans="8:8">
      <c r="H335658" s="12"/>
    </row>
    <row r="335659" spans="8:8">
      <c r="H335659" s="12"/>
    </row>
    <row r="335660" spans="8:8">
      <c r="H335660" s="12"/>
    </row>
    <row r="335661" spans="8:8">
      <c r="H335661" s="12"/>
    </row>
    <row r="335662" spans="8:8">
      <c r="H335662" s="12"/>
    </row>
    <row r="335663" spans="8:8">
      <c r="H335663" s="12"/>
    </row>
    <row r="335664" spans="8:8">
      <c r="H335664" s="12"/>
    </row>
    <row r="335665" spans="8:8">
      <c r="H335665" s="12"/>
    </row>
    <row r="335666" spans="8:8">
      <c r="H335666" s="12"/>
    </row>
    <row r="335667" spans="8:8">
      <c r="H335667" s="12"/>
    </row>
    <row r="335668" spans="8:8">
      <c r="H335668" s="12"/>
    </row>
    <row r="335669" spans="8:8">
      <c r="H335669" s="12"/>
    </row>
    <row r="335670" spans="8:8">
      <c r="H335670" s="12"/>
    </row>
    <row r="335671" spans="8:8">
      <c r="H335671" s="12"/>
    </row>
    <row r="335672" spans="8:8">
      <c r="H335672" s="12"/>
    </row>
    <row r="335673" spans="8:8">
      <c r="H335673" s="12"/>
    </row>
    <row r="335674" spans="8:8">
      <c r="H335674" s="12"/>
    </row>
    <row r="335675" spans="8:8">
      <c r="H335675" s="12"/>
    </row>
    <row r="335676" spans="8:8">
      <c r="H335676" s="12"/>
    </row>
    <row r="335677" spans="8:8">
      <c r="H335677" s="12"/>
    </row>
    <row r="335678" spans="8:8">
      <c r="H335678" s="12"/>
    </row>
    <row r="335679" spans="8:8">
      <c r="H335679" s="12"/>
    </row>
    <row r="335680" spans="8:8">
      <c r="H335680" s="12"/>
    </row>
    <row r="335681" spans="8:8">
      <c r="H335681" s="12"/>
    </row>
    <row r="335682" spans="8:8">
      <c r="H335682" s="12"/>
    </row>
    <row r="335683" spans="8:8">
      <c r="H335683" s="12"/>
    </row>
    <row r="335684" spans="8:8">
      <c r="H335684" s="12"/>
    </row>
    <row r="335685" spans="8:8">
      <c r="H335685" s="12"/>
    </row>
    <row r="335686" spans="8:8">
      <c r="H335686" s="12"/>
    </row>
    <row r="335687" spans="8:8">
      <c r="H335687" s="12"/>
    </row>
    <row r="335688" spans="8:8">
      <c r="H335688" s="12"/>
    </row>
    <row r="335689" spans="8:8">
      <c r="H335689" s="12"/>
    </row>
    <row r="335690" spans="8:8">
      <c r="H335690" s="12"/>
    </row>
    <row r="335691" spans="8:8">
      <c r="H335691" s="12"/>
    </row>
    <row r="335692" spans="8:8">
      <c r="H335692" s="12"/>
    </row>
    <row r="335693" spans="8:8">
      <c r="H335693" s="12"/>
    </row>
    <row r="335694" spans="8:8">
      <c r="H335694" s="12"/>
    </row>
    <row r="335695" spans="8:8">
      <c r="H335695" s="12"/>
    </row>
    <row r="335696" spans="8:8">
      <c r="H335696" s="12"/>
    </row>
    <row r="335697" spans="8:8">
      <c r="H335697" s="12"/>
    </row>
    <row r="335698" spans="8:8">
      <c r="H335698" s="12"/>
    </row>
    <row r="335699" spans="8:8">
      <c r="H335699" s="12"/>
    </row>
    <row r="335700" spans="8:8">
      <c r="H335700" s="12"/>
    </row>
    <row r="335701" spans="8:8">
      <c r="H335701" s="12"/>
    </row>
    <row r="335702" spans="8:8">
      <c r="H335702" s="12"/>
    </row>
    <row r="335703" spans="8:8">
      <c r="H335703" s="12"/>
    </row>
    <row r="335704" spans="8:8">
      <c r="H335704" s="12"/>
    </row>
    <row r="335705" spans="8:8">
      <c r="H335705" s="12"/>
    </row>
    <row r="335706" spans="8:8">
      <c r="H335706" s="12"/>
    </row>
    <row r="335707" spans="8:8">
      <c r="H335707" s="12"/>
    </row>
    <row r="335708" spans="8:8">
      <c r="H335708" s="12"/>
    </row>
    <row r="335709" spans="8:8">
      <c r="H335709" s="12"/>
    </row>
    <row r="335710" spans="8:8">
      <c r="H335710" s="12"/>
    </row>
    <row r="335711" spans="8:8">
      <c r="H335711" s="12"/>
    </row>
    <row r="335712" spans="8:8">
      <c r="H335712" s="12"/>
    </row>
    <row r="335713" spans="8:8">
      <c r="H335713" s="12"/>
    </row>
    <row r="335714" spans="8:8">
      <c r="H335714" s="12"/>
    </row>
    <row r="335715" spans="8:8">
      <c r="H335715" s="12"/>
    </row>
    <row r="335716" spans="8:8">
      <c r="H335716" s="12"/>
    </row>
    <row r="335717" spans="8:8">
      <c r="H335717" s="12"/>
    </row>
    <row r="335718" spans="8:8">
      <c r="H335718" s="12"/>
    </row>
    <row r="335719" spans="8:8">
      <c r="H335719" s="12"/>
    </row>
    <row r="335720" spans="8:8">
      <c r="H335720" s="12"/>
    </row>
    <row r="335721" spans="8:8">
      <c r="H335721" s="12"/>
    </row>
    <row r="335722" spans="8:8">
      <c r="H335722" s="12"/>
    </row>
    <row r="335723" spans="8:8">
      <c r="H335723" s="12"/>
    </row>
    <row r="335724" spans="8:8">
      <c r="H335724" s="12"/>
    </row>
    <row r="335725" spans="8:8">
      <c r="H335725" s="12"/>
    </row>
    <row r="335726" spans="8:8">
      <c r="H335726" s="12"/>
    </row>
    <row r="335727" spans="8:8">
      <c r="H335727" s="12"/>
    </row>
    <row r="335728" spans="8:8">
      <c r="H335728" s="12"/>
    </row>
    <row r="335729" spans="8:8">
      <c r="H335729" s="12"/>
    </row>
    <row r="335730" spans="8:8">
      <c r="H335730" s="12"/>
    </row>
    <row r="335731" spans="8:8">
      <c r="H335731" s="12"/>
    </row>
    <row r="335732" spans="8:8">
      <c r="H335732" s="12"/>
    </row>
    <row r="335733" spans="8:8">
      <c r="H335733" s="12"/>
    </row>
    <row r="335734" spans="8:8">
      <c r="H335734" s="12"/>
    </row>
    <row r="335735" spans="8:8">
      <c r="H335735" s="12"/>
    </row>
    <row r="335736" spans="8:8">
      <c r="H335736" s="12"/>
    </row>
    <row r="335737" spans="8:8">
      <c r="H335737" s="12"/>
    </row>
    <row r="335738" spans="8:8">
      <c r="H335738" s="12"/>
    </row>
    <row r="335739" spans="8:8">
      <c r="H335739" s="12"/>
    </row>
    <row r="335740" spans="8:8">
      <c r="H335740" s="12"/>
    </row>
    <row r="335741" spans="8:8">
      <c r="H335741" s="12"/>
    </row>
    <row r="335742" spans="8:8">
      <c r="H335742" s="12"/>
    </row>
    <row r="335743" spans="8:8">
      <c r="H335743" s="12"/>
    </row>
    <row r="335744" spans="8:8">
      <c r="H335744" s="12"/>
    </row>
    <row r="335745" spans="8:8">
      <c r="H335745" s="12"/>
    </row>
    <row r="335746" spans="8:8">
      <c r="H335746" s="12"/>
    </row>
    <row r="335747" spans="8:8">
      <c r="H335747" s="12"/>
    </row>
    <row r="335748" spans="8:8">
      <c r="H335748" s="12"/>
    </row>
    <row r="335749" spans="8:8">
      <c r="H335749" s="12"/>
    </row>
    <row r="335750" spans="8:8">
      <c r="H335750" s="12"/>
    </row>
    <row r="335751" spans="8:8">
      <c r="H335751" s="12"/>
    </row>
    <row r="335752" spans="8:8">
      <c r="H335752" s="12"/>
    </row>
    <row r="335753" spans="8:8">
      <c r="H335753" s="12"/>
    </row>
    <row r="335754" spans="8:8">
      <c r="H335754" s="12"/>
    </row>
    <row r="335755" spans="8:8">
      <c r="H335755" s="12"/>
    </row>
    <row r="335756" spans="8:8">
      <c r="H335756" s="12"/>
    </row>
    <row r="335757" spans="8:8">
      <c r="H335757" s="12"/>
    </row>
    <row r="335758" spans="8:8">
      <c r="H335758" s="12"/>
    </row>
    <row r="335759" spans="8:8">
      <c r="H335759" s="12"/>
    </row>
    <row r="335760" spans="8:8">
      <c r="H335760" s="12"/>
    </row>
    <row r="335761" spans="8:8">
      <c r="H335761" s="12"/>
    </row>
    <row r="335762" spans="8:8">
      <c r="H335762" s="12"/>
    </row>
    <row r="335763" spans="8:8">
      <c r="H335763" s="12"/>
    </row>
    <row r="335764" spans="8:8">
      <c r="H335764" s="12"/>
    </row>
    <row r="335765" spans="8:8">
      <c r="H335765" s="12"/>
    </row>
    <row r="335766" spans="8:8">
      <c r="H335766" s="12"/>
    </row>
    <row r="335767" spans="8:8">
      <c r="H335767" s="12"/>
    </row>
    <row r="335768" spans="8:8">
      <c r="H335768" s="12"/>
    </row>
    <row r="335769" spans="8:8">
      <c r="H335769" s="12"/>
    </row>
    <row r="335770" spans="8:8">
      <c r="H335770" s="12"/>
    </row>
    <row r="335771" spans="8:8">
      <c r="H335771" s="12"/>
    </row>
    <row r="335772" spans="8:8">
      <c r="H335772" s="12"/>
    </row>
    <row r="335773" spans="8:8">
      <c r="H335773" s="12"/>
    </row>
    <row r="335774" spans="8:8">
      <c r="H335774" s="12"/>
    </row>
    <row r="335775" spans="8:8">
      <c r="H335775" s="12"/>
    </row>
    <row r="335776" spans="8:8">
      <c r="H335776" s="12"/>
    </row>
    <row r="335777" spans="8:8">
      <c r="H335777" s="12"/>
    </row>
    <row r="335778" spans="8:8">
      <c r="H335778" s="12"/>
    </row>
    <row r="335779" spans="8:8">
      <c r="H335779" s="12"/>
    </row>
    <row r="335780" spans="8:8">
      <c r="H335780" s="12"/>
    </row>
    <row r="335781" spans="8:8">
      <c r="H335781" s="12"/>
    </row>
    <row r="335782" spans="8:8">
      <c r="H335782" s="12"/>
    </row>
    <row r="335783" spans="8:8">
      <c r="H335783" s="12"/>
    </row>
    <row r="335784" spans="8:8">
      <c r="H335784" s="12"/>
    </row>
    <row r="335785" spans="8:8">
      <c r="H335785" s="12"/>
    </row>
    <row r="335786" spans="8:8">
      <c r="H335786" s="12"/>
    </row>
    <row r="335787" spans="8:8">
      <c r="H335787" s="12"/>
    </row>
    <row r="335788" spans="8:8">
      <c r="H335788" s="12"/>
    </row>
    <row r="335789" spans="8:8">
      <c r="H335789" s="12"/>
    </row>
    <row r="335790" spans="8:8">
      <c r="H335790" s="12"/>
    </row>
    <row r="335791" spans="8:8">
      <c r="H335791" s="12"/>
    </row>
    <row r="335792" spans="8:8">
      <c r="H335792" s="12"/>
    </row>
    <row r="335793" spans="8:8">
      <c r="H335793" s="12"/>
    </row>
    <row r="335794" spans="8:8">
      <c r="H335794" s="12"/>
    </row>
    <row r="335795" spans="8:8">
      <c r="H335795" s="12"/>
    </row>
    <row r="335796" spans="8:8">
      <c r="H335796" s="12"/>
    </row>
    <row r="335797" spans="8:8">
      <c r="H335797" s="12"/>
    </row>
    <row r="335798" spans="8:8">
      <c r="H335798" s="12"/>
    </row>
    <row r="335799" spans="8:8">
      <c r="H335799" s="12"/>
    </row>
    <row r="335800" spans="8:8">
      <c r="H335800" s="12"/>
    </row>
    <row r="335801" spans="8:8">
      <c r="H335801" s="12"/>
    </row>
    <row r="335802" spans="8:8">
      <c r="H335802" s="12"/>
    </row>
    <row r="335803" spans="8:8">
      <c r="H335803" s="12"/>
    </row>
    <row r="335804" spans="8:8">
      <c r="H335804" s="12"/>
    </row>
    <row r="335805" spans="8:8">
      <c r="H335805" s="12"/>
    </row>
    <row r="335806" spans="8:8">
      <c r="H335806" s="12"/>
    </row>
    <row r="335807" spans="8:8">
      <c r="H335807" s="12"/>
    </row>
    <row r="335808" spans="8:8">
      <c r="H335808" s="12"/>
    </row>
    <row r="335809" spans="8:8">
      <c r="H335809" s="12"/>
    </row>
    <row r="335810" spans="8:8">
      <c r="H335810" s="12"/>
    </row>
    <row r="335811" spans="8:8">
      <c r="H335811" s="12"/>
    </row>
    <row r="335812" spans="8:8">
      <c r="H335812" s="12"/>
    </row>
    <row r="335813" spans="8:8">
      <c r="H335813" s="12"/>
    </row>
    <row r="335814" spans="8:8">
      <c r="H335814" s="12"/>
    </row>
    <row r="335815" spans="8:8">
      <c r="H335815" s="12"/>
    </row>
    <row r="335816" spans="8:8">
      <c r="H335816" s="12"/>
    </row>
    <row r="335817" spans="8:8">
      <c r="H335817" s="12"/>
    </row>
    <row r="335818" spans="8:8">
      <c r="H335818" s="12"/>
    </row>
    <row r="335819" spans="8:8">
      <c r="H335819" s="12"/>
    </row>
    <row r="335820" spans="8:8">
      <c r="H335820" s="12"/>
    </row>
    <row r="335821" spans="8:8">
      <c r="H335821" s="12"/>
    </row>
    <row r="335822" spans="8:8">
      <c r="H335822" s="12"/>
    </row>
    <row r="335823" spans="8:8">
      <c r="H335823" s="12"/>
    </row>
    <row r="335824" spans="8:8">
      <c r="H335824" s="12"/>
    </row>
    <row r="335825" spans="8:8">
      <c r="H335825" s="12"/>
    </row>
    <row r="335826" spans="8:8">
      <c r="H335826" s="12"/>
    </row>
    <row r="335827" spans="8:8">
      <c r="H335827" s="12"/>
    </row>
    <row r="335828" spans="8:8">
      <c r="H335828" s="12"/>
    </row>
    <row r="335829" spans="8:8">
      <c r="H335829" s="12"/>
    </row>
    <row r="335830" spans="8:8">
      <c r="H335830" s="12"/>
    </row>
    <row r="335831" spans="8:8">
      <c r="H335831" s="12"/>
    </row>
    <row r="335832" spans="8:8">
      <c r="H335832" s="12"/>
    </row>
    <row r="335833" spans="8:8">
      <c r="H335833" s="12"/>
    </row>
    <row r="335834" spans="8:8">
      <c r="H335834" s="12"/>
    </row>
    <row r="335835" spans="8:8">
      <c r="H335835" s="12"/>
    </row>
    <row r="335836" spans="8:8">
      <c r="H335836" s="12"/>
    </row>
    <row r="335837" spans="8:8">
      <c r="H335837" s="12"/>
    </row>
    <row r="335838" spans="8:8">
      <c r="H335838" s="12"/>
    </row>
    <row r="335839" spans="8:8">
      <c r="H335839" s="12"/>
    </row>
    <row r="335840" spans="8:8">
      <c r="H335840" s="12"/>
    </row>
    <row r="335841" spans="8:8">
      <c r="H335841" s="12"/>
    </row>
    <row r="335842" spans="8:8">
      <c r="H335842" s="12"/>
    </row>
    <row r="335843" spans="8:8">
      <c r="H335843" s="12"/>
    </row>
    <row r="335844" spans="8:8">
      <c r="H335844" s="12"/>
    </row>
    <row r="335845" spans="8:8">
      <c r="H335845" s="12"/>
    </row>
    <row r="335846" spans="8:8">
      <c r="H335846" s="12"/>
    </row>
    <row r="335847" spans="8:8">
      <c r="H335847" s="12"/>
    </row>
    <row r="335848" spans="8:8">
      <c r="H335848" s="12"/>
    </row>
    <row r="335849" spans="8:8">
      <c r="H335849" s="12"/>
    </row>
    <row r="335850" spans="8:8">
      <c r="H335850" s="12"/>
    </row>
    <row r="335851" spans="8:8">
      <c r="H335851" s="12"/>
    </row>
    <row r="335852" spans="8:8">
      <c r="H335852" s="12"/>
    </row>
    <row r="335853" spans="8:8">
      <c r="H335853" s="12"/>
    </row>
    <row r="335854" spans="8:8">
      <c r="H335854" s="12"/>
    </row>
    <row r="335855" spans="8:8">
      <c r="H335855" s="12"/>
    </row>
    <row r="335856" spans="8:8">
      <c r="H335856" s="12"/>
    </row>
    <row r="335857" spans="8:8">
      <c r="H335857" s="12"/>
    </row>
    <row r="335858" spans="8:8">
      <c r="H335858" s="12"/>
    </row>
    <row r="335859" spans="8:8">
      <c r="H335859" s="12"/>
    </row>
    <row r="335860" spans="8:8">
      <c r="H335860" s="12"/>
    </row>
    <row r="335861" spans="8:8">
      <c r="H335861" s="12"/>
    </row>
    <row r="335862" spans="8:8">
      <c r="H335862" s="12"/>
    </row>
    <row r="335863" spans="8:8">
      <c r="H335863" s="12"/>
    </row>
    <row r="335864" spans="8:8">
      <c r="H335864" s="12"/>
    </row>
    <row r="335865" spans="8:8">
      <c r="H335865" s="12"/>
    </row>
    <row r="335866" spans="8:8">
      <c r="H335866" s="12"/>
    </row>
    <row r="335867" spans="8:8">
      <c r="H335867" s="12"/>
    </row>
    <row r="335868" spans="8:8">
      <c r="H335868" s="12"/>
    </row>
    <row r="335869" spans="8:8">
      <c r="H335869" s="12"/>
    </row>
    <row r="335870" spans="8:8">
      <c r="H335870" s="12"/>
    </row>
    <row r="335871" spans="8:8">
      <c r="H335871" s="12"/>
    </row>
    <row r="335872" spans="8:8">
      <c r="H335872" s="12"/>
    </row>
    <row r="335873" spans="8:8">
      <c r="H335873" s="12"/>
    </row>
    <row r="335874" spans="8:8">
      <c r="H335874" s="12"/>
    </row>
    <row r="335875" spans="8:8">
      <c r="H335875" s="12"/>
    </row>
    <row r="335876" spans="8:8">
      <c r="H335876" s="12"/>
    </row>
    <row r="335877" spans="8:8">
      <c r="H335877" s="12"/>
    </row>
    <row r="335878" spans="8:8">
      <c r="H335878" s="12"/>
    </row>
    <row r="335879" spans="8:8">
      <c r="H335879" s="12"/>
    </row>
    <row r="335880" spans="8:8">
      <c r="H335880" s="12"/>
    </row>
    <row r="335881" spans="8:8">
      <c r="H335881" s="12"/>
    </row>
    <row r="335882" spans="8:8">
      <c r="H335882" s="12"/>
    </row>
    <row r="335883" spans="8:8">
      <c r="H335883" s="12"/>
    </row>
    <row r="335884" spans="8:8">
      <c r="H335884" s="12"/>
    </row>
    <row r="335885" spans="8:8">
      <c r="H335885" s="12"/>
    </row>
    <row r="335886" spans="8:8">
      <c r="H335886" s="12"/>
    </row>
    <row r="335887" spans="8:8">
      <c r="H335887" s="12"/>
    </row>
    <row r="335888" spans="8:8">
      <c r="H335888" s="12"/>
    </row>
    <row r="335889" spans="8:8">
      <c r="H335889" s="12"/>
    </row>
    <row r="335890" spans="8:8">
      <c r="H335890" s="12"/>
    </row>
    <row r="335891" spans="8:8">
      <c r="H335891" s="12"/>
    </row>
    <row r="335892" spans="8:8">
      <c r="H335892" s="12"/>
    </row>
    <row r="335893" spans="8:8">
      <c r="H335893" s="12"/>
    </row>
    <row r="335894" spans="8:8">
      <c r="H335894" s="12"/>
    </row>
    <row r="335895" spans="8:8">
      <c r="H335895" s="12"/>
    </row>
    <row r="335896" spans="8:8">
      <c r="H335896" s="12"/>
    </row>
    <row r="335897" spans="8:8">
      <c r="H335897" s="12"/>
    </row>
    <row r="335898" spans="8:8">
      <c r="H335898" s="12"/>
    </row>
    <row r="335899" spans="8:8">
      <c r="H335899" s="12"/>
    </row>
    <row r="335900" spans="8:8">
      <c r="H335900" s="12"/>
    </row>
    <row r="335901" spans="8:8">
      <c r="H335901" s="12"/>
    </row>
    <row r="335902" spans="8:8">
      <c r="H335902" s="12"/>
    </row>
    <row r="335903" spans="8:8">
      <c r="H335903" s="12"/>
    </row>
    <row r="335904" spans="8:8">
      <c r="H335904" s="12"/>
    </row>
    <row r="335905" spans="8:8">
      <c r="H335905" s="12"/>
    </row>
    <row r="335906" spans="8:8">
      <c r="H335906" s="12"/>
    </row>
    <row r="335907" spans="8:8">
      <c r="H335907" s="12"/>
    </row>
    <row r="335908" spans="8:8">
      <c r="H335908" s="12"/>
    </row>
    <row r="335909" spans="8:8">
      <c r="H335909" s="12"/>
    </row>
    <row r="335910" spans="8:8">
      <c r="H335910" s="12"/>
    </row>
    <row r="335911" spans="8:8">
      <c r="H335911" s="12"/>
    </row>
    <row r="335912" spans="8:8">
      <c r="H335912" s="12"/>
    </row>
    <row r="335913" spans="8:8">
      <c r="H335913" s="12"/>
    </row>
    <row r="335914" spans="8:8">
      <c r="H335914" s="12"/>
    </row>
    <row r="335915" spans="8:8">
      <c r="H335915" s="12"/>
    </row>
    <row r="335916" spans="8:8">
      <c r="H335916" s="12"/>
    </row>
    <row r="335917" spans="8:8">
      <c r="H335917" s="12"/>
    </row>
    <row r="335918" spans="8:8">
      <c r="H335918" s="12"/>
    </row>
    <row r="335919" spans="8:8">
      <c r="H335919" s="12"/>
    </row>
    <row r="335920" spans="8:8">
      <c r="H335920" s="12"/>
    </row>
    <row r="335921" spans="8:8">
      <c r="H335921" s="12"/>
    </row>
    <row r="335922" spans="8:8">
      <c r="H335922" s="12"/>
    </row>
    <row r="335923" spans="8:8">
      <c r="H335923" s="12"/>
    </row>
    <row r="335924" spans="8:8">
      <c r="H335924" s="12"/>
    </row>
    <row r="335925" spans="8:8">
      <c r="H335925" s="12"/>
    </row>
    <row r="335926" spans="8:8">
      <c r="H335926" s="12"/>
    </row>
    <row r="335927" spans="8:8">
      <c r="H335927" s="12"/>
    </row>
    <row r="335928" spans="8:8">
      <c r="H335928" s="12"/>
    </row>
    <row r="335929" spans="8:8">
      <c r="H335929" s="12"/>
    </row>
    <row r="335930" spans="8:8">
      <c r="H335930" s="12"/>
    </row>
    <row r="335931" spans="8:8">
      <c r="H335931" s="12"/>
    </row>
    <row r="335932" spans="8:8">
      <c r="H335932" s="12"/>
    </row>
    <row r="335933" spans="8:8">
      <c r="H335933" s="12"/>
    </row>
    <row r="335934" spans="8:8">
      <c r="H335934" s="12"/>
    </row>
    <row r="335935" spans="8:8">
      <c r="H335935" s="12"/>
    </row>
    <row r="335936" spans="8:8">
      <c r="H335936" s="12"/>
    </row>
    <row r="335937" spans="8:8">
      <c r="H335937" s="12"/>
    </row>
    <row r="335938" spans="8:8">
      <c r="H335938" s="12"/>
    </row>
    <row r="335939" spans="8:8">
      <c r="H335939" s="12"/>
    </row>
    <row r="335940" spans="8:8">
      <c r="H335940" s="12"/>
    </row>
    <row r="335941" spans="8:8">
      <c r="H335941" s="12"/>
    </row>
    <row r="335942" spans="8:8">
      <c r="H335942" s="12"/>
    </row>
    <row r="335943" spans="8:8">
      <c r="H335943" s="12"/>
    </row>
    <row r="335944" spans="8:8">
      <c r="H335944" s="12"/>
    </row>
    <row r="335945" spans="8:8">
      <c r="H335945" s="12"/>
    </row>
    <row r="335946" spans="8:8">
      <c r="H335946" s="12"/>
    </row>
    <row r="335947" spans="8:8">
      <c r="H335947" s="12"/>
    </row>
    <row r="335948" spans="8:8">
      <c r="H335948" s="12"/>
    </row>
    <row r="335949" spans="8:8">
      <c r="H335949" s="12"/>
    </row>
    <row r="335950" spans="8:8">
      <c r="H335950" s="12"/>
    </row>
    <row r="335951" spans="8:8">
      <c r="H335951" s="12"/>
    </row>
    <row r="335952" spans="8:8">
      <c r="H335952" s="12"/>
    </row>
    <row r="335953" spans="8:8">
      <c r="H335953" s="12"/>
    </row>
    <row r="335954" spans="8:8">
      <c r="H335954" s="12"/>
    </row>
    <row r="335955" spans="8:8">
      <c r="H335955" s="12"/>
    </row>
    <row r="335956" spans="8:8">
      <c r="H335956" s="12"/>
    </row>
    <row r="335957" spans="8:8">
      <c r="H335957" s="12"/>
    </row>
    <row r="335958" spans="8:8">
      <c r="H335958" s="12"/>
    </row>
    <row r="335959" spans="8:8">
      <c r="H335959" s="12"/>
    </row>
    <row r="335960" spans="8:8">
      <c r="H335960" s="12"/>
    </row>
    <row r="335961" spans="8:8">
      <c r="H335961" s="12"/>
    </row>
    <row r="335962" spans="8:8">
      <c r="H335962" s="12"/>
    </row>
    <row r="335963" spans="8:8">
      <c r="H335963" s="12"/>
    </row>
    <row r="335964" spans="8:8">
      <c r="H335964" s="12"/>
    </row>
    <row r="335965" spans="8:8">
      <c r="H335965" s="12"/>
    </row>
    <row r="335966" spans="8:8">
      <c r="H335966" s="12"/>
    </row>
    <row r="335967" spans="8:8">
      <c r="H335967" s="12"/>
    </row>
    <row r="335968" spans="8:8">
      <c r="H335968" s="12"/>
    </row>
    <row r="335969" spans="8:8">
      <c r="H335969" s="12"/>
    </row>
    <row r="335970" spans="8:8">
      <c r="H335970" s="12"/>
    </row>
    <row r="335971" spans="8:8">
      <c r="H335971" s="12"/>
    </row>
    <row r="335972" spans="8:8">
      <c r="H335972" s="12"/>
    </row>
    <row r="335973" spans="8:8">
      <c r="H335973" s="12"/>
    </row>
    <row r="335974" spans="8:8">
      <c r="H335974" s="12"/>
    </row>
    <row r="335975" spans="8:8">
      <c r="H335975" s="12"/>
    </row>
    <row r="335976" spans="8:8">
      <c r="H335976" s="12"/>
    </row>
    <row r="335977" spans="8:8">
      <c r="H335977" s="12"/>
    </row>
    <row r="335978" spans="8:8">
      <c r="H335978" s="12"/>
    </row>
    <row r="335979" spans="8:8">
      <c r="H335979" s="12"/>
    </row>
    <row r="335980" spans="8:8">
      <c r="H335980" s="12"/>
    </row>
    <row r="335981" spans="8:8">
      <c r="H335981" s="12"/>
    </row>
    <row r="335982" spans="8:8">
      <c r="H335982" s="12"/>
    </row>
    <row r="335983" spans="8:8">
      <c r="H335983" s="12"/>
    </row>
    <row r="335984" spans="8:8">
      <c r="H335984" s="12"/>
    </row>
    <row r="335985" spans="8:8">
      <c r="H335985" s="12"/>
    </row>
    <row r="335986" spans="8:8">
      <c r="H335986" s="12"/>
    </row>
    <row r="335987" spans="8:8">
      <c r="H335987" s="12"/>
    </row>
    <row r="335988" spans="8:8">
      <c r="H335988" s="12"/>
    </row>
    <row r="335989" spans="8:8">
      <c r="H335989" s="12"/>
    </row>
    <row r="335990" spans="8:8">
      <c r="H335990" s="12"/>
    </row>
    <row r="335991" spans="8:8">
      <c r="H335991" s="12"/>
    </row>
    <row r="335992" spans="8:8">
      <c r="H335992" s="12"/>
    </row>
    <row r="335993" spans="8:8">
      <c r="H335993" s="12"/>
    </row>
    <row r="335994" spans="8:8">
      <c r="H335994" s="12"/>
    </row>
    <row r="335995" spans="8:8">
      <c r="H335995" s="12"/>
    </row>
    <row r="335996" spans="8:8">
      <c r="H335996" s="12"/>
    </row>
    <row r="335997" spans="8:8">
      <c r="H335997" s="12"/>
    </row>
    <row r="335998" spans="8:8">
      <c r="H335998" s="12"/>
    </row>
    <row r="335999" spans="8:8">
      <c r="H335999" s="12"/>
    </row>
    <row r="336000" spans="8:8">
      <c r="H336000" s="12"/>
    </row>
    <row r="336001" spans="8:8">
      <c r="H336001" s="12"/>
    </row>
    <row r="336002" spans="8:8">
      <c r="H336002" s="12"/>
    </row>
    <row r="336003" spans="8:8">
      <c r="H336003" s="12"/>
    </row>
    <row r="336004" spans="8:8">
      <c r="H336004" s="12"/>
    </row>
    <row r="336005" spans="8:8">
      <c r="H336005" s="12"/>
    </row>
    <row r="336006" spans="8:8">
      <c r="H336006" s="12"/>
    </row>
    <row r="336007" spans="8:8">
      <c r="H336007" s="12"/>
    </row>
    <row r="336008" spans="8:8">
      <c r="H336008" s="12"/>
    </row>
    <row r="336009" spans="8:8">
      <c r="H336009" s="12"/>
    </row>
    <row r="336010" spans="8:8">
      <c r="H336010" s="12"/>
    </row>
    <row r="336011" spans="8:8">
      <c r="H336011" s="12"/>
    </row>
    <row r="336012" spans="8:8">
      <c r="H336012" s="12"/>
    </row>
    <row r="336013" spans="8:8">
      <c r="H336013" s="12"/>
    </row>
    <row r="336014" spans="8:8">
      <c r="H336014" s="12"/>
    </row>
    <row r="336015" spans="8:8">
      <c r="H336015" s="12"/>
    </row>
    <row r="336016" spans="8:8">
      <c r="H336016" s="12"/>
    </row>
    <row r="336017" spans="8:8">
      <c r="H336017" s="12"/>
    </row>
    <row r="336018" spans="8:8">
      <c r="H336018" s="12"/>
    </row>
    <row r="336019" spans="8:8">
      <c r="H336019" s="12"/>
    </row>
    <row r="336020" spans="8:8">
      <c r="H336020" s="12"/>
    </row>
    <row r="336021" spans="8:8">
      <c r="H336021" s="12"/>
    </row>
    <row r="336022" spans="8:8">
      <c r="H336022" s="12"/>
    </row>
    <row r="336023" spans="8:8">
      <c r="H336023" s="12"/>
    </row>
    <row r="336024" spans="8:8">
      <c r="H336024" s="12"/>
    </row>
    <row r="336025" spans="8:8">
      <c r="H336025" s="12"/>
    </row>
    <row r="336026" spans="8:8">
      <c r="H336026" s="12"/>
    </row>
    <row r="336027" spans="8:8">
      <c r="H336027" s="12"/>
    </row>
    <row r="336028" spans="8:8">
      <c r="H336028" s="12"/>
    </row>
    <row r="336029" spans="8:8">
      <c r="H336029" s="12"/>
    </row>
    <row r="336030" spans="8:8">
      <c r="H336030" s="12"/>
    </row>
    <row r="336031" spans="8:8">
      <c r="H336031" s="12"/>
    </row>
    <row r="336032" spans="8:8">
      <c r="H336032" s="12"/>
    </row>
    <row r="336033" spans="8:8">
      <c r="H336033" s="12"/>
    </row>
    <row r="336034" spans="8:8">
      <c r="H336034" s="12"/>
    </row>
    <row r="336035" spans="8:8">
      <c r="H336035" s="12"/>
    </row>
    <row r="336036" spans="8:8">
      <c r="H336036" s="12"/>
    </row>
    <row r="336037" spans="8:8">
      <c r="H336037" s="12"/>
    </row>
    <row r="336038" spans="8:8">
      <c r="H336038" s="12"/>
    </row>
    <row r="336039" spans="8:8">
      <c r="H336039" s="12"/>
    </row>
    <row r="336040" spans="8:8">
      <c r="H336040" s="12"/>
    </row>
    <row r="336041" spans="8:8">
      <c r="H336041" s="12"/>
    </row>
    <row r="336042" spans="8:8">
      <c r="H336042" s="12"/>
    </row>
    <row r="336043" spans="8:8">
      <c r="H336043" s="12"/>
    </row>
    <row r="336044" spans="8:8">
      <c r="H336044" s="12"/>
    </row>
    <row r="336045" spans="8:8">
      <c r="H336045" s="12"/>
    </row>
    <row r="336046" spans="8:8">
      <c r="H336046" s="12"/>
    </row>
    <row r="336047" spans="8:8">
      <c r="H336047" s="12"/>
    </row>
    <row r="336048" spans="8:8">
      <c r="H336048" s="12"/>
    </row>
    <row r="336049" spans="8:8">
      <c r="H336049" s="12"/>
    </row>
    <row r="336050" spans="8:8">
      <c r="H336050" s="12"/>
    </row>
    <row r="336051" spans="8:8">
      <c r="H336051" s="12"/>
    </row>
    <row r="336052" spans="8:8">
      <c r="H336052" s="12"/>
    </row>
    <row r="336053" spans="8:8">
      <c r="H336053" s="12"/>
    </row>
    <row r="336054" spans="8:8">
      <c r="H336054" s="12"/>
    </row>
    <row r="336055" spans="8:8">
      <c r="H336055" s="12"/>
    </row>
    <row r="336056" spans="8:8">
      <c r="H336056" s="12"/>
    </row>
    <row r="336057" spans="8:8">
      <c r="H336057" s="12"/>
    </row>
    <row r="336058" spans="8:8">
      <c r="H336058" s="12"/>
    </row>
    <row r="336059" spans="8:8">
      <c r="H336059" s="12"/>
    </row>
    <row r="336060" spans="8:8">
      <c r="H336060" s="12"/>
    </row>
    <row r="336061" spans="8:8">
      <c r="H336061" s="12"/>
    </row>
    <row r="336062" spans="8:8">
      <c r="H336062" s="12"/>
    </row>
    <row r="336063" spans="8:8">
      <c r="H336063" s="12"/>
    </row>
    <row r="336064" spans="8:8">
      <c r="H336064" s="12"/>
    </row>
    <row r="336065" spans="8:8">
      <c r="H336065" s="12"/>
    </row>
    <row r="336066" spans="8:8">
      <c r="H336066" s="12"/>
    </row>
    <row r="336067" spans="8:8">
      <c r="H336067" s="12"/>
    </row>
    <row r="336068" spans="8:8">
      <c r="H336068" s="12"/>
    </row>
    <row r="336069" spans="8:8">
      <c r="H336069" s="12"/>
    </row>
    <row r="336070" spans="8:8">
      <c r="H336070" s="12"/>
    </row>
    <row r="336071" spans="8:8">
      <c r="H336071" s="12"/>
    </row>
    <row r="336072" spans="8:8">
      <c r="H336072" s="12"/>
    </row>
    <row r="336073" spans="8:8">
      <c r="H336073" s="12"/>
    </row>
    <row r="336074" spans="8:8">
      <c r="H336074" s="12"/>
    </row>
    <row r="336075" spans="8:8">
      <c r="H336075" s="12"/>
    </row>
    <row r="336076" spans="8:8">
      <c r="H336076" s="12"/>
    </row>
    <row r="336077" spans="8:8">
      <c r="H336077" s="12"/>
    </row>
    <row r="336078" spans="8:8">
      <c r="H336078" s="12"/>
    </row>
    <row r="336079" spans="8:8">
      <c r="H336079" s="12"/>
    </row>
    <row r="336080" spans="8:8">
      <c r="H336080" s="12"/>
    </row>
    <row r="336081" spans="8:8">
      <c r="H336081" s="12"/>
    </row>
    <row r="336082" spans="8:8">
      <c r="H336082" s="12"/>
    </row>
    <row r="336083" spans="8:8">
      <c r="H336083" s="12"/>
    </row>
    <row r="336084" spans="8:8">
      <c r="H336084" s="12"/>
    </row>
    <row r="336085" spans="8:8">
      <c r="H336085" s="12"/>
    </row>
    <row r="336086" spans="8:8">
      <c r="H336086" s="12"/>
    </row>
    <row r="336087" spans="8:8">
      <c r="H336087" s="12"/>
    </row>
    <row r="336088" spans="8:8">
      <c r="H336088" s="12"/>
    </row>
    <row r="336089" spans="8:8">
      <c r="H336089" s="12"/>
    </row>
    <row r="336090" spans="8:8">
      <c r="H336090" s="12"/>
    </row>
    <row r="336091" spans="8:8">
      <c r="H336091" s="12"/>
    </row>
    <row r="336092" spans="8:8">
      <c r="H336092" s="12"/>
    </row>
    <row r="336093" spans="8:8">
      <c r="H336093" s="12"/>
    </row>
    <row r="336094" spans="8:8">
      <c r="H336094" s="12"/>
    </row>
    <row r="336095" spans="8:8">
      <c r="H336095" s="12"/>
    </row>
    <row r="336096" spans="8:8">
      <c r="H336096" s="12"/>
    </row>
    <row r="336097" spans="8:8">
      <c r="H336097" s="12"/>
    </row>
    <row r="336098" spans="8:8">
      <c r="H336098" s="12"/>
    </row>
    <row r="336099" spans="8:8">
      <c r="H336099" s="12"/>
    </row>
    <row r="336100" spans="8:8">
      <c r="H336100" s="12"/>
    </row>
    <row r="336101" spans="8:8">
      <c r="H336101" s="12"/>
    </row>
    <row r="336102" spans="8:8">
      <c r="H336102" s="12"/>
    </row>
    <row r="336103" spans="8:8">
      <c r="H336103" s="12"/>
    </row>
    <row r="336104" spans="8:8">
      <c r="H336104" s="12"/>
    </row>
    <row r="336105" spans="8:8">
      <c r="H336105" s="12"/>
    </row>
    <row r="336106" spans="8:8">
      <c r="H336106" s="12"/>
    </row>
    <row r="336107" spans="8:8">
      <c r="H336107" s="12"/>
    </row>
    <row r="336108" spans="8:8">
      <c r="H336108" s="12"/>
    </row>
    <row r="336109" spans="8:8">
      <c r="H336109" s="12"/>
    </row>
    <row r="336110" spans="8:8">
      <c r="H336110" s="12"/>
    </row>
    <row r="336111" spans="8:8">
      <c r="H336111" s="12"/>
    </row>
    <row r="336112" spans="8:8">
      <c r="H336112" s="12"/>
    </row>
    <row r="336113" spans="8:8">
      <c r="H336113" s="12"/>
    </row>
    <row r="336114" spans="8:8">
      <c r="H336114" s="12"/>
    </row>
    <row r="336115" spans="8:8">
      <c r="H336115" s="12"/>
    </row>
    <row r="336116" spans="8:8">
      <c r="H336116" s="12"/>
    </row>
    <row r="336117" spans="8:8">
      <c r="H336117" s="12"/>
    </row>
    <row r="336118" spans="8:8">
      <c r="H336118" s="12"/>
    </row>
    <row r="336119" spans="8:8">
      <c r="H336119" s="12"/>
    </row>
    <row r="336120" spans="8:8">
      <c r="H336120" s="12"/>
    </row>
    <row r="336121" spans="8:8">
      <c r="H336121" s="12"/>
    </row>
    <row r="336122" spans="8:8">
      <c r="H336122" s="12"/>
    </row>
    <row r="336123" spans="8:8">
      <c r="H336123" s="12"/>
    </row>
    <row r="336124" spans="8:8">
      <c r="H336124" s="12"/>
    </row>
    <row r="336125" spans="8:8">
      <c r="H336125" s="12"/>
    </row>
    <row r="336126" spans="8:8">
      <c r="H336126" s="12"/>
    </row>
    <row r="336127" spans="8:8">
      <c r="H336127" s="12"/>
    </row>
    <row r="336128" spans="8:8">
      <c r="H336128" s="12"/>
    </row>
    <row r="336129" spans="8:8">
      <c r="H336129" s="12"/>
    </row>
    <row r="336130" spans="8:8">
      <c r="H336130" s="12"/>
    </row>
    <row r="336131" spans="8:8">
      <c r="H336131" s="12"/>
    </row>
    <row r="336132" spans="8:8">
      <c r="H336132" s="12"/>
    </row>
    <row r="336133" spans="8:8">
      <c r="H336133" s="12"/>
    </row>
    <row r="336134" spans="8:8">
      <c r="H336134" s="12"/>
    </row>
    <row r="336135" spans="8:8">
      <c r="H336135" s="12"/>
    </row>
    <row r="336136" spans="8:8">
      <c r="H336136" s="12"/>
    </row>
    <row r="336137" spans="8:8">
      <c r="H336137" s="12"/>
    </row>
    <row r="336138" spans="8:8">
      <c r="H336138" s="12"/>
    </row>
    <row r="336139" spans="8:8">
      <c r="H336139" s="12"/>
    </row>
    <row r="336140" spans="8:8">
      <c r="H336140" s="12"/>
    </row>
    <row r="336141" spans="8:8">
      <c r="H336141" s="12"/>
    </row>
    <row r="336142" spans="8:8">
      <c r="H336142" s="12"/>
    </row>
    <row r="336143" spans="8:8">
      <c r="H336143" s="12"/>
    </row>
    <row r="336144" spans="8:8">
      <c r="H336144" s="12"/>
    </row>
    <row r="336145" spans="8:8">
      <c r="H336145" s="12"/>
    </row>
    <row r="336146" spans="8:8">
      <c r="H336146" s="12"/>
    </row>
    <row r="336147" spans="8:8">
      <c r="H336147" s="12"/>
    </row>
    <row r="336148" spans="8:8">
      <c r="H336148" s="12"/>
    </row>
    <row r="336149" spans="8:8">
      <c r="H336149" s="12"/>
    </row>
    <row r="336150" spans="8:8">
      <c r="H336150" s="12"/>
    </row>
    <row r="336151" spans="8:8">
      <c r="H336151" s="12"/>
    </row>
    <row r="336152" spans="8:8">
      <c r="H336152" s="12"/>
    </row>
    <row r="336153" spans="8:8">
      <c r="H336153" s="12"/>
    </row>
    <row r="336154" spans="8:8">
      <c r="H336154" s="12"/>
    </row>
    <row r="336155" spans="8:8">
      <c r="H336155" s="12"/>
    </row>
    <row r="336156" spans="8:8">
      <c r="H336156" s="12"/>
    </row>
    <row r="336157" spans="8:8">
      <c r="H336157" s="12"/>
    </row>
    <row r="336158" spans="8:8">
      <c r="H336158" s="12"/>
    </row>
    <row r="336159" spans="8:8">
      <c r="H336159" s="12"/>
    </row>
    <row r="336160" spans="8:8">
      <c r="H336160" s="12"/>
    </row>
    <row r="336161" spans="8:8">
      <c r="H336161" s="12"/>
    </row>
    <row r="336162" spans="8:8">
      <c r="H336162" s="12"/>
    </row>
    <row r="336163" spans="8:8">
      <c r="H336163" s="12"/>
    </row>
    <row r="336164" spans="8:8">
      <c r="H336164" s="12"/>
    </row>
    <row r="336165" spans="8:8">
      <c r="H336165" s="12"/>
    </row>
    <row r="336166" spans="8:8">
      <c r="H336166" s="12"/>
    </row>
    <row r="336167" spans="8:8">
      <c r="H336167" s="12"/>
    </row>
    <row r="336168" spans="8:8">
      <c r="H336168" s="12"/>
    </row>
    <row r="336169" spans="8:8">
      <c r="H336169" s="12"/>
    </row>
    <row r="336170" spans="8:8">
      <c r="H336170" s="12"/>
    </row>
    <row r="336171" spans="8:8">
      <c r="H336171" s="12"/>
    </row>
    <row r="336172" spans="8:8">
      <c r="H336172" s="12"/>
    </row>
    <row r="336173" spans="8:8">
      <c r="H336173" s="12"/>
    </row>
    <row r="336174" spans="8:8">
      <c r="H336174" s="12"/>
    </row>
    <row r="336175" spans="8:8">
      <c r="H336175" s="12"/>
    </row>
    <row r="336176" spans="8:8">
      <c r="H336176" s="12"/>
    </row>
    <row r="336177" spans="8:8">
      <c r="H336177" s="12"/>
    </row>
    <row r="336178" spans="8:8">
      <c r="H336178" s="12"/>
    </row>
    <row r="336179" spans="8:8">
      <c r="H336179" s="12"/>
    </row>
    <row r="336180" spans="8:8">
      <c r="H336180" s="12"/>
    </row>
    <row r="336181" spans="8:8">
      <c r="H336181" s="12"/>
    </row>
    <row r="336182" spans="8:8">
      <c r="H336182" s="12"/>
    </row>
    <row r="336183" spans="8:8">
      <c r="H336183" s="12"/>
    </row>
    <row r="336184" spans="8:8">
      <c r="H336184" s="12"/>
    </row>
    <row r="336185" spans="8:8">
      <c r="H336185" s="12"/>
    </row>
    <row r="336186" spans="8:8">
      <c r="H336186" s="12"/>
    </row>
    <row r="336187" spans="8:8">
      <c r="H336187" s="12"/>
    </row>
    <row r="336188" spans="8:8">
      <c r="H336188" s="12"/>
    </row>
    <row r="336189" spans="8:8">
      <c r="H336189" s="12"/>
    </row>
    <row r="336190" spans="8:8">
      <c r="H336190" s="12"/>
    </row>
    <row r="336191" spans="8:8">
      <c r="H336191" s="12"/>
    </row>
    <row r="336192" spans="8:8">
      <c r="H336192" s="12"/>
    </row>
    <row r="336193" spans="8:8">
      <c r="H336193" s="12"/>
    </row>
    <row r="336194" spans="8:8">
      <c r="H336194" s="12"/>
    </row>
    <row r="336195" spans="8:8">
      <c r="H336195" s="12"/>
    </row>
    <row r="336196" spans="8:8">
      <c r="H336196" s="12"/>
    </row>
    <row r="336197" spans="8:8">
      <c r="H336197" s="12"/>
    </row>
    <row r="336198" spans="8:8">
      <c r="H336198" s="12"/>
    </row>
    <row r="336199" spans="8:8">
      <c r="H336199" s="12"/>
    </row>
    <row r="336200" spans="8:8">
      <c r="H336200" s="12"/>
    </row>
    <row r="336201" spans="8:8">
      <c r="H336201" s="12"/>
    </row>
    <row r="336202" spans="8:8">
      <c r="H336202" s="12"/>
    </row>
    <row r="336203" spans="8:8">
      <c r="H336203" s="12"/>
    </row>
    <row r="336204" spans="8:8">
      <c r="H336204" s="12"/>
    </row>
    <row r="336205" spans="8:8">
      <c r="H336205" s="12"/>
    </row>
    <row r="336206" spans="8:8">
      <c r="H336206" s="12"/>
    </row>
    <row r="336207" spans="8:8">
      <c r="H336207" s="12"/>
    </row>
    <row r="336208" spans="8:8">
      <c r="H336208" s="12"/>
    </row>
    <row r="336209" spans="8:8">
      <c r="H336209" s="12"/>
    </row>
    <row r="336210" spans="8:8">
      <c r="H336210" s="12"/>
    </row>
    <row r="336211" spans="8:8">
      <c r="H336211" s="12"/>
    </row>
    <row r="336212" spans="8:8">
      <c r="H336212" s="12"/>
    </row>
    <row r="336213" spans="8:8">
      <c r="H336213" s="12"/>
    </row>
    <row r="336214" spans="8:8">
      <c r="H336214" s="12"/>
    </row>
    <row r="336215" spans="8:8">
      <c r="H336215" s="12"/>
    </row>
    <row r="336216" spans="8:8">
      <c r="H336216" s="12"/>
    </row>
    <row r="336217" spans="8:8">
      <c r="H336217" s="12"/>
    </row>
    <row r="336218" spans="8:8">
      <c r="H336218" s="12"/>
    </row>
    <row r="336219" spans="8:8">
      <c r="H336219" s="12"/>
    </row>
    <row r="336220" spans="8:8">
      <c r="H336220" s="12"/>
    </row>
    <row r="336221" spans="8:8">
      <c r="H336221" s="12"/>
    </row>
    <row r="336222" spans="8:8">
      <c r="H336222" s="12"/>
    </row>
    <row r="336223" spans="8:8">
      <c r="H336223" s="12"/>
    </row>
    <row r="336224" spans="8:8">
      <c r="H336224" s="12"/>
    </row>
    <row r="336225" spans="8:8">
      <c r="H336225" s="12"/>
    </row>
    <row r="336226" spans="8:8">
      <c r="H336226" s="12"/>
    </row>
    <row r="336227" spans="8:8">
      <c r="H336227" s="12"/>
    </row>
    <row r="336228" spans="8:8">
      <c r="H336228" s="12"/>
    </row>
    <row r="336229" spans="8:8">
      <c r="H336229" s="12"/>
    </row>
    <row r="336230" spans="8:8">
      <c r="H336230" s="12"/>
    </row>
    <row r="336231" spans="8:8">
      <c r="H336231" s="12"/>
    </row>
    <row r="336232" spans="8:8">
      <c r="H336232" s="12"/>
    </row>
    <row r="336233" spans="8:8">
      <c r="H336233" s="12"/>
    </row>
    <row r="336234" spans="8:8">
      <c r="H336234" s="12"/>
    </row>
    <row r="336235" spans="8:8">
      <c r="H336235" s="12"/>
    </row>
    <row r="336236" spans="8:8">
      <c r="H336236" s="12"/>
    </row>
    <row r="336237" spans="8:8">
      <c r="H336237" s="12"/>
    </row>
    <row r="336238" spans="8:8">
      <c r="H336238" s="12"/>
    </row>
    <row r="336239" spans="8:8">
      <c r="H336239" s="12"/>
    </row>
    <row r="336240" spans="8:8">
      <c r="H336240" s="12"/>
    </row>
    <row r="336241" spans="8:8">
      <c r="H336241" s="12"/>
    </row>
    <row r="336242" spans="8:8">
      <c r="H336242" s="12"/>
    </row>
    <row r="336243" spans="8:8">
      <c r="H336243" s="12"/>
    </row>
    <row r="336244" spans="8:8">
      <c r="H336244" s="12"/>
    </row>
    <row r="336245" spans="8:8">
      <c r="H336245" s="12"/>
    </row>
    <row r="336246" spans="8:8">
      <c r="H336246" s="12"/>
    </row>
    <row r="336247" spans="8:8">
      <c r="H336247" s="12"/>
    </row>
    <row r="336248" spans="8:8">
      <c r="H336248" s="12"/>
    </row>
    <row r="336249" spans="8:8">
      <c r="H336249" s="12"/>
    </row>
    <row r="336250" spans="8:8">
      <c r="H336250" s="12"/>
    </row>
    <row r="336251" spans="8:8">
      <c r="H336251" s="12"/>
    </row>
    <row r="336252" spans="8:8">
      <c r="H336252" s="12"/>
    </row>
    <row r="336253" spans="8:8">
      <c r="H336253" s="12"/>
    </row>
    <row r="336254" spans="8:8">
      <c r="H336254" s="12"/>
    </row>
    <row r="336255" spans="8:8">
      <c r="H336255" s="12"/>
    </row>
    <row r="336256" spans="8:8">
      <c r="H336256" s="12"/>
    </row>
    <row r="336257" spans="8:8">
      <c r="H336257" s="12"/>
    </row>
    <row r="336258" spans="8:8">
      <c r="H336258" s="12"/>
    </row>
    <row r="336259" spans="8:8">
      <c r="H336259" s="12"/>
    </row>
    <row r="336260" spans="8:8">
      <c r="H336260" s="12"/>
    </row>
    <row r="336261" spans="8:8">
      <c r="H336261" s="12"/>
    </row>
    <row r="336262" spans="8:8">
      <c r="H336262" s="12"/>
    </row>
    <row r="336263" spans="8:8">
      <c r="H336263" s="12"/>
    </row>
    <row r="336264" spans="8:8">
      <c r="H336264" s="12"/>
    </row>
    <row r="336265" spans="8:8">
      <c r="H336265" s="12"/>
    </row>
    <row r="336266" spans="8:8">
      <c r="H336266" s="12"/>
    </row>
    <row r="336267" spans="8:8">
      <c r="H336267" s="12"/>
    </row>
    <row r="336268" spans="8:8">
      <c r="H336268" s="12"/>
    </row>
    <row r="336269" spans="8:8">
      <c r="H336269" s="12"/>
    </row>
    <row r="336270" spans="8:8">
      <c r="H336270" s="12"/>
    </row>
    <row r="336271" spans="8:8">
      <c r="H336271" s="12"/>
    </row>
    <row r="336272" spans="8:8">
      <c r="H336272" s="12"/>
    </row>
    <row r="336273" spans="8:8">
      <c r="H336273" s="12"/>
    </row>
    <row r="336274" spans="8:8">
      <c r="H336274" s="12"/>
    </row>
    <row r="336275" spans="8:8">
      <c r="H336275" s="12"/>
    </row>
    <row r="336276" spans="8:8">
      <c r="H336276" s="12"/>
    </row>
    <row r="336277" spans="8:8">
      <c r="H336277" s="12"/>
    </row>
    <row r="336278" spans="8:8">
      <c r="H336278" s="12"/>
    </row>
    <row r="336279" spans="8:8">
      <c r="H336279" s="12"/>
    </row>
    <row r="336280" spans="8:8">
      <c r="H336280" s="12"/>
    </row>
    <row r="336281" spans="8:8">
      <c r="H336281" s="12"/>
    </row>
    <row r="336282" spans="8:8">
      <c r="H336282" s="12"/>
    </row>
    <row r="336283" spans="8:8">
      <c r="H336283" s="12"/>
    </row>
    <row r="336284" spans="8:8">
      <c r="H336284" s="12"/>
    </row>
    <row r="336285" spans="8:8">
      <c r="H336285" s="12"/>
    </row>
    <row r="336286" spans="8:8">
      <c r="H336286" s="12"/>
    </row>
    <row r="336287" spans="8:8">
      <c r="H336287" s="12"/>
    </row>
    <row r="336288" spans="8:8">
      <c r="H336288" s="12"/>
    </row>
    <row r="336289" spans="8:8">
      <c r="H336289" s="12"/>
    </row>
    <row r="336290" spans="8:8">
      <c r="H336290" s="12"/>
    </row>
    <row r="336291" spans="8:8">
      <c r="H336291" s="12"/>
    </row>
    <row r="336292" spans="8:8">
      <c r="H336292" s="12"/>
    </row>
    <row r="336293" spans="8:8">
      <c r="H336293" s="12"/>
    </row>
    <row r="336294" spans="8:8">
      <c r="H336294" s="12"/>
    </row>
    <row r="336295" spans="8:8">
      <c r="H336295" s="12"/>
    </row>
    <row r="336296" spans="8:8">
      <c r="H336296" s="12"/>
    </row>
    <row r="336297" spans="8:8">
      <c r="H336297" s="12"/>
    </row>
    <row r="336298" spans="8:8">
      <c r="H336298" s="12"/>
    </row>
    <row r="336299" spans="8:8">
      <c r="H336299" s="12"/>
    </row>
    <row r="336300" spans="8:8">
      <c r="H336300" s="12"/>
    </row>
    <row r="336301" spans="8:8">
      <c r="H336301" s="12"/>
    </row>
    <row r="336302" spans="8:8">
      <c r="H336302" s="12"/>
    </row>
    <row r="336303" spans="8:8">
      <c r="H336303" s="12"/>
    </row>
    <row r="336304" spans="8:8">
      <c r="H336304" s="12"/>
    </row>
    <row r="336305" spans="8:8">
      <c r="H336305" s="12"/>
    </row>
    <row r="336306" spans="8:8">
      <c r="H336306" s="12"/>
    </row>
    <row r="336307" spans="8:8">
      <c r="H336307" s="12"/>
    </row>
    <row r="336308" spans="8:8">
      <c r="H336308" s="12"/>
    </row>
    <row r="336309" spans="8:8">
      <c r="H336309" s="12"/>
    </row>
    <row r="336310" spans="8:8">
      <c r="H336310" s="12"/>
    </row>
    <row r="336311" spans="8:8">
      <c r="H336311" s="12"/>
    </row>
    <row r="336312" spans="8:8">
      <c r="H336312" s="12"/>
    </row>
    <row r="336313" spans="8:8">
      <c r="H336313" s="12"/>
    </row>
    <row r="336314" spans="8:8">
      <c r="H336314" s="12"/>
    </row>
    <row r="336315" spans="8:8">
      <c r="H336315" s="12"/>
    </row>
    <row r="336316" spans="8:8">
      <c r="H336316" s="12"/>
    </row>
    <row r="336317" spans="8:8">
      <c r="H336317" s="12"/>
    </row>
    <row r="336318" spans="8:8">
      <c r="H336318" s="12"/>
    </row>
    <row r="336319" spans="8:8">
      <c r="H336319" s="12"/>
    </row>
    <row r="336320" spans="8:8">
      <c r="H336320" s="12"/>
    </row>
    <row r="336321" spans="8:8">
      <c r="H336321" s="12"/>
    </row>
    <row r="336322" spans="8:8">
      <c r="H336322" s="12"/>
    </row>
    <row r="336323" spans="8:8">
      <c r="H336323" s="12"/>
    </row>
    <row r="336324" spans="8:8">
      <c r="H336324" s="12"/>
    </row>
    <row r="336325" spans="8:8">
      <c r="H336325" s="12"/>
    </row>
    <row r="336326" spans="8:8">
      <c r="H336326" s="12"/>
    </row>
    <row r="336327" spans="8:8">
      <c r="H336327" s="12"/>
    </row>
    <row r="336328" spans="8:8">
      <c r="H336328" s="12"/>
    </row>
    <row r="336329" spans="8:8">
      <c r="H336329" s="12"/>
    </row>
    <row r="336330" spans="8:8">
      <c r="H336330" s="12"/>
    </row>
    <row r="336331" spans="8:8">
      <c r="H336331" s="12"/>
    </row>
    <row r="336332" spans="8:8">
      <c r="H336332" s="12"/>
    </row>
    <row r="336333" spans="8:8">
      <c r="H336333" s="12"/>
    </row>
    <row r="336334" spans="8:8">
      <c r="H336334" s="12"/>
    </row>
    <row r="336335" spans="8:8">
      <c r="H336335" s="12"/>
    </row>
    <row r="336336" spans="8:8">
      <c r="H336336" s="12"/>
    </row>
    <row r="336337" spans="8:8">
      <c r="H336337" s="12"/>
    </row>
    <row r="336338" spans="8:8">
      <c r="H336338" s="12"/>
    </row>
    <row r="336339" spans="8:8">
      <c r="H336339" s="12"/>
    </row>
    <row r="336340" spans="8:8">
      <c r="H336340" s="12"/>
    </row>
    <row r="336341" spans="8:8">
      <c r="H336341" s="12"/>
    </row>
    <row r="336342" spans="8:8">
      <c r="H336342" s="12"/>
    </row>
    <row r="336343" spans="8:8">
      <c r="H336343" s="12"/>
    </row>
    <row r="336344" spans="8:8">
      <c r="H336344" s="12"/>
    </row>
    <row r="336345" spans="8:8">
      <c r="H336345" s="12"/>
    </row>
    <row r="336346" spans="8:8">
      <c r="H336346" s="12"/>
    </row>
    <row r="336347" spans="8:8">
      <c r="H336347" s="12"/>
    </row>
    <row r="336348" spans="8:8">
      <c r="H336348" s="12"/>
    </row>
    <row r="336349" spans="8:8">
      <c r="H336349" s="12"/>
    </row>
    <row r="336350" spans="8:8">
      <c r="H336350" s="12"/>
    </row>
    <row r="336351" spans="8:8">
      <c r="H336351" s="12"/>
    </row>
    <row r="336352" spans="8:8">
      <c r="H336352" s="12"/>
    </row>
    <row r="336353" spans="8:8">
      <c r="H336353" s="12"/>
    </row>
    <row r="336354" spans="8:8">
      <c r="H336354" s="12"/>
    </row>
    <row r="336355" spans="8:8">
      <c r="H336355" s="12"/>
    </row>
    <row r="336356" spans="8:8">
      <c r="H336356" s="12"/>
    </row>
    <row r="336357" spans="8:8">
      <c r="H336357" s="12"/>
    </row>
    <row r="336358" spans="8:8">
      <c r="H336358" s="12"/>
    </row>
    <row r="336359" spans="8:8">
      <c r="H336359" s="12"/>
    </row>
    <row r="336360" spans="8:8">
      <c r="H336360" s="12"/>
    </row>
    <row r="336361" spans="8:8">
      <c r="H336361" s="12"/>
    </row>
    <row r="336362" spans="8:8">
      <c r="H336362" s="12"/>
    </row>
    <row r="336363" spans="8:8">
      <c r="H336363" s="12"/>
    </row>
    <row r="336364" spans="8:8">
      <c r="H336364" s="12"/>
    </row>
    <row r="336365" spans="8:8">
      <c r="H336365" s="12"/>
    </row>
    <row r="336366" spans="8:8">
      <c r="H336366" s="12"/>
    </row>
    <row r="336367" spans="8:8">
      <c r="H336367" s="12"/>
    </row>
    <row r="336368" spans="8:8">
      <c r="H336368" s="12"/>
    </row>
    <row r="336369" spans="8:8">
      <c r="H336369" s="12"/>
    </row>
    <row r="336370" spans="8:8">
      <c r="H336370" s="12"/>
    </row>
    <row r="336371" spans="8:8">
      <c r="H336371" s="12"/>
    </row>
    <row r="336372" spans="8:8">
      <c r="H336372" s="12"/>
    </row>
    <row r="336373" spans="8:8">
      <c r="H336373" s="12"/>
    </row>
    <row r="336374" spans="8:8">
      <c r="H336374" s="12"/>
    </row>
    <row r="336375" spans="8:8">
      <c r="H336375" s="12"/>
    </row>
    <row r="336376" spans="8:8">
      <c r="H336376" s="12"/>
    </row>
    <row r="336377" spans="8:8">
      <c r="H336377" s="12"/>
    </row>
    <row r="336378" spans="8:8">
      <c r="H336378" s="12"/>
    </row>
    <row r="336379" spans="8:8">
      <c r="H336379" s="12"/>
    </row>
    <row r="336380" spans="8:8">
      <c r="H336380" s="12"/>
    </row>
    <row r="336381" spans="8:8">
      <c r="H336381" s="12"/>
    </row>
    <row r="336382" spans="8:8">
      <c r="H336382" s="12"/>
    </row>
    <row r="336383" spans="8:8">
      <c r="H336383" s="12"/>
    </row>
    <row r="336384" spans="8:8">
      <c r="H336384" s="12"/>
    </row>
    <row r="336385" spans="8:8">
      <c r="H336385" s="12"/>
    </row>
    <row r="336386" spans="8:8">
      <c r="H336386" s="12"/>
    </row>
    <row r="336387" spans="8:8">
      <c r="H336387" s="12"/>
    </row>
    <row r="336388" spans="8:8">
      <c r="H336388" s="12"/>
    </row>
    <row r="336389" spans="8:8">
      <c r="H336389" s="12"/>
    </row>
    <row r="336390" spans="8:8">
      <c r="H336390" s="12"/>
    </row>
    <row r="336391" spans="8:8">
      <c r="H336391" s="12"/>
    </row>
    <row r="336392" spans="8:8">
      <c r="H336392" s="12"/>
    </row>
    <row r="336393" spans="8:8">
      <c r="H336393" s="12"/>
    </row>
    <row r="336394" spans="8:8">
      <c r="H336394" s="12"/>
    </row>
    <row r="336395" spans="8:8">
      <c r="H336395" s="12"/>
    </row>
    <row r="336396" spans="8:8">
      <c r="H336396" s="12"/>
    </row>
    <row r="336397" spans="8:8">
      <c r="H336397" s="12"/>
    </row>
    <row r="336398" spans="8:8">
      <c r="H336398" s="12"/>
    </row>
    <row r="336399" spans="8:8">
      <c r="H336399" s="12"/>
    </row>
    <row r="336400" spans="8:8">
      <c r="H336400" s="12"/>
    </row>
    <row r="336401" spans="8:8">
      <c r="H336401" s="12"/>
    </row>
    <row r="336402" spans="8:8">
      <c r="H336402" s="12"/>
    </row>
    <row r="336403" spans="8:8">
      <c r="H336403" s="12"/>
    </row>
    <row r="336404" spans="8:8">
      <c r="H336404" s="12"/>
    </row>
    <row r="336405" spans="8:8">
      <c r="H336405" s="12"/>
    </row>
    <row r="336406" spans="8:8">
      <c r="H336406" s="12"/>
    </row>
    <row r="336407" spans="8:8">
      <c r="H336407" s="12"/>
    </row>
    <row r="336408" spans="8:8">
      <c r="H336408" s="12"/>
    </row>
    <row r="336409" spans="8:8">
      <c r="H336409" s="12"/>
    </row>
    <row r="336410" spans="8:8">
      <c r="H336410" s="12"/>
    </row>
    <row r="336411" spans="8:8">
      <c r="H336411" s="12"/>
    </row>
    <row r="336412" spans="8:8">
      <c r="H336412" s="12"/>
    </row>
    <row r="336413" spans="8:8">
      <c r="H336413" s="12"/>
    </row>
    <row r="336414" spans="8:8">
      <c r="H336414" s="12"/>
    </row>
    <row r="336415" spans="8:8">
      <c r="H336415" s="12"/>
    </row>
    <row r="336416" spans="8:8">
      <c r="H336416" s="12"/>
    </row>
    <row r="336417" spans="8:8">
      <c r="H336417" s="12"/>
    </row>
    <row r="336418" spans="8:8">
      <c r="H336418" s="12"/>
    </row>
    <row r="336419" spans="8:8">
      <c r="H336419" s="12"/>
    </row>
    <row r="336420" spans="8:8">
      <c r="H336420" s="12"/>
    </row>
    <row r="336421" spans="8:8">
      <c r="H336421" s="12"/>
    </row>
    <row r="336422" spans="8:8">
      <c r="H336422" s="12"/>
    </row>
    <row r="336423" spans="8:8">
      <c r="H336423" s="12"/>
    </row>
    <row r="336424" spans="8:8">
      <c r="H336424" s="12"/>
    </row>
    <row r="336425" spans="8:8">
      <c r="H336425" s="12"/>
    </row>
    <row r="336426" spans="8:8">
      <c r="H336426" s="12"/>
    </row>
    <row r="336427" spans="8:8">
      <c r="H336427" s="12"/>
    </row>
    <row r="336428" spans="8:8">
      <c r="H336428" s="12"/>
    </row>
    <row r="336429" spans="8:8">
      <c r="H336429" s="12"/>
    </row>
    <row r="336430" spans="8:8">
      <c r="H336430" s="12"/>
    </row>
    <row r="336431" spans="8:8">
      <c r="H336431" s="12"/>
    </row>
    <row r="336432" spans="8:8">
      <c r="H336432" s="12"/>
    </row>
    <row r="336433" spans="8:8">
      <c r="H336433" s="12"/>
    </row>
    <row r="336434" spans="8:8">
      <c r="H336434" s="12"/>
    </row>
    <row r="336435" spans="8:8">
      <c r="H336435" s="12"/>
    </row>
    <row r="336436" spans="8:8">
      <c r="H336436" s="12"/>
    </row>
    <row r="336437" spans="8:8">
      <c r="H336437" s="12"/>
    </row>
    <row r="336438" spans="8:8">
      <c r="H336438" s="12"/>
    </row>
    <row r="336439" spans="8:8">
      <c r="H336439" s="12"/>
    </row>
    <row r="336440" spans="8:8">
      <c r="H336440" s="12"/>
    </row>
    <row r="336441" spans="8:8">
      <c r="H336441" s="12"/>
    </row>
    <row r="336442" spans="8:8">
      <c r="H336442" s="12"/>
    </row>
    <row r="336443" spans="8:8">
      <c r="H336443" s="12"/>
    </row>
    <row r="336444" spans="8:8">
      <c r="H336444" s="12"/>
    </row>
    <row r="336445" spans="8:8">
      <c r="H336445" s="12"/>
    </row>
    <row r="336446" spans="8:8">
      <c r="H336446" s="12"/>
    </row>
    <row r="336447" spans="8:8">
      <c r="H336447" s="12"/>
    </row>
    <row r="336448" spans="8:8">
      <c r="H336448" s="12"/>
    </row>
    <row r="336449" spans="8:8">
      <c r="H336449" s="12"/>
    </row>
    <row r="336450" spans="8:8">
      <c r="H336450" s="12"/>
    </row>
    <row r="336451" spans="8:8">
      <c r="H336451" s="12"/>
    </row>
    <row r="336452" spans="8:8">
      <c r="H336452" s="12"/>
    </row>
    <row r="336453" spans="8:8">
      <c r="H336453" s="12"/>
    </row>
    <row r="336454" spans="8:8">
      <c r="H336454" s="12"/>
    </row>
    <row r="336455" spans="8:8">
      <c r="H336455" s="12"/>
    </row>
    <row r="336456" spans="8:8">
      <c r="H336456" s="12"/>
    </row>
    <row r="336457" spans="8:8">
      <c r="H336457" s="12"/>
    </row>
    <row r="336458" spans="8:8">
      <c r="H336458" s="12"/>
    </row>
    <row r="336459" spans="8:8">
      <c r="H336459" s="12"/>
    </row>
    <row r="336460" spans="8:8">
      <c r="H336460" s="12"/>
    </row>
    <row r="336461" spans="8:8">
      <c r="H336461" s="12"/>
    </row>
    <row r="336462" spans="8:8">
      <c r="H336462" s="12"/>
    </row>
    <row r="336463" spans="8:8">
      <c r="H336463" s="12"/>
    </row>
    <row r="336464" spans="8:8">
      <c r="H336464" s="12"/>
    </row>
    <row r="336465" spans="8:8">
      <c r="H336465" s="12"/>
    </row>
    <row r="336466" spans="8:8">
      <c r="H336466" s="12"/>
    </row>
    <row r="336467" spans="8:8">
      <c r="H336467" s="12"/>
    </row>
    <row r="336468" spans="8:8">
      <c r="H336468" s="12"/>
    </row>
    <row r="336469" spans="8:8">
      <c r="H336469" s="12"/>
    </row>
    <row r="336470" spans="8:8">
      <c r="H336470" s="12"/>
    </row>
    <row r="336471" spans="8:8">
      <c r="H336471" s="12"/>
    </row>
    <row r="336472" spans="8:8">
      <c r="H336472" s="12"/>
    </row>
    <row r="336473" spans="8:8">
      <c r="H336473" s="12"/>
    </row>
    <row r="336474" spans="8:8">
      <c r="H336474" s="12"/>
    </row>
    <row r="336475" spans="8:8">
      <c r="H336475" s="12"/>
    </row>
    <row r="336476" spans="8:8">
      <c r="H336476" s="12"/>
    </row>
    <row r="336477" spans="8:8">
      <c r="H336477" s="12"/>
    </row>
    <row r="336478" spans="8:8">
      <c r="H336478" s="12"/>
    </row>
    <row r="336479" spans="8:8">
      <c r="H336479" s="12"/>
    </row>
    <row r="336480" spans="8:8">
      <c r="H336480" s="12"/>
    </row>
    <row r="336481" spans="8:8">
      <c r="H336481" s="12"/>
    </row>
    <row r="336482" spans="8:8">
      <c r="H336482" s="12"/>
    </row>
    <row r="336483" spans="8:8">
      <c r="H336483" s="12"/>
    </row>
    <row r="336484" spans="8:8">
      <c r="H336484" s="12"/>
    </row>
    <row r="336485" spans="8:8">
      <c r="H336485" s="12"/>
    </row>
    <row r="336486" spans="8:8">
      <c r="H336486" s="12"/>
    </row>
    <row r="336487" spans="8:8">
      <c r="H336487" s="12"/>
    </row>
    <row r="336488" spans="8:8">
      <c r="H336488" s="12"/>
    </row>
    <row r="336489" spans="8:8">
      <c r="H336489" s="12"/>
    </row>
    <row r="336490" spans="8:8">
      <c r="H336490" s="12"/>
    </row>
    <row r="336491" spans="8:8">
      <c r="H336491" s="12"/>
    </row>
    <row r="336492" spans="8:8">
      <c r="H336492" s="12"/>
    </row>
    <row r="336493" spans="8:8">
      <c r="H336493" s="12"/>
    </row>
    <row r="336494" spans="8:8">
      <c r="H336494" s="12"/>
    </row>
    <row r="336495" spans="8:8">
      <c r="H336495" s="12"/>
    </row>
    <row r="336496" spans="8:8">
      <c r="H336496" s="12"/>
    </row>
    <row r="336497" spans="8:8">
      <c r="H336497" s="12"/>
    </row>
    <row r="336498" spans="8:8">
      <c r="H336498" s="12"/>
    </row>
    <row r="336499" spans="8:8">
      <c r="H336499" s="12"/>
    </row>
    <row r="336500" spans="8:8">
      <c r="H336500" s="12"/>
    </row>
    <row r="336501" spans="8:8">
      <c r="H336501" s="12"/>
    </row>
    <row r="336502" spans="8:8">
      <c r="H336502" s="12"/>
    </row>
    <row r="336503" spans="8:8">
      <c r="H336503" s="12"/>
    </row>
    <row r="336504" spans="8:8">
      <c r="H336504" s="12"/>
    </row>
    <row r="336505" spans="8:8">
      <c r="H336505" s="12"/>
    </row>
    <row r="336506" spans="8:8">
      <c r="H336506" s="12"/>
    </row>
    <row r="336507" spans="8:8">
      <c r="H336507" s="12"/>
    </row>
    <row r="336508" spans="8:8">
      <c r="H336508" s="12"/>
    </row>
    <row r="336509" spans="8:8">
      <c r="H336509" s="12"/>
    </row>
    <row r="336510" spans="8:8">
      <c r="H336510" s="12"/>
    </row>
    <row r="336511" spans="8:8">
      <c r="H336511" s="12"/>
    </row>
    <row r="336512" spans="8:8">
      <c r="H336512" s="12"/>
    </row>
    <row r="336513" spans="8:8">
      <c r="H336513" s="12"/>
    </row>
    <row r="336514" spans="8:8">
      <c r="H336514" s="12"/>
    </row>
    <row r="336515" spans="8:8">
      <c r="H336515" s="12"/>
    </row>
    <row r="336516" spans="8:8">
      <c r="H336516" s="12"/>
    </row>
    <row r="336517" spans="8:8">
      <c r="H336517" s="12"/>
    </row>
    <row r="336518" spans="8:8">
      <c r="H336518" s="12"/>
    </row>
    <row r="336519" spans="8:8">
      <c r="H336519" s="12"/>
    </row>
    <row r="336520" spans="8:8">
      <c r="H336520" s="12"/>
    </row>
    <row r="336521" spans="8:8">
      <c r="H336521" s="12"/>
    </row>
    <row r="336522" spans="8:8">
      <c r="H336522" s="12"/>
    </row>
    <row r="336523" spans="8:8">
      <c r="H336523" s="12"/>
    </row>
    <row r="336524" spans="8:8">
      <c r="H336524" s="12"/>
    </row>
    <row r="336525" spans="8:8">
      <c r="H336525" s="12"/>
    </row>
    <row r="336526" spans="8:8">
      <c r="H336526" s="12"/>
    </row>
    <row r="336527" spans="8:8">
      <c r="H336527" s="12"/>
    </row>
    <row r="336528" spans="8:8">
      <c r="H336528" s="12"/>
    </row>
    <row r="336529" spans="8:8">
      <c r="H336529" s="12"/>
    </row>
    <row r="336530" spans="8:8">
      <c r="H336530" s="12"/>
    </row>
    <row r="336531" spans="8:8">
      <c r="H336531" s="12"/>
    </row>
    <row r="336532" spans="8:8">
      <c r="H336532" s="12"/>
    </row>
    <row r="336533" spans="8:8">
      <c r="H336533" s="12"/>
    </row>
    <row r="336534" spans="8:8">
      <c r="H336534" s="12"/>
    </row>
    <row r="336535" spans="8:8">
      <c r="H336535" s="12"/>
    </row>
    <row r="336536" spans="8:8">
      <c r="H336536" s="12"/>
    </row>
    <row r="336537" spans="8:8">
      <c r="H336537" s="12"/>
    </row>
    <row r="336538" spans="8:8">
      <c r="H336538" s="12"/>
    </row>
    <row r="336539" spans="8:8">
      <c r="H336539" s="12"/>
    </row>
    <row r="336540" spans="8:8">
      <c r="H336540" s="12"/>
    </row>
    <row r="336541" spans="8:8">
      <c r="H336541" s="12"/>
    </row>
    <row r="336542" spans="8:8">
      <c r="H336542" s="12"/>
    </row>
    <row r="336543" spans="8:8">
      <c r="H336543" s="12"/>
    </row>
    <row r="336544" spans="8:8">
      <c r="H336544" s="12"/>
    </row>
    <row r="336545" spans="8:8">
      <c r="H336545" s="12"/>
    </row>
    <row r="336546" spans="8:8">
      <c r="H336546" s="12"/>
    </row>
    <row r="336547" spans="8:8">
      <c r="H336547" s="12"/>
    </row>
    <row r="336548" spans="8:8">
      <c r="H336548" s="12"/>
    </row>
    <row r="336549" spans="8:8">
      <c r="H336549" s="12"/>
    </row>
    <row r="336550" spans="8:8">
      <c r="H336550" s="12"/>
    </row>
    <row r="336551" spans="8:8">
      <c r="H336551" s="12"/>
    </row>
    <row r="336552" spans="8:8">
      <c r="H336552" s="12"/>
    </row>
    <row r="336553" spans="8:8">
      <c r="H336553" s="12"/>
    </row>
    <row r="336554" spans="8:8">
      <c r="H336554" s="12"/>
    </row>
    <row r="336555" spans="8:8">
      <c r="H336555" s="12"/>
    </row>
    <row r="336556" spans="8:8">
      <c r="H336556" s="12"/>
    </row>
    <row r="336557" spans="8:8">
      <c r="H336557" s="12"/>
    </row>
    <row r="336558" spans="8:8">
      <c r="H336558" s="12"/>
    </row>
    <row r="336559" spans="8:8">
      <c r="H336559" s="12"/>
    </row>
    <row r="336560" spans="8:8">
      <c r="H336560" s="12"/>
    </row>
    <row r="336561" spans="8:8">
      <c r="H336561" s="12"/>
    </row>
    <row r="336562" spans="8:8">
      <c r="H336562" s="12"/>
    </row>
    <row r="336563" spans="8:8">
      <c r="H336563" s="12"/>
    </row>
    <row r="336564" spans="8:8">
      <c r="H336564" s="12"/>
    </row>
    <row r="336565" spans="8:8">
      <c r="H336565" s="12"/>
    </row>
    <row r="336566" spans="8:8">
      <c r="H336566" s="12"/>
    </row>
    <row r="336567" spans="8:8">
      <c r="H336567" s="12"/>
    </row>
    <row r="336568" spans="8:8">
      <c r="H336568" s="12"/>
    </row>
    <row r="336569" spans="8:8">
      <c r="H336569" s="12"/>
    </row>
    <row r="336570" spans="8:8">
      <c r="H336570" s="12"/>
    </row>
    <row r="336571" spans="8:8">
      <c r="H336571" s="12"/>
    </row>
    <row r="336572" spans="8:8">
      <c r="H336572" s="12"/>
    </row>
    <row r="336573" spans="8:8">
      <c r="H336573" s="12"/>
    </row>
    <row r="336574" spans="8:8">
      <c r="H336574" s="12"/>
    </row>
    <row r="336575" spans="8:8">
      <c r="H336575" s="12"/>
    </row>
    <row r="336576" spans="8:8">
      <c r="H336576" s="12"/>
    </row>
    <row r="336577" spans="8:8">
      <c r="H336577" s="12"/>
    </row>
    <row r="336578" spans="8:8">
      <c r="H336578" s="12"/>
    </row>
    <row r="336579" spans="8:8">
      <c r="H336579" s="12"/>
    </row>
    <row r="336580" spans="8:8">
      <c r="H336580" s="12"/>
    </row>
    <row r="336581" spans="8:8">
      <c r="H336581" s="12"/>
    </row>
    <row r="336582" spans="8:8">
      <c r="H336582" s="12"/>
    </row>
    <row r="336583" spans="8:8">
      <c r="H336583" s="12"/>
    </row>
    <row r="336584" spans="8:8">
      <c r="H336584" s="12"/>
    </row>
    <row r="336585" spans="8:8">
      <c r="H336585" s="12"/>
    </row>
    <row r="336586" spans="8:8">
      <c r="H336586" s="12"/>
    </row>
    <row r="336587" spans="8:8">
      <c r="H336587" s="12"/>
    </row>
    <row r="336588" spans="8:8">
      <c r="H336588" s="12"/>
    </row>
    <row r="336589" spans="8:8">
      <c r="H336589" s="12"/>
    </row>
    <row r="336590" spans="8:8">
      <c r="H336590" s="12"/>
    </row>
    <row r="336591" spans="8:8">
      <c r="H336591" s="12"/>
    </row>
    <row r="336592" spans="8:8">
      <c r="H336592" s="12"/>
    </row>
    <row r="336593" spans="8:8">
      <c r="H336593" s="12"/>
    </row>
    <row r="336594" spans="8:8">
      <c r="H336594" s="12"/>
    </row>
    <row r="336595" spans="8:8">
      <c r="H336595" s="12"/>
    </row>
    <row r="336596" spans="8:8">
      <c r="H336596" s="12"/>
    </row>
    <row r="336597" spans="8:8">
      <c r="H336597" s="12"/>
    </row>
    <row r="336598" spans="8:8">
      <c r="H336598" s="12"/>
    </row>
    <row r="336599" spans="8:8">
      <c r="H336599" s="12"/>
    </row>
    <row r="336600" spans="8:8">
      <c r="H336600" s="12"/>
    </row>
    <row r="336601" spans="8:8">
      <c r="H336601" s="12"/>
    </row>
    <row r="336602" spans="8:8">
      <c r="H336602" s="12"/>
    </row>
    <row r="336603" spans="8:8">
      <c r="H336603" s="12"/>
    </row>
    <row r="336604" spans="8:8">
      <c r="H336604" s="12"/>
    </row>
    <row r="336605" spans="8:8">
      <c r="H336605" s="12"/>
    </row>
    <row r="336606" spans="8:8">
      <c r="H336606" s="12"/>
    </row>
    <row r="336607" spans="8:8">
      <c r="H336607" s="12"/>
    </row>
    <row r="336608" spans="8:8">
      <c r="H336608" s="12"/>
    </row>
    <row r="336609" spans="8:8">
      <c r="H336609" s="12"/>
    </row>
    <row r="336610" spans="8:8">
      <c r="H336610" s="12"/>
    </row>
    <row r="336611" spans="8:8">
      <c r="H336611" s="12"/>
    </row>
    <row r="336612" spans="8:8">
      <c r="H336612" s="12"/>
    </row>
    <row r="336613" spans="8:8">
      <c r="H336613" s="12"/>
    </row>
    <row r="336614" spans="8:8">
      <c r="H336614" s="12"/>
    </row>
    <row r="336615" spans="8:8">
      <c r="H336615" s="12"/>
    </row>
    <row r="336616" spans="8:8">
      <c r="H336616" s="12"/>
    </row>
    <row r="336617" spans="8:8">
      <c r="H336617" s="12"/>
    </row>
    <row r="336618" spans="8:8">
      <c r="H336618" s="12"/>
    </row>
    <row r="336619" spans="8:8">
      <c r="H336619" s="12"/>
    </row>
    <row r="336620" spans="8:8">
      <c r="H336620" s="12"/>
    </row>
    <row r="336621" spans="8:8">
      <c r="H336621" s="12"/>
    </row>
    <row r="336622" spans="8:8">
      <c r="H336622" s="12"/>
    </row>
    <row r="336623" spans="8:8">
      <c r="H336623" s="12"/>
    </row>
    <row r="336624" spans="8:8">
      <c r="H336624" s="12"/>
    </row>
    <row r="336625" spans="8:8">
      <c r="H336625" s="12"/>
    </row>
    <row r="336626" spans="8:8">
      <c r="H336626" s="12"/>
    </row>
    <row r="336627" spans="8:8">
      <c r="H336627" s="12"/>
    </row>
    <row r="336628" spans="8:8">
      <c r="H336628" s="12"/>
    </row>
    <row r="336629" spans="8:8">
      <c r="H336629" s="12"/>
    </row>
    <row r="336630" spans="8:8">
      <c r="H336630" s="12"/>
    </row>
    <row r="336631" spans="8:8">
      <c r="H336631" s="12"/>
    </row>
    <row r="336632" spans="8:8">
      <c r="H336632" s="12"/>
    </row>
    <row r="336633" spans="8:8">
      <c r="H336633" s="12"/>
    </row>
    <row r="336634" spans="8:8">
      <c r="H336634" s="12"/>
    </row>
    <row r="336635" spans="8:8">
      <c r="H336635" s="12"/>
    </row>
    <row r="336636" spans="8:8">
      <c r="H336636" s="12"/>
    </row>
    <row r="336637" spans="8:8">
      <c r="H336637" s="12"/>
    </row>
    <row r="336638" spans="8:8">
      <c r="H336638" s="12"/>
    </row>
    <row r="336639" spans="8:8">
      <c r="H336639" s="12"/>
    </row>
    <row r="336640" spans="8:8">
      <c r="H336640" s="12"/>
    </row>
    <row r="336641" spans="8:8">
      <c r="H336641" s="12"/>
    </row>
    <row r="336642" spans="8:8">
      <c r="H336642" s="12"/>
    </row>
    <row r="336643" spans="8:8">
      <c r="H336643" s="12"/>
    </row>
    <row r="336644" spans="8:8">
      <c r="H336644" s="12"/>
    </row>
    <row r="336645" spans="8:8">
      <c r="H336645" s="12"/>
    </row>
    <row r="336646" spans="8:8">
      <c r="H336646" s="12"/>
    </row>
    <row r="336647" spans="8:8">
      <c r="H336647" s="12"/>
    </row>
    <row r="336648" spans="8:8">
      <c r="H336648" s="12"/>
    </row>
    <row r="336649" spans="8:8">
      <c r="H336649" s="12"/>
    </row>
    <row r="336650" spans="8:8">
      <c r="H336650" s="12"/>
    </row>
    <row r="336651" spans="8:8">
      <c r="H336651" s="12"/>
    </row>
    <row r="336652" spans="8:8">
      <c r="H336652" s="12"/>
    </row>
    <row r="336653" spans="8:8">
      <c r="H336653" s="12"/>
    </row>
    <row r="336654" spans="8:8">
      <c r="H336654" s="12"/>
    </row>
    <row r="336655" spans="8:8">
      <c r="H336655" s="12"/>
    </row>
    <row r="336656" spans="8:8">
      <c r="H336656" s="12"/>
    </row>
    <row r="336657" spans="8:8">
      <c r="H336657" s="12"/>
    </row>
    <row r="336658" spans="8:8">
      <c r="H336658" s="12"/>
    </row>
    <row r="336659" spans="8:8">
      <c r="H336659" s="12"/>
    </row>
    <row r="336660" spans="8:8">
      <c r="H336660" s="12"/>
    </row>
    <row r="336661" spans="8:8">
      <c r="H336661" s="12"/>
    </row>
    <row r="336662" spans="8:8">
      <c r="H336662" s="12"/>
    </row>
    <row r="336663" spans="8:8">
      <c r="H336663" s="12"/>
    </row>
    <row r="336664" spans="8:8">
      <c r="H336664" s="12"/>
    </row>
    <row r="336665" spans="8:8">
      <c r="H336665" s="12"/>
    </row>
    <row r="336666" spans="8:8">
      <c r="H336666" s="12"/>
    </row>
    <row r="336667" spans="8:8">
      <c r="H336667" s="12"/>
    </row>
    <row r="336668" spans="8:8">
      <c r="H336668" s="12"/>
    </row>
    <row r="336669" spans="8:8">
      <c r="H336669" s="12"/>
    </row>
    <row r="336670" spans="8:8">
      <c r="H336670" s="12"/>
    </row>
    <row r="336671" spans="8:8">
      <c r="H336671" s="12"/>
    </row>
    <row r="336672" spans="8:8">
      <c r="H336672" s="12"/>
    </row>
    <row r="336673" spans="8:8">
      <c r="H336673" s="12"/>
    </row>
    <row r="336674" spans="8:8">
      <c r="H336674" s="12"/>
    </row>
    <row r="336675" spans="8:8">
      <c r="H336675" s="12"/>
    </row>
    <row r="336676" spans="8:8">
      <c r="H336676" s="12"/>
    </row>
    <row r="336677" spans="8:8">
      <c r="H336677" s="12"/>
    </row>
    <row r="336678" spans="8:8">
      <c r="H336678" s="12"/>
    </row>
    <row r="336679" spans="8:8">
      <c r="H336679" s="12"/>
    </row>
    <row r="336680" spans="8:8">
      <c r="H336680" s="12"/>
    </row>
    <row r="336681" spans="8:8">
      <c r="H336681" s="12"/>
    </row>
    <row r="336682" spans="8:8">
      <c r="H336682" s="12"/>
    </row>
    <row r="336683" spans="8:8">
      <c r="H336683" s="12"/>
    </row>
    <row r="336684" spans="8:8">
      <c r="H336684" s="12"/>
    </row>
    <row r="336685" spans="8:8">
      <c r="H336685" s="12"/>
    </row>
    <row r="336686" spans="8:8">
      <c r="H336686" s="12"/>
    </row>
    <row r="336687" spans="8:8">
      <c r="H336687" s="12"/>
    </row>
    <row r="336688" spans="8:8">
      <c r="H336688" s="12"/>
    </row>
    <row r="336689" spans="8:8">
      <c r="H336689" s="12"/>
    </row>
    <row r="336690" spans="8:8">
      <c r="H336690" s="12"/>
    </row>
    <row r="336691" spans="8:8">
      <c r="H336691" s="12"/>
    </row>
    <row r="336692" spans="8:8">
      <c r="H336692" s="12"/>
    </row>
    <row r="336693" spans="8:8">
      <c r="H336693" s="12"/>
    </row>
    <row r="336694" spans="8:8">
      <c r="H336694" s="12"/>
    </row>
    <row r="336695" spans="8:8">
      <c r="H336695" s="12"/>
    </row>
    <row r="336696" spans="8:8">
      <c r="H336696" s="12"/>
    </row>
    <row r="336697" spans="8:8">
      <c r="H336697" s="12"/>
    </row>
    <row r="336698" spans="8:8">
      <c r="H336698" s="12"/>
    </row>
    <row r="336699" spans="8:8">
      <c r="H336699" s="12"/>
    </row>
    <row r="336700" spans="8:8">
      <c r="H336700" s="12"/>
    </row>
    <row r="336701" spans="8:8">
      <c r="H336701" s="12"/>
    </row>
    <row r="336702" spans="8:8">
      <c r="H336702" s="12"/>
    </row>
    <row r="336703" spans="8:8">
      <c r="H336703" s="12"/>
    </row>
    <row r="336704" spans="8:8">
      <c r="H336704" s="12"/>
    </row>
    <row r="336705" spans="8:8">
      <c r="H336705" s="12"/>
    </row>
    <row r="336706" spans="8:8">
      <c r="H336706" s="12"/>
    </row>
    <row r="336707" spans="8:8">
      <c r="H336707" s="12"/>
    </row>
    <row r="336708" spans="8:8">
      <c r="H336708" s="12"/>
    </row>
    <row r="336709" spans="8:8">
      <c r="H336709" s="12"/>
    </row>
    <row r="336710" spans="8:8">
      <c r="H336710" s="12"/>
    </row>
    <row r="336711" spans="8:8">
      <c r="H336711" s="12"/>
    </row>
    <row r="336712" spans="8:8">
      <c r="H336712" s="12"/>
    </row>
    <row r="336713" spans="8:8">
      <c r="H336713" s="12"/>
    </row>
    <row r="336714" spans="8:8">
      <c r="H336714" s="12"/>
    </row>
    <row r="336715" spans="8:8">
      <c r="H336715" s="12"/>
    </row>
    <row r="336716" spans="8:8">
      <c r="H336716" s="12"/>
    </row>
    <row r="336717" spans="8:8">
      <c r="H336717" s="12"/>
    </row>
    <row r="336718" spans="8:8">
      <c r="H336718" s="12"/>
    </row>
    <row r="336719" spans="8:8">
      <c r="H336719" s="12"/>
    </row>
    <row r="336720" spans="8:8">
      <c r="H336720" s="12"/>
    </row>
    <row r="336721" spans="8:8">
      <c r="H336721" s="12"/>
    </row>
    <row r="336722" spans="8:8">
      <c r="H336722" s="12"/>
    </row>
    <row r="336723" spans="8:8">
      <c r="H336723" s="12"/>
    </row>
    <row r="336724" spans="8:8">
      <c r="H336724" s="12"/>
    </row>
    <row r="336725" spans="8:8">
      <c r="H336725" s="12"/>
    </row>
    <row r="336726" spans="8:8">
      <c r="H336726" s="12"/>
    </row>
    <row r="336727" spans="8:8">
      <c r="H336727" s="12"/>
    </row>
    <row r="336728" spans="8:8">
      <c r="H336728" s="12"/>
    </row>
    <row r="336729" spans="8:8">
      <c r="H336729" s="12"/>
    </row>
    <row r="336730" spans="8:8">
      <c r="H336730" s="12"/>
    </row>
    <row r="336731" spans="8:8">
      <c r="H336731" s="12"/>
    </row>
    <row r="336732" spans="8:8">
      <c r="H336732" s="12"/>
    </row>
    <row r="336733" spans="8:8">
      <c r="H336733" s="12"/>
    </row>
    <row r="336734" spans="8:8">
      <c r="H336734" s="12"/>
    </row>
    <row r="336735" spans="8:8">
      <c r="H336735" s="12"/>
    </row>
    <row r="336736" spans="8:8">
      <c r="H336736" s="12"/>
    </row>
    <row r="336737" spans="8:8">
      <c r="H336737" s="12"/>
    </row>
    <row r="336738" spans="8:8">
      <c r="H336738" s="12"/>
    </row>
    <row r="336739" spans="8:8">
      <c r="H336739" s="12"/>
    </row>
    <row r="336740" spans="8:8">
      <c r="H336740" s="12"/>
    </row>
    <row r="336741" spans="8:8">
      <c r="H336741" s="12"/>
    </row>
    <row r="336742" spans="8:8">
      <c r="H336742" s="12"/>
    </row>
    <row r="336743" spans="8:8">
      <c r="H336743" s="12"/>
    </row>
    <row r="336744" spans="8:8">
      <c r="H336744" s="12"/>
    </row>
    <row r="336745" spans="8:8">
      <c r="H336745" s="12"/>
    </row>
    <row r="336746" spans="8:8">
      <c r="H336746" s="12"/>
    </row>
    <row r="336747" spans="8:8">
      <c r="H336747" s="12"/>
    </row>
    <row r="336748" spans="8:8">
      <c r="H336748" s="12"/>
    </row>
    <row r="336749" spans="8:8">
      <c r="H336749" s="12"/>
    </row>
    <row r="336750" spans="8:8">
      <c r="H336750" s="12"/>
    </row>
    <row r="336751" spans="8:8">
      <c r="H336751" s="12"/>
    </row>
    <row r="336752" spans="8:8">
      <c r="H336752" s="12"/>
    </row>
    <row r="336753" spans="8:8">
      <c r="H336753" s="12"/>
    </row>
    <row r="336754" spans="8:8">
      <c r="H336754" s="12"/>
    </row>
    <row r="336755" spans="8:8">
      <c r="H336755" s="12"/>
    </row>
    <row r="336756" spans="8:8">
      <c r="H336756" s="12"/>
    </row>
    <row r="336757" spans="8:8">
      <c r="H336757" s="12"/>
    </row>
    <row r="336758" spans="8:8">
      <c r="H336758" s="12"/>
    </row>
    <row r="336759" spans="8:8">
      <c r="H336759" s="12"/>
    </row>
    <row r="336760" spans="8:8">
      <c r="H336760" s="12"/>
    </row>
    <row r="336761" spans="8:8">
      <c r="H336761" s="12"/>
    </row>
    <row r="336762" spans="8:8">
      <c r="H336762" s="12"/>
    </row>
    <row r="336763" spans="8:8">
      <c r="H336763" s="12"/>
    </row>
    <row r="336764" spans="8:8">
      <c r="H336764" s="12"/>
    </row>
    <row r="336765" spans="8:8">
      <c r="H336765" s="12"/>
    </row>
    <row r="336766" spans="8:8">
      <c r="H336766" s="12"/>
    </row>
    <row r="336767" spans="8:8">
      <c r="H336767" s="12"/>
    </row>
    <row r="336768" spans="8:8">
      <c r="H336768" s="12"/>
    </row>
    <row r="336769" spans="8:8">
      <c r="H336769" s="12"/>
    </row>
    <row r="336770" spans="8:8">
      <c r="H336770" s="12"/>
    </row>
    <row r="336771" spans="8:8">
      <c r="H336771" s="12"/>
    </row>
    <row r="336772" spans="8:8">
      <c r="H336772" s="12"/>
    </row>
    <row r="336773" spans="8:8">
      <c r="H336773" s="12"/>
    </row>
    <row r="336774" spans="8:8">
      <c r="H336774" s="12"/>
    </row>
    <row r="336775" spans="8:8">
      <c r="H336775" s="12"/>
    </row>
    <row r="336776" spans="8:8">
      <c r="H336776" s="12"/>
    </row>
    <row r="336777" spans="8:8">
      <c r="H336777" s="12"/>
    </row>
    <row r="336778" spans="8:8">
      <c r="H336778" s="12"/>
    </row>
    <row r="336779" spans="8:8">
      <c r="H336779" s="12"/>
    </row>
    <row r="336780" spans="8:8">
      <c r="H336780" s="12"/>
    </row>
    <row r="336781" spans="8:8">
      <c r="H336781" s="12"/>
    </row>
    <row r="336782" spans="8:8">
      <c r="H336782" s="12"/>
    </row>
    <row r="336783" spans="8:8">
      <c r="H336783" s="12"/>
    </row>
    <row r="336784" spans="8:8">
      <c r="H336784" s="12"/>
    </row>
    <row r="336785" spans="8:8">
      <c r="H336785" s="12"/>
    </row>
    <row r="336786" spans="8:8">
      <c r="H336786" s="12"/>
    </row>
    <row r="336787" spans="8:8">
      <c r="H336787" s="12"/>
    </row>
    <row r="336788" spans="8:8">
      <c r="H336788" s="12"/>
    </row>
    <row r="336789" spans="8:8">
      <c r="H336789" s="12"/>
    </row>
    <row r="336790" spans="8:8">
      <c r="H336790" s="12"/>
    </row>
    <row r="336791" spans="8:8">
      <c r="H336791" s="12"/>
    </row>
    <row r="336792" spans="8:8">
      <c r="H336792" s="12"/>
    </row>
    <row r="336793" spans="8:8">
      <c r="H336793" s="12"/>
    </row>
    <row r="336794" spans="8:8">
      <c r="H336794" s="12"/>
    </row>
    <row r="336795" spans="8:8">
      <c r="H336795" s="12"/>
    </row>
    <row r="336796" spans="8:8">
      <c r="H336796" s="12"/>
    </row>
    <row r="336797" spans="8:8">
      <c r="H336797" s="12"/>
    </row>
    <row r="336798" spans="8:8">
      <c r="H336798" s="12"/>
    </row>
    <row r="336799" spans="8:8">
      <c r="H336799" s="12"/>
    </row>
    <row r="336800" spans="8:8">
      <c r="H336800" s="12"/>
    </row>
    <row r="336801" spans="8:8">
      <c r="H336801" s="12"/>
    </row>
    <row r="336802" spans="8:8">
      <c r="H336802" s="12"/>
    </row>
    <row r="336803" spans="8:8">
      <c r="H336803" s="12"/>
    </row>
    <row r="336804" spans="8:8">
      <c r="H336804" s="12"/>
    </row>
    <row r="336805" spans="8:8">
      <c r="H336805" s="12"/>
    </row>
    <row r="336806" spans="8:8">
      <c r="H336806" s="12"/>
    </row>
    <row r="336807" spans="8:8">
      <c r="H336807" s="12"/>
    </row>
    <row r="336808" spans="8:8">
      <c r="H336808" s="12"/>
    </row>
    <row r="336809" spans="8:8">
      <c r="H336809" s="12"/>
    </row>
    <row r="336810" spans="8:8">
      <c r="H336810" s="12"/>
    </row>
    <row r="336811" spans="8:8">
      <c r="H336811" s="12"/>
    </row>
    <row r="336812" spans="8:8">
      <c r="H336812" s="12"/>
    </row>
    <row r="336813" spans="8:8">
      <c r="H336813" s="12"/>
    </row>
    <row r="336814" spans="8:8">
      <c r="H336814" s="12"/>
    </row>
    <row r="336815" spans="8:8">
      <c r="H336815" s="12"/>
    </row>
    <row r="336816" spans="8:8">
      <c r="H336816" s="12"/>
    </row>
    <row r="336817" spans="8:8">
      <c r="H336817" s="12"/>
    </row>
    <row r="336818" spans="8:8">
      <c r="H336818" s="12"/>
    </row>
    <row r="336819" spans="8:8">
      <c r="H336819" s="12"/>
    </row>
    <row r="336820" spans="8:8">
      <c r="H336820" s="12"/>
    </row>
    <row r="336821" spans="8:8">
      <c r="H336821" s="12"/>
    </row>
    <row r="336822" spans="8:8">
      <c r="H336822" s="12"/>
    </row>
    <row r="336823" spans="8:8">
      <c r="H336823" s="12"/>
    </row>
    <row r="336824" spans="8:8">
      <c r="H336824" s="12"/>
    </row>
    <row r="336825" spans="8:8">
      <c r="H336825" s="12"/>
    </row>
    <row r="336826" spans="8:8">
      <c r="H336826" s="12"/>
    </row>
    <row r="336827" spans="8:8">
      <c r="H336827" s="12"/>
    </row>
    <row r="336828" spans="8:8">
      <c r="H336828" s="12"/>
    </row>
    <row r="336829" spans="8:8">
      <c r="H336829" s="12"/>
    </row>
    <row r="336830" spans="8:8">
      <c r="H336830" s="12"/>
    </row>
    <row r="336831" spans="8:8">
      <c r="H336831" s="12"/>
    </row>
    <row r="336832" spans="8:8">
      <c r="H336832" s="12"/>
    </row>
    <row r="336833" spans="8:8">
      <c r="H336833" s="12"/>
    </row>
    <row r="336834" spans="8:8">
      <c r="H336834" s="12"/>
    </row>
    <row r="336835" spans="8:8">
      <c r="H336835" s="12"/>
    </row>
    <row r="336836" spans="8:8">
      <c r="H336836" s="12"/>
    </row>
    <row r="336837" spans="8:8">
      <c r="H336837" s="12"/>
    </row>
    <row r="336838" spans="8:8">
      <c r="H336838" s="12"/>
    </row>
    <row r="336839" spans="8:8">
      <c r="H336839" s="12"/>
    </row>
    <row r="336840" spans="8:8">
      <c r="H336840" s="12"/>
    </row>
    <row r="336841" spans="8:8">
      <c r="H336841" s="12"/>
    </row>
    <row r="336842" spans="8:8">
      <c r="H336842" s="12"/>
    </row>
    <row r="336843" spans="8:8">
      <c r="H336843" s="12"/>
    </row>
    <row r="336844" spans="8:8">
      <c r="H336844" s="12"/>
    </row>
    <row r="336845" spans="8:8">
      <c r="H336845" s="12"/>
    </row>
    <row r="336846" spans="8:8">
      <c r="H336846" s="12"/>
    </row>
    <row r="336847" spans="8:8">
      <c r="H336847" s="12"/>
    </row>
    <row r="336848" spans="8:8">
      <c r="H336848" s="12"/>
    </row>
    <row r="336849" spans="8:8">
      <c r="H336849" s="12"/>
    </row>
    <row r="336850" spans="8:8">
      <c r="H336850" s="12"/>
    </row>
    <row r="336851" spans="8:8">
      <c r="H336851" s="12"/>
    </row>
    <row r="336852" spans="8:8">
      <c r="H336852" s="12"/>
    </row>
    <row r="336853" spans="8:8">
      <c r="H336853" s="12"/>
    </row>
    <row r="336854" spans="8:8">
      <c r="H336854" s="12"/>
    </row>
    <row r="336855" spans="8:8">
      <c r="H336855" s="12"/>
    </row>
    <row r="336856" spans="8:8">
      <c r="H336856" s="12"/>
    </row>
    <row r="336857" spans="8:8">
      <c r="H336857" s="12"/>
    </row>
    <row r="336858" spans="8:8">
      <c r="H336858" s="12"/>
    </row>
    <row r="336859" spans="8:8">
      <c r="H336859" s="12"/>
    </row>
    <row r="336860" spans="8:8">
      <c r="H336860" s="12"/>
    </row>
    <row r="336861" spans="8:8">
      <c r="H336861" s="12"/>
    </row>
    <row r="336862" spans="8:8">
      <c r="H336862" s="12"/>
    </row>
    <row r="336863" spans="8:8">
      <c r="H336863" s="12"/>
    </row>
    <row r="336864" spans="8:8">
      <c r="H336864" s="12"/>
    </row>
    <row r="336865" spans="8:8">
      <c r="H336865" s="12"/>
    </row>
    <row r="336866" spans="8:8">
      <c r="H336866" s="12"/>
    </row>
    <row r="336867" spans="8:8">
      <c r="H336867" s="12"/>
    </row>
    <row r="336868" spans="8:8">
      <c r="H336868" s="12"/>
    </row>
    <row r="336869" spans="8:8">
      <c r="H336869" s="12"/>
    </row>
    <row r="336870" spans="8:8">
      <c r="H336870" s="12"/>
    </row>
    <row r="336871" spans="8:8">
      <c r="H336871" s="12"/>
    </row>
    <row r="336872" spans="8:8">
      <c r="H336872" s="12"/>
    </row>
    <row r="336873" spans="8:8">
      <c r="H336873" s="12"/>
    </row>
    <row r="336874" spans="8:8">
      <c r="H336874" s="12"/>
    </row>
    <row r="336875" spans="8:8">
      <c r="H336875" s="12"/>
    </row>
    <row r="336876" spans="8:8">
      <c r="H336876" s="12"/>
    </row>
    <row r="336877" spans="8:8">
      <c r="H336877" s="12"/>
    </row>
    <row r="336878" spans="8:8">
      <c r="H336878" s="12"/>
    </row>
    <row r="336879" spans="8:8">
      <c r="H336879" s="12"/>
    </row>
    <row r="336880" spans="8:8">
      <c r="H336880" s="12"/>
    </row>
    <row r="336881" spans="8:8">
      <c r="H336881" s="12"/>
    </row>
    <row r="336882" spans="8:8">
      <c r="H336882" s="12"/>
    </row>
    <row r="336883" spans="8:8">
      <c r="H336883" s="12"/>
    </row>
    <row r="336884" spans="8:8">
      <c r="H336884" s="12"/>
    </row>
    <row r="336885" spans="8:8">
      <c r="H336885" s="12"/>
    </row>
    <row r="336886" spans="8:8">
      <c r="H336886" s="12"/>
    </row>
    <row r="336887" spans="8:8">
      <c r="H336887" s="12"/>
    </row>
    <row r="336888" spans="8:8">
      <c r="H336888" s="12"/>
    </row>
    <row r="336889" spans="8:8">
      <c r="H336889" s="12"/>
    </row>
    <row r="336890" spans="8:8">
      <c r="H336890" s="12"/>
    </row>
    <row r="336891" spans="8:8">
      <c r="H336891" s="12"/>
    </row>
    <row r="336892" spans="8:8">
      <c r="H336892" s="12"/>
    </row>
    <row r="336893" spans="8:8">
      <c r="H336893" s="12"/>
    </row>
    <row r="336894" spans="8:8">
      <c r="H336894" s="12"/>
    </row>
    <row r="336895" spans="8:8">
      <c r="H336895" s="12"/>
    </row>
    <row r="336896" spans="8:8">
      <c r="H336896" s="12"/>
    </row>
    <row r="336897" spans="8:8">
      <c r="H336897" s="12"/>
    </row>
    <row r="336898" spans="8:8">
      <c r="H336898" s="12"/>
    </row>
    <row r="336899" spans="8:8">
      <c r="H336899" s="12"/>
    </row>
    <row r="336900" spans="8:8">
      <c r="H336900" s="12"/>
    </row>
    <row r="336901" spans="8:8">
      <c r="H336901" s="12"/>
    </row>
    <row r="336902" spans="8:8">
      <c r="H336902" s="12"/>
    </row>
    <row r="336903" spans="8:8">
      <c r="H336903" s="12"/>
    </row>
    <row r="336904" spans="8:8">
      <c r="H336904" s="12"/>
    </row>
    <row r="336905" spans="8:8">
      <c r="H336905" s="12"/>
    </row>
    <row r="336906" spans="8:8">
      <c r="H336906" s="12"/>
    </row>
    <row r="336907" spans="8:8">
      <c r="H336907" s="12"/>
    </row>
    <row r="336908" spans="8:8">
      <c r="H336908" s="12"/>
    </row>
    <row r="336909" spans="8:8">
      <c r="H336909" s="12"/>
    </row>
    <row r="336910" spans="8:8">
      <c r="H336910" s="12"/>
    </row>
    <row r="336911" spans="8:8">
      <c r="H336911" s="12"/>
    </row>
    <row r="336912" spans="8:8">
      <c r="H336912" s="12"/>
    </row>
    <row r="336913" spans="8:8">
      <c r="H336913" s="12"/>
    </row>
    <row r="336914" spans="8:8">
      <c r="H336914" s="12"/>
    </row>
    <row r="336915" spans="8:8">
      <c r="H336915" s="12"/>
    </row>
    <row r="336916" spans="8:8">
      <c r="H336916" s="12"/>
    </row>
    <row r="336917" spans="8:8">
      <c r="H336917" s="12"/>
    </row>
    <row r="336918" spans="8:8">
      <c r="H336918" s="12"/>
    </row>
    <row r="336919" spans="8:8">
      <c r="H336919" s="12"/>
    </row>
    <row r="336920" spans="8:8">
      <c r="H336920" s="12"/>
    </row>
    <row r="336921" spans="8:8">
      <c r="H336921" s="12"/>
    </row>
    <row r="336922" spans="8:8">
      <c r="H336922" s="12"/>
    </row>
    <row r="336923" spans="8:8">
      <c r="H336923" s="12"/>
    </row>
    <row r="336924" spans="8:8">
      <c r="H336924" s="12"/>
    </row>
    <row r="336925" spans="8:8">
      <c r="H336925" s="12"/>
    </row>
    <row r="336926" spans="8:8">
      <c r="H336926" s="12"/>
    </row>
    <row r="336927" spans="8:8">
      <c r="H336927" s="12"/>
    </row>
    <row r="336928" spans="8:8">
      <c r="H336928" s="12"/>
    </row>
    <row r="336929" spans="8:8">
      <c r="H336929" s="12"/>
    </row>
    <row r="336930" spans="8:8">
      <c r="H336930" s="12"/>
    </row>
    <row r="336931" spans="8:8">
      <c r="H336931" s="12"/>
    </row>
    <row r="336932" spans="8:8">
      <c r="H336932" s="12"/>
    </row>
    <row r="336933" spans="8:8">
      <c r="H336933" s="12"/>
    </row>
    <row r="336934" spans="8:8">
      <c r="H336934" s="12"/>
    </row>
    <row r="336935" spans="8:8">
      <c r="H336935" s="12"/>
    </row>
    <row r="336936" spans="8:8">
      <c r="H336936" s="12"/>
    </row>
    <row r="336937" spans="8:8">
      <c r="H336937" s="12"/>
    </row>
    <row r="336938" spans="8:8">
      <c r="H336938" s="12"/>
    </row>
    <row r="336939" spans="8:8">
      <c r="H336939" s="12"/>
    </row>
    <row r="336940" spans="8:8">
      <c r="H336940" s="12"/>
    </row>
    <row r="336941" spans="8:8">
      <c r="H336941" s="12"/>
    </row>
    <row r="336942" spans="8:8">
      <c r="H336942" s="12"/>
    </row>
    <row r="336943" spans="8:8">
      <c r="H336943" s="12"/>
    </row>
    <row r="336944" spans="8:8">
      <c r="H336944" s="12"/>
    </row>
    <row r="336945" spans="8:8">
      <c r="H336945" s="12"/>
    </row>
    <row r="336946" spans="8:8">
      <c r="H336946" s="12"/>
    </row>
    <row r="336947" spans="8:8">
      <c r="H336947" s="12"/>
    </row>
    <row r="336948" spans="8:8">
      <c r="H336948" s="12"/>
    </row>
    <row r="336949" spans="8:8">
      <c r="H336949" s="12"/>
    </row>
    <row r="336950" spans="8:8">
      <c r="H336950" s="12"/>
    </row>
    <row r="336951" spans="8:8">
      <c r="H336951" s="12"/>
    </row>
    <row r="336952" spans="8:8">
      <c r="H336952" s="12"/>
    </row>
    <row r="336953" spans="8:8">
      <c r="H336953" s="12"/>
    </row>
    <row r="336954" spans="8:8">
      <c r="H336954" s="12"/>
    </row>
    <row r="336955" spans="8:8">
      <c r="H336955" s="12"/>
    </row>
    <row r="336956" spans="8:8">
      <c r="H336956" s="12"/>
    </row>
    <row r="336957" spans="8:8">
      <c r="H336957" s="12"/>
    </row>
    <row r="336958" spans="8:8">
      <c r="H336958" s="12"/>
    </row>
    <row r="336959" spans="8:8">
      <c r="H336959" s="12"/>
    </row>
    <row r="336960" spans="8:8">
      <c r="H336960" s="12"/>
    </row>
    <row r="336961" spans="8:8">
      <c r="H336961" s="12"/>
    </row>
    <row r="336962" spans="8:8">
      <c r="H336962" s="12"/>
    </row>
    <row r="336963" spans="8:8">
      <c r="H336963" s="12"/>
    </row>
    <row r="336964" spans="8:8">
      <c r="H336964" s="12"/>
    </row>
    <row r="336965" spans="8:8">
      <c r="H336965" s="12"/>
    </row>
    <row r="336966" spans="8:8">
      <c r="H336966" s="12"/>
    </row>
    <row r="336967" spans="8:8">
      <c r="H336967" s="12"/>
    </row>
    <row r="336968" spans="8:8">
      <c r="H336968" s="12"/>
    </row>
    <row r="336969" spans="8:8">
      <c r="H336969" s="12"/>
    </row>
    <row r="336970" spans="8:8">
      <c r="H336970" s="12"/>
    </row>
    <row r="336971" spans="8:8">
      <c r="H336971" s="12"/>
    </row>
    <row r="336972" spans="8:8">
      <c r="H336972" s="12"/>
    </row>
    <row r="336973" spans="8:8">
      <c r="H336973" s="12"/>
    </row>
    <row r="336974" spans="8:8">
      <c r="H336974" s="12"/>
    </row>
    <row r="336975" spans="8:8">
      <c r="H336975" s="12"/>
    </row>
    <row r="336976" spans="8:8">
      <c r="H336976" s="12"/>
    </row>
    <row r="336977" spans="8:8">
      <c r="H336977" s="12"/>
    </row>
    <row r="336978" spans="8:8">
      <c r="H336978" s="12"/>
    </row>
    <row r="336979" spans="8:8">
      <c r="H336979" s="12"/>
    </row>
    <row r="336980" spans="8:8">
      <c r="H336980" s="12"/>
    </row>
    <row r="336981" spans="8:8">
      <c r="H336981" s="12"/>
    </row>
    <row r="336982" spans="8:8">
      <c r="H336982" s="12"/>
    </row>
    <row r="336983" spans="8:8">
      <c r="H336983" s="12"/>
    </row>
    <row r="336984" spans="8:8">
      <c r="H336984" s="12"/>
    </row>
    <row r="336985" spans="8:8">
      <c r="H336985" s="12"/>
    </row>
    <row r="336986" spans="8:8">
      <c r="H336986" s="12"/>
    </row>
    <row r="336987" spans="8:8">
      <c r="H336987" s="12"/>
    </row>
    <row r="336988" spans="8:8">
      <c r="H336988" s="12"/>
    </row>
    <row r="336989" spans="8:8">
      <c r="H336989" s="12"/>
    </row>
    <row r="336990" spans="8:8">
      <c r="H336990" s="12"/>
    </row>
    <row r="336991" spans="8:8">
      <c r="H336991" s="12"/>
    </row>
    <row r="336992" spans="8:8">
      <c r="H336992" s="12"/>
    </row>
    <row r="336993" spans="8:8">
      <c r="H336993" s="12"/>
    </row>
    <row r="336994" spans="8:8">
      <c r="H336994" s="12"/>
    </row>
    <row r="336995" spans="8:8">
      <c r="H336995" s="12"/>
    </row>
    <row r="336996" spans="8:8">
      <c r="H336996" s="12"/>
    </row>
    <row r="336997" spans="8:8">
      <c r="H336997" s="12"/>
    </row>
    <row r="336998" spans="8:8">
      <c r="H336998" s="12"/>
    </row>
    <row r="336999" spans="8:8">
      <c r="H336999" s="12"/>
    </row>
    <row r="337000" spans="8:8">
      <c r="H337000" s="12"/>
    </row>
    <row r="337001" spans="8:8">
      <c r="H337001" s="12"/>
    </row>
    <row r="337002" spans="8:8">
      <c r="H337002" s="12"/>
    </row>
    <row r="337003" spans="8:8">
      <c r="H337003" s="12"/>
    </row>
    <row r="337004" spans="8:8">
      <c r="H337004" s="12"/>
    </row>
    <row r="337005" spans="8:8">
      <c r="H337005" s="12"/>
    </row>
    <row r="337006" spans="8:8">
      <c r="H337006" s="12"/>
    </row>
    <row r="337007" spans="8:8">
      <c r="H337007" s="12"/>
    </row>
    <row r="337008" spans="8:8">
      <c r="H337008" s="12"/>
    </row>
    <row r="337009" spans="8:8">
      <c r="H337009" s="12"/>
    </row>
    <row r="337010" spans="8:8">
      <c r="H337010" s="12"/>
    </row>
    <row r="337011" spans="8:8">
      <c r="H337011" s="12"/>
    </row>
    <row r="337012" spans="8:8">
      <c r="H337012" s="12"/>
    </row>
    <row r="337013" spans="8:8">
      <c r="H337013" s="12"/>
    </row>
    <row r="337014" spans="8:8">
      <c r="H337014" s="12"/>
    </row>
    <row r="337015" spans="8:8">
      <c r="H337015" s="12"/>
    </row>
    <row r="337016" spans="8:8">
      <c r="H337016" s="12"/>
    </row>
    <row r="337017" spans="8:8">
      <c r="H337017" s="12"/>
    </row>
    <row r="337018" spans="8:8">
      <c r="H337018" s="12"/>
    </row>
    <row r="337019" spans="8:8">
      <c r="H337019" s="12"/>
    </row>
    <row r="337020" spans="8:8">
      <c r="H337020" s="12"/>
    </row>
    <row r="337021" spans="8:8">
      <c r="H337021" s="12"/>
    </row>
    <row r="337022" spans="8:8">
      <c r="H337022" s="12"/>
    </row>
    <row r="337023" spans="8:8">
      <c r="H337023" s="12"/>
    </row>
    <row r="337024" spans="8:8">
      <c r="H337024" s="12"/>
    </row>
    <row r="337025" spans="8:8">
      <c r="H337025" s="12"/>
    </row>
    <row r="337026" spans="8:8">
      <c r="H337026" s="12"/>
    </row>
    <row r="337027" spans="8:8">
      <c r="H337027" s="12"/>
    </row>
    <row r="337028" spans="8:8">
      <c r="H337028" s="12"/>
    </row>
    <row r="337029" spans="8:8">
      <c r="H337029" s="12"/>
    </row>
    <row r="337030" spans="8:8">
      <c r="H337030" s="12"/>
    </row>
    <row r="337031" spans="8:8">
      <c r="H337031" s="12"/>
    </row>
    <row r="337032" spans="8:8">
      <c r="H337032" s="12"/>
    </row>
    <row r="337033" spans="8:8">
      <c r="H337033" s="12"/>
    </row>
    <row r="337034" spans="8:8">
      <c r="H337034" s="12"/>
    </row>
    <row r="337035" spans="8:8">
      <c r="H337035" s="12"/>
    </row>
    <row r="337036" spans="8:8">
      <c r="H337036" s="12"/>
    </row>
    <row r="337037" spans="8:8">
      <c r="H337037" s="12"/>
    </row>
    <row r="337038" spans="8:8">
      <c r="H337038" s="12"/>
    </row>
    <row r="337039" spans="8:8">
      <c r="H337039" s="12"/>
    </row>
    <row r="337040" spans="8:8">
      <c r="H337040" s="12"/>
    </row>
    <row r="337041" spans="8:8">
      <c r="H337041" s="12"/>
    </row>
    <row r="337042" spans="8:8">
      <c r="H337042" s="12"/>
    </row>
    <row r="337043" spans="8:8">
      <c r="H337043" s="12"/>
    </row>
    <row r="337044" spans="8:8">
      <c r="H337044" s="12"/>
    </row>
    <row r="337045" spans="8:8">
      <c r="H337045" s="12"/>
    </row>
    <row r="337046" spans="8:8">
      <c r="H337046" s="12"/>
    </row>
    <row r="337047" spans="8:8">
      <c r="H337047" s="12"/>
    </row>
    <row r="337048" spans="8:8">
      <c r="H337048" s="12"/>
    </row>
    <row r="337049" spans="8:8">
      <c r="H337049" s="12"/>
    </row>
    <row r="337050" spans="8:8">
      <c r="H337050" s="12"/>
    </row>
    <row r="337051" spans="8:8">
      <c r="H337051" s="12"/>
    </row>
    <row r="337052" spans="8:8">
      <c r="H337052" s="12"/>
    </row>
    <row r="337053" spans="8:8">
      <c r="H337053" s="12"/>
    </row>
    <row r="337054" spans="8:8">
      <c r="H337054" s="12"/>
    </row>
    <row r="337055" spans="8:8">
      <c r="H337055" s="12"/>
    </row>
    <row r="337056" spans="8:8">
      <c r="H337056" s="12"/>
    </row>
    <row r="337057" spans="8:8">
      <c r="H337057" s="12"/>
    </row>
    <row r="337058" spans="8:8">
      <c r="H337058" s="12"/>
    </row>
    <row r="337059" spans="8:8">
      <c r="H337059" s="12"/>
    </row>
    <row r="337060" spans="8:8">
      <c r="H337060" s="12"/>
    </row>
    <row r="337061" spans="8:8">
      <c r="H337061" s="12"/>
    </row>
    <row r="337062" spans="8:8">
      <c r="H337062" s="12"/>
    </row>
    <row r="337063" spans="8:8">
      <c r="H337063" s="12"/>
    </row>
    <row r="337064" spans="8:8">
      <c r="H337064" s="12"/>
    </row>
    <row r="337065" spans="8:8">
      <c r="H337065" s="12"/>
    </row>
    <row r="337066" spans="8:8">
      <c r="H337066" s="12"/>
    </row>
    <row r="337067" spans="8:8">
      <c r="H337067" s="12"/>
    </row>
    <row r="337068" spans="8:8">
      <c r="H337068" s="12"/>
    </row>
    <row r="337069" spans="8:8">
      <c r="H337069" s="12"/>
    </row>
    <row r="337070" spans="8:8">
      <c r="H337070" s="12"/>
    </row>
    <row r="337071" spans="8:8">
      <c r="H337071" s="12"/>
    </row>
    <row r="337072" spans="8:8">
      <c r="H337072" s="12"/>
    </row>
    <row r="337073" spans="8:8">
      <c r="H337073" s="12"/>
    </row>
    <row r="337074" spans="8:8">
      <c r="H337074" s="12"/>
    </row>
    <row r="337075" spans="8:8">
      <c r="H337075" s="12"/>
    </row>
    <row r="337076" spans="8:8">
      <c r="H337076" s="12"/>
    </row>
    <row r="337077" spans="8:8">
      <c r="H337077" s="12"/>
    </row>
    <row r="337078" spans="8:8">
      <c r="H337078" s="12"/>
    </row>
    <row r="337079" spans="8:8">
      <c r="H337079" s="12"/>
    </row>
    <row r="337080" spans="8:8">
      <c r="H337080" s="12"/>
    </row>
    <row r="337081" spans="8:8">
      <c r="H337081" s="12"/>
    </row>
    <row r="337082" spans="8:8">
      <c r="H337082" s="12"/>
    </row>
    <row r="337083" spans="8:8">
      <c r="H337083" s="12"/>
    </row>
    <row r="337084" spans="8:8">
      <c r="H337084" s="12"/>
    </row>
    <row r="337085" spans="8:8">
      <c r="H337085" s="12"/>
    </row>
    <row r="337086" spans="8:8">
      <c r="H337086" s="12"/>
    </row>
    <row r="337087" spans="8:8">
      <c r="H337087" s="12"/>
    </row>
    <row r="337088" spans="8:8">
      <c r="H337088" s="12"/>
    </row>
    <row r="337089" spans="8:8">
      <c r="H337089" s="12"/>
    </row>
    <row r="337090" spans="8:8">
      <c r="H337090" s="12"/>
    </row>
    <row r="337091" spans="8:8">
      <c r="H337091" s="12"/>
    </row>
    <row r="337092" spans="8:8">
      <c r="H337092" s="12"/>
    </row>
    <row r="337093" spans="8:8">
      <c r="H337093" s="12"/>
    </row>
    <row r="337094" spans="8:8">
      <c r="H337094" s="12"/>
    </row>
    <row r="337095" spans="8:8">
      <c r="H337095" s="12"/>
    </row>
    <row r="337096" spans="8:8">
      <c r="H337096" s="12"/>
    </row>
    <row r="337097" spans="8:8">
      <c r="H337097" s="12"/>
    </row>
    <row r="337098" spans="8:8">
      <c r="H337098" s="12"/>
    </row>
    <row r="337099" spans="8:8">
      <c r="H337099" s="12"/>
    </row>
    <row r="337100" spans="8:8">
      <c r="H337100" s="12"/>
    </row>
    <row r="337101" spans="8:8">
      <c r="H337101" s="12"/>
    </row>
    <row r="337102" spans="8:8">
      <c r="H337102" s="12"/>
    </row>
    <row r="337103" spans="8:8">
      <c r="H337103" s="12"/>
    </row>
    <row r="337104" spans="8:8">
      <c r="H337104" s="12"/>
    </row>
    <row r="337105" spans="8:8">
      <c r="H337105" s="12"/>
    </row>
    <row r="337106" spans="8:8">
      <c r="H337106" s="12"/>
    </row>
    <row r="337107" spans="8:8">
      <c r="H337107" s="12"/>
    </row>
    <row r="337108" spans="8:8">
      <c r="H337108" s="12"/>
    </row>
    <row r="337109" spans="8:8">
      <c r="H337109" s="12"/>
    </row>
    <row r="337110" spans="8:8">
      <c r="H337110" s="12"/>
    </row>
    <row r="337111" spans="8:8">
      <c r="H337111" s="12"/>
    </row>
    <row r="337112" spans="8:8">
      <c r="H337112" s="12"/>
    </row>
    <row r="337113" spans="8:8">
      <c r="H337113" s="12"/>
    </row>
    <row r="337114" spans="8:8">
      <c r="H337114" s="12"/>
    </row>
    <row r="337115" spans="8:8">
      <c r="H337115" s="12"/>
    </row>
    <row r="337116" spans="8:8">
      <c r="H337116" s="12"/>
    </row>
    <row r="337117" spans="8:8">
      <c r="H337117" s="12"/>
    </row>
    <row r="337118" spans="8:8">
      <c r="H337118" s="12"/>
    </row>
    <row r="337119" spans="8:8">
      <c r="H337119" s="12"/>
    </row>
    <row r="337120" spans="8:8">
      <c r="H337120" s="12"/>
    </row>
    <row r="337121" spans="8:8">
      <c r="H337121" s="12"/>
    </row>
    <row r="337122" spans="8:8">
      <c r="H337122" s="12"/>
    </row>
    <row r="337123" spans="8:8">
      <c r="H337123" s="12"/>
    </row>
    <row r="337124" spans="8:8">
      <c r="H337124" s="12"/>
    </row>
    <row r="337125" spans="8:8">
      <c r="H337125" s="12"/>
    </row>
    <row r="337126" spans="8:8">
      <c r="H337126" s="12"/>
    </row>
    <row r="337127" spans="8:8">
      <c r="H337127" s="12"/>
    </row>
    <row r="337128" spans="8:8">
      <c r="H337128" s="12"/>
    </row>
    <row r="337129" spans="8:8">
      <c r="H337129" s="12"/>
    </row>
    <row r="337130" spans="8:8">
      <c r="H337130" s="12"/>
    </row>
    <row r="337131" spans="8:8">
      <c r="H337131" s="12"/>
    </row>
    <row r="337132" spans="8:8">
      <c r="H337132" s="12"/>
    </row>
    <row r="337133" spans="8:8">
      <c r="H337133" s="12"/>
    </row>
    <row r="337134" spans="8:8">
      <c r="H337134" s="12"/>
    </row>
    <row r="337135" spans="8:8">
      <c r="H337135" s="12"/>
    </row>
    <row r="337136" spans="8:8">
      <c r="H337136" s="12"/>
    </row>
    <row r="337137" spans="8:8">
      <c r="H337137" s="12"/>
    </row>
    <row r="337138" spans="8:8">
      <c r="H337138" s="12"/>
    </row>
    <row r="337139" spans="8:8">
      <c r="H337139" s="12"/>
    </row>
    <row r="337140" spans="8:8">
      <c r="H337140" s="12"/>
    </row>
    <row r="337141" spans="8:8">
      <c r="H337141" s="12"/>
    </row>
    <row r="337142" spans="8:8">
      <c r="H337142" s="12"/>
    </row>
    <row r="337143" spans="8:8">
      <c r="H337143" s="12"/>
    </row>
    <row r="337144" spans="8:8">
      <c r="H337144" s="12"/>
    </row>
    <row r="337145" spans="8:8">
      <c r="H337145" s="12"/>
    </row>
    <row r="337146" spans="8:8">
      <c r="H337146" s="12"/>
    </row>
    <row r="337147" spans="8:8">
      <c r="H337147" s="12"/>
    </row>
    <row r="337148" spans="8:8">
      <c r="H337148" s="12"/>
    </row>
    <row r="337149" spans="8:8">
      <c r="H337149" s="12"/>
    </row>
    <row r="337150" spans="8:8">
      <c r="H337150" s="12"/>
    </row>
    <row r="337151" spans="8:8">
      <c r="H337151" s="12"/>
    </row>
    <row r="337152" spans="8:8">
      <c r="H337152" s="12"/>
    </row>
    <row r="337153" spans="8:8">
      <c r="H337153" s="12"/>
    </row>
    <row r="337154" spans="8:8">
      <c r="H337154" s="12"/>
    </row>
    <row r="337155" spans="8:8">
      <c r="H337155" s="12"/>
    </row>
    <row r="337156" spans="8:8">
      <c r="H337156" s="12"/>
    </row>
    <row r="337157" spans="8:8">
      <c r="H337157" s="12"/>
    </row>
    <row r="337158" spans="8:8">
      <c r="H337158" s="12"/>
    </row>
    <row r="337159" spans="8:8">
      <c r="H337159" s="12"/>
    </row>
    <row r="337160" spans="8:8">
      <c r="H337160" s="12"/>
    </row>
    <row r="337161" spans="8:8">
      <c r="H337161" s="12"/>
    </row>
    <row r="337162" spans="8:8">
      <c r="H337162" s="12"/>
    </row>
    <row r="337163" spans="8:8">
      <c r="H337163" s="12"/>
    </row>
    <row r="337164" spans="8:8">
      <c r="H337164" s="12"/>
    </row>
    <row r="337165" spans="8:8">
      <c r="H337165" s="12"/>
    </row>
    <row r="337166" spans="8:8">
      <c r="H337166" s="12"/>
    </row>
    <row r="337167" spans="8:8">
      <c r="H337167" s="12"/>
    </row>
    <row r="337168" spans="8:8">
      <c r="H337168" s="12"/>
    </row>
    <row r="337169" spans="8:8">
      <c r="H337169" s="12"/>
    </row>
    <row r="337170" spans="8:8">
      <c r="H337170" s="12"/>
    </row>
    <row r="337171" spans="8:8">
      <c r="H337171" s="12"/>
    </row>
    <row r="337172" spans="8:8">
      <c r="H337172" s="12"/>
    </row>
    <row r="337173" spans="8:8">
      <c r="H337173" s="12"/>
    </row>
    <row r="337174" spans="8:8">
      <c r="H337174" s="12"/>
    </row>
    <row r="337175" spans="8:8">
      <c r="H337175" s="12"/>
    </row>
    <row r="337176" spans="8:8">
      <c r="H337176" s="12"/>
    </row>
    <row r="337177" spans="8:8">
      <c r="H337177" s="12"/>
    </row>
    <row r="337178" spans="8:8">
      <c r="H337178" s="12"/>
    </row>
    <row r="337179" spans="8:8">
      <c r="H337179" s="12"/>
    </row>
    <row r="337180" spans="8:8">
      <c r="H337180" s="12"/>
    </row>
    <row r="337181" spans="8:8">
      <c r="H337181" s="12"/>
    </row>
    <row r="337182" spans="8:8">
      <c r="H337182" s="12"/>
    </row>
    <row r="337183" spans="8:8">
      <c r="H337183" s="12"/>
    </row>
    <row r="337184" spans="8:8">
      <c r="H337184" s="12"/>
    </row>
    <row r="337185" spans="8:8">
      <c r="H337185" s="12"/>
    </row>
    <row r="337186" spans="8:8">
      <c r="H337186" s="12"/>
    </row>
    <row r="337187" spans="8:8">
      <c r="H337187" s="12"/>
    </row>
    <row r="337188" spans="8:8">
      <c r="H337188" s="12"/>
    </row>
    <row r="337189" spans="8:8">
      <c r="H337189" s="12"/>
    </row>
    <row r="337190" spans="8:8">
      <c r="H337190" s="12"/>
    </row>
    <row r="337191" spans="8:8">
      <c r="H337191" s="12"/>
    </row>
    <row r="337192" spans="8:8">
      <c r="H337192" s="12"/>
    </row>
    <row r="337193" spans="8:8">
      <c r="H337193" s="12"/>
    </row>
    <row r="337194" spans="8:8">
      <c r="H337194" s="12"/>
    </row>
    <row r="337195" spans="8:8">
      <c r="H337195" s="12"/>
    </row>
    <row r="337196" spans="8:8">
      <c r="H337196" s="12"/>
    </row>
    <row r="337197" spans="8:8">
      <c r="H337197" s="12"/>
    </row>
    <row r="337198" spans="8:8">
      <c r="H337198" s="12"/>
    </row>
    <row r="337199" spans="8:8">
      <c r="H337199" s="12"/>
    </row>
    <row r="337200" spans="8:8">
      <c r="H337200" s="12"/>
    </row>
    <row r="337201" spans="8:8">
      <c r="H337201" s="12"/>
    </row>
    <row r="337202" spans="8:8">
      <c r="H337202" s="12"/>
    </row>
    <row r="337203" spans="8:8">
      <c r="H337203" s="12"/>
    </row>
    <row r="337204" spans="8:8">
      <c r="H337204" s="12"/>
    </row>
    <row r="337205" spans="8:8">
      <c r="H337205" s="12"/>
    </row>
    <row r="337206" spans="8:8">
      <c r="H337206" s="12"/>
    </row>
    <row r="337207" spans="8:8">
      <c r="H337207" s="12"/>
    </row>
    <row r="337208" spans="8:8">
      <c r="H337208" s="12"/>
    </row>
    <row r="337209" spans="8:8">
      <c r="H337209" s="12"/>
    </row>
    <row r="337210" spans="8:8">
      <c r="H337210" s="12"/>
    </row>
    <row r="337211" spans="8:8">
      <c r="H337211" s="12"/>
    </row>
    <row r="337212" spans="8:8">
      <c r="H337212" s="12"/>
    </row>
    <row r="337213" spans="8:8">
      <c r="H337213" s="12"/>
    </row>
    <row r="337214" spans="8:8">
      <c r="H337214" s="12"/>
    </row>
    <row r="337215" spans="8:8">
      <c r="H337215" s="12"/>
    </row>
    <row r="337216" spans="8:8">
      <c r="H337216" s="12"/>
    </row>
    <row r="337217" spans="8:8">
      <c r="H337217" s="12"/>
    </row>
    <row r="337218" spans="8:8">
      <c r="H337218" s="12"/>
    </row>
    <row r="337219" spans="8:8">
      <c r="H337219" s="12"/>
    </row>
    <row r="337220" spans="8:8">
      <c r="H337220" s="12"/>
    </row>
    <row r="337221" spans="8:8">
      <c r="H337221" s="12"/>
    </row>
    <row r="337222" spans="8:8">
      <c r="H337222" s="12"/>
    </row>
    <row r="337223" spans="8:8">
      <c r="H337223" s="12"/>
    </row>
    <row r="337224" spans="8:8">
      <c r="H337224" s="12"/>
    </row>
    <row r="337225" spans="8:8">
      <c r="H337225" s="12"/>
    </row>
    <row r="337226" spans="8:8">
      <c r="H337226" s="12"/>
    </row>
    <row r="337227" spans="8:8">
      <c r="H337227" s="12"/>
    </row>
    <row r="337228" spans="8:8">
      <c r="H337228" s="12"/>
    </row>
    <row r="337229" spans="8:8">
      <c r="H337229" s="12"/>
    </row>
    <row r="337230" spans="8:8">
      <c r="H337230" s="12"/>
    </row>
    <row r="337231" spans="8:8">
      <c r="H337231" s="12"/>
    </row>
    <row r="337232" spans="8:8">
      <c r="H337232" s="12"/>
    </row>
    <row r="337233" spans="8:8">
      <c r="H337233" s="12"/>
    </row>
    <row r="337234" spans="8:8">
      <c r="H337234" s="12"/>
    </row>
    <row r="337235" spans="8:8">
      <c r="H337235" s="12"/>
    </row>
    <row r="337236" spans="8:8">
      <c r="H337236" s="12"/>
    </row>
    <row r="337237" spans="8:8">
      <c r="H337237" s="12"/>
    </row>
    <row r="337238" spans="8:8">
      <c r="H337238" s="12"/>
    </row>
    <row r="337239" spans="8:8">
      <c r="H337239" s="12"/>
    </row>
    <row r="337240" spans="8:8">
      <c r="H337240" s="12"/>
    </row>
    <row r="337241" spans="8:8">
      <c r="H337241" s="12"/>
    </row>
    <row r="337242" spans="8:8">
      <c r="H337242" s="12"/>
    </row>
    <row r="337243" spans="8:8">
      <c r="H337243" s="12"/>
    </row>
    <row r="337244" spans="8:8">
      <c r="H337244" s="12"/>
    </row>
    <row r="337245" spans="8:8">
      <c r="H337245" s="12"/>
    </row>
    <row r="337246" spans="8:8">
      <c r="H337246" s="12"/>
    </row>
    <row r="337247" spans="8:8">
      <c r="H337247" s="12"/>
    </row>
    <row r="337248" spans="8:8">
      <c r="H337248" s="12"/>
    </row>
    <row r="337249" spans="8:8">
      <c r="H337249" s="12"/>
    </row>
    <row r="337250" spans="8:8">
      <c r="H337250" s="12"/>
    </row>
    <row r="337251" spans="8:8">
      <c r="H337251" s="12"/>
    </row>
    <row r="337252" spans="8:8">
      <c r="H337252" s="12"/>
    </row>
    <row r="337253" spans="8:8">
      <c r="H337253" s="12"/>
    </row>
    <row r="337254" spans="8:8">
      <c r="H337254" s="12"/>
    </row>
    <row r="337255" spans="8:8">
      <c r="H337255" s="12"/>
    </row>
    <row r="337256" spans="8:8">
      <c r="H337256" s="12"/>
    </row>
    <row r="337257" spans="8:8">
      <c r="H337257" s="12"/>
    </row>
    <row r="337258" spans="8:8">
      <c r="H337258" s="12"/>
    </row>
    <row r="337259" spans="8:8">
      <c r="H337259" s="12"/>
    </row>
    <row r="337260" spans="8:8">
      <c r="H337260" s="12"/>
    </row>
    <row r="337261" spans="8:8">
      <c r="H337261" s="12"/>
    </row>
    <row r="337262" spans="8:8">
      <c r="H337262" s="12"/>
    </row>
    <row r="337263" spans="8:8">
      <c r="H337263" s="12"/>
    </row>
    <row r="337264" spans="8:8">
      <c r="H337264" s="12"/>
    </row>
    <row r="337265" spans="8:8">
      <c r="H337265" s="12"/>
    </row>
    <row r="337266" spans="8:8">
      <c r="H337266" s="12"/>
    </row>
    <row r="337267" spans="8:8">
      <c r="H337267" s="12"/>
    </row>
    <row r="337268" spans="8:8">
      <c r="H337268" s="12"/>
    </row>
    <row r="337269" spans="8:8">
      <c r="H337269" s="12"/>
    </row>
    <row r="337270" spans="8:8">
      <c r="H337270" s="12"/>
    </row>
    <row r="337271" spans="8:8">
      <c r="H337271" s="12"/>
    </row>
    <row r="337272" spans="8:8">
      <c r="H337272" s="12"/>
    </row>
    <row r="337273" spans="8:8">
      <c r="H337273" s="12"/>
    </row>
    <row r="337274" spans="8:8">
      <c r="H337274" s="12"/>
    </row>
    <row r="337275" spans="8:8">
      <c r="H337275" s="12"/>
    </row>
    <row r="337276" spans="8:8">
      <c r="H337276" s="12"/>
    </row>
    <row r="337277" spans="8:8">
      <c r="H337277" s="12"/>
    </row>
    <row r="337278" spans="8:8">
      <c r="H337278" s="12"/>
    </row>
    <row r="337279" spans="8:8">
      <c r="H337279" s="12"/>
    </row>
    <row r="337280" spans="8:8">
      <c r="H337280" s="12"/>
    </row>
    <row r="337281" spans="8:8">
      <c r="H337281" s="12"/>
    </row>
    <row r="337282" spans="8:8">
      <c r="H337282" s="12"/>
    </row>
    <row r="337283" spans="8:8">
      <c r="H337283" s="12"/>
    </row>
    <row r="337284" spans="8:8">
      <c r="H337284" s="12"/>
    </row>
    <row r="337285" spans="8:8">
      <c r="H337285" s="12"/>
    </row>
    <row r="337286" spans="8:8">
      <c r="H337286" s="12"/>
    </row>
    <row r="337287" spans="8:8">
      <c r="H337287" s="12"/>
    </row>
    <row r="337288" spans="8:8">
      <c r="H337288" s="12"/>
    </row>
    <row r="337289" spans="8:8">
      <c r="H337289" s="12"/>
    </row>
    <row r="337290" spans="8:8">
      <c r="H337290" s="12"/>
    </row>
    <row r="337291" spans="8:8">
      <c r="H337291" s="12"/>
    </row>
    <row r="337292" spans="8:8">
      <c r="H337292" s="12"/>
    </row>
    <row r="337293" spans="8:8">
      <c r="H337293" s="12"/>
    </row>
    <row r="337294" spans="8:8">
      <c r="H337294" s="12"/>
    </row>
    <row r="337295" spans="8:8">
      <c r="H337295" s="12"/>
    </row>
    <row r="337296" spans="8:8">
      <c r="H337296" s="12"/>
    </row>
    <row r="337297" spans="8:8">
      <c r="H337297" s="12"/>
    </row>
    <row r="337298" spans="8:8">
      <c r="H337298" s="12"/>
    </row>
    <row r="337299" spans="8:8">
      <c r="H337299" s="12"/>
    </row>
    <row r="337300" spans="8:8">
      <c r="H337300" s="12"/>
    </row>
    <row r="337301" spans="8:8">
      <c r="H337301" s="12"/>
    </row>
    <row r="337302" spans="8:8">
      <c r="H337302" s="12"/>
    </row>
    <row r="337303" spans="8:8">
      <c r="H337303" s="12"/>
    </row>
    <row r="337304" spans="8:8">
      <c r="H337304" s="12"/>
    </row>
    <row r="337305" spans="8:8">
      <c r="H337305" s="12"/>
    </row>
    <row r="337306" spans="8:8">
      <c r="H337306" s="12"/>
    </row>
    <row r="337307" spans="8:8">
      <c r="H337307" s="12"/>
    </row>
    <row r="337308" spans="8:8">
      <c r="H337308" s="12"/>
    </row>
    <row r="337309" spans="8:8">
      <c r="H337309" s="12"/>
    </row>
    <row r="337310" spans="8:8">
      <c r="H337310" s="12"/>
    </row>
    <row r="337311" spans="8:8">
      <c r="H337311" s="12"/>
    </row>
    <row r="337312" spans="8:8">
      <c r="H337312" s="12"/>
    </row>
    <row r="337313" spans="8:8">
      <c r="H337313" s="12"/>
    </row>
    <row r="337314" spans="8:8">
      <c r="H337314" s="12"/>
    </row>
    <row r="337315" spans="8:8">
      <c r="H337315" s="12"/>
    </row>
    <row r="337316" spans="8:8">
      <c r="H337316" s="12"/>
    </row>
    <row r="337317" spans="8:8">
      <c r="H337317" s="12"/>
    </row>
    <row r="337318" spans="8:8">
      <c r="H337318" s="12"/>
    </row>
    <row r="337319" spans="8:8">
      <c r="H337319" s="12"/>
    </row>
    <row r="337320" spans="8:8">
      <c r="H337320" s="12"/>
    </row>
    <row r="337321" spans="8:8">
      <c r="H337321" s="12"/>
    </row>
    <row r="337322" spans="8:8">
      <c r="H337322" s="12"/>
    </row>
    <row r="337323" spans="8:8">
      <c r="H337323" s="12"/>
    </row>
    <row r="337324" spans="8:8">
      <c r="H337324" s="12"/>
    </row>
    <row r="337325" spans="8:8">
      <c r="H337325" s="12"/>
    </row>
    <row r="337326" spans="8:8">
      <c r="H337326" s="12"/>
    </row>
    <row r="337327" spans="8:8">
      <c r="H337327" s="12"/>
    </row>
    <row r="337328" spans="8:8">
      <c r="H337328" s="12"/>
    </row>
    <row r="337329" spans="8:8">
      <c r="H337329" s="12"/>
    </row>
    <row r="337330" spans="8:8">
      <c r="H337330" s="12"/>
    </row>
    <row r="337331" spans="8:8">
      <c r="H337331" s="12"/>
    </row>
    <row r="337332" spans="8:8">
      <c r="H337332" s="12"/>
    </row>
    <row r="337333" spans="8:8">
      <c r="H337333" s="12"/>
    </row>
    <row r="337334" spans="8:8">
      <c r="H337334" s="12"/>
    </row>
    <row r="337335" spans="8:8">
      <c r="H337335" s="12"/>
    </row>
    <row r="337336" spans="8:8">
      <c r="H337336" s="12"/>
    </row>
    <row r="337337" spans="8:8">
      <c r="H337337" s="12"/>
    </row>
    <row r="337338" spans="8:8">
      <c r="H337338" s="12"/>
    </row>
    <row r="337339" spans="8:8">
      <c r="H337339" s="12"/>
    </row>
    <row r="337340" spans="8:8">
      <c r="H337340" s="12"/>
    </row>
    <row r="337341" spans="8:8">
      <c r="H337341" s="12"/>
    </row>
    <row r="337342" spans="8:8">
      <c r="H337342" s="12"/>
    </row>
    <row r="337343" spans="8:8">
      <c r="H337343" s="12"/>
    </row>
    <row r="337344" spans="8:8">
      <c r="H337344" s="12"/>
    </row>
    <row r="337345" spans="8:8">
      <c r="H337345" s="12"/>
    </row>
    <row r="337346" spans="8:8">
      <c r="H337346" s="12"/>
    </row>
    <row r="337347" spans="8:8">
      <c r="H337347" s="12"/>
    </row>
    <row r="337348" spans="8:8">
      <c r="H337348" s="12"/>
    </row>
    <row r="337349" spans="8:8">
      <c r="H337349" s="12"/>
    </row>
    <row r="337350" spans="8:8">
      <c r="H337350" s="12"/>
    </row>
    <row r="337351" spans="8:8">
      <c r="H337351" s="12"/>
    </row>
    <row r="337352" spans="8:8">
      <c r="H337352" s="12"/>
    </row>
    <row r="337353" spans="8:8">
      <c r="H337353" s="12"/>
    </row>
    <row r="337354" spans="8:8">
      <c r="H337354" s="12"/>
    </row>
    <row r="337355" spans="8:8">
      <c r="H337355" s="12"/>
    </row>
    <row r="337356" spans="8:8">
      <c r="H337356" s="12"/>
    </row>
    <row r="337357" spans="8:8">
      <c r="H337357" s="12"/>
    </row>
    <row r="337358" spans="8:8">
      <c r="H337358" s="12"/>
    </row>
    <row r="337359" spans="8:8">
      <c r="H337359" s="12"/>
    </row>
    <row r="337360" spans="8:8">
      <c r="H337360" s="12"/>
    </row>
    <row r="337361" spans="8:8">
      <c r="H337361" s="12"/>
    </row>
    <row r="337362" spans="8:8">
      <c r="H337362" s="12"/>
    </row>
    <row r="337363" spans="8:8">
      <c r="H337363" s="12"/>
    </row>
    <row r="337364" spans="8:8">
      <c r="H337364" s="12"/>
    </row>
    <row r="337365" spans="8:8">
      <c r="H337365" s="12"/>
    </row>
    <row r="337366" spans="8:8">
      <c r="H337366" s="12"/>
    </row>
    <row r="337367" spans="8:8">
      <c r="H337367" s="12"/>
    </row>
    <row r="337368" spans="8:8">
      <c r="H337368" s="12"/>
    </row>
    <row r="337369" spans="8:8">
      <c r="H337369" s="12"/>
    </row>
    <row r="337370" spans="8:8">
      <c r="H337370" s="12"/>
    </row>
    <row r="337371" spans="8:8">
      <c r="H337371" s="12"/>
    </row>
    <row r="337372" spans="8:8">
      <c r="H337372" s="12"/>
    </row>
    <row r="337373" spans="8:8">
      <c r="H337373" s="12"/>
    </row>
    <row r="337374" spans="8:8">
      <c r="H337374" s="12"/>
    </row>
    <row r="337375" spans="8:8">
      <c r="H337375" s="12"/>
    </row>
    <row r="337376" spans="8:8">
      <c r="H337376" s="12"/>
    </row>
    <row r="337377" spans="8:8">
      <c r="H337377" s="12"/>
    </row>
    <row r="337378" spans="8:8">
      <c r="H337378" s="12"/>
    </row>
    <row r="337379" spans="8:8">
      <c r="H337379" s="12"/>
    </row>
    <row r="337380" spans="8:8">
      <c r="H337380" s="12"/>
    </row>
    <row r="337381" spans="8:8">
      <c r="H337381" s="12"/>
    </row>
    <row r="337382" spans="8:8">
      <c r="H337382" s="12"/>
    </row>
    <row r="337383" spans="8:8">
      <c r="H337383" s="12"/>
    </row>
    <row r="337384" spans="8:8">
      <c r="H337384" s="12"/>
    </row>
    <row r="337385" spans="8:8">
      <c r="H337385" s="12"/>
    </row>
    <row r="337386" spans="8:8">
      <c r="H337386" s="12"/>
    </row>
    <row r="337387" spans="8:8">
      <c r="H337387" s="12"/>
    </row>
    <row r="337388" spans="8:8">
      <c r="H337388" s="12"/>
    </row>
    <row r="337389" spans="8:8">
      <c r="H337389" s="12"/>
    </row>
    <row r="337390" spans="8:8">
      <c r="H337390" s="12"/>
    </row>
    <row r="337391" spans="8:8">
      <c r="H337391" s="12"/>
    </row>
    <row r="337392" spans="8:8">
      <c r="H337392" s="12"/>
    </row>
    <row r="337393" spans="8:8">
      <c r="H337393" s="12"/>
    </row>
    <row r="337394" spans="8:8">
      <c r="H337394" s="12"/>
    </row>
    <row r="337395" spans="8:8">
      <c r="H337395" s="12"/>
    </row>
    <row r="337396" spans="8:8">
      <c r="H337396" s="12"/>
    </row>
    <row r="337397" spans="8:8">
      <c r="H337397" s="12"/>
    </row>
    <row r="337398" spans="8:8">
      <c r="H337398" s="12"/>
    </row>
    <row r="337399" spans="8:8">
      <c r="H337399" s="12"/>
    </row>
    <row r="337400" spans="8:8">
      <c r="H337400" s="12"/>
    </row>
    <row r="337401" spans="8:8">
      <c r="H337401" s="12"/>
    </row>
    <row r="337402" spans="8:8">
      <c r="H337402" s="12"/>
    </row>
    <row r="337403" spans="8:8">
      <c r="H337403" s="12"/>
    </row>
    <row r="337404" spans="8:8">
      <c r="H337404" s="12"/>
    </row>
    <row r="337405" spans="8:8">
      <c r="H337405" s="12"/>
    </row>
    <row r="337406" spans="8:8">
      <c r="H337406" s="12"/>
    </row>
    <row r="337407" spans="8:8">
      <c r="H337407" s="12"/>
    </row>
    <row r="337408" spans="8:8">
      <c r="H337408" s="12"/>
    </row>
    <row r="337409" spans="8:8">
      <c r="H337409" s="12"/>
    </row>
    <row r="337410" spans="8:8">
      <c r="H337410" s="12"/>
    </row>
    <row r="337411" spans="8:8">
      <c r="H337411" s="12"/>
    </row>
    <row r="337412" spans="8:8">
      <c r="H337412" s="12"/>
    </row>
    <row r="337413" spans="8:8">
      <c r="H337413" s="12"/>
    </row>
    <row r="337414" spans="8:8">
      <c r="H337414" s="12"/>
    </row>
    <row r="337415" spans="8:8">
      <c r="H337415" s="12"/>
    </row>
    <row r="337416" spans="8:8">
      <c r="H337416" s="12"/>
    </row>
    <row r="337417" spans="8:8">
      <c r="H337417" s="12"/>
    </row>
    <row r="337418" spans="8:8">
      <c r="H337418" s="12"/>
    </row>
    <row r="337419" spans="8:8">
      <c r="H337419" s="12"/>
    </row>
    <row r="337420" spans="8:8">
      <c r="H337420" s="12"/>
    </row>
    <row r="337421" spans="8:8">
      <c r="H337421" s="12"/>
    </row>
    <row r="337422" spans="8:8">
      <c r="H337422" s="12"/>
    </row>
    <row r="337423" spans="8:8">
      <c r="H337423" s="12"/>
    </row>
    <row r="337424" spans="8:8">
      <c r="H337424" s="12"/>
    </row>
    <row r="337425" spans="8:8">
      <c r="H337425" s="12"/>
    </row>
    <row r="337426" spans="8:8">
      <c r="H337426" s="12"/>
    </row>
    <row r="337427" spans="8:8">
      <c r="H337427" s="12"/>
    </row>
    <row r="337428" spans="8:8">
      <c r="H337428" s="12"/>
    </row>
    <row r="337429" spans="8:8">
      <c r="H337429" s="12"/>
    </row>
    <row r="337430" spans="8:8">
      <c r="H337430" s="12"/>
    </row>
    <row r="337431" spans="8:8">
      <c r="H337431" s="12"/>
    </row>
    <row r="337432" spans="8:8">
      <c r="H337432" s="12"/>
    </row>
    <row r="337433" spans="8:8">
      <c r="H337433" s="12"/>
    </row>
    <row r="337434" spans="8:8">
      <c r="H337434" s="12"/>
    </row>
    <row r="337435" spans="8:8">
      <c r="H337435" s="12"/>
    </row>
    <row r="337436" spans="8:8">
      <c r="H337436" s="12"/>
    </row>
    <row r="337437" spans="8:8">
      <c r="H337437" s="12"/>
    </row>
    <row r="337438" spans="8:8">
      <c r="H337438" s="12"/>
    </row>
    <row r="337439" spans="8:8">
      <c r="H337439" s="12"/>
    </row>
    <row r="337440" spans="8:8">
      <c r="H337440" s="12"/>
    </row>
    <row r="337441" spans="8:8">
      <c r="H337441" s="12"/>
    </row>
    <row r="337442" spans="8:8">
      <c r="H337442" s="12"/>
    </row>
    <row r="337443" spans="8:8">
      <c r="H337443" s="12"/>
    </row>
    <row r="337444" spans="8:8">
      <c r="H337444" s="12"/>
    </row>
    <row r="337445" spans="8:8">
      <c r="H337445" s="12"/>
    </row>
    <row r="337446" spans="8:8">
      <c r="H337446" s="12"/>
    </row>
    <row r="337447" spans="8:8">
      <c r="H337447" s="12"/>
    </row>
    <row r="337448" spans="8:8">
      <c r="H337448" s="12"/>
    </row>
    <row r="337449" spans="8:8">
      <c r="H337449" s="12"/>
    </row>
    <row r="337450" spans="8:8">
      <c r="H337450" s="12"/>
    </row>
    <row r="337451" spans="8:8">
      <c r="H337451" s="12"/>
    </row>
    <row r="337452" spans="8:8">
      <c r="H337452" s="12"/>
    </row>
    <row r="337453" spans="8:8">
      <c r="H337453" s="12"/>
    </row>
    <row r="337454" spans="8:8">
      <c r="H337454" s="12"/>
    </row>
    <row r="337455" spans="8:8">
      <c r="H337455" s="12"/>
    </row>
    <row r="337456" spans="8:8">
      <c r="H337456" s="12"/>
    </row>
    <row r="337457" spans="8:8">
      <c r="H337457" s="12"/>
    </row>
    <row r="337458" spans="8:8">
      <c r="H337458" s="12"/>
    </row>
    <row r="337459" spans="8:8">
      <c r="H337459" s="12"/>
    </row>
    <row r="337460" spans="8:8">
      <c r="H337460" s="12"/>
    </row>
    <row r="337461" spans="8:8">
      <c r="H337461" s="12"/>
    </row>
    <row r="337462" spans="8:8">
      <c r="H337462" s="12"/>
    </row>
    <row r="337463" spans="8:8">
      <c r="H337463" s="12"/>
    </row>
    <row r="337464" spans="8:8">
      <c r="H337464" s="12"/>
    </row>
    <row r="337465" spans="8:8">
      <c r="H337465" s="12"/>
    </row>
    <row r="337466" spans="8:8">
      <c r="H337466" s="12"/>
    </row>
    <row r="337467" spans="8:8">
      <c r="H337467" s="12"/>
    </row>
    <row r="337468" spans="8:8">
      <c r="H337468" s="12"/>
    </row>
    <row r="337469" spans="8:8">
      <c r="H337469" s="12"/>
    </row>
    <row r="337470" spans="8:8">
      <c r="H337470" s="12"/>
    </row>
    <row r="337471" spans="8:8">
      <c r="H337471" s="12"/>
    </row>
    <row r="337472" spans="8:8">
      <c r="H337472" s="12"/>
    </row>
    <row r="337473" spans="8:8">
      <c r="H337473" s="12"/>
    </row>
    <row r="337474" spans="8:8">
      <c r="H337474" s="12"/>
    </row>
    <row r="337475" spans="8:8">
      <c r="H337475" s="12"/>
    </row>
    <row r="337476" spans="8:8">
      <c r="H337476" s="12"/>
    </row>
    <row r="337477" spans="8:8">
      <c r="H337477" s="12"/>
    </row>
    <row r="337478" spans="8:8">
      <c r="H337478" s="12"/>
    </row>
    <row r="337479" spans="8:8">
      <c r="H337479" s="12"/>
    </row>
    <row r="337480" spans="8:8">
      <c r="H337480" s="12"/>
    </row>
    <row r="337481" spans="8:8">
      <c r="H337481" s="12"/>
    </row>
    <row r="337482" spans="8:8">
      <c r="H337482" s="12"/>
    </row>
    <row r="337483" spans="8:8">
      <c r="H337483" s="12"/>
    </row>
    <row r="337484" spans="8:8">
      <c r="H337484" s="12"/>
    </row>
    <row r="337485" spans="8:8">
      <c r="H337485" s="12"/>
    </row>
    <row r="337486" spans="8:8">
      <c r="H337486" s="12"/>
    </row>
    <row r="337487" spans="8:8">
      <c r="H337487" s="12"/>
    </row>
    <row r="337488" spans="8:8">
      <c r="H337488" s="12"/>
    </row>
    <row r="337489" spans="8:8">
      <c r="H337489" s="12"/>
    </row>
    <row r="337490" spans="8:8">
      <c r="H337490" s="12"/>
    </row>
    <row r="337491" spans="8:8">
      <c r="H337491" s="12"/>
    </row>
    <row r="337492" spans="8:8">
      <c r="H337492" s="12"/>
    </row>
    <row r="337493" spans="8:8">
      <c r="H337493" s="12"/>
    </row>
    <row r="337494" spans="8:8">
      <c r="H337494" s="12"/>
    </row>
    <row r="337495" spans="8:8">
      <c r="H337495" s="12"/>
    </row>
    <row r="337496" spans="8:8">
      <c r="H337496" s="12"/>
    </row>
    <row r="337497" spans="8:8">
      <c r="H337497" s="12"/>
    </row>
    <row r="337498" spans="8:8">
      <c r="H337498" s="12"/>
    </row>
    <row r="337499" spans="8:8">
      <c r="H337499" s="12"/>
    </row>
    <row r="337500" spans="8:8">
      <c r="H337500" s="12"/>
    </row>
    <row r="337501" spans="8:8">
      <c r="H337501" s="12"/>
    </row>
    <row r="337502" spans="8:8">
      <c r="H337502" s="12"/>
    </row>
    <row r="337503" spans="8:8">
      <c r="H337503" s="12"/>
    </row>
    <row r="337504" spans="8:8">
      <c r="H337504" s="12"/>
    </row>
    <row r="337505" spans="8:8">
      <c r="H337505" s="12"/>
    </row>
    <row r="337506" spans="8:8">
      <c r="H337506" s="12"/>
    </row>
    <row r="337507" spans="8:8">
      <c r="H337507" s="12"/>
    </row>
    <row r="337508" spans="8:8">
      <c r="H337508" s="12"/>
    </row>
    <row r="337509" spans="8:8">
      <c r="H337509" s="12"/>
    </row>
    <row r="337510" spans="8:8">
      <c r="H337510" s="12"/>
    </row>
    <row r="337511" spans="8:8">
      <c r="H337511" s="12"/>
    </row>
    <row r="337512" spans="8:8">
      <c r="H337512" s="12"/>
    </row>
    <row r="337513" spans="8:8">
      <c r="H337513" s="12"/>
    </row>
    <row r="337514" spans="8:8">
      <c r="H337514" s="12"/>
    </row>
    <row r="337515" spans="8:8">
      <c r="H337515" s="12"/>
    </row>
    <row r="337516" spans="8:8">
      <c r="H337516" s="12"/>
    </row>
    <row r="337517" spans="8:8">
      <c r="H337517" s="12"/>
    </row>
    <row r="337518" spans="8:8">
      <c r="H337518" s="12"/>
    </row>
    <row r="337519" spans="8:8">
      <c r="H337519" s="12"/>
    </row>
    <row r="337520" spans="8:8">
      <c r="H337520" s="12"/>
    </row>
    <row r="337521" spans="8:8">
      <c r="H337521" s="12"/>
    </row>
    <row r="337522" spans="8:8">
      <c r="H337522" s="12"/>
    </row>
    <row r="337523" spans="8:8">
      <c r="H337523" s="12"/>
    </row>
    <row r="337524" spans="8:8">
      <c r="H337524" s="12"/>
    </row>
    <row r="337525" spans="8:8">
      <c r="H337525" s="12"/>
    </row>
    <row r="337526" spans="8:8">
      <c r="H337526" s="12"/>
    </row>
    <row r="337527" spans="8:8">
      <c r="H337527" s="12"/>
    </row>
    <row r="337528" spans="8:8">
      <c r="H337528" s="12"/>
    </row>
    <row r="337529" spans="8:8">
      <c r="H337529" s="12"/>
    </row>
    <row r="337530" spans="8:8">
      <c r="H337530" s="12"/>
    </row>
    <row r="337531" spans="8:8">
      <c r="H337531" s="12"/>
    </row>
    <row r="337532" spans="8:8">
      <c r="H337532" s="12"/>
    </row>
    <row r="337533" spans="8:8">
      <c r="H337533" s="12"/>
    </row>
    <row r="337534" spans="8:8">
      <c r="H337534" s="12"/>
    </row>
    <row r="337535" spans="8:8">
      <c r="H337535" s="12"/>
    </row>
    <row r="337536" spans="8:8">
      <c r="H337536" s="12"/>
    </row>
    <row r="337537" spans="8:8">
      <c r="H337537" s="12"/>
    </row>
    <row r="337538" spans="8:8">
      <c r="H337538" s="12"/>
    </row>
    <row r="337539" spans="8:8">
      <c r="H337539" s="12"/>
    </row>
    <row r="337540" spans="8:8">
      <c r="H337540" s="12"/>
    </row>
    <row r="337541" spans="8:8">
      <c r="H337541" s="12"/>
    </row>
    <row r="337542" spans="8:8">
      <c r="H337542" s="12"/>
    </row>
    <row r="337543" spans="8:8">
      <c r="H337543" s="12"/>
    </row>
    <row r="337544" spans="8:8">
      <c r="H337544" s="12"/>
    </row>
    <row r="337545" spans="8:8">
      <c r="H337545" s="12"/>
    </row>
    <row r="337546" spans="8:8">
      <c r="H337546" s="12"/>
    </row>
    <row r="337547" spans="8:8">
      <c r="H337547" s="12"/>
    </row>
    <row r="337548" spans="8:8">
      <c r="H337548" s="12"/>
    </row>
    <row r="337549" spans="8:8">
      <c r="H337549" s="12"/>
    </row>
    <row r="337550" spans="8:8">
      <c r="H337550" s="12"/>
    </row>
    <row r="337551" spans="8:8">
      <c r="H337551" s="12"/>
    </row>
    <row r="337552" spans="8:8">
      <c r="H337552" s="12"/>
    </row>
    <row r="337553" spans="8:8">
      <c r="H337553" s="12"/>
    </row>
    <row r="337554" spans="8:8">
      <c r="H337554" s="12"/>
    </row>
    <row r="337555" spans="8:8">
      <c r="H337555" s="12"/>
    </row>
    <row r="337556" spans="8:8">
      <c r="H337556" s="12"/>
    </row>
    <row r="337557" spans="8:8">
      <c r="H337557" s="12"/>
    </row>
    <row r="337558" spans="8:8">
      <c r="H337558" s="12"/>
    </row>
    <row r="337559" spans="8:8">
      <c r="H337559" s="12"/>
    </row>
    <row r="337560" spans="8:8">
      <c r="H337560" s="12"/>
    </row>
    <row r="337561" spans="8:8">
      <c r="H337561" s="12"/>
    </row>
    <row r="337562" spans="8:8">
      <c r="H337562" s="12"/>
    </row>
    <row r="337563" spans="8:8">
      <c r="H337563" s="12"/>
    </row>
    <row r="337564" spans="8:8">
      <c r="H337564" s="12"/>
    </row>
    <row r="337565" spans="8:8">
      <c r="H337565" s="12"/>
    </row>
    <row r="337566" spans="8:8">
      <c r="H337566" s="12"/>
    </row>
    <row r="337567" spans="8:8">
      <c r="H337567" s="12"/>
    </row>
    <row r="337568" spans="8:8">
      <c r="H337568" s="12"/>
    </row>
    <row r="337569" spans="8:8">
      <c r="H337569" s="12"/>
    </row>
    <row r="337570" spans="8:8">
      <c r="H337570" s="12"/>
    </row>
    <row r="337571" spans="8:8">
      <c r="H337571" s="12"/>
    </row>
    <row r="337572" spans="8:8">
      <c r="H337572" s="12"/>
    </row>
    <row r="337573" spans="8:8">
      <c r="H337573" s="12"/>
    </row>
    <row r="337574" spans="8:8">
      <c r="H337574" s="12"/>
    </row>
    <row r="337575" spans="8:8">
      <c r="H337575" s="12"/>
    </row>
    <row r="337576" spans="8:8">
      <c r="H337576" s="12"/>
    </row>
    <row r="337577" spans="8:8">
      <c r="H337577" s="12"/>
    </row>
    <row r="337578" spans="8:8">
      <c r="H337578" s="12"/>
    </row>
    <row r="337579" spans="8:8">
      <c r="H337579" s="12"/>
    </row>
    <row r="337580" spans="8:8">
      <c r="H337580" s="12"/>
    </row>
    <row r="337581" spans="8:8">
      <c r="H337581" s="12"/>
    </row>
    <row r="337582" spans="8:8">
      <c r="H337582" s="12"/>
    </row>
    <row r="337583" spans="8:8">
      <c r="H337583" s="12"/>
    </row>
    <row r="337584" spans="8:8">
      <c r="H337584" s="12"/>
    </row>
    <row r="337585" spans="8:8">
      <c r="H337585" s="12"/>
    </row>
    <row r="337586" spans="8:8">
      <c r="H337586" s="12"/>
    </row>
    <row r="337587" spans="8:8">
      <c r="H337587" s="12"/>
    </row>
    <row r="337588" spans="8:8">
      <c r="H337588" s="12"/>
    </row>
    <row r="337589" spans="8:8">
      <c r="H337589" s="12"/>
    </row>
    <row r="337590" spans="8:8">
      <c r="H337590" s="12"/>
    </row>
    <row r="337591" spans="8:8">
      <c r="H337591" s="12"/>
    </row>
    <row r="337592" spans="8:8">
      <c r="H337592" s="12"/>
    </row>
    <row r="337593" spans="8:8">
      <c r="H337593" s="12"/>
    </row>
    <row r="337594" spans="8:8">
      <c r="H337594" s="12"/>
    </row>
    <row r="337595" spans="8:8">
      <c r="H337595" s="12"/>
    </row>
    <row r="337596" spans="8:8">
      <c r="H337596" s="12"/>
    </row>
    <row r="337597" spans="8:8">
      <c r="H337597" s="12"/>
    </row>
    <row r="337598" spans="8:8">
      <c r="H337598" s="12"/>
    </row>
    <row r="337599" spans="8:8">
      <c r="H337599" s="12"/>
    </row>
    <row r="337600" spans="8:8">
      <c r="H337600" s="12"/>
    </row>
    <row r="337601" spans="8:8">
      <c r="H337601" s="12"/>
    </row>
    <row r="337602" spans="8:8">
      <c r="H337602" s="12"/>
    </row>
    <row r="337603" spans="8:8">
      <c r="H337603" s="12"/>
    </row>
    <row r="337604" spans="8:8">
      <c r="H337604" s="12"/>
    </row>
    <row r="337605" spans="8:8">
      <c r="H337605" s="12"/>
    </row>
    <row r="337606" spans="8:8">
      <c r="H337606" s="12"/>
    </row>
    <row r="337607" spans="8:8">
      <c r="H337607" s="12"/>
    </row>
    <row r="337608" spans="8:8">
      <c r="H337608" s="12"/>
    </row>
    <row r="337609" spans="8:8">
      <c r="H337609" s="12"/>
    </row>
    <row r="337610" spans="8:8">
      <c r="H337610" s="12"/>
    </row>
    <row r="337611" spans="8:8">
      <c r="H337611" s="12"/>
    </row>
    <row r="337612" spans="8:8">
      <c r="H337612" s="12"/>
    </row>
    <row r="337613" spans="8:8">
      <c r="H337613" s="12"/>
    </row>
    <row r="337614" spans="8:8">
      <c r="H337614" s="12"/>
    </row>
    <row r="337615" spans="8:8">
      <c r="H337615" s="12"/>
    </row>
    <row r="337616" spans="8:8">
      <c r="H337616" s="12"/>
    </row>
    <row r="337617" spans="8:8">
      <c r="H337617" s="12"/>
    </row>
    <row r="337618" spans="8:8">
      <c r="H337618" s="12"/>
    </row>
    <row r="337619" spans="8:8">
      <c r="H337619" s="12"/>
    </row>
    <row r="337620" spans="8:8">
      <c r="H337620" s="12"/>
    </row>
    <row r="337621" spans="8:8">
      <c r="H337621" s="12"/>
    </row>
    <row r="337622" spans="8:8">
      <c r="H337622" s="12"/>
    </row>
    <row r="337623" spans="8:8">
      <c r="H337623" s="12"/>
    </row>
    <row r="337624" spans="8:8">
      <c r="H337624" s="12"/>
    </row>
    <row r="337625" spans="8:8">
      <c r="H337625" s="12"/>
    </row>
    <row r="337626" spans="8:8">
      <c r="H337626" s="12"/>
    </row>
    <row r="337627" spans="8:8">
      <c r="H337627" s="12"/>
    </row>
    <row r="337628" spans="8:8">
      <c r="H337628" s="12"/>
    </row>
    <row r="337629" spans="8:8">
      <c r="H337629" s="12"/>
    </row>
    <row r="337630" spans="8:8">
      <c r="H337630" s="12"/>
    </row>
    <row r="337631" spans="8:8">
      <c r="H337631" s="12"/>
    </row>
    <row r="337632" spans="8:8">
      <c r="H337632" s="12"/>
    </row>
    <row r="337633" spans="8:8">
      <c r="H337633" s="12"/>
    </row>
    <row r="337634" spans="8:8">
      <c r="H337634" s="12"/>
    </row>
    <row r="337635" spans="8:8">
      <c r="H337635" s="12"/>
    </row>
    <row r="337636" spans="8:8">
      <c r="H337636" s="12"/>
    </row>
    <row r="337637" spans="8:8">
      <c r="H337637" s="12"/>
    </row>
    <row r="337638" spans="8:8">
      <c r="H337638" s="12"/>
    </row>
    <row r="337639" spans="8:8">
      <c r="H337639" s="12"/>
    </row>
    <row r="337640" spans="8:8">
      <c r="H337640" s="12"/>
    </row>
    <row r="337641" spans="8:8">
      <c r="H337641" s="12"/>
    </row>
    <row r="337642" spans="8:8">
      <c r="H337642" s="12"/>
    </row>
    <row r="337643" spans="8:8">
      <c r="H337643" s="12"/>
    </row>
    <row r="337644" spans="8:8">
      <c r="H337644" s="12"/>
    </row>
    <row r="337645" spans="8:8">
      <c r="H337645" s="12"/>
    </row>
    <row r="337646" spans="8:8">
      <c r="H337646" s="12"/>
    </row>
    <row r="337647" spans="8:8">
      <c r="H337647" s="12"/>
    </row>
    <row r="337648" spans="8:8">
      <c r="H337648" s="12"/>
    </row>
    <row r="337649" spans="8:8">
      <c r="H337649" s="12"/>
    </row>
    <row r="337650" spans="8:8">
      <c r="H337650" s="12"/>
    </row>
    <row r="337651" spans="8:8">
      <c r="H337651" s="12"/>
    </row>
    <row r="337652" spans="8:8">
      <c r="H337652" s="12"/>
    </row>
    <row r="337653" spans="8:8">
      <c r="H337653" s="12"/>
    </row>
    <row r="337654" spans="8:8">
      <c r="H337654" s="12"/>
    </row>
    <row r="337655" spans="8:8">
      <c r="H337655" s="12"/>
    </row>
    <row r="337656" spans="8:8">
      <c r="H337656" s="12"/>
    </row>
    <row r="337657" spans="8:8">
      <c r="H337657" s="12"/>
    </row>
    <row r="337658" spans="8:8">
      <c r="H337658" s="12"/>
    </row>
    <row r="337659" spans="8:8">
      <c r="H337659" s="12"/>
    </row>
    <row r="337660" spans="8:8">
      <c r="H337660" s="12"/>
    </row>
    <row r="337661" spans="8:8">
      <c r="H337661" s="12"/>
    </row>
    <row r="337662" spans="8:8">
      <c r="H337662" s="12"/>
    </row>
    <row r="337663" spans="8:8">
      <c r="H337663" s="12"/>
    </row>
    <row r="337664" spans="8:8">
      <c r="H337664" s="12"/>
    </row>
    <row r="337665" spans="8:8">
      <c r="H337665" s="12"/>
    </row>
    <row r="337666" spans="8:8">
      <c r="H337666" s="12"/>
    </row>
    <row r="337667" spans="8:8">
      <c r="H337667" s="12"/>
    </row>
    <row r="337668" spans="8:8">
      <c r="H337668" s="12"/>
    </row>
    <row r="337669" spans="8:8">
      <c r="H337669" s="12"/>
    </row>
    <row r="337670" spans="8:8">
      <c r="H337670" s="12"/>
    </row>
    <row r="337671" spans="8:8">
      <c r="H337671" s="12"/>
    </row>
    <row r="337672" spans="8:8">
      <c r="H337672" s="12"/>
    </row>
    <row r="337673" spans="8:8">
      <c r="H337673" s="12"/>
    </row>
    <row r="337674" spans="8:8">
      <c r="H337674" s="12"/>
    </row>
    <row r="337675" spans="8:8">
      <c r="H337675" s="12"/>
    </row>
    <row r="337676" spans="8:8">
      <c r="H337676" s="12"/>
    </row>
    <row r="337677" spans="8:8">
      <c r="H337677" s="12"/>
    </row>
    <row r="337678" spans="8:8">
      <c r="H337678" s="12"/>
    </row>
    <row r="337679" spans="8:8">
      <c r="H337679" s="12"/>
    </row>
    <row r="337680" spans="8:8">
      <c r="H337680" s="12"/>
    </row>
    <row r="337681" spans="8:8">
      <c r="H337681" s="12"/>
    </row>
    <row r="337682" spans="8:8">
      <c r="H337682" s="12"/>
    </row>
    <row r="337683" spans="8:8">
      <c r="H337683" s="12"/>
    </row>
    <row r="337684" spans="8:8">
      <c r="H337684" s="12"/>
    </row>
    <row r="337685" spans="8:8">
      <c r="H337685" s="12"/>
    </row>
    <row r="337686" spans="8:8">
      <c r="H337686" s="12"/>
    </row>
    <row r="337687" spans="8:8">
      <c r="H337687" s="12"/>
    </row>
    <row r="337688" spans="8:8">
      <c r="H337688" s="12"/>
    </row>
    <row r="337689" spans="8:8">
      <c r="H337689" s="12"/>
    </row>
    <row r="337690" spans="8:8">
      <c r="H337690" s="12"/>
    </row>
    <row r="337691" spans="8:8">
      <c r="H337691" s="12"/>
    </row>
    <row r="337692" spans="8:8">
      <c r="H337692" s="12"/>
    </row>
    <row r="337693" spans="8:8">
      <c r="H337693" s="12"/>
    </row>
    <row r="337694" spans="8:8">
      <c r="H337694" s="12"/>
    </row>
    <row r="337695" spans="8:8">
      <c r="H337695" s="12"/>
    </row>
    <row r="337696" spans="8:8">
      <c r="H337696" s="12"/>
    </row>
    <row r="337697" spans="8:8">
      <c r="H337697" s="12"/>
    </row>
    <row r="337698" spans="8:8">
      <c r="H337698" s="12"/>
    </row>
    <row r="337699" spans="8:8">
      <c r="H337699" s="12"/>
    </row>
    <row r="337700" spans="8:8">
      <c r="H337700" s="12"/>
    </row>
    <row r="337701" spans="8:8">
      <c r="H337701" s="12"/>
    </row>
    <row r="337702" spans="8:8">
      <c r="H337702" s="12"/>
    </row>
    <row r="337703" spans="8:8">
      <c r="H337703" s="12"/>
    </row>
    <row r="337704" spans="8:8">
      <c r="H337704" s="12"/>
    </row>
    <row r="337705" spans="8:8">
      <c r="H337705" s="12"/>
    </row>
    <row r="337706" spans="8:8">
      <c r="H337706" s="12"/>
    </row>
    <row r="337707" spans="8:8">
      <c r="H337707" s="12"/>
    </row>
    <row r="337708" spans="8:8">
      <c r="H337708" s="12"/>
    </row>
    <row r="337709" spans="8:8">
      <c r="H337709" s="12"/>
    </row>
    <row r="337710" spans="8:8">
      <c r="H337710" s="12"/>
    </row>
    <row r="337711" spans="8:8">
      <c r="H337711" s="12"/>
    </row>
    <row r="337712" spans="8:8">
      <c r="H337712" s="12"/>
    </row>
    <row r="337713" spans="8:8">
      <c r="H337713" s="12"/>
    </row>
    <row r="337714" spans="8:8">
      <c r="H337714" s="12"/>
    </row>
    <row r="337715" spans="8:8">
      <c r="H337715" s="12"/>
    </row>
    <row r="337716" spans="8:8">
      <c r="H337716" s="12"/>
    </row>
    <row r="337717" spans="8:8">
      <c r="H337717" s="12"/>
    </row>
    <row r="337718" spans="8:8">
      <c r="H337718" s="12"/>
    </row>
    <row r="337719" spans="8:8">
      <c r="H337719" s="12"/>
    </row>
    <row r="337720" spans="8:8">
      <c r="H337720" s="12"/>
    </row>
    <row r="337721" spans="8:8">
      <c r="H337721" s="12"/>
    </row>
    <row r="337722" spans="8:8">
      <c r="H337722" s="12"/>
    </row>
    <row r="337723" spans="8:8">
      <c r="H337723" s="12"/>
    </row>
    <row r="337724" spans="8:8">
      <c r="H337724" s="12"/>
    </row>
    <row r="337725" spans="8:8">
      <c r="H337725" s="12"/>
    </row>
    <row r="337726" spans="8:8">
      <c r="H337726" s="12"/>
    </row>
    <row r="337727" spans="8:8">
      <c r="H337727" s="12"/>
    </row>
    <row r="337728" spans="8:8">
      <c r="H337728" s="12"/>
    </row>
    <row r="337729" spans="8:8">
      <c r="H337729" s="12"/>
    </row>
    <row r="337730" spans="8:8">
      <c r="H337730" s="12"/>
    </row>
    <row r="337731" spans="8:8">
      <c r="H337731" s="12"/>
    </row>
    <row r="337732" spans="8:8">
      <c r="H337732" s="12"/>
    </row>
    <row r="337733" spans="8:8">
      <c r="H337733" s="12"/>
    </row>
    <row r="337734" spans="8:8">
      <c r="H337734" s="12"/>
    </row>
    <row r="337735" spans="8:8">
      <c r="H337735" s="12"/>
    </row>
    <row r="337736" spans="8:8">
      <c r="H337736" s="12"/>
    </row>
    <row r="337737" spans="8:8">
      <c r="H337737" s="12"/>
    </row>
    <row r="337738" spans="8:8">
      <c r="H337738" s="12"/>
    </row>
    <row r="337739" spans="8:8">
      <c r="H337739" s="12"/>
    </row>
    <row r="337740" spans="8:8">
      <c r="H337740" s="12"/>
    </row>
    <row r="337741" spans="8:8">
      <c r="H337741" s="12"/>
    </row>
    <row r="337742" spans="8:8">
      <c r="H337742" s="12"/>
    </row>
    <row r="337743" spans="8:8">
      <c r="H337743" s="12"/>
    </row>
    <row r="337744" spans="8:8">
      <c r="H337744" s="12"/>
    </row>
    <row r="337745" spans="8:8">
      <c r="H337745" s="12"/>
    </row>
    <row r="337746" spans="8:8">
      <c r="H337746" s="12"/>
    </row>
    <row r="337747" spans="8:8">
      <c r="H337747" s="12"/>
    </row>
    <row r="337748" spans="8:8">
      <c r="H337748" s="12"/>
    </row>
    <row r="337749" spans="8:8">
      <c r="H337749" s="12"/>
    </row>
    <row r="337750" spans="8:8">
      <c r="H337750" s="12"/>
    </row>
    <row r="337751" spans="8:8">
      <c r="H337751" s="12"/>
    </row>
    <row r="337752" spans="8:8">
      <c r="H337752" s="12"/>
    </row>
    <row r="337753" spans="8:8">
      <c r="H337753" s="12"/>
    </row>
    <row r="337754" spans="8:8">
      <c r="H337754" s="12"/>
    </row>
    <row r="337755" spans="8:8">
      <c r="H337755" s="12"/>
    </row>
    <row r="337756" spans="8:8">
      <c r="H337756" s="12"/>
    </row>
    <row r="337757" spans="8:8">
      <c r="H337757" s="12"/>
    </row>
    <row r="337758" spans="8:8">
      <c r="H337758" s="12"/>
    </row>
    <row r="337759" spans="8:8">
      <c r="H337759" s="12"/>
    </row>
    <row r="337760" spans="8:8">
      <c r="H337760" s="12"/>
    </row>
    <row r="337761" spans="8:8">
      <c r="H337761" s="12"/>
    </row>
    <row r="337762" spans="8:8">
      <c r="H337762" s="12"/>
    </row>
    <row r="337763" spans="8:8">
      <c r="H337763" s="12"/>
    </row>
    <row r="337764" spans="8:8">
      <c r="H337764" s="12"/>
    </row>
    <row r="337765" spans="8:8">
      <c r="H337765" s="12"/>
    </row>
    <row r="337766" spans="8:8">
      <c r="H337766" s="12"/>
    </row>
    <row r="337767" spans="8:8">
      <c r="H337767" s="12"/>
    </row>
    <row r="337768" spans="8:8">
      <c r="H337768" s="12"/>
    </row>
    <row r="337769" spans="8:8">
      <c r="H337769" s="12"/>
    </row>
    <row r="337770" spans="8:8">
      <c r="H337770" s="12"/>
    </row>
    <row r="337771" spans="8:8">
      <c r="H337771" s="12"/>
    </row>
    <row r="337772" spans="8:8">
      <c r="H337772" s="12"/>
    </row>
    <row r="337773" spans="8:8">
      <c r="H337773" s="12"/>
    </row>
    <row r="337774" spans="8:8">
      <c r="H337774" s="12"/>
    </row>
    <row r="337775" spans="8:8">
      <c r="H337775" s="12"/>
    </row>
    <row r="337776" spans="8:8">
      <c r="H337776" s="12"/>
    </row>
    <row r="337777" spans="8:8">
      <c r="H337777" s="12"/>
    </row>
    <row r="337778" spans="8:8">
      <c r="H337778" s="12"/>
    </row>
    <row r="337779" spans="8:8">
      <c r="H337779" s="12"/>
    </row>
    <row r="337780" spans="8:8">
      <c r="H337780" s="12"/>
    </row>
    <row r="337781" spans="8:8">
      <c r="H337781" s="12"/>
    </row>
    <row r="337782" spans="8:8">
      <c r="H337782" s="12"/>
    </row>
    <row r="337783" spans="8:8">
      <c r="H337783" s="12"/>
    </row>
    <row r="337784" spans="8:8">
      <c r="H337784" s="12"/>
    </row>
    <row r="337785" spans="8:8">
      <c r="H337785" s="12"/>
    </row>
    <row r="337786" spans="8:8">
      <c r="H337786" s="12"/>
    </row>
    <row r="337787" spans="8:8">
      <c r="H337787" s="12"/>
    </row>
    <row r="337788" spans="8:8">
      <c r="H337788" s="12"/>
    </row>
    <row r="337789" spans="8:8">
      <c r="H337789" s="12"/>
    </row>
    <row r="337790" spans="8:8">
      <c r="H337790" s="12"/>
    </row>
    <row r="337791" spans="8:8">
      <c r="H337791" s="12"/>
    </row>
    <row r="337792" spans="8:8">
      <c r="H337792" s="12"/>
    </row>
    <row r="337793" spans="8:8">
      <c r="H337793" s="12"/>
    </row>
    <row r="337794" spans="8:8">
      <c r="H337794" s="12"/>
    </row>
    <row r="337795" spans="8:8">
      <c r="H337795" s="12"/>
    </row>
    <row r="337796" spans="8:8">
      <c r="H337796" s="12"/>
    </row>
    <row r="337797" spans="8:8">
      <c r="H337797" s="12"/>
    </row>
    <row r="337798" spans="8:8">
      <c r="H337798" s="12"/>
    </row>
    <row r="337799" spans="8:8">
      <c r="H337799" s="12"/>
    </row>
    <row r="337800" spans="8:8">
      <c r="H337800" s="12"/>
    </row>
    <row r="337801" spans="8:8">
      <c r="H337801" s="12"/>
    </row>
    <row r="337802" spans="8:8">
      <c r="H337802" s="12"/>
    </row>
    <row r="337803" spans="8:8">
      <c r="H337803" s="12"/>
    </row>
    <row r="337804" spans="8:8">
      <c r="H337804" s="12"/>
    </row>
    <row r="337805" spans="8:8">
      <c r="H337805" s="12"/>
    </row>
    <row r="337806" spans="8:8">
      <c r="H337806" s="12"/>
    </row>
    <row r="337807" spans="8:8">
      <c r="H337807" s="12"/>
    </row>
    <row r="337808" spans="8:8">
      <c r="H337808" s="12"/>
    </row>
    <row r="337809" spans="8:8">
      <c r="H337809" s="12"/>
    </row>
    <row r="337810" spans="8:8">
      <c r="H337810" s="12"/>
    </row>
    <row r="337811" spans="8:8">
      <c r="H337811" s="12"/>
    </row>
    <row r="337812" spans="8:8">
      <c r="H337812" s="12"/>
    </row>
    <row r="337813" spans="8:8">
      <c r="H337813" s="12"/>
    </row>
    <row r="337814" spans="8:8">
      <c r="H337814" s="12"/>
    </row>
    <row r="337815" spans="8:8">
      <c r="H337815" s="12"/>
    </row>
    <row r="337816" spans="8:8">
      <c r="H337816" s="12"/>
    </row>
    <row r="337817" spans="8:8">
      <c r="H337817" s="12"/>
    </row>
    <row r="337818" spans="8:8">
      <c r="H337818" s="12"/>
    </row>
    <row r="337819" spans="8:8">
      <c r="H337819" s="12"/>
    </row>
    <row r="337820" spans="8:8">
      <c r="H337820" s="12"/>
    </row>
    <row r="337821" spans="8:8">
      <c r="H337821" s="12"/>
    </row>
    <row r="337822" spans="8:8">
      <c r="H337822" s="12"/>
    </row>
    <row r="337823" spans="8:8">
      <c r="H337823" s="12"/>
    </row>
    <row r="337824" spans="8:8">
      <c r="H337824" s="12"/>
    </row>
    <row r="337825" spans="8:8">
      <c r="H337825" s="12"/>
    </row>
    <row r="337826" spans="8:8">
      <c r="H337826" s="12"/>
    </row>
    <row r="337827" spans="8:8">
      <c r="H337827" s="12"/>
    </row>
    <row r="337828" spans="8:8">
      <c r="H337828" s="12"/>
    </row>
    <row r="337829" spans="8:8">
      <c r="H337829" s="12"/>
    </row>
    <row r="337830" spans="8:8">
      <c r="H337830" s="12"/>
    </row>
    <row r="337831" spans="8:8">
      <c r="H337831" s="12"/>
    </row>
    <row r="337832" spans="8:8">
      <c r="H337832" s="12"/>
    </row>
    <row r="337833" spans="8:8">
      <c r="H337833" s="12"/>
    </row>
    <row r="337834" spans="8:8">
      <c r="H337834" s="12"/>
    </row>
    <row r="337835" spans="8:8">
      <c r="H337835" s="12"/>
    </row>
    <row r="337836" spans="8:8">
      <c r="H337836" s="12"/>
    </row>
    <row r="337837" spans="8:8">
      <c r="H337837" s="12"/>
    </row>
    <row r="337838" spans="8:8">
      <c r="H337838" s="12"/>
    </row>
    <row r="337839" spans="8:8">
      <c r="H337839" s="12"/>
    </row>
    <row r="337840" spans="8:8">
      <c r="H337840" s="12"/>
    </row>
    <row r="337841" spans="8:8">
      <c r="H337841" s="12"/>
    </row>
    <row r="337842" spans="8:8">
      <c r="H337842" s="12"/>
    </row>
    <row r="337843" spans="8:8">
      <c r="H337843" s="12"/>
    </row>
    <row r="337844" spans="8:8">
      <c r="H337844" s="12"/>
    </row>
    <row r="337845" spans="8:8">
      <c r="H337845" s="12"/>
    </row>
    <row r="337846" spans="8:8">
      <c r="H337846" s="12"/>
    </row>
    <row r="337847" spans="8:8">
      <c r="H337847" s="12"/>
    </row>
    <row r="337848" spans="8:8">
      <c r="H337848" s="12"/>
    </row>
    <row r="337849" spans="8:8">
      <c r="H337849" s="12"/>
    </row>
    <row r="337850" spans="8:8">
      <c r="H337850" s="12"/>
    </row>
    <row r="337851" spans="8:8">
      <c r="H337851" s="12"/>
    </row>
    <row r="337852" spans="8:8">
      <c r="H337852" s="12"/>
    </row>
    <row r="337853" spans="8:8">
      <c r="H337853" s="12"/>
    </row>
    <row r="337854" spans="8:8">
      <c r="H337854" s="12"/>
    </row>
    <row r="337855" spans="8:8">
      <c r="H337855" s="12"/>
    </row>
    <row r="337856" spans="8:8">
      <c r="H337856" s="12"/>
    </row>
    <row r="337857" spans="8:8">
      <c r="H337857" s="12"/>
    </row>
    <row r="337858" spans="8:8">
      <c r="H337858" s="12"/>
    </row>
    <row r="337859" spans="8:8">
      <c r="H337859" s="12"/>
    </row>
    <row r="337860" spans="8:8">
      <c r="H337860" s="12"/>
    </row>
    <row r="337861" spans="8:8">
      <c r="H337861" s="12"/>
    </row>
    <row r="337862" spans="8:8">
      <c r="H337862" s="12"/>
    </row>
    <row r="337863" spans="8:8">
      <c r="H337863" s="12"/>
    </row>
    <row r="337864" spans="8:8">
      <c r="H337864" s="12"/>
    </row>
    <row r="337865" spans="8:8">
      <c r="H337865" s="12"/>
    </row>
    <row r="337866" spans="8:8">
      <c r="H337866" s="12"/>
    </row>
    <row r="337867" spans="8:8">
      <c r="H337867" s="12"/>
    </row>
    <row r="337868" spans="8:8">
      <c r="H337868" s="12"/>
    </row>
    <row r="337869" spans="8:8">
      <c r="H337869" s="12"/>
    </row>
    <row r="337870" spans="8:8">
      <c r="H337870" s="12"/>
    </row>
    <row r="337871" spans="8:8">
      <c r="H337871" s="12"/>
    </row>
    <row r="337872" spans="8:8">
      <c r="H337872" s="12"/>
    </row>
    <row r="337873" spans="8:8">
      <c r="H337873" s="12"/>
    </row>
    <row r="337874" spans="8:8">
      <c r="H337874" s="12"/>
    </row>
    <row r="337875" spans="8:8">
      <c r="H337875" s="12"/>
    </row>
    <row r="337876" spans="8:8">
      <c r="H337876" s="12"/>
    </row>
    <row r="337877" spans="8:8">
      <c r="H337877" s="12"/>
    </row>
    <row r="337878" spans="8:8">
      <c r="H337878" s="12"/>
    </row>
    <row r="337879" spans="8:8">
      <c r="H337879" s="12"/>
    </row>
    <row r="337880" spans="8:8">
      <c r="H337880" s="12"/>
    </row>
    <row r="337881" spans="8:8">
      <c r="H337881" s="12"/>
    </row>
    <row r="337882" spans="8:8">
      <c r="H337882" s="12"/>
    </row>
    <row r="337883" spans="8:8">
      <c r="H337883" s="12"/>
    </row>
    <row r="337884" spans="8:8">
      <c r="H337884" s="12"/>
    </row>
    <row r="337885" spans="8:8">
      <c r="H337885" s="12"/>
    </row>
    <row r="337886" spans="8:8">
      <c r="H337886" s="12"/>
    </row>
    <row r="337887" spans="8:8">
      <c r="H337887" s="12"/>
    </row>
    <row r="337888" spans="8:8">
      <c r="H337888" s="12"/>
    </row>
    <row r="337889" spans="8:8">
      <c r="H337889" s="12"/>
    </row>
    <row r="337890" spans="8:8">
      <c r="H337890" s="12"/>
    </row>
    <row r="337891" spans="8:8">
      <c r="H337891" s="12"/>
    </row>
    <row r="337892" spans="8:8">
      <c r="H337892" s="12"/>
    </row>
    <row r="337893" spans="8:8">
      <c r="H337893" s="12"/>
    </row>
    <row r="337894" spans="8:8">
      <c r="H337894" s="12"/>
    </row>
    <row r="337895" spans="8:8">
      <c r="H337895" s="12"/>
    </row>
    <row r="337896" spans="8:8">
      <c r="H337896" s="12"/>
    </row>
    <row r="337897" spans="8:8">
      <c r="H337897" s="12"/>
    </row>
    <row r="337898" spans="8:8">
      <c r="H337898" s="12"/>
    </row>
    <row r="337899" spans="8:8">
      <c r="H337899" s="12"/>
    </row>
    <row r="337900" spans="8:8">
      <c r="H337900" s="12"/>
    </row>
    <row r="337901" spans="8:8">
      <c r="H337901" s="12"/>
    </row>
    <row r="337902" spans="8:8">
      <c r="H337902" s="12"/>
    </row>
    <row r="337903" spans="8:8">
      <c r="H337903" s="12"/>
    </row>
    <row r="337904" spans="8:8">
      <c r="H337904" s="12"/>
    </row>
    <row r="337905" spans="8:8">
      <c r="H337905" s="12"/>
    </row>
    <row r="337906" spans="8:8">
      <c r="H337906" s="12"/>
    </row>
    <row r="337907" spans="8:8">
      <c r="H337907" s="12"/>
    </row>
    <row r="337908" spans="8:8">
      <c r="H337908" s="12"/>
    </row>
    <row r="337909" spans="8:8">
      <c r="H337909" s="12"/>
    </row>
    <row r="337910" spans="8:8">
      <c r="H337910" s="12"/>
    </row>
    <row r="337911" spans="8:8">
      <c r="H337911" s="12"/>
    </row>
    <row r="337912" spans="8:8">
      <c r="H337912" s="12"/>
    </row>
    <row r="337913" spans="8:8">
      <c r="H337913" s="12"/>
    </row>
    <row r="337914" spans="8:8">
      <c r="H337914" s="12"/>
    </row>
    <row r="337915" spans="8:8">
      <c r="H337915" s="12"/>
    </row>
    <row r="337916" spans="8:8">
      <c r="H337916" s="12"/>
    </row>
    <row r="337917" spans="8:8">
      <c r="H337917" s="12"/>
    </row>
    <row r="337918" spans="8:8">
      <c r="H337918" s="12"/>
    </row>
    <row r="337919" spans="8:8">
      <c r="H337919" s="12"/>
    </row>
    <row r="337920" spans="8:8">
      <c r="H337920" s="12"/>
    </row>
    <row r="337921" spans="8:8">
      <c r="H337921" s="12"/>
    </row>
    <row r="337922" spans="8:8">
      <c r="H337922" s="12"/>
    </row>
    <row r="337923" spans="8:8">
      <c r="H337923" s="12"/>
    </row>
    <row r="337924" spans="8:8">
      <c r="H337924" s="12"/>
    </row>
    <row r="337925" spans="8:8">
      <c r="H337925" s="12"/>
    </row>
    <row r="337926" spans="8:8">
      <c r="H337926" s="12"/>
    </row>
    <row r="337927" spans="8:8">
      <c r="H337927" s="12"/>
    </row>
    <row r="337928" spans="8:8">
      <c r="H337928" s="12"/>
    </row>
    <row r="337929" spans="8:8">
      <c r="H337929" s="12"/>
    </row>
    <row r="337930" spans="8:8">
      <c r="H337930" s="12"/>
    </row>
    <row r="337931" spans="8:8">
      <c r="H337931" s="12"/>
    </row>
    <row r="337932" spans="8:8">
      <c r="H337932" s="12"/>
    </row>
    <row r="337933" spans="8:8">
      <c r="H337933" s="12"/>
    </row>
    <row r="337934" spans="8:8">
      <c r="H337934" s="12"/>
    </row>
    <row r="337935" spans="8:8">
      <c r="H337935" s="12"/>
    </row>
    <row r="337936" spans="8:8">
      <c r="H337936" s="12"/>
    </row>
    <row r="337937" spans="8:8">
      <c r="H337937" s="12"/>
    </row>
    <row r="337938" spans="8:8">
      <c r="H337938" s="12"/>
    </row>
    <row r="337939" spans="8:8">
      <c r="H337939" s="12"/>
    </row>
    <row r="337940" spans="8:8">
      <c r="H337940" s="12"/>
    </row>
    <row r="337941" spans="8:8">
      <c r="H337941" s="12"/>
    </row>
    <row r="337942" spans="8:8">
      <c r="H337942" s="12"/>
    </row>
    <row r="337943" spans="8:8">
      <c r="H337943" s="12"/>
    </row>
    <row r="337944" spans="8:8">
      <c r="H337944" s="12"/>
    </row>
    <row r="337945" spans="8:8">
      <c r="H337945" s="12"/>
    </row>
    <row r="337946" spans="8:8">
      <c r="H337946" s="12"/>
    </row>
    <row r="337947" spans="8:8">
      <c r="H337947" s="12"/>
    </row>
    <row r="337948" spans="8:8">
      <c r="H337948" s="12"/>
    </row>
    <row r="337949" spans="8:8">
      <c r="H337949" s="12"/>
    </row>
    <row r="337950" spans="8:8">
      <c r="H337950" s="12"/>
    </row>
    <row r="337951" spans="8:8">
      <c r="H337951" s="12"/>
    </row>
    <row r="337952" spans="8:8">
      <c r="H337952" s="12"/>
    </row>
    <row r="337953" spans="8:8">
      <c r="H337953" s="12"/>
    </row>
    <row r="337954" spans="8:8">
      <c r="H337954" s="12"/>
    </row>
    <row r="337955" spans="8:8">
      <c r="H337955" s="12"/>
    </row>
    <row r="337956" spans="8:8">
      <c r="H337956" s="12"/>
    </row>
    <row r="337957" spans="8:8">
      <c r="H337957" s="12"/>
    </row>
    <row r="337958" spans="8:8">
      <c r="H337958" s="12"/>
    </row>
    <row r="337959" spans="8:8">
      <c r="H337959" s="12"/>
    </row>
    <row r="337960" spans="8:8">
      <c r="H337960" s="12"/>
    </row>
    <row r="337961" spans="8:8">
      <c r="H337961" s="12"/>
    </row>
    <row r="337962" spans="8:8">
      <c r="H337962" s="12"/>
    </row>
    <row r="337963" spans="8:8">
      <c r="H337963" s="12"/>
    </row>
    <row r="337964" spans="8:8">
      <c r="H337964" s="12"/>
    </row>
    <row r="337965" spans="8:8">
      <c r="H337965" s="12"/>
    </row>
    <row r="337966" spans="8:8">
      <c r="H337966" s="12"/>
    </row>
    <row r="337967" spans="8:8">
      <c r="H337967" s="12"/>
    </row>
    <row r="337968" spans="8:8">
      <c r="H337968" s="12"/>
    </row>
    <row r="337969" spans="8:8">
      <c r="H337969" s="12"/>
    </row>
    <row r="337970" spans="8:8">
      <c r="H337970" s="12"/>
    </row>
    <row r="337971" spans="8:8">
      <c r="H337971" s="12"/>
    </row>
    <row r="337972" spans="8:8">
      <c r="H337972" s="12"/>
    </row>
    <row r="337973" spans="8:8">
      <c r="H337973" s="12"/>
    </row>
    <row r="337974" spans="8:8">
      <c r="H337974" s="12"/>
    </row>
    <row r="337975" spans="8:8">
      <c r="H337975" s="12"/>
    </row>
    <row r="337976" spans="8:8">
      <c r="H337976" s="12"/>
    </row>
    <row r="337977" spans="8:8">
      <c r="H337977" s="12"/>
    </row>
    <row r="337978" spans="8:8">
      <c r="H337978" s="12"/>
    </row>
    <row r="337979" spans="8:8">
      <c r="H337979" s="12"/>
    </row>
    <row r="337980" spans="8:8">
      <c r="H337980" s="12"/>
    </row>
    <row r="337981" spans="8:8">
      <c r="H337981" s="12"/>
    </row>
    <row r="337982" spans="8:8">
      <c r="H337982" s="12"/>
    </row>
    <row r="337983" spans="8:8">
      <c r="H337983" s="12"/>
    </row>
    <row r="337984" spans="8:8">
      <c r="H337984" s="12"/>
    </row>
    <row r="337985" spans="8:8">
      <c r="H337985" s="12"/>
    </row>
    <row r="337986" spans="8:8">
      <c r="H337986" s="12"/>
    </row>
    <row r="337987" spans="8:8">
      <c r="H337987" s="12"/>
    </row>
    <row r="337988" spans="8:8">
      <c r="H337988" s="12"/>
    </row>
    <row r="337989" spans="8:8">
      <c r="H337989" s="12"/>
    </row>
    <row r="337990" spans="8:8">
      <c r="H337990" s="12"/>
    </row>
    <row r="337991" spans="8:8">
      <c r="H337991" s="12"/>
    </row>
    <row r="337992" spans="8:8">
      <c r="H337992" s="12"/>
    </row>
    <row r="337993" spans="8:8">
      <c r="H337993" s="12"/>
    </row>
    <row r="337994" spans="8:8">
      <c r="H337994" s="12"/>
    </row>
    <row r="337995" spans="8:8">
      <c r="H337995" s="12"/>
    </row>
    <row r="337996" spans="8:8">
      <c r="H337996" s="12"/>
    </row>
    <row r="337997" spans="8:8">
      <c r="H337997" s="12"/>
    </row>
    <row r="337998" spans="8:8">
      <c r="H337998" s="12"/>
    </row>
    <row r="337999" spans="8:8">
      <c r="H337999" s="12"/>
    </row>
    <row r="338000" spans="8:8">
      <c r="H338000" s="12"/>
    </row>
    <row r="338001" spans="8:8">
      <c r="H338001" s="12"/>
    </row>
    <row r="338002" spans="8:8">
      <c r="H338002" s="12"/>
    </row>
    <row r="338003" spans="8:8">
      <c r="H338003" s="12"/>
    </row>
    <row r="338004" spans="8:8">
      <c r="H338004" s="12"/>
    </row>
    <row r="338005" spans="8:8">
      <c r="H338005" s="12"/>
    </row>
    <row r="338006" spans="8:8">
      <c r="H338006" s="12"/>
    </row>
    <row r="338007" spans="8:8">
      <c r="H338007" s="12"/>
    </row>
    <row r="338008" spans="8:8">
      <c r="H338008" s="12"/>
    </row>
    <row r="338009" spans="8:8">
      <c r="H338009" s="12"/>
    </row>
    <row r="338010" spans="8:8">
      <c r="H338010" s="12"/>
    </row>
    <row r="338011" spans="8:8">
      <c r="H338011" s="12"/>
    </row>
    <row r="338012" spans="8:8">
      <c r="H338012" s="12"/>
    </row>
    <row r="338013" spans="8:8">
      <c r="H338013" s="12"/>
    </row>
    <row r="338014" spans="8:8">
      <c r="H338014" s="12"/>
    </row>
    <row r="338015" spans="8:8">
      <c r="H338015" s="12"/>
    </row>
    <row r="338016" spans="8:8">
      <c r="H338016" s="12"/>
    </row>
    <row r="338017" spans="8:8">
      <c r="H338017" s="12"/>
    </row>
    <row r="338018" spans="8:8">
      <c r="H338018" s="12"/>
    </row>
    <row r="338019" spans="8:8">
      <c r="H338019" s="12"/>
    </row>
    <row r="338020" spans="8:8">
      <c r="H338020" s="12"/>
    </row>
    <row r="338021" spans="8:8">
      <c r="H338021" s="12"/>
    </row>
    <row r="338022" spans="8:8">
      <c r="H338022" s="12"/>
    </row>
    <row r="338023" spans="8:8">
      <c r="H338023" s="12"/>
    </row>
    <row r="338024" spans="8:8">
      <c r="H338024" s="12"/>
    </row>
    <row r="338025" spans="8:8">
      <c r="H338025" s="12"/>
    </row>
    <row r="338026" spans="8:8">
      <c r="H338026" s="12"/>
    </row>
    <row r="338027" spans="8:8">
      <c r="H338027" s="12"/>
    </row>
    <row r="338028" spans="8:8">
      <c r="H338028" s="12"/>
    </row>
    <row r="338029" spans="8:8">
      <c r="H338029" s="12"/>
    </row>
    <row r="338030" spans="8:8">
      <c r="H338030" s="12"/>
    </row>
    <row r="338031" spans="8:8">
      <c r="H338031" s="12"/>
    </row>
    <row r="338032" spans="8:8">
      <c r="H338032" s="12"/>
    </row>
    <row r="338033" spans="8:8">
      <c r="H338033" s="12"/>
    </row>
    <row r="338034" spans="8:8">
      <c r="H338034" s="12"/>
    </row>
    <row r="338035" spans="8:8">
      <c r="H338035" s="12"/>
    </row>
    <row r="338036" spans="8:8">
      <c r="H338036" s="12"/>
    </row>
    <row r="338037" spans="8:8">
      <c r="H338037" s="12"/>
    </row>
    <row r="338038" spans="8:8">
      <c r="H338038" s="12"/>
    </row>
    <row r="338039" spans="8:8">
      <c r="H338039" s="12"/>
    </row>
    <row r="338040" spans="8:8">
      <c r="H338040" s="12"/>
    </row>
    <row r="338041" spans="8:8">
      <c r="H338041" s="12"/>
    </row>
    <row r="338042" spans="8:8">
      <c r="H338042" s="12"/>
    </row>
    <row r="338043" spans="8:8">
      <c r="H338043" s="12"/>
    </row>
    <row r="338044" spans="8:8">
      <c r="H338044" s="12"/>
    </row>
    <row r="338045" spans="8:8">
      <c r="H338045" s="12"/>
    </row>
    <row r="338046" spans="8:8">
      <c r="H338046" s="12"/>
    </row>
    <row r="338047" spans="8:8">
      <c r="H338047" s="12"/>
    </row>
    <row r="338048" spans="8:8">
      <c r="H338048" s="12"/>
    </row>
    <row r="338049" spans="8:8">
      <c r="H338049" s="12"/>
    </row>
    <row r="338050" spans="8:8">
      <c r="H338050" s="12"/>
    </row>
    <row r="338051" spans="8:8">
      <c r="H338051" s="12"/>
    </row>
    <row r="338052" spans="8:8">
      <c r="H338052" s="12"/>
    </row>
    <row r="338053" spans="8:8">
      <c r="H338053" s="12"/>
    </row>
    <row r="338054" spans="8:8">
      <c r="H338054" s="12"/>
    </row>
    <row r="338055" spans="8:8">
      <c r="H338055" s="12"/>
    </row>
    <row r="338056" spans="8:8">
      <c r="H338056" s="12"/>
    </row>
    <row r="338057" spans="8:8">
      <c r="H338057" s="12"/>
    </row>
    <row r="338058" spans="8:8">
      <c r="H338058" s="12"/>
    </row>
    <row r="338059" spans="8:8">
      <c r="H338059" s="12"/>
    </row>
    <row r="338060" spans="8:8">
      <c r="H338060" s="12"/>
    </row>
    <row r="338061" spans="8:8">
      <c r="H338061" s="12"/>
    </row>
    <row r="338062" spans="8:8">
      <c r="H338062" s="12"/>
    </row>
    <row r="338063" spans="8:8">
      <c r="H338063" s="12"/>
    </row>
    <row r="338064" spans="8:8">
      <c r="H338064" s="12"/>
    </row>
    <row r="338065" spans="8:8">
      <c r="H338065" s="12"/>
    </row>
    <row r="338066" spans="8:8">
      <c r="H338066" s="12"/>
    </row>
    <row r="338067" spans="8:8">
      <c r="H338067" s="12"/>
    </row>
    <row r="338068" spans="8:8">
      <c r="H338068" s="12"/>
    </row>
    <row r="338069" spans="8:8">
      <c r="H338069" s="12"/>
    </row>
    <row r="338070" spans="8:8">
      <c r="H338070" s="12"/>
    </row>
    <row r="338071" spans="8:8">
      <c r="H338071" s="12"/>
    </row>
    <row r="338072" spans="8:8">
      <c r="H338072" s="12"/>
    </row>
    <row r="338073" spans="8:8">
      <c r="H338073" s="12"/>
    </row>
    <row r="338074" spans="8:8">
      <c r="H338074" s="12"/>
    </row>
    <row r="338075" spans="8:8">
      <c r="H338075" s="12"/>
    </row>
    <row r="338076" spans="8:8">
      <c r="H338076" s="12"/>
    </row>
    <row r="338077" spans="8:8">
      <c r="H338077" s="12"/>
    </row>
    <row r="338078" spans="8:8">
      <c r="H338078" s="12"/>
    </row>
    <row r="338079" spans="8:8">
      <c r="H338079" s="12"/>
    </row>
    <row r="338080" spans="8:8">
      <c r="H338080" s="12"/>
    </row>
    <row r="338081" spans="8:8">
      <c r="H338081" s="12"/>
    </row>
    <row r="338082" spans="8:8">
      <c r="H338082" s="12"/>
    </row>
    <row r="338083" spans="8:8">
      <c r="H338083" s="12"/>
    </row>
    <row r="338084" spans="8:8">
      <c r="H338084" s="12"/>
    </row>
    <row r="338085" spans="8:8">
      <c r="H338085" s="12"/>
    </row>
    <row r="338086" spans="8:8">
      <c r="H338086" s="12"/>
    </row>
    <row r="338087" spans="8:8">
      <c r="H338087" s="12"/>
    </row>
    <row r="338088" spans="8:8">
      <c r="H338088" s="12"/>
    </row>
    <row r="338089" spans="8:8">
      <c r="H338089" s="12"/>
    </row>
    <row r="338090" spans="8:8">
      <c r="H338090" s="12"/>
    </row>
    <row r="338091" spans="8:8">
      <c r="H338091" s="12"/>
    </row>
    <row r="338092" spans="8:8">
      <c r="H338092" s="12"/>
    </row>
    <row r="338093" spans="8:8">
      <c r="H338093" s="12"/>
    </row>
    <row r="338094" spans="8:8">
      <c r="H338094" s="12"/>
    </row>
    <row r="338095" spans="8:8">
      <c r="H338095" s="12"/>
    </row>
    <row r="338096" spans="8:8">
      <c r="H338096" s="12"/>
    </row>
    <row r="338097" spans="8:8">
      <c r="H338097" s="12"/>
    </row>
    <row r="338098" spans="8:8">
      <c r="H338098" s="12"/>
    </row>
    <row r="338099" spans="8:8">
      <c r="H338099" s="12"/>
    </row>
    <row r="338100" spans="8:8">
      <c r="H338100" s="12"/>
    </row>
    <row r="338101" spans="8:8">
      <c r="H338101" s="12"/>
    </row>
    <row r="338102" spans="8:8">
      <c r="H338102" s="12"/>
    </row>
    <row r="338103" spans="8:8">
      <c r="H338103" s="12"/>
    </row>
    <row r="338104" spans="8:8">
      <c r="H338104" s="12"/>
    </row>
    <row r="338105" spans="8:8">
      <c r="H338105" s="12"/>
    </row>
    <row r="338106" spans="8:8">
      <c r="H338106" s="12"/>
    </row>
    <row r="338107" spans="8:8">
      <c r="H338107" s="12"/>
    </row>
    <row r="338108" spans="8:8">
      <c r="H338108" s="12"/>
    </row>
    <row r="338109" spans="8:8">
      <c r="H338109" s="12"/>
    </row>
    <row r="338110" spans="8:8">
      <c r="H338110" s="12"/>
    </row>
    <row r="338111" spans="8:8">
      <c r="H338111" s="12"/>
    </row>
    <row r="338112" spans="8:8">
      <c r="H338112" s="12"/>
    </row>
    <row r="338113" spans="8:8">
      <c r="H338113" s="12"/>
    </row>
    <row r="338114" spans="8:8">
      <c r="H338114" s="12"/>
    </row>
    <row r="338115" spans="8:8">
      <c r="H338115" s="12"/>
    </row>
    <row r="338116" spans="8:8">
      <c r="H338116" s="12"/>
    </row>
    <row r="338117" spans="8:8">
      <c r="H338117" s="12"/>
    </row>
    <row r="338118" spans="8:8">
      <c r="H338118" s="12"/>
    </row>
    <row r="338119" spans="8:8">
      <c r="H338119" s="12"/>
    </row>
    <row r="338120" spans="8:8">
      <c r="H338120" s="12"/>
    </row>
    <row r="338121" spans="8:8">
      <c r="H338121" s="12"/>
    </row>
    <row r="338122" spans="8:8">
      <c r="H338122" s="12"/>
    </row>
    <row r="338123" spans="8:8">
      <c r="H338123" s="12"/>
    </row>
    <row r="338124" spans="8:8">
      <c r="H338124" s="12"/>
    </row>
    <row r="338125" spans="8:8">
      <c r="H338125" s="12"/>
    </row>
    <row r="338126" spans="8:8">
      <c r="H338126" s="12"/>
    </row>
    <row r="338127" spans="8:8">
      <c r="H338127" s="12"/>
    </row>
    <row r="338128" spans="8:8">
      <c r="H338128" s="12"/>
    </row>
    <row r="338129" spans="8:8">
      <c r="H338129" s="12"/>
    </row>
    <row r="338130" spans="8:8">
      <c r="H338130" s="12"/>
    </row>
    <row r="338131" spans="8:8">
      <c r="H338131" s="12"/>
    </row>
    <row r="338132" spans="8:8">
      <c r="H338132" s="12"/>
    </row>
    <row r="338133" spans="8:8">
      <c r="H338133" s="12"/>
    </row>
    <row r="338134" spans="8:8">
      <c r="H338134" s="12"/>
    </row>
    <row r="338135" spans="8:8">
      <c r="H338135" s="12"/>
    </row>
    <row r="338136" spans="8:8">
      <c r="H338136" s="12"/>
    </row>
    <row r="338137" spans="8:8">
      <c r="H338137" s="12"/>
    </row>
    <row r="338138" spans="8:8">
      <c r="H338138" s="12"/>
    </row>
    <row r="338139" spans="8:8">
      <c r="H338139" s="12"/>
    </row>
    <row r="338140" spans="8:8">
      <c r="H338140" s="12"/>
    </row>
    <row r="338141" spans="8:8">
      <c r="H338141" s="12"/>
    </row>
    <row r="338142" spans="8:8">
      <c r="H338142" s="12"/>
    </row>
    <row r="338143" spans="8:8">
      <c r="H338143" s="12"/>
    </row>
    <row r="338144" spans="8:8">
      <c r="H338144" s="12"/>
    </row>
    <row r="338145" spans="8:8">
      <c r="H338145" s="12"/>
    </row>
    <row r="338146" spans="8:8">
      <c r="H338146" s="12"/>
    </row>
    <row r="338147" spans="8:8">
      <c r="H338147" s="12"/>
    </row>
    <row r="338148" spans="8:8">
      <c r="H338148" s="12"/>
    </row>
    <row r="338149" spans="8:8">
      <c r="H338149" s="12"/>
    </row>
    <row r="338150" spans="8:8">
      <c r="H338150" s="12"/>
    </row>
    <row r="338151" spans="8:8">
      <c r="H338151" s="12"/>
    </row>
    <row r="338152" spans="8:8">
      <c r="H338152" s="12"/>
    </row>
    <row r="338153" spans="8:8">
      <c r="H338153" s="12"/>
    </row>
    <row r="338154" spans="8:8">
      <c r="H338154" s="12"/>
    </row>
    <row r="338155" spans="8:8">
      <c r="H338155" s="12"/>
    </row>
    <row r="338156" spans="8:8">
      <c r="H338156" s="12"/>
    </row>
    <row r="338157" spans="8:8">
      <c r="H338157" s="12"/>
    </row>
    <row r="338158" spans="8:8">
      <c r="H338158" s="12"/>
    </row>
    <row r="338159" spans="8:8">
      <c r="H338159" s="12"/>
    </row>
    <row r="338160" spans="8:8">
      <c r="H338160" s="12"/>
    </row>
    <row r="338161" spans="8:8">
      <c r="H338161" s="12"/>
    </row>
    <row r="338162" spans="8:8">
      <c r="H338162" s="12"/>
    </row>
    <row r="338163" spans="8:8">
      <c r="H338163" s="12"/>
    </row>
    <row r="338164" spans="8:8">
      <c r="H338164" s="12"/>
    </row>
    <row r="338165" spans="8:8">
      <c r="H338165" s="12"/>
    </row>
    <row r="338166" spans="8:8">
      <c r="H338166" s="12"/>
    </row>
    <row r="338167" spans="8:8">
      <c r="H338167" s="12"/>
    </row>
    <row r="338168" spans="8:8">
      <c r="H338168" s="12"/>
    </row>
    <row r="338169" spans="8:8">
      <c r="H338169" s="12"/>
    </row>
    <row r="338170" spans="8:8">
      <c r="H338170" s="12"/>
    </row>
    <row r="338171" spans="8:8">
      <c r="H338171" s="12"/>
    </row>
    <row r="338172" spans="8:8">
      <c r="H338172" s="12"/>
    </row>
    <row r="338173" spans="8:8">
      <c r="H338173" s="12"/>
    </row>
    <row r="338174" spans="8:8">
      <c r="H338174" s="12"/>
    </row>
    <row r="338175" spans="8:8">
      <c r="H338175" s="12"/>
    </row>
    <row r="338176" spans="8:8">
      <c r="H338176" s="12"/>
    </row>
    <row r="338177" spans="8:8">
      <c r="H338177" s="12"/>
    </row>
    <row r="338178" spans="8:8">
      <c r="H338178" s="12"/>
    </row>
    <row r="338179" spans="8:8">
      <c r="H338179" s="12"/>
    </row>
    <row r="338180" spans="8:8">
      <c r="H338180" s="12"/>
    </row>
    <row r="338181" spans="8:8">
      <c r="H338181" s="12"/>
    </row>
    <row r="338182" spans="8:8">
      <c r="H338182" s="12"/>
    </row>
    <row r="338183" spans="8:8">
      <c r="H338183" s="12"/>
    </row>
    <row r="338184" spans="8:8">
      <c r="H338184" s="12"/>
    </row>
    <row r="338185" spans="8:8">
      <c r="H338185" s="12"/>
    </row>
    <row r="338186" spans="8:8">
      <c r="H338186" s="12"/>
    </row>
    <row r="338187" spans="8:8">
      <c r="H338187" s="12"/>
    </row>
    <row r="338188" spans="8:8">
      <c r="H338188" s="12"/>
    </row>
    <row r="338189" spans="8:8">
      <c r="H338189" s="12"/>
    </row>
    <row r="338190" spans="8:8">
      <c r="H338190" s="12"/>
    </row>
    <row r="338191" spans="8:8">
      <c r="H338191" s="12"/>
    </row>
    <row r="338192" spans="8:8">
      <c r="H338192" s="12"/>
    </row>
    <row r="338193" spans="8:8">
      <c r="H338193" s="12"/>
    </row>
    <row r="338194" spans="8:8">
      <c r="H338194" s="12"/>
    </row>
    <row r="338195" spans="8:8">
      <c r="H338195" s="12"/>
    </row>
    <row r="338196" spans="8:8">
      <c r="H338196" s="12"/>
    </row>
    <row r="338197" spans="8:8">
      <c r="H338197" s="12"/>
    </row>
    <row r="338198" spans="8:8">
      <c r="H338198" s="12"/>
    </row>
    <row r="338199" spans="8:8">
      <c r="H338199" s="12"/>
    </row>
    <row r="338200" spans="8:8">
      <c r="H338200" s="12"/>
    </row>
    <row r="338201" spans="8:8">
      <c r="H338201" s="12"/>
    </row>
    <row r="338202" spans="8:8">
      <c r="H338202" s="12"/>
    </row>
    <row r="338203" spans="8:8">
      <c r="H338203" s="12"/>
    </row>
    <row r="338204" spans="8:8">
      <c r="H338204" s="12"/>
    </row>
    <row r="338205" spans="8:8">
      <c r="H338205" s="12"/>
    </row>
    <row r="338206" spans="8:8">
      <c r="H338206" s="12"/>
    </row>
    <row r="338207" spans="8:8">
      <c r="H338207" s="12"/>
    </row>
    <row r="338208" spans="8:8">
      <c r="H338208" s="12"/>
    </row>
    <row r="338209" spans="8:8">
      <c r="H338209" s="12"/>
    </row>
    <row r="338210" spans="8:8">
      <c r="H338210" s="12"/>
    </row>
    <row r="338211" spans="8:8">
      <c r="H338211" s="12"/>
    </row>
    <row r="338212" spans="8:8">
      <c r="H338212" s="12"/>
    </row>
    <row r="338213" spans="8:8">
      <c r="H338213" s="12"/>
    </row>
    <row r="338214" spans="8:8">
      <c r="H338214" s="12"/>
    </row>
    <row r="338215" spans="8:8">
      <c r="H338215" s="12"/>
    </row>
    <row r="338216" spans="8:8">
      <c r="H338216" s="12"/>
    </row>
    <row r="338217" spans="8:8">
      <c r="H338217" s="12"/>
    </row>
    <row r="338218" spans="8:8">
      <c r="H338218" s="12"/>
    </row>
    <row r="338219" spans="8:8">
      <c r="H338219" s="12"/>
    </row>
    <row r="338220" spans="8:8">
      <c r="H338220" s="12"/>
    </row>
    <row r="338221" spans="8:8">
      <c r="H338221" s="12"/>
    </row>
    <row r="338222" spans="8:8">
      <c r="H338222" s="12"/>
    </row>
    <row r="338223" spans="8:8">
      <c r="H338223" s="12"/>
    </row>
    <row r="338224" spans="8:8">
      <c r="H338224" s="12"/>
    </row>
    <row r="338225" spans="8:8">
      <c r="H338225" s="12"/>
    </row>
    <row r="338226" spans="8:8">
      <c r="H338226" s="12"/>
    </row>
    <row r="338227" spans="8:8">
      <c r="H338227" s="12"/>
    </row>
    <row r="338228" spans="8:8">
      <c r="H338228" s="12"/>
    </row>
    <row r="338229" spans="8:8">
      <c r="H338229" s="12"/>
    </row>
    <row r="338230" spans="8:8">
      <c r="H338230" s="12"/>
    </row>
    <row r="338231" spans="8:8">
      <c r="H338231" s="12"/>
    </row>
    <row r="338232" spans="8:8">
      <c r="H338232" s="12"/>
    </row>
    <row r="338233" spans="8:8">
      <c r="H338233" s="12"/>
    </row>
    <row r="338234" spans="8:8">
      <c r="H338234" s="12"/>
    </row>
    <row r="338235" spans="8:8">
      <c r="H338235" s="12"/>
    </row>
    <row r="338236" spans="8:8">
      <c r="H338236" s="12"/>
    </row>
    <row r="338237" spans="8:8">
      <c r="H338237" s="12"/>
    </row>
    <row r="338238" spans="8:8">
      <c r="H338238" s="12"/>
    </row>
    <row r="338239" spans="8:8">
      <c r="H338239" s="12"/>
    </row>
    <row r="338240" spans="8:8">
      <c r="H338240" s="12"/>
    </row>
    <row r="338241" spans="8:8">
      <c r="H338241" s="12"/>
    </row>
    <row r="338242" spans="8:8">
      <c r="H338242" s="12"/>
    </row>
    <row r="338243" spans="8:8">
      <c r="H338243" s="12"/>
    </row>
    <row r="338244" spans="8:8">
      <c r="H338244" s="12"/>
    </row>
    <row r="338245" spans="8:8">
      <c r="H338245" s="12"/>
    </row>
    <row r="338246" spans="8:8">
      <c r="H338246" s="12"/>
    </row>
    <row r="338247" spans="8:8">
      <c r="H338247" s="12"/>
    </row>
    <row r="338248" spans="8:8">
      <c r="H338248" s="12"/>
    </row>
    <row r="338249" spans="8:8">
      <c r="H338249" s="12"/>
    </row>
    <row r="338250" spans="8:8">
      <c r="H338250" s="12"/>
    </row>
    <row r="338251" spans="8:8">
      <c r="H338251" s="12"/>
    </row>
    <row r="338252" spans="8:8">
      <c r="H338252" s="12"/>
    </row>
    <row r="338253" spans="8:8">
      <c r="H338253" s="12"/>
    </row>
    <row r="338254" spans="8:8">
      <c r="H338254" s="12"/>
    </row>
    <row r="338255" spans="8:8">
      <c r="H338255" s="12"/>
    </row>
    <row r="338256" spans="8:8">
      <c r="H338256" s="12"/>
    </row>
    <row r="338257" spans="8:8">
      <c r="H338257" s="12"/>
    </row>
    <row r="338258" spans="8:8">
      <c r="H338258" s="12"/>
    </row>
    <row r="338259" spans="8:8">
      <c r="H338259" s="12"/>
    </row>
    <row r="338260" spans="8:8">
      <c r="H338260" s="12"/>
    </row>
    <row r="338261" spans="8:8">
      <c r="H338261" s="12"/>
    </row>
    <row r="338262" spans="8:8">
      <c r="H338262" s="12"/>
    </row>
    <row r="338263" spans="8:8">
      <c r="H338263" s="12"/>
    </row>
    <row r="338264" spans="8:8">
      <c r="H338264" s="12"/>
    </row>
    <row r="338265" spans="8:8">
      <c r="H338265" s="12"/>
    </row>
    <row r="338266" spans="8:8">
      <c r="H338266" s="12"/>
    </row>
    <row r="338267" spans="8:8">
      <c r="H338267" s="12"/>
    </row>
    <row r="338268" spans="8:8">
      <c r="H338268" s="12"/>
    </row>
    <row r="338269" spans="8:8">
      <c r="H338269" s="12"/>
    </row>
    <row r="338270" spans="8:8">
      <c r="H338270" s="12"/>
    </row>
    <row r="338271" spans="8:8">
      <c r="H338271" s="12"/>
    </row>
    <row r="338272" spans="8:8">
      <c r="H338272" s="12"/>
    </row>
    <row r="338273" spans="8:8">
      <c r="H338273" s="12"/>
    </row>
    <row r="338274" spans="8:8">
      <c r="H338274" s="12"/>
    </row>
    <row r="338275" spans="8:8">
      <c r="H338275" s="12"/>
    </row>
    <row r="338276" spans="8:8">
      <c r="H338276" s="12"/>
    </row>
    <row r="338277" spans="8:8">
      <c r="H338277" s="12"/>
    </row>
    <row r="338278" spans="8:8">
      <c r="H338278" s="12"/>
    </row>
    <row r="338279" spans="8:8">
      <c r="H338279" s="12"/>
    </row>
    <row r="338280" spans="8:8">
      <c r="H338280" s="12"/>
    </row>
    <row r="338281" spans="8:8">
      <c r="H338281" s="12"/>
    </row>
    <row r="338282" spans="8:8">
      <c r="H338282" s="12"/>
    </row>
    <row r="338283" spans="8:8">
      <c r="H338283" s="12"/>
    </row>
    <row r="338284" spans="8:8">
      <c r="H338284" s="12"/>
    </row>
    <row r="338285" spans="8:8">
      <c r="H338285" s="12"/>
    </row>
    <row r="338286" spans="8:8">
      <c r="H338286" s="12"/>
    </row>
    <row r="338287" spans="8:8">
      <c r="H338287" s="12"/>
    </row>
    <row r="338288" spans="8:8">
      <c r="H338288" s="12"/>
    </row>
    <row r="338289" spans="8:8">
      <c r="H338289" s="12"/>
    </row>
    <row r="338290" spans="8:8">
      <c r="H338290" s="12"/>
    </row>
    <row r="338291" spans="8:8">
      <c r="H338291" s="12"/>
    </row>
    <row r="338292" spans="8:8">
      <c r="H338292" s="12"/>
    </row>
    <row r="338293" spans="8:8">
      <c r="H338293" s="12"/>
    </row>
    <row r="338294" spans="8:8">
      <c r="H338294" s="12"/>
    </row>
    <row r="338295" spans="8:8">
      <c r="H338295" s="12"/>
    </row>
    <row r="338296" spans="8:8">
      <c r="H338296" s="12"/>
    </row>
    <row r="338297" spans="8:8">
      <c r="H338297" s="12"/>
    </row>
    <row r="338298" spans="8:8">
      <c r="H338298" s="12"/>
    </row>
    <row r="338299" spans="8:8">
      <c r="H338299" s="12"/>
    </row>
    <row r="338300" spans="8:8">
      <c r="H338300" s="12"/>
    </row>
    <row r="338301" spans="8:8">
      <c r="H338301" s="12"/>
    </row>
    <row r="338302" spans="8:8">
      <c r="H338302" s="12"/>
    </row>
    <row r="338303" spans="8:8">
      <c r="H338303" s="12"/>
    </row>
    <row r="338304" spans="8:8">
      <c r="H338304" s="12"/>
    </row>
    <row r="338305" spans="8:8">
      <c r="H338305" s="12"/>
    </row>
    <row r="338306" spans="8:8">
      <c r="H338306" s="12"/>
    </row>
    <row r="338307" spans="8:8">
      <c r="H338307" s="12"/>
    </row>
    <row r="338308" spans="8:8">
      <c r="H338308" s="12"/>
    </row>
    <row r="338309" spans="8:8">
      <c r="H338309" s="12"/>
    </row>
    <row r="338310" spans="8:8">
      <c r="H338310" s="12"/>
    </row>
    <row r="338311" spans="8:8">
      <c r="H338311" s="12"/>
    </row>
    <row r="338312" spans="8:8">
      <c r="H338312" s="12"/>
    </row>
    <row r="338313" spans="8:8">
      <c r="H338313" s="12"/>
    </row>
    <row r="338314" spans="8:8">
      <c r="H338314" s="12"/>
    </row>
    <row r="338315" spans="8:8">
      <c r="H338315" s="12"/>
    </row>
    <row r="338316" spans="8:8">
      <c r="H338316" s="12"/>
    </row>
    <row r="338317" spans="8:8">
      <c r="H338317" s="12"/>
    </row>
    <row r="338318" spans="8:8">
      <c r="H338318" s="12"/>
    </row>
    <row r="338319" spans="8:8">
      <c r="H338319" s="12"/>
    </row>
    <row r="338320" spans="8:8">
      <c r="H338320" s="12"/>
    </row>
    <row r="338321" spans="8:8">
      <c r="H338321" s="12"/>
    </row>
    <row r="338322" spans="8:8">
      <c r="H338322" s="12"/>
    </row>
    <row r="338323" spans="8:8">
      <c r="H338323" s="12"/>
    </row>
    <row r="338324" spans="8:8">
      <c r="H338324" s="12"/>
    </row>
    <row r="338325" spans="8:8">
      <c r="H338325" s="12"/>
    </row>
    <row r="338326" spans="8:8">
      <c r="H338326" s="12"/>
    </row>
    <row r="338327" spans="8:8">
      <c r="H338327" s="12"/>
    </row>
    <row r="338328" spans="8:8">
      <c r="H338328" s="12"/>
    </row>
    <row r="338329" spans="8:8">
      <c r="H338329" s="12"/>
    </row>
    <row r="338330" spans="8:8">
      <c r="H338330" s="12"/>
    </row>
    <row r="338331" spans="8:8">
      <c r="H338331" s="12"/>
    </row>
    <row r="338332" spans="8:8">
      <c r="H338332" s="12"/>
    </row>
    <row r="338333" spans="8:8">
      <c r="H338333" s="12"/>
    </row>
    <row r="338334" spans="8:8">
      <c r="H338334" s="12"/>
    </row>
    <row r="338335" spans="8:8">
      <c r="H338335" s="12"/>
    </row>
    <row r="338336" spans="8:8">
      <c r="H338336" s="12"/>
    </row>
    <row r="338337" spans="8:8">
      <c r="H338337" s="12"/>
    </row>
    <row r="338338" spans="8:8">
      <c r="H338338" s="12"/>
    </row>
    <row r="338339" spans="8:8">
      <c r="H338339" s="12"/>
    </row>
    <row r="338340" spans="8:8">
      <c r="H338340" s="12"/>
    </row>
    <row r="338341" spans="8:8">
      <c r="H338341" s="12"/>
    </row>
    <row r="338342" spans="8:8">
      <c r="H338342" s="12"/>
    </row>
    <row r="338343" spans="8:8">
      <c r="H338343" s="12"/>
    </row>
    <row r="338344" spans="8:8">
      <c r="H338344" s="12"/>
    </row>
    <row r="338345" spans="8:8">
      <c r="H338345" s="12"/>
    </row>
    <row r="338346" spans="8:8">
      <c r="H338346" s="12"/>
    </row>
    <row r="338347" spans="8:8">
      <c r="H338347" s="12"/>
    </row>
    <row r="338348" spans="8:8">
      <c r="H338348" s="12"/>
    </row>
    <row r="338349" spans="8:8">
      <c r="H338349" s="12"/>
    </row>
    <row r="338350" spans="8:8">
      <c r="H338350" s="12"/>
    </row>
    <row r="338351" spans="8:8">
      <c r="H338351" s="12"/>
    </row>
    <row r="338352" spans="8:8">
      <c r="H338352" s="12"/>
    </row>
    <row r="338353" spans="8:8">
      <c r="H338353" s="12"/>
    </row>
    <row r="338354" spans="8:8">
      <c r="H338354" s="12"/>
    </row>
    <row r="338355" spans="8:8">
      <c r="H338355" s="12"/>
    </row>
    <row r="338356" spans="8:8">
      <c r="H338356" s="12"/>
    </row>
    <row r="338357" spans="8:8">
      <c r="H338357" s="12"/>
    </row>
    <row r="338358" spans="8:8">
      <c r="H338358" s="12"/>
    </row>
    <row r="338359" spans="8:8">
      <c r="H338359" s="12"/>
    </row>
    <row r="338360" spans="8:8">
      <c r="H338360" s="12"/>
    </row>
    <row r="338361" spans="8:8">
      <c r="H338361" s="12"/>
    </row>
    <row r="338362" spans="8:8">
      <c r="H338362" s="12"/>
    </row>
    <row r="338363" spans="8:8">
      <c r="H338363" s="12"/>
    </row>
    <row r="338364" spans="8:8">
      <c r="H338364" s="12"/>
    </row>
    <row r="338365" spans="8:8">
      <c r="H338365" s="12"/>
    </row>
    <row r="338366" spans="8:8">
      <c r="H338366" s="12"/>
    </row>
    <row r="338367" spans="8:8">
      <c r="H338367" s="12"/>
    </row>
    <row r="338368" spans="8:8">
      <c r="H338368" s="12"/>
    </row>
    <row r="338369" spans="8:8">
      <c r="H338369" s="12"/>
    </row>
    <row r="338370" spans="8:8">
      <c r="H338370" s="12"/>
    </row>
    <row r="338371" spans="8:8">
      <c r="H338371" s="12"/>
    </row>
    <row r="338372" spans="8:8">
      <c r="H338372" s="12"/>
    </row>
    <row r="338373" spans="8:8">
      <c r="H338373" s="12"/>
    </row>
    <row r="338374" spans="8:8">
      <c r="H338374" s="12"/>
    </row>
    <row r="338375" spans="8:8">
      <c r="H338375" s="12"/>
    </row>
    <row r="338376" spans="8:8">
      <c r="H338376" s="12"/>
    </row>
    <row r="338377" spans="8:8">
      <c r="H338377" s="12"/>
    </row>
    <row r="338378" spans="8:8">
      <c r="H338378" s="12"/>
    </row>
    <row r="338379" spans="8:8">
      <c r="H338379" s="12"/>
    </row>
    <row r="338380" spans="8:8">
      <c r="H338380" s="12"/>
    </row>
    <row r="338381" spans="8:8">
      <c r="H338381" s="12"/>
    </row>
    <row r="338382" spans="8:8">
      <c r="H338382" s="12"/>
    </row>
    <row r="338383" spans="8:8">
      <c r="H338383" s="12"/>
    </row>
    <row r="338384" spans="8:8">
      <c r="H338384" s="12"/>
    </row>
    <row r="338385" spans="8:8">
      <c r="H338385" s="12"/>
    </row>
    <row r="338386" spans="8:8">
      <c r="H338386" s="12"/>
    </row>
    <row r="338387" spans="8:8">
      <c r="H338387" s="12"/>
    </row>
    <row r="338388" spans="8:8">
      <c r="H338388" s="12"/>
    </row>
    <row r="338389" spans="8:8">
      <c r="H338389" s="12"/>
    </row>
    <row r="338390" spans="8:8">
      <c r="H338390" s="12"/>
    </row>
    <row r="338391" spans="8:8">
      <c r="H338391" s="12"/>
    </row>
    <row r="338392" spans="8:8">
      <c r="H338392" s="12"/>
    </row>
    <row r="338393" spans="8:8">
      <c r="H338393" s="12"/>
    </row>
    <row r="338394" spans="8:8">
      <c r="H338394" s="12"/>
    </row>
    <row r="338395" spans="8:8">
      <c r="H338395" s="12"/>
    </row>
    <row r="338396" spans="8:8">
      <c r="H338396" s="12"/>
    </row>
    <row r="338397" spans="8:8">
      <c r="H338397" s="12"/>
    </row>
    <row r="338398" spans="8:8">
      <c r="H338398" s="12"/>
    </row>
    <row r="338399" spans="8:8">
      <c r="H338399" s="12"/>
    </row>
    <row r="338400" spans="8:8">
      <c r="H338400" s="12"/>
    </row>
    <row r="338401" spans="8:8">
      <c r="H338401" s="12"/>
    </row>
    <row r="338402" spans="8:8">
      <c r="H338402" s="12"/>
    </row>
    <row r="338403" spans="8:8">
      <c r="H338403" s="12"/>
    </row>
    <row r="338404" spans="8:8">
      <c r="H338404" s="12"/>
    </row>
    <row r="338405" spans="8:8">
      <c r="H338405" s="12"/>
    </row>
    <row r="338406" spans="8:8">
      <c r="H338406" s="12"/>
    </row>
    <row r="338407" spans="8:8">
      <c r="H338407" s="12"/>
    </row>
    <row r="338408" spans="8:8">
      <c r="H338408" s="12"/>
    </row>
    <row r="338409" spans="8:8">
      <c r="H338409" s="12"/>
    </row>
    <row r="338410" spans="8:8">
      <c r="H338410" s="12"/>
    </row>
    <row r="338411" spans="8:8">
      <c r="H338411" s="12"/>
    </row>
    <row r="338412" spans="8:8">
      <c r="H338412" s="12"/>
    </row>
    <row r="338413" spans="8:8">
      <c r="H338413" s="12"/>
    </row>
    <row r="338414" spans="8:8">
      <c r="H338414" s="12"/>
    </row>
    <row r="338415" spans="8:8">
      <c r="H338415" s="12"/>
    </row>
    <row r="338416" spans="8:8">
      <c r="H338416" s="12"/>
    </row>
    <row r="338417" spans="8:8">
      <c r="H338417" s="12"/>
    </row>
    <row r="338418" spans="8:8">
      <c r="H338418" s="12"/>
    </row>
    <row r="338419" spans="8:8">
      <c r="H338419" s="12"/>
    </row>
    <row r="338420" spans="8:8">
      <c r="H338420" s="12"/>
    </row>
    <row r="338421" spans="8:8">
      <c r="H338421" s="12"/>
    </row>
    <row r="338422" spans="8:8">
      <c r="H338422" s="12"/>
    </row>
    <row r="338423" spans="8:8">
      <c r="H338423" s="12"/>
    </row>
    <row r="338424" spans="8:8">
      <c r="H338424" s="12"/>
    </row>
    <row r="338425" spans="8:8">
      <c r="H338425" s="12"/>
    </row>
    <row r="338426" spans="8:8">
      <c r="H338426" s="12"/>
    </row>
    <row r="338427" spans="8:8">
      <c r="H338427" s="12"/>
    </row>
    <row r="338428" spans="8:8">
      <c r="H338428" s="12"/>
    </row>
    <row r="338429" spans="8:8">
      <c r="H338429" s="12"/>
    </row>
    <row r="338430" spans="8:8">
      <c r="H338430" s="12"/>
    </row>
    <row r="338431" spans="8:8">
      <c r="H338431" s="12"/>
    </row>
    <row r="338432" spans="8:8">
      <c r="H338432" s="12"/>
    </row>
    <row r="338433" spans="8:8">
      <c r="H338433" s="12"/>
    </row>
    <row r="338434" spans="8:8">
      <c r="H338434" s="12"/>
    </row>
    <row r="338435" spans="8:8">
      <c r="H338435" s="12"/>
    </row>
    <row r="338436" spans="8:8">
      <c r="H338436" s="12"/>
    </row>
    <row r="338437" spans="8:8">
      <c r="H338437" s="12"/>
    </row>
    <row r="338438" spans="8:8">
      <c r="H338438" s="12"/>
    </row>
    <row r="338439" spans="8:8">
      <c r="H338439" s="12"/>
    </row>
    <row r="338440" spans="8:8">
      <c r="H338440" s="12"/>
    </row>
    <row r="338441" spans="8:8">
      <c r="H338441" s="12"/>
    </row>
    <row r="338442" spans="8:8">
      <c r="H338442" s="12"/>
    </row>
    <row r="338443" spans="8:8">
      <c r="H338443" s="12"/>
    </row>
    <row r="338444" spans="8:8">
      <c r="H338444" s="12"/>
    </row>
    <row r="338445" spans="8:8">
      <c r="H338445" s="12"/>
    </row>
    <row r="338446" spans="8:8">
      <c r="H338446" s="12"/>
    </row>
    <row r="338447" spans="8:8">
      <c r="H338447" s="12"/>
    </row>
    <row r="338448" spans="8:8">
      <c r="H338448" s="12"/>
    </row>
    <row r="338449" spans="8:8">
      <c r="H338449" s="12"/>
    </row>
    <row r="338450" spans="8:8">
      <c r="H338450" s="12"/>
    </row>
    <row r="338451" spans="8:8">
      <c r="H338451" s="12"/>
    </row>
    <row r="338452" spans="8:8">
      <c r="H338452" s="12"/>
    </row>
    <row r="338453" spans="8:8">
      <c r="H338453" s="12"/>
    </row>
    <row r="338454" spans="8:8">
      <c r="H338454" s="12"/>
    </row>
    <row r="338455" spans="8:8">
      <c r="H338455" s="12"/>
    </row>
    <row r="338456" spans="8:8">
      <c r="H338456" s="12"/>
    </row>
    <row r="338457" spans="8:8">
      <c r="H338457" s="12"/>
    </row>
    <row r="338458" spans="8:8">
      <c r="H338458" s="12"/>
    </row>
    <row r="338459" spans="8:8">
      <c r="H338459" s="12"/>
    </row>
    <row r="338460" spans="8:8">
      <c r="H338460" s="12"/>
    </row>
    <row r="338461" spans="8:8">
      <c r="H338461" s="12"/>
    </row>
    <row r="338462" spans="8:8">
      <c r="H338462" s="12"/>
    </row>
    <row r="338463" spans="8:8">
      <c r="H338463" s="12"/>
    </row>
    <row r="338464" spans="8:8">
      <c r="H338464" s="12"/>
    </row>
    <row r="338465" spans="8:8">
      <c r="H338465" s="12"/>
    </row>
    <row r="338466" spans="8:8">
      <c r="H338466" s="12"/>
    </row>
    <row r="338467" spans="8:8">
      <c r="H338467" s="12"/>
    </row>
    <row r="338468" spans="8:8">
      <c r="H338468" s="12"/>
    </row>
    <row r="338469" spans="8:8">
      <c r="H338469" s="12"/>
    </row>
    <row r="338470" spans="8:8">
      <c r="H338470" s="12"/>
    </row>
    <row r="338471" spans="8:8">
      <c r="H338471" s="12"/>
    </row>
    <row r="338472" spans="8:8">
      <c r="H338472" s="12"/>
    </row>
    <row r="338473" spans="8:8">
      <c r="H338473" s="12"/>
    </row>
    <row r="338474" spans="8:8">
      <c r="H338474" s="12"/>
    </row>
    <row r="338475" spans="8:8">
      <c r="H338475" s="12"/>
    </row>
    <row r="338476" spans="8:8">
      <c r="H338476" s="12"/>
    </row>
    <row r="338477" spans="8:8">
      <c r="H338477" s="12"/>
    </row>
    <row r="338478" spans="8:8">
      <c r="H338478" s="12"/>
    </row>
    <row r="338479" spans="8:8">
      <c r="H338479" s="12"/>
    </row>
    <row r="338480" spans="8:8">
      <c r="H338480" s="12"/>
    </row>
    <row r="338481" spans="8:8">
      <c r="H338481" s="12"/>
    </row>
    <row r="338482" spans="8:8">
      <c r="H338482" s="12"/>
    </row>
    <row r="338483" spans="8:8">
      <c r="H338483" s="12"/>
    </row>
    <row r="338484" spans="8:8">
      <c r="H338484" s="12"/>
    </row>
    <row r="338485" spans="8:8">
      <c r="H338485" s="12"/>
    </row>
    <row r="338486" spans="8:8">
      <c r="H338486" s="12"/>
    </row>
    <row r="338487" spans="8:8">
      <c r="H338487" s="12"/>
    </row>
    <row r="338488" spans="8:8">
      <c r="H338488" s="12"/>
    </row>
    <row r="338489" spans="8:8">
      <c r="H338489" s="12"/>
    </row>
    <row r="338490" spans="8:8">
      <c r="H338490" s="12"/>
    </row>
    <row r="338491" spans="8:8">
      <c r="H338491" s="12"/>
    </row>
    <row r="338492" spans="8:8">
      <c r="H338492" s="12"/>
    </row>
    <row r="338493" spans="8:8">
      <c r="H338493" s="12"/>
    </row>
    <row r="338494" spans="8:8">
      <c r="H338494" s="12"/>
    </row>
    <row r="338495" spans="8:8">
      <c r="H338495" s="12"/>
    </row>
    <row r="338496" spans="8:8">
      <c r="H338496" s="12"/>
    </row>
    <row r="338497" spans="8:8">
      <c r="H338497" s="12"/>
    </row>
    <row r="338498" spans="8:8">
      <c r="H338498" s="12"/>
    </row>
    <row r="338499" spans="8:8">
      <c r="H338499" s="12"/>
    </row>
    <row r="338500" spans="8:8">
      <c r="H338500" s="12"/>
    </row>
    <row r="338501" spans="8:8">
      <c r="H338501" s="12"/>
    </row>
    <row r="338502" spans="8:8">
      <c r="H338502" s="12"/>
    </row>
    <row r="338503" spans="8:8">
      <c r="H338503" s="12"/>
    </row>
    <row r="338504" spans="8:8">
      <c r="H338504" s="12"/>
    </row>
    <row r="338505" spans="8:8">
      <c r="H338505" s="12"/>
    </row>
    <row r="338506" spans="8:8">
      <c r="H338506" s="12"/>
    </row>
    <row r="338507" spans="8:8">
      <c r="H338507" s="12"/>
    </row>
    <row r="338508" spans="8:8">
      <c r="H338508" s="12"/>
    </row>
    <row r="338509" spans="8:8">
      <c r="H338509" s="12"/>
    </row>
    <row r="338510" spans="8:8">
      <c r="H338510" s="12"/>
    </row>
    <row r="338511" spans="8:8">
      <c r="H338511" s="12"/>
    </row>
    <row r="338512" spans="8:8">
      <c r="H338512" s="12"/>
    </row>
    <row r="338513" spans="8:8">
      <c r="H338513" s="12"/>
    </row>
    <row r="338514" spans="8:8">
      <c r="H338514" s="12"/>
    </row>
    <row r="338515" spans="8:8">
      <c r="H338515" s="12"/>
    </row>
    <row r="338516" spans="8:8">
      <c r="H338516" s="12"/>
    </row>
    <row r="338517" spans="8:8">
      <c r="H338517" s="12"/>
    </row>
    <row r="338518" spans="8:8">
      <c r="H338518" s="12"/>
    </row>
    <row r="338519" spans="8:8">
      <c r="H338519" s="12"/>
    </row>
    <row r="338520" spans="8:8">
      <c r="H338520" s="12"/>
    </row>
    <row r="338521" spans="8:8">
      <c r="H338521" s="12"/>
    </row>
    <row r="338522" spans="8:8">
      <c r="H338522" s="12"/>
    </row>
    <row r="338523" spans="8:8">
      <c r="H338523" s="12"/>
    </row>
    <row r="338524" spans="8:8">
      <c r="H338524" s="12"/>
    </row>
    <row r="338525" spans="8:8">
      <c r="H338525" s="12"/>
    </row>
    <row r="338526" spans="8:8">
      <c r="H338526" s="12"/>
    </row>
    <row r="338527" spans="8:8">
      <c r="H338527" s="12"/>
    </row>
    <row r="338528" spans="8:8">
      <c r="H338528" s="12"/>
    </row>
    <row r="338529" spans="8:8">
      <c r="H338529" s="12"/>
    </row>
    <row r="338530" spans="8:8">
      <c r="H338530" s="12"/>
    </row>
    <row r="338531" spans="8:8">
      <c r="H338531" s="12"/>
    </row>
    <row r="338532" spans="8:8">
      <c r="H338532" s="12"/>
    </row>
    <row r="338533" spans="8:8">
      <c r="H338533" s="12"/>
    </row>
    <row r="338534" spans="8:8">
      <c r="H338534" s="12"/>
    </row>
    <row r="338535" spans="8:8">
      <c r="H338535" s="12"/>
    </row>
    <row r="338536" spans="8:8">
      <c r="H338536" s="12"/>
    </row>
    <row r="338537" spans="8:8">
      <c r="H338537" s="12"/>
    </row>
    <row r="338538" spans="8:8">
      <c r="H338538" s="12"/>
    </row>
    <row r="338539" spans="8:8">
      <c r="H338539" s="12"/>
    </row>
    <row r="338540" spans="8:8">
      <c r="H338540" s="12"/>
    </row>
    <row r="338541" spans="8:8">
      <c r="H338541" s="12"/>
    </row>
    <row r="338542" spans="8:8">
      <c r="H338542" s="12"/>
    </row>
    <row r="338543" spans="8:8">
      <c r="H338543" s="12"/>
    </row>
    <row r="338544" spans="8:8">
      <c r="H338544" s="12"/>
    </row>
    <row r="338545" spans="8:8">
      <c r="H338545" s="12"/>
    </row>
    <row r="338546" spans="8:8">
      <c r="H338546" s="12"/>
    </row>
    <row r="338547" spans="8:8">
      <c r="H338547" s="12"/>
    </row>
    <row r="338548" spans="8:8">
      <c r="H338548" s="12"/>
    </row>
    <row r="338549" spans="8:8">
      <c r="H338549" s="12"/>
    </row>
    <row r="338550" spans="8:8">
      <c r="H338550" s="12"/>
    </row>
    <row r="338551" spans="8:8">
      <c r="H338551" s="12"/>
    </row>
    <row r="338552" spans="8:8">
      <c r="H338552" s="12"/>
    </row>
    <row r="338553" spans="8:8">
      <c r="H338553" s="12"/>
    </row>
    <row r="338554" spans="8:8">
      <c r="H338554" s="12"/>
    </row>
    <row r="338555" spans="8:8">
      <c r="H338555" s="12"/>
    </row>
    <row r="338556" spans="8:8">
      <c r="H338556" s="12"/>
    </row>
    <row r="338557" spans="8:8">
      <c r="H338557" s="12"/>
    </row>
    <row r="338558" spans="8:8">
      <c r="H338558" s="12"/>
    </row>
    <row r="338559" spans="8:8">
      <c r="H338559" s="12"/>
    </row>
    <row r="338560" spans="8:8">
      <c r="H338560" s="12"/>
    </row>
    <row r="338561" spans="8:8">
      <c r="H338561" s="12"/>
    </row>
    <row r="338562" spans="8:8">
      <c r="H338562" s="12"/>
    </row>
    <row r="338563" spans="8:8">
      <c r="H338563" s="12"/>
    </row>
    <row r="338564" spans="8:8">
      <c r="H338564" s="12"/>
    </row>
    <row r="338565" spans="8:8">
      <c r="H338565" s="12"/>
    </row>
    <row r="338566" spans="8:8">
      <c r="H338566" s="12"/>
    </row>
    <row r="338567" spans="8:8">
      <c r="H338567" s="12"/>
    </row>
    <row r="338568" spans="8:8">
      <c r="H338568" s="12"/>
    </row>
    <row r="338569" spans="8:8">
      <c r="H338569" s="12"/>
    </row>
    <row r="338570" spans="8:8">
      <c r="H338570" s="12"/>
    </row>
    <row r="338571" spans="8:8">
      <c r="H338571" s="12"/>
    </row>
    <row r="338572" spans="8:8">
      <c r="H338572" s="12"/>
    </row>
    <row r="338573" spans="8:8">
      <c r="H338573" s="12"/>
    </row>
    <row r="338574" spans="8:8">
      <c r="H338574" s="12"/>
    </row>
    <row r="338575" spans="8:8">
      <c r="H338575" s="12"/>
    </row>
    <row r="338576" spans="8:8">
      <c r="H338576" s="12"/>
    </row>
    <row r="338577" spans="8:8">
      <c r="H338577" s="12"/>
    </row>
    <row r="338578" spans="8:8">
      <c r="H338578" s="12"/>
    </row>
    <row r="338579" spans="8:8">
      <c r="H338579" s="12"/>
    </row>
    <row r="338580" spans="8:8">
      <c r="H338580" s="12"/>
    </row>
    <row r="338581" spans="8:8">
      <c r="H338581" s="12"/>
    </row>
    <row r="338582" spans="8:8">
      <c r="H338582" s="12"/>
    </row>
    <row r="338583" spans="8:8">
      <c r="H338583" s="12"/>
    </row>
    <row r="338584" spans="8:8">
      <c r="H338584" s="12"/>
    </row>
    <row r="338585" spans="8:8">
      <c r="H338585" s="12"/>
    </row>
    <row r="338586" spans="8:8">
      <c r="H338586" s="12"/>
    </row>
    <row r="338587" spans="8:8">
      <c r="H338587" s="12"/>
    </row>
    <row r="338588" spans="8:8">
      <c r="H338588" s="12"/>
    </row>
    <row r="338589" spans="8:8">
      <c r="H338589" s="12"/>
    </row>
    <row r="338590" spans="8:8">
      <c r="H338590" s="12"/>
    </row>
    <row r="338591" spans="8:8">
      <c r="H338591" s="12"/>
    </row>
    <row r="338592" spans="8:8">
      <c r="H338592" s="12"/>
    </row>
    <row r="338593" spans="8:8">
      <c r="H338593" s="12"/>
    </row>
    <row r="338594" spans="8:8">
      <c r="H338594" s="12"/>
    </row>
    <row r="338595" spans="8:8">
      <c r="H338595" s="12"/>
    </row>
    <row r="338596" spans="8:8">
      <c r="H338596" s="12"/>
    </row>
    <row r="338597" spans="8:8">
      <c r="H338597" s="12"/>
    </row>
    <row r="338598" spans="8:8">
      <c r="H338598" s="12"/>
    </row>
    <row r="338599" spans="8:8">
      <c r="H338599" s="12"/>
    </row>
    <row r="338600" spans="8:8">
      <c r="H338600" s="12"/>
    </row>
    <row r="338601" spans="8:8">
      <c r="H338601" s="12"/>
    </row>
    <row r="338602" spans="8:8">
      <c r="H338602" s="12"/>
    </row>
    <row r="338603" spans="8:8">
      <c r="H338603" s="12"/>
    </row>
    <row r="338604" spans="8:8">
      <c r="H338604" s="12"/>
    </row>
    <row r="338605" spans="8:8">
      <c r="H338605" s="12"/>
    </row>
    <row r="338606" spans="8:8">
      <c r="H338606" s="12"/>
    </row>
    <row r="338607" spans="8:8">
      <c r="H338607" s="12"/>
    </row>
    <row r="338608" spans="8:8">
      <c r="H338608" s="12"/>
    </row>
    <row r="338609" spans="8:8">
      <c r="H338609" s="12"/>
    </row>
    <row r="338610" spans="8:8">
      <c r="H338610" s="12"/>
    </row>
    <row r="338611" spans="8:8">
      <c r="H338611" s="12"/>
    </row>
    <row r="338612" spans="8:8">
      <c r="H338612" s="12"/>
    </row>
    <row r="338613" spans="8:8">
      <c r="H338613" s="12"/>
    </row>
    <row r="338614" spans="8:8">
      <c r="H338614" s="12"/>
    </row>
    <row r="338615" spans="8:8">
      <c r="H338615" s="12"/>
    </row>
    <row r="338616" spans="8:8">
      <c r="H338616" s="12"/>
    </row>
    <row r="338617" spans="8:8">
      <c r="H338617" s="12"/>
    </row>
    <row r="338618" spans="8:8">
      <c r="H338618" s="12"/>
    </row>
    <row r="338619" spans="8:8">
      <c r="H338619" s="12"/>
    </row>
    <row r="338620" spans="8:8">
      <c r="H338620" s="12"/>
    </row>
    <row r="338621" spans="8:8">
      <c r="H338621" s="12"/>
    </row>
    <row r="338622" spans="8:8">
      <c r="H338622" s="12"/>
    </row>
    <row r="338623" spans="8:8">
      <c r="H338623" s="12"/>
    </row>
    <row r="338624" spans="8:8">
      <c r="H338624" s="12"/>
    </row>
    <row r="338625" spans="8:8">
      <c r="H338625" s="12"/>
    </row>
    <row r="338626" spans="8:8">
      <c r="H338626" s="12"/>
    </row>
    <row r="338627" spans="8:8">
      <c r="H338627" s="12"/>
    </row>
    <row r="338628" spans="8:8">
      <c r="H338628" s="12"/>
    </row>
    <row r="338629" spans="8:8">
      <c r="H338629" s="12"/>
    </row>
    <row r="338630" spans="8:8">
      <c r="H338630" s="12"/>
    </row>
    <row r="338631" spans="8:8">
      <c r="H338631" s="12"/>
    </row>
    <row r="338632" spans="8:8">
      <c r="H338632" s="12"/>
    </row>
    <row r="338633" spans="8:8">
      <c r="H338633" s="12"/>
    </row>
    <row r="338634" spans="8:8">
      <c r="H338634" s="12"/>
    </row>
    <row r="338635" spans="8:8">
      <c r="H338635" s="12"/>
    </row>
    <row r="338636" spans="8:8">
      <c r="H338636" s="12"/>
    </row>
    <row r="338637" spans="8:8">
      <c r="H338637" s="12"/>
    </row>
    <row r="338638" spans="8:8">
      <c r="H338638" s="12"/>
    </row>
    <row r="338639" spans="8:8">
      <c r="H338639" s="12"/>
    </row>
    <row r="338640" spans="8:8">
      <c r="H338640" s="12"/>
    </row>
    <row r="338641" spans="8:8">
      <c r="H338641" s="12"/>
    </row>
    <row r="338642" spans="8:8">
      <c r="H338642" s="12"/>
    </row>
    <row r="338643" spans="8:8">
      <c r="H338643" s="12"/>
    </row>
    <row r="338644" spans="8:8">
      <c r="H338644" s="12"/>
    </row>
    <row r="338645" spans="8:8">
      <c r="H338645" s="12"/>
    </row>
    <row r="338646" spans="8:8">
      <c r="H338646" s="12"/>
    </row>
    <row r="338647" spans="8:8">
      <c r="H338647" s="12"/>
    </row>
    <row r="338648" spans="8:8">
      <c r="H338648" s="12"/>
    </row>
    <row r="338649" spans="8:8">
      <c r="H338649" s="12"/>
    </row>
    <row r="338650" spans="8:8">
      <c r="H338650" s="12"/>
    </row>
    <row r="338651" spans="8:8">
      <c r="H338651" s="12"/>
    </row>
    <row r="338652" spans="8:8">
      <c r="H338652" s="12"/>
    </row>
    <row r="338653" spans="8:8">
      <c r="H338653" s="12"/>
    </row>
    <row r="338654" spans="8:8">
      <c r="H338654" s="12"/>
    </row>
    <row r="338655" spans="8:8">
      <c r="H338655" s="12"/>
    </row>
    <row r="338656" spans="8:8">
      <c r="H338656" s="12"/>
    </row>
    <row r="338657" spans="8:8">
      <c r="H338657" s="12"/>
    </row>
    <row r="338658" spans="8:8">
      <c r="H338658" s="12"/>
    </row>
    <row r="338659" spans="8:8">
      <c r="H338659" s="12"/>
    </row>
    <row r="338660" spans="8:8">
      <c r="H338660" s="12"/>
    </row>
    <row r="338661" spans="8:8">
      <c r="H338661" s="12"/>
    </row>
    <row r="338662" spans="8:8">
      <c r="H338662" s="12"/>
    </row>
    <row r="338663" spans="8:8">
      <c r="H338663" s="12"/>
    </row>
    <row r="338664" spans="8:8">
      <c r="H338664" s="12"/>
    </row>
    <row r="338665" spans="8:8">
      <c r="H338665" s="12"/>
    </row>
    <row r="338666" spans="8:8">
      <c r="H338666" s="12"/>
    </row>
    <row r="338667" spans="8:8">
      <c r="H338667" s="12"/>
    </row>
    <row r="338668" spans="8:8">
      <c r="H338668" s="12"/>
    </row>
    <row r="338669" spans="8:8">
      <c r="H338669" s="12"/>
    </row>
    <row r="338670" spans="8:8">
      <c r="H338670" s="12"/>
    </row>
    <row r="338671" spans="8:8">
      <c r="H338671" s="12"/>
    </row>
    <row r="338672" spans="8:8">
      <c r="H338672" s="12"/>
    </row>
    <row r="338673" spans="8:8">
      <c r="H338673" s="12"/>
    </row>
    <row r="338674" spans="8:8">
      <c r="H338674" s="12"/>
    </row>
    <row r="338675" spans="8:8">
      <c r="H338675" s="12"/>
    </row>
    <row r="338676" spans="8:8">
      <c r="H338676" s="12"/>
    </row>
    <row r="338677" spans="8:8">
      <c r="H338677" s="12"/>
    </row>
    <row r="338678" spans="8:8">
      <c r="H338678" s="12"/>
    </row>
    <row r="338679" spans="8:8">
      <c r="H338679" s="12"/>
    </row>
    <row r="338680" spans="8:8">
      <c r="H338680" s="12"/>
    </row>
    <row r="338681" spans="8:8">
      <c r="H338681" s="12"/>
    </row>
    <row r="338682" spans="8:8">
      <c r="H338682" s="12"/>
    </row>
    <row r="338683" spans="8:8">
      <c r="H338683" s="12"/>
    </row>
    <row r="338684" spans="8:8">
      <c r="H338684" s="12"/>
    </row>
    <row r="338685" spans="8:8">
      <c r="H338685" s="12"/>
    </row>
    <row r="338686" spans="8:8">
      <c r="H338686" s="12"/>
    </row>
    <row r="338687" spans="8:8">
      <c r="H338687" s="12"/>
    </row>
    <row r="338688" spans="8:8">
      <c r="H338688" s="12"/>
    </row>
    <row r="338689" spans="8:8">
      <c r="H338689" s="12"/>
    </row>
    <row r="338690" spans="8:8">
      <c r="H338690" s="12"/>
    </row>
    <row r="338691" spans="8:8">
      <c r="H338691" s="12"/>
    </row>
    <row r="338692" spans="8:8">
      <c r="H338692" s="12"/>
    </row>
    <row r="338693" spans="8:8">
      <c r="H338693" s="12"/>
    </row>
    <row r="338694" spans="8:8">
      <c r="H338694" s="12"/>
    </row>
    <row r="338695" spans="8:8">
      <c r="H338695" s="12"/>
    </row>
    <row r="338696" spans="8:8">
      <c r="H338696" s="12"/>
    </row>
    <row r="338697" spans="8:8">
      <c r="H338697" s="12"/>
    </row>
    <row r="338698" spans="8:8">
      <c r="H338698" s="12"/>
    </row>
    <row r="338699" spans="8:8">
      <c r="H338699" s="12"/>
    </row>
    <row r="338700" spans="8:8">
      <c r="H338700" s="12"/>
    </row>
    <row r="338701" spans="8:8">
      <c r="H338701" s="12"/>
    </row>
    <row r="338702" spans="8:8">
      <c r="H338702" s="12"/>
    </row>
    <row r="338703" spans="8:8">
      <c r="H338703" s="12"/>
    </row>
    <row r="338704" spans="8:8">
      <c r="H338704" s="12"/>
    </row>
    <row r="338705" spans="8:8">
      <c r="H338705" s="12"/>
    </row>
    <row r="338706" spans="8:8">
      <c r="H338706" s="12"/>
    </row>
    <row r="338707" spans="8:8">
      <c r="H338707" s="12"/>
    </row>
    <row r="338708" spans="8:8">
      <c r="H338708" s="12"/>
    </row>
    <row r="338709" spans="8:8">
      <c r="H338709" s="12"/>
    </row>
    <row r="338710" spans="8:8">
      <c r="H338710" s="12"/>
    </row>
    <row r="338711" spans="8:8">
      <c r="H338711" s="12"/>
    </row>
    <row r="338712" spans="8:8">
      <c r="H338712" s="12"/>
    </row>
    <row r="338713" spans="8:8">
      <c r="H338713" s="12"/>
    </row>
    <row r="338714" spans="8:8">
      <c r="H338714" s="12"/>
    </row>
    <row r="338715" spans="8:8">
      <c r="H338715" s="12"/>
    </row>
    <row r="338716" spans="8:8">
      <c r="H338716" s="12"/>
    </row>
    <row r="338717" spans="8:8">
      <c r="H338717" s="12"/>
    </row>
    <row r="338718" spans="8:8">
      <c r="H338718" s="12"/>
    </row>
    <row r="338719" spans="8:8">
      <c r="H338719" s="12"/>
    </row>
    <row r="338720" spans="8:8">
      <c r="H338720" s="12"/>
    </row>
    <row r="338721" spans="8:8">
      <c r="H338721" s="12"/>
    </row>
    <row r="338722" spans="8:8">
      <c r="H338722" s="12"/>
    </row>
    <row r="338723" spans="8:8">
      <c r="H338723" s="12"/>
    </row>
    <row r="338724" spans="8:8">
      <c r="H338724" s="12"/>
    </row>
    <row r="338725" spans="8:8">
      <c r="H338725" s="12"/>
    </row>
    <row r="338726" spans="8:8">
      <c r="H338726" s="12"/>
    </row>
    <row r="338727" spans="8:8">
      <c r="H338727" s="12"/>
    </row>
    <row r="338728" spans="8:8">
      <c r="H338728" s="12"/>
    </row>
    <row r="338729" spans="8:8">
      <c r="H338729" s="12"/>
    </row>
    <row r="338730" spans="8:8">
      <c r="H338730" s="12"/>
    </row>
    <row r="338731" spans="8:8">
      <c r="H338731" s="12"/>
    </row>
    <row r="338732" spans="8:8">
      <c r="H338732" s="12"/>
    </row>
    <row r="338733" spans="8:8">
      <c r="H338733" s="12"/>
    </row>
    <row r="338734" spans="8:8">
      <c r="H338734" s="12"/>
    </row>
    <row r="338735" spans="8:8">
      <c r="H338735" s="12"/>
    </row>
    <row r="338736" spans="8:8">
      <c r="H338736" s="12"/>
    </row>
    <row r="338737" spans="8:8">
      <c r="H338737" s="12"/>
    </row>
    <row r="338738" spans="8:8">
      <c r="H338738" s="12"/>
    </row>
    <row r="338739" spans="8:8">
      <c r="H338739" s="12"/>
    </row>
    <row r="338740" spans="8:8">
      <c r="H338740" s="12"/>
    </row>
    <row r="338741" spans="8:8">
      <c r="H338741" s="12"/>
    </row>
    <row r="338742" spans="8:8">
      <c r="H338742" s="12"/>
    </row>
    <row r="338743" spans="8:8">
      <c r="H338743" s="12"/>
    </row>
    <row r="338744" spans="8:8">
      <c r="H338744" s="12"/>
    </row>
    <row r="338745" spans="8:8">
      <c r="H338745" s="12"/>
    </row>
    <row r="338746" spans="8:8">
      <c r="H338746" s="12"/>
    </row>
    <row r="338747" spans="8:8">
      <c r="H338747" s="12"/>
    </row>
    <row r="338748" spans="8:8">
      <c r="H338748" s="12"/>
    </row>
    <row r="338749" spans="8:8">
      <c r="H338749" s="12"/>
    </row>
    <row r="338750" spans="8:8">
      <c r="H338750" s="12"/>
    </row>
    <row r="338751" spans="8:8">
      <c r="H338751" s="12"/>
    </row>
    <row r="338752" spans="8:8">
      <c r="H338752" s="12"/>
    </row>
    <row r="338753" spans="8:8">
      <c r="H338753" s="12"/>
    </row>
    <row r="338754" spans="8:8">
      <c r="H338754" s="12"/>
    </row>
    <row r="338755" spans="8:8">
      <c r="H338755" s="12"/>
    </row>
    <row r="338756" spans="8:8">
      <c r="H338756" s="12"/>
    </row>
    <row r="338757" spans="8:8">
      <c r="H338757" s="12"/>
    </row>
    <row r="338758" spans="8:8">
      <c r="H338758" s="12"/>
    </row>
    <row r="338759" spans="8:8">
      <c r="H338759" s="12"/>
    </row>
    <row r="338760" spans="8:8">
      <c r="H338760" s="12"/>
    </row>
    <row r="338761" spans="8:8">
      <c r="H338761" s="12"/>
    </row>
    <row r="338762" spans="8:8">
      <c r="H338762" s="12"/>
    </row>
    <row r="338763" spans="8:8">
      <c r="H338763" s="12"/>
    </row>
    <row r="338764" spans="8:8">
      <c r="H338764" s="12"/>
    </row>
    <row r="338765" spans="8:8">
      <c r="H338765" s="12"/>
    </row>
    <row r="338766" spans="8:8">
      <c r="H338766" s="12"/>
    </row>
    <row r="338767" spans="8:8">
      <c r="H338767" s="12"/>
    </row>
    <row r="338768" spans="8:8">
      <c r="H338768" s="12"/>
    </row>
    <row r="338769" spans="8:8">
      <c r="H338769" s="12"/>
    </row>
    <row r="338770" spans="8:8">
      <c r="H338770" s="12"/>
    </row>
    <row r="338771" spans="8:8">
      <c r="H338771" s="12"/>
    </row>
    <row r="338772" spans="8:8">
      <c r="H338772" s="12"/>
    </row>
    <row r="338773" spans="8:8">
      <c r="H338773" s="12"/>
    </row>
    <row r="338774" spans="8:8">
      <c r="H338774" s="12"/>
    </row>
    <row r="338775" spans="8:8">
      <c r="H338775" s="12"/>
    </row>
    <row r="338776" spans="8:8">
      <c r="H338776" s="12"/>
    </row>
    <row r="338777" spans="8:8">
      <c r="H338777" s="12"/>
    </row>
    <row r="338778" spans="8:8">
      <c r="H338778" s="12"/>
    </row>
    <row r="338779" spans="8:8">
      <c r="H338779" s="12"/>
    </row>
    <row r="338780" spans="8:8">
      <c r="H338780" s="12"/>
    </row>
    <row r="338781" spans="8:8">
      <c r="H338781" s="12"/>
    </row>
    <row r="338782" spans="8:8">
      <c r="H338782" s="12"/>
    </row>
    <row r="338783" spans="8:8">
      <c r="H338783" s="12"/>
    </row>
    <row r="338784" spans="8:8">
      <c r="H338784" s="12"/>
    </row>
    <row r="338785" spans="8:8">
      <c r="H338785" s="12"/>
    </row>
    <row r="338786" spans="8:8">
      <c r="H338786" s="12"/>
    </row>
    <row r="338787" spans="8:8">
      <c r="H338787" s="12"/>
    </row>
    <row r="338788" spans="8:8">
      <c r="H338788" s="12"/>
    </row>
    <row r="338789" spans="8:8">
      <c r="H338789" s="12"/>
    </row>
    <row r="338790" spans="8:8">
      <c r="H338790" s="12"/>
    </row>
    <row r="338791" spans="8:8">
      <c r="H338791" s="12"/>
    </row>
    <row r="338792" spans="8:8">
      <c r="H338792" s="12"/>
    </row>
    <row r="338793" spans="8:8">
      <c r="H338793" s="12"/>
    </row>
    <row r="338794" spans="8:8">
      <c r="H338794" s="12"/>
    </row>
    <row r="338795" spans="8:8">
      <c r="H338795" s="12"/>
    </row>
    <row r="338796" spans="8:8">
      <c r="H338796" s="12"/>
    </row>
    <row r="338797" spans="8:8">
      <c r="H338797" s="12"/>
    </row>
    <row r="338798" spans="8:8">
      <c r="H338798" s="12"/>
    </row>
    <row r="338799" spans="8:8">
      <c r="H338799" s="12"/>
    </row>
    <row r="338800" spans="8:8">
      <c r="H338800" s="12"/>
    </row>
    <row r="338801" spans="8:8">
      <c r="H338801" s="12"/>
    </row>
    <row r="338802" spans="8:8">
      <c r="H338802" s="12"/>
    </row>
    <row r="338803" spans="8:8">
      <c r="H338803" s="12"/>
    </row>
    <row r="338804" spans="8:8">
      <c r="H338804" s="12"/>
    </row>
    <row r="338805" spans="8:8">
      <c r="H338805" s="12"/>
    </row>
    <row r="338806" spans="8:8">
      <c r="H338806" s="12"/>
    </row>
    <row r="338807" spans="8:8">
      <c r="H338807" s="12"/>
    </row>
    <row r="338808" spans="8:8">
      <c r="H338808" s="12"/>
    </row>
    <row r="338809" spans="8:8">
      <c r="H338809" s="12"/>
    </row>
    <row r="338810" spans="8:8">
      <c r="H338810" s="12"/>
    </row>
    <row r="338811" spans="8:8">
      <c r="H338811" s="12"/>
    </row>
    <row r="338812" spans="8:8">
      <c r="H338812" s="12"/>
    </row>
    <row r="338813" spans="8:8">
      <c r="H338813" s="12"/>
    </row>
    <row r="338814" spans="8:8">
      <c r="H338814" s="12"/>
    </row>
    <row r="338815" spans="8:8">
      <c r="H338815" s="12"/>
    </row>
    <row r="338816" spans="8:8">
      <c r="H338816" s="12"/>
    </row>
    <row r="338817" spans="8:8">
      <c r="H338817" s="12"/>
    </row>
    <row r="338818" spans="8:8">
      <c r="H338818" s="12"/>
    </row>
    <row r="338819" spans="8:8">
      <c r="H338819" s="12"/>
    </row>
    <row r="338820" spans="8:8">
      <c r="H338820" s="12"/>
    </row>
    <row r="338821" spans="8:8">
      <c r="H338821" s="12"/>
    </row>
    <row r="338822" spans="8:8">
      <c r="H338822" s="12"/>
    </row>
    <row r="338823" spans="8:8">
      <c r="H338823" s="12"/>
    </row>
    <row r="338824" spans="8:8">
      <c r="H338824" s="12"/>
    </row>
    <row r="338825" spans="8:8">
      <c r="H338825" s="12"/>
    </row>
    <row r="338826" spans="8:8">
      <c r="H338826" s="12"/>
    </row>
    <row r="338827" spans="8:8">
      <c r="H338827" s="12"/>
    </row>
    <row r="338828" spans="8:8">
      <c r="H338828" s="12"/>
    </row>
    <row r="338829" spans="8:8">
      <c r="H338829" s="12"/>
    </row>
    <row r="338830" spans="8:8">
      <c r="H338830" s="12"/>
    </row>
    <row r="338831" spans="8:8">
      <c r="H338831" s="12"/>
    </row>
    <row r="338832" spans="8:8">
      <c r="H338832" s="12"/>
    </row>
    <row r="338833" spans="8:8">
      <c r="H338833" s="12"/>
    </row>
    <row r="338834" spans="8:8">
      <c r="H338834" s="12"/>
    </row>
    <row r="338835" spans="8:8">
      <c r="H338835" s="12"/>
    </row>
    <row r="338836" spans="8:8">
      <c r="H338836" s="12"/>
    </row>
    <row r="338837" spans="8:8">
      <c r="H338837" s="12"/>
    </row>
    <row r="338838" spans="8:8">
      <c r="H338838" s="12"/>
    </row>
    <row r="338839" spans="8:8">
      <c r="H338839" s="12"/>
    </row>
    <row r="338840" spans="8:8">
      <c r="H338840" s="12"/>
    </row>
    <row r="338841" spans="8:8">
      <c r="H338841" s="12"/>
    </row>
    <row r="338842" spans="8:8">
      <c r="H338842" s="12"/>
    </row>
    <row r="338843" spans="8:8">
      <c r="H338843" s="12"/>
    </row>
    <row r="338844" spans="8:8">
      <c r="H338844" s="12"/>
    </row>
    <row r="338845" spans="8:8">
      <c r="H338845" s="12"/>
    </row>
    <row r="338846" spans="8:8">
      <c r="H338846" s="12"/>
    </row>
    <row r="338847" spans="8:8">
      <c r="H338847" s="12"/>
    </row>
    <row r="338848" spans="8:8">
      <c r="H338848" s="12"/>
    </row>
    <row r="338849" spans="8:8">
      <c r="H338849" s="12"/>
    </row>
    <row r="338850" spans="8:8">
      <c r="H338850" s="12"/>
    </row>
    <row r="338851" spans="8:8">
      <c r="H338851" s="12"/>
    </row>
    <row r="338852" spans="8:8">
      <c r="H338852" s="12"/>
    </row>
    <row r="338853" spans="8:8">
      <c r="H338853" s="12"/>
    </row>
    <row r="338854" spans="8:8">
      <c r="H338854" s="12"/>
    </row>
    <row r="338855" spans="8:8">
      <c r="H338855" s="12"/>
    </row>
    <row r="338856" spans="8:8">
      <c r="H338856" s="12"/>
    </row>
    <row r="338857" spans="8:8">
      <c r="H338857" s="12"/>
    </row>
    <row r="338858" spans="8:8">
      <c r="H338858" s="12"/>
    </row>
    <row r="338859" spans="8:8">
      <c r="H338859" s="12"/>
    </row>
    <row r="338860" spans="8:8">
      <c r="H338860" s="12"/>
    </row>
    <row r="338861" spans="8:8">
      <c r="H338861" s="12"/>
    </row>
    <row r="338862" spans="8:8">
      <c r="H338862" s="12"/>
    </row>
    <row r="338863" spans="8:8">
      <c r="H338863" s="12"/>
    </row>
    <row r="338864" spans="8:8">
      <c r="H338864" s="12"/>
    </row>
    <row r="338865" spans="8:8">
      <c r="H338865" s="12"/>
    </row>
    <row r="338866" spans="8:8">
      <c r="H338866" s="12"/>
    </row>
    <row r="338867" spans="8:8">
      <c r="H338867" s="12"/>
    </row>
    <row r="338868" spans="8:8">
      <c r="H338868" s="12"/>
    </row>
    <row r="338869" spans="8:8">
      <c r="H338869" s="12"/>
    </row>
    <row r="338870" spans="8:8">
      <c r="H338870" s="12"/>
    </row>
    <row r="338871" spans="8:8">
      <c r="H338871" s="12"/>
    </row>
    <row r="338872" spans="8:8">
      <c r="H338872" s="12"/>
    </row>
    <row r="338873" spans="8:8">
      <c r="H338873" s="12"/>
    </row>
    <row r="338874" spans="8:8">
      <c r="H338874" s="12"/>
    </row>
    <row r="338875" spans="8:8">
      <c r="H338875" s="12"/>
    </row>
    <row r="338876" spans="8:8">
      <c r="H338876" s="12"/>
    </row>
    <row r="338877" spans="8:8">
      <c r="H338877" s="12"/>
    </row>
    <row r="338878" spans="8:8">
      <c r="H338878" s="12"/>
    </row>
    <row r="338879" spans="8:8">
      <c r="H338879" s="12"/>
    </row>
    <row r="338880" spans="8:8">
      <c r="H338880" s="12"/>
    </row>
    <row r="338881" spans="8:8">
      <c r="H338881" s="12"/>
    </row>
    <row r="338882" spans="8:8">
      <c r="H338882" s="12"/>
    </row>
    <row r="338883" spans="8:8">
      <c r="H338883" s="12"/>
    </row>
    <row r="338884" spans="8:8">
      <c r="H338884" s="12"/>
    </row>
    <row r="338885" spans="8:8">
      <c r="H338885" s="12"/>
    </row>
    <row r="338886" spans="8:8">
      <c r="H338886" s="12"/>
    </row>
    <row r="338887" spans="8:8">
      <c r="H338887" s="12"/>
    </row>
    <row r="338888" spans="8:8">
      <c r="H338888" s="12"/>
    </row>
    <row r="338889" spans="8:8">
      <c r="H338889" s="12"/>
    </row>
    <row r="338890" spans="8:8">
      <c r="H338890" s="12"/>
    </row>
    <row r="338891" spans="8:8">
      <c r="H338891" s="12"/>
    </row>
    <row r="338892" spans="8:8">
      <c r="H338892" s="12"/>
    </row>
    <row r="338893" spans="8:8">
      <c r="H338893" s="12"/>
    </row>
    <row r="338894" spans="8:8">
      <c r="H338894" s="12"/>
    </row>
    <row r="338895" spans="8:8">
      <c r="H338895" s="12"/>
    </row>
    <row r="338896" spans="8:8">
      <c r="H338896" s="12"/>
    </row>
    <row r="338897" spans="8:8">
      <c r="H338897" s="12"/>
    </row>
    <row r="338898" spans="8:8">
      <c r="H338898" s="12"/>
    </row>
    <row r="338899" spans="8:8">
      <c r="H338899" s="12"/>
    </row>
    <row r="338900" spans="8:8">
      <c r="H338900" s="12"/>
    </row>
    <row r="338901" spans="8:8">
      <c r="H338901" s="12"/>
    </row>
    <row r="338902" spans="8:8">
      <c r="H338902" s="12"/>
    </row>
    <row r="338903" spans="8:8">
      <c r="H338903" s="12"/>
    </row>
    <row r="338904" spans="8:8">
      <c r="H338904" s="12"/>
    </row>
    <row r="338905" spans="8:8">
      <c r="H338905" s="12"/>
    </row>
    <row r="338906" spans="8:8">
      <c r="H338906" s="12"/>
    </row>
    <row r="338907" spans="8:8">
      <c r="H338907" s="12"/>
    </row>
    <row r="338908" spans="8:8">
      <c r="H338908" s="12"/>
    </row>
    <row r="338909" spans="8:8">
      <c r="H338909" s="12"/>
    </row>
    <row r="338910" spans="8:8">
      <c r="H338910" s="12"/>
    </row>
    <row r="338911" spans="8:8">
      <c r="H338911" s="12"/>
    </row>
    <row r="338912" spans="8:8">
      <c r="H338912" s="12"/>
    </row>
    <row r="338913" spans="8:8">
      <c r="H338913" s="12"/>
    </row>
    <row r="338914" spans="8:8">
      <c r="H338914" s="12"/>
    </row>
    <row r="338915" spans="8:8">
      <c r="H338915" s="12"/>
    </row>
    <row r="338916" spans="8:8">
      <c r="H338916" s="12"/>
    </row>
    <row r="338917" spans="8:8">
      <c r="H338917" s="12"/>
    </row>
    <row r="338918" spans="8:8">
      <c r="H338918" s="12"/>
    </row>
    <row r="338919" spans="8:8">
      <c r="H338919" s="12"/>
    </row>
    <row r="338920" spans="8:8">
      <c r="H338920" s="12"/>
    </row>
    <row r="338921" spans="8:8">
      <c r="H338921" s="12"/>
    </row>
    <row r="338922" spans="8:8">
      <c r="H338922" s="12"/>
    </row>
    <row r="338923" spans="8:8">
      <c r="H338923" s="12"/>
    </row>
    <row r="338924" spans="8:8">
      <c r="H338924" s="12"/>
    </row>
    <row r="338925" spans="8:8">
      <c r="H338925" s="12"/>
    </row>
    <row r="338926" spans="8:8">
      <c r="H338926" s="12"/>
    </row>
    <row r="338927" spans="8:8">
      <c r="H338927" s="12"/>
    </row>
    <row r="338928" spans="8:8">
      <c r="H338928" s="12"/>
    </row>
    <row r="338929" spans="8:8">
      <c r="H338929" s="12"/>
    </row>
    <row r="338930" spans="8:8">
      <c r="H338930" s="12"/>
    </row>
    <row r="338931" spans="8:8">
      <c r="H338931" s="12"/>
    </row>
    <row r="338932" spans="8:8">
      <c r="H338932" s="12"/>
    </row>
    <row r="338933" spans="8:8">
      <c r="H338933" s="12"/>
    </row>
    <row r="338934" spans="8:8">
      <c r="H338934" s="12"/>
    </row>
    <row r="338935" spans="8:8">
      <c r="H338935" s="12"/>
    </row>
    <row r="338936" spans="8:8">
      <c r="H338936" s="12"/>
    </row>
    <row r="338937" spans="8:8">
      <c r="H338937" s="12"/>
    </row>
    <row r="338938" spans="8:8">
      <c r="H338938" s="12"/>
    </row>
    <row r="338939" spans="8:8">
      <c r="H338939" s="12"/>
    </row>
    <row r="338940" spans="8:8">
      <c r="H338940" s="12"/>
    </row>
    <row r="338941" spans="8:8">
      <c r="H338941" s="12"/>
    </row>
    <row r="338942" spans="8:8">
      <c r="H338942" s="12"/>
    </row>
    <row r="338943" spans="8:8">
      <c r="H338943" s="12"/>
    </row>
    <row r="338944" spans="8:8">
      <c r="H338944" s="12"/>
    </row>
    <row r="338945" spans="8:8">
      <c r="H338945" s="12"/>
    </row>
    <row r="338946" spans="8:8">
      <c r="H338946" s="12"/>
    </row>
    <row r="338947" spans="8:8">
      <c r="H338947" s="12"/>
    </row>
    <row r="338948" spans="8:8">
      <c r="H338948" s="12"/>
    </row>
    <row r="338949" spans="8:8">
      <c r="H338949" s="12"/>
    </row>
    <row r="338950" spans="8:8">
      <c r="H338950" s="12"/>
    </row>
    <row r="338951" spans="8:8">
      <c r="H338951" s="12"/>
    </row>
    <row r="338952" spans="8:8">
      <c r="H338952" s="12"/>
    </row>
    <row r="338953" spans="8:8">
      <c r="H338953" s="12"/>
    </row>
    <row r="338954" spans="8:8">
      <c r="H338954" s="12"/>
    </row>
    <row r="338955" spans="8:8">
      <c r="H338955" s="12"/>
    </row>
    <row r="338956" spans="8:8">
      <c r="H338956" s="12"/>
    </row>
    <row r="338957" spans="8:8">
      <c r="H338957" s="12"/>
    </row>
    <row r="338958" spans="8:8">
      <c r="H338958" s="12"/>
    </row>
    <row r="338959" spans="8:8">
      <c r="H338959" s="12"/>
    </row>
    <row r="338960" spans="8:8">
      <c r="H338960" s="12"/>
    </row>
    <row r="338961" spans="8:8">
      <c r="H338961" s="12"/>
    </row>
    <row r="338962" spans="8:8">
      <c r="H338962" s="12"/>
    </row>
    <row r="338963" spans="8:8">
      <c r="H338963" s="12"/>
    </row>
    <row r="338964" spans="8:8">
      <c r="H338964" s="12"/>
    </row>
    <row r="338965" spans="8:8">
      <c r="H338965" s="12"/>
    </row>
    <row r="338966" spans="8:8">
      <c r="H338966" s="12"/>
    </row>
    <row r="338967" spans="8:8">
      <c r="H338967" s="12"/>
    </row>
    <row r="338968" spans="8:8">
      <c r="H338968" s="12"/>
    </row>
    <row r="338969" spans="8:8">
      <c r="H338969" s="12"/>
    </row>
    <row r="338970" spans="8:8">
      <c r="H338970" s="12"/>
    </row>
    <row r="338971" spans="8:8">
      <c r="H338971" s="12"/>
    </row>
    <row r="338972" spans="8:8">
      <c r="H338972" s="12"/>
    </row>
    <row r="338973" spans="8:8">
      <c r="H338973" s="12"/>
    </row>
    <row r="338974" spans="8:8">
      <c r="H338974" s="12"/>
    </row>
    <row r="338975" spans="8:8">
      <c r="H338975" s="12"/>
    </row>
    <row r="338976" spans="8:8">
      <c r="H338976" s="12"/>
    </row>
    <row r="338977" spans="8:8">
      <c r="H338977" s="12"/>
    </row>
    <row r="338978" spans="8:8">
      <c r="H338978" s="12"/>
    </row>
    <row r="338979" spans="8:8">
      <c r="H338979" s="12"/>
    </row>
    <row r="338980" spans="8:8">
      <c r="H338980" s="12"/>
    </row>
    <row r="338981" spans="8:8">
      <c r="H338981" s="12"/>
    </row>
    <row r="338982" spans="8:8">
      <c r="H338982" s="12"/>
    </row>
    <row r="338983" spans="8:8">
      <c r="H338983" s="12"/>
    </row>
    <row r="338984" spans="8:8">
      <c r="H338984" s="12"/>
    </row>
    <row r="338985" spans="8:8">
      <c r="H338985" s="12"/>
    </row>
    <row r="338986" spans="8:8">
      <c r="H338986" s="12"/>
    </row>
    <row r="338987" spans="8:8">
      <c r="H338987" s="12"/>
    </row>
    <row r="338988" spans="8:8">
      <c r="H338988" s="12"/>
    </row>
    <row r="338989" spans="8:8">
      <c r="H338989" s="12"/>
    </row>
    <row r="338990" spans="8:8">
      <c r="H338990" s="12"/>
    </row>
    <row r="338991" spans="8:8">
      <c r="H338991" s="12"/>
    </row>
    <row r="338992" spans="8:8">
      <c r="H338992" s="12"/>
    </row>
    <row r="338993" spans="8:8">
      <c r="H338993" s="12"/>
    </row>
    <row r="338994" spans="8:8">
      <c r="H338994" s="12"/>
    </row>
    <row r="338995" spans="8:8">
      <c r="H338995" s="12"/>
    </row>
    <row r="338996" spans="8:8">
      <c r="H338996" s="12"/>
    </row>
    <row r="338997" spans="8:8">
      <c r="H338997" s="12"/>
    </row>
    <row r="338998" spans="8:8">
      <c r="H338998" s="12"/>
    </row>
    <row r="338999" spans="8:8">
      <c r="H338999" s="12"/>
    </row>
    <row r="339000" spans="8:8">
      <c r="H339000" s="12"/>
    </row>
    <row r="339001" spans="8:8">
      <c r="H339001" s="12"/>
    </row>
    <row r="339002" spans="8:8">
      <c r="H339002" s="12"/>
    </row>
    <row r="339003" spans="8:8">
      <c r="H339003" s="12"/>
    </row>
    <row r="339004" spans="8:8">
      <c r="H339004" s="12"/>
    </row>
    <row r="339005" spans="8:8">
      <c r="H339005" s="12"/>
    </row>
    <row r="339006" spans="8:8">
      <c r="H339006" s="12"/>
    </row>
    <row r="339007" spans="8:8">
      <c r="H339007" s="12"/>
    </row>
    <row r="339008" spans="8:8">
      <c r="H339008" s="12"/>
    </row>
    <row r="339009" spans="8:8">
      <c r="H339009" s="12"/>
    </row>
    <row r="339010" spans="8:8">
      <c r="H339010" s="12"/>
    </row>
    <row r="339011" spans="8:8">
      <c r="H339011" s="12"/>
    </row>
    <row r="339012" spans="8:8">
      <c r="H339012" s="12"/>
    </row>
    <row r="339013" spans="8:8">
      <c r="H339013" s="12"/>
    </row>
    <row r="339014" spans="8:8">
      <c r="H339014" s="12"/>
    </row>
    <row r="339015" spans="8:8">
      <c r="H339015" s="12"/>
    </row>
    <row r="339016" spans="8:8">
      <c r="H339016" s="12"/>
    </row>
    <row r="339017" spans="8:8">
      <c r="H339017" s="12"/>
    </row>
    <row r="339018" spans="8:8">
      <c r="H339018" s="12"/>
    </row>
    <row r="339019" spans="8:8">
      <c r="H339019" s="12"/>
    </row>
    <row r="339020" spans="8:8">
      <c r="H339020" s="12"/>
    </row>
    <row r="339021" spans="8:8">
      <c r="H339021" s="12"/>
    </row>
    <row r="339022" spans="8:8">
      <c r="H339022" s="12"/>
    </row>
    <row r="339023" spans="8:8">
      <c r="H339023" s="12"/>
    </row>
    <row r="339024" spans="8:8">
      <c r="H339024" s="12"/>
    </row>
    <row r="339025" spans="8:8">
      <c r="H339025" s="12"/>
    </row>
    <row r="339026" spans="8:8">
      <c r="H339026" s="12"/>
    </row>
    <row r="339027" spans="8:8">
      <c r="H339027" s="12"/>
    </row>
    <row r="339028" spans="8:8">
      <c r="H339028" s="12"/>
    </row>
    <row r="339029" spans="8:8">
      <c r="H339029" s="12"/>
    </row>
    <row r="339030" spans="8:8">
      <c r="H339030" s="12"/>
    </row>
    <row r="339031" spans="8:8">
      <c r="H339031" s="12"/>
    </row>
    <row r="339032" spans="8:8">
      <c r="H339032" s="12"/>
    </row>
    <row r="339033" spans="8:8">
      <c r="H339033" s="12"/>
    </row>
    <row r="339034" spans="8:8">
      <c r="H339034" s="12"/>
    </row>
    <row r="339035" spans="8:8">
      <c r="H339035" s="12"/>
    </row>
    <row r="339036" spans="8:8">
      <c r="H339036" s="12"/>
    </row>
    <row r="339037" spans="8:8">
      <c r="H339037" s="12"/>
    </row>
    <row r="339038" spans="8:8">
      <c r="H339038" s="12"/>
    </row>
    <row r="339039" spans="8:8">
      <c r="H339039" s="12"/>
    </row>
    <row r="339040" spans="8:8">
      <c r="H339040" s="12"/>
    </row>
    <row r="339041" spans="8:8">
      <c r="H339041" s="12"/>
    </row>
    <row r="339042" spans="8:8">
      <c r="H339042" s="12"/>
    </row>
    <row r="339043" spans="8:8">
      <c r="H339043" s="12"/>
    </row>
    <row r="339044" spans="8:8">
      <c r="H339044" s="12"/>
    </row>
    <row r="339045" spans="8:8">
      <c r="H339045" s="12"/>
    </row>
    <row r="339046" spans="8:8">
      <c r="H339046" s="12"/>
    </row>
    <row r="339047" spans="8:8">
      <c r="H339047" s="12"/>
    </row>
    <row r="339048" spans="8:8">
      <c r="H339048" s="12"/>
    </row>
    <row r="339049" spans="8:8">
      <c r="H339049" s="12"/>
    </row>
    <row r="339050" spans="8:8">
      <c r="H339050" s="12"/>
    </row>
    <row r="339051" spans="8:8">
      <c r="H339051" s="12"/>
    </row>
    <row r="339052" spans="8:8">
      <c r="H339052" s="12"/>
    </row>
    <row r="339053" spans="8:8">
      <c r="H339053" s="12"/>
    </row>
    <row r="339054" spans="8:8">
      <c r="H339054" s="12"/>
    </row>
    <row r="339055" spans="8:8">
      <c r="H339055" s="12"/>
    </row>
    <row r="339056" spans="8:8">
      <c r="H339056" s="12"/>
    </row>
    <row r="339057" spans="8:8">
      <c r="H339057" s="12"/>
    </row>
    <row r="339058" spans="8:8">
      <c r="H339058" s="12"/>
    </row>
    <row r="339059" spans="8:8">
      <c r="H339059" s="12"/>
    </row>
    <row r="339060" spans="8:8">
      <c r="H339060" s="12"/>
    </row>
    <row r="339061" spans="8:8">
      <c r="H339061" s="12"/>
    </row>
    <row r="339062" spans="8:8">
      <c r="H339062" s="12"/>
    </row>
    <row r="339063" spans="8:8">
      <c r="H339063" s="12"/>
    </row>
    <row r="339064" spans="8:8">
      <c r="H339064" s="12"/>
    </row>
    <row r="339065" spans="8:8">
      <c r="H339065" s="12"/>
    </row>
    <row r="339066" spans="8:8">
      <c r="H339066" s="12"/>
    </row>
    <row r="339067" spans="8:8">
      <c r="H339067" s="12"/>
    </row>
    <row r="339068" spans="8:8">
      <c r="H339068" s="12"/>
    </row>
    <row r="339069" spans="8:8">
      <c r="H339069" s="12"/>
    </row>
    <row r="339070" spans="8:8">
      <c r="H339070" s="12"/>
    </row>
    <row r="339071" spans="8:8">
      <c r="H339071" s="12"/>
    </row>
    <row r="339072" spans="8:8">
      <c r="H339072" s="12"/>
    </row>
    <row r="339073" spans="8:8">
      <c r="H339073" s="12"/>
    </row>
    <row r="339074" spans="8:8">
      <c r="H339074" s="12"/>
    </row>
    <row r="339075" spans="8:8">
      <c r="H339075" s="12"/>
    </row>
    <row r="339076" spans="8:8">
      <c r="H339076" s="12"/>
    </row>
    <row r="339077" spans="8:8">
      <c r="H339077" s="12"/>
    </row>
    <row r="339078" spans="8:8">
      <c r="H339078" s="12"/>
    </row>
    <row r="339079" spans="8:8">
      <c r="H339079" s="12"/>
    </row>
    <row r="339080" spans="8:8">
      <c r="H339080" s="12"/>
    </row>
    <row r="339081" spans="8:8">
      <c r="H339081" s="12"/>
    </row>
    <row r="339082" spans="8:8">
      <c r="H339082" s="12"/>
    </row>
    <row r="339083" spans="8:8">
      <c r="H339083" s="12"/>
    </row>
    <row r="339084" spans="8:8">
      <c r="H339084" s="12"/>
    </row>
    <row r="339085" spans="8:8">
      <c r="H339085" s="12"/>
    </row>
    <row r="339086" spans="8:8">
      <c r="H339086" s="12"/>
    </row>
    <row r="339087" spans="8:8">
      <c r="H339087" s="12"/>
    </row>
    <row r="339088" spans="8:8">
      <c r="H339088" s="12"/>
    </row>
    <row r="339089" spans="8:8">
      <c r="H339089" s="12"/>
    </row>
    <row r="339090" spans="8:8">
      <c r="H339090" s="12"/>
    </row>
    <row r="339091" spans="8:8">
      <c r="H339091" s="12"/>
    </row>
    <row r="339092" spans="8:8">
      <c r="H339092" s="12"/>
    </row>
    <row r="339093" spans="8:8">
      <c r="H339093" s="12"/>
    </row>
    <row r="339094" spans="8:8">
      <c r="H339094" s="12"/>
    </row>
    <row r="339095" spans="8:8">
      <c r="H339095" s="12"/>
    </row>
    <row r="339096" spans="8:8">
      <c r="H339096" s="12"/>
    </row>
    <row r="339097" spans="8:8">
      <c r="H339097" s="12"/>
    </row>
    <row r="339098" spans="8:8">
      <c r="H339098" s="12"/>
    </row>
    <row r="339099" spans="8:8">
      <c r="H339099" s="12"/>
    </row>
    <row r="339100" spans="8:8">
      <c r="H339100" s="12"/>
    </row>
    <row r="339101" spans="8:8">
      <c r="H339101" s="12"/>
    </row>
    <row r="339102" spans="8:8">
      <c r="H339102" s="12"/>
    </row>
    <row r="339103" spans="8:8">
      <c r="H339103" s="12"/>
    </row>
    <row r="339104" spans="8:8">
      <c r="H339104" s="12"/>
    </row>
    <row r="339105" spans="8:8">
      <c r="H339105" s="12"/>
    </row>
    <row r="339106" spans="8:8">
      <c r="H339106" s="12"/>
    </row>
    <row r="339107" spans="8:8">
      <c r="H339107" s="12"/>
    </row>
    <row r="339108" spans="8:8">
      <c r="H339108" s="12"/>
    </row>
    <row r="339109" spans="8:8">
      <c r="H339109" s="12"/>
    </row>
    <row r="339110" spans="8:8">
      <c r="H339110" s="12"/>
    </row>
    <row r="339111" spans="8:8">
      <c r="H339111" s="12"/>
    </row>
    <row r="339112" spans="8:8">
      <c r="H339112" s="12"/>
    </row>
    <row r="339113" spans="8:8">
      <c r="H339113" s="12"/>
    </row>
    <row r="339114" spans="8:8">
      <c r="H339114" s="12"/>
    </row>
    <row r="339115" spans="8:8">
      <c r="H339115" s="12"/>
    </row>
    <row r="339116" spans="8:8">
      <c r="H339116" s="12"/>
    </row>
    <row r="339117" spans="8:8">
      <c r="H339117" s="12"/>
    </row>
    <row r="339118" spans="8:8">
      <c r="H339118" s="12"/>
    </row>
    <row r="339119" spans="8:8">
      <c r="H339119" s="12"/>
    </row>
    <row r="339120" spans="8:8">
      <c r="H339120" s="12"/>
    </row>
    <row r="339121" spans="8:8">
      <c r="H339121" s="12"/>
    </row>
    <row r="339122" spans="8:8">
      <c r="H339122" s="12"/>
    </row>
    <row r="339123" spans="8:8">
      <c r="H339123" s="12"/>
    </row>
    <row r="339124" spans="8:8">
      <c r="H339124" s="12"/>
    </row>
    <row r="339125" spans="8:8">
      <c r="H339125" s="12"/>
    </row>
    <row r="339126" spans="8:8">
      <c r="H339126" s="12"/>
    </row>
    <row r="339127" spans="8:8">
      <c r="H339127" s="12"/>
    </row>
    <row r="339128" spans="8:8">
      <c r="H339128" s="12"/>
    </row>
    <row r="339129" spans="8:8">
      <c r="H339129" s="12"/>
    </row>
    <row r="339130" spans="8:8">
      <c r="H339130" s="12"/>
    </row>
    <row r="339131" spans="8:8">
      <c r="H339131" s="12"/>
    </row>
    <row r="339132" spans="8:8">
      <c r="H339132" s="12"/>
    </row>
    <row r="339133" spans="8:8">
      <c r="H339133" s="12"/>
    </row>
    <row r="339134" spans="8:8">
      <c r="H339134" s="12"/>
    </row>
    <row r="339135" spans="8:8">
      <c r="H339135" s="12"/>
    </row>
    <row r="339136" spans="8:8">
      <c r="H339136" s="12"/>
    </row>
    <row r="339137" spans="8:8">
      <c r="H339137" s="12"/>
    </row>
    <row r="339138" spans="8:8">
      <c r="H339138" s="12"/>
    </row>
    <row r="339139" spans="8:8">
      <c r="H339139" s="12"/>
    </row>
    <row r="339140" spans="8:8">
      <c r="H339140" s="12"/>
    </row>
    <row r="339141" spans="8:8">
      <c r="H339141" s="12"/>
    </row>
    <row r="339142" spans="8:8">
      <c r="H339142" s="12"/>
    </row>
    <row r="339143" spans="8:8">
      <c r="H339143" s="12"/>
    </row>
    <row r="339144" spans="8:8">
      <c r="H339144" s="12"/>
    </row>
    <row r="339145" spans="8:8">
      <c r="H339145" s="12"/>
    </row>
    <row r="339146" spans="8:8">
      <c r="H339146" s="12"/>
    </row>
    <row r="339147" spans="8:8">
      <c r="H339147" s="12"/>
    </row>
    <row r="339148" spans="8:8">
      <c r="H339148" s="12"/>
    </row>
    <row r="339149" spans="8:8">
      <c r="H339149" s="12"/>
    </row>
    <row r="339150" spans="8:8">
      <c r="H339150" s="12"/>
    </row>
    <row r="339151" spans="8:8">
      <c r="H339151" s="12"/>
    </row>
    <row r="339152" spans="8:8">
      <c r="H339152" s="12"/>
    </row>
    <row r="339153" spans="8:8">
      <c r="H339153" s="12"/>
    </row>
    <row r="339154" spans="8:8">
      <c r="H339154" s="12"/>
    </row>
    <row r="339155" spans="8:8">
      <c r="H339155" s="12"/>
    </row>
    <row r="339156" spans="8:8">
      <c r="H339156" s="12"/>
    </row>
    <row r="339157" spans="8:8">
      <c r="H339157" s="12"/>
    </row>
    <row r="339158" spans="8:8">
      <c r="H339158" s="12"/>
    </row>
    <row r="339159" spans="8:8">
      <c r="H339159" s="12"/>
    </row>
    <row r="339160" spans="8:8">
      <c r="H339160" s="12"/>
    </row>
    <row r="339161" spans="8:8">
      <c r="H339161" s="12"/>
    </row>
    <row r="339162" spans="8:8">
      <c r="H339162" s="12"/>
    </row>
    <row r="339163" spans="8:8">
      <c r="H339163" s="12"/>
    </row>
    <row r="339164" spans="8:8">
      <c r="H339164" s="12"/>
    </row>
    <row r="339165" spans="8:8">
      <c r="H339165" s="12"/>
    </row>
    <row r="339166" spans="8:8">
      <c r="H339166" s="12"/>
    </row>
    <row r="339167" spans="8:8">
      <c r="H339167" s="12"/>
    </row>
    <row r="339168" spans="8:8">
      <c r="H339168" s="12"/>
    </row>
    <row r="339169" spans="8:8">
      <c r="H339169" s="12"/>
    </row>
    <row r="339170" spans="8:8">
      <c r="H339170" s="12"/>
    </row>
    <row r="339171" spans="8:8">
      <c r="H339171" s="12"/>
    </row>
    <row r="339172" spans="8:8">
      <c r="H339172" s="12"/>
    </row>
    <row r="339173" spans="8:8">
      <c r="H339173" s="12"/>
    </row>
    <row r="339174" spans="8:8">
      <c r="H339174" s="12"/>
    </row>
    <row r="339175" spans="8:8">
      <c r="H339175" s="12"/>
    </row>
    <row r="339176" spans="8:8">
      <c r="H339176" s="12"/>
    </row>
    <row r="339177" spans="8:8">
      <c r="H339177" s="12"/>
    </row>
    <row r="339178" spans="8:8">
      <c r="H339178" s="12"/>
    </row>
    <row r="339179" spans="8:8">
      <c r="H339179" s="12"/>
    </row>
    <row r="339180" spans="8:8">
      <c r="H339180" s="12"/>
    </row>
    <row r="339181" spans="8:8">
      <c r="H339181" s="12"/>
    </row>
    <row r="339182" spans="8:8">
      <c r="H339182" s="12"/>
    </row>
    <row r="339183" spans="8:8">
      <c r="H339183" s="12"/>
    </row>
    <row r="339184" spans="8:8">
      <c r="H339184" s="12"/>
    </row>
    <row r="339185" spans="8:8">
      <c r="H339185" s="12"/>
    </row>
    <row r="339186" spans="8:8">
      <c r="H339186" s="12"/>
    </row>
    <row r="339187" spans="8:8">
      <c r="H339187" s="12"/>
    </row>
    <row r="339188" spans="8:8">
      <c r="H339188" s="12"/>
    </row>
    <row r="339189" spans="8:8">
      <c r="H339189" s="12"/>
    </row>
    <row r="339190" spans="8:8">
      <c r="H339190" s="12"/>
    </row>
    <row r="339191" spans="8:8">
      <c r="H339191" s="12"/>
    </row>
    <row r="339192" spans="8:8">
      <c r="H339192" s="12"/>
    </row>
    <row r="339193" spans="8:8">
      <c r="H339193" s="12"/>
    </row>
    <row r="339194" spans="8:8">
      <c r="H339194" s="12"/>
    </row>
    <row r="339195" spans="8:8">
      <c r="H339195" s="12"/>
    </row>
    <row r="339196" spans="8:8">
      <c r="H339196" s="12"/>
    </row>
    <row r="339197" spans="8:8">
      <c r="H339197" s="12"/>
    </row>
    <row r="339198" spans="8:8">
      <c r="H339198" s="12"/>
    </row>
    <row r="339199" spans="8:8">
      <c r="H339199" s="12"/>
    </row>
    <row r="339200" spans="8:8">
      <c r="H339200" s="12"/>
    </row>
    <row r="339201" spans="8:8">
      <c r="H339201" s="12"/>
    </row>
    <row r="339202" spans="8:8">
      <c r="H339202" s="12"/>
    </row>
    <row r="339203" spans="8:8">
      <c r="H339203" s="12"/>
    </row>
    <row r="339204" spans="8:8">
      <c r="H339204" s="12"/>
    </row>
    <row r="339205" spans="8:8">
      <c r="H339205" s="12"/>
    </row>
    <row r="339206" spans="8:8">
      <c r="H339206" s="12"/>
    </row>
    <row r="339207" spans="8:8">
      <c r="H339207" s="12"/>
    </row>
    <row r="339208" spans="8:8">
      <c r="H339208" s="12"/>
    </row>
    <row r="339209" spans="8:8">
      <c r="H339209" s="12"/>
    </row>
    <row r="339210" spans="8:8">
      <c r="H339210" s="12"/>
    </row>
    <row r="339211" spans="8:8">
      <c r="H339211" s="12"/>
    </row>
    <row r="339212" spans="8:8">
      <c r="H339212" s="12"/>
    </row>
    <row r="339213" spans="8:8">
      <c r="H339213" s="12"/>
    </row>
    <row r="339214" spans="8:8">
      <c r="H339214" s="12"/>
    </row>
    <row r="339215" spans="8:8">
      <c r="H339215" s="12"/>
    </row>
    <row r="339216" spans="8:8">
      <c r="H339216" s="12"/>
    </row>
    <row r="339217" spans="8:8">
      <c r="H339217" s="12"/>
    </row>
    <row r="339218" spans="8:8">
      <c r="H339218" s="12"/>
    </row>
    <row r="339219" spans="8:8">
      <c r="H339219" s="12"/>
    </row>
    <row r="339220" spans="8:8">
      <c r="H339220" s="12"/>
    </row>
    <row r="339221" spans="8:8">
      <c r="H339221" s="12"/>
    </row>
    <row r="339222" spans="8:8">
      <c r="H339222" s="12"/>
    </row>
    <row r="339223" spans="8:8">
      <c r="H339223" s="12"/>
    </row>
    <row r="339224" spans="8:8">
      <c r="H339224" s="12"/>
    </row>
    <row r="339225" spans="8:8">
      <c r="H339225" s="12"/>
    </row>
    <row r="339226" spans="8:8">
      <c r="H339226" s="12"/>
    </row>
    <row r="339227" spans="8:8">
      <c r="H339227" s="12"/>
    </row>
    <row r="339228" spans="8:8">
      <c r="H339228" s="12"/>
    </row>
    <row r="339229" spans="8:8">
      <c r="H339229" s="12"/>
    </row>
    <row r="339230" spans="8:8">
      <c r="H339230" s="12"/>
    </row>
    <row r="339231" spans="8:8">
      <c r="H339231" s="12"/>
    </row>
    <row r="339232" spans="8:8">
      <c r="H339232" s="12"/>
    </row>
    <row r="339233" spans="8:8">
      <c r="H339233" s="12"/>
    </row>
    <row r="339234" spans="8:8">
      <c r="H339234" s="12"/>
    </row>
    <row r="339235" spans="8:8">
      <c r="H339235" s="12"/>
    </row>
    <row r="339236" spans="8:8">
      <c r="H339236" s="12"/>
    </row>
    <row r="339237" spans="8:8">
      <c r="H339237" s="12"/>
    </row>
    <row r="339238" spans="8:8">
      <c r="H339238" s="12"/>
    </row>
    <row r="339239" spans="8:8">
      <c r="H339239" s="12"/>
    </row>
    <row r="339240" spans="8:8">
      <c r="H339240" s="12"/>
    </row>
    <row r="339241" spans="8:8">
      <c r="H339241" s="12"/>
    </row>
    <row r="339242" spans="8:8">
      <c r="H339242" s="12"/>
    </row>
    <row r="339243" spans="8:8">
      <c r="H339243" s="12"/>
    </row>
    <row r="339244" spans="8:8">
      <c r="H339244" s="12"/>
    </row>
    <row r="339245" spans="8:8">
      <c r="H339245" s="12"/>
    </row>
    <row r="339246" spans="8:8">
      <c r="H339246" s="12"/>
    </row>
    <row r="339247" spans="8:8">
      <c r="H339247" s="12"/>
    </row>
    <row r="339248" spans="8:8">
      <c r="H339248" s="12"/>
    </row>
    <row r="339249" spans="8:8">
      <c r="H339249" s="12"/>
    </row>
    <row r="339250" spans="8:8">
      <c r="H339250" s="12"/>
    </row>
    <row r="339251" spans="8:8">
      <c r="H339251" s="12"/>
    </row>
    <row r="339252" spans="8:8">
      <c r="H339252" s="12"/>
    </row>
    <row r="339253" spans="8:8">
      <c r="H339253" s="12"/>
    </row>
    <row r="339254" spans="8:8">
      <c r="H339254" s="12"/>
    </row>
    <row r="339255" spans="8:8">
      <c r="H339255" s="12"/>
    </row>
    <row r="339256" spans="8:8">
      <c r="H339256" s="12"/>
    </row>
    <row r="339257" spans="8:8">
      <c r="H339257" s="12"/>
    </row>
    <row r="339258" spans="8:8">
      <c r="H339258" s="12"/>
    </row>
    <row r="339259" spans="8:8">
      <c r="H339259" s="12"/>
    </row>
    <row r="339260" spans="8:8">
      <c r="H339260" s="12"/>
    </row>
    <row r="339261" spans="8:8">
      <c r="H339261" s="12"/>
    </row>
    <row r="339262" spans="8:8">
      <c r="H339262" s="12"/>
    </row>
    <row r="339263" spans="8:8">
      <c r="H339263" s="12"/>
    </row>
    <row r="339264" spans="8:8">
      <c r="H339264" s="12"/>
    </row>
    <row r="339265" spans="8:8">
      <c r="H339265" s="12"/>
    </row>
    <row r="339266" spans="8:8">
      <c r="H339266" s="12"/>
    </row>
    <row r="339267" spans="8:8">
      <c r="H339267" s="12"/>
    </row>
    <row r="339268" spans="8:8">
      <c r="H339268" s="12"/>
    </row>
    <row r="339269" spans="8:8">
      <c r="H339269" s="12"/>
    </row>
    <row r="339270" spans="8:8">
      <c r="H339270" s="12"/>
    </row>
    <row r="339271" spans="8:8">
      <c r="H339271" s="12"/>
    </row>
    <row r="339272" spans="8:8">
      <c r="H339272" s="12"/>
    </row>
    <row r="339273" spans="8:8">
      <c r="H339273" s="12"/>
    </row>
    <row r="339274" spans="8:8">
      <c r="H339274" s="12"/>
    </row>
    <row r="339275" spans="8:8">
      <c r="H339275" s="12"/>
    </row>
    <row r="339276" spans="8:8">
      <c r="H339276" s="12"/>
    </row>
    <row r="339277" spans="8:8">
      <c r="H339277" s="12"/>
    </row>
    <row r="339278" spans="8:8">
      <c r="H339278" s="12"/>
    </row>
    <row r="339279" spans="8:8">
      <c r="H339279" s="12"/>
    </row>
    <row r="339280" spans="8:8">
      <c r="H339280" s="12"/>
    </row>
    <row r="339281" spans="8:8">
      <c r="H339281" s="12"/>
    </row>
    <row r="339282" spans="8:8">
      <c r="H339282" s="12"/>
    </row>
    <row r="339283" spans="8:8">
      <c r="H339283" s="12"/>
    </row>
    <row r="339284" spans="8:8">
      <c r="H339284" s="12"/>
    </row>
    <row r="339285" spans="8:8">
      <c r="H339285" s="12"/>
    </row>
    <row r="339286" spans="8:8">
      <c r="H339286" s="12"/>
    </row>
    <row r="339287" spans="8:8">
      <c r="H339287" s="12"/>
    </row>
    <row r="339288" spans="8:8">
      <c r="H339288" s="12"/>
    </row>
    <row r="339289" spans="8:8">
      <c r="H339289" s="12"/>
    </row>
    <row r="339290" spans="8:8">
      <c r="H339290" s="12"/>
    </row>
    <row r="339291" spans="8:8">
      <c r="H339291" s="12"/>
    </row>
    <row r="339292" spans="8:8">
      <c r="H339292" s="12"/>
    </row>
    <row r="339293" spans="8:8">
      <c r="H339293" s="12"/>
    </row>
    <row r="339294" spans="8:8">
      <c r="H339294" s="12"/>
    </row>
    <row r="339295" spans="8:8">
      <c r="H339295" s="12"/>
    </row>
    <row r="339296" spans="8:8">
      <c r="H339296" s="12"/>
    </row>
    <row r="339297" spans="8:8">
      <c r="H339297" s="12"/>
    </row>
    <row r="339298" spans="8:8">
      <c r="H339298" s="12"/>
    </row>
    <row r="339299" spans="8:8">
      <c r="H339299" s="12"/>
    </row>
    <row r="339300" spans="8:8">
      <c r="H339300" s="12"/>
    </row>
    <row r="339301" spans="8:8">
      <c r="H339301" s="12"/>
    </row>
    <row r="339302" spans="8:8">
      <c r="H339302" s="12"/>
    </row>
    <row r="339303" spans="8:8">
      <c r="H339303" s="12"/>
    </row>
    <row r="339304" spans="8:8">
      <c r="H339304" s="12"/>
    </row>
    <row r="339305" spans="8:8">
      <c r="H339305" s="12"/>
    </row>
    <row r="339306" spans="8:8">
      <c r="H339306" s="12"/>
    </row>
    <row r="339307" spans="8:8">
      <c r="H339307" s="12"/>
    </row>
    <row r="339308" spans="8:8">
      <c r="H339308" s="12"/>
    </row>
    <row r="339309" spans="8:8">
      <c r="H339309" s="12"/>
    </row>
    <row r="339310" spans="8:8">
      <c r="H339310" s="12"/>
    </row>
    <row r="339311" spans="8:8">
      <c r="H339311" s="12"/>
    </row>
    <row r="339312" spans="8:8">
      <c r="H339312" s="12"/>
    </row>
    <row r="339313" spans="8:8">
      <c r="H339313" s="12"/>
    </row>
    <row r="339314" spans="8:8">
      <c r="H339314" s="12"/>
    </row>
    <row r="339315" spans="8:8">
      <c r="H339315" s="12"/>
    </row>
    <row r="339316" spans="8:8">
      <c r="H339316" s="12"/>
    </row>
    <row r="339317" spans="8:8">
      <c r="H339317" s="12"/>
    </row>
    <row r="339318" spans="8:8">
      <c r="H339318" s="12"/>
    </row>
    <row r="339319" spans="8:8">
      <c r="H339319" s="12"/>
    </row>
    <row r="339320" spans="8:8">
      <c r="H339320" s="12"/>
    </row>
    <row r="339321" spans="8:8">
      <c r="H339321" s="12"/>
    </row>
    <row r="339322" spans="8:8">
      <c r="H339322" s="12"/>
    </row>
    <row r="339323" spans="8:8">
      <c r="H339323" s="12"/>
    </row>
    <row r="339324" spans="8:8">
      <c r="H339324" s="12"/>
    </row>
    <row r="339325" spans="8:8">
      <c r="H339325" s="12"/>
    </row>
    <row r="339326" spans="8:8">
      <c r="H339326" s="12"/>
    </row>
    <row r="339327" spans="8:8">
      <c r="H339327" s="12"/>
    </row>
    <row r="339328" spans="8:8">
      <c r="H339328" s="12"/>
    </row>
    <row r="339329" spans="8:8">
      <c r="H339329" s="12"/>
    </row>
    <row r="339330" spans="8:8">
      <c r="H339330" s="12"/>
    </row>
    <row r="339331" spans="8:8">
      <c r="H339331" s="12"/>
    </row>
    <row r="339332" spans="8:8">
      <c r="H339332" s="12"/>
    </row>
    <row r="339333" spans="8:8">
      <c r="H339333" s="12"/>
    </row>
    <row r="339334" spans="8:8">
      <c r="H339334" s="12"/>
    </row>
    <row r="339335" spans="8:8">
      <c r="H339335" s="12"/>
    </row>
    <row r="339336" spans="8:8">
      <c r="H339336" s="12"/>
    </row>
    <row r="339337" spans="8:8">
      <c r="H339337" s="12"/>
    </row>
    <row r="339338" spans="8:8">
      <c r="H339338" s="12"/>
    </row>
    <row r="339339" spans="8:8">
      <c r="H339339" s="12"/>
    </row>
    <row r="339340" spans="8:8">
      <c r="H339340" s="12"/>
    </row>
    <row r="339341" spans="8:8">
      <c r="H339341" s="12"/>
    </row>
    <row r="339342" spans="8:8">
      <c r="H339342" s="12"/>
    </row>
    <row r="339343" spans="8:8">
      <c r="H339343" s="12"/>
    </row>
    <row r="339344" spans="8:8">
      <c r="H339344" s="12"/>
    </row>
    <row r="339345" spans="8:8">
      <c r="H339345" s="12"/>
    </row>
    <row r="339346" spans="8:8">
      <c r="H339346" s="12"/>
    </row>
    <row r="339347" spans="8:8">
      <c r="H339347" s="12"/>
    </row>
    <row r="339348" spans="8:8">
      <c r="H339348" s="12"/>
    </row>
    <row r="339349" spans="8:8">
      <c r="H339349" s="12"/>
    </row>
    <row r="339350" spans="8:8">
      <c r="H339350" s="12"/>
    </row>
    <row r="339351" spans="8:8">
      <c r="H339351" s="12"/>
    </row>
    <row r="339352" spans="8:8">
      <c r="H339352" s="12"/>
    </row>
    <row r="339353" spans="8:8">
      <c r="H339353" s="12"/>
    </row>
    <row r="339354" spans="8:8">
      <c r="H339354" s="12"/>
    </row>
    <row r="339355" spans="8:8">
      <c r="H339355" s="12"/>
    </row>
    <row r="339356" spans="8:8">
      <c r="H339356" s="12"/>
    </row>
    <row r="339357" spans="8:8">
      <c r="H339357" s="12"/>
    </row>
    <row r="339358" spans="8:8">
      <c r="H339358" s="12"/>
    </row>
    <row r="339359" spans="8:8">
      <c r="H339359" s="12"/>
    </row>
    <row r="339360" spans="8:8">
      <c r="H339360" s="12"/>
    </row>
    <row r="339361" spans="8:8">
      <c r="H339361" s="12"/>
    </row>
    <row r="339362" spans="8:8">
      <c r="H339362" s="12"/>
    </row>
    <row r="339363" spans="8:8">
      <c r="H339363" s="12"/>
    </row>
    <row r="339364" spans="8:8">
      <c r="H339364" s="12"/>
    </row>
    <row r="339365" spans="8:8">
      <c r="H339365" s="12"/>
    </row>
    <row r="339366" spans="8:8">
      <c r="H339366" s="12"/>
    </row>
    <row r="339367" spans="8:8">
      <c r="H339367" s="12"/>
    </row>
    <row r="339368" spans="8:8">
      <c r="H339368" s="12"/>
    </row>
    <row r="339369" spans="8:8">
      <c r="H339369" s="12"/>
    </row>
    <row r="339370" spans="8:8">
      <c r="H339370" s="12"/>
    </row>
    <row r="339371" spans="8:8">
      <c r="H339371" s="12"/>
    </row>
    <row r="339372" spans="8:8">
      <c r="H339372" s="12"/>
    </row>
    <row r="339373" spans="8:8">
      <c r="H339373" s="12"/>
    </row>
    <row r="339374" spans="8:8">
      <c r="H339374" s="12"/>
    </row>
    <row r="339375" spans="8:8">
      <c r="H339375" s="12"/>
    </row>
    <row r="339376" spans="8:8">
      <c r="H339376" s="12"/>
    </row>
    <row r="339377" spans="8:8">
      <c r="H339377" s="12"/>
    </row>
    <row r="339378" spans="8:8">
      <c r="H339378" s="12"/>
    </row>
    <row r="339379" spans="8:8">
      <c r="H339379" s="12"/>
    </row>
    <row r="339380" spans="8:8">
      <c r="H339380" s="12"/>
    </row>
    <row r="339381" spans="8:8">
      <c r="H339381" s="12"/>
    </row>
    <row r="339382" spans="8:8">
      <c r="H339382" s="12"/>
    </row>
    <row r="339383" spans="8:8">
      <c r="H339383" s="12"/>
    </row>
    <row r="339384" spans="8:8">
      <c r="H339384" s="12"/>
    </row>
    <row r="339385" spans="8:8">
      <c r="H339385" s="12"/>
    </row>
    <row r="339386" spans="8:8">
      <c r="H339386" s="12"/>
    </row>
    <row r="339387" spans="8:8">
      <c r="H339387" s="12"/>
    </row>
    <row r="339388" spans="8:8">
      <c r="H339388" s="12"/>
    </row>
    <row r="339389" spans="8:8">
      <c r="H339389" s="12"/>
    </row>
    <row r="339390" spans="8:8">
      <c r="H339390" s="12"/>
    </row>
    <row r="339391" spans="8:8">
      <c r="H339391" s="12"/>
    </row>
    <row r="339392" spans="8:8">
      <c r="H339392" s="12"/>
    </row>
    <row r="339393" spans="8:8">
      <c r="H339393" s="12"/>
    </row>
    <row r="339394" spans="8:8">
      <c r="H339394" s="12"/>
    </row>
    <row r="339395" spans="8:8">
      <c r="H339395" s="12"/>
    </row>
    <row r="339396" spans="8:8">
      <c r="H339396" s="12"/>
    </row>
    <row r="339397" spans="8:8">
      <c r="H339397" s="12"/>
    </row>
    <row r="339398" spans="8:8">
      <c r="H339398" s="12"/>
    </row>
    <row r="339399" spans="8:8">
      <c r="H339399" s="12"/>
    </row>
    <row r="339400" spans="8:8">
      <c r="H339400" s="12"/>
    </row>
    <row r="339401" spans="8:8">
      <c r="H339401" s="12"/>
    </row>
    <row r="339402" spans="8:8">
      <c r="H339402" s="12"/>
    </row>
    <row r="339403" spans="8:8">
      <c r="H339403" s="12"/>
    </row>
    <row r="339404" spans="8:8">
      <c r="H339404" s="12"/>
    </row>
    <row r="339405" spans="8:8">
      <c r="H339405" s="12"/>
    </row>
    <row r="339406" spans="8:8">
      <c r="H339406" s="12"/>
    </row>
    <row r="339407" spans="8:8">
      <c r="H339407" s="12"/>
    </row>
    <row r="339408" spans="8:8">
      <c r="H339408" s="12"/>
    </row>
    <row r="339409" spans="8:8">
      <c r="H339409" s="12"/>
    </row>
    <row r="339410" spans="8:8">
      <c r="H339410" s="12"/>
    </row>
    <row r="339411" spans="8:8">
      <c r="H339411" s="12"/>
    </row>
    <row r="339412" spans="8:8">
      <c r="H339412" s="12"/>
    </row>
    <row r="339413" spans="8:8">
      <c r="H339413" s="12"/>
    </row>
    <row r="339414" spans="8:8">
      <c r="H339414" s="12"/>
    </row>
    <row r="339415" spans="8:8">
      <c r="H339415" s="12"/>
    </row>
    <row r="339416" spans="8:8">
      <c r="H339416" s="12"/>
    </row>
    <row r="339417" spans="8:8">
      <c r="H339417" s="12"/>
    </row>
    <row r="339418" spans="8:8">
      <c r="H339418" s="12"/>
    </row>
    <row r="339419" spans="8:8">
      <c r="H339419" s="12"/>
    </row>
    <row r="339420" spans="8:8">
      <c r="H339420" s="12"/>
    </row>
    <row r="339421" spans="8:8">
      <c r="H339421" s="12"/>
    </row>
    <row r="339422" spans="8:8">
      <c r="H339422" s="12"/>
    </row>
    <row r="339423" spans="8:8">
      <c r="H339423" s="12"/>
    </row>
    <row r="339424" spans="8:8">
      <c r="H339424" s="12"/>
    </row>
    <row r="339425" spans="8:8">
      <c r="H339425" s="12"/>
    </row>
    <row r="339426" spans="8:8">
      <c r="H339426" s="12"/>
    </row>
    <row r="339427" spans="8:8">
      <c r="H339427" s="12"/>
    </row>
    <row r="339428" spans="8:8">
      <c r="H339428" s="12"/>
    </row>
    <row r="339429" spans="8:8">
      <c r="H339429" s="12"/>
    </row>
    <row r="339430" spans="8:8">
      <c r="H339430" s="12"/>
    </row>
    <row r="339431" spans="8:8">
      <c r="H339431" s="12"/>
    </row>
    <row r="339432" spans="8:8">
      <c r="H339432" s="12"/>
    </row>
    <row r="339433" spans="8:8">
      <c r="H339433" s="12"/>
    </row>
    <row r="339434" spans="8:8">
      <c r="H339434" s="12"/>
    </row>
    <row r="339435" spans="8:8">
      <c r="H339435" s="12"/>
    </row>
    <row r="339436" spans="8:8">
      <c r="H339436" s="12"/>
    </row>
    <row r="339437" spans="8:8">
      <c r="H339437" s="12"/>
    </row>
    <row r="339438" spans="8:8">
      <c r="H339438" s="12"/>
    </row>
    <row r="339439" spans="8:8">
      <c r="H339439" s="12"/>
    </row>
    <row r="339440" spans="8:8">
      <c r="H339440" s="12"/>
    </row>
    <row r="339441" spans="8:8">
      <c r="H339441" s="12"/>
    </row>
    <row r="339442" spans="8:8">
      <c r="H339442" s="12"/>
    </row>
    <row r="339443" spans="8:8">
      <c r="H339443" s="12"/>
    </row>
    <row r="339444" spans="8:8">
      <c r="H339444" s="12"/>
    </row>
    <row r="339445" spans="8:8">
      <c r="H339445" s="12"/>
    </row>
    <row r="339446" spans="8:8">
      <c r="H339446" s="12"/>
    </row>
    <row r="339447" spans="8:8">
      <c r="H339447" s="12"/>
    </row>
    <row r="339448" spans="8:8">
      <c r="H339448" s="12"/>
    </row>
    <row r="339449" spans="8:8">
      <c r="H339449" s="12"/>
    </row>
    <row r="339450" spans="8:8">
      <c r="H339450" s="12"/>
    </row>
    <row r="339451" spans="8:8">
      <c r="H339451" s="12"/>
    </row>
    <row r="339452" spans="8:8">
      <c r="H339452" s="12"/>
    </row>
    <row r="339453" spans="8:8">
      <c r="H339453" s="12"/>
    </row>
    <row r="339454" spans="8:8">
      <c r="H339454" s="12"/>
    </row>
    <row r="339455" spans="8:8">
      <c r="H339455" s="12"/>
    </row>
    <row r="339456" spans="8:8">
      <c r="H339456" s="12"/>
    </row>
    <row r="339457" spans="8:8">
      <c r="H339457" s="12"/>
    </row>
    <row r="339458" spans="8:8">
      <c r="H339458" s="12"/>
    </row>
    <row r="339459" spans="8:8">
      <c r="H339459" s="12"/>
    </row>
    <row r="339460" spans="8:8">
      <c r="H339460" s="12"/>
    </row>
    <row r="339461" spans="8:8">
      <c r="H339461" s="12"/>
    </row>
    <row r="339462" spans="8:8">
      <c r="H339462" s="12"/>
    </row>
    <row r="339463" spans="8:8">
      <c r="H339463" s="12"/>
    </row>
    <row r="339464" spans="8:8">
      <c r="H339464" s="12"/>
    </row>
    <row r="339465" spans="8:8">
      <c r="H339465" s="12"/>
    </row>
    <row r="339466" spans="8:8">
      <c r="H339466" s="12"/>
    </row>
    <row r="339467" spans="8:8">
      <c r="H339467" s="12"/>
    </row>
    <row r="339468" spans="8:8">
      <c r="H339468" s="12"/>
    </row>
    <row r="339469" spans="8:8">
      <c r="H339469" s="12"/>
    </row>
    <row r="339470" spans="8:8">
      <c r="H339470" s="12"/>
    </row>
    <row r="339471" spans="8:8">
      <c r="H339471" s="12"/>
    </row>
    <row r="339472" spans="8:8">
      <c r="H339472" s="12"/>
    </row>
    <row r="339473" spans="8:8">
      <c r="H339473" s="12"/>
    </row>
    <row r="339474" spans="8:8">
      <c r="H339474" s="12"/>
    </row>
    <row r="339475" spans="8:8">
      <c r="H339475" s="12"/>
    </row>
    <row r="339476" spans="8:8">
      <c r="H339476" s="12"/>
    </row>
    <row r="339477" spans="8:8">
      <c r="H339477" s="12"/>
    </row>
    <row r="339478" spans="8:8">
      <c r="H339478" s="12"/>
    </row>
    <row r="339479" spans="8:8">
      <c r="H339479" s="12"/>
    </row>
    <row r="339480" spans="8:8">
      <c r="H339480" s="12"/>
    </row>
    <row r="339481" spans="8:8">
      <c r="H339481" s="12"/>
    </row>
    <row r="339482" spans="8:8">
      <c r="H339482" s="12"/>
    </row>
    <row r="339483" spans="8:8">
      <c r="H339483" s="12"/>
    </row>
    <row r="339484" spans="8:8">
      <c r="H339484" s="12"/>
    </row>
    <row r="339485" spans="8:8">
      <c r="H339485" s="12"/>
    </row>
    <row r="339486" spans="8:8">
      <c r="H339486" s="12"/>
    </row>
    <row r="339487" spans="8:8">
      <c r="H339487" s="12"/>
    </row>
    <row r="339488" spans="8:8">
      <c r="H339488" s="12"/>
    </row>
    <row r="339489" spans="8:8">
      <c r="H339489" s="12"/>
    </row>
    <row r="339490" spans="8:8">
      <c r="H339490" s="12"/>
    </row>
    <row r="339491" spans="8:8">
      <c r="H339491" s="12"/>
    </row>
    <row r="339492" spans="8:8">
      <c r="H339492" s="12"/>
    </row>
    <row r="339493" spans="8:8">
      <c r="H339493" s="12"/>
    </row>
    <row r="339494" spans="8:8">
      <c r="H339494" s="12"/>
    </row>
    <row r="339495" spans="8:8">
      <c r="H339495" s="12"/>
    </row>
    <row r="339496" spans="8:8">
      <c r="H339496" s="12"/>
    </row>
    <row r="339497" spans="8:8">
      <c r="H339497" s="12"/>
    </row>
    <row r="339498" spans="8:8">
      <c r="H339498" s="12"/>
    </row>
    <row r="339499" spans="8:8">
      <c r="H339499" s="12"/>
    </row>
    <row r="339500" spans="8:8">
      <c r="H339500" s="12"/>
    </row>
    <row r="339501" spans="8:8">
      <c r="H339501" s="12"/>
    </row>
    <row r="339502" spans="8:8">
      <c r="H339502" s="12"/>
    </row>
    <row r="339503" spans="8:8">
      <c r="H339503" s="12"/>
    </row>
    <row r="339504" spans="8:8">
      <c r="H339504" s="12"/>
    </row>
    <row r="339505" spans="8:8">
      <c r="H339505" s="12"/>
    </row>
    <row r="339506" spans="8:8">
      <c r="H339506" s="12"/>
    </row>
    <row r="339507" spans="8:8">
      <c r="H339507" s="12"/>
    </row>
    <row r="339508" spans="8:8">
      <c r="H339508" s="12"/>
    </row>
    <row r="339509" spans="8:8">
      <c r="H339509" s="12"/>
    </row>
    <row r="339510" spans="8:8">
      <c r="H339510" s="12"/>
    </row>
    <row r="339511" spans="8:8">
      <c r="H339511" s="12"/>
    </row>
    <row r="339512" spans="8:8">
      <c r="H339512" s="12"/>
    </row>
    <row r="339513" spans="8:8">
      <c r="H339513" s="12"/>
    </row>
    <row r="339514" spans="8:8">
      <c r="H339514" s="12"/>
    </row>
    <row r="339515" spans="8:8">
      <c r="H339515" s="12"/>
    </row>
    <row r="339516" spans="8:8">
      <c r="H339516" s="12"/>
    </row>
    <row r="339517" spans="8:8">
      <c r="H339517" s="12"/>
    </row>
    <row r="339518" spans="8:8">
      <c r="H339518" s="12"/>
    </row>
    <row r="339519" spans="8:8">
      <c r="H339519" s="12"/>
    </row>
    <row r="339520" spans="8:8">
      <c r="H339520" s="12"/>
    </row>
    <row r="339521" spans="8:8">
      <c r="H339521" s="12"/>
    </row>
    <row r="339522" spans="8:8">
      <c r="H339522" s="12"/>
    </row>
    <row r="339523" spans="8:8">
      <c r="H339523" s="12"/>
    </row>
    <row r="339524" spans="8:8">
      <c r="H339524" s="12"/>
    </row>
    <row r="339525" spans="8:8">
      <c r="H339525" s="12"/>
    </row>
    <row r="339526" spans="8:8">
      <c r="H339526" s="12"/>
    </row>
    <row r="339527" spans="8:8">
      <c r="H339527" s="12"/>
    </row>
    <row r="339528" spans="8:8">
      <c r="H339528" s="12"/>
    </row>
    <row r="339529" spans="8:8">
      <c r="H339529" s="12"/>
    </row>
    <row r="339530" spans="8:8">
      <c r="H339530" s="12"/>
    </row>
    <row r="339531" spans="8:8">
      <c r="H339531" s="12"/>
    </row>
    <row r="339532" spans="8:8">
      <c r="H339532" s="12"/>
    </row>
    <row r="339533" spans="8:8">
      <c r="H339533" s="12"/>
    </row>
    <row r="339534" spans="8:8">
      <c r="H339534" s="12"/>
    </row>
    <row r="339535" spans="8:8">
      <c r="H339535" s="12"/>
    </row>
    <row r="339536" spans="8:8">
      <c r="H339536" s="12"/>
    </row>
    <row r="339537" spans="8:8">
      <c r="H339537" s="12"/>
    </row>
    <row r="339538" spans="8:8">
      <c r="H339538" s="12"/>
    </row>
    <row r="339539" spans="8:8">
      <c r="H339539" s="12"/>
    </row>
    <row r="339540" spans="8:8">
      <c r="H339540" s="12"/>
    </row>
    <row r="339541" spans="8:8">
      <c r="H339541" s="12"/>
    </row>
    <row r="339542" spans="8:8">
      <c r="H339542" s="12"/>
    </row>
    <row r="339543" spans="8:8">
      <c r="H339543" s="12"/>
    </row>
    <row r="339544" spans="8:8">
      <c r="H339544" s="12"/>
    </row>
    <row r="339545" spans="8:8">
      <c r="H339545" s="12"/>
    </row>
    <row r="339546" spans="8:8">
      <c r="H339546" s="12"/>
    </row>
    <row r="339547" spans="8:8">
      <c r="H339547" s="12"/>
    </row>
    <row r="339548" spans="8:8">
      <c r="H339548" s="12"/>
    </row>
    <row r="339549" spans="8:8">
      <c r="H339549" s="12"/>
    </row>
    <row r="339550" spans="8:8">
      <c r="H339550" s="12"/>
    </row>
    <row r="339551" spans="8:8">
      <c r="H339551" s="12"/>
    </row>
    <row r="339552" spans="8:8">
      <c r="H339552" s="12"/>
    </row>
    <row r="339553" spans="8:8">
      <c r="H339553" s="12"/>
    </row>
    <row r="339554" spans="8:8">
      <c r="H339554" s="12"/>
    </row>
    <row r="339555" spans="8:8">
      <c r="H339555" s="12"/>
    </row>
    <row r="339556" spans="8:8">
      <c r="H339556" s="12"/>
    </row>
    <row r="339557" spans="8:8">
      <c r="H339557" s="12"/>
    </row>
    <row r="339558" spans="8:8">
      <c r="H339558" s="12"/>
    </row>
    <row r="339559" spans="8:8">
      <c r="H339559" s="12"/>
    </row>
    <row r="339560" spans="8:8">
      <c r="H339560" s="12"/>
    </row>
    <row r="339561" spans="8:8">
      <c r="H339561" s="12"/>
    </row>
    <row r="339562" spans="8:8">
      <c r="H339562" s="12"/>
    </row>
    <row r="339563" spans="8:8">
      <c r="H339563" s="12"/>
    </row>
    <row r="339564" spans="8:8">
      <c r="H339564" s="12"/>
    </row>
    <row r="339565" spans="8:8">
      <c r="H339565" s="12"/>
    </row>
    <row r="339566" spans="8:8">
      <c r="H339566" s="12"/>
    </row>
    <row r="339567" spans="8:8">
      <c r="H339567" s="12"/>
    </row>
    <row r="339568" spans="8:8">
      <c r="H339568" s="12"/>
    </row>
    <row r="339569" spans="8:8">
      <c r="H339569" s="12"/>
    </row>
    <row r="339570" spans="8:8">
      <c r="H339570" s="12"/>
    </row>
    <row r="339571" spans="8:8">
      <c r="H339571" s="12"/>
    </row>
    <row r="339572" spans="8:8">
      <c r="H339572" s="12"/>
    </row>
    <row r="339573" spans="8:8">
      <c r="H339573" s="12"/>
    </row>
    <row r="339574" spans="8:8">
      <c r="H339574" s="12"/>
    </row>
    <row r="339575" spans="8:8">
      <c r="H339575" s="12"/>
    </row>
    <row r="339576" spans="8:8">
      <c r="H339576" s="12"/>
    </row>
    <row r="339577" spans="8:8">
      <c r="H339577" s="12"/>
    </row>
    <row r="339578" spans="8:8">
      <c r="H339578" s="12"/>
    </row>
    <row r="339579" spans="8:8">
      <c r="H339579" s="12"/>
    </row>
    <row r="339580" spans="8:8">
      <c r="H339580" s="12"/>
    </row>
    <row r="339581" spans="8:8">
      <c r="H339581" s="12"/>
    </row>
    <row r="339582" spans="8:8">
      <c r="H339582" s="12"/>
    </row>
    <row r="339583" spans="8:8">
      <c r="H339583" s="12"/>
    </row>
    <row r="339584" spans="8:8">
      <c r="H339584" s="12"/>
    </row>
    <row r="339585" spans="8:8">
      <c r="H339585" s="12"/>
    </row>
    <row r="339586" spans="8:8">
      <c r="H339586" s="12"/>
    </row>
    <row r="339587" spans="8:8">
      <c r="H339587" s="12"/>
    </row>
    <row r="339588" spans="8:8">
      <c r="H339588" s="12"/>
    </row>
    <row r="339589" spans="8:8">
      <c r="H339589" s="12"/>
    </row>
    <row r="339590" spans="8:8">
      <c r="H339590" s="12"/>
    </row>
    <row r="339591" spans="8:8">
      <c r="H339591" s="12"/>
    </row>
    <row r="339592" spans="8:8">
      <c r="H339592" s="12"/>
    </row>
    <row r="339593" spans="8:8">
      <c r="H339593" s="12"/>
    </row>
    <row r="339594" spans="8:8">
      <c r="H339594" s="12"/>
    </row>
    <row r="339595" spans="8:8">
      <c r="H339595" s="12"/>
    </row>
    <row r="339596" spans="8:8">
      <c r="H339596" s="12"/>
    </row>
    <row r="339597" spans="8:8">
      <c r="H339597" s="12"/>
    </row>
    <row r="339598" spans="8:8">
      <c r="H339598" s="12"/>
    </row>
    <row r="339599" spans="8:8">
      <c r="H339599" s="12"/>
    </row>
    <row r="339600" spans="8:8">
      <c r="H339600" s="12"/>
    </row>
    <row r="339601" spans="8:8">
      <c r="H339601" s="12"/>
    </row>
    <row r="339602" spans="8:8">
      <c r="H339602" s="12"/>
    </row>
    <row r="339603" spans="8:8">
      <c r="H339603" s="12"/>
    </row>
    <row r="339604" spans="8:8">
      <c r="H339604" s="12"/>
    </row>
    <row r="339605" spans="8:8">
      <c r="H339605" s="12"/>
    </row>
    <row r="339606" spans="8:8">
      <c r="H339606" s="12"/>
    </row>
    <row r="339607" spans="8:8">
      <c r="H339607" s="12"/>
    </row>
    <row r="339608" spans="8:8">
      <c r="H339608" s="12"/>
    </row>
    <row r="339609" spans="8:8">
      <c r="H339609" s="12"/>
    </row>
    <row r="339610" spans="8:8">
      <c r="H339610" s="12"/>
    </row>
    <row r="339611" spans="8:8">
      <c r="H339611" s="12"/>
    </row>
    <row r="339612" spans="8:8">
      <c r="H339612" s="12"/>
    </row>
    <row r="339613" spans="8:8">
      <c r="H339613" s="12"/>
    </row>
    <row r="339614" spans="8:8">
      <c r="H339614" s="12"/>
    </row>
    <row r="339615" spans="8:8">
      <c r="H339615" s="12"/>
    </row>
    <row r="339616" spans="8:8">
      <c r="H339616" s="12"/>
    </row>
    <row r="339617" spans="8:8">
      <c r="H339617" s="12"/>
    </row>
    <row r="339618" spans="8:8">
      <c r="H339618" s="12"/>
    </row>
    <row r="339619" spans="8:8">
      <c r="H339619" s="12"/>
    </row>
    <row r="339620" spans="8:8">
      <c r="H339620" s="12"/>
    </row>
    <row r="339621" spans="8:8">
      <c r="H339621" s="12"/>
    </row>
    <row r="339622" spans="8:8">
      <c r="H339622" s="12"/>
    </row>
    <row r="339623" spans="8:8">
      <c r="H339623" s="12"/>
    </row>
    <row r="339624" spans="8:8">
      <c r="H339624" s="12"/>
    </row>
    <row r="339625" spans="8:8">
      <c r="H339625" s="12"/>
    </row>
    <row r="339626" spans="8:8">
      <c r="H339626" s="12"/>
    </row>
    <row r="339627" spans="8:8">
      <c r="H339627" s="12"/>
    </row>
    <row r="339628" spans="8:8">
      <c r="H339628" s="12"/>
    </row>
    <row r="339629" spans="8:8">
      <c r="H339629" s="12"/>
    </row>
    <row r="339630" spans="8:8">
      <c r="H339630" s="12"/>
    </row>
    <row r="339631" spans="8:8">
      <c r="H339631" s="12"/>
    </row>
    <row r="339632" spans="8:8">
      <c r="H339632" s="12"/>
    </row>
    <row r="339633" spans="8:8">
      <c r="H339633" s="12"/>
    </row>
    <row r="339634" spans="8:8">
      <c r="H339634" s="12"/>
    </row>
    <row r="339635" spans="8:8">
      <c r="H339635" s="12"/>
    </row>
    <row r="339636" spans="8:8">
      <c r="H339636" s="12"/>
    </row>
    <row r="339637" spans="8:8">
      <c r="H339637" s="12"/>
    </row>
    <row r="339638" spans="8:8">
      <c r="H339638" s="12"/>
    </row>
    <row r="339639" spans="8:8">
      <c r="H339639" s="12"/>
    </row>
    <row r="339640" spans="8:8">
      <c r="H339640" s="12"/>
    </row>
    <row r="339641" spans="8:8">
      <c r="H339641" s="12"/>
    </row>
    <row r="339642" spans="8:8">
      <c r="H339642" s="12"/>
    </row>
    <row r="339643" spans="8:8">
      <c r="H339643" s="12"/>
    </row>
    <row r="339644" spans="8:8">
      <c r="H339644" s="12"/>
    </row>
    <row r="339645" spans="8:8">
      <c r="H339645" s="12"/>
    </row>
    <row r="339646" spans="8:8">
      <c r="H339646" s="12"/>
    </row>
    <row r="339647" spans="8:8">
      <c r="H339647" s="12"/>
    </row>
    <row r="339648" spans="8:8">
      <c r="H339648" s="12"/>
    </row>
    <row r="339649" spans="8:8">
      <c r="H339649" s="12"/>
    </row>
    <row r="339650" spans="8:8">
      <c r="H339650" s="12"/>
    </row>
    <row r="339651" spans="8:8">
      <c r="H339651" s="12"/>
    </row>
    <row r="339652" spans="8:8">
      <c r="H339652" s="12"/>
    </row>
    <row r="339653" spans="8:8">
      <c r="H339653" s="12"/>
    </row>
    <row r="339654" spans="8:8">
      <c r="H339654" s="12"/>
    </row>
    <row r="339655" spans="8:8">
      <c r="H339655" s="12"/>
    </row>
    <row r="339656" spans="8:8">
      <c r="H339656" s="12"/>
    </row>
    <row r="339657" spans="8:8">
      <c r="H339657" s="12"/>
    </row>
    <row r="339658" spans="8:8">
      <c r="H339658" s="12"/>
    </row>
    <row r="339659" spans="8:8">
      <c r="H339659" s="12"/>
    </row>
    <row r="339660" spans="8:8">
      <c r="H339660" s="12"/>
    </row>
    <row r="339661" spans="8:8">
      <c r="H339661" s="12"/>
    </row>
    <row r="339662" spans="8:8">
      <c r="H339662" s="12"/>
    </row>
    <row r="339663" spans="8:8">
      <c r="H339663" s="12"/>
    </row>
    <row r="339664" spans="8:8">
      <c r="H339664" s="12"/>
    </row>
    <row r="339665" spans="8:8">
      <c r="H339665" s="12"/>
    </row>
    <row r="339666" spans="8:8">
      <c r="H339666" s="12"/>
    </row>
    <row r="339667" spans="8:8">
      <c r="H339667" s="12"/>
    </row>
    <row r="339668" spans="8:8">
      <c r="H339668" s="12"/>
    </row>
    <row r="339669" spans="8:8">
      <c r="H339669" s="12"/>
    </row>
    <row r="339670" spans="8:8">
      <c r="H339670" s="12"/>
    </row>
    <row r="339671" spans="8:8">
      <c r="H339671" s="12"/>
    </row>
    <row r="339672" spans="8:8">
      <c r="H339672" s="12"/>
    </row>
    <row r="339673" spans="8:8">
      <c r="H339673" s="12"/>
    </row>
    <row r="339674" spans="8:8">
      <c r="H339674" s="12"/>
    </row>
    <row r="339675" spans="8:8">
      <c r="H339675" s="12"/>
    </row>
    <row r="339676" spans="8:8">
      <c r="H339676" s="12"/>
    </row>
    <row r="339677" spans="8:8">
      <c r="H339677" s="12"/>
    </row>
    <row r="339678" spans="8:8">
      <c r="H339678" s="12"/>
    </row>
    <row r="339679" spans="8:8">
      <c r="H339679" s="12"/>
    </row>
    <row r="339680" spans="8:8">
      <c r="H339680" s="12"/>
    </row>
    <row r="339681" spans="8:8">
      <c r="H339681" s="12"/>
    </row>
    <row r="339682" spans="8:8">
      <c r="H339682" s="12"/>
    </row>
    <row r="339683" spans="8:8">
      <c r="H339683" s="12"/>
    </row>
    <row r="339684" spans="8:8">
      <c r="H339684" s="12"/>
    </row>
    <row r="339685" spans="8:8">
      <c r="H339685" s="12"/>
    </row>
    <row r="339686" spans="8:8">
      <c r="H339686" s="12"/>
    </row>
    <row r="339687" spans="8:8">
      <c r="H339687" s="12"/>
    </row>
    <row r="339688" spans="8:8">
      <c r="H339688" s="12"/>
    </row>
    <row r="339689" spans="8:8">
      <c r="H339689" s="12"/>
    </row>
    <row r="339690" spans="8:8">
      <c r="H339690" s="12"/>
    </row>
    <row r="339691" spans="8:8">
      <c r="H339691" s="12"/>
    </row>
    <row r="339692" spans="8:8">
      <c r="H339692" s="12"/>
    </row>
    <row r="339693" spans="8:8">
      <c r="H339693" s="12"/>
    </row>
    <row r="339694" spans="8:8">
      <c r="H339694" s="12"/>
    </row>
    <row r="339695" spans="8:8">
      <c r="H339695" s="12"/>
    </row>
    <row r="339696" spans="8:8">
      <c r="H339696" s="12"/>
    </row>
    <row r="339697" spans="8:8">
      <c r="H339697" s="12"/>
    </row>
    <row r="339698" spans="8:8">
      <c r="H339698" s="12"/>
    </row>
    <row r="339699" spans="8:8">
      <c r="H339699" s="12"/>
    </row>
    <row r="339700" spans="8:8">
      <c r="H339700" s="12"/>
    </row>
    <row r="339701" spans="8:8">
      <c r="H339701" s="12"/>
    </row>
    <row r="339702" spans="8:8">
      <c r="H339702" s="12"/>
    </row>
    <row r="339703" spans="8:8">
      <c r="H339703" s="12"/>
    </row>
    <row r="339704" spans="8:8">
      <c r="H339704" s="12"/>
    </row>
    <row r="339705" spans="8:8">
      <c r="H339705" s="12"/>
    </row>
    <row r="339706" spans="8:8">
      <c r="H339706" s="12"/>
    </row>
    <row r="339707" spans="8:8">
      <c r="H339707" s="12"/>
    </row>
    <row r="339708" spans="8:8">
      <c r="H339708" s="12"/>
    </row>
    <row r="339709" spans="8:8">
      <c r="H339709" s="12"/>
    </row>
    <row r="339710" spans="8:8">
      <c r="H339710" s="12"/>
    </row>
    <row r="339711" spans="8:8">
      <c r="H339711" s="12"/>
    </row>
    <row r="339712" spans="8:8">
      <c r="H339712" s="12"/>
    </row>
    <row r="339713" spans="8:8">
      <c r="H339713" s="12"/>
    </row>
    <row r="339714" spans="8:8">
      <c r="H339714" s="12"/>
    </row>
    <row r="339715" spans="8:8">
      <c r="H339715" s="12"/>
    </row>
    <row r="339716" spans="8:8">
      <c r="H339716" s="12"/>
    </row>
    <row r="339717" spans="8:8">
      <c r="H339717" s="12"/>
    </row>
    <row r="339718" spans="8:8">
      <c r="H339718" s="12"/>
    </row>
    <row r="339719" spans="8:8">
      <c r="H339719" s="12"/>
    </row>
    <row r="339720" spans="8:8">
      <c r="H339720" s="12"/>
    </row>
    <row r="339721" spans="8:8">
      <c r="H339721" s="12"/>
    </row>
    <row r="339722" spans="8:8">
      <c r="H339722" s="12"/>
    </row>
    <row r="339723" spans="8:8">
      <c r="H339723" s="12"/>
    </row>
    <row r="339724" spans="8:8">
      <c r="H339724" s="12"/>
    </row>
    <row r="339725" spans="8:8">
      <c r="H339725" s="12"/>
    </row>
    <row r="339726" spans="8:8">
      <c r="H339726" s="12"/>
    </row>
    <row r="339727" spans="8:8">
      <c r="H339727" s="12"/>
    </row>
    <row r="339728" spans="8:8">
      <c r="H339728" s="12"/>
    </row>
    <row r="339729" spans="8:8">
      <c r="H339729" s="12"/>
    </row>
    <row r="339730" spans="8:8">
      <c r="H339730" s="12"/>
    </row>
    <row r="339731" spans="8:8">
      <c r="H339731" s="12"/>
    </row>
    <row r="339732" spans="8:8">
      <c r="H339732" s="12"/>
    </row>
    <row r="339733" spans="8:8">
      <c r="H339733" s="12"/>
    </row>
    <row r="339734" spans="8:8">
      <c r="H339734" s="12"/>
    </row>
    <row r="339735" spans="8:8">
      <c r="H339735" s="12"/>
    </row>
    <row r="339736" spans="8:8">
      <c r="H339736" s="12"/>
    </row>
    <row r="339737" spans="8:8">
      <c r="H339737" s="12"/>
    </row>
    <row r="339738" spans="8:8">
      <c r="H339738" s="12"/>
    </row>
    <row r="339739" spans="8:8">
      <c r="H339739" s="12"/>
    </row>
    <row r="339740" spans="8:8">
      <c r="H339740" s="12"/>
    </row>
    <row r="339741" spans="8:8">
      <c r="H339741" s="12"/>
    </row>
    <row r="339742" spans="8:8">
      <c r="H339742" s="12"/>
    </row>
    <row r="339743" spans="8:8">
      <c r="H339743" s="12"/>
    </row>
    <row r="339744" spans="8:8">
      <c r="H339744" s="12"/>
    </row>
    <row r="339745" spans="8:8">
      <c r="H339745" s="12"/>
    </row>
    <row r="339746" spans="8:8">
      <c r="H339746" s="12"/>
    </row>
    <row r="339747" spans="8:8">
      <c r="H339747" s="12"/>
    </row>
    <row r="339748" spans="8:8">
      <c r="H339748" s="12"/>
    </row>
    <row r="339749" spans="8:8">
      <c r="H339749" s="12"/>
    </row>
    <row r="339750" spans="8:8">
      <c r="H339750" s="12"/>
    </row>
    <row r="339751" spans="8:8">
      <c r="H339751" s="12"/>
    </row>
    <row r="339752" spans="8:8">
      <c r="H339752" s="12"/>
    </row>
    <row r="339753" spans="8:8">
      <c r="H339753" s="12"/>
    </row>
    <row r="339754" spans="8:8">
      <c r="H339754" s="12"/>
    </row>
    <row r="339755" spans="8:8">
      <c r="H339755" s="12"/>
    </row>
    <row r="339756" spans="8:8">
      <c r="H339756" s="12"/>
    </row>
    <row r="339757" spans="8:8">
      <c r="H339757" s="12"/>
    </row>
    <row r="339758" spans="8:8">
      <c r="H339758" s="12"/>
    </row>
    <row r="339759" spans="8:8">
      <c r="H339759" s="12"/>
    </row>
    <row r="339760" spans="8:8">
      <c r="H339760" s="12"/>
    </row>
    <row r="339761" spans="8:8">
      <c r="H339761" s="12"/>
    </row>
    <row r="339762" spans="8:8">
      <c r="H339762" s="12"/>
    </row>
    <row r="339763" spans="8:8">
      <c r="H339763" s="12"/>
    </row>
    <row r="339764" spans="8:8">
      <c r="H339764" s="12"/>
    </row>
    <row r="339765" spans="8:8">
      <c r="H339765" s="12"/>
    </row>
    <row r="339766" spans="8:8">
      <c r="H339766" s="12"/>
    </row>
    <row r="339767" spans="8:8">
      <c r="H339767" s="12"/>
    </row>
    <row r="339768" spans="8:8">
      <c r="H339768" s="12"/>
    </row>
    <row r="339769" spans="8:8">
      <c r="H339769" s="12"/>
    </row>
    <row r="339770" spans="8:8">
      <c r="H339770" s="12"/>
    </row>
    <row r="339771" spans="8:8">
      <c r="H339771" s="12"/>
    </row>
    <row r="339772" spans="8:8">
      <c r="H339772" s="12"/>
    </row>
    <row r="339773" spans="8:8">
      <c r="H339773" s="12"/>
    </row>
    <row r="339774" spans="8:8">
      <c r="H339774" s="12"/>
    </row>
    <row r="339775" spans="8:8">
      <c r="H339775" s="12"/>
    </row>
    <row r="339776" spans="8:8">
      <c r="H339776" s="12"/>
    </row>
    <row r="339777" spans="8:8">
      <c r="H339777" s="12"/>
    </row>
    <row r="339778" spans="8:8">
      <c r="H339778" s="12"/>
    </row>
    <row r="339779" spans="8:8">
      <c r="H339779" s="12"/>
    </row>
    <row r="339780" spans="8:8">
      <c r="H339780" s="12"/>
    </row>
    <row r="339781" spans="8:8">
      <c r="H339781" s="12"/>
    </row>
    <row r="339782" spans="8:8">
      <c r="H339782" s="12"/>
    </row>
    <row r="339783" spans="8:8">
      <c r="H339783" s="12"/>
    </row>
    <row r="339784" spans="8:8">
      <c r="H339784" s="12"/>
    </row>
    <row r="339785" spans="8:8">
      <c r="H339785" s="12"/>
    </row>
    <row r="339786" spans="8:8">
      <c r="H339786" s="12"/>
    </row>
    <row r="339787" spans="8:8">
      <c r="H339787" s="12"/>
    </row>
    <row r="339788" spans="8:8">
      <c r="H339788" s="12"/>
    </row>
    <row r="339789" spans="8:8">
      <c r="H339789" s="12"/>
    </row>
    <row r="339790" spans="8:8">
      <c r="H339790" s="12"/>
    </row>
    <row r="339791" spans="8:8">
      <c r="H339791" s="12"/>
    </row>
    <row r="339792" spans="8:8">
      <c r="H339792" s="12"/>
    </row>
    <row r="339793" spans="8:8">
      <c r="H339793" s="12"/>
    </row>
    <row r="339794" spans="8:8">
      <c r="H339794" s="12"/>
    </row>
    <row r="339795" spans="8:8">
      <c r="H339795" s="12"/>
    </row>
    <row r="339796" spans="8:8">
      <c r="H339796" s="12"/>
    </row>
    <row r="339797" spans="8:8">
      <c r="H339797" s="12"/>
    </row>
    <row r="339798" spans="8:8">
      <c r="H339798" s="12"/>
    </row>
    <row r="339799" spans="8:8">
      <c r="H339799" s="12"/>
    </row>
    <row r="339800" spans="8:8">
      <c r="H339800" s="12"/>
    </row>
    <row r="339801" spans="8:8">
      <c r="H339801" s="12"/>
    </row>
    <row r="339802" spans="8:8">
      <c r="H339802" s="12"/>
    </row>
    <row r="339803" spans="8:8">
      <c r="H339803" s="12"/>
    </row>
    <row r="339804" spans="8:8">
      <c r="H339804" s="12"/>
    </row>
    <row r="339805" spans="8:8">
      <c r="H339805" s="12"/>
    </row>
    <row r="339806" spans="8:8">
      <c r="H339806" s="12"/>
    </row>
    <row r="339807" spans="8:8">
      <c r="H339807" s="12"/>
    </row>
    <row r="339808" spans="8:8">
      <c r="H339808" s="12"/>
    </row>
    <row r="339809" spans="8:8">
      <c r="H339809" s="12"/>
    </row>
    <row r="339810" spans="8:8">
      <c r="H339810" s="12"/>
    </row>
    <row r="339811" spans="8:8">
      <c r="H339811" s="12"/>
    </row>
    <row r="339812" spans="8:8">
      <c r="H339812" s="12"/>
    </row>
    <row r="339813" spans="8:8">
      <c r="H339813" s="12"/>
    </row>
    <row r="339814" spans="8:8">
      <c r="H339814" s="12"/>
    </row>
    <row r="339815" spans="8:8">
      <c r="H339815" s="12"/>
    </row>
    <row r="339816" spans="8:8">
      <c r="H339816" s="12"/>
    </row>
    <row r="339817" spans="8:8">
      <c r="H339817" s="12"/>
    </row>
    <row r="339818" spans="8:8">
      <c r="H339818" s="12"/>
    </row>
    <row r="339819" spans="8:8">
      <c r="H339819" s="12"/>
    </row>
    <row r="339820" spans="8:8">
      <c r="H339820" s="12"/>
    </row>
    <row r="339821" spans="8:8">
      <c r="H339821" s="12"/>
    </row>
    <row r="339822" spans="8:8">
      <c r="H339822" s="12"/>
    </row>
    <row r="339823" spans="8:8">
      <c r="H339823" s="12"/>
    </row>
    <row r="339824" spans="8:8">
      <c r="H339824" s="12"/>
    </row>
    <row r="339825" spans="8:8">
      <c r="H339825" s="12"/>
    </row>
    <row r="339826" spans="8:8">
      <c r="H339826" s="12"/>
    </row>
    <row r="339827" spans="8:8">
      <c r="H339827" s="12"/>
    </row>
    <row r="339828" spans="8:8">
      <c r="H339828" s="12"/>
    </row>
    <row r="339829" spans="8:8">
      <c r="H339829" s="12"/>
    </row>
    <row r="339830" spans="8:8">
      <c r="H339830" s="12"/>
    </row>
    <row r="339831" spans="8:8">
      <c r="H339831" s="12"/>
    </row>
    <row r="339832" spans="8:8">
      <c r="H339832" s="12"/>
    </row>
    <row r="339833" spans="8:8">
      <c r="H339833" s="12"/>
    </row>
    <row r="339834" spans="8:8">
      <c r="H339834" s="12"/>
    </row>
    <row r="339835" spans="8:8">
      <c r="H339835" s="12"/>
    </row>
    <row r="339836" spans="8:8">
      <c r="H339836" s="12"/>
    </row>
    <row r="339837" spans="8:8">
      <c r="H339837" s="12"/>
    </row>
    <row r="339838" spans="8:8">
      <c r="H339838" s="12"/>
    </row>
    <row r="339839" spans="8:8">
      <c r="H339839" s="12"/>
    </row>
    <row r="339840" spans="8:8">
      <c r="H339840" s="12"/>
    </row>
    <row r="339841" spans="8:8">
      <c r="H339841" s="12"/>
    </row>
    <row r="339842" spans="8:8">
      <c r="H339842" s="12"/>
    </row>
    <row r="339843" spans="8:8">
      <c r="H339843" s="12"/>
    </row>
    <row r="339844" spans="8:8">
      <c r="H339844" s="12"/>
    </row>
    <row r="339845" spans="8:8">
      <c r="H339845" s="12"/>
    </row>
    <row r="339846" spans="8:8">
      <c r="H339846" s="12"/>
    </row>
    <row r="339847" spans="8:8">
      <c r="H339847" s="12"/>
    </row>
    <row r="339848" spans="8:8">
      <c r="H339848" s="12"/>
    </row>
    <row r="339849" spans="8:8">
      <c r="H339849" s="12"/>
    </row>
    <row r="339850" spans="8:8">
      <c r="H339850" s="12"/>
    </row>
    <row r="339851" spans="8:8">
      <c r="H339851" s="12"/>
    </row>
    <row r="339852" spans="8:8">
      <c r="H339852" s="12"/>
    </row>
    <row r="339853" spans="8:8">
      <c r="H339853" s="12"/>
    </row>
    <row r="339854" spans="8:8">
      <c r="H339854" s="12"/>
    </row>
    <row r="339855" spans="8:8">
      <c r="H339855" s="12"/>
    </row>
    <row r="339856" spans="8:8">
      <c r="H339856" s="12"/>
    </row>
    <row r="339857" spans="8:8">
      <c r="H339857" s="12"/>
    </row>
    <row r="339858" spans="8:8">
      <c r="H339858" s="12"/>
    </row>
    <row r="339859" spans="8:8">
      <c r="H339859" s="12"/>
    </row>
    <row r="339860" spans="8:8">
      <c r="H339860" s="12"/>
    </row>
    <row r="339861" spans="8:8">
      <c r="H339861" s="12"/>
    </row>
    <row r="339862" spans="8:8">
      <c r="H339862" s="12"/>
    </row>
    <row r="339863" spans="8:8">
      <c r="H339863" s="12"/>
    </row>
    <row r="339864" spans="8:8">
      <c r="H339864" s="12"/>
    </row>
    <row r="339865" spans="8:8">
      <c r="H339865" s="12"/>
    </row>
    <row r="339866" spans="8:8">
      <c r="H339866" s="12"/>
    </row>
    <row r="339867" spans="8:8">
      <c r="H339867" s="12"/>
    </row>
    <row r="339868" spans="8:8">
      <c r="H339868" s="12"/>
    </row>
    <row r="339869" spans="8:8">
      <c r="H339869" s="12"/>
    </row>
    <row r="339870" spans="8:8">
      <c r="H339870" s="12"/>
    </row>
    <row r="339871" spans="8:8">
      <c r="H339871" s="12"/>
    </row>
    <row r="339872" spans="8:8">
      <c r="H339872" s="12"/>
    </row>
    <row r="339873" spans="8:8">
      <c r="H339873" s="12"/>
    </row>
    <row r="339874" spans="8:8">
      <c r="H339874" s="12"/>
    </row>
    <row r="339875" spans="8:8">
      <c r="H339875" s="12"/>
    </row>
    <row r="339876" spans="8:8">
      <c r="H339876" s="12"/>
    </row>
    <row r="339877" spans="8:8">
      <c r="H339877" s="12"/>
    </row>
    <row r="339878" spans="8:8">
      <c r="H339878" s="12"/>
    </row>
    <row r="339879" spans="8:8">
      <c r="H339879" s="12"/>
    </row>
    <row r="339880" spans="8:8">
      <c r="H339880" s="12"/>
    </row>
    <row r="339881" spans="8:8">
      <c r="H339881" s="12"/>
    </row>
    <row r="339882" spans="8:8">
      <c r="H339882" s="12"/>
    </row>
    <row r="339883" spans="8:8">
      <c r="H339883" s="12"/>
    </row>
    <row r="339884" spans="8:8">
      <c r="H339884" s="12"/>
    </row>
    <row r="339885" spans="8:8">
      <c r="H339885" s="12"/>
    </row>
    <row r="339886" spans="8:8">
      <c r="H339886" s="12"/>
    </row>
    <row r="339887" spans="8:8">
      <c r="H339887" s="12"/>
    </row>
    <row r="339888" spans="8:8">
      <c r="H339888" s="12"/>
    </row>
    <row r="339889" spans="8:8">
      <c r="H339889" s="12"/>
    </row>
    <row r="339890" spans="8:8">
      <c r="H339890" s="12"/>
    </row>
    <row r="339891" spans="8:8">
      <c r="H339891" s="12"/>
    </row>
    <row r="339892" spans="8:8">
      <c r="H339892" s="12"/>
    </row>
    <row r="339893" spans="8:8">
      <c r="H339893" s="12"/>
    </row>
    <row r="339894" spans="8:8">
      <c r="H339894" s="12"/>
    </row>
    <row r="339895" spans="8:8">
      <c r="H339895" s="12"/>
    </row>
    <row r="339896" spans="8:8">
      <c r="H339896" s="12"/>
    </row>
    <row r="339897" spans="8:8">
      <c r="H339897" s="12"/>
    </row>
    <row r="339898" spans="8:8">
      <c r="H339898" s="12"/>
    </row>
    <row r="339899" spans="8:8">
      <c r="H339899" s="12"/>
    </row>
    <row r="339900" spans="8:8">
      <c r="H339900" s="12"/>
    </row>
    <row r="339901" spans="8:8">
      <c r="H339901" s="12"/>
    </row>
    <row r="339902" spans="8:8">
      <c r="H339902" s="12"/>
    </row>
    <row r="339903" spans="8:8">
      <c r="H339903" s="12"/>
    </row>
    <row r="339904" spans="8:8">
      <c r="H339904" s="12"/>
    </row>
    <row r="339905" spans="8:8">
      <c r="H339905" s="12"/>
    </row>
    <row r="339906" spans="8:8">
      <c r="H339906" s="12"/>
    </row>
    <row r="339907" spans="8:8">
      <c r="H339907" s="12"/>
    </row>
    <row r="339908" spans="8:8">
      <c r="H339908" s="12"/>
    </row>
    <row r="339909" spans="8:8">
      <c r="H339909" s="12"/>
    </row>
    <row r="339910" spans="8:8">
      <c r="H339910" s="12"/>
    </row>
    <row r="339911" spans="8:8">
      <c r="H339911" s="12"/>
    </row>
    <row r="339912" spans="8:8">
      <c r="H339912" s="12"/>
    </row>
    <row r="339913" spans="8:8">
      <c r="H339913" s="12"/>
    </row>
    <row r="339914" spans="8:8">
      <c r="H339914" s="12"/>
    </row>
    <row r="339915" spans="8:8">
      <c r="H339915" s="12"/>
    </row>
    <row r="339916" spans="8:8">
      <c r="H339916" s="12"/>
    </row>
    <row r="339917" spans="8:8">
      <c r="H339917" s="12"/>
    </row>
    <row r="339918" spans="8:8">
      <c r="H339918" s="12"/>
    </row>
    <row r="339919" spans="8:8">
      <c r="H339919" s="12"/>
    </row>
    <row r="339920" spans="8:8">
      <c r="H339920" s="12"/>
    </row>
    <row r="339921" spans="8:8">
      <c r="H339921" s="12"/>
    </row>
    <row r="339922" spans="8:8">
      <c r="H339922" s="12"/>
    </row>
    <row r="339923" spans="8:8">
      <c r="H339923" s="12"/>
    </row>
    <row r="339924" spans="8:8">
      <c r="H339924" s="12"/>
    </row>
    <row r="339925" spans="8:8">
      <c r="H339925" s="12"/>
    </row>
    <row r="339926" spans="8:8">
      <c r="H339926" s="12"/>
    </row>
    <row r="339927" spans="8:8">
      <c r="H339927" s="12"/>
    </row>
    <row r="339928" spans="8:8">
      <c r="H339928" s="12"/>
    </row>
    <row r="339929" spans="8:8">
      <c r="H339929" s="12"/>
    </row>
    <row r="339930" spans="8:8">
      <c r="H339930" s="12"/>
    </row>
    <row r="339931" spans="8:8">
      <c r="H339931" s="12"/>
    </row>
    <row r="339932" spans="8:8">
      <c r="H339932" s="12"/>
    </row>
    <row r="339933" spans="8:8">
      <c r="H339933" s="12"/>
    </row>
    <row r="339934" spans="8:8">
      <c r="H339934" s="12"/>
    </row>
    <row r="339935" spans="8:8">
      <c r="H339935" s="12"/>
    </row>
    <row r="339936" spans="8:8">
      <c r="H339936" s="12"/>
    </row>
    <row r="339937" spans="8:8">
      <c r="H339937" s="12"/>
    </row>
    <row r="339938" spans="8:8">
      <c r="H339938" s="12"/>
    </row>
    <row r="339939" spans="8:8">
      <c r="H339939" s="12"/>
    </row>
    <row r="339940" spans="8:8">
      <c r="H339940" s="12"/>
    </row>
    <row r="339941" spans="8:8">
      <c r="H339941" s="12"/>
    </row>
    <row r="339942" spans="8:8">
      <c r="H339942" s="12"/>
    </row>
    <row r="339943" spans="8:8">
      <c r="H339943" s="12"/>
    </row>
    <row r="339944" spans="8:8">
      <c r="H339944" s="12"/>
    </row>
    <row r="339945" spans="8:8">
      <c r="H339945" s="12"/>
    </row>
    <row r="339946" spans="8:8">
      <c r="H339946" s="12"/>
    </row>
    <row r="339947" spans="8:8">
      <c r="H339947" s="12"/>
    </row>
    <row r="339948" spans="8:8">
      <c r="H339948" s="12"/>
    </row>
    <row r="339949" spans="8:8">
      <c r="H339949" s="12"/>
    </row>
    <row r="339950" spans="8:8">
      <c r="H339950" s="12"/>
    </row>
    <row r="339951" spans="8:8">
      <c r="H339951" s="12"/>
    </row>
    <row r="339952" spans="8:8">
      <c r="H339952" s="12"/>
    </row>
    <row r="339953" spans="8:8">
      <c r="H339953" s="12"/>
    </row>
    <row r="339954" spans="8:8">
      <c r="H339954" s="12"/>
    </row>
    <row r="339955" spans="8:8">
      <c r="H339955" s="12"/>
    </row>
    <row r="339956" spans="8:8">
      <c r="H339956" s="12"/>
    </row>
    <row r="339957" spans="8:8">
      <c r="H339957" s="12"/>
    </row>
    <row r="339958" spans="8:8">
      <c r="H339958" s="12"/>
    </row>
    <row r="339959" spans="8:8">
      <c r="H339959" s="12"/>
    </row>
    <row r="339960" spans="8:8">
      <c r="H339960" s="12"/>
    </row>
    <row r="339961" spans="8:8">
      <c r="H339961" s="12"/>
    </row>
    <row r="339962" spans="8:8">
      <c r="H339962" s="12"/>
    </row>
    <row r="339963" spans="8:8">
      <c r="H339963" s="12"/>
    </row>
    <row r="339964" spans="8:8">
      <c r="H339964" s="12"/>
    </row>
    <row r="339965" spans="8:8">
      <c r="H339965" s="12"/>
    </row>
    <row r="339966" spans="8:8">
      <c r="H339966" s="12"/>
    </row>
    <row r="339967" spans="8:8">
      <c r="H339967" s="12"/>
    </row>
    <row r="339968" spans="8:8">
      <c r="H339968" s="12"/>
    </row>
    <row r="339969" spans="8:8">
      <c r="H339969" s="12"/>
    </row>
    <row r="339970" spans="8:8">
      <c r="H339970" s="12"/>
    </row>
    <row r="339971" spans="8:8">
      <c r="H339971" s="12"/>
    </row>
    <row r="339972" spans="8:8">
      <c r="H339972" s="12"/>
    </row>
    <row r="339973" spans="8:8">
      <c r="H339973" s="12"/>
    </row>
    <row r="339974" spans="8:8">
      <c r="H339974" s="12"/>
    </row>
    <row r="339975" spans="8:8">
      <c r="H339975" s="12"/>
    </row>
    <row r="339976" spans="8:8">
      <c r="H339976" s="12"/>
    </row>
    <row r="339977" spans="8:8">
      <c r="H339977" s="12"/>
    </row>
    <row r="339978" spans="8:8">
      <c r="H339978" s="12"/>
    </row>
    <row r="339979" spans="8:8">
      <c r="H339979" s="12"/>
    </row>
    <row r="339980" spans="8:8">
      <c r="H339980" s="12"/>
    </row>
    <row r="339981" spans="8:8">
      <c r="H339981" s="12"/>
    </row>
    <row r="339982" spans="8:8">
      <c r="H339982" s="12"/>
    </row>
    <row r="339983" spans="8:8">
      <c r="H339983" s="12"/>
    </row>
    <row r="339984" spans="8:8">
      <c r="H339984" s="12"/>
    </row>
    <row r="339985" spans="8:8">
      <c r="H339985" s="12"/>
    </row>
    <row r="339986" spans="8:8">
      <c r="H339986" s="12"/>
    </row>
    <row r="339987" spans="8:8">
      <c r="H339987" s="12"/>
    </row>
    <row r="339988" spans="8:8">
      <c r="H339988" s="12"/>
    </row>
    <row r="339989" spans="8:8">
      <c r="H339989" s="12"/>
    </row>
    <row r="339990" spans="8:8">
      <c r="H339990" s="12"/>
    </row>
    <row r="339991" spans="8:8">
      <c r="H339991" s="12"/>
    </row>
    <row r="339992" spans="8:8">
      <c r="H339992" s="12"/>
    </row>
    <row r="339993" spans="8:8">
      <c r="H339993" s="12"/>
    </row>
    <row r="339994" spans="8:8">
      <c r="H339994" s="12"/>
    </row>
    <row r="339995" spans="8:8">
      <c r="H339995" s="12"/>
    </row>
    <row r="339996" spans="8:8">
      <c r="H339996" s="12"/>
    </row>
    <row r="339997" spans="8:8">
      <c r="H339997" s="12"/>
    </row>
    <row r="339998" spans="8:8">
      <c r="H339998" s="12"/>
    </row>
    <row r="339999" spans="8:8">
      <c r="H339999" s="12"/>
    </row>
    <row r="340000" spans="8:8">
      <c r="H340000" s="12"/>
    </row>
    <row r="340001" spans="8:8">
      <c r="H340001" s="12"/>
    </row>
    <row r="340002" spans="8:8">
      <c r="H340002" s="12"/>
    </row>
    <row r="340003" spans="8:8">
      <c r="H340003" s="12"/>
    </row>
    <row r="340004" spans="8:8">
      <c r="H340004" s="12"/>
    </row>
    <row r="340005" spans="8:8">
      <c r="H340005" s="12"/>
    </row>
    <row r="340006" spans="8:8">
      <c r="H340006" s="12"/>
    </row>
    <row r="340007" spans="8:8">
      <c r="H340007" s="12"/>
    </row>
    <row r="340008" spans="8:8">
      <c r="H340008" s="12"/>
    </row>
    <row r="340009" spans="8:8">
      <c r="H340009" s="12"/>
    </row>
    <row r="340010" spans="8:8">
      <c r="H340010" s="12"/>
    </row>
    <row r="340011" spans="8:8">
      <c r="H340011" s="12"/>
    </row>
    <row r="340012" spans="8:8">
      <c r="H340012" s="12"/>
    </row>
    <row r="340013" spans="8:8">
      <c r="H340013" s="12"/>
    </row>
    <row r="340014" spans="8:8">
      <c r="H340014" s="12"/>
    </row>
    <row r="340015" spans="8:8">
      <c r="H340015" s="12"/>
    </row>
    <row r="340016" spans="8:8">
      <c r="H340016" s="12"/>
    </row>
    <row r="340017" spans="8:8">
      <c r="H340017" s="12"/>
    </row>
    <row r="340018" spans="8:8">
      <c r="H340018" s="12"/>
    </row>
    <row r="340019" spans="8:8">
      <c r="H340019" s="12"/>
    </row>
    <row r="340020" spans="8:8">
      <c r="H340020" s="12"/>
    </row>
    <row r="340021" spans="8:8">
      <c r="H340021" s="12"/>
    </row>
    <row r="340022" spans="8:8">
      <c r="H340022" s="12"/>
    </row>
    <row r="340023" spans="8:8">
      <c r="H340023" s="12"/>
    </row>
    <row r="340024" spans="8:8">
      <c r="H340024" s="12"/>
    </row>
    <row r="340025" spans="8:8">
      <c r="H340025" s="12"/>
    </row>
    <row r="340026" spans="8:8">
      <c r="H340026" s="12"/>
    </row>
    <row r="340027" spans="8:8">
      <c r="H340027" s="12"/>
    </row>
    <row r="340028" spans="8:8">
      <c r="H340028" s="12"/>
    </row>
    <row r="340029" spans="8:8">
      <c r="H340029" s="12"/>
    </row>
    <row r="340030" spans="8:8">
      <c r="H340030" s="12"/>
    </row>
    <row r="340031" spans="8:8">
      <c r="H340031" s="12"/>
    </row>
    <row r="340032" spans="8:8">
      <c r="H340032" s="12"/>
    </row>
    <row r="340033" spans="8:8">
      <c r="H340033" s="12"/>
    </row>
    <row r="340034" spans="8:8">
      <c r="H340034" s="12"/>
    </row>
    <row r="340035" spans="8:8">
      <c r="H340035" s="12"/>
    </row>
    <row r="340036" spans="8:8">
      <c r="H340036" s="12"/>
    </row>
    <row r="340037" spans="8:8">
      <c r="H340037" s="12"/>
    </row>
    <row r="340038" spans="8:8">
      <c r="H340038" s="12"/>
    </row>
    <row r="340039" spans="8:8">
      <c r="H340039" s="12"/>
    </row>
    <row r="340040" spans="8:8">
      <c r="H340040" s="12"/>
    </row>
    <row r="340041" spans="8:8">
      <c r="H340041" s="12"/>
    </row>
    <row r="340042" spans="8:8">
      <c r="H340042" s="12"/>
    </row>
    <row r="340043" spans="8:8">
      <c r="H340043" s="12"/>
    </row>
    <row r="340044" spans="8:8">
      <c r="H340044" s="12"/>
    </row>
    <row r="340045" spans="8:8">
      <c r="H340045" s="12"/>
    </row>
    <row r="340046" spans="8:8">
      <c r="H340046" s="12"/>
    </row>
    <row r="340047" spans="8:8">
      <c r="H340047" s="12"/>
    </row>
    <row r="340048" spans="8:8">
      <c r="H340048" s="12"/>
    </row>
    <row r="340049" spans="8:8">
      <c r="H340049" s="12"/>
    </row>
    <row r="340050" spans="8:8">
      <c r="H340050" s="12"/>
    </row>
    <row r="340051" spans="8:8">
      <c r="H340051" s="12"/>
    </row>
    <row r="340052" spans="8:8">
      <c r="H340052" s="12"/>
    </row>
    <row r="340053" spans="8:8">
      <c r="H340053" s="12"/>
    </row>
    <row r="340054" spans="8:8">
      <c r="H340054" s="12"/>
    </row>
    <row r="340055" spans="8:8">
      <c r="H340055" s="12"/>
    </row>
    <row r="340056" spans="8:8">
      <c r="H340056" s="12"/>
    </row>
    <row r="340057" spans="8:8">
      <c r="H340057" s="12"/>
    </row>
    <row r="340058" spans="8:8">
      <c r="H340058" s="12"/>
    </row>
    <row r="340059" spans="8:8">
      <c r="H340059" s="12"/>
    </row>
    <row r="340060" spans="8:8">
      <c r="H340060" s="12"/>
    </row>
    <row r="340061" spans="8:8">
      <c r="H340061" s="12"/>
    </row>
    <row r="340062" spans="8:8">
      <c r="H340062" s="12"/>
    </row>
    <row r="340063" spans="8:8">
      <c r="H340063" s="12"/>
    </row>
    <row r="340064" spans="8:8">
      <c r="H340064" s="12"/>
    </row>
    <row r="340065" spans="8:8">
      <c r="H340065" s="12"/>
    </row>
    <row r="340066" spans="8:8">
      <c r="H340066" s="12"/>
    </row>
    <row r="340067" spans="8:8">
      <c r="H340067" s="12"/>
    </row>
    <row r="340068" spans="8:8">
      <c r="H340068" s="12"/>
    </row>
    <row r="340069" spans="8:8">
      <c r="H340069" s="12"/>
    </row>
    <row r="340070" spans="8:8">
      <c r="H340070" s="12"/>
    </row>
    <row r="340071" spans="8:8">
      <c r="H340071" s="12"/>
    </row>
    <row r="340072" spans="8:8">
      <c r="H340072" s="12"/>
    </row>
    <row r="340073" spans="8:8">
      <c r="H340073" s="12"/>
    </row>
    <row r="340074" spans="8:8">
      <c r="H340074" s="12"/>
    </row>
    <row r="340075" spans="8:8">
      <c r="H340075" s="12"/>
    </row>
    <row r="340076" spans="8:8">
      <c r="H340076" s="12"/>
    </row>
    <row r="340077" spans="8:8">
      <c r="H340077" s="12"/>
    </row>
    <row r="340078" spans="8:8">
      <c r="H340078" s="12"/>
    </row>
    <row r="340079" spans="8:8">
      <c r="H340079" s="12"/>
    </row>
    <row r="340080" spans="8:8">
      <c r="H340080" s="12"/>
    </row>
    <row r="340081" spans="8:8">
      <c r="H340081" s="12"/>
    </row>
    <row r="340082" spans="8:8">
      <c r="H340082" s="12"/>
    </row>
    <row r="340083" spans="8:8">
      <c r="H340083" s="12"/>
    </row>
    <row r="340084" spans="8:8">
      <c r="H340084" s="12"/>
    </row>
    <row r="340085" spans="8:8">
      <c r="H340085" s="12"/>
    </row>
    <row r="340086" spans="8:8">
      <c r="H340086" s="12"/>
    </row>
    <row r="340087" spans="8:8">
      <c r="H340087" s="12"/>
    </row>
    <row r="340088" spans="8:8">
      <c r="H340088" s="12"/>
    </row>
    <row r="340089" spans="8:8">
      <c r="H340089" s="12"/>
    </row>
    <row r="340090" spans="8:8">
      <c r="H340090" s="12"/>
    </row>
    <row r="340091" spans="8:8">
      <c r="H340091" s="12"/>
    </row>
    <row r="340092" spans="8:8">
      <c r="H340092" s="12"/>
    </row>
    <row r="340093" spans="8:8">
      <c r="H340093" s="12"/>
    </row>
    <row r="340094" spans="8:8">
      <c r="H340094" s="12"/>
    </row>
    <row r="340095" spans="8:8">
      <c r="H340095" s="12"/>
    </row>
    <row r="340096" spans="8:8">
      <c r="H340096" s="12"/>
    </row>
    <row r="340097" spans="8:8">
      <c r="H340097" s="12"/>
    </row>
    <row r="340098" spans="8:8">
      <c r="H340098" s="12"/>
    </row>
    <row r="340099" spans="8:8">
      <c r="H340099" s="12"/>
    </row>
    <row r="340100" spans="8:8">
      <c r="H340100" s="12"/>
    </row>
    <row r="340101" spans="8:8">
      <c r="H340101" s="12"/>
    </row>
    <row r="340102" spans="8:8">
      <c r="H340102" s="12"/>
    </row>
    <row r="340103" spans="8:8">
      <c r="H340103" s="12"/>
    </row>
    <row r="340104" spans="8:8">
      <c r="H340104" s="12"/>
    </row>
    <row r="340105" spans="8:8">
      <c r="H340105" s="12"/>
    </row>
    <row r="340106" spans="8:8">
      <c r="H340106" s="12"/>
    </row>
    <row r="340107" spans="8:8">
      <c r="H340107" s="12"/>
    </row>
    <row r="340108" spans="8:8">
      <c r="H340108" s="12"/>
    </row>
    <row r="340109" spans="8:8">
      <c r="H340109" s="12"/>
    </row>
    <row r="340110" spans="8:8">
      <c r="H340110" s="12"/>
    </row>
    <row r="340111" spans="8:8">
      <c r="H340111" s="12"/>
    </row>
    <row r="340112" spans="8:8">
      <c r="H340112" s="12"/>
    </row>
    <row r="340113" spans="8:8">
      <c r="H340113" s="12"/>
    </row>
    <row r="340114" spans="8:8">
      <c r="H340114" s="12"/>
    </row>
    <row r="340115" spans="8:8">
      <c r="H340115" s="12"/>
    </row>
    <row r="340116" spans="8:8">
      <c r="H340116" s="12"/>
    </row>
    <row r="340117" spans="8:8">
      <c r="H340117" s="12"/>
    </row>
    <row r="340118" spans="8:8">
      <c r="H340118" s="12"/>
    </row>
    <row r="340119" spans="8:8">
      <c r="H340119" s="12"/>
    </row>
    <row r="340120" spans="8:8">
      <c r="H340120" s="12"/>
    </row>
    <row r="340121" spans="8:8">
      <c r="H340121" s="12"/>
    </row>
    <row r="340122" spans="8:8">
      <c r="H340122" s="12"/>
    </row>
    <row r="340123" spans="8:8">
      <c r="H340123" s="12"/>
    </row>
    <row r="340124" spans="8:8">
      <c r="H340124" s="12"/>
    </row>
    <row r="340125" spans="8:8">
      <c r="H340125" s="12"/>
    </row>
    <row r="340126" spans="8:8">
      <c r="H340126" s="12"/>
    </row>
    <row r="340127" spans="8:8">
      <c r="H340127" s="12"/>
    </row>
    <row r="340128" spans="8:8">
      <c r="H340128" s="12"/>
    </row>
    <row r="340129" spans="8:8">
      <c r="H340129" s="12"/>
    </row>
    <row r="340130" spans="8:8">
      <c r="H340130" s="12"/>
    </row>
    <row r="340131" spans="8:8">
      <c r="H340131" s="12"/>
    </row>
    <row r="340132" spans="8:8">
      <c r="H340132" s="12"/>
    </row>
    <row r="340133" spans="8:8">
      <c r="H340133" s="12"/>
    </row>
    <row r="340134" spans="8:8">
      <c r="H340134" s="12"/>
    </row>
    <row r="340135" spans="8:8">
      <c r="H340135" s="12"/>
    </row>
    <row r="340136" spans="8:8">
      <c r="H340136" s="12"/>
    </row>
    <row r="340137" spans="8:8">
      <c r="H340137" s="12"/>
    </row>
    <row r="340138" spans="8:8">
      <c r="H340138" s="12"/>
    </row>
    <row r="340139" spans="8:8">
      <c r="H340139" s="12"/>
    </row>
    <row r="340140" spans="8:8">
      <c r="H340140" s="12"/>
    </row>
    <row r="340141" spans="8:8">
      <c r="H340141" s="12"/>
    </row>
    <row r="340142" spans="8:8">
      <c r="H340142" s="12"/>
    </row>
    <row r="340143" spans="8:8">
      <c r="H340143" s="12"/>
    </row>
    <row r="340144" spans="8:8">
      <c r="H340144" s="12"/>
    </row>
    <row r="340145" spans="8:8">
      <c r="H340145" s="12"/>
    </row>
    <row r="340146" spans="8:8">
      <c r="H340146" s="12"/>
    </row>
    <row r="340147" spans="8:8">
      <c r="H340147" s="12"/>
    </row>
    <row r="340148" spans="8:8">
      <c r="H340148" s="12"/>
    </row>
    <row r="340149" spans="8:8">
      <c r="H340149" s="12"/>
    </row>
    <row r="340150" spans="8:8">
      <c r="H340150" s="12"/>
    </row>
    <row r="340151" spans="8:8">
      <c r="H340151" s="12"/>
    </row>
    <row r="340152" spans="8:8">
      <c r="H340152" s="12"/>
    </row>
    <row r="340153" spans="8:8">
      <c r="H340153" s="12"/>
    </row>
    <row r="340154" spans="8:8">
      <c r="H340154" s="12"/>
    </row>
    <row r="340155" spans="8:8">
      <c r="H340155" s="12"/>
    </row>
    <row r="340156" spans="8:8">
      <c r="H340156" s="12"/>
    </row>
    <row r="340157" spans="8:8">
      <c r="H340157" s="12"/>
    </row>
    <row r="340158" spans="8:8">
      <c r="H340158" s="12"/>
    </row>
    <row r="340159" spans="8:8">
      <c r="H340159" s="12"/>
    </row>
    <row r="340160" spans="8:8">
      <c r="H340160" s="12"/>
    </row>
    <row r="340161" spans="8:8">
      <c r="H340161" s="12"/>
    </row>
    <row r="340162" spans="8:8">
      <c r="H340162" s="12"/>
    </row>
    <row r="340163" spans="8:8">
      <c r="H340163" s="12"/>
    </row>
    <row r="340164" spans="8:8">
      <c r="H340164" s="12"/>
    </row>
    <row r="340165" spans="8:8">
      <c r="H340165" s="12"/>
    </row>
    <row r="340166" spans="8:8">
      <c r="H340166" s="12"/>
    </row>
    <row r="340167" spans="8:8">
      <c r="H340167" s="12"/>
    </row>
    <row r="340168" spans="8:8">
      <c r="H340168" s="12"/>
    </row>
    <row r="340169" spans="8:8">
      <c r="H340169" s="12"/>
    </row>
    <row r="340170" spans="8:8">
      <c r="H340170" s="12"/>
    </row>
    <row r="340171" spans="8:8">
      <c r="H340171" s="12"/>
    </row>
    <row r="340172" spans="8:8">
      <c r="H340172" s="12"/>
    </row>
    <row r="340173" spans="8:8">
      <c r="H340173" s="12"/>
    </row>
    <row r="340174" spans="8:8">
      <c r="H340174" s="12"/>
    </row>
    <row r="340175" spans="8:8">
      <c r="H340175" s="12"/>
    </row>
    <row r="340176" spans="8:8">
      <c r="H340176" s="12"/>
    </row>
    <row r="340177" spans="8:8">
      <c r="H340177" s="12"/>
    </row>
    <row r="340178" spans="8:8">
      <c r="H340178" s="12"/>
    </row>
    <row r="340179" spans="8:8">
      <c r="H340179" s="12"/>
    </row>
    <row r="340180" spans="8:8">
      <c r="H340180" s="12"/>
    </row>
    <row r="340181" spans="8:8">
      <c r="H340181" s="12"/>
    </row>
    <row r="340182" spans="8:8">
      <c r="H340182" s="12"/>
    </row>
    <row r="340183" spans="8:8">
      <c r="H340183" s="12"/>
    </row>
    <row r="340184" spans="8:8">
      <c r="H340184" s="12"/>
    </row>
    <row r="340185" spans="8:8">
      <c r="H340185" s="12"/>
    </row>
    <row r="340186" spans="8:8">
      <c r="H340186" s="12"/>
    </row>
    <row r="340187" spans="8:8">
      <c r="H340187" s="12"/>
    </row>
    <row r="340188" spans="8:8">
      <c r="H340188" s="12"/>
    </row>
    <row r="340189" spans="8:8">
      <c r="H340189" s="12"/>
    </row>
    <row r="340190" spans="8:8">
      <c r="H340190" s="12"/>
    </row>
    <row r="340191" spans="8:8">
      <c r="H340191" s="12"/>
    </row>
    <row r="340192" spans="8:8">
      <c r="H340192" s="12"/>
    </row>
    <row r="340193" spans="8:8">
      <c r="H340193" s="12"/>
    </row>
    <row r="340194" spans="8:8">
      <c r="H340194" s="12"/>
    </row>
    <row r="340195" spans="8:8">
      <c r="H340195" s="12"/>
    </row>
    <row r="340196" spans="8:8">
      <c r="H340196" s="12"/>
    </row>
    <row r="340197" spans="8:8">
      <c r="H340197" s="12"/>
    </row>
    <row r="340198" spans="8:8">
      <c r="H340198" s="12"/>
    </row>
    <row r="340199" spans="8:8">
      <c r="H340199" s="12"/>
    </row>
    <row r="340200" spans="8:8">
      <c r="H340200" s="12"/>
    </row>
    <row r="340201" spans="8:8">
      <c r="H340201" s="12"/>
    </row>
    <row r="340202" spans="8:8">
      <c r="H340202" s="12"/>
    </row>
    <row r="340203" spans="8:8">
      <c r="H340203" s="12"/>
    </row>
    <row r="340204" spans="8:8">
      <c r="H340204" s="12"/>
    </row>
    <row r="340205" spans="8:8">
      <c r="H340205" s="12"/>
    </row>
    <row r="340206" spans="8:8">
      <c r="H340206" s="12"/>
    </row>
    <row r="340207" spans="8:8">
      <c r="H340207" s="12"/>
    </row>
    <row r="340208" spans="8:8">
      <c r="H340208" s="12"/>
    </row>
    <row r="340209" spans="8:8">
      <c r="H340209" s="12"/>
    </row>
    <row r="340210" spans="8:8">
      <c r="H340210" s="12"/>
    </row>
    <row r="340211" spans="8:8">
      <c r="H340211" s="12"/>
    </row>
    <row r="340212" spans="8:8">
      <c r="H340212" s="12"/>
    </row>
    <row r="340213" spans="8:8">
      <c r="H340213" s="12"/>
    </row>
    <row r="340214" spans="8:8">
      <c r="H340214" s="12"/>
    </row>
    <row r="340215" spans="8:8">
      <c r="H340215" s="12"/>
    </row>
    <row r="340216" spans="8:8">
      <c r="H340216" s="12"/>
    </row>
    <row r="340217" spans="8:8">
      <c r="H340217" s="12"/>
    </row>
    <row r="340218" spans="8:8">
      <c r="H340218" s="12"/>
    </row>
    <row r="340219" spans="8:8">
      <c r="H340219" s="12"/>
    </row>
    <row r="340220" spans="8:8">
      <c r="H340220" s="12"/>
    </row>
    <row r="340221" spans="8:8">
      <c r="H340221" s="12"/>
    </row>
    <row r="340222" spans="8:8">
      <c r="H340222" s="12"/>
    </row>
    <row r="340223" spans="8:8">
      <c r="H340223" s="12"/>
    </row>
    <row r="340224" spans="8:8">
      <c r="H340224" s="12"/>
    </row>
    <row r="340225" spans="8:8">
      <c r="H340225" s="12"/>
    </row>
    <row r="340226" spans="8:8">
      <c r="H340226" s="12"/>
    </row>
    <row r="340227" spans="8:8">
      <c r="H340227" s="12"/>
    </row>
    <row r="340228" spans="8:8">
      <c r="H340228" s="12"/>
    </row>
    <row r="340229" spans="8:8">
      <c r="H340229" s="12"/>
    </row>
    <row r="340230" spans="8:8">
      <c r="H340230" s="12"/>
    </row>
    <row r="340231" spans="8:8">
      <c r="H340231" s="12"/>
    </row>
    <row r="340232" spans="8:8">
      <c r="H340232" s="12"/>
    </row>
    <row r="340233" spans="8:8">
      <c r="H340233" s="12"/>
    </row>
    <row r="340234" spans="8:8">
      <c r="H340234" s="12"/>
    </row>
    <row r="340235" spans="8:8">
      <c r="H340235" s="12"/>
    </row>
    <row r="340236" spans="8:8">
      <c r="H340236" s="12"/>
    </row>
    <row r="340237" spans="8:8">
      <c r="H340237" s="12"/>
    </row>
    <row r="340238" spans="8:8">
      <c r="H340238" s="12"/>
    </row>
    <row r="340239" spans="8:8">
      <c r="H340239" s="12"/>
    </row>
    <row r="340240" spans="8:8">
      <c r="H340240" s="12"/>
    </row>
    <row r="340241" spans="8:8">
      <c r="H340241" s="12"/>
    </row>
    <row r="340242" spans="8:8">
      <c r="H340242" s="12"/>
    </row>
    <row r="340243" spans="8:8">
      <c r="H340243" s="12"/>
    </row>
    <row r="340244" spans="8:8">
      <c r="H340244" s="12"/>
    </row>
    <row r="340245" spans="8:8">
      <c r="H340245" s="12"/>
    </row>
    <row r="340246" spans="8:8">
      <c r="H340246" s="12"/>
    </row>
    <row r="340247" spans="8:8">
      <c r="H340247" s="12"/>
    </row>
    <row r="340248" spans="8:8">
      <c r="H340248" s="12"/>
    </row>
    <row r="340249" spans="8:8">
      <c r="H340249" s="12"/>
    </row>
    <row r="340250" spans="8:8">
      <c r="H340250" s="12"/>
    </row>
    <row r="340251" spans="8:8">
      <c r="H340251" s="12"/>
    </row>
    <row r="340252" spans="8:8">
      <c r="H340252" s="12"/>
    </row>
    <row r="340253" spans="8:8">
      <c r="H340253" s="12"/>
    </row>
    <row r="340254" spans="8:8">
      <c r="H340254" s="12"/>
    </row>
    <row r="340255" spans="8:8">
      <c r="H340255" s="12"/>
    </row>
    <row r="340256" spans="8:8">
      <c r="H340256" s="12"/>
    </row>
    <row r="340257" spans="8:8">
      <c r="H340257" s="12"/>
    </row>
    <row r="340258" spans="8:8">
      <c r="H340258" s="12"/>
    </row>
    <row r="340259" spans="8:8">
      <c r="H340259" s="12"/>
    </row>
    <row r="340260" spans="8:8">
      <c r="H340260" s="12"/>
    </row>
    <row r="340261" spans="8:8">
      <c r="H340261" s="12"/>
    </row>
    <row r="340262" spans="8:8">
      <c r="H340262" s="12"/>
    </row>
    <row r="340263" spans="8:8">
      <c r="H340263" s="12"/>
    </row>
    <row r="340264" spans="8:8">
      <c r="H340264" s="12"/>
    </row>
    <row r="340265" spans="8:8">
      <c r="H340265" s="12"/>
    </row>
    <row r="340266" spans="8:8">
      <c r="H340266" s="12"/>
    </row>
    <row r="340267" spans="8:8">
      <c r="H340267" s="12"/>
    </row>
    <row r="340268" spans="8:8">
      <c r="H340268" s="12"/>
    </row>
    <row r="340269" spans="8:8">
      <c r="H340269" s="12"/>
    </row>
    <row r="340270" spans="8:8">
      <c r="H340270" s="12"/>
    </row>
    <row r="340271" spans="8:8">
      <c r="H340271" s="12"/>
    </row>
    <row r="340272" spans="8:8">
      <c r="H340272" s="12"/>
    </row>
    <row r="340273" spans="8:8">
      <c r="H340273" s="12"/>
    </row>
    <row r="340274" spans="8:8">
      <c r="H340274" s="12"/>
    </row>
    <row r="340275" spans="8:8">
      <c r="H340275" s="12"/>
    </row>
    <row r="340276" spans="8:8">
      <c r="H340276" s="12"/>
    </row>
    <row r="340277" spans="8:8">
      <c r="H340277" s="12"/>
    </row>
    <row r="340278" spans="8:8">
      <c r="H340278" s="12"/>
    </row>
    <row r="340279" spans="8:8">
      <c r="H340279" s="12"/>
    </row>
    <row r="340280" spans="8:8">
      <c r="H340280" s="12"/>
    </row>
    <row r="340281" spans="8:8">
      <c r="H340281" s="12"/>
    </row>
    <row r="340282" spans="8:8">
      <c r="H340282" s="12"/>
    </row>
    <row r="340283" spans="8:8">
      <c r="H340283" s="12"/>
    </row>
    <row r="340284" spans="8:8">
      <c r="H340284" s="12"/>
    </row>
    <row r="340285" spans="8:8">
      <c r="H340285" s="12"/>
    </row>
    <row r="340286" spans="8:8">
      <c r="H340286" s="12"/>
    </row>
    <row r="340287" spans="8:8">
      <c r="H340287" s="12"/>
    </row>
    <row r="340288" spans="8:8">
      <c r="H340288" s="12"/>
    </row>
    <row r="340289" spans="8:8">
      <c r="H340289" s="12"/>
    </row>
    <row r="340290" spans="8:8">
      <c r="H340290" s="12"/>
    </row>
    <row r="340291" spans="8:8">
      <c r="H340291" s="12"/>
    </row>
    <row r="340292" spans="8:8">
      <c r="H340292" s="12"/>
    </row>
    <row r="340293" spans="8:8">
      <c r="H340293" s="12"/>
    </row>
    <row r="340294" spans="8:8">
      <c r="H340294" s="12"/>
    </row>
    <row r="340295" spans="8:8">
      <c r="H340295" s="12"/>
    </row>
    <row r="340296" spans="8:8">
      <c r="H340296" s="12"/>
    </row>
    <row r="340297" spans="8:8">
      <c r="H340297" s="12"/>
    </row>
    <row r="340298" spans="8:8">
      <c r="H340298" s="12"/>
    </row>
    <row r="340299" spans="8:8">
      <c r="H340299" s="12"/>
    </row>
    <row r="340300" spans="8:8">
      <c r="H340300" s="12"/>
    </row>
    <row r="340301" spans="8:8">
      <c r="H340301" s="12"/>
    </row>
    <row r="340302" spans="8:8">
      <c r="H340302" s="12"/>
    </row>
    <row r="340303" spans="8:8">
      <c r="H340303" s="12"/>
    </row>
    <row r="340304" spans="8:8">
      <c r="H340304" s="12"/>
    </row>
    <row r="340305" spans="8:8">
      <c r="H340305" s="12"/>
    </row>
    <row r="340306" spans="8:8">
      <c r="H340306" s="12"/>
    </row>
    <row r="340307" spans="8:8">
      <c r="H340307" s="12"/>
    </row>
    <row r="340308" spans="8:8">
      <c r="H340308" s="12"/>
    </row>
    <row r="340309" spans="8:8">
      <c r="H340309" s="12"/>
    </row>
    <row r="340310" spans="8:8">
      <c r="H340310" s="12"/>
    </row>
    <row r="340311" spans="8:8">
      <c r="H340311" s="12"/>
    </row>
    <row r="340312" spans="8:8">
      <c r="H340312" s="12"/>
    </row>
    <row r="340313" spans="8:8">
      <c r="H340313" s="12"/>
    </row>
    <row r="340314" spans="8:8">
      <c r="H340314" s="12"/>
    </row>
    <row r="340315" spans="8:8">
      <c r="H340315" s="12"/>
    </row>
    <row r="340316" spans="8:8">
      <c r="H340316" s="12"/>
    </row>
    <row r="340317" spans="8:8">
      <c r="H340317" s="12"/>
    </row>
    <row r="340318" spans="8:8">
      <c r="H340318" s="12"/>
    </row>
    <row r="340319" spans="8:8">
      <c r="H340319" s="12"/>
    </row>
    <row r="340320" spans="8:8">
      <c r="H340320" s="12"/>
    </row>
    <row r="340321" spans="8:8">
      <c r="H340321" s="12"/>
    </row>
    <row r="340322" spans="8:8">
      <c r="H340322" s="12"/>
    </row>
    <row r="340323" spans="8:8">
      <c r="H340323" s="12"/>
    </row>
    <row r="340324" spans="8:8">
      <c r="H340324" s="12"/>
    </row>
    <row r="340325" spans="8:8">
      <c r="H340325" s="12"/>
    </row>
    <row r="340326" spans="8:8">
      <c r="H340326" s="12"/>
    </row>
    <row r="340327" spans="8:8">
      <c r="H340327" s="12"/>
    </row>
    <row r="340328" spans="8:8">
      <c r="H340328" s="12"/>
    </row>
    <row r="340329" spans="8:8">
      <c r="H340329" s="12"/>
    </row>
    <row r="340330" spans="8:8">
      <c r="H340330" s="12"/>
    </row>
    <row r="340331" spans="8:8">
      <c r="H340331" s="12"/>
    </row>
    <row r="340332" spans="8:8">
      <c r="H340332" s="12"/>
    </row>
    <row r="340333" spans="8:8">
      <c r="H340333" s="12"/>
    </row>
    <row r="340334" spans="8:8">
      <c r="H340334" s="12"/>
    </row>
    <row r="340335" spans="8:8">
      <c r="H340335" s="12"/>
    </row>
    <row r="340336" spans="8:8">
      <c r="H340336" s="12"/>
    </row>
    <row r="340337" spans="8:8">
      <c r="H340337" s="12"/>
    </row>
    <row r="340338" spans="8:8">
      <c r="H340338" s="12"/>
    </row>
    <row r="340339" spans="8:8">
      <c r="H340339" s="12"/>
    </row>
    <row r="340340" spans="8:8">
      <c r="H340340" s="12"/>
    </row>
    <row r="340341" spans="8:8">
      <c r="H340341" s="12"/>
    </row>
    <row r="340342" spans="8:8">
      <c r="H340342" s="12"/>
    </row>
    <row r="340343" spans="8:8">
      <c r="H340343" s="12"/>
    </row>
    <row r="340344" spans="8:8">
      <c r="H340344" s="12"/>
    </row>
    <row r="340345" spans="8:8">
      <c r="H340345" s="12"/>
    </row>
    <row r="340346" spans="8:8">
      <c r="H340346" s="12"/>
    </row>
    <row r="340347" spans="8:8">
      <c r="H340347" s="12"/>
    </row>
    <row r="340348" spans="8:8">
      <c r="H340348" s="12"/>
    </row>
    <row r="340349" spans="8:8">
      <c r="H340349" s="12"/>
    </row>
    <row r="340350" spans="8:8">
      <c r="H340350" s="12"/>
    </row>
    <row r="340351" spans="8:8">
      <c r="H340351" s="12"/>
    </row>
    <row r="340352" spans="8:8">
      <c r="H340352" s="12"/>
    </row>
    <row r="340353" spans="8:8">
      <c r="H340353" s="12"/>
    </row>
    <row r="340354" spans="8:8">
      <c r="H340354" s="12"/>
    </row>
    <row r="340355" spans="8:8">
      <c r="H340355" s="12"/>
    </row>
    <row r="340356" spans="8:8">
      <c r="H340356" s="12"/>
    </row>
    <row r="340357" spans="8:8">
      <c r="H340357" s="12"/>
    </row>
    <row r="340358" spans="8:8">
      <c r="H340358" s="12"/>
    </row>
    <row r="340359" spans="8:8">
      <c r="H340359" s="12"/>
    </row>
    <row r="340360" spans="8:8">
      <c r="H340360" s="12"/>
    </row>
    <row r="340361" spans="8:8">
      <c r="H340361" s="12"/>
    </row>
    <row r="340362" spans="8:8">
      <c r="H340362" s="12"/>
    </row>
    <row r="340363" spans="8:8">
      <c r="H340363" s="12"/>
    </row>
    <row r="340364" spans="8:8">
      <c r="H340364" s="12"/>
    </row>
    <row r="340365" spans="8:8">
      <c r="H340365" s="12"/>
    </row>
    <row r="340366" spans="8:8">
      <c r="H340366" s="12"/>
    </row>
    <row r="340367" spans="8:8">
      <c r="H340367" s="12"/>
    </row>
    <row r="340368" spans="8:8">
      <c r="H340368" s="12"/>
    </row>
    <row r="340369" spans="8:8">
      <c r="H340369" s="12"/>
    </row>
    <row r="340370" spans="8:8">
      <c r="H340370" s="12"/>
    </row>
    <row r="340371" spans="8:8">
      <c r="H340371" s="12"/>
    </row>
    <row r="340372" spans="8:8">
      <c r="H340372" s="12"/>
    </row>
    <row r="340373" spans="8:8">
      <c r="H340373" s="12"/>
    </row>
    <row r="340374" spans="8:8">
      <c r="H340374" s="12"/>
    </row>
    <row r="340375" spans="8:8">
      <c r="H340375" s="12"/>
    </row>
    <row r="340376" spans="8:8">
      <c r="H340376" s="12"/>
    </row>
    <row r="340377" spans="8:8">
      <c r="H340377" s="12"/>
    </row>
    <row r="340378" spans="8:8">
      <c r="H340378" s="12"/>
    </row>
    <row r="340379" spans="8:8">
      <c r="H340379" s="12"/>
    </row>
    <row r="340380" spans="8:8">
      <c r="H340380" s="12"/>
    </row>
    <row r="340381" spans="8:8">
      <c r="H340381" s="12"/>
    </row>
    <row r="340382" spans="8:8">
      <c r="H340382" s="12"/>
    </row>
    <row r="340383" spans="8:8">
      <c r="H340383" s="12"/>
    </row>
    <row r="340384" spans="8:8">
      <c r="H340384" s="12"/>
    </row>
    <row r="340385" spans="8:8">
      <c r="H340385" s="12"/>
    </row>
    <row r="340386" spans="8:8">
      <c r="H340386" s="12"/>
    </row>
    <row r="340387" spans="8:8">
      <c r="H340387" s="12"/>
    </row>
    <row r="340388" spans="8:8">
      <c r="H340388" s="12"/>
    </row>
    <row r="340389" spans="8:8">
      <c r="H340389" s="12"/>
    </row>
    <row r="340390" spans="8:8">
      <c r="H340390" s="12"/>
    </row>
    <row r="340391" spans="8:8">
      <c r="H340391" s="12"/>
    </row>
    <row r="340392" spans="8:8">
      <c r="H340392" s="12"/>
    </row>
    <row r="340393" spans="8:8">
      <c r="H340393" s="12"/>
    </row>
    <row r="340394" spans="8:8">
      <c r="H340394" s="12"/>
    </row>
    <row r="340395" spans="8:8">
      <c r="H340395" s="12"/>
    </row>
    <row r="340396" spans="8:8">
      <c r="H340396" s="12"/>
    </row>
    <row r="340397" spans="8:8">
      <c r="H340397" s="12"/>
    </row>
    <row r="340398" spans="8:8">
      <c r="H340398" s="12"/>
    </row>
    <row r="340399" spans="8:8">
      <c r="H340399" s="12"/>
    </row>
    <row r="340400" spans="8:8">
      <c r="H340400" s="12"/>
    </row>
    <row r="340401" spans="8:8">
      <c r="H340401" s="12"/>
    </row>
    <row r="340402" spans="8:8">
      <c r="H340402" s="12"/>
    </row>
    <row r="340403" spans="8:8">
      <c r="H340403" s="12"/>
    </row>
    <row r="340404" spans="8:8">
      <c r="H340404" s="12"/>
    </row>
    <row r="340405" spans="8:8">
      <c r="H340405" s="12"/>
    </row>
    <row r="340406" spans="8:8">
      <c r="H340406" s="12"/>
    </row>
    <row r="340407" spans="8:8">
      <c r="H340407" s="12"/>
    </row>
    <row r="340408" spans="8:8">
      <c r="H340408" s="12"/>
    </row>
    <row r="340409" spans="8:8">
      <c r="H340409" s="12"/>
    </row>
    <row r="340410" spans="8:8">
      <c r="H340410" s="12"/>
    </row>
    <row r="340411" spans="8:8">
      <c r="H340411" s="12"/>
    </row>
    <row r="340412" spans="8:8">
      <c r="H340412" s="12"/>
    </row>
    <row r="340413" spans="8:8">
      <c r="H340413" s="12"/>
    </row>
    <row r="340414" spans="8:8">
      <c r="H340414" s="12"/>
    </row>
    <row r="340415" spans="8:8">
      <c r="H340415" s="12"/>
    </row>
    <row r="340416" spans="8:8">
      <c r="H340416" s="12"/>
    </row>
    <row r="340417" spans="8:8">
      <c r="H340417" s="12"/>
    </row>
    <row r="340418" spans="8:8">
      <c r="H340418" s="12"/>
    </row>
    <row r="340419" spans="8:8">
      <c r="H340419" s="12"/>
    </row>
    <row r="340420" spans="8:8">
      <c r="H340420" s="12"/>
    </row>
    <row r="340421" spans="8:8">
      <c r="H340421" s="12"/>
    </row>
    <row r="340422" spans="8:8">
      <c r="H340422" s="12"/>
    </row>
    <row r="340423" spans="8:8">
      <c r="H340423" s="12"/>
    </row>
    <row r="340424" spans="8:8">
      <c r="H340424" s="12"/>
    </row>
    <row r="340425" spans="8:8">
      <c r="H340425" s="12"/>
    </row>
    <row r="340426" spans="8:8">
      <c r="H340426" s="12"/>
    </row>
    <row r="340427" spans="8:8">
      <c r="H340427" s="12"/>
    </row>
    <row r="340428" spans="8:8">
      <c r="H340428" s="12"/>
    </row>
    <row r="340429" spans="8:8">
      <c r="H340429" s="12"/>
    </row>
    <row r="340430" spans="8:8">
      <c r="H340430" s="12"/>
    </row>
    <row r="340431" spans="8:8">
      <c r="H340431" s="12"/>
    </row>
    <row r="340432" spans="8:8">
      <c r="H340432" s="12"/>
    </row>
    <row r="340433" spans="8:8">
      <c r="H340433" s="12"/>
    </row>
    <row r="340434" spans="8:8">
      <c r="H340434" s="12"/>
    </row>
    <row r="340435" spans="8:8">
      <c r="H340435" s="12"/>
    </row>
    <row r="340436" spans="8:8">
      <c r="H340436" s="12"/>
    </row>
    <row r="340437" spans="8:8">
      <c r="H340437" s="12"/>
    </row>
    <row r="340438" spans="8:8">
      <c r="H340438" s="12"/>
    </row>
    <row r="340439" spans="8:8">
      <c r="H340439" s="12"/>
    </row>
    <row r="340440" spans="8:8">
      <c r="H340440" s="12"/>
    </row>
    <row r="340441" spans="8:8">
      <c r="H340441" s="12"/>
    </row>
    <row r="340442" spans="8:8">
      <c r="H340442" s="12"/>
    </row>
    <row r="340443" spans="8:8">
      <c r="H340443" s="12"/>
    </row>
    <row r="340444" spans="8:8">
      <c r="H340444" s="12"/>
    </row>
    <row r="340445" spans="8:8">
      <c r="H340445" s="12"/>
    </row>
    <row r="340446" spans="8:8">
      <c r="H340446" s="12"/>
    </row>
    <row r="340447" spans="8:8">
      <c r="H340447" s="12"/>
    </row>
    <row r="340448" spans="8:8">
      <c r="H340448" s="12"/>
    </row>
    <row r="340449" spans="8:8">
      <c r="H340449" s="12"/>
    </row>
    <row r="340450" spans="8:8">
      <c r="H340450" s="12"/>
    </row>
    <row r="340451" spans="8:8">
      <c r="H340451" s="12"/>
    </row>
    <row r="340452" spans="8:8">
      <c r="H340452" s="12"/>
    </row>
    <row r="340453" spans="8:8">
      <c r="H340453" s="12"/>
    </row>
    <row r="340454" spans="8:8">
      <c r="H340454" s="12"/>
    </row>
    <row r="340455" spans="8:8">
      <c r="H340455" s="12"/>
    </row>
    <row r="340456" spans="8:8">
      <c r="H340456" s="12"/>
    </row>
    <row r="340457" spans="8:8">
      <c r="H340457" s="12"/>
    </row>
    <row r="340458" spans="8:8">
      <c r="H340458" s="12"/>
    </row>
    <row r="340459" spans="8:8">
      <c r="H340459" s="12"/>
    </row>
    <row r="340460" spans="8:8">
      <c r="H340460" s="12"/>
    </row>
    <row r="340461" spans="8:8">
      <c r="H340461" s="12"/>
    </row>
    <row r="340462" spans="8:8">
      <c r="H340462" s="12"/>
    </row>
    <row r="340463" spans="8:8">
      <c r="H340463" s="12"/>
    </row>
    <row r="340464" spans="8:8">
      <c r="H340464" s="12"/>
    </row>
    <row r="340465" spans="8:8">
      <c r="H340465" s="12"/>
    </row>
    <row r="340466" spans="8:8">
      <c r="H340466" s="12"/>
    </row>
    <row r="340467" spans="8:8">
      <c r="H340467" s="12"/>
    </row>
    <row r="340468" spans="8:8">
      <c r="H340468" s="12"/>
    </row>
    <row r="340469" spans="8:8">
      <c r="H340469" s="12"/>
    </row>
    <row r="340470" spans="8:8">
      <c r="H340470" s="12"/>
    </row>
    <row r="340471" spans="8:8">
      <c r="H340471" s="12"/>
    </row>
    <row r="340472" spans="8:8">
      <c r="H340472" s="12"/>
    </row>
    <row r="340473" spans="8:8">
      <c r="H340473" s="12"/>
    </row>
    <row r="340474" spans="8:8">
      <c r="H340474" s="12"/>
    </row>
    <row r="340475" spans="8:8">
      <c r="H340475" s="12"/>
    </row>
    <row r="340476" spans="8:8">
      <c r="H340476" s="12"/>
    </row>
    <row r="340477" spans="8:8">
      <c r="H340477" s="12"/>
    </row>
    <row r="340478" spans="8:8">
      <c r="H340478" s="12"/>
    </row>
    <row r="340479" spans="8:8">
      <c r="H340479" s="12"/>
    </row>
    <row r="340480" spans="8:8">
      <c r="H340480" s="12"/>
    </row>
    <row r="340481" spans="8:8">
      <c r="H340481" s="12"/>
    </row>
    <row r="340482" spans="8:8">
      <c r="H340482" s="12"/>
    </row>
    <row r="340483" spans="8:8">
      <c r="H340483" s="12"/>
    </row>
    <row r="340484" spans="8:8">
      <c r="H340484" s="12"/>
    </row>
    <row r="340485" spans="8:8">
      <c r="H340485" s="12"/>
    </row>
    <row r="340486" spans="8:8">
      <c r="H340486" s="12"/>
    </row>
    <row r="340487" spans="8:8">
      <c r="H340487" s="12"/>
    </row>
    <row r="340488" spans="8:8">
      <c r="H340488" s="12"/>
    </row>
    <row r="340489" spans="8:8">
      <c r="H340489" s="12"/>
    </row>
    <row r="340490" spans="8:8">
      <c r="H340490" s="12"/>
    </row>
    <row r="340491" spans="8:8">
      <c r="H340491" s="12"/>
    </row>
    <row r="340492" spans="8:8">
      <c r="H340492" s="12"/>
    </row>
    <row r="340493" spans="8:8">
      <c r="H340493" s="12"/>
    </row>
    <row r="340494" spans="8:8">
      <c r="H340494" s="12"/>
    </row>
    <row r="340495" spans="8:8">
      <c r="H340495" s="12"/>
    </row>
    <row r="340496" spans="8:8">
      <c r="H340496" s="12"/>
    </row>
    <row r="340497" spans="8:8">
      <c r="H340497" s="12"/>
    </row>
    <row r="340498" spans="8:8">
      <c r="H340498" s="12"/>
    </row>
    <row r="340499" spans="8:8">
      <c r="H340499" s="12"/>
    </row>
    <row r="340500" spans="8:8">
      <c r="H340500" s="12"/>
    </row>
    <row r="340501" spans="8:8">
      <c r="H340501" s="12"/>
    </row>
    <row r="340502" spans="8:8">
      <c r="H340502" s="12"/>
    </row>
    <row r="340503" spans="8:8">
      <c r="H340503" s="12"/>
    </row>
    <row r="340504" spans="8:8">
      <c r="H340504" s="12"/>
    </row>
    <row r="340505" spans="8:8">
      <c r="H340505" s="12"/>
    </row>
    <row r="340506" spans="8:8">
      <c r="H340506" s="12"/>
    </row>
    <row r="340507" spans="8:8">
      <c r="H340507" s="12"/>
    </row>
    <row r="340508" spans="8:8">
      <c r="H340508" s="12"/>
    </row>
    <row r="340509" spans="8:8">
      <c r="H340509" s="12"/>
    </row>
    <row r="340510" spans="8:8">
      <c r="H340510" s="12"/>
    </row>
    <row r="340511" spans="8:8">
      <c r="H340511" s="12"/>
    </row>
    <row r="340512" spans="8:8">
      <c r="H340512" s="12"/>
    </row>
    <row r="340513" spans="8:8">
      <c r="H340513" s="12"/>
    </row>
    <row r="340514" spans="8:8">
      <c r="H340514" s="12"/>
    </row>
    <row r="340515" spans="8:8">
      <c r="H340515" s="12"/>
    </row>
    <row r="340516" spans="8:8">
      <c r="H340516" s="12"/>
    </row>
    <row r="340517" spans="8:8">
      <c r="H340517" s="12"/>
    </row>
    <row r="340518" spans="8:8">
      <c r="H340518" s="12"/>
    </row>
    <row r="340519" spans="8:8">
      <c r="H340519" s="12"/>
    </row>
    <row r="340520" spans="8:8">
      <c r="H340520" s="12"/>
    </row>
    <row r="340521" spans="8:8">
      <c r="H340521" s="12"/>
    </row>
    <row r="340522" spans="8:8">
      <c r="H340522" s="12"/>
    </row>
    <row r="340523" spans="8:8">
      <c r="H340523" s="12"/>
    </row>
    <row r="340524" spans="8:8">
      <c r="H340524" s="12"/>
    </row>
    <row r="340525" spans="8:8">
      <c r="H340525" s="12"/>
    </row>
    <row r="340526" spans="8:8">
      <c r="H340526" s="12"/>
    </row>
    <row r="340527" spans="8:8">
      <c r="H340527" s="12"/>
    </row>
    <row r="340528" spans="8:8">
      <c r="H340528" s="12"/>
    </row>
    <row r="340529" spans="8:8">
      <c r="H340529" s="12"/>
    </row>
    <row r="340530" spans="8:8">
      <c r="H340530" s="12"/>
    </row>
    <row r="340531" spans="8:8">
      <c r="H340531" s="12"/>
    </row>
    <row r="340532" spans="8:8">
      <c r="H340532" s="12"/>
    </row>
    <row r="340533" spans="8:8">
      <c r="H340533" s="12"/>
    </row>
    <row r="340534" spans="8:8">
      <c r="H340534" s="12"/>
    </row>
    <row r="340535" spans="8:8">
      <c r="H340535" s="12"/>
    </row>
    <row r="340536" spans="8:8">
      <c r="H340536" s="12"/>
    </row>
    <row r="340537" spans="8:8">
      <c r="H340537" s="12"/>
    </row>
    <row r="340538" spans="8:8">
      <c r="H340538" s="12"/>
    </row>
    <row r="340539" spans="8:8">
      <c r="H340539" s="12"/>
    </row>
    <row r="340540" spans="8:8">
      <c r="H340540" s="12"/>
    </row>
    <row r="340541" spans="8:8">
      <c r="H340541" s="12"/>
    </row>
    <row r="340542" spans="8:8">
      <c r="H340542" s="12"/>
    </row>
    <row r="340543" spans="8:8">
      <c r="H340543" s="12"/>
    </row>
    <row r="340544" spans="8:8">
      <c r="H340544" s="12"/>
    </row>
    <row r="340545" spans="8:8">
      <c r="H340545" s="12"/>
    </row>
    <row r="340546" spans="8:8">
      <c r="H340546" s="12"/>
    </row>
    <row r="340547" spans="8:8">
      <c r="H340547" s="12"/>
    </row>
    <row r="340548" spans="8:8">
      <c r="H340548" s="12"/>
    </row>
    <row r="340549" spans="8:8">
      <c r="H340549" s="12"/>
    </row>
    <row r="340550" spans="8:8">
      <c r="H340550" s="12"/>
    </row>
    <row r="340551" spans="8:8">
      <c r="H340551" s="12"/>
    </row>
    <row r="340552" spans="8:8">
      <c r="H340552" s="12"/>
    </row>
    <row r="340553" spans="8:8">
      <c r="H340553" s="12"/>
    </row>
    <row r="340554" spans="8:8">
      <c r="H340554" s="12"/>
    </row>
    <row r="340555" spans="8:8">
      <c r="H340555" s="12"/>
    </row>
    <row r="340556" spans="8:8">
      <c r="H340556" s="12"/>
    </row>
    <row r="340557" spans="8:8">
      <c r="H340557" s="12"/>
    </row>
    <row r="340558" spans="8:8">
      <c r="H340558" s="12"/>
    </row>
    <row r="340559" spans="8:8">
      <c r="H340559" s="12"/>
    </row>
    <row r="340560" spans="8:8">
      <c r="H340560" s="12"/>
    </row>
    <row r="340561" spans="8:8">
      <c r="H340561" s="12"/>
    </row>
    <row r="340562" spans="8:8">
      <c r="H340562" s="12"/>
    </row>
    <row r="340563" spans="8:8">
      <c r="H340563" s="12"/>
    </row>
    <row r="340564" spans="8:8">
      <c r="H340564" s="12"/>
    </row>
    <row r="340565" spans="8:8">
      <c r="H340565" s="12"/>
    </row>
    <row r="340566" spans="8:8">
      <c r="H340566" s="12"/>
    </row>
    <row r="340567" spans="8:8">
      <c r="H340567" s="12"/>
    </row>
    <row r="340568" spans="8:8">
      <c r="H340568" s="12"/>
    </row>
    <row r="340569" spans="8:8">
      <c r="H340569" s="12"/>
    </row>
    <row r="340570" spans="8:8">
      <c r="H340570" s="12"/>
    </row>
    <row r="340571" spans="8:8">
      <c r="H340571" s="12"/>
    </row>
    <row r="340572" spans="8:8">
      <c r="H340572" s="12"/>
    </row>
    <row r="340573" spans="8:8">
      <c r="H340573" s="12"/>
    </row>
    <row r="340574" spans="8:8">
      <c r="H340574" s="12"/>
    </row>
    <row r="340575" spans="8:8">
      <c r="H340575" s="12"/>
    </row>
    <row r="340576" spans="8:8">
      <c r="H340576" s="12"/>
    </row>
    <row r="340577" spans="8:8">
      <c r="H340577" s="12"/>
    </row>
    <row r="340578" spans="8:8">
      <c r="H340578" s="12"/>
    </row>
    <row r="340579" spans="8:8">
      <c r="H340579" s="12"/>
    </row>
    <row r="340580" spans="8:8">
      <c r="H340580" s="12"/>
    </row>
    <row r="340581" spans="8:8">
      <c r="H340581" s="12"/>
    </row>
    <row r="340582" spans="8:8">
      <c r="H340582" s="12"/>
    </row>
    <row r="340583" spans="8:8">
      <c r="H340583" s="12"/>
    </row>
    <row r="340584" spans="8:8">
      <c r="H340584" s="12"/>
    </row>
    <row r="340585" spans="8:8">
      <c r="H340585" s="12"/>
    </row>
    <row r="340586" spans="8:8">
      <c r="H340586" s="12"/>
    </row>
    <row r="340587" spans="8:8">
      <c r="H340587" s="12"/>
    </row>
    <row r="340588" spans="8:8">
      <c r="H340588" s="12"/>
    </row>
    <row r="340589" spans="8:8">
      <c r="H340589" s="12"/>
    </row>
    <row r="340590" spans="8:8">
      <c r="H340590" s="12"/>
    </row>
    <row r="340591" spans="8:8">
      <c r="H340591" s="12"/>
    </row>
    <row r="340592" spans="8:8">
      <c r="H340592" s="12"/>
    </row>
    <row r="340593" spans="8:8">
      <c r="H340593" s="12"/>
    </row>
    <row r="340594" spans="8:8">
      <c r="H340594" s="12"/>
    </row>
    <row r="340595" spans="8:8">
      <c r="H340595" s="12"/>
    </row>
    <row r="340596" spans="8:8">
      <c r="H340596" s="12"/>
    </row>
    <row r="340597" spans="8:8">
      <c r="H340597" s="12"/>
    </row>
    <row r="340598" spans="8:8">
      <c r="H340598" s="12"/>
    </row>
    <row r="340599" spans="8:8">
      <c r="H340599" s="12"/>
    </row>
    <row r="340600" spans="8:8">
      <c r="H340600" s="12"/>
    </row>
    <row r="340601" spans="8:8">
      <c r="H340601" s="12"/>
    </row>
    <row r="340602" spans="8:8">
      <c r="H340602" s="12"/>
    </row>
    <row r="340603" spans="8:8">
      <c r="H340603" s="12"/>
    </row>
    <row r="340604" spans="8:8">
      <c r="H340604" s="12"/>
    </row>
    <row r="340605" spans="8:8">
      <c r="H340605" s="12"/>
    </row>
    <row r="340606" spans="8:8">
      <c r="H340606" s="12"/>
    </row>
    <row r="340607" spans="8:8">
      <c r="H340607" s="12"/>
    </row>
    <row r="340608" spans="8:8">
      <c r="H340608" s="12"/>
    </row>
    <row r="340609" spans="8:8">
      <c r="H340609" s="12"/>
    </row>
    <row r="340610" spans="8:8">
      <c r="H340610" s="12"/>
    </row>
    <row r="340611" spans="8:8">
      <c r="H340611" s="12"/>
    </row>
    <row r="340612" spans="8:8">
      <c r="H340612" s="12"/>
    </row>
    <row r="340613" spans="8:8">
      <c r="H340613" s="12"/>
    </row>
    <row r="340614" spans="8:8">
      <c r="H340614" s="12"/>
    </row>
    <row r="340615" spans="8:8">
      <c r="H340615" s="12"/>
    </row>
    <row r="340616" spans="8:8">
      <c r="H340616" s="12"/>
    </row>
    <row r="340617" spans="8:8">
      <c r="H340617" s="12"/>
    </row>
    <row r="340618" spans="8:8">
      <c r="H340618" s="12"/>
    </row>
    <row r="340619" spans="8:8">
      <c r="H340619" s="12"/>
    </row>
    <row r="340620" spans="8:8">
      <c r="H340620" s="12"/>
    </row>
    <row r="340621" spans="8:8">
      <c r="H340621" s="12"/>
    </row>
    <row r="340622" spans="8:8">
      <c r="H340622" s="12"/>
    </row>
    <row r="340623" spans="8:8">
      <c r="H340623" s="12"/>
    </row>
    <row r="340624" spans="8:8">
      <c r="H340624" s="12"/>
    </row>
    <row r="340625" spans="8:8">
      <c r="H340625" s="12"/>
    </row>
    <row r="340626" spans="8:8">
      <c r="H340626" s="12"/>
    </row>
    <row r="340627" spans="8:8">
      <c r="H340627" s="12"/>
    </row>
    <row r="340628" spans="8:8">
      <c r="H340628" s="12"/>
    </row>
    <row r="340629" spans="8:8">
      <c r="H340629" s="12"/>
    </row>
    <row r="340630" spans="8:8">
      <c r="H340630" s="12"/>
    </row>
    <row r="340631" spans="8:8">
      <c r="H340631" s="12"/>
    </row>
    <row r="340632" spans="8:8">
      <c r="H340632" s="12"/>
    </row>
    <row r="340633" spans="8:8">
      <c r="H340633" s="12"/>
    </row>
    <row r="340634" spans="8:8">
      <c r="H340634" s="12"/>
    </row>
    <row r="340635" spans="8:8">
      <c r="H340635" s="12"/>
    </row>
    <row r="340636" spans="8:8">
      <c r="H340636" s="12"/>
    </row>
    <row r="340637" spans="8:8">
      <c r="H340637" s="12"/>
    </row>
    <row r="340638" spans="8:8">
      <c r="H340638" s="12"/>
    </row>
    <row r="340639" spans="8:8">
      <c r="H340639" s="12"/>
    </row>
    <row r="340640" spans="8:8">
      <c r="H340640" s="12"/>
    </row>
    <row r="340641" spans="8:8">
      <c r="H340641" s="12"/>
    </row>
    <row r="340642" spans="8:8">
      <c r="H340642" s="12"/>
    </row>
    <row r="340643" spans="8:8">
      <c r="H340643" s="12"/>
    </row>
    <row r="340644" spans="8:8">
      <c r="H340644" s="12"/>
    </row>
    <row r="340645" spans="8:8">
      <c r="H340645" s="12"/>
    </row>
    <row r="340646" spans="8:8">
      <c r="H340646" s="12"/>
    </row>
    <row r="340647" spans="8:8">
      <c r="H340647" s="12"/>
    </row>
    <row r="340648" spans="8:8">
      <c r="H340648" s="12"/>
    </row>
    <row r="340649" spans="8:8">
      <c r="H340649" s="12"/>
    </row>
    <row r="340650" spans="8:8">
      <c r="H340650" s="12"/>
    </row>
    <row r="340651" spans="8:8">
      <c r="H340651" s="12"/>
    </row>
    <row r="340652" spans="8:8">
      <c r="H340652" s="12"/>
    </row>
    <row r="340653" spans="8:8">
      <c r="H340653" s="12"/>
    </row>
    <row r="340654" spans="8:8">
      <c r="H340654" s="12"/>
    </row>
    <row r="340655" spans="8:8">
      <c r="H340655" s="12"/>
    </row>
    <row r="340656" spans="8:8">
      <c r="H340656" s="12"/>
    </row>
    <row r="340657" spans="8:8">
      <c r="H340657" s="12"/>
    </row>
    <row r="340658" spans="8:8">
      <c r="H340658" s="12"/>
    </row>
    <row r="340659" spans="8:8">
      <c r="H340659" s="12"/>
    </row>
    <row r="340660" spans="8:8">
      <c r="H340660" s="12"/>
    </row>
    <row r="340661" spans="8:8">
      <c r="H340661" s="12"/>
    </row>
    <row r="340662" spans="8:8">
      <c r="H340662" s="12"/>
    </row>
    <row r="340663" spans="8:8">
      <c r="H340663" s="12"/>
    </row>
    <row r="340664" spans="8:8">
      <c r="H340664" s="12"/>
    </row>
    <row r="340665" spans="8:8">
      <c r="H340665" s="12"/>
    </row>
    <row r="340666" spans="8:8">
      <c r="H340666" s="12"/>
    </row>
    <row r="340667" spans="8:8">
      <c r="H340667" s="12"/>
    </row>
    <row r="340668" spans="8:8">
      <c r="H340668" s="12"/>
    </row>
    <row r="340669" spans="8:8">
      <c r="H340669" s="12"/>
    </row>
    <row r="340670" spans="8:8">
      <c r="H340670" s="12"/>
    </row>
    <row r="340671" spans="8:8">
      <c r="H340671" s="12"/>
    </row>
    <row r="340672" spans="8:8">
      <c r="H340672" s="12"/>
    </row>
    <row r="340673" spans="8:8">
      <c r="H340673" s="12"/>
    </row>
    <row r="340674" spans="8:8">
      <c r="H340674" s="12"/>
    </row>
    <row r="340675" spans="8:8">
      <c r="H340675" s="12"/>
    </row>
    <row r="340676" spans="8:8">
      <c r="H340676" s="12"/>
    </row>
    <row r="340677" spans="8:8">
      <c r="H340677" s="12"/>
    </row>
    <row r="340678" spans="8:8">
      <c r="H340678" s="12"/>
    </row>
    <row r="340679" spans="8:8">
      <c r="H340679" s="12"/>
    </row>
    <row r="340680" spans="8:8">
      <c r="H340680" s="12"/>
    </row>
    <row r="340681" spans="8:8">
      <c r="H340681" s="12"/>
    </row>
    <row r="340682" spans="8:8">
      <c r="H340682" s="12"/>
    </row>
    <row r="340683" spans="8:8">
      <c r="H340683" s="12"/>
    </row>
    <row r="340684" spans="8:8">
      <c r="H340684" s="12"/>
    </row>
    <row r="340685" spans="8:8">
      <c r="H340685" s="12"/>
    </row>
    <row r="340686" spans="8:8">
      <c r="H340686" s="12"/>
    </row>
    <row r="340687" spans="8:8">
      <c r="H340687" s="12"/>
    </row>
    <row r="340688" spans="8:8">
      <c r="H340688" s="12"/>
    </row>
    <row r="340689" spans="8:8">
      <c r="H340689" s="12"/>
    </row>
    <row r="340690" spans="8:8">
      <c r="H340690" s="12"/>
    </row>
    <row r="340691" spans="8:8">
      <c r="H340691" s="12"/>
    </row>
    <row r="340692" spans="8:8">
      <c r="H340692" s="12"/>
    </row>
    <row r="340693" spans="8:8">
      <c r="H340693" s="12"/>
    </row>
    <row r="340694" spans="8:8">
      <c r="H340694" s="12"/>
    </row>
    <row r="340695" spans="8:8">
      <c r="H340695" s="12"/>
    </row>
    <row r="340696" spans="8:8">
      <c r="H340696" s="12"/>
    </row>
    <row r="340697" spans="8:8">
      <c r="H340697" s="12"/>
    </row>
    <row r="340698" spans="8:8">
      <c r="H340698" s="12"/>
    </row>
    <row r="340699" spans="8:8">
      <c r="H340699" s="12"/>
    </row>
    <row r="340700" spans="8:8">
      <c r="H340700" s="12"/>
    </row>
    <row r="340701" spans="8:8">
      <c r="H340701" s="12"/>
    </row>
    <row r="340702" spans="8:8">
      <c r="H340702" s="12"/>
    </row>
    <row r="340703" spans="8:8">
      <c r="H340703" s="12"/>
    </row>
    <row r="340704" spans="8:8">
      <c r="H340704" s="12"/>
    </row>
    <row r="340705" spans="8:8">
      <c r="H340705" s="12"/>
    </row>
    <row r="340706" spans="8:8">
      <c r="H340706" s="12"/>
    </row>
    <row r="340707" spans="8:8">
      <c r="H340707" s="12"/>
    </row>
    <row r="340708" spans="8:8">
      <c r="H340708" s="12"/>
    </row>
    <row r="340709" spans="8:8">
      <c r="H340709" s="12"/>
    </row>
    <row r="340710" spans="8:8">
      <c r="H340710" s="12"/>
    </row>
    <row r="340711" spans="8:8">
      <c r="H340711" s="12"/>
    </row>
    <row r="340712" spans="8:8">
      <c r="H340712" s="12"/>
    </row>
    <row r="340713" spans="8:8">
      <c r="H340713" s="12"/>
    </row>
    <row r="340714" spans="8:8">
      <c r="H340714" s="12"/>
    </row>
    <row r="340715" spans="8:8">
      <c r="H340715" s="12"/>
    </row>
    <row r="340716" spans="8:8">
      <c r="H340716" s="12"/>
    </row>
    <row r="340717" spans="8:8">
      <c r="H340717" s="12"/>
    </row>
    <row r="340718" spans="8:8">
      <c r="H340718" s="12"/>
    </row>
    <row r="340719" spans="8:8">
      <c r="H340719" s="12"/>
    </row>
    <row r="340720" spans="8:8">
      <c r="H340720" s="12"/>
    </row>
    <row r="340721" spans="8:8">
      <c r="H340721" s="12"/>
    </row>
    <row r="340722" spans="8:8">
      <c r="H340722" s="12"/>
    </row>
    <row r="340723" spans="8:8">
      <c r="H340723" s="12"/>
    </row>
    <row r="340724" spans="8:8">
      <c r="H340724" s="12"/>
    </row>
    <row r="340725" spans="8:8">
      <c r="H340725" s="12"/>
    </row>
    <row r="340726" spans="8:8">
      <c r="H340726" s="12"/>
    </row>
    <row r="340727" spans="8:8">
      <c r="H340727" s="12"/>
    </row>
    <row r="340728" spans="8:8">
      <c r="H340728" s="12"/>
    </row>
    <row r="340729" spans="8:8">
      <c r="H340729" s="12"/>
    </row>
    <row r="340730" spans="8:8">
      <c r="H340730" s="12"/>
    </row>
    <row r="340731" spans="8:8">
      <c r="H340731" s="12"/>
    </row>
    <row r="340732" spans="8:8">
      <c r="H340732" s="12"/>
    </row>
    <row r="340733" spans="8:8">
      <c r="H340733" s="12"/>
    </row>
    <row r="340734" spans="8:8">
      <c r="H340734" s="12"/>
    </row>
    <row r="340735" spans="8:8">
      <c r="H340735" s="12"/>
    </row>
    <row r="340736" spans="8:8">
      <c r="H340736" s="12"/>
    </row>
    <row r="340737" spans="8:8">
      <c r="H340737" s="12"/>
    </row>
    <row r="340738" spans="8:8">
      <c r="H340738" s="12"/>
    </row>
    <row r="340739" spans="8:8">
      <c r="H340739" s="12"/>
    </row>
    <row r="340740" spans="8:8">
      <c r="H340740" s="12"/>
    </row>
    <row r="340741" spans="8:8">
      <c r="H340741" s="12"/>
    </row>
    <row r="340742" spans="8:8">
      <c r="H340742" s="12"/>
    </row>
    <row r="340743" spans="8:8">
      <c r="H340743" s="12"/>
    </row>
    <row r="340744" spans="8:8">
      <c r="H340744" s="12"/>
    </row>
    <row r="340745" spans="8:8">
      <c r="H340745" s="12"/>
    </row>
    <row r="340746" spans="8:8">
      <c r="H340746" s="12"/>
    </row>
    <row r="340747" spans="8:8">
      <c r="H340747" s="12"/>
    </row>
    <row r="340748" spans="8:8">
      <c r="H340748" s="12"/>
    </row>
    <row r="340749" spans="8:8">
      <c r="H340749" s="12"/>
    </row>
    <row r="340750" spans="8:8">
      <c r="H340750" s="12"/>
    </row>
    <row r="340751" spans="8:8">
      <c r="H340751" s="12"/>
    </row>
    <row r="340752" spans="8:8">
      <c r="H340752" s="12"/>
    </row>
    <row r="340753" spans="8:8">
      <c r="H340753" s="12"/>
    </row>
    <row r="340754" spans="8:8">
      <c r="H340754" s="12"/>
    </row>
    <row r="340755" spans="8:8">
      <c r="H340755" s="12"/>
    </row>
    <row r="340756" spans="8:8">
      <c r="H340756" s="12"/>
    </row>
    <row r="340757" spans="8:8">
      <c r="H340757" s="12"/>
    </row>
    <row r="340758" spans="8:8">
      <c r="H340758" s="12"/>
    </row>
    <row r="340759" spans="8:8">
      <c r="H340759" s="12"/>
    </row>
    <row r="340760" spans="8:8">
      <c r="H340760" s="12"/>
    </row>
    <row r="340761" spans="8:8">
      <c r="H340761" s="12"/>
    </row>
    <row r="340762" spans="8:8">
      <c r="H340762" s="12"/>
    </row>
    <row r="340763" spans="8:8">
      <c r="H340763" s="12"/>
    </row>
    <row r="340764" spans="8:8">
      <c r="H340764" s="12"/>
    </row>
    <row r="340765" spans="8:8">
      <c r="H340765" s="12"/>
    </row>
    <row r="340766" spans="8:8">
      <c r="H340766" s="12"/>
    </row>
    <row r="340767" spans="8:8">
      <c r="H340767" s="12"/>
    </row>
    <row r="340768" spans="8:8">
      <c r="H340768" s="12"/>
    </row>
    <row r="340769" spans="8:8">
      <c r="H340769" s="12"/>
    </row>
    <row r="340770" spans="8:8">
      <c r="H340770" s="12"/>
    </row>
    <row r="340771" spans="8:8">
      <c r="H340771" s="12"/>
    </row>
    <row r="340772" spans="8:8">
      <c r="H340772" s="12"/>
    </row>
    <row r="340773" spans="8:8">
      <c r="H340773" s="12"/>
    </row>
    <row r="340774" spans="8:8">
      <c r="H340774" s="12"/>
    </row>
    <row r="340775" spans="8:8">
      <c r="H340775" s="12"/>
    </row>
    <row r="340776" spans="8:8">
      <c r="H340776" s="12"/>
    </row>
    <row r="340777" spans="8:8">
      <c r="H340777" s="12"/>
    </row>
    <row r="340778" spans="8:8">
      <c r="H340778" s="12"/>
    </row>
    <row r="340779" spans="8:8">
      <c r="H340779" s="12"/>
    </row>
    <row r="340780" spans="8:8">
      <c r="H340780" s="12"/>
    </row>
    <row r="340781" spans="8:8">
      <c r="H340781" s="12"/>
    </row>
    <row r="340782" spans="8:8">
      <c r="H340782" s="12"/>
    </row>
    <row r="340783" spans="8:8">
      <c r="H340783" s="12"/>
    </row>
    <row r="340784" spans="8:8">
      <c r="H340784" s="12"/>
    </row>
    <row r="340785" spans="8:8">
      <c r="H340785" s="12"/>
    </row>
    <row r="340786" spans="8:8">
      <c r="H340786" s="12"/>
    </row>
    <row r="340787" spans="8:8">
      <c r="H340787" s="12"/>
    </row>
    <row r="340788" spans="8:8">
      <c r="H340788" s="12"/>
    </row>
    <row r="340789" spans="8:8">
      <c r="H340789" s="12"/>
    </row>
    <row r="340790" spans="8:8">
      <c r="H340790" s="12"/>
    </row>
    <row r="340791" spans="8:8">
      <c r="H340791" s="12"/>
    </row>
    <row r="340792" spans="8:8">
      <c r="H340792" s="12"/>
    </row>
    <row r="340793" spans="8:8">
      <c r="H340793" s="12"/>
    </row>
    <row r="340794" spans="8:8">
      <c r="H340794" s="12"/>
    </row>
    <row r="340795" spans="8:8">
      <c r="H340795" s="12"/>
    </row>
    <row r="340796" spans="8:8">
      <c r="H340796" s="12"/>
    </row>
    <row r="340797" spans="8:8">
      <c r="H340797" s="12"/>
    </row>
    <row r="340798" spans="8:8">
      <c r="H340798" s="12"/>
    </row>
    <row r="340799" spans="8:8">
      <c r="H340799" s="12"/>
    </row>
    <row r="340800" spans="8:8">
      <c r="H340800" s="12"/>
    </row>
    <row r="340801" spans="8:8">
      <c r="H340801" s="12"/>
    </row>
    <row r="340802" spans="8:8">
      <c r="H340802" s="12"/>
    </row>
    <row r="340803" spans="8:8">
      <c r="H340803" s="12"/>
    </row>
    <row r="340804" spans="8:8">
      <c r="H340804" s="12"/>
    </row>
    <row r="340805" spans="8:8">
      <c r="H340805" s="12"/>
    </row>
    <row r="340806" spans="8:8">
      <c r="H340806" s="12"/>
    </row>
    <row r="340807" spans="8:8">
      <c r="H340807" s="12"/>
    </row>
    <row r="340808" spans="8:8">
      <c r="H340808" s="12"/>
    </row>
    <row r="340809" spans="8:8">
      <c r="H340809" s="12"/>
    </row>
    <row r="340810" spans="8:8">
      <c r="H340810" s="12"/>
    </row>
    <row r="340811" spans="8:8">
      <c r="H340811" s="12"/>
    </row>
    <row r="340812" spans="8:8">
      <c r="H340812" s="12"/>
    </row>
    <row r="340813" spans="8:8">
      <c r="H340813" s="12"/>
    </row>
    <row r="340814" spans="8:8">
      <c r="H340814" s="12"/>
    </row>
    <row r="340815" spans="8:8">
      <c r="H340815" s="12"/>
    </row>
    <row r="340816" spans="8:8">
      <c r="H340816" s="12"/>
    </row>
    <row r="340817" spans="8:8">
      <c r="H340817" s="12"/>
    </row>
    <row r="340818" spans="8:8">
      <c r="H340818" s="12"/>
    </row>
    <row r="340819" spans="8:8">
      <c r="H340819" s="12"/>
    </row>
    <row r="340820" spans="8:8">
      <c r="H340820" s="12"/>
    </row>
    <row r="340821" spans="8:8">
      <c r="H340821" s="12"/>
    </row>
    <row r="340822" spans="8:8">
      <c r="H340822" s="12"/>
    </row>
    <row r="340823" spans="8:8">
      <c r="H340823" s="12"/>
    </row>
    <row r="340824" spans="8:8">
      <c r="H340824" s="12"/>
    </row>
    <row r="340825" spans="8:8">
      <c r="H340825" s="12"/>
    </row>
    <row r="340826" spans="8:8">
      <c r="H340826" s="12"/>
    </row>
    <row r="340827" spans="8:8">
      <c r="H340827" s="12"/>
    </row>
    <row r="340828" spans="8:8">
      <c r="H340828" s="12"/>
    </row>
    <row r="340829" spans="8:8">
      <c r="H340829" s="12"/>
    </row>
    <row r="340830" spans="8:8">
      <c r="H340830" s="12"/>
    </row>
    <row r="340831" spans="8:8">
      <c r="H340831" s="12"/>
    </row>
    <row r="340832" spans="8:8">
      <c r="H340832" s="12"/>
    </row>
    <row r="340833" spans="8:8">
      <c r="H340833" s="12"/>
    </row>
    <row r="340834" spans="8:8">
      <c r="H340834" s="12"/>
    </row>
    <row r="340835" spans="8:8">
      <c r="H340835" s="12"/>
    </row>
    <row r="340836" spans="8:8">
      <c r="H340836" s="12"/>
    </row>
    <row r="340837" spans="8:8">
      <c r="H340837" s="12"/>
    </row>
    <row r="340838" spans="8:8">
      <c r="H340838" s="12"/>
    </row>
    <row r="340839" spans="8:8">
      <c r="H340839" s="12"/>
    </row>
    <row r="340840" spans="8:8">
      <c r="H340840" s="12"/>
    </row>
    <row r="340841" spans="8:8">
      <c r="H340841" s="12"/>
    </row>
    <row r="340842" spans="8:8">
      <c r="H340842" s="12"/>
    </row>
    <row r="340843" spans="8:8">
      <c r="H340843" s="12"/>
    </row>
    <row r="340844" spans="8:8">
      <c r="H340844" s="12"/>
    </row>
    <row r="340845" spans="8:8">
      <c r="H340845" s="12"/>
    </row>
    <row r="340846" spans="8:8">
      <c r="H340846" s="12"/>
    </row>
    <row r="340847" spans="8:8">
      <c r="H340847" s="12"/>
    </row>
    <row r="340848" spans="8:8">
      <c r="H340848" s="12"/>
    </row>
    <row r="340849" spans="8:8">
      <c r="H340849" s="12"/>
    </row>
    <row r="340850" spans="8:8">
      <c r="H340850" s="12"/>
    </row>
    <row r="340851" spans="8:8">
      <c r="H340851" s="12"/>
    </row>
    <row r="340852" spans="8:8">
      <c r="H340852" s="12"/>
    </row>
    <row r="340853" spans="8:8">
      <c r="H340853" s="12"/>
    </row>
    <row r="340854" spans="8:8">
      <c r="H340854" s="12"/>
    </row>
    <row r="340855" spans="8:8">
      <c r="H340855" s="12"/>
    </row>
    <row r="340856" spans="8:8">
      <c r="H340856" s="12"/>
    </row>
    <row r="340857" spans="8:8">
      <c r="H340857" s="12"/>
    </row>
    <row r="340858" spans="8:8">
      <c r="H340858" s="12"/>
    </row>
    <row r="340859" spans="8:8">
      <c r="H340859" s="12"/>
    </row>
    <row r="340860" spans="8:8">
      <c r="H340860" s="12"/>
    </row>
    <row r="340861" spans="8:8">
      <c r="H340861" s="12"/>
    </row>
    <row r="340862" spans="8:8">
      <c r="H340862" s="12"/>
    </row>
    <row r="340863" spans="8:8">
      <c r="H340863" s="12"/>
    </row>
    <row r="340864" spans="8:8">
      <c r="H340864" s="12"/>
    </row>
    <row r="340865" spans="8:8">
      <c r="H340865" s="12"/>
    </row>
    <row r="340866" spans="8:8">
      <c r="H340866" s="12"/>
    </row>
    <row r="340867" spans="8:8">
      <c r="H340867" s="12"/>
    </row>
    <row r="340868" spans="8:8">
      <c r="H340868" s="12"/>
    </row>
    <row r="340869" spans="8:8">
      <c r="H340869" s="12"/>
    </row>
    <row r="340870" spans="8:8">
      <c r="H340870" s="12"/>
    </row>
    <row r="340871" spans="8:8">
      <c r="H340871" s="12"/>
    </row>
    <row r="340872" spans="8:8">
      <c r="H340872" s="12"/>
    </row>
    <row r="340873" spans="8:8">
      <c r="H340873" s="12"/>
    </row>
    <row r="340874" spans="8:8">
      <c r="H340874" s="12"/>
    </row>
    <row r="340875" spans="8:8">
      <c r="H340875" s="12"/>
    </row>
    <row r="340876" spans="8:8">
      <c r="H340876" s="12"/>
    </row>
    <row r="340877" spans="8:8">
      <c r="H340877" s="12"/>
    </row>
    <row r="340878" spans="8:8">
      <c r="H340878" s="12"/>
    </row>
    <row r="340879" spans="8:8">
      <c r="H340879" s="12"/>
    </row>
    <row r="340880" spans="8:8">
      <c r="H340880" s="12"/>
    </row>
    <row r="340881" spans="8:8">
      <c r="H340881" s="12"/>
    </row>
    <row r="340882" spans="8:8">
      <c r="H340882" s="12"/>
    </row>
    <row r="340883" spans="8:8">
      <c r="H340883" s="12"/>
    </row>
    <row r="340884" spans="8:8">
      <c r="H340884" s="12"/>
    </row>
    <row r="340885" spans="8:8">
      <c r="H340885" s="12"/>
    </row>
    <row r="340886" spans="8:8">
      <c r="H340886" s="12"/>
    </row>
    <row r="340887" spans="8:8">
      <c r="H340887" s="12"/>
    </row>
    <row r="340888" spans="8:8">
      <c r="H340888" s="12"/>
    </row>
    <row r="340889" spans="8:8">
      <c r="H340889" s="12"/>
    </row>
    <row r="340890" spans="8:8">
      <c r="H340890" s="12"/>
    </row>
    <row r="340891" spans="8:8">
      <c r="H340891" s="12"/>
    </row>
    <row r="340892" spans="8:8">
      <c r="H340892" s="12"/>
    </row>
    <row r="340893" spans="8:8">
      <c r="H340893" s="12"/>
    </row>
    <row r="340894" spans="8:8">
      <c r="H340894" s="12"/>
    </row>
    <row r="340895" spans="8:8">
      <c r="H340895" s="12"/>
    </row>
    <row r="340896" spans="8:8">
      <c r="H340896" s="12"/>
    </row>
    <row r="340897" spans="8:8">
      <c r="H340897" s="12"/>
    </row>
    <row r="340898" spans="8:8">
      <c r="H340898" s="12"/>
    </row>
    <row r="340899" spans="8:8">
      <c r="H340899" s="12"/>
    </row>
    <row r="340900" spans="8:8">
      <c r="H340900" s="12"/>
    </row>
    <row r="340901" spans="8:8">
      <c r="H340901" s="12"/>
    </row>
    <row r="340902" spans="8:8">
      <c r="H340902" s="12"/>
    </row>
    <row r="340903" spans="8:8">
      <c r="H340903" s="12"/>
    </row>
    <row r="340904" spans="8:8">
      <c r="H340904" s="12"/>
    </row>
    <row r="340905" spans="8:8">
      <c r="H340905" s="12"/>
    </row>
    <row r="340906" spans="8:8">
      <c r="H340906" s="12"/>
    </row>
    <row r="340907" spans="8:8">
      <c r="H340907" s="12"/>
    </row>
    <row r="340908" spans="8:8">
      <c r="H340908" s="12"/>
    </row>
    <row r="340909" spans="8:8">
      <c r="H340909" s="12"/>
    </row>
    <row r="340910" spans="8:8">
      <c r="H340910" s="12"/>
    </row>
    <row r="340911" spans="8:8">
      <c r="H340911" s="12"/>
    </row>
    <row r="340912" spans="8:8">
      <c r="H340912" s="12"/>
    </row>
    <row r="340913" spans="8:8">
      <c r="H340913" s="12"/>
    </row>
    <row r="340914" spans="8:8">
      <c r="H340914" s="12"/>
    </row>
    <row r="340915" spans="8:8">
      <c r="H340915" s="12"/>
    </row>
    <row r="340916" spans="8:8">
      <c r="H340916" s="12"/>
    </row>
    <row r="340917" spans="8:8">
      <c r="H340917" s="12"/>
    </row>
    <row r="340918" spans="8:8">
      <c r="H340918" s="12"/>
    </row>
    <row r="340919" spans="8:8">
      <c r="H340919" s="12"/>
    </row>
    <row r="340920" spans="8:8">
      <c r="H340920" s="12"/>
    </row>
    <row r="340921" spans="8:8">
      <c r="H340921" s="12"/>
    </row>
    <row r="340922" spans="8:8">
      <c r="H340922" s="12"/>
    </row>
    <row r="340923" spans="8:8">
      <c r="H340923" s="12"/>
    </row>
    <row r="340924" spans="8:8">
      <c r="H340924" s="12"/>
    </row>
    <row r="340925" spans="8:8">
      <c r="H340925" s="12"/>
    </row>
    <row r="340926" spans="8:8">
      <c r="H340926" s="12"/>
    </row>
    <row r="340927" spans="8:8">
      <c r="H340927" s="12"/>
    </row>
    <row r="340928" spans="8:8">
      <c r="H340928" s="12"/>
    </row>
    <row r="340929" spans="8:8">
      <c r="H340929" s="12"/>
    </row>
    <row r="340930" spans="8:8">
      <c r="H340930" s="12"/>
    </row>
    <row r="340931" spans="8:8">
      <c r="H340931" s="12"/>
    </row>
    <row r="340932" spans="8:8">
      <c r="H340932" s="12"/>
    </row>
    <row r="340933" spans="8:8">
      <c r="H340933" s="12"/>
    </row>
    <row r="340934" spans="8:8">
      <c r="H340934" s="12"/>
    </row>
    <row r="340935" spans="8:8">
      <c r="H340935" s="12"/>
    </row>
    <row r="340936" spans="8:8">
      <c r="H340936" s="12"/>
    </row>
    <row r="340937" spans="8:8">
      <c r="H340937" s="12"/>
    </row>
    <row r="340938" spans="8:8">
      <c r="H340938" s="12"/>
    </row>
    <row r="340939" spans="8:8">
      <c r="H340939" s="12"/>
    </row>
    <row r="340940" spans="8:8">
      <c r="H340940" s="12"/>
    </row>
    <row r="340941" spans="8:8">
      <c r="H340941" s="12"/>
    </row>
    <row r="340942" spans="8:8">
      <c r="H340942" s="12"/>
    </row>
    <row r="340943" spans="8:8">
      <c r="H340943" s="12"/>
    </row>
    <row r="340944" spans="8:8">
      <c r="H340944" s="12"/>
    </row>
    <row r="340945" spans="8:8">
      <c r="H340945" s="12"/>
    </row>
    <row r="340946" spans="8:8">
      <c r="H340946" s="12"/>
    </row>
    <row r="340947" spans="8:8">
      <c r="H340947" s="12"/>
    </row>
    <row r="340948" spans="8:8">
      <c r="H340948" s="12"/>
    </row>
    <row r="340949" spans="8:8">
      <c r="H340949" s="12"/>
    </row>
    <row r="340950" spans="8:8">
      <c r="H340950" s="12"/>
    </row>
    <row r="340951" spans="8:8">
      <c r="H340951" s="12"/>
    </row>
    <row r="340952" spans="8:8">
      <c r="H340952" s="12"/>
    </row>
    <row r="340953" spans="8:8">
      <c r="H340953" s="12"/>
    </row>
    <row r="340954" spans="8:8">
      <c r="H340954" s="12"/>
    </row>
    <row r="340955" spans="8:8">
      <c r="H340955" s="12"/>
    </row>
    <row r="340956" spans="8:8">
      <c r="H340956" s="12"/>
    </row>
    <row r="340957" spans="8:8">
      <c r="H340957" s="12"/>
    </row>
    <row r="340958" spans="8:8">
      <c r="H340958" s="12"/>
    </row>
    <row r="340959" spans="8:8">
      <c r="H340959" s="12"/>
    </row>
    <row r="340960" spans="8:8">
      <c r="H340960" s="12"/>
    </row>
    <row r="340961" spans="8:8">
      <c r="H340961" s="12"/>
    </row>
    <row r="340962" spans="8:8">
      <c r="H340962" s="12"/>
    </row>
    <row r="340963" spans="8:8">
      <c r="H340963" s="12"/>
    </row>
    <row r="340964" spans="8:8">
      <c r="H340964" s="12"/>
    </row>
    <row r="340965" spans="8:8">
      <c r="H340965" s="12"/>
    </row>
    <row r="340966" spans="8:8">
      <c r="H340966" s="12"/>
    </row>
    <row r="340967" spans="8:8">
      <c r="H340967" s="12"/>
    </row>
    <row r="340968" spans="8:8">
      <c r="H340968" s="12"/>
    </row>
    <row r="340969" spans="8:8">
      <c r="H340969" s="12"/>
    </row>
    <row r="340970" spans="8:8">
      <c r="H340970" s="12"/>
    </row>
    <row r="340971" spans="8:8">
      <c r="H340971" s="12"/>
    </row>
    <row r="340972" spans="8:8">
      <c r="H340972" s="12"/>
    </row>
    <row r="340973" spans="8:8">
      <c r="H340973" s="12"/>
    </row>
    <row r="340974" spans="8:8">
      <c r="H340974" s="12"/>
    </row>
    <row r="340975" spans="8:8">
      <c r="H340975" s="12"/>
    </row>
    <row r="340976" spans="8:8">
      <c r="H340976" s="12"/>
    </row>
    <row r="340977" spans="8:8">
      <c r="H340977" s="12"/>
    </row>
    <row r="340978" spans="8:8">
      <c r="H340978" s="12"/>
    </row>
    <row r="340979" spans="8:8">
      <c r="H340979" s="12"/>
    </row>
    <row r="340980" spans="8:8">
      <c r="H340980" s="12"/>
    </row>
    <row r="340981" spans="8:8">
      <c r="H340981" s="12"/>
    </row>
    <row r="340982" spans="8:8">
      <c r="H340982" s="12"/>
    </row>
    <row r="340983" spans="8:8">
      <c r="H340983" s="12"/>
    </row>
    <row r="340984" spans="8:8">
      <c r="H340984" s="12"/>
    </row>
    <row r="340985" spans="8:8">
      <c r="H340985" s="12"/>
    </row>
    <row r="340986" spans="8:8">
      <c r="H340986" s="12"/>
    </row>
    <row r="340987" spans="8:8">
      <c r="H340987" s="12"/>
    </row>
    <row r="340988" spans="8:8">
      <c r="H340988" s="12"/>
    </row>
    <row r="340989" spans="8:8">
      <c r="H340989" s="12"/>
    </row>
    <row r="340990" spans="8:8">
      <c r="H340990" s="12"/>
    </row>
    <row r="340991" spans="8:8">
      <c r="H340991" s="12"/>
    </row>
    <row r="340992" spans="8:8">
      <c r="H340992" s="12"/>
    </row>
    <row r="340993" spans="8:8">
      <c r="H340993" s="12"/>
    </row>
    <row r="340994" spans="8:8">
      <c r="H340994" s="12"/>
    </row>
    <row r="340995" spans="8:8">
      <c r="H340995" s="12"/>
    </row>
    <row r="340996" spans="8:8">
      <c r="H340996" s="12"/>
    </row>
    <row r="340997" spans="8:8">
      <c r="H340997" s="12"/>
    </row>
    <row r="340998" spans="8:8">
      <c r="H340998" s="12"/>
    </row>
    <row r="340999" spans="8:8">
      <c r="H340999" s="12"/>
    </row>
    <row r="341000" spans="8:8">
      <c r="H341000" s="12"/>
    </row>
    <row r="341001" spans="8:8">
      <c r="H341001" s="12"/>
    </row>
    <row r="341002" spans="8:8">
      <c r="H341002" s="12"/>
    </row>
    <row r="341003" spans="8:8">
      <c r="H341003" s="12"/>
    </row>
    <row r="341004" spans="8:8">
      <c r="H341004" s="12"/>
    </row>
    <row r="341005" spans="8:8">
      <c r="H341005" s="12"/>
    </row>
    <row r="341006" spans="8:8">
      <c r="H341006" s="12"/>
    </row>
    <row r="341007" spans="8:8">
      <c r="H341007" s="12"/>
    </row>
    <row r="341008" spans="8:8">
      <c r="H341008" s="12"/>
    </row>
    <row r="341009" spans="8:8">
      <c r="H341009" s="12"/>
    </row>
    <row r="341010" spans="8:8">
      <c r="H341010" s="12"/>
    </row>
    <row r="341011" spans="8:8">
      <c r="H341011" s="12"/>
    </row>
    <row r="341012" spans="8:8">
      <c r="H341012" s="12"/>
    </row>
    <row r="341013" spans="8:8">
      <c r="H341013" s="12"/>
    </row>
    <row r="341014" spans="8:8">
      <c r="H341014" s="12"/>
    </row>
    <row r="341015" spans="8:8">
      <c r="H341015" s="12"/>
    </row>
    <row r="341016" spans="8:8">
      <c r="H341016" s="12"/>
    </row>
    <row r="341017" spans="8:8">
      <c r="H341017" s="12"/>
    </row>
    <row r="341018" spans="8:8">
      <c r="H341018" s="12"/>
    </row>
    <row r="341019" spans="8:8">
      <c r="H341019" s="12"/>
    </row>
    <row r="341020" spans="8:8">
      <c r="H341020" s="12"/>
    </row>
    <row r="341021" spans="8:8">
      <c r="H341021" s="12"/>
    </row>
    <row r="341022" spans="8:8">
      <c r="H341022" s="12"/>
    </row>
    <row r="341023" spans="8:8">
      <c r="H341023" s="12"/>
    </row>
    <row r="341024" spans="8:8">
      <c r="H341024" s="12"/>
    </row>
    <row r="341025" spans="8:8">
      <c r="H341025" s="12"/>
    </row>
    <row r="341026" spans="8:8">
      <c r="H341026" s="12"/>
    </row>
    <row r="341027" spans="8:8">
      <c r="H341027" s="12"/>
    </row>
    <row r="341028" spans="8:8">
      <c r="H341028" s="12"/>
    </row>
    <row r="341029" spans="8:8">
      <c r="H341029" s="12"/>
    </row>
    <row r="341030" spans="8:8">
      <c r="H341030" s="12"/>
    </row>
    <row r="341031" spans="8:8">
      <c r="H341031" s="12"/>
    </row>
    <row r="341032" spans="8:8">
      <c r="H341032" s="12"/>
    </row>
    <row r="341033" spans="8:8">
      <c r="H341033" s="12"/>
    </row>
    <row r="341034" spans="8:8">
      <c r="H341034" s="12"/>
    </row>
    <row r="341035" spans="8:8">
      <c r="H341035" s="12"/>
    </row>
    <row r="341036" spans="8:8">
      <c r="H341036" s="12"/>
    </row>
    <row r="341037" spans="8:8">
      <c r="H341037" s="12"/>
    </row>
    <row r="341038" spans="8:8">
      <c r="H341038" s="12"/>
    </row>
    <row r="341039" spans="8:8">
      <c r="H341039" s="12"/>
    </row>
    <row r="341040" spans="8:8">
      <c r="H341040" s="12"/>
    </row>
    <row r="341041" spans="8:8">
      <c r="H341041" s="12"/>
    </row>
    <row r="341042" spans="8:8">
      <c r="H341042" s="12"/>
    </row>
    <row r="341043" spans="8:8">
      <c r="H341043" s="12"/>
    </row>
    <row r="341044" spans="8:8">
      <c r="H341044" s="12"/>
    </row>
    <row r="341045" spans="8:8">
      <c r="H341045" s="12"/>
    </row>
    <row r="341046" spans="8:8">
      <c r="H341046" s="12"/>
    </row>
    <row r="341047" spans="8:8">
      <c r="H341047" s="12"/>
    </row>
    <row r="341048" spans="8:8">
      <c r="H341048" s="12"/>
    </row>
    <row r="341049" spans="8:8">
      <c r="H341049" s="12"/>
    </row>
    <row r="341050" spans="8:8">
      <c r="H341050" s="12"/>
    </row>
    <row r="341051" spans="8:8">
      <c r="H341051" s="12"/>
    </row>
    <row r="341052" spans="8:8">
      <c r="H341052" s="12"/>
    </row>
    <row r="341053" spans="8:8">
      <c r="H341053" s="12"/>
    </row>
    <row r="341054" spans="8:8">
      <c r="H341054" s="12"/>
    </row>
    <row r="341055" spans="8:8">
      <c r="H341055" s="12"/>
    </row>
    <row r="341056" spans="8:8">
      <c r="H341056" s="12"/>
    </row>
    <row r="341057" spans="8:8">
      <c r="H341057" s="12"/>
    </row>
    <row r="341058" spans="8:8">
      <c r="H341058" s="12"/>
    </row>
    <row r="341059" spans="8:8">
      <c r="H341059" s="12"/>
    </row>
    <row r="341060" spans="8:8">
      <c r="H341060" s="12"/>
    </row>
    <row r="341061" spans="8:8">
      <c r="H341061" s="12"/>
    </row>
    <row r="341062" spans="8:8">
      <c r="H341062" s="12"/>
    </row>
    <row r="341063" spans="8:8">
      <c r="H341063" s="12"/>
    </row>
    <row r="341064" spans="8:8">
      <c r="H341064" s="12"/>
    </row>
    <row r="341065" spans="8:8">
      <c r="H341065" s="12"/>
    </row>
    <row r="341066" spans="8:8">
      <c r="H341066" s="12"/>
    </row>
    <row r="341067" spans="8:8">
      <c r="H341067" s="12"/>
    </row>
    <row r="341068" spans="8:8">
      <c r="H341068" s="12"/>
    </row>
    <row r="341069" spans="8:8">
      <c r="H341069" s="12"/>
    </row>
    <row r="341070" spans="8:8">
      <c r="H341070" s="12"/>
    </row>
    <row r="341071" spans="8:8">
      <c r="H341071" s="12"/>
    </row>
    <row r="341072" spans="8:8">
      <c r="H341072" s="12"/>
    </row>
    <row r="341073" spans="8:8">
      <c r="H341073" s="12"/>
    </row>
    <row r="341074" spans="8:8">
      <c r="H341074" s="12"/>
    </row>
    <row r="341075" spans="8:8">
      <c r="H341075" s="12"/>
    </row>
    <row r="341076" spans="8:8">
      <c r="H341076" s="12"/>
    </row>
    <row r="341077" spans="8:8">
      <c r="H341077" s="12"/>
    </row>
    <row r="341078" spans="8:8">
      <c r="H341078" s="12"/>
    </row>
    <row r="341079" spans="8:8">
      <c r="H341079" s="12"/>
    </row>
    <row r="341080" spans="8:8">
      <c r="H341080" s="12"/>
    </row>
    <row r="341081" spans="8:8">
      <c r="H341081" s="12"/>
    </row>
    <row r="341082" spans="8:8">
      <c r="H341082" s="12"/>
    </row>
    <row r="341083" spans="8:8">
      <c r="H341083" s="12"/>
    </row>
    <row r="341084" spans="8:8">
      <c r="H341084" s="12"/>
    </row>
    <row r="341085" spans="8:8">
      <c r="H341085" s="12"/>
    </row>
    <row r="341086" spans="8:8">
      <c r="H341086" s="12"/>
    </row>
    <row r="341087" spans="8:8">
      <c r="H341087" s="12"/>
    </row>
    <row r="341088" spans="8:8">
      <c r="H341088" s="12"/>
    </row>
    <row r="341089" spans="8:8">
      <c r="H341089" s="12"/>
    </row>
    <row r="341090" spans="8:8">
      <c r="H341090" s="12"/>
    </row>
    <row r="341091" spans="8:8">
      <c r="H341091" s="12"/>
    </row>
    <row r="341092" spans="8:8">
      <c r="H341092" s="12"/>
    </row>
    <row r="341093" spans="8:8">
      <c r="H341093" s="12"/>
    </row>
    <row r="341094" spans="8:8">
      <c r="H341094" s="12"/>
    </row>
    <row r="341095" spans="8:8">
      <c r="H341095" s="12"/>
    </row>
    <row r="341096" spans="8:8">
      <c r="H341096" s="12"/>
    </row>
    <row r="341097" spans="8:8">
      <c r="H341097" s="12"/>
    </row>
    <row r="341098" spans="8:8">
      <c r="H341098" s="12"/>
    </row>
    <row r="341099" spans="8:8">
      <c r="H341099" s="12"/>
    </row>
    <row r="341100" spans="8:8">
      <c r="H341100" s="12"/>
    </row>
    <row r="341101" spans="8:8">
      <c r="H341101" s="12"/>
    </row>
    <row r="341102" spans="8:8">
      <c r="H341102" s="12"/>
    </row>
    <row r="341103" spans="8:8">
      <c r="H341103" s="12"/>
    </row>
    <row r="341104" spans="8:8">
      <c r="H341104" s="12"/>
    </row>
    <row r="341105" spans="8:8">
      <c r="H341105" s="12"/>
    </row>
    <row r="341106" spans="8:8">
      <c r="H341106" s="12"/>
    </row>
    <row r="341107" spans="8:8">
      <c r="H341107" s="12"/>
    </row>
    <row r="341108" spans="8:8">
      <c r="H341108" s="12"/>
    </row>
    <row r="341109" spans="8:8">
      <c r="H341109" s="12"/>
    </row>
    <row r="341110" spans="8:8">
      <c r="H341110" s="12"/>
    </row>
    <row r="341111" spans="8:8">
      <c r="H341111" s="12"/>
    </row>
    <row r="341112" spans="8:8">
      <c r="H341112" s="12"/>
    </row>
    <row r="341113" spans="8:8">
      <c r="H341113" s="12"/>
    </row>
    <row r="341114" spans="8:8">
      <c r="H341114" s="12"/>
    </row>
    <row r="341115" spans="8:8">
      <c r="H341115" s="12"/>
    </row>
    <row r="341116" spans="8:8">
      <c r="H341116" s="12"/>
    </row>
    <row r="341117" spans="8:8">
      <c r="H341117" s="12"/>
    </row>
    <row r="341118" spans="8:8">
      <c r="H341118" s="12"/>
    </row>
    <row r="341119" spans="8:8">
      <c r="H341119" s="12"/>
    </row>
    <row r="341120" spans="8:8">
      <c r="H341120" s="12"/>
    </row>
    <row r="341121" spans="8:8">
      <c r="H341121" s="12"/>
    </row>
    <row r="341122" spans="8:8">
      <c r="H341122" s="12"/>
    </row>
    <row r="341123" spans="8:8">
      <c r="H341123" s="12"/>
    </row>
    <row r="341124" spans="8:8">
      <c r="H341124" s="12"/>
    </row>
    <row r="341125" spans="8:8">
      <c r="H341125" s="12"/>
    </row>
    <row r="341126" spans="8:8">
      <c r="H341126" s="12"/>
    </row>
    <row r="341127" spans="8:8">
      <c r="H341127" s="12"/>
    </row>
    <row r="341128" spans="8:8">
      <c r="H341128" s="12"/>
    </row>
    <row r="341129" spans="8:8">
      <c r="H341129" s="12"/>
    </row>
    <row r="341130" spans="8:8">
      <c r="H341130" s="12"/>
    </row>
    <row r="341131" spans="8:8">
      <c r="H341131" s="12"/>
    </row>
    <row r="341132" spans="8:8">
      <c r="H341132" s="12"/>
    </row>
    <row r="341133" spans="8:8">
      <c r="H341133" s="12"/>
    </row>
    <row r="341134" spans="8:8">
      <c r="H341134" s="12"/>
    </row>
    <row r="341135" spans="8:8">
      <c r="H341135" s="12"/>
    </row>
    <row r="341136" spans="8:8">
      <c r="H341136" s="12"/>
    </row>
    <row r="341137" spans="8:8">
      <c r="H341137" s="12"/>
    </row>
    <row r="341138" spans="8:8">
      <c r="H341138" s="12"/>
    </row>
    <row r="341139" spans="8:8">
      <c r="H341139" s="12"/>
    </row>
    <row r="341140" spans="8:8">
      <c r="H341140" s="12"/>
    </row>
    <row r="341141" spans="8:8">
      <c r="H341141" s="12"/>
    </row>
    <row r="341142" spans="8:8">
      <c r="H341142" s="12"/>
    </row>
    <row r="341143" spans="8:8">
      <c r="H341143" s="12"/>
    </row>
    <row r="341144" spans="8:8">
      <c r="H341144" s="12"/>
    </row>
    <row r="341145" spans="8:8">
      <c r="H341145" s="12"/>
    </row>
    <row r="341146" spans="8:8">
      <c r="H341146" s="12"/>
    </row>
    <row r="341147" spans="8:8">
      <c r="H341147" s="12"/>
    </row>
    <row r="341148" spans="8:8">
      <c r="H341148" s="12"/>
    </row>
    <row r="341149" spans="8:8">
      <c r="H341149" s="12"/>
    </row>
    <row r="341150" spans="8:8">
      <c r="H341150" s="12"/>
    </row>
    <row r="341151" spans="8:8">
      <c r="H341151" s="12"/>
    </row>
    <row r="341152" spans="8:8">
      <c r="H341152" s="12"/>
    </row>
    <row r="341153" spans="8:8">
      <c r="H341153" s="12"/>
    </row>
    <row r="341154" spans="8:8">
      <c r="H341154" s="12"/>
    </row>
    <row r="341155" spans="8:8">
      <c r="H341155" s="12"/>
    </row>
    <row r="341156" spans="8:8">
      <c r="H341156" s="12"/>
    </row>
    <row r="341157" spans="8:8">
      <c r="H341157" s="12"/>
    </row>
    <row r="341158" spans="8:8">
      <c r="H341158" s="12"/>
    </row>
    <row r="341159" spans="8:8">
      <c r="H341159" s="12"/>
    </row>
    <row r="341160" spans="8:8">
      <c r="H341160" s="12"/>
    </row>
    <row r="341161" spans="8:8">
      <c r="H341161" s="12"/>
    </row>
    <row r="341162" spans="8:8">
      <c r="H341162" s="12"/>
    </row>
    <row r="341163" spans="8:8">
      <c r="H341163" s="12"/>
    </row>
    <row r="341164" spans="8:8">
      <c r="H341164" s="12"/>
    </row>
    <row r="341165" spans="8:8">
      <c r="H341165" s="12"/>
    </row>
    <row r="341166" spans="8:8">
      <c r="H341166" s="12"/>
    </row>
    <row r="341167" spans="8:8">
      <c r="H341167" s="12"/>
    </row>
    <row r="341168" spans="8:8">
      <c r="H341168" s="12"/>
    </row>
    <row r="341169" spans="8:8">
      <c r="H341169" s="12"/>
    </row>
    <row r="341170" spans="8:8">
      <c r="H341170" s="12"/>
    </row>
    <row r="341171" spans="8:8">
      <c r="H341171" s="12"/>
    </row>
    <row r="341172" spans="8:8">
      <c r="H341172" s="12"/>
    </row>
    <row r="341173" spans="8:8">
      <c r="H341173" s="12"/>
    </row>
    <row r="341174" spans="8:8">
      <c r="H341174" s="12"/>
    </row>
    <row r="341175" spans="8:8">
      <c r="H341175" s="12"/>
    </row>
    <row r="341176" spans="8:8">
      <c r="H341176" s="12"/>
    </row>
    <row r="341177" spans="8:8">
      <c r="H341177" s="12"/>
    </row>
    <row r="341178" spans="8:8">
      <c r="H341178" s="12"/>
    </row>
    <row r="341179" spans="8:8">
      <c r="H341179" s="12"/>
    </row>
    <row r="341180" spans="8:8">
      <c r="H341180" s="12"/>
    </row>
    <row r="341181" spans="8:8">
      <c r="H341181" s="12"/>
    </row>
    <row r="341182" spans="8:8">
      <c r="H341182" s="12"/>
    </row>
    <row r="341183" spans="8:8">
      <c r="H341183" s="12"/>
    </row>
    <row r="341184" spans="8:8">
      <c r="H341184" s="12"/>
    </row>
    <row r="341185" spans="8:8">
      <c r="H341185" s="12"/>
    </row>
    <row r="341186" spans="8:8">
      <c r="H341186" s="12"/>
    </row>
    <row r="341187" spans="8:8">
      <c r="H341187" s="12"/>
    </row>
    <row r="341188" spans="8:8">
      <c r="H341188" s="12"/>
    </row>
    <row r="341189" spans="8:8">
      <c r="H341189" s="12"/>
    </row>
    <row r="341190" spans="8:8">
      <c r="H341190" s="12"/>
    </row>
    <row r="341191" spans="8:8">
      <c r="H341191" s="12"/>
    </row>
    <row r="341192" spans="8:8">
      <c r="H341192" s="12"/>
    </row>
    <row r="341193" spans="8:8">
      <c r="H341193" s="12"/>
    </row>
    <row r="341194" spans="8:8">
      <c r="H341194" s="12"/>
    </row>
    <row r="341195" spans="8:8">
      <c r="H341195" s="12"/>
    </row>
    <row r="341196" spans="8:8">
      <c r="H341196" s="12"/>
    </row>
    <row r="341197" spans="8:8">
      <c r="H341197" s="12"/>
    </row>
    <row r="341198" spans="8:8">
      <c r="H341198" s="12"/>
    </row>
    <row r="341199" spans="8:8">
      <c r="H341199" s="12"/>
    </row>
    <row r="341200" spans="8:8">
      <c r="H341200" s="12"/>
    </row>
    <row r="341201" spans="8:8">
      <c r="H341201" s="12"/>
    </row>
    <row r="341202" spans="8:8">
      <c r="H341202" s="12"/>
    </row>
    <row r="341203" spans="8:8">
      <c r="H341203" s="12"/>
    </row>
    <row r="341204" spans="8:8">
      <c r="H341204" s="12"/>
    </row>
    <row r="341205" spans="8:8">
      <c r="H341205" s="12"/>
    </row>
    <row r="341206" spans="8:8">
      <c r="H341206" s="12"/>
    </row>
    <row r="341207" spans="8:8">
      <c r="H341207" s="12"/>
    </row>
    <row r="341208" spans="8:8">
      <c r="H341208" s="12"/>
    </row>
    <row r="341209" spans="8:8">
      <c r="H341209" s="12"/>
    </row>
    <row r="341210" spans="8:8">
      <c r="H341210" s="12"/>
    </row>
    <row r="341211" spans="8:8">
      <c r="H341211" s="12"/>
    </row>
    <row r="341212" spans="8:8">
      <c r="H341212" s="12"/>
    </row>
    <row r="341213" spans="8:8">
      <c r="H341213" s="12"/>
    </row>
    <row r="341214" spans="8:8">
      <c r="H341214" s="12"/>
    </row>
    <row r="341215" spans="8:8">
      <c r="H341215" s="12"/>
    </row>
    <row r="341216" spans="8:8">
      <c r="H341216" s="12"/>
    </row>
    <row r="341217" spans="8:8">
      <c r="H341217" s="12"/>
    </row>
    <row r="341218" spans="8:8">
      <c r="H341218" s="12"/>
    </row>
    <row r="341219" spans="8:8">
      <c r="H341219" s="12"/>
    </row>
    <row r="341220" spans="8:8">
      <c r="H341220" s="12"/>
    </row>
    <row r="341221" spans="8:8">
      <c r="H341221" s="12"/>
    </row>
    <row r="341222" spans="8:8">
      <c r="H341222" s="12"/>
    </row>
    <row r="341223" spans="8:8">
      <c r="H341223" s="12"/>
    </row>
    <row r="341224" spans="8:8">
      <c r="H341224" s="12"/>
    </row>
    <row r="341225" spans="8:8">
      <c r="H341225" s="12"/>
    </row>
    <row r="341226" spans="8:8">
      <c r="H341226" s="12"/>
    </row>
    <row r="341227" spans="8:8">
      <c r="H341227" s="12"/>
    </row>
    <row r="341228" spans="8:8">
      <c r="H341228" s="12"/>
    </row>
    <row r="341229" spans="8:8">
      <c r="H341229" s="12"/>
    </row>
    <row r="341230" spans="8:8">
      <c r="H341230" s="12"/>
    </row>
    <row r="341231" spans="8:8">
      <c r="H341231" s="12"/>
    </row>
    <row r="341232" spans="8:8">
      <c r="H341232" s="12"/>
    </row>
    <row r="341233" spans="8:8">
      <c r="H341233" s="12"/>
    </row>
    <row r="341234" spans="8:8">
      <c r="H341234" s="12"/>
    </row>
    <row r="341235" spans="8:8">
      <c r="H341235" s="12"/>
    </row>
    <row r="341236" spans="8:8">
      <c r="H341236" s="12"/>
    </row>
    <row r="341237" spans="8:8">
      <c r="H341237" s="12"/>
    </row>
    <row r="341238" spans="8:8">
      <c r="H341238" s="12"/>
    </row>
    <row r="341239" spans="8:8">
      <c r="H341239" s="12"/>
    </row>
    <row r="341240" spans="8:8">
      <c r="H341240" s="12"/>
    </row>
    <row r="341241" spans="8:8">
      <c r="H341241" s="12"/>
    </row>
    <row r="341242" spans="8:8">
      <c r="H341242" s="12"/>
    </row>
    <row r="341243" spans="8:8">
      <c r="H341243" s="12"/>
    </row>
    <row r="341244" spans="8:8">
      <c r="H341244" s="12"/>
    </row>
    <row r="341245" spans="8:8">
      <c r="H341245" s="12"/>
    </row>
    <row r="341246" spans="8:8">
      <c r="H341246" s="12"/>
    </row>
    <row r="341247" spans="8:8">
      <c r="H341247" s="12"/>
    </row>
    <row r="341248" spans="8:8">
      <c r="H341248" s="12"/>
    </row>
    <row r="341249" spans="8:8">
      <c r="H341249" s="12"/>
    </row>
    <row r="341250" spans="8:8">
      <c r="H341250" s="12"/>
    </row>
    <row r="341251" spans="8:8">
      <c r="H341251" s="12"/>
    </row>
    <row r="341252" spans="8:8">
      <c r="H341252" s="12"/>
    </row>
    <row r="341253" spans="8:8">
      <c r="H341253" s="12"/>
    </row>
    <row r="341254" spans="8:8">
      <c r="H341254" s="12"/>
    </row>
    <row r="341255" spans="8:8">
      <c r="H341255" s="12"/>
    </row>
    <row r="341256" spans="8:8">
      <c r="H341256" s="12"/>
    </row>
    <row r="341257" spans="8:8">
      <c r="H341257" s="12"/>
    </row>
    <row r="341258" spans="8:8">
      <c r="H341258" s="12"/>
    </row>
    <row r="341259" spans="8:8">
      <c r="H341259" s="12"/>
    </row>
    <row r="341260" spans="8:8">
      <c r="H341260" s="12"/>
    </row>
    <row r="341261" spans="8:8">
      <c r="H341261" s="12"/>
    </row>
    <row r="341262" spans="8:8">
      <c r="H341262" s="12"/>
    </row>
    <row r="341263" spans="8:8">
      <c r="H341263" s="12"/>
    </row>
    <row r="341264" spans="8:8">
      <c r="H341264" s="12"/>
    </row>
    <row r="341265" spans="8:8">
      <c r="H341265" s="12"/>
    </row>
    <row r="341266" spans="8:8">
      <c r="H341266" s="12"/>
    </row>
    <row r="341267" spans="8:8">
      <c r="H341267" s="12"/>
    </row>
    <row r="341268" spans="8:8">
      <c r="H341268" s="12"/>
    </row>
    <row r="341269" spans="8:8">
      <c r="H341269" s="12"/>
    </row>
    <row r="341270" spans="8:8">
      <c r="H341270" s="12"/>
    </row>
    <row r="341271" spans="8:8">
      <c r="H341271" s="12"/>
    </row>
    <row r="341272" spans="8:8">
      <c r="H341272" s="12"/>
    </row>
    <row r="341273" spans="8:8">
      <c r="H341273" s="12"/>
    </row>
    <row r="341274" spans="8:8">
      <c r="H341274" s="12"/>
    </row>
    <row r="341275" spans="8:8">
      <c r="H341275" s="12"/>
    </row>
    <row r="341276" spans="8:8">
      <c r="H341276" s="12"/>
    </row>
    <row r="341277" spans="8:8">
      <c r="H341277" s="12"/>
    </row>
    <row r="341278" spans="8:8">
      <c r="H341278" s="12"/>
    </row>
    <row r="341279" spans="8:8">
      <c r="H341279" s="12"/>
    </row>
    <row r="341280" spans="8:8">
      <c r="H341280" s="12"/>
    </row>
    <row r="341281" spans="8:8">
      <c r="H341281" s="12"/>
    </row>
    <row r="341282" spans="8:8">
      <c r="H341282" s="12"/>
    </row>
    <row r="341283" spans="8:8">
      <c r="H341283" s="12"/>
    </row>
    <row r="341284" spans="8:8">
      <c r="H341284" s="12"/>
    </row>
    <row r="341285" spans="8:8">
      <c r="H341285" s="12"/>
    </row>
    <row r="341286" spans="8:8">
      <c r="H341286" s="12"/>
    </row>
    <row r="341287" spans="8:8">
      <c r="H341287" s="12"/>
    </row>
    <row r="341288" spans="8:8">
      <c r="H341288" s="12"/>
    </row>
    <row r="341289" spans="8:8">
      <c r="H341289" s="12"/>
    </row>
    <row r="341290" spans="8:8">
      <c r="H341290" s="12"/>
    </row>
    <row r="341291" spans="8:8">
      <c r="H341291" s="12"/>
    </row>
    <row r="341292" spans="8:8">
      <c r="H341292" s="12"/>
    </row>
    <row r="341293" spans="8:8">
      <c r="H341293" s="12"/>
    </row>
    <row r="341294" spans="8:8">
      <c r="H341294" s="12"/>
    </row>
    <row r="341295" spans="8:8">
      <c r="H341295" s="12"/>
    </row>
    <row r="341296" spans="8:8">
      <c r="H341296" s="12"/>
    </row>
    <row r="341297" spans="8:8">
      <c r="H341297" s="12"/>
    </row>
    <row r="341298" spans="8:8">
      <c r="H341298" s="12"/>
    </row>
    <row r="341299" spans="8:8">
      <c r="H341299" s="12"/>
    </row>
    <row r="341300" spans="8:8">
      <c r="H341300" s="12"/>
    </row>
    <row r="341301" spans="8:8">
      <c r="H341301" s="12"/>
    </row>
    <row r="341302" spans="8:8">
      <c r="H341302" s="12"/>
    </row>
    <row r="341303" spans="8:8">
      <c r="H341303" s="12"/>
    </row>
    <row r="341304" spans="8:8">
      <c r="H341304" s="12"/>
    </row>
    <row r="341305" spans="8:8">
      <c r="H341305" s="12"/>
    </row>
    <row r="341306" spans="8:8">
      <c r="H341306" s="12"/>
    </row>
    <row r="341307" spans="8:8">
      <c r="H341307" s="12"/>
    </row>
    <row r="341308" spans="8:8">
      <c r="H341308" s="12"/>
    </row>
    <row r="341309" spans="8:8">
      <c r="H341309" s="12"/>
    </row>
    <row r="341310" spans="8:8">
      <c r="H341310" s="12"/>
    </row>
    <row r="341311" spans="8:8">
      <c r="H341311" s="12"/>
    </row>
    <row r="341312" spans="8:8">
      <c r="H341312" s="12"/>
    </row>
    <row r="341313" spans="8:8">
      <c r="H341313" s="12"/>
    </row>
    <row r="341314" spans="8:8">
      <c r="H341314" s="12"/>
    </row>
    <row r="341315" spans="8:8">
      <c r="H341315" s="12"/>
    </row>
    <row r="341316" spans="8:8">
      <c r="H341316" s="12"/>
    </row>
    <row r="341317" spans="8:8">
      <c r="H341317" s="12"/>
    </row>
    <row r="341318" spans="8:8">
      <c r="H341318" s="12"/>
    </row>
    <row r="341319" spans="8:8">
      <c r="H341319" s="12"/>
    </row>
    <row r="341320" spans="8:8">
      <c r="H341320" s="12"/>
    </row>
    <row r="341321" spans="8:8">
      <c r="H341321" s="12"/>
    </row>
    <row r="341322" spans="8:8">
      <c r="H341322" s="12"/>
    </row>
    <row r="341323" spans="8:8">
      <c r="H341323" s="12"/>
    </row>
    <row r="341324" spans="8:8">
      <c r="H341324" s="12"/>
    </row>
    <row r="341325" spans="8:8">
      <c r="H341325" s="12"/>
    </row>
    <row r="341326" spans="8:8">
      <c r="H341326" s="12"/>
    </row>
    <row r="341327" spans="8:8">
      <c r="H341327" s="12"/>
    </row>
    <row r="341328" spans="8:8">
      <c r="H341328" s="12"/>
    </row>
    <row r="341329" spans="8:8">
      <c r="H341329" s="12"/>
    </row>
    <row r="341330" spans="8:8">
      <c r="H341330" s="12"/>
    </row>
    <row r="341331" spans="8:8">
      <c r="H341331" s="12"/>
    </row>
    <row r="341332" spans="8:8">
      <c r="H341332" s="12"/>
    </row>
    <row r="341333" spans="8:8">
      <c r="H341333" s="12"/>
    </row>
    <row r="341334" spans="8:8">
      <c r="H341334" s="12"/>
    </row>
    <row r="341335" spans="8:8">
      <c r="H341335" s="12"/>
    </row>
    <row r="341336" spans="8:8">
      <c r="H341336" s="12"/>
    </row>
    <row r="341337" spans="8:8">
      <c r="H341337" s="12"/>
    </row>
    <row r="341338" spans="8:8">
      <c r="H341338" s="12"/>
    </row>
    <row r="341339" spans="8:8">
      <c r="H341339" s="12"/>
    </row>
    <row r="341340" spans="8:8">
      <c r="H341340" s="12"/>
    </row>
    <row r="341341" spans="8:8">
      <c r="H341341" s="12"/>
    </row>
    <row r="341342" spans="8:8">
      <c r="H341342" s="12"/>
    </row>
    <row r="341343" spans="8:8">
      <c r="H341343" s="12"/>
    </row>
    <row r="341344" spans="8:8">
      <c r="H341344" s="12"/>
    </row>
    <row r="341345" spans="8:8">
      <c r="H341345" s="12"/>
    </row>
    <row r="341346" spans="8:8">
      <c r="H341346" s="12"/>
    </row>
    <row r="341347" spans="8:8">
      <c r="H341347" s="12"/>
    </row>
    <row r="341348" spans="8:8">
      <c r="H341348" s="12"/>
    </row>
    <row r="341349" spans="8:8">
      <c r="H341349" s="12"/>
    </row>
    <row r="341350" spans="8:8">
      <c r="H341350" s="12"/>
    </row>
    <row r="341351" spans="8:8">
      <c r="H341351" s="12"/>
    </row>
    <row r="341352" spans="8:8">
      <c r="H341352" s="12"/>
    </row>
    <row r="341353" spans="8:8">
      <c r="H341353" s="12"/>
    </row>
    <row r="341354" spans="8:8">
      <c r="H341354" s="12"/>
    </row>
    <row r="341355" spans="8:8">
      <c r="H341355" s="12"/>
    </row>
    <row r="341356" spans="8:8">
      <c r="H341356" s="12"/>
    </row>
    <row r="341357" spans="8:8">
      <c r="H341357" s="12"/>
    </row>
    <row r="341358" spans="8:8">
      <c r="H341358" s="12"/>
    </row>
    <row r="341359" spans="8:8">
      <c r="H341359" s="12"/>
    </row>
    <row r="341360" spans="8:8">
      <c r="H341360" s="12"/>
    </row>
    <row r="341361" spans="8:8">
      <c r="H341361" s="12"/>
    </row>
    <row r="341362" spans="8:8">
      <c r="H341362" s="12"/>
    </row>
    <row r="341363" spans="8:8">
      <c r="H341363" s="12"/>
    </row>
    <row r="341364" spans="8:8">
      <c r="H341364" s="12"/>
    </row>
    <row r="341365" spans="8:8">
      <c r="H341365" s="12"/>
    </row>
    <row r="341366" spans="8:8">
      <c r="H341366" s="12"/>
    </row>
    <row r="341367" spans="8:8">
      <c r="H341367" s="12"/>
    </row>
    <row r="341368" spans="8:8">
      <c r="H341368" s="12"/>
    </row>
    <row r="341369" spans="8:8">
      <c r="H341369" s="12"/>
    </row>
    <row r="341370" spans="8:8">
      <c r="H341370" s="12"/>
    </row>
    <row r="341371" spans="8:8">
      <c r="H341371" s="12"/>
    </row>
    <row r="341372" spans="8:8">
      <c r="H341372" s="12"/>
    </row>
    <row r="341373" spans="8:8">
      <c r="H341373" s="12"/>
    </row>
    <row r="341374" spans="8:8">
      <c r="H341374" s="12"/>
    </row>
    <row r="341375" spans="8:8">
      <c r="H341375" s="12"/>
    </row>
    <row r="341376" spans="8:8">
      <c r="H341376" s="12"/>
    </row>
    <row r="341377" spans="8:8">
      <c r="H341377" s="12"/>
    </row>
    <row r="341378" spans="8:8">
      <c r="H341378" s="12"/>
    </row>
    <row r="341379" spans="8:8">
      <c r="H341379" s="12"/>
    </row>
    <row r="341380" spans="8:8">
      <c r="H341380" s="12"/>
    </row>
    <row r="341381" spans="8:8">
      <c r="H341381" s="12"/>
    </row>
    <row r="341382" spans="8:8">
      <c r="H341382" s="12"/>
    </row>
    <row r="341383" spans="8:8">
      <c r="H341383" s="12"/>
    </row>
    <row r="341384" spans="8:8">
      <c r="H341384" s="12"/>
    </row>
    <row r="341385" spans="8:8">
      <c r="H341385" s="12"/>
    </row>
    <row r="341386" spans="8:8">
      <c r="H341386" s="12"/>
    </row>
    <row r="341387" spans="8:8">
      <c r="H341387" s="12"/>
    </row>
    <row r="341388" spans="8:8">
      <c r="H341388" s="12"/>
    </row>
    <row r="341389" spans="8:8">
      <c r="H341389" s="12"/>
    </row>
    <row r="341390" spans="8:8">
      <c r="H341390" s="12"/>
    </row>
    <row r="341391" spans="8:8">
      <c r="H341391" s="12"/>
    </row>
    <row r="341392" spans="8:8">
      <c r="H341392" s="12"/>
    </row>
    <row r="341393" spans="8:8">
      <c r="H341393" s="12"/>
    </row>
    <row r="341394" spans="8:8">
      <c r="H341394" s="12"/>
    </row>
    <row r="341395" spans="8:8">
      <c r="H341395" s="12"/>
    </row>
    <row r="341396" spans="8:8">
      <c r="H341396" s="12"/>
    </row>
    <row r="341397" spans="8:8">
      <c r="H341397" s="12"/>
    </row>
    <row r="341398" spans="8:8">
      <c r="H341398" s="12"/>
    </row>
    <row r="341399" spans="8:8">
      <c r="H341399" s="12"/>
    </row>
    <row r="341400" spans="8:8">
      <c r="H341400" s="12"/>
    </row>
    <row r="341401" spans="8:8">
      <c r="H341401" s="12"/>
    </row>
    <row r="341402" spans="8:8">
      <c r="H341402" s="12"/>
    </row>
    <row r="341403" spans="8:8">
      <c r="H341403" s="12"/>
    </row>
    <row r="341404" spans="8:8">
      <c r="H341404" s="12"/>
    </row>
    <row r="341405" spans="8:8">
      <c r="H341405" s="12"/>
    </row>
    <row r="341406" spans="8:8">
      <c r="H341406" s="12"/>
    </row>
    <row r="341407" spans="8:8">
      <c r="H341407" s="12"/>
    </row>
    <row r="341408" spans="8:8">
      <c r="H341408" s="12"/>
    </row>
    <row r="341409" spans="8:8">
      <c r="H341409" s="12"/>
    </row>
    <row r="341410" spans="8:8">
      <c r="H341410" s="12"/>
    </row>
    <row r="341411" spans="8:8">
      <c r="H341411" s="12"/>
    </row>
    <row r="341412" spans="8:8">
      <c r="H341412" s="12"/>
    </row>
    <row r="341413" spans="8:8">
      <c r="H341413" s="12"/>
    </row>
    <row r="341414" spans="8:8">
      <c r="H341414" s="12"/>
    </row>
    <row r="341415" spans="8:8">
      <c r="H341415" s="12"/>
    </row>
    <row r="341416" spans="8:8">
      <c r="H341416" s="12"/>
    </row>
    <row r="341417" spans="8:8">
      <c r="H341417" s="12"/>
    </row>
    <row r="341418" spans="8:8">
      <c r="H341418" s="12"/>
    </row>
    <row r="341419" spans="8:8">
      <c r="H341419" s="12"/>
    </row>
    <row r="341420" spans="8:8">
      <c r="H341420" s="12"/>
    </row>
    <row r="341421" spans="8:8">
      <c r="H341421" s="12"/>
    </row>
    <row r="341422" spans="8:8">
      <c r="H341422" s="12"/>
    </row>
    <row r="341423" spans="8:8">
      <c r="H341423" s="12"/>
    </row>
    <row r="341424" spans="8:8">
      <c r="H341424" s="12"/>
    </row>
    <row r="341425" spans="8:8">
      <c r="H341425" s="12"/>
    </row>
    <row r="341426" spans="8:8">
      <c r="H341426" s="12"/>
    </row>
    <row r="341427" spans="8:8">
      <c r="H341427" s="12"/>
    </row>
    <row r="341428" spans="8:8">
      <c r="H341428" s="12"/>
    </row>
    <row r="341429" spans="8:8">
      <c r="H341429" s="12"/>
    </row>
    <row r="341430" spans="8:8">
      <c r="H341430" s="12"/>
    </row>
    <row r="341431" spans="8:8">
      <c r="H341431" s="12"/>
    </row>
    <row r="341432" spans="8:8">
      <c r="H341432" s="12"/>
    </row>
    <row r="341433" spans="8:8">
      <c r="H341433" s="12"/>
    </row>
    <row r="341434" spans="8:8">
      <c r="H341434" s="12"/>
    </row>
    <row r="341435" spans="8:8">
      <c r="H341435" s="12"/>
    </row>
    <row r="341436" spans="8:8">
      <c r="H341436" s="12"/>
    </row>
    <row r="341437" spans="8:8">
      <c r="H341437" s="12"/>
    </row>
    <row r="341438" spans="8:8">
      <c r="H341438" s="12"/>
    </row>
    <row r="341439" spans="8:8">
      <c r="H341439" s="12"/>
    </row>
    <row r="341440" spans="8:8">
      <c r="H341440" s="12"/>
    </row>
    <row r="341441" spans="8:8">
      <c r="H341441" s="12"/>
    </row>
    <row r="341442" spans="8:8">
      <c r="H341442" s="12"/>
    </row>
    <row r="341443" spans="8:8">
      <c r="H341443" s="12"/>
    </row>
    <row r="341444" spans="8:8">
      <c r="H341444" s="12"/>
    </row>
    <row r="341445" spans="8:8">
      <c r="H341445" s="12"/>
    </row>
    <row r="341446" spans="8:8">
      <c r="H341446" s="12"/>
    </row>
    <row r="341447" spans="8:8">
      <c r="H341447" s="12"/>
    </row>
    <row r="341448" spans="8:8">
      <c r="H341448" s="12"/>
    </row>
    <row r="341449" spans="8:8">
      <c r="H341449" s="12"/>
    </row>
    <row r="341450" spans="8:8">
      <c r="H341450" s="12"/>
    </row>
    <row r="341451" spans="8:8">
      <c r="H341451" s="12"/>
    </row>
    <row r="341452" spans="8:8">
      <c r="H341452" s="12"/>
    </row>
    <row r="341453" spans="8:8">
      <c r="H341453" s="12"/>
    </row>
    <row r="341454" spans="8:8">
      <c r="H341454" s="12"/>
    </row>
    <row r="341455" spans="8:8">
      <c r="H341455" s="12"/>
    </row>
    <row r="341456" spans="8:8">
      <c r="H341456" s="12"/>
    </row>
    <row r="341457" spans="8:8">
      <c r="H341457" s="12"/>
    </row>
    <row r="341458" spans="8:8">
      <c r="H341458" s="12"/>
    </row>
    <row r="341459" spans="8:8">
      <c r="H341459" s="12"/>
    </row>
    <row r="341460" spans="8:8">
      <c r="H341460" s="12"/>
    </row>
    <row r="341461" spans="8:8">
      <c r="H341461" s="12"/>
    </row>
    <row r="341462" spans="8:8">
      <c r="H341462" s="12"/>
    </row>
    <row r="341463" spans="8:8">
      <c r="H341463" s="12"/>
    </row>
    <row r="341464" spans="8:8">
      <c r="H341464" s="12"/>
    </row>
    <row r="341465" spans="8:8">
      <c r="H341465" s="12"/>
    </row>
    <row r="341466" spans="8:8">
      <c r="H341466" s="12"/>
    </row>
    <row r="341467" spans="8:8">
      <c r="H341467" s="12"/>
    </row>
    <row r="341468" spans="8:8">
      <c r="H341468" s="12"/>
    </row>
    <row r="341469" spans="8:8">
      <c r="H341469" s="12"/>
    </row>
    <row r="341470" spans="8:8">
      <c r="H341470" s="12"/>
    </row>
    <row r="341471" spans="8:8">
      <c r="H341471" s="12"/>
    </row>
    <row r="341472" spans="8:8">
      <c r="H341472" s="12"/>
    </row>
    <row r="341473" spans="8:8">
      <c r="H341473" s="12"/>
    </row>
    <row r="341474" spans="8:8">
      <c r="H341474" s="12"/>
    </row>
    <row r="341475" spans="8:8">
      <c r="H341475" s="12"/>
    </row>
    <row r="341476" spans="8:8">
      <c r="H341476" s="12"/>
    </row>
    <row r="341477" spans="8:8">
      <c r="H341477" s="12"/>
    </row>
    <row r="341478" spans="8:8">
      <c r="H341478" s="12"/>
    </row>
    <row r="341479" spans="8:8">
      <c r="H341479" s="12"/>
    </row>
    <row r="341480" spans="8:8">
      <c r="H341480" s="12"/>
    </row>
    <row r="341481" spans="8:8">
      <c r="H341481" s="12"/>
    </row>
    <row r="341482" spans="8:8">
      <c r="H341482" s="12"/>
    </row>
    <row r="341483" spans="8:8">
      <c r="H341483" s="12"/>
    </row>
    <row r="341484" spans="8:8">
      <c r="H341484" s="12"/>
    </row>
    <row r="341485" spans="8:8">
      <c r="H341485" s="12"/>
    </row>
    <row r="341486" spans="8:8">
      <c r="H341486" s="12"/>
    </row>
    <row r="341487" spans="8:8">
      <c r="H341487" s="12"/>
    </row>
    <row r="341488" spans="8:8">
      <c r="H341488" s="12"/>
    </row>
    <row r="341489" spans="8:8">
      <c r="H341489" s="12"/>
    </row>
    <row r="341490" spans="8:8">
      <c r="H341490" s="12"/>
    </row>
    <row r="341491" spans="8:8">
      <c r="H341491" s="12"/>
    </row>
    <row r="341492" spans="8:8">
      <c r="H341492" s="12"/>
    </row>
    <row r="341493" spans="8:8">
      <c r="H341493" s="12"/>
    </row>
    <row r="341494" spans="8:8">
      <c r="H341494" s="12"/>
    </row>
    <row r="341495" spans="8:8">
      <c r="H341495" s="12"/>
    </row>
    <row r="341496" spans="8:8">
      <c r="H341496" s="12"/>
    </row>
    <row r="341497" spans="8:8">
      <c r="H341497" s="12"/>
    </row>
    <row r="341498" spans="8:8">
      <c r="H341498" s="12"/>
    </row>
    <row r="341499" spans="8:8">
      <c r="H341499" s="12"/>
    </row>
    <row r="341500" spans="8:8">
      <c r="H341500" s="12"/>
    </row>
    <row r="341501" spans="8:8">
      <c r="H341501" s="12"/>
    </row>
    <row r="341502" spans="8:8">
      <c r="H341502" s="12"/>
    </row>
    <row r="341503" spans="8:8">
      <c r="H341503" s="12"/>
    </row>
    <row r="341504" spans="8:8">
      <c r="H341504" s="12"/>
    </row>
    <row r="341505" spans="8:8">
      <c r="H341505" s="12"/>
    </row>
    <row r="341506" spans="8:8">
      <c r="H341506" s="12"/>
    </row>
    <row r="341507" spans="8:8">
      <c r="H341507" s="12"/>
    </row>
    <row r="341508" spans="8:8">
      <c r="H341508" s="12"/>
    </row>
    <row r="341509" spans="8:8">
      <c r="H341509" s="12"/>
    </row>
    <row r="341510" spans="8:8">
      <c r="H341510" s="12"/>
    </row>
    <row r="341511" spans="8:8">
      <c r="H341511" s="12"/>
    </row>
    <row r="341512" spans="8:8">
      <c r="H341512" s="12"/>
    </row>
    <row r="341513" spans="8:8">
      <c r="H341513" s="12"/>
    </row>
    <row r="341514" spans="8:8">
      <c r="H341514" s="12"/>
    </row>
    <row r="341515" spans="8:8">
      <c r="H341515" s="12"/>
    </row>
    <row r="341516" spans="8:8">
      <c r="H341516" s="12"/>
    </row>
    <row r="341517" spans="8:8">
      <c r="H341517" s="12"/>
    </row>
    <row r="341518" spans="8:8">
      <c r="H341518" s="12"/>
    </row>
    <row r="341519" spans="8:8">
      <c r="H341519" s="12"/>
    </row>
    <row r="341520" spans="8:8">
      <c r="H341520" s="12"/>
    </row>
    <row r="341521" spans="8:8">
      <c r="H341521" s="12"/>
    </row>
    <row r="341522" spans="8:8">
      <c r="H341522" s="12"/>
    </row>
    <row r="341523" spans="8:8">
      <c r="H341523" s="12"/>
    </row>
    <row r="341524" spans="8:8">
      <c r="H341524" s="12"/>
    </row>
    <row r="341525" spans="8:8">
      <c r="H341525" s="12"/>
    </row>
    <row r="341526" spans="8:8">
      <c r="H341526" s="12"/>
    </row>
    <row r="341527" spans="8:8">
      <c r="H341527" s="12"/>
    </row>
    <row r="341528" spans="8:8">
      <c r="H341528" s="12"/>
    </row>
    <row r="341529" spans="8:8">
      <c r="H341529" s="12"/>
    </row>
    <row r="341530" spans="8:8">
      <c r="H341530" s="12"/>
    </row>
    <row r="341531" spans="8:8">
      <c r="H341531" s="12"/>
    </row>
    <row r="341532" spans="8:8">
      <c r="H341532" s="12"/>
    </row>
    <row r="341533" spans="8:8">
      <c r="H341533" s="12"/>
    </row>
    <row r="341534" spans="8:8">
      <c r="H341534" s="12"/>
    </row>
    <row r="341535" spans="8:8">
      <c r="H341535" s="12"/>
    </row>
    <row r="341536" spans="8:8">
      <c r="H341536" s="12"/>
    </row>
    <row r="341537" spans="8:8">
      <c r="H341537" s="12"/>
    </row>
    <row r="341538" spans="8:8">
      <c r="H341538" s="12"/>
    </row>
    <row r="341539" spans="8:8">
      <c r="H341539" s="12"/>
    </row>
    <row r="341540" spans="8:8">
      <c r="H341540" s="12"/>
    </row>
    <row r="341541" spans="8:8">
      <c r="H341541" s="12"/>
    </row>
    <row r="341542" spans="8:8">
      <c r="H341542" s="12"/>
    </row>
    <row r="341543" spans="8:8">
      <c r="H341543" s="12"/>
    </row>
    <row r="341544" spans="8:8">
      <c r="H341544" s="12"/>
    </row>
    <row r="341545" spans="8:8">
      <c r="H341545" s="12"/>
    </row>
    <row r="341546" spans="8:8">
      <c r="H341546" s="12"/>
    </row>
    <row r="341547" spans="8:8">
      <c r="H341547" s="12"/>
    </row>
    <row r="341548" spans="8:8">
      <c r="H341548" s="12"/>
    </row>
    <row r="341549" spans="8:8">
      <c r="H341549" s="12"/>
    </row>
    <row r="341550" spans="8:8">
      <c r="H341550" s="12"/>
    </row>
    <row r="341551" spans="8:8">
      <c r="H341551" s="12"/>
    </row>
    <row r="341552" spans="8:8">
      <c r="H341552" s="12"/>
    </row>
    <row r="341553" spans="8:8">
      <c r="H341553" s="12"/>
    </row>
    <row r="341554" spans="8:8">
      <c r="H341554" s="12"/>
    </row>
    <row r="341555" spans="8:8">
      <c r="H341555" s="12"/>
    </row>
    <row r="341556" spans="8:8">
      <c r="H341556" s="12"/>
    </row>
    <row r="341557" spans="8:8">
      <c r="H341557" s="12"/>
    </row>
    <row r="341558" spans="8:8">
      <c r="H341558" s="12"/>
    </row>
    <row r="341559" spans="8:8">
      <c r="H341559" s="12"/>
    </row>
    <row r="341560" spans="8:8">
      <c r="H341560" s="12"/>
    </row>
    <row r="341561" spans="8:8">
      <c r="H341561" s="12"/>
    </row>
    <row r="341562" spans="8:8">
      <c r="H341562" s="12"/>
    </row>
    <row r="341563" spans="8:8">
      <c r="H341563" s="12"/>
    </row>
    <row r="341564" spans="8:8">
      <c r="H341564" s="12"/>
    </row>
    <row r="341565" spans="8:8">
      <c r="H341565" s="12"/>
    </row>
    <row r="341566" spans="8:8">
      <c r="H341566" s="12"/>
    </row>
    <row r="341567" spans="8:8">
      <c r="H341567" s="12"/>
    </row>
    <row r="341568" spans="8:8">
      <c r="H341568" s="12"/>
    </row>
    <row r="341569" spans="8:8">
      <c r="H341569" s="12"/>
    </row>
    <row r="341570" spans="8:8">
      <c r="H341570" s="12"/>
    </row>
    <row r="341571" spans="8:8">
      <c r="H341571" s="12"/>
    </row>
    <row r="341572" spans="8:8">
      <c r="H341572" s="12"/>
    </row>
    <row r="341573" spans="8:8">
      <c r="H341573" s="12"/>
    </row>
    <row r="341574" spans="8:8">
      <c r="H341574" s="12"/>
    </row>
    <row r="341575" spans="8:8">
      <c r="H341575" s="12"/>
    </row>
    <row r="341576" spans="8:8">
      <c r="H341576" s="12"/>
    </row>
    <row r="341577" spans="8:8">
      <c r="H341577" s="12"/>
    </row>
    <row r="341578" spans="8:8">
      <c r="H341578" s="12"/>
    </row>
    <row r="341579" spans="8:8">
      <c r="H341579" s="12"/>
    </row>
    <row r="341580" spans="8:8">
      <c r="H341580" s="12"/>
    </row>
    <row r="341581" spans="8:8">
      <c r="H341581" s="12"/>
    </row>
    <row r="341582" spans="8:8">
      <c r="H341582" s="12"/>
    </row>
    <row r="341583" spans="8:8">
      <c r="H341583" s="12"/>
    </row>
    <row r="341584" spans="8:8">
      <c r="H341584" s="12"/>
    </row>
    <row r="341585" spans="8:8">
      <c r="H341585" s="12"/>
    </row>
    <row r="341586" spans="8:8">
      <c r="H341586" s="12"/>
    </row>
    <row r="341587" spans="8:8">
      <c r="H341587" s="12"/>
    </row>
    <row r="341588" spans="8:8">
      <c r="H341588" s="12"/>
    </row>
    <row r="341589" spans="8:8">
      <c r="H341589" s="12"/>
    </row>
    <row r="341590" spans="8:8">
      <c r="H341590" s="12"/>
    </row>
    <row r="341591" spans="8:8">
      <c r="H341591" s="12"/>
    </row>
    <row r="341592" spans="8:8">
      <c r="H341592" s="12"/>
    </row>
    <row r="341593" spans="8:8">
      <c r="H341593" s="12"/>
    </row>
    <row r="341594" spans="8:8">
      <c r="H341594" s="12"/>
    </row>
    <row r="341595" spans="8:8">
      <c r="H341595" s="12"/>
    </row>
    <row r="341596" spans="8:8">
      <c r="H341596" s="12"/>
    </row>
    <row r="341597" spans="8:8">
      <c r="H341597" s="12"/>
    </row>
    <row r="341598" spans="8:8">
      <c r="H341598" s="12"/>
    </row>
    <row r="341599" spans="8:8">
      <c r="H341599" s="12"/>
    </row>
    <row r="341600" spans="8:8">
      <c r="H341600" s="12"/>
    </row>
    <row r="341601" spans="8:8">
      <c r="H341601" s="12"/>
    </row>
    <row r="341602" spans="8:8">
      <c r="H341602" s="12"/>
    </row>
    <row r="341603" spans="8:8">
      <c r="H341603" s="12"/>
    </row>
    <row r="341604" spans="8:8">
      <c r="H341604" s="12"/>
    </row>
    <row r="341605" spans="8:8">
      <c r="H341605" s="12"/>
    </row>
    <row r="341606" spans="8:8">
      <c r="H341606" s="12"/>
    </row>
    <row r="341607" spans="8:8">
      <c r="H341607" s="12"/>
    </row>
    <row r="341608" spans="8:8">
      <c r="H341608" s="12"/>
    </row>
    <row r="341609" spans="8:8">
      <c r="H341609" s="12"/>
    </row>
    <row r="341610" spans="8:8">
      <c r="H341610" s="12"/>
    </row>
    <row r="341611" spans="8:8">
      <c r="H341611" s="12"/>
    </row>
    <row r="341612" spans="8:8">
      <c r="H341612" s="12"/>
    </row>
    <row r="341613" spans="8:8">
      <c r="H341613" s="12"/>
    </row>
    <row r="341614" spans="8:8">
      <c r="H341614" s="12"/>
    </row>
    <row r="341615" spans="8:8">
      <c r="H341615" s="12"/>
    </row>
    <row r="341616" spans="8:8">
      <c r="H341616" s="12"/>
    </row>
    <row r="341617" spans="8:8">
      <c r="H341617" s="12"/>
    </row>
    <row r="341618" spans="8:8">
      <c r="H341618" s="12"/>
    </row>
    <row r="341619" spans="8:8">
      <c r="H341619" s="12"/>
    </row>
    <row r="341620" spans="8:8">
      <c r="H341620" s="12"/>
    </row>
    <row r="341621" spans="8:8">
      <c r="H341621" s="12"/>
    </row>
    <row r="341622" spans="8:8">
      <c r="H341622" s="12"/>
    </row>
    <row r="341623" spans="8:8">
      <c r="H341623" s="12"/>
    </row>
    <row r="341624" spans="8:8">
      <c r="H341624" s="12"/>
    </row>
    <row r="341625" spans="8:8">
      <c r="H341625" s="12"/>
    </row>
    <row r="341626" spans="8:8">
      <c r="H341626" s="12"/>
    </row>
    <row r="341627" spans="8:8">
      <c r="H341627" s="12"/>
    </row>
    <row r="341628" spans="8:8">
      <c r="H341628" s="12"/>
    </row>
    <row r="341629" spans="8:8">
      <c r="H341629" s="12"/>
    </row>
    <row r="341630" spans="8:8">
      <c r="H341630" s="12"/>
    </row>
    <row r="341631" spans="8:8">
      <c r="H341631" s="12"/>
    </row>
    <row r="341632" spans="8:8">
      <c r="H341632" s="12"/>
    </row>
    <row r="341633" spans="8:8">
      <c r="H341633" s="12"/>
    </row>
    <row r="341634" spans="8:8">
      <c r="H341634" s="12"/>
    </row>
    <row r="341635" spans="8:8">
      <c r="H341635" s="12"/>
    </row>
    <row r="341636" spans="8:8">
      <c r="H341636" s="12"/>
    </row>
    <row r="341637" spans="8:8">
      <c r="H341637" s="12"/>
    </row>
    <row r="341638" spans="8:8">
      <c r="H341638" s="12"/>
    </row>
    <row r="341639" spans="8:8">
      <c r="H341639" s="12"/>
    </row>
    <row r="341640" spans="8:8">
      <c r="H341640" s="12"/>
    </row>
    <row r="341641" spans="8:8">
      <c r="H341641" s="12"/>
    </row>
    <row r="341642" spans="8:8">
      <c r="H341642" s="12"/>
    </row>
    <row r="341643" spans="8:8">
      <c r="H341643" s="12"/>
    </row>
    <row r="341644" spans="8:8">
      <c r="H341644" s="12"/>
    </row>
    <row r="341645" spans="8:8">
      <c r="H341645" s="12"/>
    </row>
    <row r="341646" spans="8:8">
      <c r="H341646" s="12"/>
    </row>
    <row r="341647" spans="8:8">
      <c r="H341647" s="12"/>
    </row>
    <row r="341648" spans="8:8">
      <c r="H341648" s="12"/>
    </row>
    <row r="341649" spans="8:8">
      <c r="H341649" s="12"/>
    </row>
    <row r="341650" spans="8:8">
      <c r="H341650" s="12"/>
    </row>
    <row r="341651" spans="8:8">
      <c r="H341651" s="12"/>
    </row>
    <row r="341652" spans="8:8">
      <c r="H341652" s="12"/>
    </row>
    <row r="341653" spans="8:8">
      <c r="H341653" s="12"/>
    </row>
    <row r="341654" spans="8:8">
      <c r="H341654" s="12"/>
    </row>
    <row r="341655" spans="8:8">
      <c r="H341655" s="12"/>
    </row>
    <row r="341656" spans="8:8">
      <c r="H341656" s="12"/>
    </row>
    <row r="341657" spans="8:8">
      <c r="H341657" s="12"/>
    </row>
    <row r="341658" spans="8:8">
      <c r="H341658" s="12"/>
    </row>
    <row r="341659" spans="8:8">
      <c r="H341659" s="12"/>
    </row>
    <row r="341660" spans="8:8">
      <c r="H341660" s="12"/>
    </row>
    <row r="341661" spans="8:8">
      <c r="H341661" s="12"/>
    </row>
    <row r="341662" spans="8:8">
      <c r="H341662" s="12"/>
    </row>
    <row r="341663" spans="8:8">
      <c r="H341663" s="12"/>
    </row>
    <row r="341664" spans="8:8">
      <c r="H341664" s="12"/>
    </row>
    <row r="341665" spans="8:8">
      <c r="H341665" s="12"/>
    </row>
    <row r="341666" spans="8:8">
      <c r="H341666" s="12"/>
    </row>
    <row r="341667" spans="8:8">
      <c r="H341667" s="12"/>
    </row>
    <row r="341668" spans="8:8">
      <c r="H341668" s="12"/>
    </row>
    <row r="341669" spans="8:8">
      <c r="H341669" s="12"/>
    </row>
    <row r="341670" spans="8:8">
      <c r="H341670" s="12"/>
    </row>
    <row r="341671" spans="8:8">
      <c r="H341671" s="12"/>
    </row>
    <row r="341672" spans="8:8">
      <c r="H341672" s="12"/>
    </row>
    <row r="341673" spans="8:8">
      <c r="H341673" s="12"/>
    </row>
    <row r="341674" spans="8:8">
      <c r="H341674" s="12"/>
    </row>
    <row r="341675" spans="8:8">
      <c r="H341675" s="12"/>
    </row>
    <row r="341676" spans="8:8">
      <c r="H341676" s="12"/>
    </row>
    <row r="341677" spans="8:8">
      <c r="H341677" s="12"/>
    </row>
    <row r="341678" spans="8:8">
      <c r="H341678" s="12"/>
    </row>
    <row r="341679" spans="8:8">
      <c r="H341679" s="12"/>
    </row>
    <row r="341680" spans="8:8">
      <c r="H341680" s="12"/>
    </row>
    <row r="341681" spans="8:8">
      <c r="H341681" s="12"/>
    </row>
    <row r="341682" spans="8:8">
      <c r="H341682" s="12"/>
    </row>
    <row r="341683" spans="8:8">
      <c r="H341683" s="12"/>
    </row>
    <row r="341684" spans="8:8">
      <c r="H341684" s="12"/>
    </row>
    <row r="341685" spans="8:8">
      <c r="H341685" s="12"/>
    </row>
    <row r="341686" spans="8:8">
      <c r="H341686" s="12"/>
    </row>
    <row r="341687" spans="8:8">
      <c r="H341687" s="12"/>
    </row>
    <row r="341688" spans="8:8">
      <c r="H341688" s="12"/>
    </row>
    <row r="341689" spans="8:8">
      <c r="H341689" s="12"/>
    </row>
    <row r="341690" spans="8:8">
      <c r="H341690" s="12"/>
    </row>
    <row r="341691" spans="8:8">
      <c r="H341691" s="12"/>
    </row>
    <row r="341692" spans="8:8">
      <c r="H341692" s="12"/>
    </row>
    <row r="341693" spans="8:8">
      <c r="H341693" s="12"/>
    </row>
    <row r="341694" spans="8:8">
      <c r="H341694" s="12"/>
    </row>
    <row r="341695" spans="8:8">
      <c r="H341695" s="12"/>
    </row>
    <row r="341696" spans="8:8">
      <c r="H341696" s="12"/>
    </row>
    <row r="341697" spans="8:8">
      <c r="H341697" s="12"/>
    </row>
    <row r="341698" spans="8:8">
      <c r="H341698" s="12"/>
    </row>
    <row r="341699" spans="8:8">
      <c r="H341699" s="12"/>
    </row>
    <row r="341700" spans="8:8">
      <c r="H341700" s="12"/>
    </row>
    <row r="341701" spans="8:8">
      <c r="H341701" s="12"/>
    </row>
    <row r="341702" spans="8:8">
      <c r="H341702" s="12"/>
    </row>
    <row r="341703" spans="8:8">
      <c r="H341703" s="12"/>
    </row>
    <row r="341704" spans="8:8">
      <c r="H341704" s="12"/>
    </row>
    <row r="341705" spans="8:8">
      <c r="H341705" s="12"/>
    </row>
    <row r="341706" spans="8:8">
      <c r="H341706" s="12"/>
    </row>
    <row r="341707" spans="8:8">
      <c r="H341707" s="12"/>
    </row>
    <row r="341708" spans="8:8">
      <c r="H341708" s="12"/>
    </row>
    <row r="341709" spans="8:8">
      <c r="H341709" s="12"/>
    </row>
    <row r="341710" spans="8:8">
      <c r="H341710" s="12"/>
    </row>
    <row r="341711" spans="8:8">
      <c r="H341711" s="12"/>
    </row>
    <row r="341712" spans="8:8">
      <c r="H341712" s="12"/>
    </row>
    <row r="341713" spans="8:8">
      <c r="H341713" s="12"/>
    </row>
    <row r="341714" spans="8:8">
      <c r="H341714" s="12"/>
    </row>
    <row r="341715" spans="8:8">
      <c r="H341715" s="12"/>
    </row>
    <row r="341716" spans="8:8">
      <c r="H341716" s="12"/>
    </row>
    <row r="341717" spans="8:8">
      <c r="H341717" s="12"/>
    </row>
    <row r="341718" spans="8:8">
      <c r="H341718" s="12"/>
    </row>
    <row r="341719" spans="8:8">
      <c r="H341719" s="12"/>
    </row>
    <row r="341720" spans="8:8">
      <c r="H341720" s="12"/>
    </row>
    <row r="341721" spans="8:8">
      <c r="H341721" s="12"/>
    </row>
    <row r="341722" spans="8:8">
      <c r="H341722" s="12"/>
    </row>
    <row r="341723" spans="8:8">
      <c r="H341723" s="12"/>
    </row>
    <row r="341724" spans="8:8">
      <c r="H341724" s="12"/>
    </row>
    <row r="341725" spans="8:8">
      <c r="H341725" s="12"/>
    </row>
    <row r="341726" spans="8:8">
      <c r="H341726" s="12"/>
    </row>
    <row r="341727" spans="8:8">
      <c r="H341727" s="12"/>
    </row>
    <row r="341728" spans="8:8">
      <c r="H341728" s="12"/>
    </row>
    <row r="341729" spans="8:8">
      <c r="H341729" s="12"/>
    </row>
    <row r="341730" spans="8:8">
      <c r="H341730" s="12"/>
    </row>
    <row r="341731" spans="8:8">
      <c r="H341731" s="12"/>
    </row>
    <row r="341732" spans="8:8">
      <c r="H341732" s="12"/>
    </row>
    <row r="341733" spans="8:8">
      <c r="H341733" s="12"/>
    </row>
    <row r="341734" spans="8:8">
      <c r="H341734" s="12"/>
    </row>
    <row r="341735" spans="8:8">
      <c r="H341735" s="12"/>
    </row>
    <row r="341736" spans="8:8">
      <c r="H341736" s="12"/>
    </row>
    <row r="341737" spans="8:8">
      <c r="H341737" s="12"/>
    </row>
    <row r="341738" spans="8:8">
      <c r="H341738" s="12"/>
    </row>
    <row r="341739" spans="8:8">
      <c r="H341739" s="12"/>
    </row>
    <row r="341740" spans="8:8">
      <c r="H341740" s="12"/>
    </row>
    <row r="341741" spans="8:8">
      <c r="H341741" s="12"/>
    </row>
    <row r="341742" spans="8:8">
      <c r="H341742" s="12"/>
    </row>
    <row r="341743" spans="8:8">
      <c r="H341743" s="12"/>
    </row>
    <row r="341744" spans="8:8">
      <c r="H341744" s="12"/>
    </row>
    <row r="341745" spans="8:8">
      <c r="H341745" s="12"/>
    </row>
    <row r="341746" spans="8:8">
      <c r="H341746" s="12"/>
    </row>
    <row r="341747" spans="8:8">
      <c r="H341747" s="12"/>
    </row>
    <row r="341748" spans="8:8">
      <c r="H341748" s="12"/>
    </row>
    <row r="341749" spans="8:8">
      <c r="H341749" s="12"/>
    </row>
    <row r="341750" spans="8:8">
      <c r="H341750" s="12"/>
    </row>
    <row r="341751" spans="8:8">
      <c r="H341751" s="12"/>
    </row>
    <row r="341752" spans="8:8">
      <c r="H341752" s="12"/>
    </row>
    <row r="341753" spans="8:8">
      <c r="H341753" s="12"/>
    </row>
    <row r="341754" spans="8:8">
      <c r="H341754" s="12"/>
    </row>
    <row r="341755" spans="8:8">
      <c r="H341755" s="12"/>
    </row>
    <row r="341756" spans="8:8">
      <c r="H341756" s="12"/>
    </row>
    <row r="341757" spans="8:8">
      <c r="H341757" s="12"/>
    </row>
    <row r="341758" spans="8:8">
      <c r="H341758" s="12"/>
    </row>
    <row r="341759" spans="8:8">
      <c r="H341759" s="12"/>
    </row>
    <row r="341760" spans="8:8">
      <c r="H341760" s="12"/>
    </row>
    <row r="341761" spans="8:8">
      <c r="H341761" s="12"/>
    </row>
    <row r="341762" spans="8:8">
      <c r="H341762" s="12"/>
    </row>
    <row r="341763" spans="8:8">
      <c r="H341763" s="12"/>
    </row>
    <row r="341764" spans="8:8">
      <c r="H341764" s="12"/>
    </row>
    <row r="341765" spans="8:8">
      <c r="H341765" s="12"/>
    </row>
    <row r="341766" spans="8:8">
      <c r="H341766" s="12"/>
    </row>
    <row r="341767" spans="8:8">
      <c r="H341767" s="12"/>
    </row>
    <row r="341768" spans="8:8">
      <c r="H341768" s="12"/>
    </row>
    <row r="341769" spans="8:8">
      <c r="H341769" s="12"/>
    </row>
    <row r="341770" spans="8:8">
      <c r="H341770" s="12"/>
    </row>
    <row r="341771" spans="8:8">
      <c r="H341771" s="12"/>
    </row>
    <row r="341772" spans="8:8">
      <c r="H341772" s="12"/>
    </row>
    <row r="341773" spans="8:8">
      <c r="H341773" s="12"/>
    </row>
    <row r="341774" spans="8:8">
      <c r="H341774" s="12"/>
    </row>
    <row r="341775" spans="8:8">
      <c r="H341775" s="12"/>
    </row>
    <row r="341776" spans="8:8">
      <c r="H341776" s="12"/>
    </row>
    <row r="341777" spans="8:8">
      <c r="H341777" s="12"/>
    </row>
    <row r="341778" spans="8:8">
      <c r="H341778" s="12"/>
    </row>
    <row r="341779" spans="8:8">
      <c r="H341779" s="12"/>
    </row>
    <row r="341780" spans="8:8">
      <c r="H341780" s="12"/>
    </row>
    <row r="341781" spans="8:8">
      <c r="H341781" s="12"/>
    </row>
    <row r="341782" spans="8:8">
      <c r="H341782" s="12"/>
    </row>
    <row r="341783" spans="8:8">
      <c r="H341783" s="12"/>
    </row>
    <row r="341784" spans="8:8">
      <c r="H341784" s="12"/>
    </row>
    <row r="341785" spans="8:8">
      <c r="H341785" s="12"/>
    </row>
    <row r="341786" spans="8:8">
      <c r="H341786" s="12"/>
    </row>
    <row r="341787" spans="8:8">
      <c r="H341787" s="12"/>
    </row>
    <row r="341788" spans="8:8">
      <c r="H341788" s="12"/>
    </row>
    <row r="341789" spans="8:8">
      <c r="H341789" s="12"/>
    </row>
    <row r="341790" spans="8:8">
      <c r="H341790" s="12"/>
    </row>
    <row r="341791" spans="8:8">
      <c r="H341791" s="12"/>
    </row>
    <row r="341792" spans="8:8">
      <c r="H341792" s="12"/>
    </row>
    <row r="341793" spans="8:8">
      <c r="H341793" s="12"/>
    </row>
    <row r="341794" spans="8:8">
      <c r="H341794" s="12"/>
    </row>
    <row r="341795" spans="8:8">
      <c r="H341795" s="12"/>
    </row>
    <row r="341796" spans="8:8">
      <c r="H341796" s="12"/>
    </row>
    <row r="341797" spans="8:8">
      <c r="H341797" s="12"/>
    </row>
    <row r="341798" spans="8:8">
      <c r="H341798" s="12"/>
    </row>
    <row r="341799" spans="8:8">
      <c r="H341799" s="12"/>
    </row>
    <row r="341800" spans="8:8">
      <c r="H341800" s="12"/>
    </row>
    <row r="341801" spans="8:8">
      <c r="H341801" s="12"/>
    </row>
    <row r="341802" spans="8:8">
      <c r="H341802" s="12"/>
    </row>
    <row r="341803" spans="8:8">
      <c r="H341803" s="12"/>
    </row>
    <row r="341804" spans="8:8">
      <c r="H341804" s="12"/>
    </row>
    <row r="341805" spans="8:8">
      <c r="H341805" s="12"/>
    </row>
    <row r="341806" spans="8:8">
      <c r="H341806" s="12"/>
    </row>
    <row r="341807" spans="8:8">
      <c r="H341807" s="12"/>
    </row>
    <row r="341808" spans="8:8">
      <c r="H341808" s="12"/>
    </row>
    <row r="341809" spans="8:8">
      <c r="H341809" s="12"/>
    </row>
    <row r="341810" spans="8:8">
      <c r="H341810" s="12"/>
    </row>
    <row r="341811" spans="8:8">
      <c r="H341811" s="12"/>
    </row>
    <row r="341812" spans="8:8">
      <c r="H341812" s="12"/>
    </row>
    <row r="341813" spans="8:8">
      <c r="H341813" s="12"/>
    </row>
    <row r="341814" spans="8:8">
      <c r="H341814" s="12"/>
    </row>
    <row r="341815" spans="8:8">
      <c r="H341815" s="12"/>
    </row>
    <row r="341816" spans="8:8">
      <c r="H341816" s="12"/>
    </row>
    <row r="341817" spans="8:8">
      <c r="H341817" s="12"/>
    </row>
    <row r="341818" spans="8:8">
      <c r="H341818" s="12"/>
    </row>
    <row r="341819" spans="8:8">
      <c r="H341819" s="12"/>
    </row>
    <row r="341820" spans="8:8">
      <c r="H341820" s="12"/>
    </row>
    <row r="341821" spans="8:8">
      <c r="H341821" s="12"/>
    </row>
    <row r="341822" spans="8:8">
      <c r="H341822" s="12"/>
    </row>
    <row r="341823" spans="8:8">
      <c r="H341823" s="12"/>
    </row>
    <row r="341824" spans="8:8">
      <c r="H341824" s="12"/>
    </row>
    <row r="341825" spans="8:8">
      <c r="H341825" s="12"/>
    </row>
    <row r="341826" spans="8:8">
      <c r="H341826" s="12"/>
    </row>
    <row r="341827" spans="8:8">
      <c r="H341827" s="12"/>
    </row>
    <row r="341828" spans="8:8">
      <c r="H341828" s="12"/>
    </row>
    <row r="341829" spans="8:8">
      <c r="H341829" s="12"/>
    </row>
    <row r="341830" spans="8:8">
      <c r="H341830" s="12"/>
    </row>
    <row r="341831" spans="8:8">
      <c r="H341831" s="12"/>
    </row>
    <row r="341832" spans="8:8">
      <c r="H341832" s="12"/>
    </row>
    <row r="341833" spans="8:8">
      <c r="H341833" s="12"/>
    </row>
    <row r="341834" spans="8:8">
      <c r="H341834" s="12"/>
    </row>
    <row r="341835" spans="8:8">
      <c r="H341835" s="12"/>
    </row>
    <row r="341836" spans="8:8">
      <c r="H341836" s="12"/>
    </row>
    <row r="341837" spans="8:8">
      <c r="H341837" s="12"/>
    </row>
    <row r="341838" spans="8:8">
      <c r="H341838" s="12"/>
    </row>
    <row r="341839" spans="8:8">
      <c r="H341839" s="12"/>
    </row>
    <row r="341840" spans="8:8">
      <c r="H341840" s="12"/>
    </row>
    <row r="341841" spans="8:8">
      <c r="H341841" s="12"/>
    </row>
    <row r="341842" spans="8:8">
      <c r="H341842" s="12"/>
    </row>
    <row r="341843" spans="8:8">
      <c r="H341843" s="12"/>
    </row>
    <row r="341844" spans="8:8">
      <c r="H341844" s="12"/>
    </row>
    <row r="341845" spans="8:8">
      <c r="H341845" s="12"/>
    </row>
    <row r="341846" spans="8:8">
      <c r="H341846" s="12"/>
    </row>
    <row r="341847" spans="8:8">
      <c r="H341847" s="12"/>
    </row>
    <row r="341848" spans="8:8">
      <c r="H341848" s="12"/>
    </row>
    <row r="341849" spans="8:8">
      <c r="H341849" s="12"/>
    </row>
    <row r="341850" spans="8:8">
      <c r="H341850" s="12"/>
    </row>
    <row r="341851" spans="8:8">
      <c r="H341851" s="12"/>
    </row>
    <row r="341852" spans="8:8">
      <c r="H341852" s="12"/>
    </row>
    <row r="341853" spans="8:8">
      <c r="H341853" s="12"/>
    </row>
    <row r="341854" spans="8:8">
      <c r="H341854" s="12"/>
    </row>
    <row r="341855" spans="8:8">
      <c r="H341855" s="12"/>
    </row>
    <row r="341856" spans="8:8">
      <c r="H341856" s="12"/>
    </row>
    <row r="341857" spans="8:8">
      <c r="H341857" s="12"/>
    </row>
    <row r="341858" spans="8:8">
      <c r="H341858" s="12"/>
    </row>
    <row r="341859" spans="8:8">
      <c r="H341859" s="12"/>
    </row>
    <row r="341860" spans="8:8">
      <c r="H341860" s="12"/>
    </row>
    <row r="341861" spans="8:8">
      <c r="H341861" s="12"/>
    </row>
    <row r="341862" spans="8:8">
      <c r="H341862" s="12"/>
    </row>
    <row r="341863" spans="8:8">
      <c r="H341863" s="12"/>
    </row>
    <row r="341864" spans="8:8">
      <c r="H341864" s="12"/>
    </row>
    <row r="341865" spans="8:8">
      <c r="H341865" s="12"/>
    </row>
    <row r="341866" spans="8:8">
      <c r="H341866" s="12"/>
    </row>
    <row r="341867" spans="8:8">
      <c r="H341867" s="12"/>
    </row>
    <row r="341868" spans="8:8">
      <c r="H341868" s="12"/>
    </row>
    <row r="341869" spans="8:8">
      <c r="H341869" s="12"/>
    </row>
    <row r="341870" spans="8:8">
      <c r="H341870" s="12"/>
    </row>
    <row r="341871" spans="8:8">
      <c r="H341871" s="12"/>
    </row>
    <row r="341872" spans="8:8">
      <c r="H341872" s="12"/>
    </row>
    <row r="341873" spans="8:8">
      <c r="H341873" s="12"/>
    </row>
    <row r="341874" spans="8:8">
      <c r="H341874" s="12"/>
    </row>
    <row r="341875" spans="8:8">
      <c r="H341875" s="12"/>
    </row>
    <row r="341876" spans="8:8">
      <c r="H341876" s="12"/>
    </row>
    <row r="341877" spans="8:8">
      <c r="H341877" s="12"/>
    </row>
    <row r="341878" spans="8:8">
      <c r="H341878" s="12"/>
    </row>
    <row r="341879" spans="8:8">
      <c r="H341879" s="12"/>
    </row>
    <row r="341880" spans="8:8">
      <c r="H341880" s="12"/>
    </row>
    <row r="341881" spans="8:8">
      <c r="H341881" s="12"/>
    </row>
    <row r="341882" spans="8:8">
      <c r="H341882" s="12"/>
    </row>
    <row r="341883" spans="8:8">
      <c r="H341883" s="12"/>
    </row>
    <row r="341884" spans="8:8">
      <c r="H341884" s="12"/>
    </row>
    <row r="341885" spans="8:8">
      <c r="H341885" s="12"/>
    </row>
    <row r="341886" spans="8:8">
      <c r="H341886" s="12"/>
    </row>
    <row r="341887" spans="8:8">
      <c r="H341887" s="12"/>
    </row>
    <row r="341888" spans="8:8">
      <c r="H341888" s="12"/>
    </row>
    <row r="341889" spans="8:8">
      <c r="H341889" s="12"/>
    </row>
    <row r="341890" spans="8:8">
      <c r="H341890" s="12"/>
    </row>
    <row r="341891" spans="8:8">
      <c r="H341891" s="12"/>
    </row>
    <row r="341892" spans="8:8">
      <c r="H341892" s="12"/>
    </row>
    <row r="341893" spans="8:8">
      <c r="H341893" s="12"/>
    </row>
    <row r="341894" spans="8:8">
      <c r="H341894" s="12"/>
    </row>
    <row r="341895" spans="8:8">
      <c r="H341895" s="12"/>
    </row>
    <row r="341896" spans="8:8">
      <c r="H341896" s="12"/>
    </row>
    <row r="341897" spans="8:8">
      <c r="H341897" s="12"/>
    </row>
    <row r="341898" spans="8:8">
      <c r="H341898" s="12"/>
    </row>
    <row r="341899" spans="8:8">
      <c r="H341899" s="12"/>
    </row>
    <row r="341900" spans="8:8">
      <c r="H341900" s="12"/>
    </row>
    <row r="341901" spans="8:8">
      <c r="H341901" s="12"/>
    </row>
    <row r="341902" spans="8:8">
      <c r="H341902" s="12"/>
    </row>
    <row r="341903" spans="8:8">
      <c r="H341903" s="12"/>
    </row>
    <row r="341904" spans="8:8">
      <c r="H341904" s="12"/>
    </row>
    <row r="341905" spans="8:8">
      <c r="H341905" s="12"/>
    </row>
    <row r="341906" spans="8:8">
      <c r="H341906" s="12"/>
    </row>
    <row r="341907" spans="8:8">
      <c r="H341907" s="12"/>
    </row>
    <row r="341908" spans="8:8">
      <c r="H341908" s="12"/>
    </row>
    <row r="341909" spans="8:8">
      <c r="H341909" s="12"/>
    </row>
    <row r="341910" spans="8:8">
      <c r="H341910" s="12"/>
    </row>
    <row r="341911" spans="8:8">
      <c r="H341911" s="12"/>
    </row>
    <row r="341912" spans="8:8">
      <c r="H341912" s="12"/>
    </row>
    <row r="341913" spans="8:8">
      <c r="H341913" s="12"/>
    </row>
    <row r="341914" spans="8:8">
      <c r="H341914" s="12"/>
    </row>
    <row r="341915" spans="8:8">
      <c r="H341915" s="12"/>
    </row>
    <row r="341916" spans="8:8">
      <c r="H341916" s="12"/>
    </row>
    <row r="341917" spans="8:8">
      <c r="H341917" s="12"/>
    </row>
    <row r="341918" spans="8:8">
      <c r="H341918" s="12"/>
    </row>
    <row r="341919" spans="8:8">
      <c r="H341919" s="12"/>
    </row>
    <row r="341920" spans="8:8">
      <c r="H341920" s="12"/>
    </row>
    <row r="341921" spans="8:8">
      <c r="H341921" s="12"/>
    </row>
    <row r="341922" spans="8:8">
      <c r="H341922" s="12"/>
    </row>
    <row r="341923" spans="8:8">
      <c r="H341923" s="12"/>
    </row>
    <row r="341924" spans="8:8">
      <c r="H341924" s="12"/>
    </row>
    <row r="341925" spans="8:8">
      <c r="H341925" s="12"/>
    </row>
    <row r="341926" spans="8:8">
      <c r="H341926" s="12"/>
    </row>
    <row r="341927" spans="8:8">
      <c r="H341927" s="12"/>
    </row>
    <row r="341928" spans="8:8">
      <c r="H341928" s="12"/>
    </row>
    <row r="341929" spans="8:8">
      <c r="H341929" s="12"/>
    </row>
    <row r="341930" spans="8:8">
      <c r="H341930" s="12"/>
    </row>
    <row r="341931" spans="8:8">
      <c r="H341931" s="12"/>
    </row>
    <row r="341932" spans="8:8">
      <c r="H341932" s="12"/>
    </row>
    <row r="341933" spans="8:8">
      <c r="H341933" s="12"/>
    </row>
    <row r="341934" spans="8:8">
      <c r="H341934" s="12"/>
    </row>
    <row r="341935" spans="8:8">
      <c r="H341935" s="12"/>
    </row>
    <row r="341936" spans="8:8">
      <c r="H341936" s="12"/>
    </row>
    <row r="341937" spans="8:8">
      <c r="H341937" s="12"/>
    </row>
    <row r="341938" spans="8:8">
      <c r="H341938" s="12"/>
    </row>
    <row r="341939" spans="8:8">
      <c r="H341939" s="12"/>
    </row>
    <row r="341940" spans="8:8">
      <c r="H341940" s="12"/>
    </row>
    <row r="341941" spans="8:8">
      <c r="H341941" s="12"/>
    </row>
    <row r="341942" spans="8:8">
      <c r="H341942" s="12"/>
    </row>
    <row r="341943" spans="8:8">
      <c r="H341943" s="12"/>
    </row>
    <row r="341944" spans="8:8">
      <c r="H341944" s="12"/>
    </row>
    <row r="341945" spans="8:8">
      <c r="H341945" s="12"/>
    </row>
    <row r="341946" spans="8:8">
      <c r="H341946" s="12"/>
    </row>
    <row r="341947" spans="8:8">
      <c r="H341947" s="12"/>
    </row>
    <row r="341948" spans="8:8">
      <c r="H341948" s="12"/>
    </row>
    <row r="341949" spans="8:8">
      <c r="H341949" s="12"/>
    </row>
    <row r="341950" spans="8:8">
      <c r="H341950" s="12"/>
    </row>
    <row r="341951" spans="8:8">
      <c r="H341951" s="12"/>
    </row>
    <row r="341952" spans="8:8">
      <c r="H341952" s="12"/>
    </row>
    <row r="341953" spans="8:8">
      <c r="H341953" s="12"/>
    </row>
    <row r="341954" spans="8:8">
      <c r="H341954" s="12"/>
    </row>
    <row r="341955" spans="8:8">
      <c r="H341955" s="12"/>
    </row>
    <row r="341956" spans="8:8">
      <c r="H341956" s="12"/>
    </row>
    <row r="341957" spans="8:8">
      <c r="H341957" s="12"/>
    </row>
    <row r="341958" spans="8:8">
      <c r="H341958" s="12"/>
    </row>
    <row r="341959" spans="8:8">
      <c r="H341959" s="12"/>
    </row>
    <row r="341960" spans="8:8">
      <c r="H341960" s="12"/>
    </row>
    <row r="341961" spans="8:8">
      <c r="H341961" s="12"/>
    </row>
    <row r="341962" spans="8:8">
      <c r="H341962" s="12"/>
    </row>
    <row r="341963" spans="8:8">
      <c r="H341963" s="12"/>
    </row>
    <row r="341964" spans="8:8">
      <c r="H341964" s="12"/>
    </row>
    <row r="341965" spans="8:8">
      <c r="H341965" s="12"/>
    </row>
    <row r="341966" spans="8:8">
      <c r="H341966" s="12"/>
    </row>
    <row r="341967" spans="8:8">
      <c r="H341967" s="12"/>
    </row>
    <row r="341968" spans="8:8">
      <c r="H341968" s="12"/>
    </row>
    <row r="341969" spans="8:8">
      <c r="H341969" s="12"/>
    </row>
    <row r="341970" spans="8:8">
      <c r="H341970" s="12"/>
    </row>
    <row r="341971" spans="8:8">
      <c r="H341971" s="12"/>
    </row>
    <row r="341972" spans="8:8">
      <c r="H341972" s="12"/>
    </row>
    <row r="341973" spans="8:8">
      <c r="H341973" s="12"/>
    </row>
    <row r="341974" spans="8:8">
      <c r="H341974" s="12"/>
    </row>
    <row r="341975" spans="8:8">
      <c r="H341975" s="12"/>
    </row>
    <row r="341976" spans="8:8">
      <c r="H341976" s="12"/>
    </row>
    <row r="341977" spans="8:8">
      <c r="H341977" s="12"/>
    </row>
    <row r="341978" spans="8:8">
      <c r="H341978" s="12"/>
    </row>
    <row r="341979" spans="8:8">
      <c r="H341979" s="12"/>
    </row>
    <row r="341980" spans="8:8">
      <c r="H341980" s="12"/>
    </row>
    <row r="341981" spans="8:8">
      <c r="H341981" s="12"/>
    </row>
    <row r="341982" spans="8:8">
      <c r="H341982" s="12"/>
    </row>
    <row r="341983" spans="8:8">
      <c r="H341983" s="12"/>
    </row>
    <row r="341984" spans="8:8">
      <c r="H341984" s="12"/>
    </row>
    <row r="341985" spans="8:8">
      <c r="H341985" s="12"/>
    </row>
    <row r="341986" spans="8:8">
      <c r="H341986" s="12"/>
    </row>
    <row r="341987" spans="8:8">
      <c r="H341987" s="12"/>
    </row>
    <row r="341988" spans="8:8">
      <c r="H341988" s="12"/>
    </row>
    <row r="341989" spans="8:8">
      <c r="H341989" s="12"/>
    </row>
    <row r="341990" spans="8:8">
      <c r="H341990" s="12"/>
    </row>
    <row r="341991" spans="8:8">
      <c r="H341991" s="12"/>
    </row>
    <row r="341992" spans="8:8">
      <c r="H341992" s="12"/>
    </row>
    <row r="341993" spans="8:8">
      <c r="H341993" s="12"/>
    </row>
    <row r="341994" spans="8:8">
      <c r="H341994" s="12"/>
    </row>
    <row r="341995" spans="8:8">
      <c r="H341995" s="12"/>
    </row>
    <row r="341996" spans="8:8">
      <c r="H341996" s="12"/>
    </row>
    <row r="341997" spans="8:8">
      <c r="H341997" s="12"/>
    </row>
    <row r="341998" spans="8:8">
      <c r="H341998" s="12"/>
    </row>
    <row r="341999" spans="8:8">
      <c r="H341999" s="12"/>
    </row>
    <row r="342000" spans="8:8">
      <c r="H342000" s="12"/>
    </row>
    <row r="342001" spans="8:8">
      <c r="H342001" s="12"/>
    </row>
    <row r="342002" spans="8:8">
      <c r="H342002" s="12"/>
    </row>
    <row r="342003" spans="8:8">
      <c r="H342003" s="12"/>
    </row>
    <row r="342004" spans="8:8">
      <c r="H342004" s="12"/>
    </row>
    <row r="342005" spans="8:8">
      <c r="H342005" s="12"/>
    </row>
    <row r="342006" spans="8:8">
      <c r="H342006" s="12"/>
    </row>
    <row r="342007" spans="8:8">
      <c r="H342007" s="12"/>
    </row>
    <row r="342008" spans="8:8">
      <c r="H342008" s="12"/>
    </row>
    <row r="342009" spans="8:8">
      <c r="H342009" s="12"/>
    </row>
    <row r="342010" spans="8:8">
      <c r="H342010" s="12"/>
    </row>
    <row r="342011" spans="8:8">
      <c r="H342011" s="12"/>
    </row>
    <row r="342012" spans="8:8">
      <c r="H342012" s="12"/>
    </row>
    <row r="342013" spans="8:8">
      <c r="H342013" s="12"/>
    </row>
    <row r="342014" spans="8:8">
      <c r="H342014" s="12"/>
    </row>
    <row r="342015" spans="8:8">
      <c r="H342015" s="12"/>
    </row>
    <row r="342016" spans="8:8">
      <c r="H342016" s="12"/>
    </row>
    <row r="342017" spans="8:8">
      <c r="H342017" s="12"/>
    </row>
    <row r="342018" spans="8:8">
      <c r="H342018" s="12"/>
    </row>
    <row r="342019" spans="8:8">
      <c r="H342019" s="12"/>
    </row>
    <row r="342020" spans="8:8">
      <c r="H342020" s="12"/>
    </row>
    <row r="342021" spans="8:8">
      <c r="H342021" s="12"/>
    </row>
    <row r="342022" spans="8:8">
      <c r="H342022" s="12"/>
    </row>
    <row r="342023" spans="8:8">
      <c r="H342023" s="12"/>
    </row>
    <row r="342024" spans="8:8">
      <c r="H342024" s="12"/>
    </row>
    <row r="342025" spans="8:8">
      <c r="H342025" s="12"/>
    </row>
    <row r="342026" spans="8:8">
      <c r="H342026" s="12"/>
    </row>
    <row r="342027" spans="8:8">
      <c r="H342027" s="12"/>
    </row>
    <row r="342028" spans="8:8">
      <c r="H342028" s="12"/>
    </row>
    <row r="342029" spans="8:8">
      <c r="H342029" s="12"/>
    </row>
    <row r="342030" spans="8:8">
      <c r="H342030" s="12"/>
    </row>
    <row r="342031" spans="8:8">
      <c r="H342031" s="12"/>
    </row>
    <row r="342032" spans="8:8">
      <c r="H342032" s="12"/>
    </row>
    <row r="342033" spans="8:8">
      <c r="H342033" s="12"/>
    </row>
    <row r="342034" spans="8:8">
      <c r="H342034" s="12"/>
    </row>
    <row r="342035" spans="8:8">
      <c r="H342035" s="12"/>
    </row>
    <row r="342036" spans="8:8">
      <c r="H342036" s="12"/>
    </row>
    <row r="342037" spans="8:8">
      <c r="H342037" s="12"/>
    </row>
    <row r="342038" spans="8:8">
      <c r="H342038" s="12"/>
    </row>
    <row r="342039" spans="8:8">
      <c r="H342039" s="12"/>
    </row>
    <row r="342040" spans="8:8">
      <c r="H342040" s="12"/>
    </row>
    <row r="342041" spans="8:8">
      <c r="H342041" s="12"/>
    </row>
    <row r="342042" spans="8:8">
      <c r="H342042" s="12"/>
    </row>
    <row r="342043" spans="8:8">
      <c r="H342043" s="12"/>
    </row>
    <row r="342044" spans="8:8">
      <c r="H342044" s="12"/>
    </row>
    <row r="342045" spans="8:8">
      <c r="H342045" s="12"/>
    </row>
    <row r="342046" spans="8:8">
      <c r="H342046" s="12"/>
    </row>
    <row r="342047" spans="8:8">
      <c r="H342047" s="12"/>
    </row>
    <row r="342048" spans="8:8">
      <c r="H342048" s="12"/>
    </row>
    <row r="342049" spans="8:8">
      <c r="H342049" s="12"/>
    </row>
    <row r="342050" spans="8:8">
      <c r="H342050" s="12"/>
    </row>
    <row r="342051" spans="8:8">
      <c r="H342051" s="12"/>
    </row>
    <row r="342052" spans="8:8">
      <c r="H342052" s="12"/>
    </row>
    <row r="342053" spans="8:8">
      <c r="H342053" s="12"/>
    </row>
    <row r="342054" spans="8:8">
      <c r="H342054" s="12"/>
    </row>
    <row r="342055" spans="8:8">
      <c r="H342055" s="12"/>
    </row>
    <row r="342056" spans="8:8">
      <c r="H342056" s="12"/>
    </row>
    <row r="342057" spans="8:8">
      <c r="H342057" s="12"/>
    </row>
    <row r="342058" spans="8:8">
      <c r="H342058" s="12"/>
    </row>
    <row r="342059" spans="8:8">
      <c r="H342059" s="12"/>
    </row>
    <row r="342060" spans="8:8">
      <c r="H342060" s="12"/>
    </row>
    <row r="342061" spans="8:8">
      <c r="H342061" s="12"/>
    </row>
    <row r="342062" spans="8:8">
      <c r="H342062" s="12"/>
    </row>
    <row r="342063" spans="8:8">
      <c r="H342063" s="12"/>
    </row>
    <row r="342064" spans="8:8">
      <c r="H342064" s="12"/>
    </row>
    <row r="342065" spans="8:8">
      <c r="H342065" s="12"/>
    </row>
    <row r="342066" spans="8:8">
      <c r="H342066" s="12"/>
    </row>
    <row r="342067" spans="8:8">
      <c r="H342067" s="12"/>
    </row>
    <row r="342068" spans="8:8">
      <c r="H342068" s="12"/>
    </row>
    <row r="342069" spans="8:8">
      <c r="H342069" s="12"/>
    </row>
    <row r="342070" spans="8:8">
      <c r="H342070" s="12"/>
    </row>
    <row r="342071" spans="8:8">
      <c r="H342071" s="12"/>
    </row>
    <row r="342072" spans="8:8">
      <c r="H342072" s="12"/>
    </row>
    <row r="342073" spans="8:8">
      <c r="H342073" s="12"/>
    </row>
    <row r="342074" spans="8:8">
      <c r="H342074" s="12"/>
    </row>
    <row r="342075" spans="8:8">
      <c r="H342075" s="12"/>
    </row>
    <row r="342076" spans="8:8">
      <c r="H342076" s="12"/>
    </row>
    <row r="342077" spans="8:8">
      <c r="H342077" s="12"/>
    </row>
    <row r="342078" spans="8:8">
      <c r="H342078" s="12"/>
    </row>
    <row r="342079" spans="8:8">
      <c r="H342079" s="12"/>
    </row>
    <row r="342080" spans="8:8">
      <c r="H342080" s="12"/>
    </row>
    <row r="342081" spans="8:8">
      <c r="H342081" s="12"/>
    </row>
    <row r="342082" spans="8:8">
      <c r="H342082" s="12"/>
    </row>
    <row r="342083" spans="8:8">
      <c r="H342083" s="12"/>
    </row>
    <row r="342084" spans="8:8">
      <c r="H342084" s="12"/>
    </row>
    <row r="342085" spans="8:8">
      <c r="H342085" s="12"/>
    </row>
    <row r="342086" spans="8:8">
      <c r="H342086" s="12"/>
    </row>
    <row r="342087" spans="8:8">
      <c r="H342087" s="12"/>
    </row>
    <row r="342088" spans="8:8">
      <c r="H342088" s="12"/>
    </row>
    <row r="342089" spans="8:8">
      <c r="H342089" s="12"/>
    </row>
    <row r="342090" spans="8:8">
      <c r="H342090" s="12"/>
    </row>
    <row r="342091" spans="8:8">
      <c r="H342091" s="12"/>
    </row>
    <row r="342092" spans="8:8">
      <c r="H342092" s="12"/>
    </row>
    <row r="342093" spans="8:8">
      <c r="H342093" s="12"/>
    </row>
    <row r="342094" spans="8:8">
      <c r="H342094" s="12"/>
    </row>
    <row r="342095" spans="8:8">
      <c r="H342095" s="12"/>
    </row>
    <row r="342096" spans="8:8">
      <c r="H342096" s="12"/>
    </row>
    <row r="342097" spans="8:8">
      <c r="H342097" s="12"/>
    </row>
    <row r="342098" spans="8:8">
      <c r="H342098" s="12"/>
    </row>
    <row r="342099" spans="8:8">
      <c r="H342099" s="12"/>
    </row>
    <row r="342100" spans="8:8">
      <c r="H342100" s="12"/>
    </row>
    <row r="342101" spans="8:8">
      <c r="H342101" s="12"/>
    </row>
    <row r="342102" spans="8:8">
      <c r="H342102" s="12"/>
    </row>
    <row r="342103" spans="8:8">
      <c r="H342103" s="12"/>
    </row>
    <row r="342104" spans="8:8">
      <c r="H342104" s="12"/>
    </row>
    <row r="342105" spans="8:8">
      <c r="H342105" s="12"/>
    </row>
    <row r="342106" spans="8:8">
      <c r="H342106" s="12"/>
    </row>
    <row r="342107" spans="8:8">
      <c r="H342107" s="12"/>
    </row>
    <row r="342108" spans="8:8">
      <c r="H342108" s="12"/>
    </row>
    <row r="342109" spans="8:8">
      <c r="H342109" s="12"/>
    </row>
    <row r="342110" spans="8:8">
      <c r="H342110" s="12"/>
    </row>
    <row r="342111" spans="8:8">
      <c r="H342111" s="12"/>
    </row>
    <row r="342112" spans="8:8">
      <c r="H342112" s="12"/>
    </row>
    <row r="342113" spans="8:8">
      <c r="H342113" s="12"/>
    </row>
    <row r="342114" spans="8:8">
      <c r="H342114" s="12"/>
    </row>
    <row r="342115" spans="8:8">
      <c r="H342115" s="12"/>
    </row>
    <row r="342116" spans="8:8">
      <c r="H342116" s="12"/>
    </row>
    <row r="342117" spans="8:8">
      <c r="H342117" s="12"/>
    </row>
    <row r="342118" spans="8:8">
      <c r="H342118" s="12"/>
    </row>
    <row r="342119" spans="8:8">
      <c r="H342119" s="12"/>
    </row>
    <row r="342120" spans="8:8">
      <c r="H342120" s="12"/>
    </row>
    <row r="342121" spans="8:8">
      <c r="H342121" s="12"/>
    </row>
    <row r="342122" spans="8:8">
      <c r="H342122" s="12"/>
    </row>
    <row r="342123" spans="8:8">
      <c r="H342123" s="12"/>
    </row>
    <row r="342124" spans="8:8">
      <c r="H342124" s="12"/>
    </row>
    <row r="342125" spans="8:8">
      <c r="H342125" s="12"/>
    </row>
    <row r="342126" spans="8:8">
      <c r="H342126" s="12"/>
    </row>
    <row r="342127" spans="8:8">
      <c r="H342127" s="12"/>
    </row>
    <row r="342128" spans="8:8">
      <c r="H342128" s="12"/>
    </row>
    <row r="342129" spans="8:8">
      <c r="H342129" s="12"/>
    </row>
    <row r="342130" spans="8:8">
      <c r="H342130" s="12"/>
    </row>
    <row r="342131" spans="8:8">
      <c r="H342131" s="12"/>
    </row>
    <row r="342132" spans="8:8">
      <c r="H342132" s="12"/>
    </row>
    <row r="342133" spans="8:8">
      <c r="H342133" s="12"/>
    </row>
    <row r="342134" spans="8:8">
      <c r="H342134" s="12"/>
    </row>
    <row r="342135" spans="8:8">
      <c r="H342135" s="12"/>
    </row>
    <row r="342136" spans="8:8">
      <c r="H342136" s="12"/>
    </row>
    <row r="342137" spans="8:8">
      <c r="H342137" s="12"/>
    </row>
    <row r="342138" spans="8:8">
      <c r="H342138" s="12"/>
    </row>
    <row r="342139" spans="8:8">
      <c r="H342139" s="12"/>
    </row>
    <row r="342140" spans="8:8">
      <c r="H342140" s="12"/>
    </row>
    <row r="342141" spans="8:8">
      <c r="H342141" s="12"/>
    </row>
    <row r="342142" spans="8:8">
      <c r="H342142" s="12"/>
    </row>
    <row r="342143" spans="8:8">
      <c r="H342143" s="12"/>
    </row>
    <row r="342144" spans="8:8">
      <c r="H342144" s="12"/>
    </row>
    <row r="342145" spans="8:8">
      <c r="H342145" s="12"/>
    </row>
    <row r="342146" spans="8:8">
      <c r="H342146" s="12"/>
    </row>
    <row r="342147" spans="8:8">
      <c r="H342147" s="12"/>
    </row>
    <row r="342148" spans="8:8">
      <c r="H342148" s="12"/>
    </row>
    <row r="342149" spans="8:8">
      <c r="H342149" s="12"/>
    </row>
    <row r="342150" spans="8:8">
      <c r="H342150" s="12"/>
    </row>
    <row r="342151" spans="8:8">
      <c r="H342151" s="12"/>
    </row>
    <row r="342152" spans="8:8">
      <c r="H342152" s="12"/>
    </row>
    <row r="342153" spans="8:8">
      <c r="H342153" s="12"/>
    </row>
    <row r="342154" spans="8:8">
      <c r="H342154" s="12"/>
    </row>
    <row r="342155" spans="8:8">
      <c r="H342155" s="12"/>
    </row>
    <row r="342156" spans="8:8">
      <c r="H342156" s="12"/>
    </row>
    <row r="342157" spans="8:8">
      <c r="H342157" s="12"/>
    </row>
    <row r="342158" spans="8:8">
      <c r="H342158" s="12"/>
    </row>
    <row r="342159" spans="8:8">
      <c r="H342159" s="12"/>
    </row>
    <row r="342160" spans="8:8">
      <c r="H342160" s="12"/>
    </row>
    <row r="342161" spans="8:8">
      <c r="H342161" s="12"/>
    </row>
    <row r="342162" spans="8:8">
      <c r="H342162" s="12"/>
    </row>
    <row r="342163" spans="8:8">
      <c r="H342163" s="12"/>
    </row>
    <row r="342164" spans="8:8">
      <c r="H342164" s="12"/>
    </row>
    <row r="342165" spans="8:8">
      <c r="H342165" s="12"/>
    </row>
    <row r="342166" spans="8:8">
      <c r="H342166" s="12"/>
    </row>
    <row r="342167" spans="8:8">
      <c r="H342167" s="12"/>
    </row>
    <row r="342168" spans="8:8">
      <c r="H342168" s="12"/>
    </row>
    <row r="342169" spans="8:8">
      <c r="H342169" s="12"/>
    </row>
    <row r="342170" spans="8:8">
      <c r="H342170" s="12"/>
    </row>
    <row r="342171" spans="8:8">
      <c r="H342171" s="12"/>
    </row>
    <row r="342172" spans="8:8">
      <c r="H342172" s="12"/>
    </row>
    <row r="342173" spans="8:8">
      <c r="H342173" s="12"/>
    </row>
    <row r="342174" spans="8:8">
      <c r="H342174" s="12"/>
    </row>
    <row r="342175" spans="8:8">
      <c r="H342175" s="12"/>
    </row>
    <row r="342176" spans="8:8">
      <c r="H342176" s="12"/>
    </row>
    <row r="342177" spans="8:8">
      <c r="H342177" s="12"/>
    </row>
    <row r="342178" spans="8:8">
      <c r="H342178" s="12"/>
    </row>
    <row r="342179" spans="8:8">
      <c r="H342179" s="12"/>
    </row>
    <row r="342180" spans="8:8">
      <c r="H342180" s="12"/>
    </row>
    <row r="342181" spans="8:8">
      <c r="H342181" s="12"/>
    </row>
    <row r="342182" spans="8:8">
      <c r="H342182" s="12"/>
    </row>
    <row r="342183" spans="8:8">
      <c r="H342183" s="12"/>
    </row>
    <row r="342184" spans="8:8">
      <c r="H342184" s="12"/>
    </row>
    <row r="342185" spans="8:8">
      <c r="H342185" s="12"/>
    </row>
    <row r="342186" spans="8:8">
      <c r="H342186" s="12"/>
    </row>
    <row r="342187" spans="8:8">
      <c r="H342187" s="12"/>
    </row>
    <row r="342188" spans="8:8">
      <c r="H342188" s="12"/>
    </row>
    <row r="342189" spans="8:8">
      <c r="H342189" s="12"/>
    </row>
    <row r="342190" spans="8:8">
      <c r="H342190" s="12"/>
    </row>
    <row r="342191" spans="8:8">
      <c r="H342191" s="12"/>
    </row>
    <row r="342192" spans="8:8">
      <c r="H342192" s="12"/>
    </row>
    <row r="342193" spans="8:8">
      <c r="H342193" s="12"/>
    </row>
    <row r="342194" spans="8:8">
      <c r="H342194" s="12"/>
    </row>
    <row r="342195" spans="8:8">
      <c r="H342195" s="12"/>
    </row>
    <row r="342196" spans="8:8">
      <c r="H342196" s="12"/>
    </row>
    <row r="342197" spans="8:8">
      <c r="H342197" s="12"/>
    </row>
    <row r="342198" spans="8:8">
      <c r="H342198" s="12"/>
    </row>
    <row r="342199" spans="8:8">
      <c r="H342199" s="12"/>
    </row>
    <row r="342200" spans="8:8">
      <c r="H342200" s="12"/>
    </row>
    <row r="342201" spans="8:8">
      <c r="H342201" s="12"/>
    </row>
    <row r="342202" spans="8:8">
      <c r="H342202" s="12"/>
    </row>
    <row r="342203" spans="8:8">
      <c r="H342203" s="12"/>
    </row>
    <row r="342204" spans="8:8">
      <c r="H342204" s="12"/>
    </row>
    <row r="342205" spans="8:8">
      <c r="H342205" s="12"/>
    </row>
    <row r="342206" spans="8:8">
      <c r="H342206" s="12"/>
    </row>
    <row r="342207" spans="8:8">
      <c r="H342207" s="12"/>
    </row>
    <row r="342208" spans="8:8">
      <c r="H342208" s="12"/>
    </row>
    <row r="342209" spans="8:8">
      <c r="H342209" s="12"/>
    </row>
    <row r="342210" spans="8:8">
      <c r="H342210" s="12"/>
    </row>
    <row r="342211" spans="8:8">
      <c r="H342211" s="12"/>
    </row>
    <row r="342212" spans="8:8">
      <c r="H342212" s="12"/>
    </row>
    <row r="342213" spans="8:8">
      <c r="H342213" s="12"/>
    </row>
    <row r="342214" spans="8:8">
      <c r="H342214" s="12"/>
    </row>
    <row r="342215" spans="8:8">
      <c r="H342215" s="12"/>
    </row>
    <row r="342216" spans="8:8">
      <c r="H342216" s="12"/>
    </row>
    <row r="342217" spans="8:8">
      <c r="H342217" s="12"/>
    </row>
    <row r="342218" spans="8:8">
      <c r="H342218" s="12"/>
    </row>
    <row r="342219" spans="8:8">
      <c r="H342219" s="12"/>
    </row>
    <row r="342220" spans="8:8">
      <c r="H342220" s="12"/>
    </row>
    <row r="342221" spans="8:8">
      <c r="H342221" s="12"/>
    </row>
    <row r="342222" spans="8:8">
      <c r="H342222" s="12"/>
    </row>
    <row r="342223" spans="8:8">
      <c r="H342223" s="12"/>
    </row>
    <row r="342224" spans="8:8">
      <c r="H342224" s="12"/>
    </row>
    <row r="342225" spans="8:8">
      <c r="H342225" s="12"/>
    </row>
    <row r="342226" spans="8:8">
      <c r="H342226" s="12"/>
    </row>
    <row r="342227" spans="8:8">
      <c r="H342227" s="12"/>
    </row>
    <row r="342228" spans="8:8">
      <c r="H342228" s="12"/>
    </row>
    <row r="342229" spans="8:8">
      <c r="H342229" s="12"/>
    </row>
    <row r="342230" spans="8:8">
      <c r="H342230" s="12"/>
    </row>
    <row r="342231" spans="8:8">
      <c r="H342231" s="12"/>
    </row>
    <row r="342232" spans="8:8">
      <c r="H342232" s="12"/>
    </row>
    <row r="342233" spans="8:8">
      <c r="H342233" s="12"/>
    </row>
    <row r="342234" spans="8:8">
      <c r="H342234" s="12"/>
    </row>
    <row r="342235" spans="8:8">
      <c r="H342235" s="12"/>
    </row>
    <row r="342236" spans="8:8">
      <c r="H342236" s="12"/>
    </row>
    <row r="342237" spans="8:8">
      <c r="H342237" s="12"/>
    </row>
    <row r="342238" spans="8:8">
      <c r="H342238" s="12"/>
    </row>
    <row r="342239" spans="8:8">
      <c r="H342239" s="12"/>
    </row>
    <row r="342240" spans="8:8">
      <c r="H342240" s="12"/>
    </row>
    <row r="342241" spans="8:8">
      <c r="H342241" s="12"/>
    </row>
    <row r="342242" spans="8:8">
      <c r="H342242" s="12"/>
    </row>
    <row r="342243" spans="8:8">
      <c r="H342243" s="12"/>
    </row>
    <row r="342244" spans="8:8">
      <c r="H342244" s="12"/>
    </row>
    <row r="342245" spans="8:8">
      <c r="H342245" s="12"/>
    </row>
    <row r="342246" spans="8:8">
      <c r="H342246" s="12"/>
    </row>
    <row r="342247" spans="8:8">
      <c r="H342247" s="12"/>
    </row>
    <row r="342248" spans="8:8">
      <c r="H342248" s="12"/>
    </row>
    <row r="342249" spans="8:8">
      <c r="H342249" s="12"/>
    </row>
    <row r="342250" spans="8:8">
      <c r="H342250" s="12"/>
    </row>
    <row r="342251" spans="8:8">
      <c r="H342251" s="12"/>
    </row>
    <row r="342252" spans="8:8">
      <c r="H342252" s="12"/>
    </row>
    <row r="342253" spans="8:8">
      <c r="H342253" s="12"/>
    </row>
    <row r="342254" spans="8:8">
      <c r="H342254" s="12"/>
    </row>
    <row r="342255" spans="8:8">
      <c r="H342255" s="12"/>
    </row>
    <row r="342256" spans="8:8">
      <c r="H342256" s="12"/>
    </row>
    <row r="342257" spans="8:8">
      <c r="H342257" s="12"/>
    </row>
    <row r="342258" spans="8:8">
      <c r="H342258" s="12"/>
    </row>
    <row r="342259" spans="8:8">
      <c r="H342259" s="12"/>
    </row>
    <row r="342260" spans="8:8">
      <c r="H342260" s="12"/>
    </row>
    <row r="342261" spans="8:8">
      <c r="H342261" s="12"/>
    </row>
    <row r="342262" spans="8:8">
      <c r="H342262" s="12"/>
    </row>
    <row r="342263" spans="8:8">
      <c r="H342263" s="12"/>
    </row>
    <row r="342264" spans="8:8">
      <c r="H342264" s="12"/>
    </row>
    <row r="342265" spans="8:8">
      <c r="H342265" s="12"/>
    </row>
    <row r="342266" spans="8:8">
      <c r="H342266" s="12"/>
    </row>
    <row r="342267" spans="8:8">
      <c r="H342267" s="12"/>
    </row>
    <row r="342268" spans="8:8">
      <c r="H342268" s="12"/>
    </row>
    <row r="342269" spans="8:8">
      <c r="H342269" s="12"/>
    </row>
    <row r="342270" spans="8:8">
      <c r="H342270" s="12"/>
    </row>
    <row r="342271" spans="8:8">
      <c r="H342271" s="12"/>
    </row>
    <row r="342272" spans="8:8">
      <c r="H342272" s="12"/>
    </row>
    <row r="342273" spans="8:8">
      <c r="H342273" s="12"/>
    </row>
    <row r="342274" spans="8:8">
      <c r="H342274" s="12"/>
    </row>
    <row r="342275" spans="8:8">
      <c r="H342275" s="12"/>
    </row>
    <row r="342276" spans="8:8">
      <c r="H342276" s="12"/>
    </row>
    <row r="342277" spans="8:8">
      <c r="H342277" s="12"/>
    </row>
    <row r="342278" spans="8:8">
      <c r="H342278" s="12"/>
    </row>
    <row r="342279" spans="8:8">
      <c r="H342279" s="12"/>
    </row>
    <row r="342280" spans="8:8">
      <c r="H342280" s="12"/>
    </row>
    <row r="342281" spans="8:8">
      <c r="H342281" s="12"/>
    </row>
    <row r="342282" spans="8:8">
      <c r="H342282" s="12"/>
    </row>
    <row r="342283" spans="8:8">
      <c r="H342283" s="12"/>
    </row>
    <row r="342284" spans="8:8">
      <c r="H342284" s="12"/>
    </row>
    <row r="342285" spans="8:8">
      <c r="H342285" s="12"/>
    </row>
    <row r="342286" spans="8:8">
      <c r="H342286" s="12"/>
    </row>
    <row r="342287" spans="8:8">
      <c r="H342287" s="12"/>
    </row>
    <row r="342288" spans="8:8">
      <c r="H342288" s="12"/>
    </row>
    <row r="342289" spans="8:8">
      <c r="H342289" s="12"/>
    </row>
    <row r="342290" spans="8:8">
      <c r="H342290" s="12"/>
    </row>
    <row r="342291" spans="8:8">
      <c r="H342291" s="12"/>
    </row>
    <row r="342292" spans="8:8">
      <c r="H342292" s="12"/>
    </row>
    <row r="342293" spans="8:8">
      <c r="H342293" s="12"/>
    </row>
    <row r="342294" spans="8:8">
      <c r="H342294" s="12"/>
    </row>
    <row r="342295" spans="8:8">
      <c r="H342295" s="12"/>
    </row>
    <row r="342296" spans="8:8">
      <c r="H342296" s="12"/>
    </row>
    <row r="342297" spans="8:8">
      <c r="H342297" s="12"/>
    </row>
    <row r="342298" spans="8:8">
      <c r="H342298" s="12"/>
    </row>
    <row r="342299" spans="8:8">
      <c r="H342299" s="12"/>
    </row>
    <row r="342300" spans="8:8">
      <c r="H342300" s="12"/>
    </row>
    <row r="342301" spans="8:8">
      <c r="H342301" s="12"/>
    </row>
    <row r="342302" spans="8:8">
      <c r="H342302" s="12"/>
    </row>
    <row r="342303" spans="8:8">
      <c r="H342303" s="12"/>
    </row>
    <row r="342304" spans="8:8">
      <c r="H342304" s="12"/>
    </row>
    <row r="342305" spans="8:8">
      <c r="H342305" s="12"/>
    </row>
    <row r="342306" spans="8:8">
      <c r="H342306" s="12"/>
    </row>
    <row r="342307" spans="8:8">
      <c r="H342307" s="12"/>
    </row>
    <row r="342308" spans="8:8">
      <c r="H342308" s="12"/>
    </row>
    <row r="342309" spans="8:8">
      <c r="H342309" s="12"/>
    </row>
    <row r="342310" spans="8:8">
      <c r="H342310" s="12"/>
    </row>
    <row r="342311" spans="8:8">
      <c r="H342311" s="12"/>
    </row>
    <row r="342312" spans="8:8">
      <c r="H342312" s="12"/>
    </row>
    <row r="342313" spans="8:8">
      <c r="H342313" s="12"/>
    </row>
    <row r="342314" spans="8:8">
      <c r="H342314" s="12"/>
    </row>
    <row r="342315" spans="8:8">
      <c r="H342315" s="12"/>
    </row>
    <row r="342316" spans="8:8">
      <c r="H342316" s="12"/>
    </row>
    <row r="342317" spans="8:8">
      <c r="H342317" s="12"/>
    </row>
    <row r="342318" spans="8:8">
      <c r="H342318" s="12"/>
    </row>
    <row r="342319" spans="8:8">
      <c r="H342319" s="12"/>
    </row>
    <row r="342320" spans="8:8">
      <c r="H342320" s="12"/>
    </row>
    <row r="342321" spans="8:8">
      <c r="H342321" s="12"/>
    </row>
    <row r="342322" spans="8:8">
      <c r="H342322" s="12"/>
    </row>
    <row r="342323" spans="8:8">
      <c r="H342323" s="12"/>
    </row>
    <row r="342324" spans="8:8">
      <c r="H342324" s="12"/>
    </row>
    <row r="342325" spans="8:8">
      <c r="H342325" s="12"/>
    </row>
    <row r="342326" spans="8:8">
      <c r="H342326" s="12"/>
    </row>
    <row r="342327" spans="8:8">
      <c r="H342327" s="12"/>
    </row>
    <row r="342328" spans="8:8">
      <c r="H342328" s="12"/>
    </row>
    <row r="342329" spans="8:8">
      <c r="H342329" s="12"/>
    </row>
    <row r="342330" spans="8:8">
      <c r="H342330" s="12"/>
    </row>
    <row r="342331" spans="8:8">
      <c r="H342331" s="12"/>
    </row>
    <row r="342332" spans="8:8">
      <c r="H342332" s="12"/>
    </row>
    <row r="342333" spans="8:8">
      <c r="H342333" s="12"/>
    </row>
    <row r="342334" spans="8:8">
      <c r="H342334" s="12"/>
    </row>
    <row r="342335" spans="8:8">
      <c r="H342335" s="12"/>
    </row>
    <row r="342336" spans="8:8">
      <c r="H342336" s="12"/>
    </row>
    <row r="342337" spans="8:8">
      <c r="H342337" s="12"/>
    </row>
    <row r="342338" spans="8:8">
      <c r="H342338" s="12"/>
    </row>
    <row r="342339" spans="8:8">
      <c r="H342339" s="12"/>
    </row>
    <row r="342340" spans="8:8">
      <c r="H342340" s="12"/>
    </row>
    <row r="342341" spans="8:8">
      <c r="H342341" s="12"/>
    </row>
    <row r="342342" spans="8:8">
      <c r="H342342" s="12"/>
    </row>
    <row r="342343" spans="8:8">
      <c r="H342343" s="12"/>
    </row>
    <row r="342344" spans="8:8">
      <c r="H342344" s="12"/>
    </row>
    <row r="342345" spans="8:8">
      <c r="H342345" s="12"/>
    </row>
    <row r="342346" spans="8:8">
      <c r="H342346" s="12"/>
    </row>
    <row r="342347" spans="8:8">
      <c r="H342347" s="12"/>
    </row>
    <row r="342348" spans="8:8">
      <c r="H342348" s="12"/>
    </row>
    <row r="342349" spans="8:8">
      <c r="H342349" s="12"/>
    </row>
    <row r="342350" spans="8:8">
      <c r="H342350" s="12"/>
    </row>
    <row r="342351" spans="8:8">
      <c r="H342351" s="12"/>
    </row>
    <row r="342352" spans="8:8">
      <c r="H342352" s="12"/>
    </row>
    <row r="342353" spans="8:8">
      <c r="H342353" s="12"/>
    </row>
    <row r="342354" spans="8:8">
      <c r="H342354" s="12"/>
    </row>
    <row r="342355" spans="8:8">
      <c r="H342355" s="12"/>
    </row>
    <row r="342356" spans="8:8">
      <c r="H342356" s="12"/>
    </row>
    <row r="342357" spans="8:8">
      <c r="H342357" s="12"/>
    </row>
    <row r="342358" spans="8:8">
      <c r="H342358" s="12"/>
    </row>
    <row r="342359" spans="8:8">
      <c r="H342359" s="12"/>
    </row>
    <row r="342360" spans="8:8">
      <c r="H342360" s="12"/>
    </row>
    <row r="342361" spans="8:8">
      <c r="H342361" s="12"/>
    </row>
    <row r="342362" spans="8:8">
      <c r="H342362" s="12"/>
    </row>
    <row r="342363" spans="8:8">
      <c r="H342363" s="12"/>
    </row>
    <row r="342364" spans="8:8">
      <c r="H342364" s="12"/>
    </row>
    <row r="342365" spans="8:8">
      <c r="H342365" s="12"/>
    </row>
    <row r="342366" spans="8:8">
      <c r="H342366" s="12"/>
    </row>
    <row r="342367" spans="8:8">
      <c r="H342367" s="12"/>
    </row>
    <row r="342368" spans="8:8">
      <c r="H342368" s="12"/>
    </row>
    <row r="342369" spans="8:8">
      <c r="H342369" s="12"/>
    </row>
    <row r="342370" spans="8:8">
      <c r="H342370" s="12"/>
    </row>
    <row r="342371" spans="8:8">
      <c r="H342371" s="12"/>
    </row>
    <row r="342372" spans="8:8">
      <c r="H342372" s="12"/>
    </row>
    <row r="342373" spans="8:8">
      <c r="H342373" s="12"/>
    </row>
    <row r="342374" spans="8:8">
      <c r="H342374" s="12"/>
    </row>
    <row r="342375" spans="8:8">
      <c r="H342375" s="12"/>
    </row>
    <row r="342376" spans="8:8">
      <c r="H342376" s="12"/>
    </row>
    <row r="342377" spans="8:8">
      <c r="H342377" s="12"/>
    </row>
    <row r="342378" spans="8:8">
      <c r="H342378" s="12"/>
    </row>
    <row r="342379" spans="8:8">
      <c r="H342379" s="12"/>
    </row>
    <row r="342380" spans="8:8">
      <c r="H342380" s="12"/>
    </row>
    <row r="342381" spans="8:8">
      <c r="H342381" s="12"/>
    </row>
    <row r="342382" spans="8:8">
      <c r="H342382" s="12"/>
    </row>
    <row r="342383" spans="8:8">
      <c r="H342383" s="12"/>
    </row>
    <row r="342384" spans="8:8">
      <c r="H342384" s="12"/>
    </row>
    <row r="342385" spans="8:8">
      <c r="H342385" s="12"/>
    </row>
    <row r="342386" spans="8:8">
      <c r="H342386" s="12"/>
    </row>
    <row r="342387" spans="8:8">
      <c r="H342387" s="12"/>
    </row>
    <row r="342388" spans="8:8">
      <c r="H342388" s="12"/>
    </row>
    <row r="342389" spans="8:8">
      <c r="H342389" s="12"/>
    </row>
    <row r="342390" spans="8:8">
      <c r="H342390" s="12"/>
    </row>
    <row r="342391" spans="8:8">
      <c r="H342391" s="12"/>
    </row>
    <row r="342392" spans="8:8">
      <c r="H342392" s="12"/>
    </row>
    <row r="342393" spans="8:8">
      <c r="H342393" s="12"/>
    </row>
    <row r="342394" spans="8:8">
      <c r="H342394" s="12"/>
    </row>
    <row r="342395" spans="8:8">
      <c r="H342395" s="12"/>
    </row>
    <row r="342396" spans="8:8">
      <c r="H342396" s="12"/>
    </row>
    <row r="342397" spans="8:8">
      <c r="H342397" s="12"/>
    </row>
    <row r="342398" spans="8:8">
      <c r="H342398" s="12"/>
    </row>
    <row r="342399" spans="8:8">
      <c r="H342399" s="12"/>
    </row>
    <row r="342400" spans="8:8">
      <c r="H342400" s="12"/>
    </row>
    <row r="342401" spans="8:8">
      <c r="H342401" s="12"/>
    </row>
    <row r="342402" spans="8:8">
      <c r="H342402" s="12"/>
    </row>
    <row r="342403" spans="8:8">
      <c r="H342403" s="12"/>
    </row>
    <row r="342404" spans="8:8">
      <c r="H342404" s="12"/>
    </row>
    <row r="342405" spans="8:8">
      <c r="H342405" s="12"/>
    </row>
    <row r="342406" spans="8:8">
      <c r="H342406" s="12"/>
    </row>
    <row r="342407" spans="8:8">
      <c r="H342407" s="12"/>
    </row>
    <row r="342408" spans="8:8">
      <c r="H342408" s="12"/>
    </row>
    <row r="342409" spans="8:8">
      <c r="H342409" s="12"/>
    </row>
    <row r="342410" spans="8:8">
      <c r="H342410" s="12"/>
    </row>
    <row r="342411" spans="8:8">
      <c r="H342411" s="12"/>
    </row>
    <row r="342412" spans="8:8">
      <c r="H342412" s="12"/>
    </row>
    <row r="342413" spans="8:8">
      <c r="H342413" s="12"/>
    </row>
    <row r="342414" spans="8:8">
      <c r="H342414" s="12"/>
    </row>
    <row r="342415" spans="8:8">
      <c r="H342415" s="12"/>
    </row>
    <row r="342416" spans="8:8">
      <c r="H342416" s="12"/>
    </row>
    <row r="342417" spans="8:8">
      <c r="H342417" s="12"/>
    </row>
    <row r="342418" spans="8:8">
      <c r="H342418" s="12"/>
    </row>
    <row r="342419" spans="8:8">
      <c r="H342419" s="12"/>
    </row>
    <row r="342420" spans="8:8">
      <c r="H342420" s="12"/>
    </row>
    <row r="342421" spans="8:8">
      <c r="H342421" s="12"/>
    </row>
    <row r="342422" spans="8:8">
      <c r="H342422" s="12"/>
    </row>
    <row r="342423" spans="8:8">
      <c r="H342423" s="12"/>
    </row>
    <row r="342424" spans="8:8">
      <c r="H342424" s="12"/>
    </row>
    <row r="342425" spans="8:8">
      <c r="H342425" s="12"/>
    </row>
    <row r="342426" spans="8:8">
      <c r="H342426" s="12"/>
    </row>
    <row r="342427" spans="8:8">
      <c r="H342427" s="12"/>
    </row>
    <row r="342428" spans="8:8">
      <c r="H342428" s="12"/>
    </row>
    <row r="342429" spans="8:8">
      <c r="H342429" s="12"/>
    </row>
    <row r="342430" spans="8:8">
      <c r="H342430" s="12"/>
    </row>
    <row r="342431" spans="8:8">
      <c r="H342431" s="12"/>
    </row>
    <row r="342432" spans="8:8">
      <c r="H342432" s="12"/>
    </row>
    <row r="342433" spans="8:8">
      <c r="H342433" s="12"/>
    </row>
    <row r="342434" spans="8:8">
      <c r="H342434" s="12"/>
    </row>
    <row r="342435" spans="8:8">
      <c r="H342435" s="12"/>
    </row>
    <row r="342436" spans="8:8">
      <c r="H342436" s="12"/>
    </row>
    <row r="342437" spans="8:8">
      <c r="H342437" s="12"/>
    </row>
    <row r="342438" spans="8:8">
      <c r="H342438" s="12"/>
    </row>
    <row r="342439" spans="8:8">
      <c r="H342439" s="12"/>
    </row>
    <row r="342440" spans="8:8">
      <c r="H342440" s="12"/>
    </row>
    <row r="342441" spans="8:8">
      <c r="H342441" s="12"/>
    </row>
    <row r="342442" spans="8:8">
      <c r="H342442" s="12"/>
    </row>
    <row r="342443" spans="8:8">
      <c r="H342443" s="12"/>
    </row>
    <row r="342444" spans="8:8">
      <c r="H342444" s="12"/>
    </row>
    <row r="342445" spans="8:8">
      <c r="H342445" s="12"/>
    </row>
    <row r="342446" spans="8:8">
      <c r="H342446" s="12"/>
    </row>
    <row r="342447" spans="8:8">
      <c r="H342447" s="12"/>
    </row>
    <row r="342448" spans="8:8">
      <c r="H342448" s="12"/>
    </row>
    <row r="342449" spans="8:8">
      <c r="H342449" s="12"/>
    </row>
    <row r="342450" spans="8:8">
      <c r="H342450" s="12"/>
    </row>
    <row r="342451" spans="8:8">
      <c r="H342451" s="12"/>
    </row>
    <row r="342452" spans="8:8">
      <c r="H342452" s="12"/>
    </row>
    <row r="342453" spans="8:8">
      <c r="H342453" s="12"/>
    </row>
    <row r="342454" spans="8:8">
      <c r="H342454" s="12"/>
    </row>
    <row r="342455" spans="8:8">
      <c r="H342455" s="12"/>
    </row>
    <row r="342456" spans="8:8">
      <c r="H342456" s="12"/>
    </row>
    <row r="342457" spans="8:8">
      <c r="H342457" s="12"/>
    </row>
    <row r="342458" spans="8:8">
      <c r="H342458" s="12"/>
    </row>
    <row r="342459" spans="8:8">
      <c r="H342459" s="12"/>
    </row>
    <row r="342460" spans="8:8">
      <c r="H342460" s="12"/>
    </row>
    <row r="342461" spans="8:8">
      <c r="H342461" s="12"/>
    </row>
    <row r="342462" spans="8:8">
      <c r="H342462" s="12"/>
    </row>
    <row r="342463" spans="8:8">
      <c r="H342463" s="12"/>
    </row>
    <row r="342464" spans="8:8">
      <c r="H342464" s="12"/>
    </row>
    <row r="342465" spans="8:8">
      <c r="H342465" s="12"/>
    </row>
    <row r="342466" spans="8:8">
      <c r="H342466" s="12"/>
    </row>
    <row r="342467" spans="8:8">
      <c r="H342467" s="12"/>
    </row>
    <row r="342468" spans="8:8">
      <c r="H342468" s="12"/>
    </row>
    <row r="342469" spans="8:8">
      <c r="H342469" s="12"/>
    </row>
    <row r="342470" spans="8:8">
      <c r="H342470" s="12"/>
    </row>
    <row r="342471" spans="8:8">
      <c r="H342471" s="12"/>
    </row>
    <row r="342472" spans="8:8">
      <c r="H342472" s="12"/>
    </row>
    <row r="342473" spans="8:8">
      <c r="H342473" s="12"/>
    </row>
    <row r="342474" spans="8:8">
      <c r="H342474" s="12"/>
    </row>
    <row r="342475" spans="8:8">
      <c r="H342475" s="12"/>
    </row>
    <row r="342476" spans="8:8">
      <c r="H342476" s="12"/>
    </row>
    <row r="342477" spans="8:8">
      <c r="H342477" s="12"/>
    </row>
    <row r="342478" spans="8:8">
      <c r="H342478" s="12"/>
    </row>
    <row r="342479" spans="8:8">
      <c r="H342479" s="12"/>
    </row>
    <row r="342480" spans="8:8">
      <c r="H342480" s="12"/>
    </row>
    <row r="342481" spans="8:8">
      <c r="H342481" s="12"/>
    </row>
    <row r="342482" spans="8:8">
      <c r="H342482" s="12"/>
    </row>
    <row r="342483" spans="8:8">
      <c r="H342483" s="12"/>
    </row>
    <row r="342484" spans="8:8">
      <c r="H342484" s="12"/>
    </row>
    <row r="342485" spans="8:8">
      <c r="H342485" s="12"/>
    </row>
    <row r="342486" spans="8:8">
      <c r="H342486" s="12"/>
    </row>
    <row r="342487" spans="8:8">
      <c r="H342487" s="12"/>
    </row>
    <row r="342488" spans="8:8">
      <c r="H342488" s="12"/>
    </row>
    <row r="342489" spans="8:8">
      <c r="H342489" s="12"/>
    </row>
    <row r="342490" spans="8:8">
      <c r="H342490" s="12"/>
    </row>
    <row r="342491" spans="8:8">
      <c r="H342491" s="12"/>
    </row>
    <row r="342492" spans="8:8">
      <c r="H342492" s="12"/>
    </row>
    <row r="342493" spans="8:8">
      <c r="H342493" s="12"/>
    </row>
    <row r="342494" spans="8:8">
      <c r="H342494" s="12"/>
    </row>
    <row r="342495" spans="8:8">
      <c r="H342495" s="12"/>
    </row>
    <row r="342496" spans="8:8">
      <c r="H342496" s="12"/>
    </row>
    <row r="342497" spans="8:8">
      <c r="H342497" s="12"/>
    </row>
    <row r="342498" spans="8:8">
      <c r="H342498" s="12"/>
    </row>
    <row r="342499" spans="8:8">
      <c r="H342499" s="12"/>
    </row>
    <row r="342500" spans="8:8">
      <c r="H342500" s="12"/>
    </row>
    <row r="342501" spans="8:8">
      <c r="H342501" s="12"/>
    </row>
    <row r="342502" spans="8:8">
      <c r="H342502" s="12"/>
    </row>
    <row r="342503" spans="8:8">
      <c r="H342503" s="12"/>
    </row>
    <row r="342504" spans="8:8">
      <c r="H342504" s="12"/>
    </row>
    <row r="342505" spans="8:8">
      <c r="H342505" s="12"/>
    </row>
    <row r="342506" spans="8:8">
      <c r="H342506" s="12"/>
    </row>
    <row r="342507" spans="8:8">
      <c r="H342507" s="12"/>
    </row>
    <row r="342508" spans="8:8">
      <c r="H342508" s="12"/>
    </row>
    <row r="342509" spans="8:8">
      <c r="H342509" s="12"/>
    </row>
    <row r="342510" spans="8:8">
      <c r="H342510" s="12"/>
    </row>
    <row r="342511" spans="8:8">
      <c r="H342511" s="12"/>
    </row>
    <row r="342512" spans="8:8">
      <c r="H342512" s="12"/>
    </row>
    <row r="342513" spans="8:8">
      <c r="H342513" s="12"/>
    </row>
    <row r="342514" spans="8:8">
      <c r="H342514" s="12"/>
    </row>
    <row r="342515" spans="8:8">
      <c r="H342515" s="12"/>
    </row>
    <row r="342516" spans="8:8">
      <c r="H342516" s="12"/>
    </row>
    <row r="342517" spans="8:8">
      <c r="H342517" s="12"/>
    </row>
    <row r="342518" spans="8:8">
      <c r="H342518" s="12"/>
    </row>
    <row r="342519" spans="8:8">
      <c r="H342519" s="12"/>
    </row>
    <row r="342520" spans="8:8">
      <c r="H342520" s="12"/>
    </row>
    <row r="342521" spans="8:8">
      <c r="H342521" s="12"/>
    </row>
    <row r="342522" spans="8:8">
      <c r="H342522" s="12"/>
    </row>
    <row r="342523" spans="8:8">
      <c r="H342523" s="12"/>
    </row>
    <row r="342524" spans="8:8">
      <c r="H342524" s="12"/>
    </row>
    <row r="342525" spans="8:8">
      <c r="H342525" s="12"/>
    </row>
    <row r="342526" spans="8:8">
      <c r="H342526" s="12"/>
    </row>
    <row r="342527" spans="8:8">
      <c r="H342527" s="12"/>
    </row>
    <row r="342528" spans="8:8">
      <c r="H342528" s="12"/>
    </row>
    <row r="342529" spans="8:8">
      <c r="H342529" s="12"/>
    </row>
    <row r="342530" spans="8:8">
      <c r="H342530" s="12"/>
    </row>
    <row r="342531" spans="8:8">
      <c r="H342531" s="12"/>
    </row>
    <row r="342532" spans="8:8">
      <c r="H342532" s="12"/>
    </row>
    <row r="342533" spans="8:8">
      <c r="H342533" s="12"/>
    </row>
    <row r="342534" spans="8:8">
      <c r="H342534" s="12"/>
    </row>
    <row r="342535" spans="8:8">
      <c r="H342535" s="12"/>
    </row>
    <row r="342536" spans="8:8">
      <c r="H342536" s="12"/>
    </row>
    <row r="342537" spans="8:8">
      <c r="H342537" s="12"/>
    </row>
    <row r="342538" spans="8:8">
      <c r="H342538" s="12"/>
    </row>
    <row r="342539" spans="8:8">
      <c r="H342539" s="12"/>
    </row>
    <row r="342540" spans="8:8">
      <c r="H342540" s="12"/>
    </row>
    <row r="342541" spans="8:8">
      <c r="H342541" s="12"/>
    </row>
    <row r="342542" spans="8:8">
      <c r="H342542" s="12"/>
    </row>
    <row r="342543" spans="8:8">
      <c r="H342543" s="12"/>
    </row>
    <row r="342544" spans="8:8">
      <c r="H342544" s="12"/>
    </row>
    <row r="342545" spans="8:8">
      <c r="H342545" s="12"/>
    </row>
    <row r="342546" spans="8:8">
      <c r="H342546" s="12"/>
    </row>
    <row r="342547" spans="8:8">
      <c r="H342547" s="12"/>
    </row>
    <row r="342548" spans="8:8">
      <c r="H342548" s="12"/>
    </row>
    <row r="342549" spans="8:8">
      <c r="H342549" s="12"/>
    </row>
    <row r="342550" spans="8:8">
      <c r="H342550" s="12"/>
    </row>
    <row r="342551" spans="8:8">
      <c r="H342551" s="12"/>
    </row>
    <row r="342552" spans="8:8">
      <c r="H342552" s="12"/>
    </row>
    <row r="342553" spans="8:8">
      <c r="H342553" s="12"/>
    </row>
    <row r="342554" spans="8:8">
      <c r="H342554" s="12"/>
    </row>
    <row r="342555" spans="8:8">
      <c r="H342555" s="12"/>
    </row>
    <row r="342556" spans="8:8">
      <c r="H342556" s="12"/>
    </row>
    <row r="342557" spans="8:8">
      <c r="H342557" s="12"/>
    </row>
    <row r="342558" spans="8:8">
      <c r="H342558" s="12"/>
    </row>
    <row r="342559" spans="8:8">
      <c r="H342559" s="12"/>
    </row>
    <row r="342560" spans="8:8">
      <c r="H342560" s="12"/>
    </row>
    <row r="342561" spans="8:8">
      <c r="H342561" s="12"/>
    </row>
    <row r="342562" spans="8:8">
      <c r="H342562" s="12"/>
    </row>
    <row r="342563" spans="8:8">
      <c r="H342563" s="12"/>
    </row>
    <row r="342564" spans="8:8">
      <c r="H342564" s="12"/>
    </row>
    <row r="342565" spans="8:8">
      <c r="H342565" s="12"/>
    </row>
    <row r="342566" spans="8:8">
      <c r="H342566" s="12"/>
    </row>
    <row r="342567" spans="8:8">
      <c r="H342567" s="12"/>
    </row>
    <row r="342568" spans="8:8">
      <c r="H342568" s="12"/>
    </row>
    <row r="342569" spans="8:8">
      <c r="H342569" s="12"/>
    </row>
    <row r="342570" spans="8:8">
      <c r="H342570" s="12"/>
    </row>
    <row r="342571" spans="8:8">
      <c r="H342571" s="12"/>
    </row>
    <row r="342572" spans="8:8">
      <c r="H342572" s="12"/>
    </row>
    <row r="342573" spans="8:8">
      <c r="H342573" s="12"/>
    </row>
    <row r="342574" spans="8:8">
      <c r="H342574" s="12"/>
    </row>
    <row r="342575" spans="8:8">
      <c r="H342575" s="12"/>
    </row>
    <row r="342576" spans="8:8">
      <c r="H342576" s="12"/>
    </row>
    <row r="342577" spans="8:8">
      <c r="H342577" s="12"/>
    </row>
    <row r="342578" spans="8:8">
      <c r="H342578" s="12"/>
    </row>
    <row r="342579" spans="8:8">
      <c r="H342579" s="12"/>
    </row>
    <row r="342580" spans="8:8">
      <c r="H342580" s="12"/>
    </row>
    <row r="342581" spans="8:8">
      <c r="H342581" s="12"/>
    </row>
    <row r="342582" spans="8:8">
      <c r="H342582" s="12"/>
    </row>
    <row r="342583" spans="8:8">
      <c r="H342583" s="12"/>
    </row>
    <row r="342584" spans="8:8">
      <c r="H342584" s="12"/>
    </row>
    <row r="342585" spans="8:8">
      <c r="H342585" s="12"/>
    </row>
    <row r="342586" spans="8:8">
      <c r="H342586" s="12"/>
    </row>
    <row r="342587" spans="8:8">
      <c r="H342587" s="12"/>
    </row>
    <row r="342588" spans="8:8">
      <c r="H342588" s="12"/>
    </row>
    <row r="342589" spans="8:8">
      <c r="H342589" s="12"/>
    </row>
    <row r="342590" spans="8:8">
      <c r="H342590" s="12"/>
    </row>
    <row r="342591" spans="8:8">
      <c r="H342591" s="12"/>
    </row>
    <row r="342592" spans="8:8">
      <c r="H342592" s="12"/>
    </row>
    <row r="342593" spans="8:8">
      <c r="H342593" s="12"/>
    </row>
    <row r="342594" spans="8:8">
      <c r="H342594" s="12"/>
    </row>
    <row r="342595" spans="8:8">
      <c r="H342595" s="12"/>
    </row>
    <row r="342596" spans="8:8">
      <c r="H342596" s="12"/>
    </row>
    <row r="342597" spans="8:8">
      <c r="H342597" s="12"/>
    </row>
    <row r="342598" spans="8:8">
      <c r="H342598" s="12"/>
    </row>
    <row r="342599" spans="8:8">
      <c r="H342599" s="12"/>
    </row>
    <row r="342600" spans="8:8">
      <c r="H342600" s="12"/>
    </row>
    <row r="342601" spans="8:8">
      <c r="H342601" s="12"/>
    </row>
    <row r="342602" spans="8:8">
      <c r="H342602" s="12"/>
    </row>
    <row r="342603" spans="8:8">
      <c r="H342603" s="12"/>
    </row>
    <row r="342604" spans="8:8">
      <c r="H342604" s="12"/>
    </row>
    <row r="342605" spans="8:8">
      <c r="H342605" s="12"/>
    </row>
    <row r="342606" spans="8:8">
      <c r="H342606" s="12"/>
    </row>
    <row r="342607" spans="8:8">
      <c r="H342607" s="12"/>
    </row>
    <row r="342608" spans="8:8">
      <c r="H342608" s="12"/>
    </row>
    <row r="342609" spans="8:8">
      <c r="H342609" s="12"/>
    </row>
    <row r="342610" spans="8:8">
      <c r="H342610" s="12"/>
    </row>
    <row r="342611" spans="8:8">
      <c r="H342611" s="12"/>
    </row>
    <row r="342612" spans="8:8">
      <c r="H342612" s="12"/>
    </row>
    <row r="342613" spans="8:8">
      <c r="H342613" s="12"/>
    </row>
    <row r="342614" spans="8:8">
      <c r="H342614" s="12"/>
    </row>
    <row r="342615" spans="8:8">
      <c r="H342615" s="12"/>
    </row>
    <row r="342616" spans="8:8">
      <c r="H342616" s="12"/>
    </row>
    <row r="342617" spans="8:8">
      <c r="H342617" s="12"/>
    </row>
    <row r="342618" spans="8:8">
      <c r="H342618" s="12"/>
    </row>
    <row r="342619" spans="8:8">
      <c r="H342619" s="12"/>
    </row>
    <row r="342620" spans="8:8">
      <c r="H342620" s="12"/>
    </row>
    <row r="342621" spans="8:8">
      <c r="H342621" s="12"/>
    </row>
    <row r="342622" spans="8:8">
      <c r="H342622" s="12"/>
    </row>
    <row r="342623" spans="8:8">
      <c r="H342623" s="12"/>
    </row>
    <row r="342624" spans="8:8">
      <c r="H342624" s="12"/>
    </row>
    <row r="342625" spans="8:8">
      <c r="H342625" s="12"/>
    </row>
    <row r="342626" spans="8:8">
      <c r="H342626" s="12"/>
    </row>
    <row r="342627" spans="8:8">
      <c r="H342627" s="12"/>
    </row>
    <row r="342628" spans="8:8">
      <c r="H342628" s="12"/>
    </row>
    <row r="342629" spans="8:8">
      <c r="H342629" s="12"/>
    </row>
    <row r="342630" spans="8:8">
      <c r="H342630" s="12"/>
    </row>
    <row r="342631" spans="8:8">
      <c r="H342631" s="12"/>
    </row>
    <row r="342632" spans="8:8">
      <c r="H342632" s="12"/>
    </row>
    <row r="342633" spans="8:8">
      <c r="H342633" s="12"/>
    </row>
    <row r="342634" spans="8:8">
      <c r="H342634" s="12"/>
    </row>
    <row r="342635" spans="8:8">
      <c r="H342635" s="12"/>
    </row>
    <row r="342636" spans="8:8">
      <c r="H342636" s="12"/>
    </row>
    <row r="342637" spans="8:8">
      <c r="H342637" s="12"/>
    </row>
    <row r="342638" spans="8:8">
      <c r="H342638" s="12"/>
    </row>
    <row r="342639" spans="8:8">
      <c r="H342639" s="12"/>
    </row>
    <row r="342640" spans="8:8">
      <c r="H342640" s="12"/>
    </row>
    <row r="342641" spans="8:8">
      <c r="H342641" s="12"/>
    </row>
    <row r="342642" spans="8:8">
      <c r="H342642" s="12"/>
    </row>
    <row r="342643" spans="8:8">
      <c r="H342643" s="12"/>
    </row>
    <row r="342644" spans="8:8">
      <c r="H342644" s="12"/>
    </row>
    <row r="342645" spans="8:8">
      <c r="H342645" s="12"/>
    </row>
    <row r="342646" spans="8:8">
      <c r="H342646" s="12"/>
    </row>
    <row r="342647" spans="8:8">
      <c r="H342647" s="12"/>
    </row>
    <row r="342648" spans="8:8">
      <c r="H342648" s="12"/>
    </row>
    <row r="342649" spans="8:8">
      <c r="H342649" s="12"/>
    </row>
    <row r="342650" spans="8:8">
      <c r="H342650" s="12"/>
    </row>
    <row r="342651" spans="8:8">
      <c r="H342651" s="12"/>
    </row>
    <row r="342652" spans="8:8">
      <c r="H342652" s="12"/>
    </row>
    <row r="342653" spans="8:8">
      <c r="H342653" s="12"/>
    </row>
    <row r="342654" spans="8:8">
      <c r="H342654" s="12"/>
    </row>
    <row r="342655" spans="8:8">
      <c r="H342655" s="12"/>
    </row>
    <row r="342656" spans="8:8">
      <c r="H342656" s="12"/>
    </row>
    <row r="342657" spans="8:8">
      <c r="H342657" s="12"/>
    </row>
    <row r="342658" spans="8:8">
      <c r="H342658" s="12"/>
    </row>
    <row r="342659" spans="8:8">
      <c r="H342659" s="12"/>
    </row>
    <row r="342660" spans="8:8">
      <c r="H342660" s="12"/>
    </row>
    <row r="342661" spans="8:8">
      <c r="H342661" s="12"/>
    </row>
    <row r="342662" spans="8:8">
      <c r="H342662" s="12"/>
    </row>
    <row r="342663" spans="8:8">
      <c r="H342663" s="12"/>
    </row>
    <row r="342664" spans="8:8">
      <c r="H342664" s="12"/>
    </row>
    <row r="342665" spans="8:8">
      <c r="H342665" s="12"/>
    </row>
    <row r="342666" spans="8:8">
      <c r="H342666" s="12"/>
    </row>
    <row r="342667" spans="8:8">
      <c r="H342667" s="12"/>
    </row>
    <row r="342668" spans="8:8">
      <c r="H342668" s="12"/>
    </row>
    <row r="342669" spans="8:8">
      <c r="H342669" s="12"/>
    </row>
    <row r="342670" spans="8:8">
      <c r="H342670" s="12"/>
    </row>
    <row r="342671" spans="8:8">
      <c r="H342671" s="12"/>
    </row>
    <row r="342672" spans="8:8">
      <c r="H342672" s="12"/>
    </row>
    <row r="342673" spans="8:8">
      <c r="H342673" s="12"/>
    </row>
    <row r="342674" spans="8:8">
      <c r="H342674" s="12"/>
    </row>
    <row r="342675" spans="8:8">
      <c r="H342675" s="12"/>
    </row>
    <row r="342676" spans="8:8">
      <c r="H342676" s="12"/>
    </row>
    <row r="342677" spans="8:8">
      <c r="H342677" s="12"/>
    </row>
    <row r="342678" spans="8:8">
      <c r="H342678" s="12"/>
    </row>
    <row r="342679" spans="8:8">
      <c r="H342679" s="12"/>
    </row>
    <row r="342680" spans="8:8">
      <c r="H342680" s="12"/>
    </row>
    <row r="342681" spans="8:8">
      <c r="H342681" s="12"/>
    </row>
    <row r="342682" spans="8:8">
      <c r="H342682" s="12"/>
    </row>
    <row r="342683" spans="8:8">
      <c r="H342683" s="12"/>
    </row>
    <row r="342684" spans="8:8">
      <c r="H342684" s="12"/>
    </row>
    <row r="342685" spans="8:8">
      <c r="H342685" s="12"/>
    </row>
    <row r="342686" spans="8:8">
      <c r="H342686" s="12"/>
    </row>
    <row r="342687" spans="8:8">
      <c r="H342687" s="12"/>
    </row>
    <row r="342688" spans="8:8">
      <c r="H342688" s="12"/>
    </row>
    <row r="342689" spans="8:8">
      <c r="H342689" s="12"/>
    </row>
    <row r="342690" spans="8:8">
      <c r="H342690" s="12"/>
    </row>
    <row r="342691" spans="8:8">
      <c r="H342691" s="12"/>
    </row>
    <row r="342692" spans="8:8">
      <c r="H342692" s="12"/>
    </row>
    <row r="342693" spans="8:8">
      <c r="H342693" s="12"/>
    </row>
    <row r="342694" spans="8:8">
      <c r="H342694" s="12"/>
    </row>
    <row r="342695" spans="8:8">
      <c r="H342695" s="12"/>
    </row>
    <row r="342696" spans="8:8">
      <c r="H342696" s="12"/>
    </row>
    <row r="342697" spans="8:8">
      <c r="H342697" s="12"/>
    </row>
    <row r="342698" spans="8:8">
      <c r="H342698" s="12"/>
    </row>
    <row r="342699" spans="8:8">
      <c r="H342699" s="12"/>
    </row>
    <row r="342700" spans="8:8">
      <c r="H342700" s="12"/>
    </row>
    <row r="342701" spans="8:8">
      <c r="H342701" s="12"/>
    </row>
    <row r="342702" spans="8:8">
      <c r="H342702" s="12"/>
    </row>
    <row r="342703" spans="8:8">
      <c r="H342703" s="12"/>
    </row>
    <row r="342704" spans="8:8">
      <c r="H342704" s="12"/>
    </row>
    <row r="342705" spans="8:8">
      <c r="H342705" s="12"/>
    </row>
    <row r="342706" spans="8:8">
      <c r="H342706" s="12"/>
    </row>
    <row r="342707" spans="8:8">
      <c r="H342707" s="12"/>
    </row>
    <row r="342708" spans="8:8">
      <c r="H342708" s="12"/>
    </row>
    <row r="342709" spans="8:8">
      <c r="H342709" s="12"/>
    </row>
    <row r="342710" spans="8:8">
      <c r="H342710" s="12"/>
    </row>
    <row r="342711" spans="8:8">
      <c r="H342711" s="12"/>
    </row>
    <row r="342712" spans="8:8">
      <c r="H342712" s="12"/>
    </row>
    <row r="342713" spans="8:8">
      <c r="H342713" s="12"/>
    </row>
    <row r="342714" spans="8:8">
      <c r="H342714" s="12"/>
    </row>
    <row r="342715" spans="8:8">
      <c r="H342715" s="12"/>
    </row>
    <row r="342716" spans="8:8">
      <c r="H342716" s="12"/>
    </row>
    <row r="342717" spans="8:8">
      <c r="H342717" s="12"/>
    </row>
    <row r="342718" spans="8:8">
      <c r="H342718" s="12"/>
    </row>
    <row r="342719" spans="8:8">
      <c r="H342719" s="12"/>
    </row>
    <row r="342720" spans="8:8">
      <c r="H342720" s="12"/>
    </row>
    <row r="342721" spans="8:8">
      <c r="H342721" s="12"/>
    </row>
    <row r="342722" spans="8:8">
      <c r="H342722" s="12"/>
    </row>
    <row r="342723" spans="8:8">
      <c r="H342723" s="12"/>
    </row>
    <row r="342724" spans="8:8">
      <c r="H342724" s="12"/>
    </row>
    <row r="342725" spans="8:8">
      <c r="H342725" s="12"/>
    </row>
    <row r="342726" spans="8:8">
      <c r="H342726" s="12"/>
    </row>
    <row r="342727" spans="8:8">
      <c r="H342727" s="12"/>
    </row>
    <row r="342728" spans="8:8">
      <c r="H342728" s="12"/>
    </row>
    <row r="342729" spans="8:8">
      <c r="H342729" s="12"/>
    </row>
    <row r="342730" spans="8:8">
      <c r="H342730" s="12"/>
    </row>
    <row r="342731" spans="8:8">
      <c r="H342731" s="12"/>
    </row>
    <row r="342732" spans="8:8">
      <c r="H342732" s="12"/>
    </row>
    <row r="342733" spans="8:8">
      <c r="H342733" s="12"/>
    </row>
    <row r="342734" spans="8:8">
      <c r="H342734" s="12"/>
    </row>
    <row r="342735" spans="8:8">
      <c r="H342735" s="12"/>
    </row>
    <row r="342736" spans="8:8">
      <c r="H342736" s="12"/>
    </row>
    <row r="342737" spans="8:8">
      <c r="H342737" s="12"/>
    </row>
    <row r="342738" spans="8:8">
      <c r="H342738" s="12"/>
    </row>
    <row r="342739" spans="8:8">
      <c r="H342739" s="12"/>
    </row>
    <row r="342740" spans="8:8">
      <c r="H342740" s="12"/>
    </row>
    <row r="342741" spans="8:8">
      <c r="H342741" s="12"/>
    </row>
    <row r="342742" spans="8:8">
      <c r="H342742" s="12"/>
    </row>
    <row r="342743" spans="8:8">
      <c r="H342743" s="12"/>
    </row>
    <row r="342744" spans="8:8">
      <c r="H342744" s="12"/>
    </row>
    <row r="342745" spans="8:8">
      <c r="H342745" s="12"/>
    </row>
    <row r="342746" spans="8:8">
      <c r="H342746" s="12"/>
    </row>
    <row r="342747" spans="8:8">
      <c r="H342747" s="12"/>
    </row>
    <row r="342748" spans="8:8">
      <c r="H342748" s="12"/>
    </row>
    <row r="342749" spans="8:8">
      <c r="H342749" s="12"/>
    </row>
    <row r="342750" spans="8:8">
      <c r="H342750" s="12"/>
    </row>
    <row r="342751" spans="8:8">
      <c r="H342751" s="12"/>
    </row>
    <row r="342752" spans="8:8">
      <c r="H342752" s="12"/>
    </row>
    <row r="342753" spans="8:8">
      <c r="H342753" s="12"/>
    </row>
    <row r="342754" spans="8:8">
      <c r="H342754" s="12"/>
    </row>
    <row r="342755" spans="8:8">
      <c r="H342755" s="12"/>
    </row>
    <row r="342756" spans="8:8">
      <c r="H342756" s="12"/>
    </row>
    <row r="342757" spans="8:8">
      <c r="H342757" s="12"/>
    </row>
    <row r="342758" spans="8:8">
      <c r="H342758" s="12"/>
    </row>
    <row r="342759" spans="8:8">
      <c r="H342759" s="12"/>
    </row>
    <row r="342760" spans="8:8">
      <c r="H342760" s="12"/>
    </row>
    <row r="342761" spans="8:8">
      <c r="H342761" s="12"/>
    </row>
    <row r="342762" spans="8:8">
      <c r="H342762" s="12"/>
    </row>
    <row r="342763" spans="8:8">
      <c r="H342763" s="12"/>
    </row>
    <row r="342764" spans="8:8">
      <c r="H342764" s="12"/>
    </row>
    <row r="342765" spans="8:8">
      <c r="H342765" s="12"/>
    </row>
    <row r="342766" spans="8:8">
      <c r="H342766" s="12"/>
    </row>
    <row r="342767" spans="8:8">
      <c r="H342767" s="12"/>
    </row>
    <row r="342768" spans="8:8">
      <c r="H342768" s="12"/>
    </row>
    <row r="342769" spans="8:8">
      <c r="H342769" s="12"/>
    </row>
    <row r="342770" spans="8:8">
      <c r="H342770" s="12"/>
    </row>
    <row r="342771" spans="8:8">
      <c r="H342771" s="12"/>
    </row>
    <row r="342772" spans="8:8">
      <c r="H342772" s="12"/>
    </row>
    <row r="342773" spans="8:8">
      <c r="H342773" s="12"/>
    </row>
    <row r="342774" spans="8:8">
      <c r="H342774" s="12"/>
    </row>
    <row r="342775" spans="8:8">
      <c r="H342775" s="12"/>
    </row>
    <row r="342776" spans="8:8">
      <c r="H342776" s="12"/>
    </row>
    <row r="342777" spans="8:8">
      <c r="H342777" s="12"/>
    </row>
    <row r="342778" spans="8:8">
      <c r="H342778" s="12"/>
    </row>
    <row r="342779" spans="8:8">
      <c r="H342779" s="12"/>
    </row>
    <row r="342780" spans="8:8">
      <c r="H342780" s="12"/>
    </row>
    <row r="342781" spans="8:8">
      <c r="H342781" s="12"/>
    </row>
    <row r="342782" spans="8:8">
      <c r="H342782" s="12"/>
    </row>
    <row r="342783" spans="8:8">
      <c r="H342783" s="12"/>
    </row>
    <row r="342784" spans="8:8">
      <c r="H342784" s="12"/>
    </row>
    <row r="342785" spans="8:8">
      <c r="H342785" s="12"/>
    </row>
    <row r="342786" spans="8:8">
      <c r="H342786" s="12"/>
    </row>
    <row r="342787" spans="8:8">
      <c r="H342787" s="12"/>
    </row>
    <row r="342788" spans="8:8">
      <c r="H342788" s="12"/>
    </row>
    <row r="342789" spans="8:8">
      <c r="H342789" s="12"/>
    </row>
    <row r="342790" spans="8:8">
      <c r="H342790" s="12"/>
    </row>
    <row r="342791" spans="8:8">
      <c r="H342791" s="12"/>
    </row>
    <row r="342792" spans="8:8">
      <c r="H342792" s="12"/>
    </row>
    <row r="342793" spans="8:8">
      <c r="H342793" s="12"/>
    </row>
    <row r="342794" spans="8:8">
      <c r="H342794" s="12"/>
    </row>
    <row r="342795" spans="8:8">
      <c r="H342795" s="12"/>
    </row>
    <row r="342796" spans="8:8">
      <c r="H342796" s="12"/>
    </row>
    <row r="342797" spans="8:8">
      <c r="H342797" s="12"/>
    </row>
    <row r="342798" spans="8:8">
      <c r="H342798" s="12"/>
    </row>
    <row r="342799" spans="8:8">
      <c r="H342799" s="12"/>
    </row>
    <row r="342800" spans="8:8">
      <c r="H342800" s="12"/>
    </row>
    <row r="342801" spans="8:8">
      <c r="H342801" s="12"/>
    </row>
    <row r="342802" spans="8:8">
      <c r="H342802" s="12"/>
    </row>
    <row r="342803" spans="8:8">
      <c r="H342803" s="12"/>
    </row>
    <row r="342804" spans="8:8">
      <c r="H342804" s="12"/>
    </row>
    <row r="342805" spans="8:8">
      <c r="H342805" s="12"/>
    </row>
    <row r="342806" spans="8:8">
      <c r="H342806" s="12"/>
    </row>
    <row r="342807" spans="8:8">
      <c r="H342807" s="12"/>
    </row>
    <row r="342808" spans="8:8">
      <c r="H342808" s="12"/>
    </row>
    <row r="342809" spans="8:8">
      <c r="H342809" s="12"/>
    </row>
    <row r="342810" spans="8:8">
      <c r="H342810" s="12"/>
    </row>
    <row r="342811" spans="8:8">
      <c r="H342811" s="12"/>
    </row>
    <row r="342812" spans="8:8">
      <c r="H342812" s="12"/>
    </row>
    <row r="342813" spans="8:8">
      <c r="H342813" s="12"/>
    </row>
    <row r="342814" spans="8:8">
      <c r="H342814" s="12"/>
    </row>
    <row r="342815" spans="8:8">
      <c r="H342815" s="12"/>
    </row>
    <row r="342816" spans="8:8">
      <c r="H342816" s="12"/>
    </row>
    <row r="342817" spans="8:8">
      <c r="H342817" s="12"/>
    </row>
    <row r="342818" spans="8:8">
      <c r="H342818" s="12"/>
    </row>
    <row r="342819" spans="8:8">
      <c r="H342819" s="12"/>
    </row>
    <row r="342820" spans="8:8">
      <c r="H342820" s="12"/>
    </row>
    <row r="342821" spans="8:8">
      <c r="H342821" s="12"/>
    </row>
    <row r="342822" spans="8:8">
      <c r="H342822" s="12"/>
    </row>
    <row r="342823" spans="8:8">
      <c r="H342823" s="12"/>
    </row>
    <row r="342824" spans="8:8">
      <c r="H342824" s="12"/>
    </row>
    <row r="342825" spans="8:8">
      <c r="H342825" s="12"/>
    </row>
    <row r="342826" spans="8:8">
      <c r="H342826" s="12"/>
    </row>
    <row r="342827" spans="8:8">
      <c r="H342827" s="12"/>
    </row>
    <row r="342828" spans="8:8">
      <c r="H342828" s="12"/>
    </row>
    <row r="342829" spans="8:8">
      <c r="H342829" s="12"/>
    </row>
    <row r="342830" spans="8:8">
      <c r="H342830" s="12"/>
    </row>
    <row r="342831" spans="8:8">
      <c r="H342831" s="12"/>
    </row>
    <row r="342832" spans="8:8">
      <c r="H342832" s="12"/>
    </row>
    <row r="342833" spans="8:8">
      <c r="H342833" s="12"/>
    </row>
    <row r="342834" spans="8:8">
      <c r="H342834" s="12"/>
    </row>
    <row r="342835" spans="8:8">
      <c r="H342835" s="12"/>
    </row>
    <row r="342836" spans="8:8">
      <c r="H342836" s="12"/>
    </row>
    <row r="342837" spans="8:8">
      <c r="H342837" s="12"/>
    </row>
    <row r="342838" spans="8:8">
      <c r="H342838" s="12"/>
    </row>
    <row r="342839" spans="8:8">
      <c r="H342839" s="12"/>
    </row>
    <row r="342840" spans="8:8">
      <c r="H342840" s="12"/>
    </row>
    <row r="342841" spans="8:8">
      <c r="H342841" s="12"/>
    </row>
    <row r="342842" spans="8:8">
      <c r="H342842" s="12"/>
    </row>
    <row r="342843" spans="8:8">
      <c r="H342843" s="12"/>
    </row>
    <row r="342844" spans="8:8">
      <c r="H342844" s="12"/>
    </row>
    <row r="342845" spans="8:8">
      <c r="H342845" s="12"/>
    </row>
    <row r="342846" spans="8:8">
      <c r="H342846" s="12"/>
    </row>
    <row r="342847" spans="8:8">
      <c r="H342847" s="12"/>
    </row>
    <row r="342848" spans="8:8">
      <c r="H342848" s="12"/>
    </row>
    <row r="342849" spans="8:8">
      <c r="H342849" s="12"/>
    </row>
    <row r="342850" spans="8:8">
      <c r="H342850" s="12"/>
    </row>
    <row r="342851" spans="8:8">
      <c r="H342851" s="12"/>
    </row>
    <row r="342852" spans="8:8">
      <c r="H342852" s="12"/>
    </row>
    <row r="342853" spans="8:8">
      <c r="H342853" s="12"/>
    </row>
    <row r="342854" spans="8:8">
      <c r="H342854" s="12"/>
    </row>
    <row r="342855" spans="8:8">
      <c r="H342855" s="12"/>
    </row>
    <row r="342856" spans="8:8">
      <c r="H342856" s="12"/>
    </row>
    <row r="342857" spans="8:8">
      <c r="H342857" s="12"/>
    </row>
    <row r="342858" spans="8:8">
      <c r="H342858" s="12"/>
    </row>
    <row r="342859" spans="8:8">
      <c r="H342859" s="12"/>
    </row>
    <row r="342860" spans="8:8">
      <c r="H342860" s="12"/>
    </row>
    <row r="342861" spans="8:8">
      <c r="H342861" s="12"/>
    </row>
    <row r="342862" spans="8:8">
      <c r="H342862" s="12"/>
    </row>
    <row r="342863" spans="8:8">
      <c r="H342863" s="12"/>
    </row>
    <row r="342864" spans="8:8">
      <c r="H342864" s="12"/>
    </row>
    <row r="342865" spans="8:8">
      <c r="H342865" s="12"/>
    </row>
    <row r="342866" spans="8:8">
      <c r="H342866" s="12"/>
    </row>
    <row r="342867" spans="8:8">
      <c r="H342867" s="12"/>
    </row>
    <row r="342868" spans="8:8">
      <c r="H342868" s="12"/>
    </row>
    <row r="342869" spans="8:8">
      <c r="H342869" s="12"/>
    </row>
    <row r="342870" spans="8:8">
      <c r="H342870" s="12"/>
    </row>
    <row r="342871" spans="8:8">
      <c r="H342871" s="12"/>
    </row>
    <row r="342872" spans="8:8">
      <c r="H342872" s="12"/>
    </row>
    <row r="342873" spans="8:8">
      <c r="H342873" s="12"/>
    </row>
    <row r="342874" spans="8:8">
      <c r="H342874" s="12"/>
    </row>
    <row r="342875" spans="8:8">
      <c r="H342875" s="12"/>
    </row>
    <row r="342876" spans="8:8">
      <c r="H342876" s="12"/>
    </row>
    <row r="342877" spans="8:8">
      <c r="H342877" s="12"/>
    </row>
    <row r="342878" spans="8:8">
      <c r="H342878" s="12"/>
    </row>
    <row r="342879" spans="8:8">
      <c r="H342879" s="12"/>
    </row>
    <row r="342880" spans="8:8">
      <c r="H342880" s="12"/>
    </row>
    <row r="342881" spans="8:8">
      <c r="H342881" s="12"/>
    </row>
    <row r="342882" spans="8:8">
      <c r="H342882" s="12"/>
    </row>
    <row r="342883" spans="8:8">
      <c r="H342883" s="12"/>
    </row>
    <row r="342884" spans="8:8">
      <c r="H342884" s="12"/>
    </row>
    <row r="342885" spans="8:8">
      <c r="H342885" s="12"/>
    </row>
    <row r="342886" spans="8:8">
      <c r="H342886" s="12"/>
    </row>
    <row r="342887" spans="8:8">
      <c r="H342887" s="12"/>
    </row>
    <row r="342888" spans="8:8">
      <c r="H342888" s="12"/>
    </row>
    <row r="342889" spans="8:8">
      <c r="H342889" s="12"/>
    </row>
    <row r="342890" spans="8:8">
      <c r="H342890" s="12"/>
    </row>
    <row r="342891" spans="8:8">
      <c r="H342891" s="12"/>
    </row>
    <row r="342892" spans="8:8">
      <c r="H342892" s="12"/>
    </row>
    <row r="342893" spans="8:8">
      <c r="H342893" s="12"/>
    </row>
    <row r="342894" spans="8:8">
      <c r="H342894" s="12"/>
    </row>
    <row r="342895" spans="8:8">
      <c r="H342895" s="12"/>
    </row>
    <row r="342896" spans="8:8">
      <c r="H342896" s="12"/>
    </row>
    <row r="342897" spans="8:8">
      <c r="H342897" s="12"/>
    </row>
    <row r="342898" spans="8:8">
      <c r="H342898" s="12"/>
    </row>
    <row r="342899" spans="8:8">
      <c r="H342899" s="12"/>
    </row>
    <row r="342900" spans="8:8">
      <c r="H342900" s="12"/>
    </row>
    <row r="342901" spans="8:8">
      <c r="H342901" s="12"/>
    </row>
    <row r="342902" spans="8:8">
      <c r="H342902" s="12"/>
    </row>
    <row r="342903" spans="8:8">
      <c r="H342903" s="12"/>
    </row>
    <row r="342904" spans="8:8">
      <c r="H342904" s="12"/>
    </row>
    <row r="342905" spans="8:8">
      <c r="H342905" s="12"/>
    </row>
    <row r="342906" spans="8:8">
      <c r="H342906" s="12"/>
    </row>
    <row r="342907" spans="8:8">
      <c r="H342907" s="12"/>
    </row>
    <row r="342908" spans="8:8">
      <c r="H342908" s="12"/>
    </row>
    <row r="342909" spans="8:8">
      <c r="H342909" s="12"/>
    </row>
    <row r="342910" spans="8:8">
      <c r="H342910" s="12"/>
    </row>
    <row r="342911" spans="8:8">
      <c r="H342911" s="12"/>
    </row>
    <row r="342912" spans="8:8">
      <c r="H342912" s="12"/>
    </row>
    <row r="342913" spans="8:8">
      <c r="H342913" s="12"/>
    </row>
    <row r="342914" spans="8:8">
      <c r="H342914" s="12"/>
    </row>
    <row r="342915" spans="8:8">
      <c r="H342915" s="12"/>
    </row>
    <row r="342916" spans="8:8">
      <c r="H342916" s="12"/>
    </row>
    <row r="342917" spans="8:8">
      <c r="H342917" s="12"/>
    </row>
    <row r="342918" spans="8:8">
      <c r="H342918" s="12"/>
    </row>
    <row r="342919" spans="8:8">
      <c r="H342919" s="12"/>
    </row>
    <row r="342920" spans="8:8">
      <c r="H342920" s="12"/>
    </row>
    <row r="342921" spans="8:8">
      <c r="H342921" s="12"/>
    </row>
    <row r="342922" spans="8:8">
      <c r="H342922" s="12"/>
    </row>
    <row r="342923" spans="8:8">
      <c r="H342923" s="12"/>
    </row>
    <row r="342924" spans="8:8">
      <c r="H342924" s="12"/>
    </row>
    <row r="342925" spans="8:8">
      <c r="H342925" s="12"/>
    </row>
    <row r="342926" spans="8:8">
      <c r="H342926" s="12"/>
    </row>
    <row r="342927" spans="8:8">
      <c r="H342927" s="12"/>
    </row>
    <row r="342928" spans="8:8">
      <c r="H342928" s="12"/>
    </row>
    <row r="342929" spans="8:8">
      <c r="H342929" s="12"/>
    </row>
    <row r="342930" spans="8:8">
      <c r="H342930" s="12"/>
    </row>
    <row r="342931" spans="8:8">
      <c r="H342931" s="12"/>
    </row>
    <row r="342932" spans="8:8">
      <c r="H342932" s="12"/>
    </row>
    <row r="342933" spans="8:8">
      <c r="H342933" s="12"/>
    </row>
    <row r="342934" spans="8:8">
      <c r="H342934" s="12"/>
    </row>
    <row r="342935" spans="8:8">
      <c r="H342935" s="12"/>
    </row>
    <row r="342936" spans="8:8">
      <c r="H342936" s="12"/>
    </row>
    <row r="342937" spans="8:8">
      <c r="H342937" s="12"/>
    </row>
    <row r="342938" spans="8:8">
      <c r="H342938" s="12"/>
    </row>
    <row r="342939" spans="8:8">
      <c r="H342939" s="12"/>
    </row>
    <row r="342940" spans="8:8">
      <c r="H342940" s="12"/>
    </row>
    <row r="342941" spans="8:8">
      <c r="H342941" s="12"/>
    </row>
    <row r="342942" spans="8:8">
      <c r="H342942" s="12"/>
    </row>
    <row r="342943" spans="8:8">
      <c r="H342943" s="12"/>
    </row>
    <row r="342944" spans="8:8">
      <c r="H342944" s="12"/>
    </row>
    <row r="342945" spans="8:8">
      <c r="H342945" s="12"/>
    </row>
    <row r="342946" spans="8:8">
      <c r="H342946" s="12"/>
    </row>
    <row r="342947" spans="8:8">
      <c r="H342947" s="12"/>
    </row>
    <row r="342948" spans="8:8">
      <c r="H342948" s="12"/>
    </row>
    <row r="342949" spans="8:8">
      <c r="H342949" s="12"/>
    </row>
    <row r="342950" spans="8:8">
      <c r="H342950" s="12"/>
    </row>
    <row r="342951" spans="8:8">
      <c r="H342951" s="12"/>
    </row>
    <row r="342952" spans="8:8">
      <c r="H342952" s="12"/>
    </row>
    <row r="342953" spans="8:8">
      <c r="H342953" s="12"/>
    </row>
    <row r="342954" spans="8:8">
      <c r="H342954" s="12"/>
    </row>
    <row r="342955" spans="8:8">
      <c r="H342955" s="12"/>
    </row>
    <row r="342956" spans="8:8">
      <c r="H342956" s="12"/>
    </row>
    <row r="342957" spans="8:8">
      <c r="H342957" s="12"/>
    </row>
    <row r="342958" spans="8:8">
      <c r="H342958" s="12"/>
    </row>
    <row r="342959" spans="8:8">
      <c r="H342959" s="12"/>
    </row>
    <row r="342960" spans="8:8">
      <c r="H342960" s="12"/>
    </row>
    <row r="342961" spans="8:8">
      <c r="H342961" s="12"/>
    </row>
    <row r="342962" spans="8:8">
      <c r="H342962" s="12"/>
    </row>
    <row r="342963" spans="8:8">
      <c r="H342963" s="12"/>
    </row>
    <row r="342964" spans="8:8">
      <c r="H342964" s="12"/>
    </row>
    <row r="342965" spans="8:8">
      <c r="H342965" s="12"/>
    </row>
    <row r="342966" spans="8:8">
      <c r="H342966" s="12"/>
    </row>
    <row r="342967" spans="8:8">
      <c r="H342967" s="12"/>
    </row>
    <row r="342968" spans="8:8">
      <c r="H342968" s="12"/>
    </row>
    <row r="342969" spans="8:8">
      <c r="H342969" s="12"/>
    </row>
    <row r="342970" spans="8:8">
      <c r="H342970" s="12"/>
    </row>
    <row r="342971" spans="8:8">
      <c r="H342971" s="12"/>
    </row>
    <row r="342972" spans="8:8">
      <c r="H342972" s="12"/>
    </row>
    <row r="342973" spans="8:8">
      <c r="H342973" s="12"/>
    </row>
    <row r="342974" spans="8:8">
      <c r="H342974" s="12"/>
    </row>
    <row r="342975" spans="8:8">
      <c r="H342975" s="12"/>
    </row>
    <row r="342976" spans="8:8">
      <c r="H342976" s="12"/>
    </row>
    <row r="342977" spans="8:8">
      <c r="H342977" s="12"/>
    </row>
    <row r="342978" spans="8:8">
      <c r="H342978" s="12"/>
    </row>
    <row r="342979" spans="8:8">
      <c r="H342979" s="12"/>
    </row>
    <row r="342980" spans="8:8">
      <c r="H342980" s="12"/>
    </row>
    <row r="342981" spans="8:8">
      <c r="H342981" s="12"/>
    </row>
    <row r="342982" spans="8:8">
      <c r="H342982" s="12"/>
    </row>
    <row r="342983" spans="8:8">
      <c r="H342983" s="12"/>
    </row>
    <row r="342984" spans="8:8">
      <c r="H342984" s="12"/>
    </row>
    <row r="342985" spans="8:8">
      <c r="H342985" s="12"/>
    </row>
    <row r="342986" spans="8:8">
      <c r="H342986" s="12"/>
    </row>
    <row r="342987" spans="8:8">
      <c r="H342987" s="12"/>
    </row>
    <row r="342988" spans="8:8">
      <c r="H342988" s="12"/>
    </row>
    <row r="342989" spans="8:8">
      <c r="H342989" s="12"/>
    </row>
    <row r="342990" spans="8:8">
      <c r="H342990" s="12"/>
    </row>
    <row r="342991" spans="8:8">
      <c r="H342991" s="12"/>
    </row>
    <row r="342992" spans="8:8">
      <c r="H342992" s="12"/>
    </row>
    <row r="342993" spans="8:8">
      <c r="H342993" s="12"/>
    </row>
    <row r="342994" spans="8:8">
      <c r="H342994" s="12"/>
    </row>
    <row r="342995" spans="8:8">
      <c r="H342995" s="12"/>
    </row>
    <row r="342996" spans="8:8">
      <c r="H342996" s="12"/>
    </row>
    <row r="342997" spans="8:8">
      <c r="H342997" s="12"/>
    </row>
    <row r="342998" spans="8:8">
      <c r="H342998" s="12"/>
    </row>
    <row r="342999" spans="8:8">
      <c r="H342999" s="12"/>
    </row>
    <row r="343000" spans="8:8">
      <c r="H343000" s="12"/>
    </row>
    <row r="343001" spans="8:8">
      <c r="H343001" s="12"/>
    </row>
    <row r="343002" spans="8:8">
      <c r="H343002" s="12"/>
    </row>
    <row r="343003" spans="8:8">
      <c r="H343003" s="12"/>
    </row>
    <row r="343004" spans="8:8">
      <c r="H343004" s="12"/>
    </row>
    <row r="343005" spans="8:8">
      <c r="H343005" s="12"/>
    </row>
    <row r="343006" spans="8:8">
      <c r="H343006" s="12"/>
    </row>
    <row r="343007" spans="8:8">
      <c r="H343007" s="12"/>
    </row>
    <row r="343008" spans="8:8">
      <c r="H343008" s="12"/>
    </row>
    <row r="343009" spans="8:8">
      <c r="H343009" s="12"/>
    </row>
    <row r="343010" spans="8:8">
      <c r="H343010" s="12"/>
    </row>
    <row r="343011" spans="8:8">
      <c r="H343011" s="12"/>
    </row>
    <row r="343012" spans="8:8">
      <c r="H343012" s="12"/>
    </row>
    <row r="343013" spans="8:8">
      <c r="H343013" s="12"/>
    </row>
    <row r="343014" spans="8:8">
      <c r="H343014" s="12"/>
    </row>
    <row r="343015" spans="8:8">
      <c r="H343015" s="12"/>
    </row>
    <row r="343016" spans="8:8">
      <c r="H343016" s="12"/>
    </row>
    <row r="343017" spans="8:8">
      <c r="H343017" s="12"/>
    </row>
    <row r="343018" spans="8:8">
      <c r="H343018" s="12"/>
    </row>
    <row r="343019" spans="8:8">
      <c r="H343019" s="12"/>
    </row>
    <row r="343020" spans="8:8">
      <c r="H343020" s="12"/>
    </row>
    <row r="343021" spans="8:8">
      <c r="H343021" s="12"/>
    </row>
    <row r="343022" spans="8:8">
      <c r="H343022" s="12"/>
    </row>
    <row r="343023" spans="8:8">
      <c r="H343023" s="12"/>
    </row>
    <row r="343024" spans="8:8">
      <c r="H343024" s="12"/>
    </row>
    <row r="343025" spans="8:8">
      <c r="H343025" s="12"/>
    </row>
    <row r="343026" spans="8:8">
      <c r="H343026" s="12"/>
    </row>
    <row r="343027" spans="8:8">
      <c r="H343027" s="12"/>
    </row>
    <row r="343028" spans="8:8">
      <c r="H343028" s="12"/>
    </row>
    <row r="343029" spans="8:8">
      <c r="H343029" s="12"/>
    </row>
    <row r="343030" spans="8:8">
      <c r="H343030" s="12"/>
    </row>
    <row r="343031" spans="8:8">
      <c r="H343031" s="12"/>
    </row>
    <row r="343032" spans="8:8">
      <c r="H343032" s="12"/>
    </row>
    <row r="343033" spans="8:8">
      <c r="H343033" s="12"/>
    </row>
    <row r="343034" spans="8:8">
      <c r="H343034" s="12"/>
    </row>
    <row r="343035" spans="8:8">
      <c r="H343035" s="12"/>
    </row>
    <row r="343036" spans="8:8">
      <c r="H343036" s="12"/>
    </row>
    <row r="343037" spans="8:8">
      <c r="H343037" s="12"/>
    </row>
    <row r="343038" spans="8:8">
      <c r="H343038" s="12"/>
    </row>
    <row r="343039" spans="8:8">
      <c r="H343039" s="12"/>
    </row>
    <row r="343040" spans="8:8">
      <c r="H343040" s="12"/>
    </row>
    <row r="343041" spans="8:8">
      <c r="H343041" s="12"/>
    </row>
    <row r="343042" spans="8:8">
      <c r="H343042" s="12"/>
    </row>
    <row r="343043" spans="8:8">
      <c r="H343043" s="12"/>
    </row>
    <row r="343044" spans="8:8">
      <c r="H343044" s="12"/>
    </row>
    <row r="343045" spans="8:8">
      <c r="H343045" s="12"/>
    </row>
    <row r="343046" spans="8:8">
      <c r="H343046" s="12"/>
    </row>
    <row r="343047" spans="8:8">
      <c r="H343047" s="12"/>
    </row>
    <row r="343048" spans="8:8">
      <c r="H343048" s="12"/>
    </row>
    <row r="343049" spans="8:8">
      <c r="H343049" s="12"/>
    </row>
    <row r="343050" spans="8:8">
      <c r="H343050" s="12"/>
    </row>
    <row r="343051" spans="8:8">
      <c r="H343051" s="12"/>
    </row>
    <row r="343052" spans="8:8">
      <c r="H343052" s="12"/>
    </row>
    <row r="343053" spans="8:8">
      <c r="H343053" s="12"/>
    </row>
    <row r="343054" spans="8:8">
      <c r="H343054" s="12"/>
    </row>
    <row r="343055" spans="8:8">
      <c r="H343055" s="12"/>
    </row>
    <row r="343056" spans="8:8">
      <c r="H343056" s="12"/>
    </row>
    <row r="343057" spans="8:8">
      <c r="H343057" s="12"/>
    </row>
    <row r="343058" spans="8:8">
      <c r="H343058" s="12"/>
    </row>
    <row r="343059" spans="8:8">
      <c r="H343059" s="12"/>
    </row>
    <row r="343060" spans="8:8">
      <c r="H343060" s="12"/>
    </row>
    <row r="343061" spans="8:8">
      <c r="H343061" s="12"/>
    </row>
    <row r="343062" spans="8:8">
      <c r="H343062" s="12"/>
    </row>
    <row r="343063" spans="8:8">
      <c r="H343063" s="12"/>
    </row>
    <row r="343064" spans="8:8">
      <c r="H343064" s="12"/>
    </row>
    <row r="343065" spans="8:8">
      <c r="H343065" s="12"/>
    </row>
    <row r="343066" spans="8:8">
      <c r="H343066" s="12"/>
    </row>
    <row r="343067" spans="8:8">
      <c r="H343067" s="12"/>
    </row>
    <row r="343068" spans="8:8">
      <c r="H343068" s="12"/>
    </row>
    <row r="343069" spans="8:8">
      <c r="H343069" s="12"/>
    </row>
    <row r="343070" spans="8:8">
      <c r="H343070" s="12"/>
    </row>
    <row r="343071" spans="8:8">
      <c r="H343071" s="12"/>
    </row>
    <row r="343072" spans="8:8">
      <c r="H343072" s="12"/>
    </row>
    <row r="343073" spans="8:8">
      <c r="H343073" s="12"/>
    </row>
    <row r="343074" spans="8:8">
      <c r="H343074" s="12"/>
    </row>
    <row r="343075" spans="8:8">
      <c r="H343075" s="12"/>
    </row>
    <row r="343076" spans="8:8">
      <c r="H343076" s="12"/>
    </row>
    <row r="343077" spans="8:8">
      <c r="H343077" s="12"/>
    </row>
    <row r="343078" spans="8:8">
      <c r="H343078" s="12"/>
    </row>
    <row r="343079" spans="8:8">
      <c r="H343079" s="12"/>
    </row>
    <row r="343080" spans="8:8">
      <c r="H343080" s="12"/>
    </row>
    <row r="343081" spans="8:8">
      <c r="H343081" s="12"/>
    </row>
    <row r="343082" spans="8:8">
      <c r="H343082" s="12"/>
    </row>
    <row r="343083" spans="8:8">
      <c r="H343083" s="12"/>
    </row>
    <row r="343084" spans="8:8">
      <c r="H343084" s="12"/>
    </row>
    <row r="343085" spans="8:8">
      <c r="H343085" s="12"/>
    </row>
    <row r="343086" spans="8:8">
      <c r="H343086" s="12"/>
    </row>
    <row r="343087" spans="8:8">
      <c r="H343087" s="12"/>
    </row>
    <row r="343088" spans="8:8">
      <c r="H343088" s="12"/>
    </row>
    <row r="343089" spans="8:8">
      <c r="H343089" s="12"/>
    </row>
    <row r="343090" spans="8:8">
      <c r="H343090" s="12"/>
    </row>
    <row r="343091" spans="8:8">
      <c r="H343091" s="12"/>
    </row>
    <row r="343092" spans="8:8">
      <c r="H343092" s="12"/>
    </row>
    <row r="343093" spans="8:8">
      <c r="H343093" s="12"/>
    </row>
    <row r="343094" spans="8:8">
      <c r="H343094" s="12"/>
    </row>
    <row r="343095" spans="8:8">
      <c r="H343095" s="12"/>
    </row>
    <row r="343096" spans="8:8">
      <c r="H343096" s="12"/>
    </row>
    <row r="343097" spans="8:8">
      <c r="H343097" s="12"/>
    </row>
    <row r="343098" spans="8:8">
      <c r="H343098" s="12"/>
    </row>
    <row r="343099" spans="8:8">
      <c r="H343099" s="12"/>
    </row>
    <row r="343100" spans="8:8">
      <c r="H343100" s="12"/>
    </row>
    <row r="343101" spans="8:8">
      <c r="H343101" s="12"/>
    </row>
    <row r="343102" spans="8:8">
      <c r="H343102" s="12"/>
    </row>
    <row r="343103" spans="8:8">
      <c r="H343103" s="12"/>
    </row>
    <row r="343104" spans="8:8">
      <c r="H343104" s="12"/>
    </row>
    <row r="343105" spans="8:8">
      <c r="H343105" s="12"/>
    </row>
    <row r="343106" spans="8:8">
      <c r="H343106" s="12"/>
    </row>
    <row r="343107" spans="8:8">
      <c r="H343107" s="12"/>
    </row>
    <row r="343108" spans="8:8">
      <c r="H343108" s="12"/>
    </row>
    <row r="343109" spans="8:8">
      <c r="H343109" s="12"/>
    </row>
    <row r="343110" spans="8:8">
      <c r="H343110" s="12"/>
    </row>
    <row r="343111" spans="8:8">
      <c r="H343111" s="12"/>
    </row>
    <row r="343112" spans="8:8">
      <c r="H343112" s="12"/>
    </row>
    <row r="343113" spans="8:8">
      <c r="H343113" s="12"/>
    </row>
    <row r="343114" spans="8:8">
      <c r="H343114" s="12"/>
    </row>
    <row r="343115" spans="8:8">
      <c r="H343115" s="12"/>
    </row>
    <row r="343116" spans="8:8">
      <c r="H343116" s="12"/>
    </row>
    <row r="343117" spans="8:8">
      <c r="H343117" s="12"/>
    </row>
    <row r="343118" spans="8:8">
      <c r="H343118" s="12"/>
    </row>
    <row r="343119" spans="8:8">
      <c r="H343119" s="12"/>
    </row>
    <row r="343120" spans="8:8">
      <c r="H343120" s="12"/>
    </row>
    <row r="343121" spans="8:8">
      <c r="H343121" s="12"/>
    </row>
    <row r="343122" spans="8:8">
      <c r="H343122" s="12"/>
    </row>
    <row r="343123" spans="8:8">
      <c r="H343123" s="12"/>
    </row>
    <row r="343124" spans="8:8">
      <c r="H343124" s="12"/>
    </row>
    <row r="343125" spans="8:8">
      <c r="H343125" s="12"/>
    </row>
    <row r="343126" spans="8:8">
      <c r="H343126" s="12"/>
    </row>
    <row r="343127" spans="8:8">
      <c r="H343127" s="12"/>
    </row>
    <row r="343128" spans="8:8">
      <c r="H343128" s="12"/>
    </row>
    <row r="343129" spans="8:8">
      <c r="H343129" s="12"/>
    </row>
    <row r="343130" spans="8:8">
      <c r="H343130" s="12"/>
    </row>
    <row r="343131" spans="8:8">
      <c r="H343131" s="12"/>
    </row>
    <row r="343132" spans="8:8">
      <c r="H343132" s="12"/>
    </row>
    <row r="343133" spans="8:8">
      <c r="H343133" s="12"/>
    </row>
    <row r="343134" spans="8:8">
      <c r="H343134" s="12"/>
    </row>
    <row r="343135" spans="8:8">
      <c r="H343135" s="12"/>
    </row>
    <row r="343136" spans="8:8">
      <c r="H343136" s="12"/>
    </row>
    <row r="343137" spans="8:8">
      <c r="H343137" s="12"/>
    </row>
    <row r="343138" spans="8:8">
      <c r="H343138" s="12"/>
    </row>
    <row r="343139" spans="8:8">
      <c r="H343139" s="12"/>
    </row>
    <row r="343140" spans="8:8">
      <c r="H343140" s="12"/>
    </row>
    <row r="343141" spans="8:8">
      <c r="H343141" s="12"/>
    </row>
    <row r="343142" spans="8:8">
      <c r="H343142" s="12"/>
    </row>
    <row r="343143" spans="8:8">
      <c r="H343143" s="12"/>
    </row>
    <row r="343144" spans="8:8">
      <c r="H343144" s="12"/>
    </row>
    <row r="343145" spans="8:8">
      <c r="H343145" s="12"/>
    </row>
    <row r="343146" spans="8:8">
      <c r="H343146" s="12"/>
    </row>
    <row r="343147" spans="8:8">
      <c r="H343147" s="12"/>
    </row>
    <row r="343148" spans="8:8">
      <c r="H343148" s="12"/>
    </row>
    <row r="343149" spans="8:8">
      <c r="H343149" s="12"/>
    </row>
    <row r="343150" spans="8:8">
      <c r="H343150" s="12"/>
    </row>
    <row r="343151" spans="8:8">
      <c r="H343151" s="12"/>
    </row>
    <row r="343152" spans="8:8">
      <c r="H343152" s="12"/>
    </row>
    <row r="343153" spans="8:8">
      <c r="H343153" s="12"/>
    </row>
    <row r="343154" spans="8:8">
      <c r="H343154" s="12"/>
    </row>
    <row r="343155" spans="8:8">
      <c r="H343155" s="12"/>
    </row>
    <row r="343156" spans="8:8">
      <c r="H343156" s="12"/>
    </row>
    <row r="343157" spans="8:8">
      <c r="H343157" s="12"/>
    </row>
    <row r="343158" spans="8:8">
      <c r="H343158" s="12"/>
    </row>
    <row r="343159" spans="8:8">
      <c r="H343159" s="12"/>
    </row>
    <row r="343160" spans="8:8">
      <c r="H343160" s="12"/>
    </row>
    <row r="343161" spans="8:8">
      <c r="H343161" s="12"/>
    </row>
    <row r="343162" spans="8:8">
      <c r="H343162" s="12"/>
    </row>
    <row r="343163" spans="8:8">
      <c r="H343163" s="12"/>
    </row>
    <row r="343164" spans="8:8">
      <c r="H343164" s="12"/>
    </row>
    <row r="343165" spans="8:8">
      <c r="H343165" s="12"/>
    </row>
    <row r="343166" spans="8:8">
      <c r="H343166" s="12"/>
    </row>
    <row r="343167" spans="8:8">
      <c r="H343167" s="12"/>
    </row>
    <row r="343168" spans="8:8">
      <c r="H343168" s="12"/>
    </row>
    <row r="343169" spans="8:8">
      <c r="H343169" s="12"/>
    </row>
    <row r="343170" spans="8:8">
      <c r="H343170" s="12"/>
    </row>
    <row r="343171" spans="8:8">
      <c r="H343171" s="12"/>
    </row>
    <row r="343172" spans="8:8">
      <c r="H343172" s="12"/>
    </row>
    <row r="343173" spans="8:8">
      <c r="H343173" s="12"/>
    </row>
    <row r="343174" spans="8:8">
      <c r="H343174" s="12"/>
    </row>
    <row r="343175" spans="8:8">
      <c r="H343175" s="12"/>
    </row>
    <row r="343176" spans="8:8">
      <c r="H343176" s="12"/>
    </row>
    <row r="343177" spans="8:8">
      <c r="H343177" s="12"/>
    </row>
    <row r="343178" spans="8:8">
      <c r="H343178" s="12"/>
    </row>
    <row r="343179" spans="8:8">
      <c r="H343179" s="12"/>
    </row>
    <row r="343180" spans="8:8">
      <c r="H343180" s="12"/>
    </row>
    <row r="343181" spans="8:8">
      <c r="H343181" s="12"/>
    </row>
    <row r="343182" spans="8:8">
      <c r="H343182" s="12"/>
    </row>
    <row r="343183" spans="8:8">
      <c r="H343183" s="12"/>
    </row>
    <row r="343184" spans="8:8">
      <c r="H343184" s="12"/>
    </row>
    <row r="343185" spans="8:8">
      <c r="H343185" s="12"/>
    </row>
    <row r="343186" spans="8:8">
      <c r="H343186" s="12"/>
    </row>
    <row r="343187" spans="8:8">
      <c r="H343187" s="12"/>
    </row>
    <row r="343188" spans="8:8">
      <c r="H343188" s="12"/>
    </row>
    <row r="343189" spans="8:8">
      <c r="H343189" s="12"/>
    </row>
    <row r="343190" spans="8:8">
      <c r="H343190" s="12"/>
    </row>
    <row r="343191" spans="8:8">
      <c r="H343191" s="12"/>
    </row>
    <row r="343192" spans="8:8">
      <c r="H343192" s="12"/>
    </row>
    <row r="343193" spans="8:8">
      <c r="H343193" s="12"/>
    </row>
    <row r="343194" spans="8:8">
      <c r="H343194" s="12"/>
    </row>
    <row r="343195" spans="8:8">
      <c r="H343195" s="12"/>
    </row>
    <row r="343196" spans="8:8">
      <c r="H343196" s="12"/>
    </row>
    <row r="343197" spans="8:8">
      <c r="H343197" s="12"/>
    </row>
    <row r="343198" spans="8:8">
      <c r="H343198" s="12"/>
    </row>
    <row r="343199" spans="8:8">
      <c r="H343199" s="12"/>
    </row>
    <row r="343200" spans="8:8">
      <c r="H343200" s="12"/>
    </row>
    <row r="343201" spans="8:8">
      <c r="H343201" s="12"/>
    </row>
    <row r="343202" spans="8:8">
      <c r="H343202" s="12"/>
    </row>
    <row r="343203" spans="8:8">
      <c r="H343203" s="12"/>
    </row>
    <row r="343204" spans="8:8">
      <c r="H343204" s="12"/>
    </row>
    <row r="343205" spans="8:8">
      <c r="H343205" s="12"/>
    </row>
    <row r="343206" spans="8:8">
      <c r="H343206" s="12"/>
    </row>
    <row r="343207" spans="8:8">
      <c r="H343207" s="12"/>
    </row>
    <row r="343208" spans="8:8">
      <c r="H343208" s="12"/>
    </row>
    <row r="343209" spans="8:8">
      <c r="H343209" s="12"/>
    </row>
    <row r="343210" spans="8:8">
      <c r="H343210" s="12"/>
    </row>
    <row r="343211" spans="8:8">
      <c r="H343211" s="12"/>
    </row>
    <row r="343212" spans="8:8">
      <c r="H343212" s="12"/>
    </row>
    <row r="343213" spans="8:8">
      <c r="H343213" s="12"/>
    </row>
    <row r="343214" spans="8:8">
      <c r="H343214" s="12"/>
    </row>
    <row r="343215" spans="8:8">
      <c r="H343215" s="12"/>
    </row>
    <row r="343216" spans="8:8">
      <c r="H343216" s="12"/>
    </row>
    <row r="343217" spans="8:8">
      <c r="H343217" s="12"/>
    </row>
    <row r="343218" spans="8:8">
      <c r="H343218" s="12"/>
    </row>
    <row r="343219" spans="8:8">
      <c r="H343219" s="12"/>
    </row>
    <row r="343220" spans="8:8">
      <c r="H343220" s="12"/>
    </row>
    <row r="343221" spans="8:8">
      <c r="H343221" s="12"/>
    </row>
    <row r="343222" spans="8:8">
      <c r="H343222" s="12"/>
    </row>
    <row r="343223" spans="8:8">
      <c r="H343223" s="12"/>
    </row>
    <row r="343224" spans="8:8">
      <c r="H343224" s="12"/>
    </row>
    <row r="343225" spans="8:8">
      <c r="H343225" s="12"/>
    </row>
    <row r="343226" spans="8:8">
      <c r="H343226" s="12"/>
    </row>
    <row r="343227" spans="8:8">
      <c r="H343227" s="12"/>
    </row>
    <row r="343228" spans="8:8">
      <c r="H343228" s="12"/>
    </row>
    <row r="343229" spans="8:8">
      <c r="H343229" s="12"/>
    </row>
    <row r="343230" spans="8:8">
      <c r="H343230" s="12"/>
    </row>
    <row r="343231" spans="8:8">
      <c r="H343231" s="12"/>
    </row>
    <row r="343232" spans="8:8">
      <c r="H343232" s="12"/>
    </row>
    <row r="343233" spans="8:8">
      <c r="H343233" s="12"/>
    </row>
    <row r="343234" spans="8:8">
      <c r="H343234" s="12"/>
    </row>
    <row r="343235" spans="8:8">
      <c r="H343235" s="12"/>
    </row>
    <row r="343236" spans="8:8">
      <c r="H343236" s="12"/>
    </row>
    <row r="343237" spans="8:8">
      <c r="H343237" s="12"/>
    </row>
    <row r="343238" spans="8:8">
      <c r="H343238" s="12"/>
    </row>
    <row r="343239" spans="8:8">
      <c r="H343239" s="12"/>
    </row>
    <row r="343240" spans="8:8">
      <c r="H343240" s="12"/>
    </row>
    <row r="343241" spans="8:8">
      <c r="H343241" s="12"/>
    </row>
    <row r="343242" spans="8:8">
      <c r="H343242" s="12"/>
    </row>
    <row r="343243" spans="8:8">
      <c r="H343243" s="12"/>
    </row>
    <row r="343244" spans="8:8">
      <c r="H343244" s="12"/>
    </row>
    <row r="343245" spans="8:8">
      <c r="H343245" s="12"/>
    </row>
    <row r="343246" spans="8:8">
      <c r="H343246" s="12"/>
    </row>
    <row r="343247" spans="8:8">
      <c r="H343247" s="12"/>
    </row>
    <row r="343248" spans="8:8">
      <c r="H343248" s="12"/>
    </row>
    <row r="343249" spans="8:8">
      <c r="H343249" s="12"/>
    </row>
    <row r="343250" spans="8:8">
      <c r="H343250" s="12"/>
    </row>
    <row r="343251" spans="8:8">
      <c r="H343251" s="12"/>
    </row>
    <row r="343252" spans="8:8">
      <c r="H343252" s="12"/>
    </row>
    <row r="343253" spans="8:8">
      <c r="H343253" s="12"/>
    </row>
    <row r="343254" spans="8:8">
      <c r="H343254" s="12"/>
    </row>
    <row r="343255" spans="8:8">
      <c r="H343255" s="12"/>
    </row>
    <row r="343256" spans="8:8">
      <c r="H343256" s="12"/>
    </row>
    <row r="343257" spans="8:8">
      <c r="H343257" s="12"/>
    </row>
    <row r="343258" spans="8:8">
      <c r="H343258" s="12"/>
    </row>
    <row r="343259" spans="8:8">
      <c r="H343259" s="12"/>
    </row>
    <row r="343260" spans="8:8">
      <c r="H343260" s="12"/>
    </row>
    <row r="343261" spans="8:8">
      <c r="H343261" s="12"/>
    </row>
    <row r="343262" spans="8:8">
      <c r="H343262" s="12"/>
    </row>
    <row r="343263" spans="8:8">
      <c r="H343263" s="12"/>
    </row>
    <row r="343264" spans="8:8">
      <c r="H343264" s="12"/>
    </row>
    <row r="343265" spans="8:8">
      <c r="H343265" s="12"/>
    </row>
    <row r="343266" spans="8:8">
      <c r="H343266" s="12"/>
    </row>
    <row r="343267" spans="8:8">
      <c r="H343267" s="12"/>
    </row>
    <row r="343268" spans="8:8">
      <c r="H343268" s="12"/>
    </row>
    <row r="343269" spans="8:8">
      <c r="H343269" s="12"/>
    </row>
    <row r="343270" spans="8:8">
      <c r="H343270" s="12"/>
    </row>
    <row r="343271" spans="8:8">
      <c r="H343271" s="12"/>
    </row>
    <row r="343272" spans="8:8">
      <c r="H343272" s="12"/>
    </row>
    <row r="343273" spans="8:8">
      <c r="H343273" s="12"/>
    </row>
    <row r="343274" spans="8:8">
      <c r="H343274" s="12"/>
    </row>
    <row r="343275" spans="8:8">
      <c r="H343275" s="12"/>
    </row>
    <row r="343276" spans="8:8">
      <c r="H343276" s="12"/>
    </row>
    <row r="343277" spans="8:8">
      <c r="H343277" s="12"/>
    </row>
    <row r="343278" spans="8:8">
      <c r="H343278" s="12"/>
    </row>
    <row r="343279" spans="8:8">
      <c r="H343279" s="12"/>
    </row>
    <row r="343280" spans="8:8">
      <c r="H343280" s="12"/>
    </row>
    <row r="343281" spans="8:8">
      <c r="H343281" s="12"/>
    </row>
    <row r="343282" spans="8:8">
      <c r="H343282" s="12"/>
    </row>
    <row r="343283" spans="8:8">
      <c r="H343283" s="12"/>
    </row>
    <row r="343284" spans="8:8">
      <c r="H343284" s="12"/>
    </row>
    <row r="343285" spans="8:8">
      <c r="H343285" s="12"/>
    </row>
    <row r="343286" spans="8:8">
      <c r="H343286" s="12"/>
    </row>
    <row r="343287" spans="8:8">
      <c r="H343287" s="12"/>
    </row>
    <row r="343288" spans="8:8">
      <c r="H343288" s="12"/>
    </row>
    <row r="343289" spans="8:8">
      <c r="H343289" s="12"/>
    </row>
    <row r="343290" spans="8:8">
      <c r="H343290" s="12"/>
    </row>
    <row r="343291" spans="8:8">
      <c r="H343291" s="12"/>
    </row>
    <row r="343292" spans="8:8">
      <c r="H343292" s="12"/>
    </row>
    <row r="343293" spans="8:8">
      <c r="H343293" s="12"/>
    </row>
    <row r="343294" spans="8:8">
      <c r="H343294" s="12"/>
    </row>
    <row r="343295" spans="8:8">
      <c r="H343295" s="12"/>
    </row>
    <row r="343296" spans="8:8">
      <c r="H343296" s="12"/>
    </row>
    <row r="343297" spans="8:8">
      <c r="H343297" s="12"/>
    </row>
    <row r="343298" spans="8:8">
      <c r="H343298" s="12"/>
    </row>
    <row r="343299" spans="8:8">
      <c r="H343299" s="12"/>
    </row>
    <row r="343300" spans="8:8">
      <c r="H343300" s="12"/>
    </row>
    <row r="343301" spans="8:8">
      <c r="H343301" s="12"/>
    </row>
    <row r="343302" spans="8:8">
      <c r="H343302" s="12"/>
    </row>
    <row r="343303" spans="8:8">
      <c r="H343303" s="12"/>
    </row>
    <row r="343304" spans="8:8">
      <c r="H343304" s="12"/>
    </row>
    <row r="343305" spans="8:8">
      <c r="H343305" s="12"/>
    </row>
    <row r="343306" spans="8:8">
      <c r="H343306" s="12"/>
    </row>
    <row r="343307" spans="8:8">
      <c r="H343307" s="12"/>
    </row>
    <row r="343308" spans="8:8">
      <c r="H343308" s="12"/>
    </row>
    <row r="343309" spans="8:8">
      <c r="H343309" s="12"/>
    </row>
    <row r="343310" spans="8:8">
      <c r="H343310" s="12"/>
    </row>
    <row r="343311" spans="8:8">
      <c r="H343311" s="12"/>
    </row>
    <row r="343312" spans="8:8">
      <c r="H343312" s="12"/>
    </row>
    <row r="343313" spans="8:8">
      <c r="H343313" s="12"/>
    </row>
    <row r="343314" spans="8:8">
      <c r="H343314" s="12"/>
    </row>
    <row r="343315" spans="8:8">
      <c r="H343315" s="12"/>
    </row>
    <row r="343316" spans="8:8">
      <c r="H343316" s="12"/>
    </row>
    <row r="343317" spans="8:8">
      <c r="H343317" s="12"/>
    </row>
    <row r="343318" spans="8:8">
      <c r="H343318" s="12"/>
    </row>
    <row r="343319" spans="8:8">
      <c r="H343319" s="12"/>
    </row>
    <row r="343320" spans="8:8">
      <c r="H343320" s="12"/>
    </row>
    <row r="343321" spans="8:8">
      <c r="H343321" s="12"/>
    </row>
    <row r="343322" spans="8:8">
      <c r="H343322" s="12"/>
    </row>
    <row r="343323" spans="8:8">
      <c r="H343323" s="12"/>
    </row>
    <row r="343324" spans="8:8">
      <c r="H343324" s="12"/>
    </row>
    <row r="343325" spans="8:8">
      <c r="H343325" s="12"/>
    </row>
    <row r="343326" spans="8:8">
      <c r="H343326" s="12"/>
    </row>
    <row r="343327" spans="8:8">
      <c r="H343327" s="12"/>
    </row>
    <row r="343328" spans="8:8">
      <c r="H343328" s="12"/>
    </row>
    <row r="343329" spans="8:8">
      <c r="H343329" s="12"/>
    </row>
    <row r="343330" spans="8:8">
      <c r="H343330" s="12"/>
    </row>
    <row r="343331" spans="8:8">
      <c r="H343331" s="12"/>
    </row>
    <row r="343332" spans="8:8">
      <c r="H343332" s="12"/>
    </row>
    <row r="343333" spans="8:8">
      <c r="H343333" s="12"/>
    </row>
    <row r="343334" spans="8:8">
      <c r="H343334" s="12"/>
    </row>
    <row r="343335" spans="8:8">
      <c r="H343335" s="12"/>
    </row>
    <row r="343336" spans="8:8">
      <c r="H343336" s="12"/>
    </row>
    <row r="343337" spans="8:8">
      <c r="H343337" s="12"/>
    </row>
    <row r="343338" spans="8:8">
      <c r="H343338" s="12"/>
    </row>
    <row r="343339" spans="8:8">
      <c r="H343339" s="12"/>
    </row>
    <row r="343340" spans="8:8">
      <c r="H343340" s="12"/>
    </row>
    <row r="343341" spans="8:8">
      <c r="H343341" s="12"/>
    </row>
    <row r="343342" spans="8:8">
      <c r="H343342" s="12"/>
    </row>
    <row r="343343" spans="8:8">
      <c r="H343343" s="12"/>
    </row>
    <row r="343344" spans="8:8">
      <c r="H343344" s="12"/>
    </row>
    <row r="343345" spans="8:8">
      <c r="H343345" s="12"/>
    </row>
    <row r="343346" spans="8:8">
      <c r="H343346" s="12"/>
    </row>
    <row r="343347" spans="8:8">
      <c r="H343347" s="12"/>
    </row>
    <row r="343348" spans="8:8">
      <c r="H343348" s="12"/>
    </row>
    <row r="343349" spans="8:8">
      <c r="H343349" s="12"/>
    </row>
    <row r="343350" spans="8:8">
      <c r="H343350" s="12"/>
    </row>
    <row r="343351" spans="8:8">
      <c r="H343351" s="12"/>
    </row>
    <row r="343352" spans="8:8">
      <c r="H343352" s="12"/>
    </row>
    <row r="343353" spans="8:8">
      <c r="H343353" s="12"/>
    </row>
    <row r="343354" spans="8:8">
      <c r="H343354" s="12"/>
    </row>
    <row r="343355" spans="8:8">
      <c r="H343355" s="12"/>
    </row>
    <row r="343356" spans="8:8">
      <c r="H343356" s="12"/>
    </row>
    <row r="343357" spans="8:8">
      <c r="H343357" s="12"/>
    </row>
    <row r="343358" spans="8:8">
      <c r="H343358" s="12"/>
    </row>
    <row r="343359" spans="8:8">
      <c r="H343359" s="12"/>
    </row>
    <row r="343360" spans="8:8">
      <c r="H343360" s="12"/>
    </row>
    <row r="343361" spans="8:8">
      <c r="H343361" s="12"/>
    </row>
    <row r="343362" spans="8:8">
      <c r="H343362" s="12"/>
    </row>
    <row r="343363" spans="8:8">
      <c r="H343363" s="12"/>
    </row>
    <row r="343364" spans="8:8">
      <c r="H343364" s="12"/>
    </row>
    <row r="343365" spans="8:8">
      <c r="H343365" s="12"/>
    </row>
    <row r="343366" spans="8:8">
      <c r="H343366" s="12"/>
    </row>
    <row r="343367" spans="8:8">
      <c r="H343367" s="12"/>
    </row>
    <row r="343368" spans="8:8">
      <c r="H343368" s="12"/>
    </row>
    <row r="343369" spans="8:8">
      <c r="H343369" s="12"/>
    </row>
    <row r="343370" spans="8:8">
      <c r="H343370" s="12"/>
    </row>
    <row r="343371" spans="8:8">
      <c r="H343371" s="12"/>
    </row>
    <row r="343372" spans="8:8">
      <c r="H343372" s="12"/>
    </row>
    <row r="343373" spans="8:8">
      <c r="H343373" s="12"/>
    </row>
    <row r="343374" spans="8:8">
      <c r="H343374" s="12"/>
    </row>
    <row r="343375" spans="8:8">
      <c r="H343375" s="12"/>
    </row>
    <row r="343376" spans="8:8">
      <c r="H343376" s="12"/>
    </row>
    <row r="343377" spans="8:8">
      <c r="H343377" s="12"/>
    </row>
    <row r="343378" spans="8:8">
      <c r="H343378" s="12"/>
    </row>
    <row r="343379" spans="8:8">
      <c r="H343379" s="12"/>
    </row>
    <row r="343380" spans="8:8">
      <c r="H343380" s="12"/>
    </row>
    <row r="343381" spans="8:8">
      <c r="H343381" s="12"/>
    </row>
    <row r="343382" spans="8:8">
      <c r="H343382" s="12"/>
    </row>
    <row r="343383" spans="8:8">
      <c r="H343383" s="12"/>
    </row>
    <row r="343384" spans="8:8">
      <c r="H343384" s="12"/>
    </row>
    <row r="343385" spans="8:8">
      <c r="H343385" s="12"/>
    </row>
    <row r="343386" spans="8:8">
      <c r="H343386" s="12"/>
    </row>
    <row r="343387" spans="8:8">
      <c r="H343387" s="12"/>
    </row>
    <row r="343388" spans="8:8">
      <c r="H343388" s="12"/>
    </row>
    <row r="343389" spans="8:8">
      <c r="H343389" s="12"/>
    </row>
    <row r="343390" spans="8:8">
      <c r="H343390" s="12"/>
    </row>
    <row r="343391" spans="8:8">
      <c r="H343391" s="12"/>
    </row>
    <row r="343392" spans="8:8">
      <c r="H343392" s="12"/>
    </row>
    <row r="343393" spans="8:8">
      <c r="H343393" s="12"/>
    </row>
    <row r="343394" spans="8:8">
      <c r="H343394" s="12"/>
    </row>
    <row r="343395" spans="8:8">
      <c r="H343395" s="12"/>
    </row>
    <row r="343396" spans="8:8">
      <c r="H343396" s="12"/>
    </row>
    <row r="343397" spans="8:8">
      <c r="H343397" s="12"/>
    </row>
    <row r="343398" spans="8:8">
      <c r="H343398" s="12"/>
    </row>
    <row r="343399" spans="8:8">
      <c r="H343399" s="12"/>
    </row>
    <row r="343400" spans="8:8">
      <c r="H343400" s="12"/>
    </row>
    <row r="343401" spans="8:8">
      <c r="H343401" s="12"/>
    </row>
    <row r="343402" spans="8:8">
      <c r="H343402" s="12"/>
    </row>
    <row r="343403" spans="8:8">
      <c r="H343403" s="12"/>
    </row>
    <row r="343404" spans="8:8">
      <c r="H343404" s="12"/>
    </row>
    <row r="343405" spans="8:8">
      <c r="H343405" s="12"/>
    </row>
    <row r="343406" spans="8:8">
      <c r="H343406" s="12"/>
    </row>
    <row r="343407" spans="8:8">
      <c r="H343407" s="12"/>
    </row>
    <row r="343408" spans="8:8">
      <c r="H343408" s="12"/>
    </row>
    <row r="343409" spans="8:8">
      <c r="H343409" s="12"/>
    </row>
    <row r="343410" spans="8:8">
      <c r="H343410" s="12"/>
    </row>
    <row r="343411" spans="8:8">
      <c r="H343411" s="12"/>
    </row>
    <row r="343412" spans="8:8">
      <c r="H343412" s="12"/>
    </row>
    <row r="343413" spans="8:8">
      <c r="H343413" s="12"/>
    </row>
    <row r="343414" spans="8:8">
      <c r="H343414" s="12"/>
    </row>
    <row r="343415" spans="8:8">
      <c r="H343415" s="12"/>
    </row>
    <row r="343416" spans="8:8">
      <c r="H343416" s="12"/>
    </row>
    <row r="343417" spans="8:8">
      <c r="H343417" s="12"/>
    </row>
    <row r="343418" spans="8:8">
      <c r="H343418" s="12"/>
    </row>
    <row r="343419" spans="8:8">
      <c r="H343419" s="12"/>
    </row>
    <row r="343420" spans="8:8">
      <c r="H343420" s="12"/>
    </row>
    <row r="343421" spans="8:8">
      <c r="H343421" s="12"/>
    </row>
    <row r="343422" spans="8:8">
      <c r="H343422" s="12"/>
    </row>
    <row r="343423" spans="8:8">
      <c r="H343423" s="12"/>
    </row>
    <row r="343424" spans="8:8">
      <c r="H343424" s="12"/>
    </row>
    <row r="343425" spans="8:8">
      <c r="H343425" s="12"/>
    </row>
    <row r="343426" spans="8:8">
      <c r="H343426" s="12"/>
    </row>
    <row r="343427" spans="8:8">
      <c r="H343427" s="12"/>
    </row>
    <row r="343428" spans="8:8">
      <c r="H343428" s="12"/>
    </row>
    <row r="343429" spans="8:8">
      <c r="H343429" s="12"/>
    </row>
    <row r="343430" spans="8:8">
      <c r="H343430" s="12"/>
    </row>
    <row r="343431" spans="8:8">
      <c r="H343431" s="12"/>
    </row>
    <row r="343432" spans="8:8">
      <c r="H343432" s="12"/>
    </row>
    <row r="343433" spans="8:8">
      <c r="H343433" s="12"/>
    </row>
    <row r="343434" spans="8:8">
      <c r="H343434" s="12"/>
    </row>
    <row r="343435" spans="8:8">
      <c r="H343435" s="12"/>
    </row>
    <row r="343436" spans="8:8">
      <c r="H343436" s="12"/>
    </row>
    <row r="343437" spans="8:8">
      <c r="H343437" s="12"/>
    </row>
    <row r="343438" spans="8:8">
      <c r="H343438" s="12"/>
    </row>
    <row r="343439" spans="8:8">
      <c r="H343439" s="12"/>
    </row>
    <row r="343440" spans="8:8">
      <c r="H343440" s="12"/>
    </row>
    <row r="343441" spans="8:8">
      <c r="H343441" s="12"/>
    </row>
    <row r="343442" spans="8:8">
      <c r="H343442" s="12"/>
    </row>
    <row r="343443" spans="8:8">
      <c r="H343443" s="12"/>
    </row>
    <row r="343444" spans="8:8">
      <c r="H343444" s="12"/>
    </row>
    <row r="343445" spans="8:8">
      <c r="H343445" s="12"/>
    </row>
    <row r="343446" spans="8:8">
      <c r="H343446" s="12"/>
    </row>
    <row r="343447" spans="8:8">
      <c r="H343447" s="12"/>
    </row>
    <row r="343448" spans="8:8">
      <c r="H343448" s="12"/>
    </row>
    <row r="343449" spans="8:8">
      <c r="H343449" s="12"/>
    </row>
    <row r="343450" spans="8:8">
      <c r="H343450" s="12"/>
    </row>
    <row r="343451" spans="8:8">
      <c r="H343451" s="12"/>
    </row>
    <row r="343452" spans="8:8">
      <c r="H343452" s="12"/>
    </row>
    <row r="343453" spans="8:8">
      <c r="H343453" s="12"/>
    </row>
    <row r="343454" spans="8:8">
      <c r="H343454" s="12"/>
    </row>
    <row r="343455" spans="8:8">
      <c r="H343455" s="12"/>
    </row>
    <row r="343456" spans="8:8">
      <c r="H343456" s="12"/>
    </row>
    <row r="343457" spans="8:8">
      <c r="H343457" s="12"/>
    </row>
    <row r="343458" spans="8:8">
      <c r="H343458" s="12"/>
    </row>
    <row r="343459" spans="8:8">
      <c r="H343459" s="12"/>
    </row>
    <row r="343460" spans="8:8">
      <c r="H343460" s="12"/>
    </row>
    <row r="343461" spans="8:8">
      <c r="H343461" s="12"/>
    </row>
    <row r="343462" spans="8:8">
      <c r="H343462" s="12"/>
    </row>
    <row r="343463" spans="8:8">
      <c r="H343463" s="12"/>
    </row>
    <row r="343464" spans="8:8">
      <c r="H343464" s="12"/>
    </row>
    <row r="343465" spans="8:8">
      <c r="H343465" s="12"/>
    </row>
    <row r="343466" spans="8:8">
      <c r="H343466" s="12"/>
    </row>
    <row r="343467" spans="8:8">
      <c r="H343467" s="12"/>
    </row>
    <row r="343468" spans="8:8">
      <c r="H343468" s="12"/>
    </row>
    <row r="343469" spans="8:8">
      <c r="H343469" s="12"/>
    </row>
    <row r="343470" spans="8:8">
      <c r="H343470" s="12"/>
    </row>
    <row r="343471" spans="8:8">
      <c r="H343471" s="12"/>
    </row>
    <row r="343472" spans="8:8">
      <c r="H343472" s="12"/>
    </row>
    <row r="343473" spans="8:8">
      <c r="H343473" s="12"/>
    </row>
    <row r="343474" spans="8:8">
      <c r="H343474" s="12"/>
    </row>
    <row r="343475" spans="8:8">
      <c r="H343475" s="12"/>
    </row>
    <row r="343476" spans="8:8">
      <c r="H343476" s="12"/>
    </row>
    <row r="343477" spans="8:8">
      <c r="H343477" s="12"/>
    </row>
    <row r="343478" spans="8:8">
      <c r="H343478" s="12"/>
    </row>
    <row r="343479" spans="8:8">
      <c r="H343479" s="12"/>
    </row>
    <row r="343480" spans="8:8">
      <c r="H343480" s="12"/>
    </row>
    <row r="343481" spans="8:8">
      <c r="H343481" s="12"/>
    </row>
    <row r="343482" spans="8:8">
      <c r="H343482" s="12"/>
    </row>
    <row r="343483" spans="8:8">
      <c r="H343483" s="12"/>
    </row>
    <row r="343484" spans="8:8">
      <c r="H343484" s="12"/>
    </row>
    <row r="343485" spans="8:8">
      <c r="H343485" s="12"/>
    </row>
    <row r="343486" spans="8:8">
      <c r="H343486" s="12"/>
    </row>
    <row r="343487" spans="8:8">
      <c r="H343487" s="12"/>
    </row>
    <row r="343488" spans="8:8">
      <c r="H343488" s="12"/>
    </row>
    <row r="343489" spans="8:8">
      <c r="H343489" s="12"/>
    </row>
    <row r="343490" spans="8:8">
      <c r="H343490" s="12"/>
    </row>
    <row r="343491" spans="8:8">
      <c r="H343491" s="12"/>
    </row>
    <row r="343492" spans="8:8">
      <c r="H343492" s="12"/>
    </row>
    <row r="343493" spans="8:8">
      <c r="H343493" s="12"/>
    </row>
    <row r="343494" spans="8:8">
      <c r="H343494" s="12"/>
    </row>
    <row r="343495" spans="8:8">
      <c r="H343495" s="12"/>
    </row>
    <row r="343496" spans="8:8">
      <c r="H343496" s="12"/>
    </row>
    <row r="343497" spans="8:8">
      <c r="H343497" s="12"/>
    </row>
    <row r="343498" spans="8:8">
      <c r="H343498" s="12"/>
    </row>
    <row r="343499" spans="8:8">
      <c r="H343499" s="12"/>
    </row>
    <row r="343500" spans="8:8">
      <c r="H343500" s="12"/>
    </row>
    <row r="343501" spans="8:8">
      <c r="H343501" s="12"/>
    </row>
    <row r="343502" spans="8:8">
      <c r="H343502" s="12"/>
    </row>
    <row r="343503" spans="8:8">
      <c r="H343503" s="12"/>
    </row>
    <row r="343504" spans="8:8">
      <c r="H343504" s="12"/>
    </row>
    <row r="343505" spans="8:8">
      <c r="H343505" s="12"/>
    </row>
    <row r="343506" spans="8:8">
      <c r="H343506" s="12"/>
    </row>
    <row r="343507" spans="8:8">
      <c r="H343507" s="12"/>
    </row>
    <row r="343508" spans="8:8">
      <c r="H343508" s="12"/>
    </row>
    <row r="343509" spans="8:8">
      <c r="H343509" s="12"/>
    </row>
    <row r="343510" spans="8:8">
      <c r="H343510" s="12"/>
    </row>
    <row r="343511" spans="8:8">
      <c r="H343511" s="12"/>
    </row>
    <row r="343512" spans="8:8">
      <c r="H343512" s="12"/>
    </row>
    <row r="343513" spans="8:8">
      <c r="H343513" s="12"/>
    </row>
    <row r="343514" spans="8:8">
      <c r="H343514" s="12"/>
    </row>
    <row r="343515" spans="8:8">
      <c r="H343515" s="12"/>
    </row>
    <row r="343516" spans="8:8">
      <c r="H343516" s="12"/>
    </row>
    <row r="343517" spans="8:8">
      <c r="H343517" s="12"/>
    </row>
    <row r="343518" spans="8:8">
      <c r="H343518" s="12"/>
    </row>
    <row r="343519" spans="8:8">
      <c r="H343519" s="12"/>
    </row>
    <row r="343520" spans="8:8">
      <c r="H343520" s="12"/>
    </row>
    <row r="343521" spans="8:8">
      <c r="H343521" s="12"/>
    </row>
    <row r="343522" spans="8:8">
      <c r="H343522" s="12"/>
    </row>
    <row r="343523" spans="8:8">
      <c r="H343523" s="12"/>
    </row>
    <row r="343524" spans="8:8">
      <c r="H343524" s="12"/>
    </row>
    <row r="343525" spans="8:8">
      <c r="H343525" s="12"/>
    </row>
    <row r="343526" spans="8:8">
      <c r="H343526" s="12"/>
    </row>
    <row r="343527" spans="8:8">
      <c r="H343527" s="12"/>
    </row>
    <row r="343528" spans="8:8">
      <c r="H343528" s="12"/>
    </row>
    <row r="343529" spans="8:8">
      <c r="H343529" s="12"/>
    </row>
    <row r="343530" spans="8:8">
      <c r="H343530" s="12"/>
    </row>
    <row r="343531" spans="8:8">
      <c r="H343531" s="12"/>
    </row>
    <row r="343532" spans="8:8">
      <c r="H343532" s="12"/>
    </row>
    <row r="343533" spans="8:8">
      <c r="H343533" s="12"/>
    </row>
    <row r="343534" spans="8:8">
      <c r="H343534" s="12"/>
    </row>
    <row r="343535" spans="8:8">
      <c r="H343535" s="12"/>
    </row>
    <row r="343536" spans="8:8">
      <c r="H343536" s="12"/>
    </row>
    <row r="343537" spans="8:8">
      <c r="H343537" s="12"/>
    </row>
    <row r="343538" spans="8:8">
      <c r="H343538" s="12"/>
    </row>
    <row r="343539" spans="8:8">
      <c r="H343539" s="12"/>
    </row>
    <row r="343540" spans="8:8">
      <c r="H343540" s="12"/>
    </row>
    <row r="343541" spans="8:8">
      <c r="H343541" s="12"/>
    </row>
    <row r="343542" spans="8:8">
      <c r="H343542" s="12"/>
    </row>
    <row r="343543" spans="8:8">
      <c r="H343543" s="12"/>
    </row>
    <row r="343544" spans="8:8">
      <c r="H343544" s="12"/>
    </row>
    <row r="343545" spans="8:8">
      <c r="H343545" s="12"/>
    </row>
    <row r="343546" spans="8:8">
      <c r="H343546" s="12"/>
    </row>
    <row r="343547" spans="8:8">
      <c r="H343547" s="12"/>
    </row>
    <row r="343548" spans="8:8">
      <c r="H343548" s="12"/>
    </row>
    <row r="343549" spans="8:8">
      <c r="H343549" s="12"/>
    </row>
    <row r="343550" spans="8:8">
      <c r="H343550" s="12"/>
    </row>
    <row r="343551" spans="8:8">
      <c r="H343551" s="12"/>
    </row>
    <row r="343552" spans="8:8">
      <c r="H343552" s="12"/>
    </row>
    <row r="343553" spans="8:8">
      <c r="H343553" s="12"/>
    </row>
    <row r="343554" spans="8:8">
      <c r="H343554" s="12"/>
    </row>
    <row r="343555" spans="8:8">
      <c r="H343555" s="12"/>
    </row>
    <row r="343556" spans="8:8">
      <c r="H343556" s="12"/>
    </row>
    <row r="343557" spans="8:8">
      <c r="H343557" s="12"/>
    </row>
    <row r="343558" spans="8:8">
      <c r="H343558" s="12"/>
    </row>
    <row r="343559" spans="8:8">
      <c r="H343559" s="12"/>
    </row>
    <row r="343560" spans="8:8">
      <c r="H343560" s="12"/>
    </row>
    <row r="343561" spans="8:8">
      <c r="H343561" s="12"/>
    </row>
    <row r="343562" spans="8:8">
      <c r="H343562" s="12"/>
    </row>
    <row r="343563" spans="8:8">
      <c r="H343563" s="12"/>
    </row>
    <row r="343564" spans="8:8">
      <c r="H343564" s="12"/>
    </row>
    <row r="343565" spans="8:8">
      <c r="H343565" s="12"/>
    </row>
    <row r="343566" spans="8:8">
      <c r="H343566" s="12"/>
    </row>
    <row r="343567" spans="8:8">
      <c r="H343567" s="12"/>
    </row>
    <row r="343568" spans="8:8">
      <c r="H343568" s="12"/>
    </row>
    <row r="343569" spans="8:8">
      <c r="H343569" s="12"/>
    </row>
    <row r="343570" spans="8:8">
      <c r="H343570" s="12"/>
    </row>
    <row r="343571" spans="8:8">
      <c r="H343571" s="12"/>
    </row>
    <row r="343572" spans="8:8">
      <c r="H343572" s="12"/>
    </row>
    <row r="343573" spans="8:8">
      <c r="H343573" s="12"/>
    </row>
    <row r="343574" spans="8:8">
      <c r="H343574" s="12"/>
    </row>
    <row r="343575" spans="8:8">
      <c r="H343575" s="12"/>
    </row>
    <row r="343576" spans="8:8">
      <c r="H343576" s="12"/>
    </row>
    <row r="343577" spans="8:8">
      <c r="H343577" s="12"/>
    </row>
    <row r="343578" spans="8:8">
      <c r="H343578" s="12"/>
    </row>
    <row r="343579" spans="8:8">
      <c r="H343579" s="12"/>
    </row>
    <row r="343580" spans="8:8">
      <c r="H343580" s="12"/>
    </row>
    <row r="343581" spans="8:8">
      <c r="H343581" s="12"/>
    </row>
    <row r="343582" spans="8:8">
      <c r="H343582" s="12"/>
    </row>
    <row r="343583" spans="8:8">
      <c r="H343583" s="12"/>
    </row>
    <row r="343584" spans="8:8">
      <c r="H343584" s="12"/>
    </row>
    <row r="343585" spans="8:8">
      <c r="H343585" s="12"/>
    </row>
    <row r="343586" spans="8:8">
      <c r="H343586" s="12"/>
    </row>
    <row r="343587" spans="8:8">
      <c r="H343587" s="12"/>
    </row>
    <row r="343588" spans="8:8">
      <c r="H343588" s="12"/>
    </row>
    <row r="343589" spans="8:8">
      <c r="H343589" s="12"/>
    </row>
    <row r="343590" spans="8:8">
      <c r="H343590" s="12"/>
    </row>
    <row r="343591" spans="8:8">
      <c r="H343591" s="12"/>
    </row>
    <row r="343592" spans="8:8">
      <c r="H343592" s="12"/>
    </row>
    <row r="343593" spans="8:8">
      <c r="H343593" s="12"/>
    </row>
    <row r="343594" spans="8:8">
      <c r="H343594" s="12"/>
    </row>
    <row r="343595" spans="8:8">
      <c r="H343595" s="12"/>
    </row>
    <row r="343596" spans="8:8">
      <c r="H343596" s="12"/>
    </row>
    <row r="343597" spans="8:8">
      <c r="H343597" s="12"/>
    </row>
    <row r="343598" spans="8:8">
      <c r="H343598" s="12"/>
    </row>
    <row r="343599" spans="8:8">
      <c r="H343599" s="12"/>
    </row>
    <row r="343600" spans="8:8">
      <c r="H343600" s="12"/>
    </row>
    <row r="343601" spans="8:8">
      <c r="H343601" s="12"/>
    </row>
    <row r="343602" spans="8:8">
      <c r="H343602" s="12"/>
    </row>
    <row r="343603" spans="8:8">
      <c r="H343603" s="12"/>
    </row>
    <row r="343604" spans="8:8">
      <c r="H343604" s="12"/>
    </row>
    <row r="343605" spans="8:8">
      <c r="H343605" s="12"/>
    </row>
    <row r="343606" spans="8:8">
      <c r="H343606" s="12"/>
    </row>
    <row r="343607" spans="8:8">
      <c r="H343607" s="12"/>
    </row>
    <row r="343608" spans="8:8">
      <c r="H343608" s="12"/>
    </row>
    <row r="343609" spans="8:8">
      <c r="H343609" s="12"/>
    </row>
    <row r="343610" spans="8:8">
      <c r="H343610" s="12"/>
    </row>
    <row r="343611" spans="8:8">
      <c r="H343611" s="12"/>
    </row>
    <row r="343612" spans="8:8">
      <c r="H343612" s="12"/>
    </row>
    <row r="343613" spans="8:8">
      <c r="H343613" s="12"/>
    </row>
    <row r="343614" spans="8:8">
      <c r="H343614" s="12"/>
    </row>
    <row r="343615" spans="8:8">
      <c r="H343615" s="12"/>
    </row>
    <row r="343616" spans="8:8">
      <c r="H343616" s="12"/>
    </row>
    <row r="343617" spans="8:8">
      <c r="H343617" s="12"/>
    </row>
    <row r="343618" spans="8:8">
      <c r="H343618" s="12"/>
    </row>
    <row r="343619" spans="8:8">
      <c r="H343619" s="12"/>
    </row>
    <row r="343620" spans="8:8">
      <c r="H343620" s="12"/>
    </row>
    <row r="343621" spans="8:8">
      <c r="H343621" s="12"/>
    </row>
    <row r="343622" spans="8:8">
      <c r="H343622" s="12"/>
    </row>
    <row r="343623" spans="8:8">
      <c r="H343623" s="12"/>
    </row>
    <row r="343624" spans="8:8">
      <c r="H343624" s="12"/>
    </row>
    <row r="343625" spans="8:8">
      <c r="H343625" s="12"/>
    </row>
    <row r="343626" spans="8:8">
      <c r="H343626" s="12"/>
    </row>
    <row r="343627" spans="8:8">
      <c r="H343627" s="12"/>
    </row>
    <row r="343628" spans="8:8">
      <c r="H343628" s="12"/>
    </row>
    <row r="343629" spans="8:8">
      <c r="H343629" s="12"/>
    </row>
    <row r="343630" spans="8:8">
      <c r="H343630" s="12"/>
    </row>
    <row r="343631" spans="8:8">
      <c r="H343631" s="12"/>
    </row>
    <row r="343632" spans="8:8">
      <c r="H343632" s="12"/>
    </row>
    <row r="343633" spans="8:8">
      <c r="H343633" s="12"/>
    </row>
    <row r="343634" spans="8:8">
      <c r="H343634" s="12"/>
    </row>
    <row r="343635" spans="8:8">
      <c r="H343635" s="12"/>
    </row>
    <row r="343636" spans="8:8">
      <c r="H343636" s="12"/>
    </row>
    <row r="343637" spans="8:8">
      <c r="H343637" s="12"/>
    </row>
    <row r="343638" spans="8:8">
      <c r="H343638" s="12"/>
    </row>
    <row r="343639" spans="8:8">
      <c r="H343639" s="12"/>
    </row>
    <row r="343640" spans="8:8">
      <c r="H343640" s="12"/>
    </row>
    <row r="343641" spans="8:8">
      <c r="H343641" s="12"/>
    </row>
    <row r="343642" spans="8:8">
      <c r="H343642" s="12"/>
    </row>
    <row r="343643" spans="8:8">
      <c r="H343643" s="12"/>
    </row>
    <row r="343644" spans="8:8">
      <c r="H343644" s="12"/>
    </row>
    <row r="343645" spans="8:8">
      <c r="H343645" s="12"/>
    </row>
    <row r="343646" spans="8:8">
      <c r="H343646" s="12"/>
    </row>
    <row r="343647" spans="8:8">
      <c r="H343647" s="12"/>
    </row>
    <row r="343648" spans="8:8">
      <c r="H343648" s="12"/>
    </row>
    <row r="343649" spans="8:8">
      <c r="H343649" s="12"/>
    </row>
    <row r="343650" spans="8:8">
      <c r="H343650" s="12"/>
    </row>
    <row r="343651" spans="8:8">
      <c r="H343651" s="12"/>
    </row>
    <row r="343652" spans="8:8">
      <c r="H343652" s="12"/>
    </row>
    <row r="343653" spans="8:8">
      <c r="H343653" s="12"/>
    </row>
    <row r="343654" spans="8:8">
      <c r="H343654" s="12"/>
    </row>
    <row r="343655" spans="8:8">
      <c r="H343655" s="12"/>
    </row>
    <row r="343656" spans="8:8">
      <c r="H343656" s="12"/>
    </row>
    <row r="343657" spans="8:8">
      <c r="H343657" s="12"/>
    </row>
    <row r="343658" spans="8:8">
      <c r="H343658" s="12"/>
    </row>
    <row r="343659" spans="8:8">
      <c r="H343659" s="12"/>
    </row>
    <row r="343660" spans="8:8">
      <c r="H343660" s="12"/>
    </row>
    <row r="343661" spans="8:8">
      <c r="H343661" s="12"/>
    </row>
    <row r="343662" spans="8:8">
      <c r="H343662" s="12"/>
    </row>
    <row r="343663" spans="8:8">
      <c r="H343663" s="12"/>
    </row>
    <row r="343664" spans="8:8">
      <c r="H343664" s="12"/>
    </row>
    <row r="343665" spans="8:8">
      <c r="H343665" s="12"/>
    </row>
    <row r="343666" spans="8:8">
      <c r="H343666" s="12"/>
    </row>
    <row r="343667" spans="8:8">
      <c r="H343667" s="12"/>
    </row>
    <row r="343668" spans="8:8">
      <c r="H343668" s="12"/>
    </row>
    <row r="343669" spans="8:8">
      <c r="H343669" s="12"/>
    </row>
    <row r="343670" spans="8:8">
      <c r="H343670" s="12"/>
    </row>
    <row r="343671" spans="8:8">
      <c r="H343671" s="12"/>
    </row>
    <row r="343672" spans="8:8">
      <c r="H343672" s="12"/>
    </row>
    <row r="343673" spans="8:8">
      <c r="H343673" s="12"/>
    </row>
    <row r="343674" spans="8:8">
      <c r="H343674" s="12"/>
    </row>
    <row r="343675" spans="8:8">
      <c r="H343675" s="12"/>
    </row>
    <row r="343676" spans="8:8">
      <c r="H343676" s="12"/>
    </row>
    <row r="343677" spans="8:8">
      <c r="H343677" s="12"/>
    </row>
    <row r="343678" spans="8:8">
      <c r="H343678" s="12"/>
    </row>
    <row r="343679" spans="8:8">
      <c r="H343679" s="12"/>
    </row>
    <row r="343680" spans="8:8">
      <c r="H343680" s="12"/>
    </row>
    <row r="343681" spans="8:8">
      <c r="H343681" s="12"/>
    </row>
    <row r="343682" spans="8:8">
      <c r="H343682" s="12"/>
    </row>
    <row r="343683" spans="8:8">
      <c r="H343683" s="12"/>
    </row>
    <row r="343684" spans="8:8">
      <c r="H343684" s="12"/>
    </row>
    <row r="343685" spans="8:8">
      <c r="H343685" s="12"/>
    </row>
    <row r="343686" spans="8:8">
      <c r="H343686" s="12"/>
    </row>
    <row r="343687" spans="8:8">
      <c r="H343687" s="12"/>
    </row>
    <row r="343688" spans="8:8">
      <c r="H343688" s="12"/>
    </row>
    <row r="343689" spans="8:8">
      <c r="H343689" s="12"/>
    </row>
    <row r="343690" spans="8:8">
      <c r="H343690" s="12"/>
    </row>
    <row r="343691" spans="8:8">
      <c r="H343691" s="12"/>
    </row>
    <row r="343692" spans="8:8">
      <c r="H343692" s="12"/>
    </row>
    <row r="343693" spans="8:8">
      <c r="H343693" s="12"/>
    </row>
    <row r="343694" spans="8:8">
      <c r="H343694" s="12"/>
    </row>
    <row r="343695" spans="8:8">
      <c r="H343695" s="12"/>
    </row>
    <row r="343696" spans="8:8">
      <c r="H343696" s="12"/>
    </row>
    <row r="343697" spans="8:8">
      <c r="H343697" s="12"/>
    </row>
    <row r="343698" spans="8:8">
      <c r="H343698" s="12"/>
    </row>
    <row r="343699" spans="8:8">
      <c r="H343699" s="12"/>
    </row>
    <row r="343700" spans="8:8">
      <c r="H343700" s="12"/>
    </row>
    <row r="343701" spans="8:8">
      <c r="H343701" s="12"/>
    </row>
    <row r="343702" spans="8:8">
      <c r="H343702" s="12"/>
    </row>
    <row r="343703" spans="8:8">
      <c r="H343703" s="12"/>
    </row>
    <row r="343704" spans="8:8">
      <c r="H343704" s="12"/>
    </row>
    <row r="343705" spans="8:8">
      <c r="H343705" s="12"/>
    </row>
    <row r="343706" spans="8:8">
      <c r="H343706" s="12"/>
    </row>
    <row r="343707" spans="8:8">
      <c r="H343707" s="12"/>
    </row>
    <row r="343708" spans="8:8">
      <c r="H343708" s="12"/>
    </row>
    <row r="343709" spans="8:8">
      <c r="H343709" s="12"/>
    </row>
    <row r="343710" spans="8:8">
      <c r="H343710" s="12"/>
    </row>
    <row r="343711" spans="8:8">
      <c r="H343711" s="12"/>
    </row>
    <row r="343712" spans="8:8">
      <c r="H343712" s="12"/>
    </row>
    <row r="343713" spans="8:8">
      <c r="H343713" s="12"/>
    </row>
    <row r="343714" spans="8:8">
      <c r="H343714" s="12"/>
    </row>
    <row r="343715" spans="8:8">
      <c r="H343715" s="12"/>
    </row>
    <row r="343716" spans="8:8">
      <c r="H343716" s="12"/>
    </row>
    <row r="343717" spans="8:8">
      <c r="H343717" s="12"/>
    </row>
    <row r="343718" spans="8:8">
      <c r="H343718" s="12"/>
    </row>
    <row r="343719" spans="8:8">
      <c r="H343719" s="12"/>
    </row>
    <row r="343720" spans="8:8">
      <c r="H343720" s="12"/>
    </row>
    <row r="343721" spans="8:8">
      <c r="H343721" s="12"/>
    </row>
    <row r="343722" spans="8:8">
      <c r="H343722" s="12"/>
    </row>
    <row r="343723" spans="8:8">
      <c r="H343723" s="12"/>
    </row>
    <row r="343724" spans="8:8">
      <c r="H343724" s="12"/>
    </row>
    <row r="343725" spans="8:8">
      <c r="H343725" s="12"/>
    </row>
    <row r="343726" spans="8:8">
      <c r="H343726" s="12"/>
    </row>
    <row r="343727" spans="8:8">
      <c r="H343727" s="12"/>
    </row>
    <row r="343728" spans="8:8">
      <c r="H343728" s="12"/>
    </row>
    <row r="343729" spans="8:8">
      <c r="H343729" s="12"/>
    </row>
    <row r="343730" spans="8:8">
      <c r="H343730" s="12"/>
    </row>
    <row r="343731" spans="8:8">
      <c r="H343731" s="12"/>
    </row>
    <row r="343732" spans="8:8">
      <c r="H343732" s="12"/>
    </row>
    <row r="343733" spans="8:8">
      <c r="H343733" s="12"/>
    </row>
    <row r="343734" spans="8:8">
      <c r="H343734" s="12"/>
    </row>
    <row r="343735" spans="8:8">
      <c r="H343735" s="12"/>
    </row>
    <row r="343736" spans="8:8">
      <c r="H343736" s="12"/>
    </row>
    <row r="343737" spans="8:8">
      <c r="H343737" s="12"/>
    </row>
    <row r="343738" spans="8:8">
      <c r="H343738" s="12"/>
    </row>
    <row r="343739" spans="8:8">
      <c r="H343739" s="12"/>
    </row>
    <row r="343740" spans="8:8">
      <c r="H343740" s="12"/>
    </row>
    <row r="343741" spans="8:8">
      <c r="H343741" s="12"/>
    </row>
    <row r="343742" spans="8:8">
      <c r="H343742" s="12"/>
    </row>
    <row r="343743" spans="8:8">
      <c r="H343743" s="12"/>
    </row>
    <row r="343744" spans="8:8">
      <c r="H343744" s="12"/>
    </row>
    <row r="343745" spans="8:8">
      <c r="H343745" s="12"/>
    </row>
    <row r="343746" spans="8:8">
      <c r="H343746" s="12"/>
    </row>
    <row r="343747" spans="8:8">
      <c r="H343747" s="12"/>
    </row>
    <row r="343748" spans="8:8">
      <c r="H343748" s="12"/>
    </row>
    <row r="343749" spans="8:8">
      <c r="H343749" s="12"/>
    </row>
    <row r="343750" spans="8:8">
      <c r="H343750" s="12"/>
    </row>
    <row r="343751" spans="8:8">
      <c r="H343751" s="12"/>
    </row>
    <row r="343752" spans="8:8">
      <c r="H343752" s="12"/>
    </row>
    <row r="343753" spans="8:8">
      <c r="H343753" s="12"/>
    </row>
    <row r="343754" spans="8:8">
      <c r="H343754" s="12"/>
    </row>
    <row r="343755" spans="8:8">
      <c r="H343755" s="12"/>
    </row>
    <row r="343756" spans="8:8">
      <c r="H343756" s="12"/>
    </row>
    <row r="343757" spans="8:8">
      <c r="H343757" s="12"/>
    </row>
    <row r="343758" spans="8:8">
      <c r="H343758" s="12"/>
    </row>
    <row r="343759" spans="8:8">
      <c r="H343759" s="12"/>
    </row>
    <row r="343760" spans="8:8">
      <c r="H343760" s="12"/>
    </row>
    <row r="343761" spans="8:8">
      <c r="H343761" s="12"/>
    </row>
    <row r="343762" spans="8:8">
      <c r="H343762" s="12"/>
    </row>
    <row r="343763" spans="8:8">
      <c r="H343763" s="12"/>
    </row>
    <row r="343764" spans="8:8">
      <c r="H343764" s="12"/>
    </row>
    <row r="343765" spans="8:8">
      <c r="H343765" s="12"/>
    </row>
    <row r="343766" spans="8:8">
      <c r="H343766" s="12"/>
    </row>
    <row r="343767" spans="8:8">
      <c r="H343767" s="12"/>
    </row>
    <row r="343768" spans="8:8">
      <c r="H343768" s="12"/>
    </row>
    <row r="343769" spans="8:8">
      <c r="H343769" s="12"/>
    </row>
    <row r="343770" spans="8:8">
      <c r="H343770" s="12"/>
    </row>
    <row r="343771" spans="8:8">
      <c r="H343771" s="12"/>
    </row>
    <row r="343772" spans="8:8">
      <c r="H343772" s="12"/>
    </row>
    <row r="343773" spans="8:8">
      <c r="H343773" s="12"/>
    </row>
    <row r="343774" spans="8:8">
      <c r="H343774" s="12"/>
    </row>
    <row r="343775" spans="8:8">
      <c r="H343775" s="12"/>
    </row>
    <row r="343776" spans="8:8">
      <c r="H343776" s="12"/>
    </row>
    <row r="343777" spans="8:8">
      <c r="H343777" s="12"/>
    </row>
    <row r="343778" spans="8:8">
      <c r="H343778" s="12"/>
    </row>
    <row r="343779" spans="8:8">
      <c r="H343779" s="12"/>
    </row>
    <row r="343780" spans="8:8">
      <c r="H343780" s="12"/>
    </row>
    <row r="343781" spans="8:8">
      <c r="H343781" s="12"/>
    </row>
    <row r="343782" spans="8:8">
      <c r="H343782" s="12"/>
    </row>
    <row r="343783" spans="8:8">
      <c r="H343783" s="12"/>
    </row>
    <row r="343784" spans="8:8">
      <c r="H343784" s="12"/>
    </row>
    <row r="343785" spans="8:8">
      <c r="H343785" s="12"/>
    </row>
    <row r="343786" spans="8:8">
      <c r="H343786" s="12"/>
    </row>
    <row r="343787" spans="8:8">
      <c r="H343787" s="12"/>
    </row>
    <row r="343788" spans="8:8">
      <c r="H343788" s="12"/>
    </row>
    <row r="343789" spans="8:8">
      <c r="H343789" s="12"/>
    </row>
    <row r="343790" spans="8:8">
      <c r="H343790" s="12"/>
    </row>
    <row r="343791" spans="8:8">
      <c r="H343791" s="12"/>
    </row>
    <row r="343792" spans="8:8">
      <c r="H343792" s="12"/>
    </row>
    <row r="343793" spans="8:8">
      <c r="H343793" s="12"/>
    </row>
    <row r="343794" spans="8:8">
      <c r="H343794" s="12"/>
    </row>
    <row r="343795" spans="8:8">
      <c r="H343795" s="12"/>
    </row>
    <row r="343796" spans="8:8">
      <c r="H343796" s="12"/>
    </row>
    <row r="343797" spans="8:8">
      <c r="H343797" s="12"/>
    </row>
    <row r="343798" spans="8:8">
      <c r="H343798" s="12"/>
    </row>
    <row r="343799" spans="8:8">
      <c r="H343799" s="12"/>
    </row>
    <row r="343800" spans="8:8">
      <c r="H343800" s="12"/>
    </row>
    <row r="343801" spans="8:8">
      <c r="H343801" s="12"/>
    </row>
    <row r="343802" spans="8:8">
      <c r="H343802" s="12"/>
    </row>
    <row r="343803" spans="8:8">
      <c r="H343803" s="12"/>
    </row>
    <row r="343804" spans="8:8">
      <c r="H343804" s="12"/>
    </row>
    <row r="343805" spans="8:8">
      <c r="H343805" s="12"/>
    </row>
    <row r="343806" spans="8:8">
      <c r="H343806" s="12"/>
    </row>
    <row r="343807" spans="8:8">
      <c r="H343807" s="12"/>
    </row>
    <row r="343808" spans="8:8">
      <c r="H343808" s="12"/>
    </row>
    <row r="343809" spans="8:8">
      <c r="H343809" s="12"/>
    </row>
    <row r="343810" spans="8:8">
      <c r="H343810" s="12"/>
    </row>
    <row r="343811" spans="8:8">
      <c r="H343811" s="12"/>
    </row>
    <row r="343812" spans="8:8">
      <c r="H343812" s="12"/>
    </row>
    <row r="343813" spans="8:8">
      <c r="H343813" s="12"/>
    </row>
    <row r="343814" spans="8:8">
      <c r="H343814" s="12"/>
    </row>
    <row r="343815" spans="8:8">
      <c r="H343815" s="12"/>
    </row>
    <row r="343816" spans="8:8">
      <c r="H343816" s="12"/>
    </row>
    <row r="343817" spans="8:8">
      <c r="H343817" s="12"/>
    </row>
    <row r="343818" spans="8:8">
      <c r="H343818" s="12"/>
    </row>
    <row r="343819" spans="8:8">
      <c r="H343819" s="12"/>
    </row>
    <row r="343820" spans="8:8">
      <c r="H343820" s="12"/>
    </row>
    <row r="343821" spans="8:8">
      <c r="H343821" s="12"/>
    </row>
    <row r="343822" spans="8:8">
      <c r="H343822" s="12"/>
    </row>
    <row r="343823" spans="8:8">
      <c r="H343823" s="12"/>
    </row>
    <row r="343824" spans="8:8">
      <c r="H343824" s="12"/>
    </row>
    <row r="343825" spans="8:8">
      <c r="H343825" s="12"/>
    </row>
    <row r="343826" spans="8:8">
      <c r="H343826" s="12"/>
    </row>
    <row r="343827" spans="8:8">
      <c r="H343827" s="12"/>
    </row>
    <row r="343828" spans="8:8">
      <c r="H343828" s="12"/>
    </row>
    <row r="343829" spans="8:8">
      <c r="H343829" s="12"/>
    </row>
    <row r="343830" spans="8:8">
      <c r="H343830" s="12"/>
    </row>
    <row r="343831" spans="8:8">
      <c r="H343831" s="12"/>
    </row>
    <row r="343832" spans="8:8">
      <c r="H343832" s="12"/>
    </row>
    <row r="343833" spans="8:8">
      <c r="H343833" s="12"/>
    </row>
    <row r="343834" spans="8:8">
      <c r="H343834" s="12"/>
    </row>
    <row r="343835" spans="8:8">
      <c r="H343835" s="12"/>
    </row>
    <row r="343836" spans="8:8">
      <c r="H343836" s="12"/>
    </row>
    <row r="343837" spans="8:8">
      <c r="H343837" s="12"/>
    </row>
    <row r="343838" spans="8:8">
      <c r="H343838" s="12"/>
    </row>
    <row r="343839" spans="8:8">
      <c r="H343839" s="12"/>
    </row>
    <row r="343840" spans="8:8">
      <c r="H343840" s="12"/>
    </row>
    <row r="343841" spans="8:8">
      <c r="H343841" s="12"/>
    </row>
    <row r="343842" spans="8:8">
      <c r="H343842" s="12"/>
    </row>
    <row r="343843" spans="8:8">
      <c r="H343843" s="12"/>
    </row>
    <row r="343844" spans="8:8">
      <c r="H343844" s="12"/>
    </row>
    <row r="343845" spans="8:8">
      <c r="H343845" s="12"/>
    </row>
    <row r="343846" spans="8:8">
      <c r="H343846" s="12"/>
    </row>
    <row r="343847" spans="8:8">
      <c r="H343847" s="12"/>
    </row>
    <row r="343848" spans="8:8">
      <c r="H343848" s="12"/>
    </row>
    <row r="343849" spans="8:8">
      <c r="H343849" s="12"/>
    </row>
    <row r="343850" spans="8:8">
      <c r="H343850" s="12"/>
    </row>
    <row r="343851" spans="8:8">
      <c r="H343851" s="12"/>
    </row>
    <row r="343852" spans="8:8">
      <c r="H343852" s="12"/>
    </row>
    <row r="343853" spans="8:8">
      <c r="H343853" s="12"/>
    </row>
    <row r="343854" spans="8:8">
      <c r="H343854" s="12"/>
    </row>
    <row r="343855" spans="8:8">
      <c r="H343855" s="12"/>
    </row>
    <row r="343856" spans="8:8">
      <c r="H343856" s="12"/>
    </row>
    <row r="343857" spans="8:8">
      <c r="H343857" s="12"/>
    </row>
    <row r="343858" spans="8:8">
      <c r="H343858" s="12"/>
    </row>
    <row r="343859" spans="8:8">
      <c r="H343859" s="12"/>
    </row>
    <row r="343860" spans="8:8">
      <c r="H343860" s="12"/>
    </row>
    <row r="343861" spans="8:8">
      <c r="H343861" s="12"/>
    </row>
    <row r="343862" spans="8:8">
      <c r="H343862" s="12"/>
    </row>
    <row r="343863" spans="8:8">
      <c r="H343863" s="12"/>
    </row>
    <row r="343864" spans="8:8">
      <c r="H343864" s="12"/>
    </row>
    <row r="343865" spans="8:8">
      <c r="H343865" s="12"/>
    </row>
    <row r="343866" spans="8:8">
      <c r="H343866" s="12"/>
    </row>
    <row r="343867" spans="8:8">
      <c r="H343867" s="12"/>
    </row>
    <row r="343868" spans="8:8">
      <c r="H343868" s="12"/>
    </row>
    <row r="343869" spans="8:8">
      <c r="H343869" s="12"/>
    </row>
    <row r="343870" spans="8:8">
      <c r="H343870" s="12"/>
    </row>
    <row r="343871" spans="8:8">
      <c r="H343871" s="12"/>
    </row>
    <row r="343872" spans="8:8">
      <c r="H343872" s="12"/>
    </row>
    <row r="343873" spans="8:8">
      <c r="H343873" s="12"/>
    </row>
    <row r="343874" spans="8:8">
      <c r="H343874" s="12"/>
    </row>
    <row r="343875" spans="8:8">
      <c r="H343875" s="12"/>
    </row>
    <row r="343876" spans="8:8">
      <c r="H343876" s="12"/>
    </row>
    <row r="343877" spans="8:8">
      <c r="H343877" s="12"/>
    </row>
    <row r="343878" spans="8:8">
      <c r="H343878" s="12"/>
    </row>
    <row r="343879" spans="8:8">
      <c r="H343879" s="12"/>
    </row>
    <row r="343880" spans="8:8">
      <c r="H343880" s="12"/>
    </row>
    <row r="343881" spans="8:8">
      <c r="H343881" s="12"/>
    </row>
    <row r="343882" spans="8:8">
      <c r="H343882" s="12"/>
    </row>
    <row r="343883" spans="8:8">
      <c r="H343883" s="12"/>
    </row>
    <row r="343884" spans="8:8">
      <c r="H343884" s="12"/>
    </row>
    <row r="343885" spans="8:8">
      <c r="H343885" s="12"/>
    </row>
    <row r="343886" spans="8:8">
      <c r="H343886" s="12"/>
    </row>
    <row r="343887" spans="8:8">
      <c r="H343887" s="12"/>
    </row>
    <row r="343888" spans="8:8">
      <c r="H343888" s="12"/>
    </row>
    <row r="343889" spans="8:8">
      <c r="H343889" s="12"/>
    </row>
    <row r="343890" spans="8:8">
      <c r="H343890" s="12"/>
    </row>
    <row r="343891" spans="8:8">
      <c r="H343891" s="12"/>
    </row>
    <row r="343892" spans="8:8">
      <c r="H343892" s="12"/>
    </row>
    <row r="343893" spans="8:8">
      <c r="H343893" s="12"/>
    </row>
    <row r="343894" spans="8:8">
      <c r="H343894" s="12"/>
    </row>
    <row r="343895" spans="8:8">
      <c r="H343895" s="12"/>
    </row>
    <row r="343896" spans="8:8">
      <c r="H343896" s="12"/>
    </row>
    <row r="343897" spans="8:8">
      <c r="H343897" s="12"/>
    </row>
    <row r="343898" spans="8:8">
      <c r="H343898" s="12"/>
    </row>
    <row r="343899" spans="8:8">
      <c r="H343899" s="12"/>
    </row>
    <row r="343900" spans="8:8">
      <c r="H343900" s="12"/>
    </row>
    <row r="343901" spans="8:8">
      <c r="H343901" s="12"/>
    </row>
    <row r="343902" spans="8:8">
      <c r="H343902" s="12"/>
    </row>
    <row r="343903" spans="8:8">
      <c r="H343903" s="12"/>
    </row>
    <row r="343904" spans="8:8">
      <c r="H343904" s="12"/>
    </row>
    <row r="343905" spans="8:8">
      <c r="H343905" s="12"/>
    </row>
    <row r="343906" spans="8:8">
      <c r="H343906" s="12"/>
    </row>
    <row r="343907" spans="8:8">
      <c r="H343907" s="12"/>
    </row>
    <row r="343908" spans="8:8">
      <c r="H343908" s="12"/>
    </row>
    <row r="343909" spans="8:8">
      <c r="H343909" s="12"/>
    </row>
    <row r="343910" spans="8:8">
      <c r="H343910" s="12"/>
    </row>
    <row r="343911" spans="8:8">
      <c r="H343911" s="12"/>
    </row>
    <row r="343912" spans="8:8">
      <c r="H343912" s="12"/>
    </row>
    <row r="343913" spans="8:8">
      <c r="H343913" s="12"/>
    </row>
    <row r="343914" spans="8:8">
      <c r="H343914" s="12"/>
    </row>
    <row r="343915" spans="8:8">
      <c r="H343915" s="12"/>
    </row>
    <row r="343916" spans="8:8">
      <c r="H343916" s="12"/>
    </row>
    <row r="343917" spans="8:8">
      <c r="H343917" s="12"/>
    </row>
    <row r="343918" spans="8:8">
      <c r="H343918" s="12"/>
    </row>
    <row r="343919" spans="8:8">
      <c r="H343919" s="12"/>
    </row>
    <row r="343920" spans="8:8">
      <c r="H343920" s="12"/>
    </row>
    <row r="343921" spans="8:8">
      <c r="H343921" s="12"/>
    </row>
    <row r="343922" spans="8:8">
      <c r="H343922" s="12"/>
    </row>
    <row r="343923" spans="8:8">
      <c r="H343923" s="12"/>
    </row>
    <row r="343924" spans="8:8">
      <c r="H343924" s="12"/>
    </row>
    <row r="343925" spans="8:8">
      <c r="H343925" s="12"/>
    </row>
    <row r="343926" spans="8:8">
      <c r="H343926" s="12"/>
    </row>
    <row r="343927" spans="8:8">
      <c r="H343927" s="12"/>
    </row>
    <row r="343928" spans="8:8">
      <c r="H343928" s="12"/>
    </row>
    <row r="343929" spans="8:8">
      <c r="H343929" s="12"/>
    </row>
    <row r="343930" spans="8:8">
      <c r="H343930" s="12"/>
    </row>
    <row r="343931" spans="8:8">
      <c r="H343931" s="12"/>
    </row>
    <row r="343932" spans="8:8">
      <c r="H343932" s="12"/>
    </row>
    <row r="343933" spans="8:8">
      <c r="H343933" s="12"/>
    </row>
    <row r="343934" spans="8:8">
      <c r="H343934" s="12"/>
    </row>
    <row r="343935" spans="8:8">
      <c r="H343935" s="12"/>
    </row>
    <row r="343936" spans="8:8">
      <c r="H343936" s="12"/>
    </row>
    <row r="343937" spans="8:8">
      <c r="H343937" s="12"/>
    </row>
    <row r="343938" spans="8:8">
      <c r="H343938" s="12"/>
    </row>
    <row r="343939" spans="8:8">
      <c r="H343939" s="12"/>
    </row>
    <row r="343940" spans="8:8">
      <c r="H343940" s="12"/>
    </row>
    <row r="343941" spans="8:8">
      <c r="H343941" s="12"/>
    </row>
    <row r="343942" spans="8:8">
      <c r="H343942" s="12"/>
    </row>
    <row r="343943" spans="8:8">
      <c r="H343943" s="12"/>
    </row>
    <row r="343944" spans="8:8">
      <c r="H343944" s="12"/>
    </row>
    <row r="343945" spans="8:8">
      <c r="H343945" s="12"/>
    </row>
    <row r="343946" spans="8:8">
      <c r="H343946" s="12"/>
    </row>
    <row r="343947" spans="8:8">
      <c r="H343947" s="12"/>
    </row>
    <row r="343948" spans="8:8">
      <c r="H343948" s="12"/>
    </row>
    <row r="343949" spans="8:8">
      <c r="H343949" s="12"/>
    </row>
    <row r="343950" spans="8:8">
      <c r="H343950" s="12"/>
    </row>
    <row r="343951" spans="8:8">
      <c r="H343951" s="12"/>
    </row>
    <row r="343952" spans="8:8">
      <c r="H343952" s="12"/>
    </row>
    <row r="343953" spans="8:8">
      <c r="H343953" s="12"/>
    </row>
    <row r="343954" spans="8:8">
      <c r="H343954" s="12"/>
    </row>
    <row r="343955" spans="8:8">
      <c r="H343955" s="12"/>
    </row>
    <row r="343956" spans="8:8">
      <c r="H343956" s="12"/>
    </row>
    <row r="343957" spans="8:8">
      <c r="H343957" s="12"/>
    </row>
    <row r="343958" spans="8:8">
      <c r="H343958" s="12"/>
    </row>
    <row r="343959" spans="8:8">
      <c r="H343959" s="12"/>
    </row>
    <row r="343960" spans="8:8">
      <c r="H343960" s="12"/>
    </row>
    <row r="343961" spans="8:8">
      <c r="H343961" s="12"/>
    </row>
    <row r="343962" spans="8:8">
      <c r="H343962" s="12"/>
    </row>
    <row r="343963" spans="8:8">
      <c r="H343963" s="12"/>
    </row>
    <row r="343964" spans="8:8">
      <c r="H343964" s="12"/>
    </row>
    <row r="343965" spans="8:8">
      <c r="H343965" s="12"/>
    </row>
    <row r="343966" spans="8:8">
      <c r="H343966" s="12"/>
    </row>
    <row r="343967" spans="8:8">
      <c r="H343967" s="12"/>
    </row>
    <row r="343968" spans="8:8">
      <c r="H343968" s="12"/>
    </row>
    <row r="343969" spans="8:8">
      <c r="H343969" s="12"/>
    </row>
    <row r="343970" spans="8:8">
      <c r="H343970" s="12"/>
    </row>
    <row r="343971" spans="8:8">
      <c r="H343971" s="12"/>
    </row>
    <row r="343972" spans="8:8">
      <c r="H343972" s="12"/>
    </row>
    <row r="343973" spans="8:8">
      <c r="H343973" s="12"/>
    </row>
    <row r="343974" spans="8:8">
      <c r="H343974" s="12"/>
    </row>
    <row r="343975" spans="8:8">
      <c r="H343975" s="12"/>
    </row>
    <row r="343976" spans="8:8">
      <c r="H343976" s="12"/>
    </row>
    <row r="343977" spans="8:8">
      <c r="H343977" s="12"/>
    </row>
    <row r="343978" spans="8:8">
      <c r="H343978" s="12"/>
    </row>
    <row r="343979" spans="8:8">
      <c r="H343979" s="12"/>
    </row>
    <row r="343980" spans="8:8">
      <c r="H343980" s="12"/>
    </row>
    <row r="343981" spans="8:8">
      <c r="H343981" s="12"/>
    </row>
    <row r="343982" spans="8:8">
      <c r="H343982" s="12"/>
    </row>
    <row r="343983" spans="8:8">
      <c r="H343983" s="12"/>
    </row>
    <row r="343984" spans="8:8">
      <c r="H343984" s="12"/>
    </row>
    <row r="343985" spans="8:8">
      <c r="H343985" s="12"/>
    </row>
    <row r="343986" spans="8:8">
      <c r="H343986" s="12"/>
    </row>
    <row r="343987" spans="8:8">
      <c r="H343987" s="12"/>
    </row>
    <row r="343988" spans="8:8">
      <c r="H343988" s="12"/>
    </row>
    <row r="343989" spans="8:8">
      <c r="H343989" s="12"/>
    </row>
    <row r="343990" spans="8:8">
      <c r="H343990" s="12"/>
    </row>
    <row r="343991" spans="8:8">
      <c r="H343991" s="12"/>
    </row>
    <row r="343992" spans="8:8">
      <c r="H343992" s="12"/>
    </row>
    <row r="343993" spans="8:8">
      <c r="H343993" s="12"/>
    </row>
    <row r="343994" spans="8:8">
      <c r="H343994" s="12"/>
    </row>
    <row r="343995" spans="8:8">
      <c r="H343995" s="12"/>
    </row>
    <row r="343996" spans="8:8">
      <c r="H343996" s="12"/>
    </row>
    <row r="343997" spans="8:8">
      <c r="H343997" s="12"/>
    </row>
    <row r="343998" spans="8:8">
      <c r="H343998" s="12"/>
    </row>
    <row r="343999" spans="8:8">
      <c r="H343999" s="12"/>
    </row>
    <row r="344000" spans="8:8">
      <c r="H344000" s="12"/>
    </row>
    <row r="344001" spans="8:8">
      <c r="H344001" s="12"/>
    </row>
    <row r="344002" spans="8:8">
      <c r="H344002" s="12"/>
    </row>
    <row r="344003" spans="8:8">
      <c r="H344003" s="12"/>
    </row>
    <row r="344004" spans="8:8">
      <c r="H344004" s="12"/>
    </row>
    <row r="344005" spans="8:8">
      <c r="H344005" s="12"/>
    </row>
    <row r="344006" spans="8:8">
      <c r="H344006" s="12"/>
    </row>
    <row r="344007" spans="8:8">
      <c r="H344007" s="12"/>
    </row>
    <row r="344008" spans="8:8">
      <c r="H344008" s="12"/>
    </row>
    <row r="344009" spans="8:8">
      <c r="H344009" s="12"/>
    </row>
    <row r="344010" spans="8:8">
      <c r="H344010" s="12"/>
    </row>
    <row r="344011" spans="8:8">
      <c r="H344011" s="12"/>
    </row>
    <row r="344012" spans="8:8">
      <c r="H344012" s="12"/>
    </row>
    <row r="344013" spans="8:8">
      <c r="H344013" s="12"/>
    </row>
    <row r="344014" spans="8:8">
      <c r="H344014" s="12"/>
    </row>
    <row r="344015" spans="8:8">
      <c r="H344015" s="12"/>
    </row>
    <row r="344016" spans="8:8">
      <c r="H344016" s="12"/>
    </row>
    <row r="344017" spans="8:8">
      <c r="H344017" s="12"/>
    </row>
    <row r="344018" spans="8:8">
      <c r="H344018" s="12"/>
    </row>
    <row r="344019" spans="8:8">
      <c r="H344019" s="12"/>
    </row>
    <row r="344020" spans="8:8">
      <c r="H344020" s="12"/>
    </row>
    <row r="344021" spans="8:8">
      <c r="H344021" s="12"/>
    </row>
    <row r="344022" spans="8:8">
      <c r="H344022" s="12"/>
    </row>
    <row r="344023" spans="8:8">
      <c r="H344023" s="12"/>
    </row>
    <row r="344024" spans="8:8">
      <c r="H344024" s="12"/>
    </row>
    <row r="344025" spans="8:8">
      <c r="H344025" s="12"/>
    </row>
    <row r="344026" spans="8:8">
      <c r="H344026" s="12"/>
    </row>
    <row r="344027" spans="8:8">
      <c r="H344027" s="12"/>
    </row>
    <row r="344028" spans="8:8">
      <c r="H344028" s="12"/>
    </row>
    <row r="344029" spans="8:8">
      <c r="H344029" s="12"/>
    </row>
    <row r="344030" spans="8:8">
      <c r="H344030" s="12"/>
    </row>
    <row r="344031" spans="8:8">
      <c r="H344031" s="12"/>
    </row>
    <row r="344032" spans="8:8">
      <c r="H344032" s="12"/>
    </row>
    <row r="344033" spans="8:8">
      <c r="H344033" s="12"/>
    </row>
    <row r="344034" spans="8:8">
      <c r="H344034" s="12"/>
    </row>
    <row r="344035" spans="8:8">
      <c r="H344035" s="12"/>
    </row>
    <row r="344036" spans="8:8">
      <c r="H344036" s="12"/>
    </row>
    <row r="344037" spans="8:8">
      <c r="H344037" s="12"/>
    </row>
    <row r="344038" spans="8:8">
      <c r="H344038" s="12"/>
    </row>
    <row r="344039" spans="8:8">
      <c r="H344039" s="12"/>
    </row>
    <row r="344040" spans="8:8">
      <c r="H344040" s="12"/>
    </row>
    <row r="344041" spans="8:8">
      <c r="H344041" s="12"/>
    </row>
    <row r="344042" spans="8:8">
      <c r="H344042" s="12"/>
    </row>
    <row r="344043" spans="8:8">
      <c r="H344043" s="12"/>
    </row>
    <row r="344044" spans="8:8">
      <c r="H344044" s="12"/>
    </row>
    <row r="344045" spans="8:8">
      <c r="H344045" s="12"/>
    </row>
    <row r="344046" spans="8:8">
      <c r="H344046" s="12"/>
    </row>
    <row r="344047" spans="8:8">
      <c r="H344047" s="12"/>
    </row>
    <row r="344048" spans="8:8">
      <c r="H344048" s="12"/>
    </row>
    <row r="344049" spans="8:8">
      <c r="H344049" s="12"/>
    </row>
    <row r="344050" spans="8:8">
      <c r="H344050" s="12"/>
    </row>
    <row r="344051" spans="8:8">
      <c r="H344051" s="12"/>
    </row>
    <row r="344052" spans="8:8">
      <c r="H344052" s="12"/>
    </row>
    <row r="344053" spans="8:8">
      <c r="H344053" s="12"/>
    </row>
    <row r="344054" spans="8:8">
      <c r="H344054" s="12"/>
    </row>
    <row r="344055" spans="8:8">
      <c r="H344055" s="12"/>
    </row>
    <row r="344056" spans="8:8">
      <c r="H344056" s="12"/>
    </row>
    <row r="344057" spans="8:8">
      <c r="H344057" s="12"/>
    </row>
    <row r="344058" spans="8:8">
      <c r="H344058" s="12"/>
    </row>
    <row r="344059" spans="8:8">
      <c r="H344059" s="12"/>
    </row>
    <row r="344060" spans="8:8">
      <c r="H344060" s="12"/>
    </row>
    <row r="344061" spans="8:8">
      <c r="H344061" s="12"/>
    </row>
    <row r="344062" spans="8:8">
      <c r="H344062" s="12"/>
    </row>
    <row r="344063" spans="8:8">
      <c r="H344063" s="12"/>
    </row>
    <row r="344064" spans="8:8">
      <c r="H344064" s="12"/>
    </row>
    <row r="344065" spans="8:8">
      <c r="H344065" s="12"/>
    </row>
    <row r="344066" spans="8:8">
      <c r="H344066" s="12"/>
    </row>
    <row r="344067" spans="8:8">
      <c r="H344067" s="12"/>
    </row>
    <row r="344068" spans="8:8">
      <c r="H344068" s="12"/>
    </row>
    <row r="344069" spans="8:8">
      <c r="H344069" s="12"/>
    </row>
    <row r="344070" spans="8:8">
      <c r="H344070" s="12"/>
    </row>
    <row r="344071" spans="8:8">
      <c r="H344071" s="12"/>
    </row>
    <row r="344072" spans="8:8">
      <c r="H344072" s="12"/>
    </row>
    <row r="344073" spans="8:8">
      <c r="H344073" s="12"/>
    </row>
    <row r="344074" spans="8:8">
      <c r="H344074" s="12"/>
    </row>
    <row r="344075" spans="8:8">
      <c r="H344075" s="12"/>
    </row>
    <row r="344076" spans="8:8">
      <c r="H344076" s="12"/>
    </row>
    <row r="344077" spans="8:8">
      <c r="H344077" s="12"/>
    </row>
    <row r="344078" spans="8:8">
      <c r="H344078" s="12"/>
    </row>
    <row r="344079" spans="8:8">
      <c r="H344079" s="12"/>
    </row>
    <row r="344080" spans="8:8">
      <c r="H344080" s="12"/>
    </row>
    <row r="344081" spans="8:8">
      <c r="H344081" s="12"/>
    </row>
    <row r="344082" spans="8:8">
      <c r="H344082" s="12"/>
    </row>
    <row r="344083" spans="8:8">
      <c r="H344083" s="12"/>
    </row>
    <row r="344084" spans="8:8">
      <c r="H344084" s="12"/>
    </row>
    <row r="344085" spans="8:8">
      <c r="H344085" s="12"/>
    </row>
    <row r="344086" spans="8:8">
      <c r="H344086" s="12"/>
    </row>
    <row r="344087" spans="8:8">
      <c r="H344087" s="12"/>
    </row>
    <row r="344088" spans="8:8">
      <c r="H344088" s="12"/>
    </row>
    <row r="344089" spans="8:8">
      <c r="H344089" s="12"/>
    </row>
    <row r="344090" spans="8:8">
      <c r="H344090" s="12"/>
    </row>
    <row r="344091" spans="8:8">
      <c r="H344091" s="12"/>
    </row>
    <row r="344092" spans="8:8">
      <c r="H344092" s="12"/>
    </row>
    <row r="344093" spans="8:8">
      <c r="H344093" s="12"/>
    </row>
    <row r="344094" spans="8:8">
      <c r="H344094" s="12"/>
    </row>
    <row r="344095" spans="8:8">
      <c r="H344095" s="12"/>
    </row>
    <row r="344096" spans="8:8">
      <c r="H344096" s="12"/>
    </row>
    <row r="344097" spans="8:8">
      <c r="H344097" s="12"/>
    </row>
    <row r="344098" spans="8:8">
      <c r="H344098" s="12"/>
    </row>
    <row r="344099" spans="8:8">
      <c r="H344099" s="12"/>
    </row>
    <row r="344100" spans="8:8">
      <c r="H344100" s="12"/>
    </row>
    <row r="344101" spans="8:8">
      <c r="H344101" s="12"/>
    </row>
    <row r="344102" spans="8:8">
      <c r="H344102" s="12"/>
    </row>
    <row r="344103" spans="8:8">
      <c r="H344103" s="12"/>
    </row>
    <row r="344104" spans="8:8">
      <c r="H344104" s="12"/>
    </row>
    <row r="344105" spans="8:8">
      <c r="H344105" s="12"/>
    </row>
    <row r="344106" spans="8:8">
      <c r="H344106" s="12"/>
    </row>
    <row r="344107" spans="8:8">
      <c r="H344107" s="12"/>
    </row>
    <row r="344108" spans="8:8">
      <c r="H344108" s="12"/>
    </row>
    <row r="344109" spans="8:8">
      <c r="H344109" s="12"/>
    </row>
    <row r="344110" spans="8:8">
      <c r="H344110" s="12"/>
    </row>
    <row r="344111" spans="8:8">
      <c r="H344111" s="12"/>
    </row>
    <row r="344112" spans="8:8">
      <c r="H344112" s="12"/>
    </row>
    <row r="344113" spans="8:8">
      <c r="H344113" s="12"/>
    </row>
    <row r="344114" spans="8:8">
      <c r="H344114" s="12"/>
    </row>
    <row r="344115" spans="8:8">
      <c r="H344115" s="12"/>
    </row>
    <row r="344116" spans="8:8">
      <c r="H344116" s="12"/>
    </row>
    <row r="344117" spans="8:8">
      <c r="H344117" s="12"/>
    </row>
    <row r="344118" spans="8:8">
      <c r="H344118" s="12"/>
    </row>
    <row r="344119" spans="8:8">
      <c r="H344119" s="12"/>
    </row>
    <row r="344120" spans="8:8">
      <c r="H344120" s="12"/>
    </row>
    <row r="344121" spans="8:8">
      <c r="H344121" s="12"/>
    </row>
    <row r="344122" spans="8:8">
      <c r="H344122" s="12"/>
    </row>
    <row r="344123" spans="8:8">
      <c r="H344123" s="12"/>
    </row>
    <row r="344124" spans="8:8">
      <c r="H344124" s="12"/>
    </row>
    <row r="344125" spans="8:8">
      <c r="H344125" s="12"/>
    </row>
    <row r="344126" spans="8:8">
      <c r="H344126" s="12"/>
    </row>
    <row r="344127" spans="8:8">
      <c r="H344127" s="12"/>
    </row>
    <row r="344128" spans="8:8">
      <c r="H344128" s="12"/>
    </row>
    <row r="344129" spans="8:8">
      <c r="H344129" s="12"/>
    </row>
    <row r="344130" spans="8:8">
      <c r="H344130" s="12"/>
    </row>
    <row r="344131" spans="8:8">
      <c r="H344131" s="12"/>
    </row>
    <row r="344132" spans="8:8">
      <c r="H344132" s="12"/>
    </row>
    <row r="344133" spans="8:8">
      <c r="H344133" s="12"/>
    </row>
    <row r="344134" spans="8:8">
      <c r="H344134" s="12"/>
    </row>
    <row r="344135" spans="8:8">
      <c r="H344135" s="12"/>
    </row>
    <row r="344136" spans="8:8">
      <c r="H344136" s="12"/>
    </row>
    <row r="344137" spans="8:8">
      <c r="H344137" s="12"/>
    </row>
    <row r="344138" spans="8:8">
      <c r="H344138" s="12"/>
    </row>
    <row r="344139" spans="8:8">
      <c r="H344139" s="12"/>
    </row>
    <row r="344140" spans="8:8">
      <c r="H344140" s="12"/>
    </row>
    <row r="344141" spans="8:8">
      <c r="H344141" s="12"/>
    </row>
    <row r="344142" spans="8:8">
      <c r="H344142" s="12"/>
    </row>
    <row r="344143" spans="8:8">
      <c r="H344143" s="12"/>
    </row>
    <row r="344144" spans="8:8">
      <c r="H344144" s="12"/>
    </row>
    <row r="344145" spans="8:8">
      <c r="H344145" s="12"/>
    </row>
    <row r="344146" spans="8:8">
      <c r="H344146" s="12"/>
    </row>
    <row r="344147" spans="8:8">
      <c r="H344147" s="12"/>
    </row>
    <row r="344148" spans="8:8">
      <c r="H344148" s="12"/>
    </row>
    <row r="344149" spans="8:8">
      <c r="H344149" s="12"/>
    </row>
    <row r="344150" spans="8:8">
      <c r="H344150" s="12"/>
    </row>
    <row r="344151" spans="8:8">
      <c r="H344151" s="12"/>
    </row>
    <row r="344152" spans="8:8">
      <c r="H344152" s="12"/>
    </row>
    <row r="344153" spans="8:8">
      <c r="H344153" s="12"/>
    </row>
    <row r="344154" spans="8:8">
      <c r="H344154" s="12"/>
    </row>
    <row r="344155" spans="8:8">
      <c r="H344155" s="12"/>
    </row>
    <row r="344156" spans="8:8">
      <c r="H344156" s="12"/>
    </row>
    <row r="344157" spans="8:8">
      <c r="H344157" s="12"/>
    </row>
    <row r="344158" spans="8:8">
      <c r="H344158" s="12"/>
    </row>
    <row r="344159" spans="8:8">
      <c r="H344159" s="12"/>
    </row>
    <row r="344160" spans="8:8">
      <c r="H344160" s="12"/>
    </row>
    <row r="344161" spans="8:8">
      <c r="H344161" s="12"/>
    </row>
    <row r="344162" spans="8:8">
      <c r="H344162" s="12"/>
    </row>
    <row r="344163" spans="8:8">
      <c r="H344163" s="12"/>
    </row>
    <row r="344164" spans="8:8">
      <c r="H344164" s="12"/>
    </row>
    <row r="344165" spans="8:8">
      <c r="H344165" s="12"/>
    </row>
    <row r="344166" spans="8:8">
      <c r="H344166" s="12"/>
    </row>
    <row r="344167" spans="8:8">
      <c r="H344167" s="12"/>
    </row>
    <row r="344168" spans="8:8">
      <c r="H344168" s="12"/>
    </row>
    <row r="344169" spans="8:8">
      <c r="H344169" s="12"/>
    </row>
    <row r="344170" spans="8:8">
      <c r="H344170" s="12"/>
    </row>
    <row r="344171" spans="8:8">
      <c r="H344171" s="12"/>
    </row>
    <row r="344172" spans="8:8">
      <c r="H344172" s="12"/>
    </row>
    <row r="344173" spans="8:8">
      <c r="H344173" s="12"/>
    </row>
    <row r="344174" spans="8:8">
      <c r="H344174" s="12"/>
    </row>
    <row r="344175" spans="8:8">
      <c r="H344175" s="12"/>
    </row>
    <row r="344176" spans="8:8">
      <c r="H344176" s="12"/>
    </row>
    <row r="344177" spans="8:8">
      <c r="H344177" s="12"/>
    </row>
    <row r="344178" spans="8:8">
      <c r="H344178" s="12"/>
    </row>
    <row r="344179" spans="8:8">
      <c r="H344179" s="12"/>
    </row>
    <row r="344180" spans="8:8">
      <c r="H344180" s="12"/>
    </row>
    <row r="344181" spans="8:8">
      <c r="H344181" s="12"/>
    </row>
    <row r="344182" spans="8:8">
      <c r="H344182" s="12"/>
    </row>
    <row r="344183" spans="8:8">
      <c r="H344183" s="12"/>
    </row>
    <row r="344184" spans="8:8">
      <c r="H344184" s="12"/>
    </row>
    <row r="344185" spans="8:8">
      <c r="H344185" s="12"/>
    </row>
    <row r="344186" spans="8:8">
      <c r="H344186" s="12"/>
    </row>
    <row r="344187" spans="8:8">
      <c r="H344187" s="12"/>
    </row>
    <row r="344188" spans="8:8">
      <c r="H344188" s="12"/>
    </row>
    <row r="344189" spans="8:8">
      <c r="H344189" s="12"/>
    </row>
    <row r="344190" spans="8:8">
      <c r="H344190" s="12"/>
    </row>
    <row r="344191" spans="8:8">
      <c r="H344191" s="12"/>
    </row>
    <row r="344192" spans="8:8">
      <c r="H344192" s="12"/>
    </row>
    <row r="344193" spans="8:8">
      <c r="H344193" s="12"/>
    </row>
    <row r="344194" spans="8:8">
      <c r="H344194" s="12"/>
    </row>
    <row r="344195" spans="8:8">
      <c r="H344195" s="12"/>
    </row>
    <row r="344196" spans="8:8">
      <c r="H344196" s="12"/>
    </row>
    <row r="344197" spans="8:8">
      <c r="H344197" s="12"/>
    </row>
    <row r="344198" spans="8:8">
      <c r="H344198" s="12"/>
    </row>
    <row r="344199" spans="8:8">
      <c r="H344199" s="12"/>
    </row>
    <row r="344200" spans="8:8">
      <c r="H344200" s="12"/>
    </row>
    <row r="344201" spans="8:8">
      <c r="H344201" s="12"/>
    </row>
    <row r="344202" spans="8:8">
      <c r="H344202" s="12"/>
    </row>
    <row r="344203" spans="8:8">
      <c r="H344203" s="12"/>
    </row>
    <row r="344204" spans="8:8">
      <c r="H344204" s="12"/>
    </row>
    <row r="344205" spans="8:8">
      <c r="H344205" s="12"/>
    </row>
    <row r="344206" spans="8:8">
      <c r="H344206" s="12"/>
    </row>
    <row r="344207" spans="8:8">
      <c r="H344207" s="12"/>
    </row>
    <row r="344208" spans="8:8">
      <c r="H344208" s="12"/>
    </row>
    <row r="344209" spans="8:8">
      <c r="H344209" s="12"/>
    </row>
    <row r="344210" spans="8:8">
      <c r="H344210" s="12"/>
    </row>
    <row r="344211" spans="8:8">
      <c r="H344211" s="12"/>
    </row>
    <row r="344212" spans="8:8">
      <c r="H344212" s="12"/>
    </row>
    <row r="344213" spans="8:8">
      <c r="H344213" s="12"/>
    </row>
    <row r="344214" spans="8:8">
      <c r="H344214" s="12"/>
    </row>
    <row r="344215" spans="8:8">
      <c r="H344215" s="12"/>
    </row>
    <row r="344216" spans="8:8">
      <c r="H344216" s="12"/>
    </row>
    <row r="344217" spans="8:8">
      <c r="H344217" s="12"/>
    </row>
    <row r="344218" spans="8:8">
      <c r="H344218" s="12"/>
    </row>
    <row r="344219" spans="8:8">
      <c r="H344219" s="12"/>
    </row>
    <row r="344220" spans="8:8">
      <c r="H344220" s="12"/>
    </row>
    <row r="344221" spans="8:8">
      <c r="H344221" s="12"/>
    </row>
    <row r="344222" spans="8:8">
      <c r="H344222" s="12"/>
    </row>
    <row r="344223" spans="8:8">
      <c r="H344223" s="12"/>
    </row>
    <row r="344224" spans="8:8">
      <c r="H344224" s="12"/>
    </row>
    <row r="344225" spans="8:8">
      <c r="H344225" s="12"/>
    </row>
    <row r="344226" spans="8:8">
      <c r="H344226" s="12"/>
    </row>
    <row r="344227" spans="8:8">
      <c r="H344227" s="12"/>
    </row>
    <row r="344228" spans="8:8">
      <c r="H344228" s="12"/>
    </row>
    <row r="344229" spans="8:8">
      <c r="H344229" s="12"/>
    </row>
    <row r="344230" spans="8:8">
      <c r="H344230" s="12"/>
    </row>
    <row r="344231" spans="8:8">
      <c r="H344231" s="12"/>
    </row>
    <row r="344232" spans="8:8">
      <c r="H344232" s="12"/>
    </row>
    <row r="344233" spans="8:8">
      <c r="H344233" s="12"/>
    </row>
    <row r="344234" spans="8:8">
      <c r="H344234" s="12"/>
    </row>
    <row r="344235" spans="8:8">
      <c r="H344235" s="12"/>
    </row>
    <row r="344236" spans="8:8">
      <c r="H344236" s="12"/>
    </row>
    <row r="344237" spans="8:8">
      <c r="H344237" s="12"/>
    </row>
    <row r="344238" spans="8:8">
      <c r="H344238" s="12"/>
    </row>
    <row r="344239" spans="8:8">
      <c r="H344239" s="12"/>
    </row>
    <row r="344240" spans="8:8">
      <c r="H344240" s="12"/>
    </row>
    <row r="344241" spans="8:8">
      <c r="H344241" s="12"/>
    </row>
    <row r="344242" spans="8:8">
      <c r="H344242" s="12"/>
    </row>
    <row r="344243" spans="8:8">
      <c r="H344243" s="12"/>
    </row>
    <row r="344244" spans="8:8">
      <c r="H344244" s="12"/>
    </row>
    <row r="344245" spans="8:8">
      <c r="H344245" s="12"/>
    </row>
    <row r="344246" spans="8:8">
      <c r="H344246" s="12"/>
    </row>
    <row r="344247" spans="8:8">
      <c r="H344247" s="12"/>
    </row>
    <row r="344248" spans="8:8">
      <c r="H344248" s="12"/>
    </row>
    <row r="344249" spans="8:8">
      <c r="H344249" s="12"/>
    </row>
    <row r="344250" spans="8:8">
      <c r="H344250" s="12"/>
    </row>
    <row r="344251" spans="8:8">
      <c r="H344251" s="12"/>
    </row>
    <row r="344252" spans="8:8">
      <c r="H344252" s="12"/>
    </row>
    <row r="344253" spans="8:8">
      <c r="H344253" s="12"/>
    </row>
    <row r="344254" spans="8:8">
      <c r="H344254" s="12"/>
    </row>
    <row r="344255" spans="8:8">
      <c r="H344255" s="12"/>
    </row>
    <row r="344256" spans="8:8">
      <c r="H344256" s="12"/>
    </row>
    <row r="344257" spans="8:8">
      <c r="H344257" s="12"/>
    </row>
    <row r="344258" spans="8:8">
      <c r="H344258" s="12"/>
    </row>
    <row r="344259" spans="8:8">
      <c r="H344259" s="12"/>
    </row>
    <row r="344260" spans="8:8">
      <c r="H344260" s="12"/>
    </row>
    <row r="344261" spans="8:8">
      <c r="H344261" s="12"/>
    </row>
    <row r="344262" spans="8:8">
      <c r="H344262" s="12"/>
    </row>
    <row r="344263" spans="8:8">
      <c r="H344263" s="12"/>
    </row>
    <row r="344264" spans="8:8">
      <c r="H344264" s="12"/>
    </row>
    <row r="344265" spans="8:8">
      <c r="H344265" s="12"/>
    </row>
    <row r="344266" spans="8:8">
      <c r="H344266" s="12"/>
    </row>
    <row r="344267" spans="8:8">
      <c r="H344267" s="12"/>
    </row>
    <row r="344268" spans="8:8">
      <c r="H344268" s="12"/>
    </row>
    <row r="344269" spans="8:8">
      <c r="H344269" s="12"/>
    </row>
    <row r="344270" spans="8:8">
      <c r="H344270" s="12"/>
    </row>
    <row r="344271" spans="8:8">
      <c r="H344271" s="12"/>
    </row>
    <row r="344272" spans="8:8">
      <c r="H344272" s="12"/>
    </row>
    <row r="344273" spans="8:8">
      <c r="H344273" s="12"/>
    </row>
    <row r="344274" spans="8:8">
      <c r="H344274" s="12"/>
    </row>
    <row r="344275" spans="8:8">
      <c r="H344275" s="12"/>
    </row>
    <row r="344276" spans="8:8">
      <c r="H344276" s="12"/>
    </row>
    <row r="344277" spans="8:8">
      <c r="H344277" s="12"/>
    </row>
    <row r="344278" spans="8:8">
      <c r="H344278" s="12"/>
    </row>
    <row r="344279" spans="8:8">
      <c r="H344279" s="12"/>
    </row>
    <row r="344280" spans="8:8">
      <c r="H344280" s="12"/>
    </row>
    <row r="344281" spans="8:8">
      <c r="H344281" s="12"/>
    </row>
    <row r="344282" spans="8:8">
      <c r="H344282" s="12"/>
    </row>
    <row r="344283" spans="8:8">
      <c r="H344283" s="12"/>
    </row>
    <row r="344284" spans="8:8">
      <c r="H344284" s="12"/>
    </row>
    <row r="344285" spans="8:8">
      <c r="H344285" s="12"/>
    </row>
    <row r="344286" spans="8:8">
      <c r="H344286" s="12"/>
    </row>
    <row r="344287" spans="8:8">
      <c r="H344287" s="12"/>
    </row>
    <row r="344288" spans="8:8">
      <c r="H344288" s="12"/>
    </row>
    <row r="344289" spans="8:8">
      <c r="H344289" s="12"/>
    </row>
    <row r="344290" spans="8:8">
      <c r="H344290" s="12"/>
    </row>
    <row r="344291" spans="8:8">
      <c r="H344291" s="12"/>
    </row>
    <row r="344292" spans="8:8">
      <c r="H344292" s="12"/>
    </row>
    <row r="344293" spans="8:8">
      <c r="H344293" s="12"/>
    </row>
    <row r="344294" spans="8:8">
      <c r="H344294" s="12"/>
    </row>
    <row r="344295" spans="8:8">
      <c r="H344295" s="12"/>
    </row>
    <row r="344296" spans="8:8">
      <c r="H344296" s="12"/>
    </row>
    <row r="344297" spans="8:8">
      <c r="H344297" s="12"/>
    </row>
    <row r="344298" spans="8:8">
      <c r="H344298" s="12"/>
    </row>
    <row r="344299" spans="8:8">
      <c r="H344299" s="12"/>
    </row>
    <row r="344300" spans="8:8">
      <c r="H344300" s="12"/>
    </row>
    <row r="344301" spans="8:8">
      <c r="H344301" s="12"/>
    </row>
    <row r="344302" spans="8:8">
      <c r="H344302" s="12"/>
    </row>
    <row r="344303" spans="8:8">
      <c r="H344303" s="12"/>
    </row>
    <row r="344304" spans="8:8">
      <c r="H344304" s="12"/>
    </row>
    <row r="344305" spans="8:8">
      <c r="H344305" s="12"/>
    </row>
    <row r="344306" spans="8:8">
      <c r="H344306" s="12"/>
    </row>
    <row r="344307" spans="8:8">
      <c r="H344307" s="12"/>
    </row>
    <row r="344308" spans="8:8">
      <c r="H344308" s="12"/>
    </row>
    <row r="344309" spans="8:8">
      <c r="H344309" s="12"/>
    </row>
    <row r="344310" spans="8:8">
      <c r="H344310" s="12"/>
    </row>
    <row r="344311" spans="8:8">
      <c r="H344311" s="12"/>
    </row>
    <row r="344312" spans="8:8">
      <c r="H344312" s="12"/>
    </row>
    <row r="344313" spans="8:8">
      <c r="H344313" s="12"/>
    </row>
    <row r="344314" spans="8:8">
      <c r="H344314" s="12"/>
    </row>
    <row r="344315" spans="8:8">
      <c r="H344315" s="12"/>
    </row>
    <row r="344316" spans="8:8">
      <c r="H344316" s="12"/>
    </row>
    <row r="344317" spans="8:8">
      <c r="H344317" s="12"/>
    </row>
    <row r="344318" spans="8:8">
      <c r="H344318" s="12"/>
    </row>
    <row r="344319" spans="8:8">
      <c r="H344319" s="12"/>
    </row>
    <row r="344320" spans="8:8">
      <c r="H344320" s="12"/>
    </row>
    <row r="344321" spans="8:8">
      <c r="H344321" s="12"/>
    </row>
    <row r="344322" spans="8:8">
      <c r="H344322" s="12"/>
    </row>
    <row r="344323" spans="8:8">
      <c r="H344323" s="12"/>
    </row>
    <row r="344324" spans="8:8">
      <c r="H344324" s="12"/>
    </row>
    <row r="344325" spans="8:8">
      <c r="H344325" s="12"/>
    </row>
    <row r="344326" spans="8:8">
      <c r="H344326" s="12"/>
    </row>
    <row r="344327" spans="8:8">
      <c r="H344327" s="12"/>
    </row>
    <row r="344328" spans="8:8">
      <c r="H344328" s="12"/>
    </row>
    <row r="344329" spans="8:8">
      <c r="H344329" s="12"/>
    </row>
    <row r="344330" spans="8:8">
      <c r="H344330" s="12"/>
    </row>
    <row r="344331" spans="8:8">
      <c r="H344331" s="12"/>
    </row>
    <row r="344332" spans="8:8">
      <c r="H344332" s="12"/>
    </row>
    <row r="344333" spans="8:8">
      <c r="H344333" s="12"/>
    </row>
    <row r="344334" spans="8:8">
      <c r="H344334" s="12"/>
    </row>
    <row r="344335" spans="8:8">
      <c r="H344335" s="12"/>
    </row>
    <row r="344336" spans="8:8">
      <c r="H344336" s="12"/>
    </row>
    <row r="344337" spans="8:8">
      <c r="H344337" s="12"/>
    </row>
    <row r="344338" spans="8:8">
      <c r="H344338" s="12"/>
    </row>
    <row r="344339" spans="8:8">
      <c r="H344339" s="12"/>
    </row>
    <row r="344340" spans="8:8">
      <c r="H344340" s="12"/>
    </row>
    <row r="344341" spans="8:8">
      <c r="H344341" s="12"/>
    </row>
    <row r="344342" spans="8:8">
      <c r="H344342" s="12"/>
    </row>
    <row r="344343" spans="8:8">
      <c r="H344343" s="12"/>
    </row>
    <row r="344344" spans="8:8">
      <c r="H344344" s="12"/>
    </row>
    <row r="344345" spans="8:8">
      <c r="H344345" s="12"/>
    </row>
    <row r="344346" spans="8:8">
      <c r="H344346" s="12"/>
    </row>
    <row r="344347" spans="8:8">
      <c r="H344347" s="12"/>
    </row>
    <row r="344348" spans="8:8">
      <c r="H344348" s="12"/>
    </row>
    <row r="344349" spans="8:8">
      <c r="H344349" s="12"/>
    </row>
    <row r="344350" spans="8:8">
      <c r="H344350" s="12"/>
    </row>
    <row r="344351" spans="8:8">
      <c r="H344351" s="12"/>
    </row>
    <row r="344352" spans="8:8">
      <c r="H344352" s="12"/>
    </row>
    <row r="344353" spans="8:8">
      <c r="H344353" s="12"/>
    </row>
    <row r="344354" spans="8:8">
      <c r="H344354" s="12"/>
    </row>
    <row r="344355" spans="8:8">
      <c r="H344355" s="12"/>
    </row>
    <row r="344356" spans="8:8">
      <c r="H344356" s="12"/>
    </row>
    <row r="344357" spans="8:8">
      <c r="H344357" s="12"/>
    </row>
    <row r="344358" spans="8:8">
      <c r="H344358" s="12"/>
    </row>
    <row r="344359" spans="8:8">
      <c r="H344359" s="12"/>
    </row>
    <row r="344360" spans="8:8">
      <c r="H344360" s="12"/>
    </row>
    <row r="344361" spans="8:8">
      <c r="H344361" s="12"/>
    </row>
    <row r="344362" spans="8:8">
      <c r="H344362" s="12"/>
    </row>
    <row r="344363" spans="8:8">
      <c r="H344363" s="12"/>
    </row>
    <row r="344364" spans="8:8">
      <c r="H344364" s="12"/>
    </row>
    <row r="344365" spans="8:8">
      <c r="H344365" s="12"/>
    </row>
    <row r="344366" spans="8:8">
      <c r="H344366" s="12"/>
    </row>
    <row r="344367" spans="8:8">
      <c r="H344367" s="12"/>
    </row>
    <row r="344368" spans="8:8">
      <c r="H344368" s="12"/>
    </row>
    <row r="344369" spans="8:8">
      <c r="H344369" s="12"/>
    </row>
    <row r="344370" spans="8:8">
      <c r="H344370" s="12"/>
    </row>
    <row r="344371" spans="8:8">
      <c r="H344371" s="12"/>
    </row>
    <row r="344372" spans="8:8">
      <c r="H344372" s="12"/>
    </row>
    <row r="344373" spans="8:8">
      <c r="H344373" s="12"/>
    </row>
    <row r="344374" spans="8:8">
      <c r="H344374" s="12"/>
    </row>
    <row r="344375" spans="8:8">
      <c r="H344375" s="12"/>
    </row>
    <row r="344376" spans="8:8">
      <c r="H344376" s="12"/>
    </row>
    <row r="344377" spans="8:8">
      <c r="H344377" s="12"/>
    </row>
    <row r="344378" spans="8:8">
      <c r="H344378" s="12"/>
    </row>
    <row r="344379" spans="8:8">
      <c r="H344379" s="12"/>
    </row>
    <row r="344380" spans="8:8">
      <c r="H344380" s="12"/>
    </row>
    <row r="344381" spans="8:8">
      <c r="H344381" s="12"/>
    </row>
    <row r="344382" spans="8:8">
      <c r="H344382" s="12"/>
    </row>
    <row r="344383" spans="8:8">
      <c r="H344383" s="12"/>
    </row>
    <row r="344384" spans="8:8">
      <c r="H344384" s="12"/>
    </row>
    <row r="344385" spans="8:8">
      <c r="H344385" s="12"/>
    </row>
    <row r="344386" spans="8:8">
      <c r="H344386" s="12"/>
    </row>
    <row r="344387" spans="8:8">
      <c r="H344387" s="12"/>
    </row>
    <row r="344388" spans="8:8">
      <c r="H344388" s="12"/>
    </row>
    <row r="344389" spans="8:8">
      <c r="H344389" s="12"/>
    </row>
    <row r="344390" spans="8:8">
      <c r="H344390" s="12"/>
    </row>
    <row r="344391" spans="8:8">
      <c r="H344391" s="12"/>
    </row>
    <row r="344392" spans="8:8">
      <c r="H344392" s="12"/>
    </row>
    <row r="344393" spans="8:8">
      <c r="H344393" s="12"/>
    </row>
    <row r="344394" spans="8:8">
      <c r="H344394" s="12"/>
    </row>
    <row r="344395" spans="8:8">
      <c r="H344395" s="12"/>
    </row>
    <row r="344396" spans="8:8">
      <c r="H344396" s="12"/>
    </row>
    <row r="344397" spans="8:8">
      <c r="H344397" s="12"/>
    </row>
    <row r="344398" spans="8:8">
      <c r="H344398" s="12"/>
    </row>
    <row r="344399" spans="8:8">
      <c r="H344399" s="12"/>
    </row>
    <row r="344400" spans="8:8">
      <c r="H344400" s="12"/>
    </row>
    <row r="344401" spans="8:8">
      <c r="H344401" s="12"/>
    </row>
    <row r="344402" spans="8:8">
      <c r="H344402" s="12"/>
    </row>
    <row r="344403" spans="8:8">
      <c r="H344403" s="12"/>
    </row>
    <row r="344404" spans="8:8">
      <c r="H344404" s="12"/>
    </row>
    <row r="344405" spans="8:8">
      <c r="H344405" s="12"/>
    </row>
    <row r="344406" spans="8:8">
      <c r="H344406" s="12"/>
    </row>
    <row r="344407" spans="8:8">
      <c r="H344407" s="12"/>
    </row>
    <row r="344408" spans="8:8">
      <c r="H344408" s="12"/>
    </row>
    <row r="344409" spans="8:8">
      <c r="H344409" s="12"/>
    </row>
    <row r="344410" spans="8:8">
      <c r="H344410" s="12"/>
    </row>
    <row r="344411" spans="8:8">
      <c r="H344411" s="12"/>
    </row>
    <row r="344412" spans="8:8">
      <c r="H344412" s="12"/>
    </row>
    <row r="344413" spans="8:8">
      <c r="H344413" s="12"/>
    </row>
    <row r="344414" spans="8:8">
      <c r="H344414" s="12"/>
    </row>
    <row r="344415" spans="8:8">
      <c r="H344415" s="12"/>
    </row>
    <row r="344416" spans="8:8">
      <c r="H344416" s="12"/>
    </row>
    <row r="344417" spans="8:8">
      <c r="H344417" s="12"/>
    </row>
    <row r="344418" spans="8:8">
      <c r="H344418" s="12"/>
    </row>
    <row r="344419" spans="8:8">
      <c r="H344419" s="12"/>
    </row>
    <row r="344420" spans="8:8">
      <c r="H344420" s="12"/>
    </row>
    <row r="344421" spans="8:8">
      <c r="H344421" s="12"/>
    </row>
    <row r="344422" spans="8:8">
      <c r="H344422" s="12"/>
    </row>
    <row r="344423" spans="8:8">
      <c r="H344423" s="12"/>
    </row>
    <row r="344424" spans="8:8">
      <c r="H344424" s="12"/>
    </row>
    <row r="344425" spans="8:8">
      <c r="H344425" s="12"/>
    </row>
    <row r="344426" spans="8:8">
      <c r="H344426" s="12"/>
    </row>
    <row r="344427" spans="8:8">
      <c r="H344427" s="12"/>
    </row>
    <row r="344428" spans="8:8">
      <c r="H344428" s="12"/>
    </row>
    <row r="344429" spans="8:8">
      <c r="H344429" s="12"/>
    </row>
    <row r="344430" spans="8:8">
      <c r="H344430" s="12"/>
    </row>
    <row r="344431" spans="8:8">
      <c r="H344431" s="12"/>
    </row>
    <row r="344432" spans="8:8">
      <c r="H344432" s="12"/>
    </row>
    <row r="344433" spans="8:8">
      <c r="H344433" s="12"/>
    </row>
    <row r="344434" spans="8:8">
      <c r="H344434" s="12"/>
    </row>
    <row r="344435" spans="8:8">
      <c r="H344435" s="12"/>
    </row>
    <row r="344436" spans="8:8">
      <c r="H344436" s="12"/>
    </row>
    <row r="344437" spans="8:8">
      <c r="H344437" s="12"/>
    </row>
    <row r="344438" spans="8:8">
      <c r="H344438" s="12"/>
    </row>
    <row r="344439" spans="8:8">
      <c r="H344439" s="12"/>
    </row>
    <row r="344440" spans="8:8">
      <c r="H344440" s="12"/>
    </row>
    <row r="344441" spans="8:8">
      <c r="H344441" s="12"/>
    </row>
    <row r="344442" spans="8:8">
      <c r="H344442" s="12"/>
    </row>
    <row r="344443" spans="8:8">
      <c r="H344443" s="12"/>
    </row>
    <row r="344444" spans="8:8">
      <c r="H344444" s="12"/>
    </row>
    <row r="344445" spans="8:8">
      <c r="H344445" s="12"/>
    </row>
    <row r="344446" spans="8:8">
      <c r="H344446" s="12"/>
    </row>
    <row r="344447" spans="8:8">
      <c r="H344447" s="12"/>
    </row>
    <row r="344448" spans="8:8">
      <c r="H344448" s="12"/>
    </row>
    <row r="344449" spans="8:8">
      <c r="H344449" s="12"/>
    </row>
    <row r="344450" spans="8:8">
      <c r="H344450" s="12"/>
    </row>
    <row r="344451" spans="8:8">
      <c r="H344451" s="12"/>
    </row>
    <row r="344452" spans="8:8">
      <c r="H344452" s="12"/>
    </row>
    <row r="344453" spans="8:8">
      <c r="H344453" s="12"/>
    </row>
    <row r="344454" spans="8:8">
      <c r="H344454" s="12"/>
    </row>
    <row r="344455" spans="8:8">
      <c r="H344455" s="12"/>
    </row>
    <row r="344456" spans="8:8">
      <c r="H344456" s="12"/>
    </row>
    <row r="344457" spans="8:8">
      <c r="H344457" s="12"/>
    </row>
    <row r="344458" spans="8:8">
      <c r="H344458" s="12"/>
    </row>
    <row r="344459" spans="8:8">
      <c r="H344459" s="12"/>
    </row>
    <row r="344460" spans="8:8">
      <c r="H344460" s="12"/>
    </row>
    <row r="344461" spans="8:8">
      <c r="H344461" s="12"/>
    </row>
    <row r="344462" spans="8:8">
      <c r="H344462" s="12"/>
    </row>
    <row r="344463" spans="8:8">
      <c r="H344463" s="12"/>
    </row>
    <row r="344464" spans="8:8">
      <c r="H344464" s="12"/>
    </row>
    <row r="344465" spans="8:8">
      <c r="H344465" s="12"/>
    </row>
    <row r="344466" spans="8:8">
      <c r="H344466" s="12"/>
    </row>
    <row r="344467" spans="8:8">
      <c r="H344467" s="12"/>
    </row>
    <row r="344468" spans="8:8">
      <c r="H344468" s="12"/>
    </row>
    <row r="344469" spans="8:8">
      <c r="H344469" s="12"/>
    </row>
    <row r="344470" spans="8:8">
      <c r="H344470" s="12"/>
    </row>
    <row r="344471" spans="8:8">
      <c r="H344471" s="12"/>
    </row>
    <row r="344472" spans="8:8">
      <c r="H344472" s="12"/>
    </row>
    <row r="344473" spans="8:8">
      <c r="H344473" s="12"/>
    </row>
    <row r="344474" spans="8:8">
      <c r="H344474" s="12"/>
    </row>
    <row r="344475" spans="8:8">
      <c r="H344475" s="12"/>
    </row>
    <row r="344476" spans="8:8">
      <c r="H344476" s="12"/>
    </row>
    <row r="344477" spans="8:8">
      <c r="H344477" s="12"/>
    </row>
    <row r="344478" spans="8:8">
      <c r="H344478" s="12"/>
    </row>
    <row r="344479" spans="8:8">
      <c r="H344479" s="12"/>
    </row>
    <row r="344480" spans="8:8">
      <c r="H344480" s="12"/>
    </row>
    <row r="344481" spans="8:8">
      <c r="H344481" s="12"/>
    </row>
    <row r="344482" spans="8:8">
      <c r="H344482" s="12"/>
    </row>
    <row r="344483" spans="8:8">
      <c r="H344483" s="12"/>
    </row>
    <row r="344484" spans="8:8">
      <c r="H344484" s="12"/>
    </row>
    <row r="344485" spans="8:8">
      <c r="H344485" s="12"/>
    </row>
    <row r="344486" spans="8:8">
      <c r="H344486" s="12"/>
    </row>
    <row r="344487" spans="8:8">
      <c r="H344487" s="12"/>
    </row>
    <row r="344488" spans="8:8">
      <c r="H344488" s="12"/>
    </row>
    <row r="344489" spans="8:8">
      <c r="H344489" s="12"/>
    </row>
    <row r="344490" spans="8:8">
      <c r="H344490" s="12"/>
    </row>
    <row r="344491" spans="8:8">
      <c r="H344491" s="12"/>
    </row>
    <row r="344492" spans="8:8">
      <c r="H344492" s="12"/>
    </row>
    <row r="344493" spans="8:8">
      <c r="H344493" s="12"/>
    </row>
    <row r="344494" spans="8:8">
      <c r="H344494" s="12"/>
    </row>
    <row r="344495" spans="8:8">
      <c r="H344495" s="12"/>
    </row>
    <row r="344496" spans="8:8">
      <c r="H344496" s="12"/>
    </row>
    <row r="344497" spans="8:8">
      <c r="H344497" s="12"/>
    </row>
    <row r="344498" spans="8:8">
      <c r="H344498" s="12"/>
    </row>
    <row r="344499" spans="8:8">
      <c r="H344499" s="12"/>
    </row>
    <row r="344500" spans="8:8">
      <c r="H344500" s="12"/>
    </row>
    <row r="344501" spans="8:8">
      <c r="H344501" s="12"/>
    </row>
    <row r="344502" spans="8:8">
      <c r="H344502" s="12"/>
    </row>
    <row r="344503" spans="8:8">
      <c r="H344503" s="12"/>
    </row>
    <row r="344504" spans="8:8">
      <c r="H344504" s="12"/>
    </row>
    <row r="344505" spans="8:8">
      <c r="H344505" s="12"/>
    </row>
    <row r="344506" spans="8:8">
      <c r="H344506" s="12"/>
    </row>
    <row r="344507" spans="8:8">
      <c r="H344507" s="12"/>
    </row>
    <row r="344508" spans="8:8">
      <c r="H344508" s="12"/>
    </row>
    <row r="344509" spans="8:8">
      <c r="H344509" s="12"/>
    </row>
    <row r="344510" spans="8:8">
      <c r="H344510" s="12"/>
    </row>
    <row r="344511" spans="8:8">
      <c r="H344511" s="12"/>
    </row>
    <row r="344512" spans="8:8">
      <c r="H344512" s="12"/>
    </row>
    <row r="344513" spans="8:8">
      <c r="H344513" s="12"/>
    </row>
    <row r="344514" spans="8:8">
      <c r="H344514" s="12"/>
    </row>
    <row r="344515" spans="8:8">
      <c r="H344515" s="12"/>
    </row>
    <row r="344516" spans="8:8">
      <c r="H344516" s="12"/>
    </row>
    <row r="344517" spans="8:8">
      <c r="H344517" s="12"/>
    </row>
    <row r="344518" spans="8:8">
      <c r="H344518" s="12"/>
    </row>
    <row r="344519" spans="8:8">
      <c r="H344519" s="12"/>
    </row>
    <row r="344520" spans="8:8">
      <c r="H344520" s="12"/>
    </row>
    <row r="344521" spans="8:8">
      <c r="H344521" s="12"/>
    </row>
    <row r="344522" spans="8:8">
      <c r="H344522" s="12"/>
    </row>
    <row r="344523" spans="8:8">
      <c r="H344523" s="12"/>
    </row>
    <row r="344524" spans="8:8">
      <c r="H344524" s="12"/>
    </row>
    <row r="344525" spans="8:8">
      <c r="H344525" s="12"/>
    </row>
    <row r="344526" spans="8:8">
      <c r="H344526" s="12"/>
    </row>
    <row r="344527" spans="8:8">
      <c r="H344527" s="12"/>
    </row>
    <row r="344528" spans="8:8">
      <c r="H344528" s="12"/>
    </row>
    <row r="344529" spans="8:8">
      <c r="H344529" s="12"/>
    </row>
    <row r="344530" spans="8:8">
      <c r="H344530" s="12"/>
    </row>
    <row r="344531" spans="8:8">
      <c r="H344531" s="12"/>
    </row>
    <row r="344532" spans="8:8">
      <c r="H344532" s="12"/>
    </row>
    <row r="344533" spans="8:8">
      <c r="H344533" s="12"/>
    </row>
    <row r="344534" spans="8:8">
      <c r="H344534" s="12"/>
    </row>
    <row r="344535" spans="8:8">
      <c r="H344535" s="12"/>
    </row>
    <row r="344536" spans="8:8">
      <c r="H344536" s="12"/>
    </row>
    <row r="344537" spans="8:8">
      <c r="H344537" s="12"/>
    </row>
    <row r="344538" spans="8:8">
      <c r="H344538" s="12"/>
    </row>
    <row r="344539" spans="8:8">
      <c r="H344539" s="12"/>
    </row>
    <row r="344540" spans="8:8">
      <c r="H344540" s="12"/>
    </row>
    <row r="344541" spans="8:8">
      <c r="H344541" s="12"/>
    </row>
    <row r="344542" spans="8:8">
      <c r="H344542" s="12"/>
    </row>
    <row r="344543" spans="8:8">
      <c r="H344543" s="12"/>
    </row>
    <row r="344544" spans="8:8">
      <c r="H344544" s="12"/>
    </row>
    <row r="344545" spans="8:8">
      <c r="H344545" s="12"/>
    </row>
    <row r="344546" spans="8:8">
      <c r="H344546" s="12"/>
    </row>
    <row r="344547" spans="8:8">
      <c r="H344547" s="12"/>
    </row>
    <row r="344548" spans="8:8">
      <c r="H344548" s="12"/>
    </row>
    <row r="344549" spans="8:8">
      <c r="H344549" s="12"/>
    </row>
    <row r="344550" spans="8:8">
      <c r="H344550" s="12"/>
    </row>
    <row r="344551" spans="8:8">
      <c r="H344551" s="12"/>
    </row>
    <row r="344552" spans="8:8">
      <c r="H344552" s="12"/>
    </row>
    <row r="344553" spans="8:8">
      <c r="H344553" s="12"/>
    </row>
    <row r="344554" spans="8:8">
      <c r="H344554" s="12"/>
    </row>
    <row r="344555" spans="8:8">
      <c r="H344555" s="12"/>
    </row>
    <row r="344556" spans="8:8">
      <c r="H344556" s="12"/>
    </row>
    <row r="344557" spans="8:8">
      <c r="H344557" s="12"/>
    </row>
    <row r="344558" spans="8:8">
      <c r="H344558" s="12"/>
    </row>
    <row r="344559" spans="8:8">
      <c r="H344559" s="12"/>
    </row>
    <row r="344560" spans="8:8">
      <c r="H344560" s="12"/>
    </row>
    <row r="344561" spans="8:8">
      <c r="H344561" s="12"/>
    </row>
    <row r="344562" spans="8:8">
      <c r="H344562" s="12"/>
    </row>
    <row r="344563" spans="8:8">
      <c r="H344563" s="12"/>
    </row>
    <row r="344564" spans="8:8">
      <c r="H344564" s="12"/>
    </row>
    <row r="344565" spans="8:8">
      <c r="H344565" s="12"/>
    </row>
    <row r="344566" spans="8:8">
      <c r="H344566" s="12"/>
    </row>
    <row r="344567" spans="8:8">
      <c r="H344567" s="12"/>
    </row>
    <row r="344568" spans="8:8">
      <c r="H344568" s="12"/>
    </row>
    <row r="344569" spans="8:8">
      <c r="H344569" s="12"/>
    </row>
    <row r="344570" spans="8:8">
      <c r="H344570" s="12"/>
    </row>
    <row r="344571" spans="8:8">
      <c r="H344571" s="12"/>
    </row>
    <row r="344572" spans="8:8">
      <c r="H344572" s="12"/>
    </row>
    <row r="344573" spans="8:8">
      <c r="H344573" s="12"/>
    </row>
    <row r="344574" spans="8:8">
      <c r="H344574" s="12"/>
    </row>
    <row r="344575" spans="8:8">
      <c r="H344575" s="12"/>
    </row>
    <row r="344576" spans="8:8">
      <c r="H344576" s="12"/>
    </row>
    <row r="344577" spans="8:8">
      <c r="H344577" s="12"/>
    </row>
    <row r="344578" spans="8:8">
      <c r="H344578" s="12"/>
    </row>
    <row r="344579" spans="8:8">
      <c r="H344579" s="12"/>
    </row>
    <row r="344580" spans="8:8">
      <c r="H344580" s="12"/>
    </row>
    <row r="344581" spans="8:8">
      <c r="H344581" s="12"/>
    </row>
    <row r="344582" spans="8:8">
      <c r="H344582" s="12"/>
    </row>
    <row r="344583" spans="8:8">
      <c r="H344583" s="12"/>
    </row>
    <row r="344584" spans="8:8">
      <c r="H344584" s="12"/>
    </row>
    <row r="344585" spans="8:8">
      <c r="H344585" s="12"/>
    </row>
    <row r="344586" spans="8:8">
      <c r="H344586" s="12"/>
    </row>
    <row r="344587" spans="8:8">
      <c r="H344587" s="12"/>
    </row>
    <row r="344588" spans="8:8">
      <c r="H344588" s="12"/>
    </row>
    <row r="344589" spans="8:8">
      <c r="H344589" s="12"/>
    </row>
    <row r="344590" spans="8:8">
      <c r="H344590" s="12"/>
    </row>
    <row r="344591" spans="8:8">
      <c r="H344591" s="12"/>
    </row>
    <row r="344592" spans="8:8">
      <c r="H344592" s="12"/>
    </row>
    <row r="344593" spans="8:8">
      <c r="H344593" s="12"/>
    </row>
    <row r="344594" spans="8:8">
      <c r="H344594" s="12"/>
    </row>
    <row r="344595" spans="8:8">
      <c r="H344595" s="12"/>
    </row>
    <row r="344596" spans="8:8">
      <c r="H344596" s="12"/>
    </row>
    <row r="344597" spans="8:8">
      <c r="H344597" s="12"/>
    </row>
    <row r="344598" spans="8:8">
      <c r="H344598" s="12"/>
    </row>
    <row r="344599" spans="8:8">
      <c r="H344599" s="12"/>
    </row>
    <row r="344600" spans="8:8">
      <c r="H344600" s="12"/>
    </row>
    <row r="344601" spans="8:8">
      <c r="H344601" s="12"/>
    </row>
    <row r="344602" spans="8:8">
      <c r="H344602" s="12"/>
    </row>
    <row r="344603" spans="8:8">
      <c r="H344603" s="12"/>
    </row>
    <row r="344604" spans="8:8">
      <c r="H344604" s="12"/>
    </row>
    <row r="344605" spans="8:8">
      <c r="H344605" s="12"/>
    </row>
    <row r="344606" spans="8:8">
      <c r="H344606" s="12"/>
    </row>
    <row r="344607" spans="8:8">
      <c r="H344607" s="12"/>
    </row>
    <row r="344608" spans="8:8">
      <c r="H344608" s="12"/>
    </row>
    <row r="344609" spans="8:8">
      <c r="H344609" s="12"/>
    </row>
    <row r="344610" spans="8:8">
      <c r="H344610" s="12"/>
    </row>
    <row r="344611" spans="8:8">
      <c r="H344611" s="12"/>
    </row>
    <row r="344612" spans="8:8">
      <c r="H344612" s="12"/>
    </row>
    <row r="344613" spans="8:8">
      <c r="H344613" s="12"/>
    </row>
    <row r="344614" spans="8:8">
      <c r="H344614" s="12"/>
    </row>
    <row r="344615" spans="8:8">
      <c r="H344615" s="12"/>
    </row>
    <row r="344616" spans="8:8">
      <c r="H344616" s="12"/>
    </row>
    <row r="344617" spans="8:8">
      <c r="H344617" s="12"/>
    </row>
    <row r="344618" spans="8:8">
      <c r="H344618" s="12"/>
    </row>
    <row r="344619" spans="8:8">
      <c r="H344619" s="12"/>
    </row>
    <row r="344620" spans="8:8">
      <c r="H344620" s="12"/>
    </row>
    <row r="344621" spans="8:8">
      <c r="H344621" s="12"/>
    </row>
    <row r="344622" spans="8:8">
      <c r="H344622" s="12"/>
    </row>
    <row r="344623" spans="8:8">
      <c r="H344623" s="12"/>
    </row>
    <row r="344624" spans="8:8">
      <c r="H344624" s="12"/>
    </row>
    <row r="344625" spans="8:8">
      <c r="H344625" s="12"/>
    </row>
    <row r="344626" spans="8:8">
      <c r="H344626" s="12"/>
    </row>
    <row r="344627" spans="8:8">
      <c r="H344627" s="12"/>
    </row>
    <row r="344628" spans="8:8">
      <c r="H344628" s="12"/>
    </row>
    <row r="344629" spans="8:8">
      <c r="H344629" s="12"/>
    </row>
    <row r="344630" spans="8:8">
      <c r="H344630" s="12"/>
    </row>
    <row r="344631" spans="8:8">
      <c r="H344631" s="12"/>
    </row>
    <row r="344632" spans="8:8">
      <c r="H344632" s="12"/>
    </row>
    <row r="344633" spans="8:8">
      <c r="H344633" s="12"/>
    </row>
    <row r="344634" spans="8:8">
      <c r="H344634" s="12"/>
    </row>
    <row r="344635" spans="8:8">
      <c r="H344635" s="12"/>
    </row>
    <row r="344636" spans="8:8">
      <c r="H344636" s="12"/>
    </row>
    <row r="344637" spans="8:8">
      <c r="H344637" s="12"/>
    </row>
    <row r="344638" spans="8:8">
      <c r="H344638" s="12"/>
    </row>
    <row r="344639" spans="8:8">
      <c r="H344639" s="12"/>
    </row>
    <row r="344640" spans="8:8">
      <c r="H344640" s="12"/>
    </row>
    <row r="344641" spans="8:8">
      <c r="H344641" s="12"/>
    </row>
    <row r="344642" spans="8:8">
      <c r="H344642" s="12"/>
    </row>
    <row r="344643" spans="8:8">
      <c r="H344643" s="12"/>
    </row>
    <row r="344644" spans="8:8">
      <c r="H344644" s="12"/>
    </row>
    <row r="344645" spans="8:8">
      <c r="H344645" s="12"/>
    </row>
    <row r="344646" spans="8:8">
      <c r="H344646" s="12"/>
    </row>
    <row r="344647" spans="8:8">
      <c r="H344647" s="12"/>
    </row>
    <row r="344648" spans="8:8">
      <c r="H344648" s="12"/>
    </row>
    <row r="344649" spans="8:8">
      <c r="H344649" s="12"/>
    </row>
    <row r="344650" spans="8:8">
      <c r="H344650" s="12"/>
    </row>
    <row r="344651" spans="8:8">
      <c r="H344651" s="12"/>
    </row>
    <row r="344652" spans="8:8">
      <c r="H344652" s="12"/>
    </row>
    <row r="344653" spans="8:8">
      <c r="H344653" s="12"/>
    </row>
    <row r="344654" spans="8:8">
      <c r="H344654" s="12"/>
    </row>
    <row r="344655" spans="8:8">
      <c r="H344655" s="12"/>
    </row>
    <row r="344656" spans="8:8">
      <c r="H344656" s="12"/>
    </row>
    <row r="344657" spans="8:8">
      <c r="H344657" s="12"/>
    </row>
    <row r="344658" spans="8:8">
      <c r="H344658" s="12"/>
    </row>
    <row r="344659" spans="8:8">
      <c r="H344659" s="12"/>
    </row>
    <row r="344660" spans="8:8">
      <c r="H344660" s="12"/>
    </row>
    <row r="344661" spans="8:8">
      <c r="H344661" s="12"/>
    </row>
    <row r="344662" spans="8:8">
      <c r="H344662" s="12"/>
    </row>
    <row r="344663" spans="8:8">
      <c r="H344663" s="12"/>
    </row>
    <row r="344664" spans="8:8">
      <c r="H344664" s="12"/>
    </row>
    <row r="344665" spans="8:8">
      <c r="H344665" s="12"/>
    </row>
    <row r="344666" spans="8:8">
      <c r="H344666" s="12"/>
    </row>
    <row r="344667" spans="8:8">
      <c r="H344667" s="12"/>
    </row>
    <row r="344668" spans="8:8">
      <c r="H344668" s="12"/>
    </row>
    <row r="344669" spans="8:8">
      <c r="H344669" s="12"/>
    </row>
    <row r="344670" spans="8:8">
      <c r="H344670" s="12"/>
    </row>
    <row r="344671" spans="8:8">
      <c r="H344671" s="12"/>
    </row>
    <row r="344672" spans="8:8">
      <c r="H344672" s="12"/>
    </row>
    <row r="344673" spans="8:8">
      <c r="H344673" s="12"/>
    </row>
    <row r="344674" spans="8:8">
      <c r="H344674" s="12"/>
    </row>
    <row r="344675" spans="8:8">
      <c r="H344675" s="12"/>
    </row>
    <row r="344676" spans="8:8">
      <c r="H344676" s="12"/>
    </row>
    <row r="344677" spans="8:8">
      <c r="H344677" s="12"/>
    </row>
    <row r="344678" spans="8:8">
      <c r="H344678" s="12"/>
    </row>
    <row r="344679" spans="8:8">
      <c r="H344679" s="12"/>
    </row>
    <row r="344680" spans="8:8">
      <c r="H344680" s="12"/>
    </row>
    <row r="344681" spans="8:8">
      <c r="H344681" s="12"/>
    </row>
    <row r="344682" spans="8:8">
      <c r="H344682" s="12"/>
    </row>
    <row r="344683" spans="8:8">
      <c r="H344683" s="12"/>
    </row>
    <row r="344684" spans="8:8">
      <c r="H344684" s="12"/>
    </row>
    <row r="344685" spans="8:8">
      <c r="H344685" s="12"/>
    </row>
    <row r="344686" spans="8:8">
      <c r="H344686" s="12"/>
    </row>
    <row r="344687" spans="8:8">
      <c r="H344687" s="12"/>
    </row>
    <row r="344688" spans="8:8">
      <c r="H344688" s="12"/>
    </row>
    <row r="344689" spans="8:8">
      <c r="H344689" s="12"/>
    </row>
    <row r="344690" spans="8:8">
      <c r="H344690" s="12"/>
    </row>
    <row r="344691" spans="8:8">
      <c r="H344691" s="12"/>
    </row>
    <row r="344692" spans="8:8">
      <c r="H344692" s="12"/>
    </row>
    <row r="344693" spans="8:8">
      <c r="H344693" s="12"/>
    </row>
    <row r="344694" spans="8:8">
      <c r="H344694" s="12"/>
    </row>
    <row r="344695" spans="8:8">
      <c r="H344695" s="12"/>
    </row>
    <row r="344696" spans="8:8">
      <c r="H344696" s="12"/>
    </row>
    <row r="344697" spans="8:8">
      <c r="H344697" s="12"/>
    </row>
    <row r="344698" spans="8:8">
      <c r="H344698" s="12"/>
    </row>
    <row r="344699" spans="8:8">
      <c r="H344699" s="12"/>
    </row>
    <row r="344700" spans="8:8">
      <c r="H344700" s="12"/>
    </row>
    <row r="344701" spans="8:8">
      <c r="H344701" s="12"/>
    </row>
    <row r="344702" spans="8:8">
      <c r="H344702" s="12"/>
    </row>
    <row r="344703" spans="8:8">
      <c r="H344703" s="12"/>
    </row>
    <row r="344704" spans="8:8">
      <c r="H344704" s="12"/>
    </row>
    <row r="344705" spans="8:8">
      <c r="H344705" s="12"/>
    </row>
    <row r="344706" spans="8:8">
      <c r="H344706" s="12"/>
    </row>
    <row r="344707" spans="8:8">
      <c r="H344707" s="12"/>
    </row>
    <row r="344708" spans="8:8">
      <c r="H344708" s="12"/>
    </row>
    <row r="344709" spans="8:8">
      <c r="H344709" s="12"/>
    </row>
    <row r="344710" spans="8:8">
      <c r="H344710" s="12"/>
    </row>
    <row r="344711" spans="8:8">
      <c r="H344711" s="12"/>
    </row>
    <row r="344712" spans="8:8">
      <c r="H344712" s="12"/>
    </row>
    <row r="344713" spans="8:8">
      <c r="H344713" s="12"/>
    </row>
    <row r="344714" spans="8:8">
      <c r="H344714" s="12"/>
    </row>
    <row r="344715" spans="8:8">
      <c r="H344715" s="12"/>
    </row>
    <row r="344716" spans="8:8">
      <c r="H344716" s="12"/>
    </row>
    <row r="344717" spans="8:8">
      <c r="H344717" s="12"/>
    </row>
    <row r="344718" spans="8:8">
      <c r="H344718" s="12"/>
    </row>
    <row r="344719" spans="8:8">
      <c r="H344719" s="12"/>
    </row>
    <row r="344720" spans="8:8">
      <c r="H344720" s="12"/>
    </row>
    <row r="344721" spans="8:8">
      <c r="H344721" s="12"/>
    </row>
    <row r="344722" spans="8:8">
      <c r="H344722" s="12"/>
    </row>
    <row r="344723" spans="8:8">
      <c r="H344723" s="12"/>
    </row>
    <row r="344724" spans="8:8">
      <c r="H344724" s="12"/>
    </row>
    <row r="344725" spans="8:8">
      <c r="H344725" s="12"/>
    </row>
    <row r="344726" spans="8:8">
      <c r="H344726" s="12"/>
    </row>
    <row r="344727" spans="8:8">
      <c r="H344727" s="12"/>
    </row>
    <row r="344728" spans="8:8">
      <c r="H344728" s="12"/>
    </row>
    <row r="344729" spans="8:8">
      <c r="H344729" s="12"/>
    </row>
    <row r="344730" spans="8:8">
      <c r="H344730" s="12"/>
    </row>
    <row r="344731" spans="8:8">
      <c r="H344731" s="12"/>
    </row>
    <row r="344732" spans="8:8">
      <c r="H344732" s="12"/>
    </row>
    <row r="344733" spans="8:8">
      <c r="H344733" s="12"/>
    </row>
    <row r="344734" spans="8:8">
      <c r="H344734" s="12"/>
    </row>
    <row r="344735" spans="8:8">
      <c r="H344735" s="12"/>
    </row>
    <row r="344736" spans="8:8">
      <c r="H344736" s="12"/>
    </row>
    <row r="344737" spans="8:8">
      <c r="H344737" s="12"/>
    </row>
    <row r="344738" spans="8:8">
      <c r="H344738" s="12"/>
    </row>
    <row r="344739" spans="8:8">
      <c r="H344739" s="12"/>
    </row>
    <row r="344740" spans="8:8">
      <c r="H344740" s="12"/>
    </row>
    <row r="344741" spans="8:8">
      <c r="H344741" s="12"/>
    </row>
    <row r="344742" spans="8:8">
      <c r="H344742" s="12"/>
    </row>
    <row r="344743" spans="8:8">
      <c r="H344743" s="12"/>
    </row>
    <row r="344744" spans="8:8">
      <c r="H344744" s="12"/>
    </row>
    <row r="344745" spans="8:8">
      <c r="H344745" s="12"/>
    </row>
    <row r="344746" spans="8:8">
      <c r="H344746" s="12"/>
    </row>
    <row r="344747" spans="8:8">
      <c r="H344747" s="12"/>
    </row>
    <row r="344748" spans="8:8">
      <c r="H344748" s="12"/>
    </row>
    <row r="344749" spans="8:8">
      <c r="H344749" s="12"/>
    </row>
    <row r="344750" spans="8:8">
      <c r="H344750" s="12"/>
    </row>
    <row r="344751" spans="8:8">
      <c r="H344751" s="12"/>
    </row>
    <row r="344752" spans="8:8">
      <c r="H344752" s="12"/>
    </row>
    <row r="344753" spans="8:8">
      <c r="H344753" s="12"/>
    </row>
    <row r="344754" spans="8:8">
      <c r="H344754" s="12"/>
    </row>
    <row r="344755" spans="8:8">
      <c r="H344755" s="12"/>
    </row>
    <row r="344756" spans="8:8">
      <c r="H344756" s="12"/>
    </row>
    <row r="344757" spans="8:8">
      <c r="H344757" s="12"/>
    </row>
    <row r="344758" spans="8:8">
      <c r="H344758" s="12"/>
    </row>
    <row r="344759" spans="8:8">
      <c r="H344759" s="12"/>
    </row>
    <row r="344760" spans="8:8">
      <c r="H344760" s="12"/>
    </row>
    <row r="344761" spans="8:8">
      <c r="H344761" s="12"/>
    </row>
    <row r="344762" spans="8:8">
      <c r="H344762" s="12"/>
    </row>
    <row r="344763" spans="8:8">
      <c r="H344763" s="12"/>
    </row>
    <row r="344764" spans="8:8">
      <c r="H344764" s="12"/>
    </row>
    <row r="344765" spans="8:8">
      <c r="H344765" s="12"/>
    </row>
    <row r="344766" spans="8:8">
      <c r="H344766" s="12"/>
    </row>
    <row r="344767" spans="8:8">
      <c r="H344767" s="12"/>
    </row>
    <row r="344768" spans="8:8">
      <c r="H344768" s="12"/>
    </row>
    <row r="344769" spans="8:8">
      <c r="H344769" s="12"/>
    </row>
    <row r="344770" spans="8:8">
      <c r="H344770" s="12"/>
    </row>
    <row r="344771" spans="8:8">
      <c r="H344771" s="12"/>
    </row>
    <row r="344772" spans="8:8">
      <c r="H344772" s="12"/>
    </row>
    <row r="344773" spans="8:8">
      <c r="H344773" s="12"/>
    </row>
    <row r="344774" spans="8:8">
      <c r="H344774" s="12"/>
    </row>
    <row r="344775" spans="8:8">
      <c r="H344775" s="12"/>
    </row>
    <row r="344776" spans="8:8">
      <c r="H344776" s="12"/>
    </row>
    <row r="344777" spans="8:8">
      <c r="H344777" s="12"/>
    </row>
    <row r="344778" spans="8:8">
      <c r="H344778" s="12"/>
    </row>
    <row r="344779" spans="8:8">
      <c r="H344779" s="12"/>
    </row>
    <row r="344780" spans="8:8">
      <c r="H344780" s="12"/>
    </row>
    <row r="344781" spans="8:8">
      <c r="H344781" s="12"/>
    </row>
    <row r="344782" spans="8:8">
      <c r="H344782" s="12"/>
    </row>
    <row r="344783" spans="8:8">
      <c r="H344783" s="12"/>
    </row>
    <row r="344784" spans="8:8">
      <c r="H344784" s="12"/>
    </row>
    <row r="344785" spans="8:8">
      <c r="H344785" s="12"/>
    </row>
    <row r="344786" spans="8:8">
      <c r="H344786" s="12"/>
    </row>
    <row r="344787" spans="8:8">
      <c r="H344787" s="12"/>
    </row>
    <row r="344788" spans="8:8">
      <c r="H344788" s="12"/>
    </row>
    <row r="344789" spans="8:8">
      <c r="H344789" s="12"/>
    </row>
    <row r="344790" spans="8:8">
      <c r="H344790" s="12"/>
    </row>
    <row r="344791" spans="8:8">
      <c r="H344791" s="12"/>
    </row>
    <row r="344792" spans="8:8">
      <c r="H344792" s="12"/>
    </row>
    <row r="344793" spans="8:8">
      <c r="H344793" s="12"/>
    </row>
    <row r="344794" spans="8:8">
      <c r="H344794" s="12"/>
    </row>
    <row r="344795" spans="8:8">
      <c r="H344795" s="12"/>
    </row>
    <row r="344796" spans="8:8">
      <c r="H344796" s="12"/>
    </row>
    <row r="344797" spans="8:8">
      <c r="H344797" s="12"/>
    </row>
    <row r="344798" spans="8:8">
      <c r="H344798" s="12"/>
    </row>
    <row r="344799" spans="8:8">
      <c r="H344799" s="12"/>
    </row>
    <row r="344800" spans="8:8">
      <c r="H344800" s="12"/>
    </row>
    <row r="344801" spans="8:8">
      <c r="H344801" s="12"/>
    </row>
    <row r="344802" spans="8:8">
      <c r="H344802" s="12"/>
    </row>
    <row r="344803" spans="8:8">
      <c r="H344803" s="12"/>
    </row>
    <row r="344804" spans="8:8">
      <c r="H344804" s="12"/>
    </row>
    <row r="344805" spans="8:8">
      <c r="H344805" s="12"/>
    </row>
    <row r="344806" spans="8:8">
      <c r="H344806" s="12"/>
    </row>
    <row r="344807" spans="8:8">
      <c r="H344807" s="12"/>
    </row>
    <row r="344808" spans="8:8">
      <c r="H344808" s="12"/>
    </row>
    <row r="344809" spans="8:8">
      <c r="H344809" s="12"/>
    </row>
    <row r="344810" spans="8:8">
      <c r="H344810" s="12"/>
    </row>
    <row r="344811" spans="8:8">
      <c r="H344811" s="12"/>
    </row>
    <row r="344812" spans="8:8">
      <c r="H344812" s="12"/>
    </row>
    <row r="344813" spans="8:8">
      <c r="H344813" s="12"/>
    </row>
    <row r="344814" spans="8:8">
      <c r="H344814" s="12"/>
    </row>
    <row r="344815" spans="8:8">
      <c r="H344815" s="12"/>
    </row>
    <row r="344816" spans="8:8">
      <c r="H344816" s="12"/>
    </row>
    <row r="344817" spans="8:8">
      <c r="H344817" s="12"/>
    </row>
    <row r="344818" spans="8:8">
      <c r="H344818" s="12"/>
    </row>
    <row r="344819" spans="8:8">
      <c r="H344819" s="12"/>
    </row>
    <row r="344820" spans="8:8">
      <c r="H344820" s="12"/>
    </row>
    <row r="344821" spans="8:8">
      <c r="H344821" s="12"/>
    </row>
    <row r="344822" spans="8:8">
      <c r="H344822" s="12"/>
    </row>
    <row r="344823" spans="8:8">
      <c r="H344823" s="12"/>
    </row>
    <row r="344824" spans="8:8">
      <c r="H344824" s="12"/>
    </row>
    <row r="344825" spans="8:8">
      <c r="H344825" s="12"/>
    </row>
    <row r="344826" spans="8:8">
      <c r="H344826" s="12"/>
    </row>
    <row r="344827" spans="8:8">
      <c r="H344827" s="12"/>
    </row>
    <row r="344828" spans="8:8">
      <c r="H344828" s="12"/>
    </row>
    <row r="344829" spans="8:8">
      <c r="H344829" s="12"/>
    </row>
    <row r="344830" spans="8:8">
      <c r="H344830" s="12"/>
    </row>
    <row r="344831" spans="8:8">
      <c r="H344831" s="12"/>
    </row>
    <row r="344832" spans="8:8">
      <c r="H344832" s="12"/>
    </row>
    <row r="344833" spans="8:8">
      <c r="H344833" s="12"/>
    </row>
    <row r="344834" spans="8:8">
      <c r="H344834" s="12"/>
    </row>
    <row r="344835" spans="8:8">
      <c r="H344835" s="12"/>
    </row>
    <row r="344836" spans="8:8">
      <c r="H344836" s="12"/>
    </row>
    <row r="344837" spans="8:8">
      <c r="H344837" s="12"/>
    </row>
    <row r="344838" spans="8:8">
      <c r="H344838" s="12"/>
    </row>
    <row r="344839" spans="8:8">
      <c r="H344839" s="12"/>
    </row>
    <row r="344840" spans="8:8">
      <c r="H344840" s="12"/>
    </row>
    <row r="344841" spans="8:8">
      <c r="H344841" s="12"/>
    </row>
    <row r="344842" spans="8:8">
      <c r="H344842" s="12"/>
    </row>
    <row r="344843" spans="8:8">
      <c r="H344843" s="12"/>
    </row>
    <row r="344844" spans="8:8">
      <c r="H344844" s="12"/>
    </row>
    <row r="344845" spans="8:8">
      <c r="H344845" s="12"/>
    </row>
    <row r="344846" spans="8:8">
      <c r="H344846" s="12"/>
    </row>
    <row r="344847" spans="8:8">
      <c r="H344847" s="12"/>
    </row>
    <row r="344848" spans="8:8">
      <c r="H344848" s="12"/>
    </row>
    <row r="344849" spans="8:8">
      <c r="H344849" s="12"/>
    </row>
    <row r="344850" spans="8:8">
      <c r="H344850" s="12"/>
    </row>
    <row r="344851" spans="8:8">
      <c r="H344851" s="12"/>
    </row>
    <row r="344852" spans="8:8">
      <c r="H344852" s="12"/>
    </row>
    <row r="344853" spans="8:8">
      <c r="H344853" s="12"/>
    </row>
    <row r="344854" spans="8:8">
      <c r="H344854" s="12"/>
    </row>
    <row r="344855" spans="8:8">
      <c r="H344855" s="12"/>
    </row>
    <row r="344856" spans="8:8">
      <c r="H344856" s="12"/>
    </row>
    <row r="344857" spans="8:8">
      <c r="H344857" s="12"/>
    </row>
    <row r="344858" spans="8:8">
      <c r="H344858" s="12"/>
    </row>
    <row r="344859" spans="8:8">
      <c r="H344859" s="12"/>
    </row>
    <row r="344860" spans="8:8">
      <c r="H344860" s="12"/>
    </row>
    <row r="344861" spans="8:8">
      <c r="H344861" s="12"/>
    </row>
    <row r="344862" spans="8:8">
      <c r="H344862" s="12"/>
    </row>
    <row r="344863" spans="8:8">
      <c r="H344863" s="12"/>
    </row>
    <row r="344864" spans="8:8">
      <c r="H344864" s="12"/>
    </row>
    <row r="344865" spans="8:8">
      <c r="H344865" s="12"/>
    </row>
    <row r="344866" spans="8:8">
      <c r="H344866" s="12"/>
    </row>
    <row r="344867" spans="8:8">
      <c r="H344867" s="12"/>
    </row>
    <row r="344868" spans="8:8">
      <c r="H344868" s="12"/>
    </row>
    <row r="344869" spans="8:8">
      <c r="H344869" s="12"/>
    </row>
    <row r="344870" spans="8:8">
      <c r="H344870" s="12"/>
    </row>
    <row r="344871" spans="8:8">
      <c r="H344871" s="12"/>
    </row>
    <row r="344872" spans="8:8">
      <c r="H344872" s="12"/>
    </row>
    <row r="344873" spans="8:8">
      <c r="H344873" s="12"/>
    </row>
    <row r="344874" spans="8:8">
      <c r="H344874" s="12"/>
    </row>
    <row r="344875" spans="8:8">
      <c r="H344875" s="12"/>
    </row>
    <row r="344876" spans="8:8">
      <c r="H344876" s="12"/>
    </row>
    <row r="344877" spans="8:8">
      <c r="H344877" s="12"/>
    </row>
    <row r="344878" spans="8:8">
      <c r="H344878" s="12"/>
    </row>
    <row r="344879" spans="8:8">
      <c r="H344879" s="12"/>
    </row>
    <row r="344880" spans="8:8">
      <c r="H344880" s="12"/>
    </row>
    <row r="344881" spans="8:8">
      <c r="H344881" s="12"/>
    </row>
    <row r="344882" spans="8:8">
      <c r="H344882" s="12"/>
    </row>
    <row r="344883" spans="8:8">
      <c r="H344883" s="12"/>
    </row>
    <row r="344884" spans="8:8">
      <c r="H344884" s="12"/>
    </row>
    <row r="344885" spans="8:8">
      <c r="H344885" s="12"/>
    </row>
    <row r="344886" spans="8:8">
      <c r="H344886" s="12"/>
    </row>
    <row r="344887" spans="8:8">
      <c r="H344887" s="12"/>
    </row>
    <row r="344888" spans="8:8">
      <c r="H344888" s="12"/>
    </row>
    <row r="344889" spans="8:8">
      <c r="H344889" s="12"/>
    </row>
    <row r="344890" spans="8:8">
      <c r="H344890" s="12"/>
    </row>
    <row r="344891" spans="8:8">
      <c r="H344891" s="12"/>
    </row>
    <row r="344892" spans="8:8">
      <c r="H344892" s="12"/>
    </row>
    <row r="344893" spans="8:8">
      <c r="H344893" s="12"/>
    </row>
    <row r="344894" spans="8:8">
      <c r="H344894" s="12"/>
    </row>
    <row r="344895" spans="8:8">
      <c r="H344895" s="12"/>
    </row>
    <row r="344896" spans="8:8">
      <c r="H344896" s="12"/>
    </row>
    <row r="344897" spans="8:8">
      <c r="H344897" s="12"/>
    </row>
    <row r="344898" spans="8:8">
      <c r="H344898" s="12"/>
    </row>
    <row r="344899" spans="8:8">
      <c r="H344899" s="12"/>
    </row>
    <row r="344900" spans="8:8">
      <c r="H344900" s="12"/>
    </row>
    <row r="344901" spans="8:8">
      <c r="H344901" s="12"/>
    </row>
    <row r="344902" spans="8:8">
      <c r="H344902" s="12"/>
    </row>
    <row r="344903" spans="8:8">
      <c r="H344903" s="12"/>
    </row>
    <row r="344904" spans="8:8">
      <c r="H344904" s="12"/>
    </row>
    <row r="344905" spans="8:8">
      <c r="H344905" s="12"/>
    </row>
    <row r="344906" spans="8:8">
      <c r="H344906" s="12"/>
    </row>
    <row r="344907" spans="8:8">
      <c r="H344907" s="12"/>
    </row>
    <row r="344908" spans="8:8">
      <c r="H344908" s="12"/>
    </row>
    <row r="344909" spans="8:8">
      <c r="H344909" s="12"/>
    </row>
    <row r="344910" spans="8:8">
      <c r="H344910" s="12"/>
    </row>
    <row r="344911" spans="8:8">
      <c r="H344911" s="12"/>
    </row>
    <row r="344912" spans="8:8">
      <c r="H344912" s="12"/>
    </row>
    <row r="344913" spans="8:8">
      <c r="H344913" s="12"/>
    </row>
    <row r="344914" spans="8:8">
      <c r="H344914" s="12"/>
    </row>
    <row r="344915" spans="8:8">
      <c r="H344915" s="12"/>
    </row>
    <row r="344916" spans="8:8">
      <c r="H344916" s="12"/>
    </row>
    <row r="344917" spans="8:8">
      <c r="H344917" s="12"/>
    </row>
    <row r="344918" spans="8:8">
      <c r="H344918" s="12"/>
    </row>
    <row r="344919" spans="8:8">
      <c r="H344919" s="12"/>
    </row>
    <row r="344920" spans="8:8">
      <c r="H344920" s="12"/>
    </row>
    <row r="344921" spans="8:8">
      <c r="H344921" s="12"/>
    </row>
    <row r="344922" spans="8:8">
      <c r="H344922" s="12"/>
    </row>
    <row r="344923" spans="8:8">
      <c r="H344923" s="12"/>
    </row>
    <row r="344924" spans="8:8">
      <c r="H344924" s="12"/>
    </row>
    <row r="344925" spans="8:8">
      <c r="H344925" s="12"/>
    </row>
    <row r="344926" spans="8:8">
      <c r="H344926" s="12"/>
    </row>
    <row r="344927" spans="8:8">
      <c r="H344927" s="12"/>
    </row>
    <row r="344928" spans="8:8">
      <c r="H344928" s="12"/>
    </row>
    <row r="344929" spans="8:8">
      <c r="H344929" s="12"/>
    </row>
    <row r="344930" spans="8:8">
      <c r="H344930" s="12"/>
    </row>
    <row r="344931" spans="8:8">
      <c r="H344931" s="12"/>
    </row>
    <row r="344932" spans="8:8">
      <c r="H344932" s="12"/>
    </row>
    <row r="344933" spans="8:8">
      <c r="H344933" s="12"/>
    </row>
    <row r="344934" spans="8:8">
      <c r="H344934" s="12"/>
    </row>
    <row r="344935" spans="8:8">
      <c r="H344935" s="12"/>
    </row>
    <row r="344936" spans="8:8">
      <c r="H344936" s="12"/>
    </row>
    <row r="344937" spans="8:8">
      <c r="H344937" s="12"/>
    </row>
    <row r="344938" spans="8:8">
      <c r="H344938" s="12"/>
    </row>
    <row r="344939" spans="8:8">
      <c r="H344939" s="12"/>
    </row>
    <row r="344940" spans="8:8">
      <c r="H344940" s="12"/>
    </row>
    <row r="344941" spans="8:8">
      <c r="H344941" s="12"/>
    </row>
    <row r="344942" spans="8:8">
      <c r="H344942" s="12"/>
    </row>
    <row r="344943" spans="8:8">
      <c r="H344943" s="12"/>
    </row>
    <row r="344944" spans="8:8">
      <c r="H344944" s="12"/>
    </row>
    <row r="344945" spans="8:8">
      <c r="H344945" s="12"/>
    </row>
    <row r="344946" spans="8:8">
      <c r="H344946" s="12"/>
    </row>
    <row r="344947" spans="8:8">
      <c r="H344947" s="12"/>
    </row>
    <row r="344948" spans="8:8">
      <c r="H344948" s="12"/>
    </row>
    <row r="344949" spans="8:8">
      <c r="H344949" s="12"/>
    </row>
    <row r="344950" spans="8:8">
      <c r="H344950" s="12"/>
    </row>
    <row r="344951" spans="8:8">
      <c r="H344951" s="12"/>
    </row>
    <row r="344952" spans="8:8">
      <c r="H344952" s="12"/>
    </row>
    <row r="344953" spans="8:8">
      <c r="H344953" s="12"/>
    </row>
    <row r="344954" spans="8:8">
      <c r="H344954" s="12"/>
    </row>
    <row r="344955" spans="8:8">
      <c r="H344955" s="12"/>
    </row>
    <row r="344956" spans="8:8">
      <c r="H344956" s="12"/>
    </row>
    <row r="344957" spans="8:8">
      <c r="H344957" s="12"/>
    </row>
    <row r="344958" spans="8:8">
      <c r="H344958" s="12"/>
    </row>
    <row r="344959" spans="8:8">
      <c r="H344959" s="12"/>
    </row>
    <row r="344960" spans="8:8">
      <c r="H344960" s="12"/>
    </row>
    <row r="344961" spans="8:8">
      <c r="H344961" s="12"/>
    </row>
    <row r="344962" spans="8:8">
      <c r="H344962" s="12"/>
    </row>
    <row r="344963" spans="8:8">
      <c r="H344963" s="12"/>
    </row>
    <row r="344964" spans="8:8">
      <c r="H344964" s="12"/>
    </row>
    <row r="344965" spans="8:8">
      <c r="H344965" s="12"/>
    </row>
    <row r="344966" spans="8:8">
      <c r="H344966" s="12"/>
    </row>
    <row r="344967" spans="8:8">
      <c r="H344967" s="12"/>
    </row>
    <row r="344968" spans="8:8">
      <c r="H344968" s="12"/>
    </row>
    <row r="344969" spans="8:8">
      <c r="H344969" s="12"/>
    </row>
    <row r="344970" spans="8:8">
      <c r="H344970" s="12"/>
    </row>
    <row r="344971" spans="8:8">
      <c r="H344971" s="12"/>
    </row>
    <row r="344972" spans="8:8">
      <c r="H344972" s="12"/>
    </row>
    <row r="344973" spans="8:8">
      <c r="H344973" s="12"/>
    </row>
    <row r="344974" spans="8:8">
      <c r="H344974" s="12"/>
    </row>
    <row r="344975" spans="8:8">
      <c r="H344975" s="12"/>
    </row>
    <row r="344976" spans="8:8">
      <c r="H344976" s="12"/>
    </row>
    <row r="344977" spans="8:8">
      <c r="H344977" s="12"/>
    </row>
    <row r="344978" spans="8:8">
      <c r="H344978" s="12"/>
    </row>
    <row r="344979" spans="8:8">
      <c r="H344979" s="12"/>
    </row>
    <row r="344980" spans="8:8">
      <c r="H344980" s="12"/>
    </row>
    <row r="344981" spans="8:8">
      <c r="H344981" s="12"/>
    </row>
    <row r="344982" spans="8:8">
      <c r="H344982" s="12"/>
    </row>
    <row r="344983" spans="8:8">
      <c r="H344983" s="12"/>
    </row>
    <row r="344984" spans="8:8">
      <c r="H344984" s="12"/>
    </row>
    <row r="344985" spans="8:8">
      <c r="H344985" s="12"/>
    </row>
    <row r="344986" spans="8:8">
      <c r="H344986" s="12"/>
    </row>
    <row r="344987" spans="8:8">
      <c r="H344987" s="12"/>
    </row>
    <row r="344988" spans="8:8">
      <c r="H344988" s="12"/>
    </row>
    <row r="344989" spans="8:8">
      <c r="H344989" s="12"/>
    </row>
    <row r="344990" spans="8:8">
      <c r="H344990" s="12"/>
    </row>
    <row r="344991" spans="8:8">
      <c r="H344991" s="12"/>
    </row>
    <row r="344992" spans="8:8">
      <c r="H344992" s="12"/>
    </row>
    <row r="344993" spans="8:8">
      <c r="H344993" s="12"/>
    </row>
    <row r="344994" spans="8:8">
      <c r="H344994" s="12"/>
    </row>
    <row r="344995" spans="8:8">
      <c r="H344995" s="12"/>
    </row>
    <row r="344996" spans="8:8">
      <c r="H344996" s="12"/>
    </row>
    <row r="344997" spans="8:8">
      <c r="H344997" s="12"/>
    </row>
    <row r="344998" spans="8:8">
      <c r="H344998" s="12"/>
    </row>
    <row r="344999" spans="8:8">
      <c r="H344999" s="12"/>
    </row>
    <row r="345000" spans="8:8">
      <c r="H345000" s="12"/>
    </row>
    <row r="345001" spans="8:8">
      <c r="H345001" s="12"/>
    </row>
    <row r="345002" spans="8:8">
      <c r="H345002" s="12"/>
    </row>
    <row r="345003" spans="8:8">
      <c r="H345003" s="12"/>
    </row>
    <row r="345004" spans="8:8">
      <c r="H345004" s="12"/>
    </row>
    <row r="345005" spans="8:8">
      <c r="H345005" s="12"/>
    </row>
    <row r="345006" spans="8:8">
      <c r="H345006" s="12"/>
    </row>
    <row r="345007" spans="8:8">
      <c r="H345007" s="12"/>
    </row>
    <row r="345008" spans="8:8">
      <c r="H345008" s="12"/>
    </row>
    <row r="345009" spans="8:8">
      <c r="H345009" s="12"/>
    </row>
    <row r="345010" spans="8:8">
      <c r="H345010" s="12"/>
    </row>
    <row r="345011" spans="8:8">
      <c r="H345011" s="12"/>
    </row>
    <row r="345012" spans="8:8">
      <c r="H345012" s="12"/>
    </row>
    <row r="345013" spans="8:8">
      <c r="H345013" s="12"/>
    </row>
    <row r="345014" spans="8:8">
      <c r="H345014" s="12"/>
    </row>
    <row r="345015" spans="8:8">
      <c r="H345015" s="12"/>
    </row>
    <row r="345016" spans="8:8">
      <c r="H345016" s="12"/>
    </row>
    <row r="345017" spans="8:8">
      <c r="H345017" s="12"/>
    </row>
    <row r="345018" spans="8:8">
      <c r="H345018" s="12"/>
    </row>
    <row r="345019" spans="8:8">
      <c r="H345019" s="12"/>
    </row>
    <row r="345020" spans="8:8">
      <c r="H345020" s="12"/>
    </row>
    <row r="345021" spans="8:8">
      <c r="H345021" s="12"/>
    </row>
    <row r="345022" spans="8:8">
      <c r="H345022" s="12"/>
    </row>
    <row r="345023" spans="8:8">
      <c r="H345023" s="12"/>
    </row>
    <row r="345024" spans="8:8">
      <c r="H345024" s="12"/>
    </row>
    <row r="345025" spans="8:8">
      <c r="H345025" s="12"/>
    </row>
    <row r="345026" spans="8:8">
      <c r="H345026" s="12"/>
    </row>
    <row r="345027" spans="8:8">
      <c r="H345027" s="12"/>
    </row>
    <row r="345028" spans="8:8">
      <c r="H345028" s="12"/>
    </row>
    <row r="345029" spans="8:8">
      <c r="H345029" s="12"/>
    </row>
    <row r="345030" spans="8:8">
      <c r="H345030" s="12"/>
    </row>
    <row r="345031" spans="8:8">
      <c r="H345031" s="12"/>
    </row>
    <row r="345032" spans="8:8">
      <c r="H345032" s="12"/>
    </row>
    <row r="345033" spans="8:8">
      <c r="H345033" s="12"/>
    </row>
    <row r="345034" spans="8:8">
      <c r="H345034" s="12"/>
    </row>
    <row r="345035" spans="8:8">
      <c r="H345035" s="12"/>
    </row>
    <row r="345036" spans="8:8">
      <c r="H345036" s="12"/>
    </row>
    <row r="345037" spans="8:8">
      <c r="H345037" s="12"/>
    </row>
    <row r="345038" spans="8:8">
      <c r="H345038" s="12"/>
    </row>
    <row r="345039" spans="8:8">
      <c r="H345039" s="12"/>
    </row>
    <row r="345040" spans="8:8">
      <c r="H345040" s="12"/>
    </row>
    <row r="345041" spans="8:8">
      <c r="H345041" s="12"/>
    </row>
    <row r="345042" spans="8:8">
      <c r="H345042" s="12"/>
    </row>
    <row r="345043" spans="8:8">
      <c r="H345043" s="12"/>
    </row>
    <row r="345044" spans="8:8">
      <c r="H345044" s="12"/>
    </row>
    <row r="345045" spans="8:8">
      <c r="H345045" s="12"/>
    </row>
    <row r="345046" spans="8:8">
      <c r="H345046" s="12"/>
    </row>
    <row r="345047" spans="8:8">
      <c r="H345047" s="12"/>
    </row>
    <row r="345048" spans="8:8">
      <c r="H345048" s="12"/>
    </row>
    <row r="345049" spans="8:8">
      <c r="H345049" s="12"/>
    </row>
    <row r="345050" spans="8:8">
      <c r="H345050" s="12"/>
    </row>
    <row r="345051" spans="8:8">
      <c r="H345051" s="12"/>
    </row>
    <row r="345052" spans="8:8">
      <c r="H345052" s="12"/>
    </row>
    <row r="345053" spans="8:8">
      <c r="H345053" s="12"/>
    </row>
    <row r="345054" spans="8:8">
      <c r="H345054" s="12"/>
    </row>
    <row r="345055" spans="8:8">
      <c r="H345055" s="12"/>
    </row>
    <row r="345056" spans="8:8">
      <c r="H345056" s="12"/>
    </row>
    <row r="345057" spans="8:8">
      <c r="H345057" s="12"/>
    </row>
    <row r="345058" spans="8:8">
      <c r="H345058" s="12"/>
    </row>
    <row r="345059" spans="8:8">
      <c r="H345059" s="12"/>
    </row>
    <row r="345060" spans="8:8">
      <c r="H345060" s="12"/>
    </row>
    <row r="345061" spans="8:8">
      <c r="H345061" s="12"/>
    </row>
    <row r="345062" spans="8:8">
      <c r="H345062" s="12"/>
    </row>
    <row r="345063" spans="8:8">
      <c r="H345063" s="12"/>
    </row>
    <row r="345064" spans="8:8">
      <c r="H345064" s="12"/>
    </row>
    <row r="345065" spans="8:8">
      <c r="H345065" s="12"/>
    </row>
    <row r="345066" spans="8:8">
      <c r="H345066" s="12"/>
    </row>
    <row r="345067" spans="8:8">
      <c r="H345067" s="12"/>
    </row>
    <row r="345068" spans="8:8">
      <c r="H345068" s="12"/>
    </row>
    <row r="345069" spans="8:8">
      <c r="H345069" s="12"/>
    </row>
    <row r="345070" spans="8:8">
      <c r="H345070" s="12"/>
    </row>
    <row r="345071" spans="8:8">
      <c r="H345071" s="12"/>
    </row>
    <row r="345072" spans="8:8">
      <c r="H345072" s="12"/>
    </row>
    <row r="345073" spans="8:8">
      <c r="H345073" s="12"/>
    </row>
    <row r="345074" spans="8:8">
      <c r="H345074" s="12"/>
    </row>
    <row r="345075" spans="8:8">
      <c r="H345075" s="12"/>
    </row>
    <row r="345076" spans="8:8">
      <c r="H345076" s="12"/>
    </row>
    <row r="345077" spans="8:8">
      <c r="H345077" s="12"/>
    </row>
    <row r="345078" spans="8:8">
      <c r="H345078" s="12"/>
    </row>
    <row r="345079" spans="8:8">
      <c r="H345079" s="12"/>
    </row>
    <row r="345080" spans="8:8">
      <c r="H345080" s="12"/>
    </row>
    <row r="345081" spans="8:8">
      <c r="H345081" s="12"/>
    </row>
    <row r="345082" spans="8:8">
      <c r="H345082" s="12"/>
    </row>
    <row r="345083" spans="8:8">
      <c r="H345083" s="12"/>
    </row>
    <row r="345084" spans="8:8">
      <c r="H345084" s="12"/>
    </row>
    <row r="345085" spans="8:8">
      <c r="H345085" s="12"/>
    </row>
    <row r="345086" spans="8:8">
      <c r="H345086" s="12"/>
    </row>
    <row r="345087" spans="8:8">
      <c r="H345087" s="12"/>
    </row>
    <row r="345088" spans="8:8">
      <c r="H345088" s="12"/>
    </row>
    <row r="345089" spans="8:8">
      <c r="H345089" s="12"/>
    </row>
    <row r="345090" spans="8:8">
      <c r="H345090" s="12"/>
    </row>
    <row r="345091" spans="8:8">
      <c r="H345091" s="12"/>
    </row>
    <row r="345092" spans="8:8">
      <c r="H345092" s="12"/>
    </row>
    <row r="345093" spans="8:8">
      <c r="H345093" s="12"/>
    </row>
    <row r="345094" spans="8:8">
      <c r="H345094" s="12"/>
    </row>
    <row r="345095" spans="8:8">
      <c r="H345095" s="12"/>
    </row>
    <row r="345096" spans="8:8">
      <c r="H345096" s="12"/>
    </row>
    <row r="345097" spans="8:8">
      <c r="H345097" s="12"/>
    </row>
    <row r="345098" spans="8:8">
      <c r="H345098" s="12"/>
    </row>
    <row r="345099" spans="8:8">
      <c r="H345099" s="12"/>
    </row>
    <row r="345100" spans="8:8">
      <c r="H345100" s="12"/>
    </row>
    <row r="345101" spans="8:8">
      <c r="H345101" s="12"/>
    </row>
    <row r="345102" spans="8:8">
      <c r="H345102" s="12"/>
    </row>
    <row r="345103" spans="8:8">
      <c r="H345103" s="12"/>
    </row>
    <row r="345104" spans="8:8">
      <c r="H345104" s="12"/>
    </row>
    <row r="345105" spans="8:8">
      <c r="H345105" s="12"/>
    </row>
    <row r="345106" spans="8:8">
      <c r="H345106" s="12"/>
    </row>
    <row r="345107" spans="8:8">
      <c r="H345107" s="12"/>
    </row>
    <row r="345108" spans="8:8">
      <c r="H345108" s="12"/>
    </row>
    <row r="345109" spans="8:8">
      <c r="H345109" s="12"/>
    </row>
    <row r="345110" spans="8:8">
      <c r="H345110" s="12"/>
    </row>
    <row r="345111" spans="8:8">
      <c r="H345111" s="12"/>
    </row>
    <row r="345112" spans="8:8">
      <c r="H345112" s="12"/>
    </row>
    <row r="345113" spans="8:8">
      <c r="H345113" s="12"/>
    </row>
    <row r="345114" spans="8:8">
      <c r="H345114" s="12"/>
    </row>
    <row r="345115" spans="8:8">
      <c r="H345115" s="12"/>
    </row>
    <row r="345116" spans="8:8">
      <c r="H345116" s="12"/>
    </row>
    <row r="345117" spans="8:8">
      <c r="H345117" s="12"/>
    </row>
    <row r="345118" spans="8:8">
      <c r="H345118" s="12"/>
    </row>
    <row r="345119" spans="8:8">
      <c r="H345119" s="12"/>
    </row>
    <row r="345120" spans="8:8">
      <c r="H345120" s="12"/>
    </row>
    <row r="345121" spans="8:8">
      <c r="H345121" s="12"/>
    </row>
    <row r="345122" spans="8:8">
      <c r="H345122" s="12"/>
    </row>
    <row r="345123" spans="8:8">
      <c r="H345123" s="12"/>
    </row>
    <row r="345124" spans="8:8">
      <c r="H345124" s="12"/>
    </row>
    <row r="345125" spans="8:8">
      <c r="H345125" s="12"/>
    </row>
    <row r="345126" spans="8:8">
      <c r="H345126" s="12"/>
    </row>
    <row r="345127" spans="8:8">
      <c r="H345127" s="12"/>
    </row>
    <row r="345128" spans="8:8">
      <c r="H345128" s="12"/>
    </row>
    <row r="345129" spans="8:8">
      <c r="H345129" s="12"/>
    </row>
    <row r="345130" spans="8:8">
      <c r="H345130" s="12"/>
    </row>
    <row r="345131" spans="8:8">
      <c r="H345131" s="12"/>
    </row>
    <row r="345132" spans="8:8">
      <c r="H345132" s="12"/>
    </row>
    <row r="345133" spans="8:8">
      <c r="H345133" s="12"/>
    </row>
    <row r="345134" spans="8:8">
      <c r="H345134" s="12"/>
    </row>
    <row r="345135" spans="8:8">
      <c r="H345135" s="12"/>
    </row>
    <row r="345136" spans="8:8">
      <c r="H345136" s="12"/>
    </row>
    <row r="345137" spans="8:8">
      <c r="H345137" s="12"/>
    </row>
    <row r="345138" spans="8:8">
      <c r="H345138" s="12"/>
    </row>
    <row r="345139" spans="8:8">
      <c r="H345139" s="12"/>
    </row>
    <row r="345140" spans="8:8">
      <c r="H345140" s="12"/>
    </row>
    <row r="345141" spans="8:8">
      <c r="H345141" s="12"/>
    </row>
    <row r="345142" spans="8:8">
      <c r="H345142" s="12"/>
    </row>
    <row r="345143" spans="8:8">
      <c r="H345143" s="12"/>
    </row>
    <row r="345144" spans="8:8">
      <c r="H345144" s="12"/>
    </row>
    <row r="345145" spans="8:8">
      <c r="H345145" s="12"/>
    </row>
    <row r="345146" spans="8:8">
      <c r="H345146" s="12"/>
    </row>
    <row r="345147" spans="8:8">
      <c r="H345147" s="12"/>
    </row>
    <row r="345148" spans="8:8">
      <c r="H345148" s="12"/>
    </row>
    <row r="345149" spans="8:8">
      <c r="H345149" s="12"/>
    </row>
    <row r="345150" spans="8:8">
      <c r="H345150" s="12"/>
    </row>
    <row r="345151" spans="8:8">
      <c r="H345151" s="12"/>
    </row>
    <row r="345152" spans="8:8">
      <c r="H345152" s="12"/>
    </row>
    <row r="345153" spans="8:8">
      <c r="H345153" s="12"/>
    </row>
    <row r="345154" spans="8:8">
      <c r="H345154" s="12"/>
    </row>
    <row r="345155" spans="8:8">
      <c r="H345155" s="12"/>
    </row>
    <row r="345156" spans="8:8">
      <c r="H345156" s="12"/>
    </row>
    <row r="345157" spans="8:8">
      <c r="H345157" s="12"/>
    </row>
    <row r="345158" spans="8:8">
      <c r="H345158" s="12"/>
    </row>
    <row r="345159" spans="8:8">
      <c r="H345159" s="12"/>
    </row>
    <row r="345160" spans="8:8">
      <c r="H345160" s="12"/>
    </row>
    <row r="345161" spans="8:8">
      <c r="H345161" s="12"/>
    </row>
    <row r="345162" spans="8:8">
      <c r="H345162" s="12"/>
    </row>
    <row r="345163" spans="8:8">
      <c r="H345163" s="12"/>
    </row>
    <row r="345164" spans="8:8">
      <c r="H345164" s="12"/>
    </row>
    <row r="345165" spans="8:8">
      <c r="H345165" s="12"/>
    </row>
    <row r="345166" spans="8:8">
      <c r="H345166" s="12"/>
    </row>
    <row r="345167" spans="8:8">
      <c r="H345167" s="12"/>
    </row>
    <row r="345168" spans="8:8">
      <c r="H345168" s="12"/>
    </row>
    <row r="345169" spans="8:8">
      <c r="H345169" s="12"/>
    </row>
    <row r="345170" spans="8:8">
      <c r="H345170" s="12"/>
    </row>
    <row r="345171" spans="8:8">
      <c r="H345171" s="12"/>
    </row>
    <row r="345172" spans="8:8">
      <c r="H345172" s="12"/>
    </row>
    <row r="345173" spans="8:8">
      <c r="H345173" s="12"/>
    </row>
    <row r="345174" spans="8:8">
      <c r="H345174" s="12"/>
    </row>
    <row r="345175" spans="8:8">
      <c r="H345175" s="12"/>
    </row>
    <row r="345176" spans="8:8">
      <c r="H345176" s="12"/>
    </row>
    <row r="345177" spans="8:8">
      <c r="H345177" s="12"/>
    </row>
    <row r="345178" spans="8:8">
      <c r="H345178" s="12"/>
    </row>
    <row r="345179" spans="8:8">
      <c r="H345179" s="12"/>
    </row>
    <row r="345180" spans="8:8">
      <c r="H345180" s="12"/>
    </row>
    <row r="345181" spans="8:8">
      <c r="H345181" s="12"/>
    </row>
    <row r="345182" spans="8:8">
      <c r="H345182" s="12"/>
    </row>
    <row r="345183" spans="8:8">
      <c r="H345183" s="12"/>
    </row>
    <row r="345184" spans="8:8">
      <c r="H345184" s="12"/>
    </row>
    <row r="345185" spans="8:8">
      <c r="H345185" s="12"/>
    </row>
    <row r="345186" spans="8:8">
      <c r="H345186" s="12"/>
    </row>
    <row r="345187" spans="8:8">
      <c r="H345187" s="12"/>
    </row>
    <row r="345188" spans="8:8">
      <c r="H345188" s="12"/>
    </row>
    <row r="345189" spans="8:8">
      <c r="H345189" s="12"/>
    </row>
    <row r="345190" spans="8:8">
      <c r="H345190" s="12"/>
    </row>
    <row r="345191" spans="8:8">
      <c r="H345191" s="12"/>
    </row>
    <row r="345192" spans="8:8">
      <c r="H345192" s="12"/>
    </row>
    <row r="345193" spans="8:8">
      <c r="H345193" s="12"/>
    </row>
    <row r="345194" spans="8:8">
      <c r="H345194" s="12"/>
    </row>
    <row r="345195" spans="8:8">
      <c r="H345195" s="12"/>
    </row>
    <row r="345196" spans="8:8">
      <c r="H345196" s="12"/>
    </row>
    <row r="345197" spans="8:8">
      <c r="H345197" s="12"/>
    </row>
    <row r="345198" spans="8:8">
      <c r="H345198" s="12"/>
    </row>
    <row r="345199" spans="8:8">
      <c r="H345199" s="12"/>
    </row>
    <row r="345200" spans="8:8">
      <c r="H345200" s="12"/>
    </row>
    <row r="345201" spans="8:8">
      <c r="H345201" s="12"/>
    </row>
    <row r="345202" spans="8:8">
      <c r="H345202" s="12"/>
    </row>
    <row r="345203" spans="8:8">
      <c r="H345203" s="12"/>
    </row>
    <row r="345204" spans="8:8">
      <c r="H345204" s="12"/>
    </row>
    <row r="345205" spans="8:8">
      <c r="H345205" s="12"/>
    </row>
    <row r="345206" spans="8:8">
      <c r="H345206" s="12"/>
    </row>
    <row r="345207" spans="8:8">
      <c r="H345207" s="12"/>
    </row>
    <row r="345208" spans="8:8">
      <c r="H345208" s="12"/>
    </row>
    <row r="345209" spans="8:8">
      <c r="H345209" s="12"/>
    </row>
    <row r="345210" spans="8:8">
      <c r="H345210" s="12"/>
    </row>
    <row r="345211" spans="8:8">
      <c r="H345211" s="12"/>
    </row>
    <row r="345212" spans="8:8">
      <c r="H345212" s="12"/>
    </row>
    <row r="345213" spans="8:8">
      <c r="H345213" s="12"/>
    </row>
    <row r="345214" spans="8:8">
      <c r="H345214" s="12"/>
    </row>
    <row r="345215" spans="8:8">
      <c r="H345215" s="12"/>
    </row>
    <row r="345216" spans="8:8">
      <c r="H345216" s="12"/>
    </row>
    <row r="345217" spans="8:8">
      <c r="H345217" s="12"/>
    </row>
    <row r="345218" spans="8:8">
      <c r="H345218" s="12"/>
    </row>
    <row r="345219" spans="8:8">
      <c r="H345219" s="12"/>
    </row>
    <row r="345220" spans="8:8">
      <c r="H345220" s="12"/>
    </row>
    <row r="345221" spans="8:8">
      <c r="H345221" s="12"/>
    </row>
    <row r="345222" spans="8:8">
      <c r="H345222" s="12"/>
    </row>
    <row r="345223" spans="8:8">
      <c r="H345223" s="12"/>
    </row>
    <row r="345224" spans="8:8">
      <c r="H345224" s="12"/>
    </row>
    <row r="345225" spans="8:8">
      <c r="H345225" s="12"/>
    </row>
    <row r="345226" spans="8:8">
      <c r="H345226" s="12"/>
    </row>
    <row r="345227" spans="8:8">
      <c r="H345227" s="12"/>
    </row>
    <row r="345228" spans="8:8">
      <c r="H345228" s="12"/>
    </row>
    <row r="345229" spans="8:8">
      <c r="H345229" s="12"/>
    </row>
    <row r="345230" spans="8:8">
      <c r="H345230" s="12"/>
    </row>
    <row r="345231" spans="8:8">
      <c r="H345231" s="12"/>
    </row>
    <row r="345232" spans="8:8">
      <c r="H345232" s="12"/>
    </row>
    <row r="345233" spans="8:8">
      <c r="H345233" s="12"/>
    </row>
    <row r="345234" spans="8:8">
      <c r="H345234" s="12"/>
    </row>
    <row r="345235" spans="8:8">
      <c r="H345235" s="12"/>
    </row>
    <row r="345236" spans="8:8">
      <c r="H345236" s="12"/>
    </row>
    <row r="345237" spans="8:8">
      <c r="H345237" s="12"/>
    </row>
    <row r="345238" spans="8:8">
      <c r="H345238" s="12"/>
    </row>
    <row r="345239" spans="8:8">
      <c r="H345239" s="12"/>
    </row>
    <row r="345240" spans="8:8">
      <c r="H345240" s="12"/>
    </row>
    <row r="345241" spans="8:8">
      <c r="H345241" s="12"/>
    </row>
    <row r="345242" spans="8:8">
      <c r="H345242" s="12"/>
    </row>
    <row r="345243" spans="8:8">
      <c r="H345243" s="12"/>
    </row>
    <row r="345244" spans="8:8">
      <c r="H345244" s="12"/>
    </row>
    <row r="345245" spans="8:8">
      <c r="H345245" s="12"/>
    </row>
    <row r="345246" spans="8:8">
      <c r="H345246" s="12"/>
    </row>
    <row r="345247" spans="8:8">
      <c r="H345247" s="12"/>
    </row>
    <row r="345248" spans="8:8">
      <c r="H345248" s="12"/>
    </row>
    <row r="345249" spans="8:8">
      <c r="H345249" s="12"/>
    </row>
    <row r="345250" spans="8:8">
      <c r="H345250" s="12"/>
    </row>
    <row r="345251" spans="8:8">
      <c r="H345251" s="12"/>
    </row>
    <row r="345252" spans="8:8">
      <c r="H345252" s="12"/>
    </row>
    <row r="345253" spans="8:8">
      <c r="H345253" s="12"/>
    </row>
    <row r="345254" spans="8:8">
      <c r="H345254" s="12"/>
    </row>
    <row r="345255" spans="8:8">
      <c r="H345255" s="12"/>
    </row>
    <row r="345256" spans="8:8">
      <c r="H345256" s="12"/>
    </row>
    <row r="345257" spans="8:8">
      <c r="H345257" s="12"/>
    </row>
    <row r="345258" spans="8:8">
      <c r="H345258" s="12"/>
    </row>
    <row r="345259" spans="8:8">
      <c r="H345259" s="12"/>
    </row>
    <row r="345260" spans="8:8">
      <c r="H345260" s="12"/>
    </row>
    <row r="345261" spans="8:8">
      <c r="H345261" s="12"/>
    </row>
    <row r="345262" spans="8:8">
      <c r="H345262" s="12"/>
    </row>
    <row r="345263" spans="8:8">
      <c r="H345263" s="12"/>
    </row>
    <row r="345264" spans="8:8">
      <c r="H345264" s="12"/>
    </row>
    <row r="345265" spans="8:8">
      <c r="H345265" s="12"/>
    </row>
    <row r="345266" spans="8:8">
      <c r="H345266" s="12"/>
    </row>
    <row r="345267" spans="8:8">
      <c r="H345267" s="12"/>
    </row>
    <row r="345268" spans="8:8">
      <c r="H345268" s="12"/>
    </row>
    <row r="345269" spans="8:8">
      <c r="H345269" s="12"/>
    </row>
    <row r="345270" spans="8:8">
      <c r="H345270" s="12"/>
    </row>
    <row r="345271" spans="8:8">
      <c r="H345271" s="12"/>
    </row>
    <row r="345272" spans="8:8">
      <c r="H345272" s="12"/>
    </row>
    <row r="345273" spans="8:8">
      <c r="H345273" s="12"/>
    </row>
    <row r="345274" spans="8:8">
      <c r="H345274" s="12"/>
    </row>
    <row r="345275" spans="8:8">
      <c r="H345275" s="12"/>
    </row>
    <row r="345276" spans="8:8">
      <c r="H345276" s="12"/>
    </row>
    <row r="345277" spans="8:8">
      <c r="H345277" s="12"/>
    </row>
    <row r="345278" spans="8:8">
      <c r="H345278" s="12"/>
    </row>
    <row r="345279" spans="8:8">
      <c r="H345279" s="12"/>
    </row>
    <row r="345280" spans="8:8">
      <c r="H345280" s="12"/>
    </row>
    <row r="345281" spans="8:8">
      <c r="H345281" s="12"/>
    </row>
    <row r="345282" spans="8:8">
      <c r="H345282" s="12"/>
    </row>
    <row r="345283" spans="8:8">
      <c r="H345283" s="12"/>
    </row>
    <row r="345284" spans="8:8">
      <c r="H345284" s="12"/>
    </row>
    <row r="345285" spans="8:8">
      <c r="H345285" s="12"/>
    </row>
    <row r="345286" spans="8:8">
      <c r="H345286" s="12"/>
    </row>
    <row r="345287" spans="8:8">
      <c r="H345287" s="12"/>
    </row>
    <row r="345288" spans="8:8">
      <c r="H345288" s="12"/>
    </row>
    <row r="345289" spans="8:8">
      <c r="H345289" s="12"/>
    </row>
    <row r="345290" spans="8:8">
      <c r="H345290" s="12"/>
    </row>
    <row r="345291" spans="8:8">
      <c r="H345291" s="12"/>
    </row>
    <row r="345292" spans="8:8">
      <c r="H345292" s="12"/>
    </row>
    <row r="345293" spans="8:8">
      <c r="H345293" s="12"/>
    </row>
    <row r="345294" spans="8:8">
      <c r="H345294" s="12"/>
    </row>
    <row r="345295" spans="8:8">
      <c r="H345295" s="12"/>
    </row>
    <row r="345296" spans="8:8">
      <c r="H345296" s="12"/>
    </row>
    <row r="345297" spans="8:8">
      <c r="H345297" s="12"/>
    </row>
    <row r="345298" spans="8:8">
      <c r="H345298" s="12"/>
    </row>
    <row r="345299" spans="8:8">
      <c r="H345299" s="12"/>
    </row>
    <row r="345300" spans="8:8">
      <c r="H345300" s="12"/>
    </row>
    <row r="345301" spans="8:8">
      <c r="H345301" s="12"/>
    </row>
    <row r="345302" spans="8:8">
      <c r="H345302" s="12"/>
    </row>
    <row r="345303" spans="8:8">
      <c r="H345303" s="12"/>
    </row>
    <row r="345304" spans="8:8">
      <c r="H345304" s="12"/>
    </row>
    <row r="345305" spans="8:8">
      <c r="H345305" s="12"/>
    </row>
    <row r="345306" spans="8:8">
      <c r="H345306" s="12"/>
    </row>
    <row r="345307" spans="8:8">
      <c r="H345307" s="12"/>
    </row>
    <row r="345308" spans="8:8">
      <c r="H345308" s="12"/>
    </row>
    <row r="345309" spans="8:8">
      <c r="H345309" s="12"/>
    </row>
    <row r="345310" spans="8:8">
      <c r="H345310" s="12"/>
    </row>
    <row r="345311" spans="8:8">
      <c r="H345311" s="12"/>
    </row>
    <row r="345312" spans="8:8">
      <c r="H345312" s="12"/>
    </row>
    <row r="345313" spans="8:8">
      <c r="H345313" s="12"/>
    </row>
    <row r="345314" spans="8:8">
      <c r="H345314" s="12"/>
    </row>
    <row r="345315" spans="8:8">
      <c r="H345315" s="12"/>
    </row>
    <row r="345316" spans="8:8">
      <c r="H345316" s="12"/>
    </row>
    <row r="345317" spans="8:8">
      <c r="H345317" s="12"/>
    </row>
    <row r="345318" spans="8:8">
      <c r="H345318" s="12"/>
    </row>
    <row r="345319" spans="8:8">
      <c r="H345319" s="12"/>
    </row>
    <row r="345320" spans="8:8">
      <c r="H345320" s="12"/>
    </row>
    <row r="345321" spans="8:8">
      <c r="H345321" s="12"/>
    </row>
    <row r="345322" spans="8:8">
      <c r="H345322" s="12"/>
    </row>
    <row r="345323" spans="8:8">
      <c r="H345323" s="12"/>
    </row>
    <row r="345324" spans="8:8">
      <c r="H345324" s="12"/>
    </row>
    <row r="345325" spans="8:8">
      <c r="H345325" s="12"/>
    </row>
    <row r="345326" spans="8:8">
      <c r="H345326" s="12"/>
    </row>
    <row r="345327" spans="8:8">
      <c r="H345327" s="12"/>
    </row>
    <row r="345328" spans="8:8">
      <c r="H345328" s="12"/>
    </row>
    <row r="345329" spans="8:8">
      <c r="H345329" s="12"/>
    </row>
    <row r="345330" spans="8:8">
      <c r="H345330" s="12"/>
    </row>
    <row r="345331" spans="8:8">
      <c r="H345331" s="12"/>
    </row>
    <row r="345332" spans="8:8">
      <c r="H345332" s="12"/>
    </row>
    <row r="345333" spans="8:8">
      <c r="H345333" s="12"/>
    </row>
    <row r="345334" spans="8:8">
      <c r="H345334" s="12"/>
    </row>
    <row r="345335" spans="8:8">
      <c r="H345335" s="12"/>
    </row>
    <row r="345336" spans="8:8">
      <c r="H345336" s="12"/>
    </row>
    <row r="345337" spans="8:8">
      <c r="H345337" s="12"/>
    </row>
    <row r="345338" spans="8:8">
      <c r="H345338" s="12"/>
    </row>
    <row r="345339" spans="8:8">
      <c r="H345339" s="12"/>
    </row>
    <row r="345340" spans="8:8">
      <c r="H345340" s="12"/>
    </row>
    <row r="345341" spans="8:8">
      <c r="H345341" s="12"/>
    </row>
    <row r="345342" spans="8:8">
      <c r="H345342" s="12"/>
    </row>
    <row r="345343" spans="8:8">
      <c r="H345343" s="12"/>
    </row>
    <row r="345344" spans="8:8">
      <c r="H345344" s="12"/>
    </row>
    <row r="345345" spans="8:8">
      <c r="H345345" s="12"/>
    </row>
    <row r="345346" spans="8:8">
      <c r="H345346" s="12"/>
    </row>
    <row r="345347" spans="8:8">
      <c r="H345347" s="12"/>
    </row>
    <row r="345348" spans="8:8">
      <c r="H345348" s="12"/>
    </row>
    <row r="345349" spans="8:8">
      <c r="H345349" s="12"/>
    </row>
    <row r="345350" spans="8:8">
      <c r="H345350" s="12"/>
    </row>
    <row r="345351" spans="8:8">
      <c r="H345351" s="12"/>
    </row>
    <row r="345352" spans="8:8">
      <c r="H345352" s="12"/>
    </row>
    <row r="345353" spans="8:8">
      <c r="H345353" s="12"/>
    </row>
    <row r="345354" spans="8:8">
      <c r="H345354" s="12"/>
    </row>
    <row r="345355" spans="8:8">
      <c r="H345355" s="12"/>
    </row>
    <row r="345356" spans="8:8">
      <c r="H345356" s="12"/>
    </row>
    <row r="345357" spans="8:8">
      <c r="H345357" s="12"/>
    </row>
    <row r="345358" spans="8:8">
      <c r="H345358" s="12"/>
    </row>
    <row r="345359" spans="8:8">
      <c r="H345359" s="12"/>
    </row>
    <row r="345360" spans="8:8">
      <c r="H345360" s="12"/>
    </row>
    <row r="345361" spans="8:8">
      <c r="H345361" s="12"/>
    </row>
    <row r="345362" spans="8:8">
      <c r="H345362" s="12"/>
    </row>
    <row r="345363" spans="8:8">
      <c r="H345363" s="12"/>
    </row>
    <row r="345364" spans="8:8">
      <c r="H345364" s="12"/>
    </row>
    <row r="345365" spans="8:8">
      <c r="H345365" s="12"/>
    </row>
    <row r="345366" spans="8:8">
      <c r="H345366" s="12"/>
    </row>
    <row r="345367" spans="8:8">
      <c r="H345367" s="12"/>
    </row>
    <row r="345368" spans="8:8">
      <c r="H345368" s="12"/>
    </row>
    <row r="345369" spans="8:8">
      <c r="H345369" s="12"/>
    </row>
    <row r="345370" spans="8:8">
      <c r="H345370" s="12"/>
    </row>
    <row r="345371" spans="8:8">
      <c r="H345371" s="12"/>
    </row>
    <row r="345372" spans="8:8">
      <c r="H345372" s="12"/>
    </row>
    <row r="345373" spans="8:8">
      <c r="H345373" s="12"/>
    </row>
    <row r="345374" spans="8:8">
      <c r="H345374" s="12"/>
    </row>
    <row r="345375" spans="8:8">
      <c r="H345375" s="12"/>
    </row>
    <row r="345376" spans="8:8">
      <c r="H345376" s="12"/>
    </row>
    <row r="345377" spans="8:8">
      <c r="H345377" s="12"/>
    </row>
    <row r="345378" spans="8:8">
      <c r="H345378" s="12"/>
    </row>
    <row r="345379" spans="8:8">
      <c r="H345379" s="12"/>
    </row>
    <row r="345380" spans="8:8">
      <c r="H345380" s="12"/>
    </row>
    <row r="345381" spans="8:8">
      <c r="H345381" s="12"/>
    </row>
    <row r="345382" spans="8:8">
      <c r="H345382" s="12"/>
    </row>
    <row r="345383" spans="8:8">
      <c r="H345383" s="12"/>
    </row>
    <row r="345384" spans="8:8">
      <c r="H345384" s="12"/>
    </row>
    <row r="345385" spans="8:8">
      <c r="H345385" s="12"/>
    </row>
    <row r="345386" spans="8:8">
      <c r="H345386" s="12"/>
    </row>
    <row r="345387" spans="8:8">
      <c r="H345387" s="12"/>
    </row>
    <row r="345388" spans="8:8">
      <c r="H345388" s="12"/>
    </row>
    <row r="345389" spans="8:8">
      <c r="H345389" s="12"/>
    </row>
    <row r="345390" spans="8:8">
      <c r="H345390" s="12"/>
    </row>
    <row r="345391" spans="8:8">
      <c r="H345391" s="12"/>
    </row>
    <row r="345392" spans="8:8">
      <c r="H345392" s="12"/>
    </row>
    <row r="345393" spans="8:8">
      <c r="H345393" s="12"/>
    </row>
    <row r="345394" spans="8:8">
      <c r="H345394" s="12"/>
    </row>
    <row r="345395" spans="8:8">
      <c r="H345395" s="12"/>
    </row>
    <row r="345396" spans="8:8">
      <c r="H345396" s="12"/>
    </row>
    <row r="345397" spans="8:8">
      <c r="H345397" s="12"/>
    </row>
    <row r="345398" spans="8:8">
      <c r="H345398" s="12"/>
    </row>
    <row r="345399" spans="8:8">
      <c r="H345399" s="12"/>
    </row>
    <row r="345400" spans="8:8">
      <c r="H345400" s="12"/>
    </row>
    <row r="345401" spans="8:8">
      <c r="H345401" s="12"/>
    </row>
    <row r="345402" spans="8:8">
      <c r="H345402" s="12"/>
    </row>
    <row r="345403" spans="8:8">
      <c r="H345403" s="12"/>
    </row>
    <row r="345404" spans="8:8">
      <c r="H345404" s="12"/>
    </row>
    <row r="345405" spans="8:8">
      <c r="H345405" s="12"/>
    </row>
    <row r="345406" spans="8:8">
      <c r="H345406" s="12"/>
    </row>
    <row r="345407" spans="8:8">
      <c r="H345407" s="12"/>
    </row>
    <row r="345408" spans="8:8">
      <c r="H345408" s="12"/>
    </row>
    <row r="345409" spans="8:8">
      <c r="H345409" s="12"/>
    </row>
    <row r="345410" spans="8:8">
      <c r="H345410" s="12"/>
    </row>
    <row r="345411" spans="8:8">
      <c r="H345411" s="12"/>
    </row>
    <row r="345412" spans="8:8">
      <c r="H345412" s="12"/>
    </row>
    <row r="345413" spans="8:8">
      <c r="H345413" s="12"/>
    </row>
    <row r="345414" spans="8:8">
      <c r="H345414" s="12"/>
    </row>
    <row r="345415" spans="8:8">
      <c r="H345415" s="12"/>
    </row>
    <row r="345416" spans="8:8">
      <c r="H345416" s="12"/>
    </row>
    <row r="345417" spans="8:8">
      <c r="H345417" s="12"/>
    </row>
    <row r="345418" spans="8:8">
      <c r="H345418" s="12"/>
    </row>
    <row r="345419" spans="8:8">
      <c r="H345419" s="12"/>
    </row>
    <row r="345420" spans="8:8">
      <c r="H345420" s="12"/>
    </row>
    <row r="345421" spans="8:8">
      <c r="H345421" s="12"/>
    </row>
    <row r="345422" spans="8:8">
      <c r="H345422" s="12"/>
    </row>
    <row r="345423" spans="8:8">
      <c r="H345423" s="12"/>
    </row>
    <row r="345424" spans="8:8">
      <c r="H345424" s="12"/>
    </row>
    <row r="345425" spans="8:8">
      <c r="H345425" s="12"/>
    </row>
    <row r="345426" spans="8:8">
      <c r="H345426" s="12"/>
    </row>
    <row r="345427" spans="8:8">
      <c r="H345427" s="12"/>
    </row>
    <row r="345428" spans="8:8">
      <c r="H345428" s="12"/>
    </row>
    <row r="345429" spans="8:8">
      <c r="H345429" s="12"/>
    </row>
    <row r="345430" spans="8:8">
      <c r="H345430" s="12"/>
    </row>
    <row r="345431" spans="8:8">
      <c r="H345431" s="12"/>
    </row>
    <row r="345432" spans="8:8">
      <c r="H345432" s="12"/>
    </row>
    <row r="345433" spans="8:8">
      <c r="H345433" s="12"/>
    </row>
    <row r="345434" spans="8:8">
      <c r="H345434" s="12"/>
    </row>
    <row r="345435" spans="8:8">
      <c r="H345435" s="12"/>
    </row>
    <row r="345436" spans="8:8">
      <c r="H345436" s="12"/>
    </row>
    <row r="345437" spans="8:8">
      <c r="H345437" s="12"/>
    </row>
    <row r="345438" spans="8:8">
      <c r="H345438" s="12"/>
    </row>
    <row r="345439" spans="8:8">
      <c r="H345439" s="12"/>
    </row>
    <row r="345440" spans="8:8">
      <c r="H345440" s="12"/>
    </row>
    <row r="345441" spans="8:8">
      <c r="H345441" s="12"/>
    </row>
    <row r="345442" spans="8:8">
      <c r="H345442" s="12"/>
    </row>
    <row r="345443" spans="8:8">
      <c r="H345443" s="12"/>
    </row>
    <row r="345444" spans="8:8">
      <c r="H345444" s="12"/>
    </row>
    <row r="345445" spans="8:8">
      <c r="H345445" s="12"/>
    </row>
    <row r="345446" spans="8:8">
      <c r="H345446" s="12"/>
    </row>
    <row r="345447" spans="8:8">
      <c r="H345447" s="12"/>
    </row>
    <row r="345448" spans="8:8">
      <c r="H345448" s="12"/>
    </row>
    <row r="345449" spans="8:8">
      <c r="H345449" s="12"/>
    </row>
    <row r="345450" spans="8:8">
      <c r="H345450" s="12"/>
    </row>
    <row r="345451" spans="8:8">
      <c r="H345451" s="12"/>
    </row>
    <row r="345452" spans="8:8">
      <c r="H345452" s="12"/>
    </row>
    <row r="345453" spans="8:8">
      <c r="H345453" s="12"/>
    </row>
    <row r="345454" spans="8:8">
      <c r="H345454" s="12"/>
    </row>
    <row r="345455" spans="8:8">
      <c r="H345455" s="12"/>
    </row>
    <row r="345456" spans="8:8">
      <c r="H345456" s="12"/>
    </row>
    <row r="345457" spans="8:8">
      <c r="H345457" s="12"/>
    </row>
    <row r="345458" spans="8:8">
      <c r="H345458" s="12"/>
    </row>
    <row r="345459" spans="8:8">
      <c r="H345459" s="12"/>
    </row>
    <row r="345460" spans="8:8">
      <c r="H345460" s="12"/>
    </row>
    <row r="345461" spans="8:8">
      <c r="H345461" s="12"/>
    </row>
    <row r="345462" spans="8:8">
      <c r="H345462" s="12"/>
    </row>
    <row r="345463" spans="8:8">
      <c r="H345463" s="12"/>
    </row>
    <row r="345464" spans="8:8">
      <c r="H345464" s="12"/>
    </row>
    <row r="345465" spans="8:8">
      <c r="H345465" s="12"/>
    </row>
    <row r="345466" spans="8:8">
      <c r="H345466" s="12"/>
    </row>
    <row r="345467" spans="8:8">
      <c r="H345467" s="12"/>
    </row>
    <row r="345468" spans="8:8">
      <c r="H345468" s="12"/>
    </row>
    <row r="345469" spans="8:8">
      <c r="H345469" s="12"/>
    </row>
    <row r="345470" spans="8:8">
      <c r="H345470" s="12"/>
    </row>
    <row r="345471" spans="8:8">
      <c r="H345471" s="12"/>
    </row>
    <row r="345472" spans="8:8">
      <c r="H345472" s="12"/>
    </row>
    <row r="345473" spans="8:8">
      <c r="H345473" s="12"/>
    </row>
    <row r="345474" spans="8:8">
      <c r="H345474" s="12"/>
    </row>
    <row r="345475" spans="8:8">
      <c r="H345475" s="12"/>
    </row>
    <row r="345476" spans="8:8">
      <c r="H345476" s="12"/>
    </row>
    <row r="345477" spans="8:8">
      <c r="H345477" s="12"/>
    </row>
    <row r="345478" spans="8:8">
      <c r="H345478" s="12"/>
    </row>
    <row r="345479" spans="8:8">
      <c r="H345479" s="12"/>
    </row>
    <row r="345480" spans="8:8">
      <c r="H345480" s="12"/>
    </row>
    <row r="345481" spans="8:8">
      <c r="H345481" s="12"/>
    </row>
    <row r="345482" spans="8:8">
      <c r="H345482" s="12"/>
    </row>
    <row r="345483" spans="8:8">
      <c r="H345483" s="12"/>
    </row>
    <row r="345484" spans="8:8">
      <c r="H345484" s="12"/>
    </row>
    <row r="345485" spans="8:8">
      <c r="H345485" s="12"/>
    </row>
    <row r="345486" spans="8:8">
      <c r="H345486" s="12"/>
    </row>
    <row r="345487" spans="8:8">
      <c r="H345487" s="12"/>
    </row>
    <row r="345488" spans="8:8">
      <c r="H345488" s="12"/>
    </row>
    <row r="345489" spans="8:8">
      <c r="H345489" s="12"/>
    </row>
    <row r="345490" spans="8:8">
      <c r="H345490" s="12"/>
    </row>
    <row r="345491" spans="8:8">
      <c r="H345491" s="12"/>
    </row>
    <row r="345492" spans="8:8">
      <c r="H345492" s="12"/>
    </row>
    <row r="345493" spans="8:8">
      <c r="H345493" s="12"/>
    </row>
    <row r="345494" spans="8:8">
      <c r="H345494" s="12"/>
    </row>
    <row r="345495" spans="8:8">
      <c r="H345495" s="12"/>
    </row>
    <row r="345496" spans="8:8">
      <c r="H345496" s="12"/>
    </row>
    <row r="345497" spans="8:8">
      <c r="H345497" s="12"/>
    </row>
    <row r="345498" spans="8:8">
      <c r="H345498" s="12"/>
    </row>
    <row r="345499" spans="8:8">
      <c r="H345499" s="12"/>
    </row>
    <row r="345500" spans="8:8">
      <c r="H345500" s="12"/>
    </row>
    <row r="345501" spans="8:8">
      <c r="H345501" s="12"/>
    </row>
    <row r="345502" spans="8:8">
      <c r="H345502" s="12"/>
    </row>
    <row r="345503" spans="8:8">
      <c r="H345503" s="12"/>
    </row>
    <row r="345504" spans="8:8">
      <c r="H345504" s="12"/>
    </row>
    <row r="345505" spans="8:8">
      <c r="H345505" s="12"/>
    </row>
    <row r="345506" spans="8:8">
      <c r="H345506" s="12"/>
    </row>
    <row r="345507" spans="8:8">
      <c r="H345507" s="12"/>
    </row>
    <row r="345508" spans="8:8">
      <c r="H345508" s="12"/>
    </row>
    <row r="345509" spans="8:8">
      <c r="H345509" s="12"/>
    </row>
    <row r="345510" spans="8:8">
      <c r="H345510" s="12"/>
    </row>
    <row r="345511" spans="8:8">
      <c r="H345511" s="12"/>
    </row>
    <row r="345512" spans="8:8">
      <c r="H345512" s="12"/>
    </row>
    <row r="345513" spans="8:8">
      <c r="H345513" s="12"/>
    </row>
    <row r="345514" spans="8:8">
      <c r="H345514" s="12"/>
    </row>
    <row r="345515" spans="8:8">
      <c r="H345515" s="12"/>
    </row>
    <row r="345516" spans="8:8">
      <c r="H345516" s="12"/>
    </row>
    <row r="345517" spans="8:8">
      <c r="H345517" s="12"/>
    </row>
    <row r="345518" spans="8:8">
      <c r="H345518" s="12"/>
    </row>
    <row r="345519" spans="8:8">
      <c r="H345519" s="12"/>
    </row>
    <row r="345520" spans="8:8">
      <c r="H345520" s="12"/>
    </row>
    <row r="345521" spans="8:8">
      <c r="H345521" s="12"/>
    </row>
    <row r="345522" spans="8:8">
      <c r="H345522" s="12"/>
    </row>
    <row r="345523" spans="8:8">
      <c r="H345523" s="12"/>
    </row>
    <row r="345524" spans="8:8">
      <c r="H345524" s="12"/>
    </row>
    <row r="345525" spans="8:8">
      <c r="H345525" s="12"/>
    </row>
    <row r="345526" spans="8:8">
      <c r="H345526" s="12"/>
    </row>
    <row r="345527" spans="8:8">
      <c r="H345527" s="12"/>
    </row>
    <row r="345528" spans="8:8">
      <c r="H345528" s="12"/>
    </row>
    <row r="345529" spans="8:8">
      <c r="H345529" s="12"/>
    </row>
    <row r="345530" spans="8:8">
      <c r="H345530" s="12"/>
    </row>
    <row r="345531" spans="8:8">
      <c r="H345531" s="12"/>
    </row>
    <row r="345532" spans="8:8">
      <c r="H345532" s="12"/>
    </row>
    <row r="345533" spans="8:8">
      <c r="H345533" s="12"/>
    </row>
    <row r="345534" spans="8:8">
      <c r="H345534" s="12"/>
    </row>
    <row r="345535" spans="8:8">
      <c r="H345535" s="12"/>
    </row>
    <row r="345536" spans="8:8">
      <c r="H345536" s="12"/>
    </row>
    <row r="345537" spans="8:8">
      <c r="H345537" s="12"/>
    </row>
    <row r="345538" spans="8:8">
      <c r="H345538" s="12"/>
    </row>
    <row r="345539" spans="8:8">
      <c r="H345539" s="12"/>
    </row>
    <row r="345540" spans="8:8">
      <c r="H345540" s="12"/>
    </row>
    <row r="345541" spans="8:8">
      <c r="H345541" s="12"/>
    </row>
    <row r="345542" spans="8:8">
      <c r="H345542" s="12"/>
    </row>
    <row r="345543" spans="8:8">
      <c r="H345543" s="12"/>
    </row>
    <row r="345544" spans="8:8">
      <c r="H345544" s="12"/>
    </row>
    <row r="345545" spans="8:8">
      <c r="H345545" s="12"/>
    </row>
    <row r="345546" spans="8:8">
      <c r="H345546" s="12"/>
    </row>
    <row r="345547" spans="8:8">
      <c r="H345547" s="12"/>
    </row>
    <row r="345548" spans="8:8">
      <c r="H345548" s="12"/>
    </row>
    <row r="345549" spans="8:8">
      <c r="H345549" s="12"/>
    </row>
    <row r="345550" spans="8:8">
      <c r="H345550" s="12"/>
    </row>
    <row r="345551" spans="8:8">
      <c r="H345551" s="12"/>
    </row>
    <row r="345552" spans="8:8">
      <c r="H345552" s="12"/>
    </row>
    <row r="345553" spans="8:8">
      <c r="H345553" s="12"/>
    </row>
    <row r="345554" spans="8:8">
      <c r="H345554" s="12"/>
    </row>
    <row r="345555" spans="8:8">
      <c r="H345555" s="12"/>
    </row>
    <row r="345556" spans="8:8">
      <c r="H345556" s="12"/>
    </row>
    <row r="345557" spans="8:8">
      <c r="H345557" s="12"/>
    </row>
    <row r="345558" spans="8:8">
      <c r="H345558" s="12"/>
    </row>
    <row r="345559" spans="8:8">
      <c r="H345559" s="12"/>
    </row>
    <row r="345560" spans="8:8">
      <c r="H345560" s="12"/>
    </row>
    <row r="345561" spans="8:8">
      <c r="H345561" s="12"/>
    </row>
    <row r="345562" spans="8:8">
      <c r="H345562" s="12"/>
    </row>
    <row r="345563" spans="8:8">
      <c r="H345563" s="12"/>
    </row>
    <row r="345564" spans="8:8">
      <c r="H345564" s="12"/>
    </row>
    <row r="345565" spans="8:8">
      <c r="H345565" s="12"/>
    </row>
    <row r="345566" spans="8:8">
      <c r="H345566" s="12"/>
    </row>
    <row r="345567" spans="8:8">
      <c r="H345567" s="12"/>
    </row>
    <row r="345568" spans="8:8">
      <c r="H345568" s="12"/>
    </row>
    <row r="345569" spans="8:8">
      <c r="H345569" s="12"/>
    </row>
    <row r="345570" spans="8:8">
      <c r="H345570" s="12"/>
    </row>
    <row r="345571" spans="8:8">
      <c r="H345571" s="12"/>
    </row>
    <row r="345572" spans="8:8">
      <c r="H345572" s="12"/>
    </row>
    <row r="345573" spans="8:8">
      <c r="H345573" s="12"/>
    </row>
    <row r="345574" spans="8:8">
      <c r="H345574" s="12"/>
    </row>
    <row r="345575" spans="8:8">
      <c r="H345575" s="12"/>
    </row>
    <row r="345576" spans="8:8">
      <c r="H345576" s="12"/>
    </row>
    <row r="345577" spans="8:8">
      <c r="H345577" s="12"/>
    </row>
    <row r="345578" spans="8:8">
      <c r="H345578" s="12"/>
    </row>
    <row r="345579" spans="8:8">
      <c r="H345579" s="12"/>
    </row>
    <row r="345580" spans="8:8">
      <c r="H345580" s="12"/>
    </row>
    <row r="345581" spans="8:8">
      <c r="H345581" s="12"/>
    </row>
    <row r="345582" spans="8:8">
      <c r="H345582" s="12"/>
    </row>
    <row r="345583" spans="8:8">
      <c r="H345583" s="12"/>
    </row>
    <row r="345584" spans="8:8">
      <c r="H345584" s="12"/>
    </row>
    <row r="345585" spans="8:8">
      <c r="H345585" s="12"/>
    </row>
    <row r="345586" spans="8:8">
      <c r="H345586" s="12"/>
    </row>
    <row r="345587" spans="8:8">
      <c r="H345587" s="12"/>
    </row>
    <row r="345588" spans="8:8">
      <c r="H345588" s="12"/>
    </row>
    <row r="345589" spans="8:8">
      <c r="H345589" s="12"/>
    </row>
    <row r="345590" spans="8:8">
      <c r="H345590" s="12"/>
    </row>
    <row r="345591" spans="8:8">
      <c r="H345591" s="12"/>
    </row>
    <row r="345592" spans="8:8">
      <c r="H345592" s="12"/>
    </row>
    <row r="345593" spans="8:8">
      <c r="H345593" s="12"/>
    </row>
    <row r="345594" spans="8:8">
      <c r="H345594" s="12"/>
    </row>
    <row r="345595" spans="8:8">
      <c r="H345595" s="12"/>
    </row>
    <row r="345596" spans="8:8">
      <c r="H345596" s="12"/>
    </row>
    <row r="345597" spans="8:8">
      <c r="H345597" s="12"/>
    </row>
    <row r="345598" spans="8:8">
      <c r="H345598" s="12"/>
    </row>
    <row r="345599" spans="8:8">
      <c r="H345599" s="12"/>
    </row>
    <row r="345600" spans="8:8">
      <c r="H345600" s="12"/>
    </row>
    <row r="345601" spans="8:8">
      <c r="H345601" s="12"/>
    </row>
    <row r="345602" spans="8:8">
      <c r="H345602" s="12"/>
    </row>
    <row r="345603" spans="8:8">
      <c r="H345603" s="12"/>
    </row>
    <row r="345604" spans="8:8">
      <c r="H345604" s="12"/>
    </row>
    <row r="345605" spans="8:8">
      <c r="H345605" s="12"/>
    </row>
    <row r="345606" spans="8:8">
      <c r="H345606" s="12"/>
    </row>
    <row r="345607" spans="8:8">
      <c r="H345607" s="12"/>
    </row>
    <row r="345608" spans="8:8">
      <c r="H345608" s="12"/>
    </row>
    <row r="345609" spans="8:8">
      <c r="H345609" s="12"/>
    </row>
    <row r="345610" spans="8:8">
      <c r="H345610" s="12"/>
    </row>
    <row r="345611" spans="8:8">
      <c r="H345611" s="12"/>
    </row>
    <row r="345612" spans="8:8">
      <c r="H345612" s="12"/>
    </row>
    <row r="345613" spans="8:8">
      <c r="H345613" s="12"/>
    </row>
    <row r="345614" spans="8:8">
      <c r="H345614" s="12"/>
    </row>
    <row r="345615" spans="8:8">
      <c r="H345615" s="12"/>
    </row>
    <row r="345616" spans="8:8">
      <c r="H345616" s="12"/>
    </row>
    <row r="345617" spans="8:8">
      <c r="H345617" s="12"/>
    </row>
    <row r="345618" spans="8:8">
      <c r="H345618" s="12"/>
    </row>
    <row r="345619" spans="8:8">
      <c r="H345619" s="12"/>
    </row>
    <row r="345620" spans="8:8">
      <c r="H345620" s="12"/>
    </row>
    <row r="345621" spans="8:8">
      <c r="H345621" s="12"/>
    </row>
    <row r="345622" spans="8:8">
      <c r="H345622" s="12"/>
    </row>
    <row r="345623" spans="8:8">
      <c r="H345623" s="12"/>
    </row>
    <row r="345624" spans="8:8">
      <c r="H345624" s="12"/>
    </row>
    <row r="345625" spans="8:8">
      <c r="H345625" s="12"/>
    </row>
    <row r="345626" spans="8:8">
      <c r="H345626" s="12"/>
    </row>
    <row r="345627" spans="8:8">
      <c r="H345627" s="12"/>
    </row>
    <row r="345628" spans="8:8">
      <c r="H345628" s="12"/>
    </row>
    <row r="345629" spans="8:8">
      <c r="H345629" s="12"/>
    </row>
    <row r="345630" spans="8:8">
      <c r="H345630" s="12"/>
    </row>
    <row r="345631" spans="8:8">
      <c r="H345631" s="12"/>
    </row>
    <row r="345632" spans="8:8">
      <c r="H345632" s="12"/>
    </row>
    <row r="345633" spans="8:8">
      <c r="H345633" s="12"/>
    </row>
    <row r="345634" spans="8:8">
      <c r="H345634" s="12"/>
    </row>
    <row r="345635" spans="8:8">
      <c r="H345635" s="12"/>
    </row>
    <row r="345636" spans="8:8">
      <c r="H345636" s="12"/>
    </row>
    <row r="345637" spans="8:8">
      <c r="H345637" s="12"/>
    </row>
    <row r="345638" spans="8:8">
      <c r="H345638" s="12"/>
    </row>
    <row r="345639" spans="8:8">
      <c r="H345639" s="12"/>
    </row>
    <row r="345640" spans="8:8">
      <c r="H345640" s="12"/>
    </row>
    <row r="345641" spans="8:8">
      <c r="H345641" s="12"/>
    </row>
    <row r="345642" spans="8:8">
      <c r="H345642" s="12"/>
    </row>
    <row r="345643" spans="8:8">
      <c r="H345643" s="12"/>
    </row>
    <row r="345644" spans="8:8">
      <c r="H345644" s="12"/>
    </row>
    <row r="345645" spans="8:8">
      <c r="H345645" s="12"/>
    </row>
    <row r="345646" spans="8:8">
      <c r="H345646" s="12"/>
    </row>
    <row r="345647" spans="8:8">
      <c r="H345647" s="12"/>
    </row>
    <row r="345648" spans="8:8">
      <c r="H345648" s="12"/>
    </row>
    <row r="345649" spans="8:8">
      <c r="H345649" s="12"/>
    </row>
    <row r="345650" spans="8:8">
      <c r="H345650" s="12"/>
    </row>
    <row r="345651" spans="8:8">
      <c r="H345651" s="12"/>
    </row>
    <row r="345652" spans="8:8">
      <c r="H345652" s="12"/>
    </row>
    <row r="345653" spans="8:8">
      <c r="H345653" s="12"/>
    </row>
    <row r="345654" spans="8:8">
      <c r="H345654" s="12"/>
    </row>
    <row r="345655" spans="8:8">
      <c r="H345655" s="12"/>
    </row>
    <row r="345656" spans="8:8">
      <c r="H345656" s="12"/>
    </row>
    <row r="345657" spans="8:8">
      <c r="H345657" s="12"/>
    </row>
    <row r="345658" spans="8:8">
      <c r="H345658" s="12"/>
    </row>
    <row r="345659" spans="8:8">
      <c r="H345659" s="12"/>
    </row>
    <row r="345660" spans="8:8">
      <c r="H345660" s="12"/>
    </row>
    <row r="345661" spans="8:8">
      <c r="H345661" s="12"/>
    </row>
    <row r="345662" spans="8:8">
      <c r="H345662" s="12"/>
    </row>
    <row r="345663" spans="8:8">
      <c r="H345663" s="12"/>
    </row>
    <row r="345664" spans="8:8">
      <c r="H345664" s="12"/>
    </row>
    <row r="345665" spans="8:8">
      <c r="H345665" s="12"/>
    </row>
    <row r="345666" spans="8:8">
      <c r="H345666" s="12"/>
    </row>
    <row r="345667" spans="8:8">
      <c r="H345667" s="12"/>
    </row>
    <row r="345668" spans="8:8">
      <c r="H345668" s="12"/>
    </row>
    <row r="345669" spans="8:8">
      <c r="H345669" s="12"/>
    </row>
    <row r="345670" spans="8:8">
      <c r="H345670" s="12"/>
    </row>
    <row r="345671" spans="8:8">
      <c r="H345671" s="12"/>
    </row>
    <row r="345672" spans="8:8">
      <c r="H345672" s="12"/>
    </row>
    <row r="345673" spans="8:8">
      <c r="H345673" s="12"/>
    </row>
    <row r="345674" spans="8:8">
      <c r="H345674" s="12"/>
    </row>
    <row r="345675" spans="8:8">
      <c r="H345675" s="12"/>
    </row>
    <row r="345676" spans="8:8">
      <c r="H345676" s="12"/>
    </row>
    <row r="345677" spans="8:8">
      <c r="H345677" s="12"/>
    </row>
    <row r="345678" spans="8:8">
      <c r="H345678" s="12"/>
    </row>
    <row r="345679" spans="8:8">
      <c r="H345679" s="12"/>
    </row>
    <row r="345680" spans="8:8">
      <c r="H345680" s="12"/>
    </row>
    <row r="345681" spans="8:8">
      <c r="H345681" s="12"/>
    </row>
    <row r="345682" spans="8:8">
      <c r="H345682" s="12"/>
    </row>
    <row r="345683" spans="8:8">
      <c r="H345683" s="12"/>
    </row>
    <row r="345684" spans="8:8">
      <c r="H345684" s="12"/>
    </row>
    <row r="345685" spans="8:8">
      <c r="H345685" s="12"/>
    </row>
    <row r="345686" spans="8:8">
      <c r="H345686" s="12"/>
    </row>
    <row r="345687" spans="8:8">
      <c r="H345687" s="12"/>
    </row>
    <row r="345688" spans="8:8">
      <c r="H345688" s="12"/>
    </row>
    <row r="345689" spans="8:8">
      <c r="H345689" s="12"/>
    </row>
    <row r="345690" spans="8:8">
      <c r="H345690" s="12"/>
    </row>
    <row r="345691" spans="8:8">
      <c r="H345691" s="12"/>
    </row>
    <row r="345692" spans="8:8">
      <c r="H345692" s="12"/>
    </row>
    <row r="345693" spans="8:8">
      <c r="H345693" s="12"/>
    </row>
    <row r="345694" spans="8:8">
      <c r="H345694" s="12"/>
    </row>
    <row r="345695" spans="8:8">
      <c r="H345695" s="12"/>
    </row>
    <row r="345696" spans="8:8">
      <c r="H345696" s="12"/>
    </row>
    <row r="345697" spans="8:8">
      <c r="H345697" s="12"/>
    </row>
    <row r="345698" spans="8:8">
      <c r="H345698" s="12"/>
    </row>
    <row r="345699" spans="8:8">
      <c r="H345699" s="12"/>
    </row>
    <row r="345700" spans="8:8">
      <c r="H345700" s="12"/>
    </row>
    <row r="345701" spans="8:8">
      <c r="H345701" s="12"/>
    </row>
    <row r="345702" spans="8:8">
      <c r="H345702" s="12"/>
    </row>
    <row r="345703" spans="8:8">
      <c r="H345703" s="12"/>
    </row>
    <row r="345704" spans="8:8">
      <c r="H345704" s="12"/>
    </row>
    <row r="345705" spans="8:8">
      <c r="H345705" s="12"/>
    </row>
    <row r="345706" spans="8:8">
      <c r="H345706" s="12"/>
    </row>
    <row r="345707" spans="8:8">
      <c r="H345707" s="12"/>
    </row>
    <row r="345708" spans="8:8">
      <c r="H345708" s="12"/>
    </row>
    <row r="345709" spans="8:8">
      <c r="H345709" s="12"/>
    </row>
    <row r="345710" spans="8:8">
      <c r="H345710" s="12"/>
    </row>
    <row r="345711" spans="8:8">
      <c r="H345711" s="12"/>
    </row>
    <row r="345712" spans="8:8">
      <c r="H345712" s="12"/>
    </row>
    <row r="345713" spans="8:8">
      <c r="H345713" s="12"/>
    </row>
    <row r="345714" spans="8:8">
      <c r="H345714" s="12"/>
    </row>
    <row r="345715" spans="8:8">
      <c r="H345715" s="12"/>
    </row>
    <row r="345716" spans="8:8">
      <c r="H345716" s="12"/>
    </row>
    <row r="345717" spans="8:8">
      <c r="H345717" s="12"/>
    </row>
    <row r="345718" spans="8:8">
      <c r="H345718" s="12"/>
    </row>
    <row r="345719" spans="8:8">
      <c r="H345719" s="12"/>
    </row>
    <row r="345720" spans="8:8">
      <c r="H345720" s="12"/>
    </row>
    <row r="345721" spans="8:8">
      <c r="H345721" s="12"/>
    </row>
    <row r="345722" spans="8:8">
      <c r="H345722" s="12"/>
    </row>
    <row r="345723" spans="8:8">
      <c r="H345723" s="12"/>
    </row>
    <row r="345724" spans="8:8">
      <c r="H345724" s="12"/>
    </row>
    <row r="345725" spans="8:8">
      <c r="H345725" s="12"/>
    </row>
    <row r="345726" spans="8:8">
      <c r="H345726" s="12"/>
    </row>
    <row r="345727" spans="8:8">
      <c r="H345727" s="12"/>
    </row>
    <row r="345728" spans="8:8">
      <c r="H345728" s="12"/>
    </row>
    <row r="345729" spans="8:8">
      <c r="H345729" s="12"/>
    </row>
    <row r="345730" spans="8:8">
      <c r="H345730" s="12"/>
    </row>
    <row r="345731" spans="8:8">
      <c r="H345731" s="12"/>
    </row>
    <row r="345732" spans="8:8">
      <c r="H345732" s="12"/>
    </row>
    <row r="345733" spans="8:8">
      <c r="H345733" s="12"/>
    </row>
    <row r="345734" spans="8:8">
      <c r="H345734" s="12"/>
    </row>
    <row r="345735" spans="8:8">
      <c r="H345735" s="12"/>
    </row>
    <row r="345736" spans="8:8">
      <c r="H345736" s="12"/>
    </row>
    <row r="345737" spans="8:8">
      <c r="H345737" s="12"/>
    </row>
    <row r="345738" spans="8:8">
      <c r="H345738" s="12"/>
    </row>
    <row r="345739" spans="8:8">
      <c r="H345739" s="12"/>
    </row>
    <row r="345740" spans="8:8">
      <c r="H345740" s="12"/>
    </row>
    <row r="345741" spans="8:8">
      <c r="H345741" s="12"/>
    </row>
    <row r="345742" spans="8:8">
      <c r="H345742" s="12"/>
    </row>
    <row r="345743" spans="8:8">
      <c r="H345743" s="12"/>
    </row>
    <row r="345744" spans="8:8">
      <c r="H345744" s="12"/>
    </row>
    <row r="345745" spans="8:8">
      <c r="H345745" s="12"/>
    </row>
    <row r="345746" spans="8:8">
      <c r="H345746" s="12"/>
    </row>
    <row r="345747" spans="8:8">
      <c r="H345747" s="12"/>
    </row>
    <row r="345748" spans="8:8">
      <c r="H345748" s="12"/>
    </row>
    <row r="345749" spans="8:8">
      <c r="H345749" s="12"/>
    </row>
    <row r="345750" spans="8:8">
      <c r="H345750" s="12"/>
    </row>
    <row r="345751" spans="8:8">
      <c r="H345751" s="12"/>
    </row>
    <row r="345752" spans="8:8">
      <c r="H345752" s="12"/>
    </row>
    <row r="345753" spans="8:8">
      <c r="H345753" s="12"/>
    </row>
    <row r="345754" spans="8:8">
      <c r="H345754" s="12"/>
    </row>
    <row r="345755" spans="8:8">
      <c r="H345755" s="12"/>
    </row>
    <row r="345756" spans="8:8">
      <c r="H345756" s="12"/>
    </row>
    <row r="345757" spans="8:8">
      <c r="H345757" s="12"/>
    </row>
    <row r="345758" spans="8:8">
      <c r="H345758" s="12"/>
    </row>
    <row r="345759" spans="8:8">
      <c r="H345759" s="12"/>
    </row>
    <row r="345760" spans="8:8">
      <c r="H345760" s="12"/>
    </row>
    <row r="345761" spans="8:8">
      <c r="H345761" s="12"/>
    </row>
    <row r="345762" spans="8:8">
      <c r="H345762" s="12"/>
    </row>
    <row r="345763" spans="8:8">
      <c r="H345763" s="12"/>
    </row>
    <row r="345764" spans="8:8">
      <c r="H345764" s="12"/>
    </row>
    <row r="345765" spans="8:8">
      <c r="H345765" s="12"/>
    </row>
    <row r="345766" spans="8:8">
      <c r="H345766" s="12"/>
    </row>
    <row r="345767" spans="8:8">
      <c r="H345767" s="12"/>
    </row>
    <row r="345768" spans="8:8">
      <c r="H345768" s="12"/>
    </row>
    <row r="345769" spans="8:8">
      <c r="H345769" s="12"/>
    </row>
    <row r="345770" spans="8:8">
      <c r="H345770" s="12"/>
    </row>
    <row r="345771" spans="8:8">
      <c r="H345771" s="12"/>
    </row>
    <row r="345772" spans="8:8">
      <c r="H345772" s="12"/>
    </row>
    <row r="345773" spans="8:8">
      <c r="H345773" s="12"/>
    </row>
    <row r="345774" spans="8:8">
      <c r="H345774" s="12"/>
    </row>
    <row r="345775" spans="8:8">
      <c r="H345775" s="12"/>
    </row>
    <row r="345776" spans="8:8">
      <c r="H345776" s="12"/>
    </row>
    <row r="345777" spans="8:8">
      <c r="H345777" s="12"/>
    </row>
    <row r="345778" spans="8:8">
      <c r="H345778" s="12"/>
    </row>
    <row r="345779" spans="8:8">
      <c r="H345779" s="12"/>
    </row>
    <row r="345780" spans="8:8">
      <c r="H345780" s="12"/>
    </row>
    <row r="345781" spans="8:8">
      <c r="H345781" s="12"/>
    </row>
    <row r="345782" spans="8:8">
      <c r="H345782" s="12"/>
    </row>
    <row r="345783" spans="8:8">
      <c r="H345783" s="12"/>
    </row>
    <row r="345784" spans="8:8">
      <c r="H345784" s="12"/>
    </row>
    <row r="345785" spans="8:8">
      <c r="H345785" s="12"/>
    </row>
    <row r="345786" spans="8:8">
      <c r="H345786" s="12"/>
    </row>
    <row r="345787" spans="8:8">
      <c r="H345787" s="12"/>
    </row>
    <row r="345788" spans="8:8">
      <c r="H345788" s="12"/>
    </row>
    <row r="345789" spans="8:8">
      <c r="H345789" s="12"/>
    </row>
    <row r="345790" spans="8:8">
      <c r="H345790" s="12"/>
    </row>
    <row r="345791" spans="8:8">
      <c r="H345791" s="12"/>
    </row>
    <row r="345792" spans="8:8">
      <c r="H345792" s="12"/>
    </row>
    <row r="345793" spans="8:8">
      <c r="H345793" s="12"/>
    </row>
    <row r="345794" spans="8:8">
      <c r="H345794" s="12"/>
    </row>
    <row r="345795" spans="8:8">
      <c r="H345795" s="12"/>
    </row>
    <row r="345796" spans="8:8">
      <c r="H345796" s="12"/>
    </row>
    <row r="345797" spans="8:8">
      <c r="H345797" s="12"/>
    </row>
    <row r="345798" spans="8:8">
      <c r="H345798" s="12"/>
    </row>
    <row r="345799" spans="8:8">
      <c r="H345799" s="12"/>
    </row>
    <row r="345800" spans="8:8">
      <c r="H345800" s="12"/>
    </row>
    <row r="345801" spans="8:8">
      <c r="H345801" s="12"/>
    </row>
    <row r="345802" spans="8:8">
      <c r="H345802" s="12"/>
    </row>
    <row r="345803" spans="8:8">
      <c r="H345803" s="12"/>
    </row>
    <row r="345804" spans="8:8">
      <c r="H345804" s="12"/>
    </row>
    <row r="345805" spans="8:8">
      <c r="H345805" s="12"/>
    </row>
    <row r="345806" spans="8:8">
      <c r="H345806" s="12"/>
    </row>
    <row r="345807" spans="8:8">
      <c r="H345807" s="12"/>
    </row>
    <row r="345808" spans="8:8">
      <c r="H345808" s="12"/>
    </row>
    <row r="345809" spans="8:8">
      <c r="H345809" s="12"/>
    </row>
    <row r="345810" spans="8:8">
      <c r="H345810" s="12"/>
    </row>
    <row r="345811" spans="8:8">
      <c r="H345811" s="12"/>
    </row>
    <row r="345812" spans="8:8">
      <c r="H345812" s="12"/>
    </row>
    <row r="345813" spans="8:8">
      <c r="H345813" s="12"/>
    </row>
    <row r="345814" spans="8:8">
      <c r="H345814" s="12"/>
    </row>
    <row r="345815" spans="8:8">
      <c r="H345815" s="12"/>
    </row>
    <row r="345816" spans="8:8">
      <c r="H345816" s="12"/>
    </row>
    <row r="345817" spans="8:8">
      <c r="H345817" s="12"/>
    </row>
    <row r="345818" spans="8:8">
      <c r="H345818" s="12"/>
    </row>
    <row r="345819" spans="8:8">
      <c r="H345819" s="12"/>
    </row>
    <row r="345820" spans="8:8">
      <c r="H345820" s="12"/>
    </row>
    <row r="345821" spans="8:8">
      <c r="H345821" s="12"/>
    </row>
    <row r="345822" spans="8:8">
      <c r="H345822" s="12"/>
    </row>
    <row r="345823" spans="8:8">
      <c r="H345823" s="12"/>
    </row>
    <row r="345824" spans="8:8">
      <c r="H345824" s="12"/>
    </row>
    <row r="345825" spans="8:8">
      <c r="H345825" s="12"/>
    </row>
    <row r="345826" spans="8:8">
      <c r="H345826" s="12"/>
    </row>
    <row r="345827" spans="8:8">
      <c r="H345827" s="12"/>
    </row>
    <row r="345828" spans="8:8">
      <c r="H345828" s="12"/>
    </row>
    <row r="345829" spans="8:8">
      <c r="H345829" s="12"/>
    </row>
    <row r="345830" spans="8:8">
      <c r="H345830" s="12"/>
    </row>
    <row r="345831" spans="8:8">
      <c r="H345831" s="12"/>
    </row>
    <row r="345832" spans="8:8">
      <c r="H345832" s="12"/>
    </row>
    <row r="345833" spans="8:8">
      <c r="H345833" s="12"/>
    </row>
    <row r="345834" spans="8:8">
      <c r="H345834" s="12"/>
    </row>
    <row r="345835" spans="8:8">
      <c r="H345835" s="12"/>
    </row>
    <row r="345836" spans="8:8">
      <c r="H345836" s="12"/>
    </row>
    <row r="345837" spans="8:8">
      <c r="H345837" s="12"/>
    </row>
    <row r="345838" spans="8:8">
      <c r="H345838" s="12"/>
    </row>
    <row r="345839" spans="8:8">
      <c r="H345839" s="12"/>
    </row>
    <row r="345840" spans="8:8">
      <c r="H345840" s="12"/>
    </row>
    <row r="345841" spans="8:8">
      <c r="H345841" s="12"/>
    </row>
    <row r="345842" spans="8:8">
      <c r="H345842" s="12"/>
    </row>
    <row r="345843" spans="8:8">
      <c r="H345843" s="12"/>
    </row>
    <row r="345844" spans="8:8">
      <c r="H345844" s="12"/>
    </row>
    <row r="345845" spans="8:8">
      <c r="H345845" s="12"/>
    </row>
    <row r="345846" spans="8:8">
      <c r="H345846" s="12"/>
    </row>
    <row r="345847" spans="8:8">
      <c r="H345847" s="12"/>
    </row>
    <row r="345848" spans="8:8">
      <c r="H345848" s="12"/>
    </row>
    <row r="345849" spans="8:8">
      <c r="H345849" s="12"/>
    </row>
    <row r="345850" spans="8:8">
      <c r="H345850" s="12"/>
    </row>
    <row r="345851" spans="8:8">
      <c r="H345851" s="12"/>
    </row>
    <row r="345852" spans="8:8">
      <c r="H345852" s="12"/>
    </row>
    <row r="345853" spans="8:8">
      <c r="H345853" s="12"/>
    </row>
    <row r="345854" spans="8:8">
      <c r="H345854" s="12"/>
    </row>
    <row r="345855" spans="8:8">
      <c r="H345855" s="12"/>
    </row>
    <row r="345856" spans="8:8">
      <c r="H345856" s="12"/>
    </row>
    <row r="345857" spans="8:8">
      <c r="H345857" s="12"/>
    </row>
    <row r="345858" spans="8:8">
      <c r="H345858" s="12"/>
    </row>
    <row r="345859" spans="8:8">
      <c r="H345859" s="12"/>
    </row>
    <row r="345860" spans="8:8">
      <c r="H345860" s="12"/>
    </row>
    <row r="345861" spans="8:8">
      <c r="H345861" s="12"/>
    </row>
    <row r="345862" spans="8:8">
      <c r="H345862" s="12"/>
    </row>
    <row r="345863" spans="8:8">
      <c r="H345863" s="12"/>
    </row>
    <row r="345864" spans="8:8">
      <c r="H345864" s="12"/>
    </row>
    <row r="345865" spans="8:8">
      <c r="H345865" s="12"/>
    </row>
    <row r="345866" spans="8:8">
      <c r="H345866" s="12"/>
    </row>
    <row r="345867" spans="8:8">
      <c r="H345867" s="12"/>
    </row>
    <row r="345868" spans="8:8">
      <c r="H345868" s="12"/>
    </row>
    <row r="345869" spans="8:8">
      <c r="H345869" s="12"/>
    </row>
    <row r="345870" spans="8:8">
      <c r="H345870" s="12"/>
    </row>
    <row r="345871" spans="8:8">
      <c r="H345871" s="12"/>
    </row>
    <row r="345872" spans="8:8">
      <c r="H345872" s="12"/>
    </row>
    <row r="345873" spans="8:8">
      <c r="H345873" s="12"/>
    </row>
    <row r="345874" spans="8:8">
      <c r="H345874" s="12"/>
    </row>
    <row r="345875" spans="8:8">
      <c r="H345875" s="12"/>
    </row>
    <row r="345876" spans="8:8">
      <c r="H345876" s="12"/>
    </row>
    <row r="345877" spans="8:8">
      <c r="H345877" s="12"/>
    </row>
    <row r="345878" spans="8:8">
      <c r="H345878" s="12"/>
    </row>
    <row r="345879" spans="8:8">
      <c r="H345879" s="12"/>
    </row>
    <row r="345880" spans="8:8">
      <c r="H345880" s="12"/>
    </row>
    <row r="345881" spans="8:8">
      <c r="H345881" s="12"/>
    </row>
    <row r="345882" spans="8:8">
      <c r="H345882" s="12"/>
    </row>
    <row r="345883" spans="8:8">
      <c r="H345883" s="12"/>
    </row>
    <row r="345884" spans="8:8">
      <c r="H345884" s="12"/>
    </row>
    <row r="345885" spans="8:8">
      <c r="H345885" s="12"/>
    </row>
    <row r="345886" spans="8:8">
      <c r="H345886" s="12"/>
    </row>
    <row r="345887" spans="8:8">
      <c r="H345887" s="12"/>
    </row>
    <row r="345888" spans="8:8">
      <c r="H345888" s="12"/>
    </row>
    <row r="345889" spans="8:8">
      <c r="H345889" s="12"/>
    </row>
    <row r="345890" spans="8:8">
      <c r="H345890" s="12"/>
    </row>
    <row r="345891" spans="8:8">
      <c r="H345891" s="12"/>
    </row>
    <row r="345892" spans="8:8">
      <c r="H345892" s="12"/>
    </row>
    <row r="345893" spans="8:8">
      <c r="H345893" s="12"/>
    </row>
    <row r="345894" spans="8:8">
      <c r="H345894" s="12"/>
    </row>
    <row r="345895" spans="8:8">
      <c r="H345895" s="12"/>
    </row>
    <row r="345896" spans="8:8">
      <c r="H345896" s="12"/>
    </row>
    <row r="345897" spans="8:8">
      <c r="H345897" s="12"/>
    </row>
    <row r="345898" spans="8:8">
      <c r="H345898" s="12"/>
    </row>
    <row r="345899" spans="8:8">
      <c r="H345899" s="12"/>
    </row>
    <row r="345900" spans="8:8">
      <c r="H345900" s="12"/>
    </row>
    <row r="345901" spans="8:8">
      <c r="H345901" s="12"/>
    </row>
    <row r="345902" spans="8:8">
      <c r="H345902" s="12"/>
    </row>
    <row r="345903" spans="8:8">
      <c r="H345903" s="12"/>
    </row>
    <row r="345904" spans="8:8">
      <c r="H345904" s="12"/>
    </row>
    <row r="345905" spans="8:8">
      <c r="H345905" s="12"/>
    </row>
    <row r="345906" spans="8:8">
      <c r="H345906" s="12"/>
    </row>
    <row r="345907" spans="8:8">
      <c r="H345907" s="12"/>
    </row>
    <row r="345908" spans="8:8">
      <c r="H345908" s="12"/>
    </row>
    <row r="345909" spans="8:8">
      <c r="H345909" s="12"/>
    </row>
    <row r="345910" spans="8:8">
      <c r="H345910" s="12"/>
    </row>
    <row r="345911" spans="8:8">
      <c r="H345911" s="12"/>
    </row>
    <row r="345912" spans="8:8">
      <c r="H345912" s="12"/>
    </row>
    <row r="345913" spans="8:8">
      <c r="H345913" s="12"/>
    </row>
    <row r="345914" spans="8:8">
      <c r="H345914" s="12"/>
    </row>
    <row r="345915" spans="8:8">
      <c r="H345915" s="12"/>
    </row>
    <row r="345916" spans="8:8">
      <c r="H345916" s="12"/>
    </row>
    <row r="345917" spans="8:8">
      <c r="H345917" s="12"/>
    </row>
    <row r="345918" spans="8:8">
      <c r="H345918" s="12"/>
    </row>
    <row r="345919" spans="8:8">
      <c r="H345919" s="12"/>
    </row>
    <row r="345920" spans="8:8">
      <c r="H345920" s="12"/>
    </row>
    <row r="345921" spans="8:8">
      <c r="H345921" s="12"/>
    </row>
    <row r="345922" spans="8:8">
      <c r="H345922" s="12"/>
    </row>
    <row r="345923" spans="8:8">
      <c r="H345923" s="12"/>
    </row>
    <row r="345924" spans="8:8">
      <c r="H345924" s="12"/>
    </row>
    <row r="345925" spans="8:8">
      <c r="H345925" s="12"/>
    </row>
    <row r="345926" spans="8:8">
      <c r="H345926" s="12"/>
    </row>
    <row r="345927" spans="8:8">
      <c r="H345927" s="12"/>
    </row>
    <row r="345928" spans="8:8">
      <c r="H345928" s="12"/>
    </row>
    <row r="345929" spans="8:8">
      <c r="H345929" s="12"/>
    </row>
    <row r="345930" spans="8:8">
      <c r="H345930" s="12"/>
    </row>
    <row r="345931" spans="8:8">
      <c r="H345931" s="12"/>
    </row>
    <row r="345932" spans="8:8">
      <c r="H345932" s="12"/>
    </row>
    <row r="345933" spans="8:8">
      <c r="H345933" s="12"/>
    </row>
    <row r="345934" spans="8:8">
      <c r="H345934" s="12"/>
    </row>
    <row r="345935" spans="8:8">
      <c r="H345935" s="12"/>
    </row>
    <row r="345936" spans="8:8">
      <c r="H345936" s="12"/>
    </row>
    <row r="345937" spans="8:8">
      <c r="H345937" s="12"/>
    </row>
    <row r="345938" spans="8:8">
      <c r="H345938" s="12"/>
    </row>
    <row r="345939" spans="8:8">
      <c r="H345939" s="12"/>
    </row>
    <row r="345940" spans="8:8">
      <c r="H345940" s="12"/>
    </row>
    <row r="345941" spans="8:8">
      <c r="H345941" s="12"/>
    </row>
    <row r="345942" spans="8:8">
      <c r="H345942" s="12"/>
    </row>
    <row r="345943" spans="8:8">
      <c r="H345943" s="12"/>
    </row>
    <row r="345944" spans="8:8">
      <c r="H345944" s="12"/>
    </row>
    <row r="345945" spans="8:8">
      <c r="H345945" s="12"/>
    </row>
    <row r="345946" spans="8:8">
      <c r="H345946" s="12"/>
    </row>
    <row r="345947" spans="8:8">
      <c r="H345947" s="12"/>
    </row>
    <row r="345948" spans="8:8">
      <c r="H345948" s="12"/>
    </row>
    <row r="345949" spans="8:8">
      <c r="H345949" s="12"/>
    </row>
    <row r="345950" spans="8:8">
      <c r="H345950" s="12"/>
    </row>
    <row r="345951" spans="8:8">
      <c r="H345951" s="12"/>
    </row>
    <row r="345952" spans="8:8">
      <c r="H345952" s="12"/>
    </row>
    <row r="345953" spans="8:8">
      <c r="H345953" s="12"/>
    </row>
    <row r="345954" spans="8:8">
      <c r="H345954" s="12"/>
    </row>
    <row r="345955" spans="8:8">
      <c r="H345955" s="12"/>
    </row>
    <row r="345956" spans="8:8">
      <c r="H345956" s="12"/>
    </row>
    <row r="345957" spans="8:8">
      <c r="H345957" s="12"/>
    </row>
    <row r="345958" spans="8:8">
      <c r="H345958" s="12"/>
    </row>
    <row r="345959" spans="8:8">
      <c r="H345959" s="12"/>
    </row>
    <row r="345960" spans="8:8">
      <c r="H345960" s="12"/>
    </row>
    <row r="345961" spans="8:8">
      <c r="H345961" s="12"/>
    </row>
    <row r="345962" spans="8:8">
      <c r="H345962" s="12"/>
    </row>
    <row r="345963" spans="8:8">
      <c r="H345963" s="12"/>
    </row>
    <row r="345964" spans="8:8">
      <c r="H345964" s="12"/>
    </row>
    <row r="345965" spans="8:8">
      <c r="H345965" s="12"/>
    </row>
    <row r="345966" spans="8:8">
      <c r="H345966" s="12"/>
    </row>
    <row r="345967" spans="8:8">
      <c r="H345967" s="12"/>
    </row>
    <row r="345968" spans="8:8">
      <c r="H345968" s="12"/>
    </row>
    <row r="345969" spans="8:8">
      <c r="H345969" s="12"/>
    </row>
    <row r="345970" spans="8:8">
      <c r="H345970" s="12"/>
    </row>
    <row r="345971" spans="8:8">
      <c r="H345971" s="12"/>
    </row>
    <row r="345972" spans="8:8">
      <c r="H345972" s="12"/>
    </row>
    <row r="345973" spans="8:8">
      <c r="H345973" s="12"/>
    </row>
    <row r="345974" spans="8:8">
      <c r="H345974" s="12"/>
    </row>
    <row r="345975" spans="8:8">
      <c r="H345975" s="12"/>
    </row>
    <row r="345976" spans="8:8">
      <c r="H345976" s="12"/>
    </row>
    <row r="345977" spans="8:8">
      <c r="H345977" s="12"/>
    </row>
    <row r="345978" spans="8:8">
      <c r="H345978" s="12"/>
    </row>
    <row r="345979" spans="8:8">
      <c r="H345979" s="12"/>
    </row>
    <row r="345980" spans="8:8">
      <c r="H345980" s="12"/>
    </row>
    <row r="345981" spans="8:8">
      <c r="H345981" s="12"/>
    </row>
    <row r="345982" spans="8:8">
      <c r="H345982" s="12"/>
    </row>
    <row r="345983" spans="8:8">
      <c r="H345983" s="12"/>
    </row>
    <row r="345984" spans="8:8">
      <c r="H345984" s="12"/>
    </row>
    <row r="345985" spans="8:8">
      <c r="H345985" s="12"/>
    </row>
    <row r="345986" spans="8:8">
      <c r="H345986" s="12"/>
    </row>
    <row r="345987" spans="8:8">
      <c r="H345987" s="12"/>
    </row>
    <row r="345988" spans="8:8">
      <c r="H345988" s="12"/>
    </row>
    <row r="345989" spans="8:8">
      <c r="H345989" s="12"/>
    </row>
    <row r="345990" spans="8:8">
      <c r="H345990" s="12"/>
    </row>
    <row r="345991" spans="8:8">
      <c r="H345991" s="12"/>
    </row>
    <row r="345992" spans="8:8">
      <c r="H345992" s="12"/>
    </row>
    <row r="345993" spans="8:8">
      <c r="H345993" s="12"/>
    </row>
    <row r="345994" spans="8:8">
      <c r="H345994" s="12"/>
    </row>
    <row r="345995" spans="8:8">
      <c r="H345995" s="12"/>
    </row>
    <row r="345996" spans="8:8">
      <c r="H345996" s="12"/>
    </row>
    <row r="345997" spans="8:8">
      <c r="H345997" s="12"/>
    </row>
    <row r="345998" spans="8:8">
      <c r="H345998" s="12"/>
    </row>
    <row r="345999" spans="8:8">
      <c r="H345999" s="12"/>
    </row>
    <row r="346000" spans="8:8">
      <c r="H346000" s="12"/>
    </row>
    <row r="346001" spans="8:8">
      <c r="H346001" s="12"/>
    </row>
    <row r="346002" spans="8:8">
      <c r="H346002" s="12"/>
    </row>
    <row r="346003" spans="8:8">
      <c r="H346003" s="12"/>
    </row>
    <row r="346004" spans="8:8">
      <c r="H346004" s="12"/>
    </row>
    <row r="346005" spans="8:8">
      <c r="H346005" s="12"/>
    </row>
    <row r="346006" spans="8:8">
      <c r="H346006" s="12"/>
    </row>
    <row r="346007" spans="8:8">
      <c r="H346007" s="12"/>
    </row>
    <row r="346008" spans="8:8">
      <c r="H346008" s="12"/>
    </row>
    <row r="346009" spans="8:8">
      <c r="H346009" s="12"/>
    </row>
    <row r="346010" spans="8:8">
      <c r="H346010" s="12"/>
    </row>
    <row r="346011" spans="8:8">
      <c r="H346011" s="12"/>
    </row>
    <row r="346012" spans="8:8">
      <c r="H346012" s="12"/>
    </row>
    <row r="346013" spans="8:8">
      <c r="H346013" s="12"/>
    </row>
    <row r="346014" spans="8:8">
      <c r="H346014" s="12"/>
    </row>
    <row r="346015" spans="8:8">
      <c r="H346015" s="12"/>
    </row>
    <row r="346016" spans="8:8">
      <c r="H346016" s="12"/>
    </row>
    <row r="346017" spans="8:8">
      <c r="H346017" s="12"/>
    </row>
    <row r="346018" spans="8:8">
      <c r="H346018" s="12"/>
    </row>
    <row r="346019" spans="8:8">
      <c r="H346019" s="12"/>
    </row>
    <row r="346020" spans="8:8">
      <c r="H346020" s="12"/>
    </row>
    <row r="346021" spans="8:8">
      <c r="H346021" s="12"/>
    </row>
    <row r="346022" spans="8:8">
      <c r="H346022" s="12"/>
    </row>
    <row r="346023" spans="8:8">
      <c r="H346023" s="12"/>
    </row>
    <row r="346024" spans="8:8">
      <c r="H346024" s="12"/>
    </row>
    <row r="346025" spans="8:8">
      <c r="H346025" s="12"/>
    </row>
    <row r="346026" spans="8:8">
      <c r="H346026" s="12"/>
    </row>
    <row r="346027" spans="8:8">
      <c r="H346027" s="12"/>
    </row>
    <row r="346028" spans="8:8">
      <c r="H346028" s="12"/>
    </row>
    <row r="346029" spans="8:8">
      <c r="H346029" s="12"/>
    </row>
    <row r="346030" spans="8:8">
      <c r="H346030" s="12"/>
    </row>
    <row r="346031" spans="8:8">
      <c r="H346031" s="12"/>
    </row>
    <row r="346032" spans="8:8">
      <c r="H346032" s="12"/>
    </row>
    <row r="346033" spans="8:8">
      <c r="H346033" s="12"/>
    </row>
    <row r="346034" spans="8:8">
      <c r="H346034" s="12"/>
    </row>
    <row r="346035" spans="8:8">
      <c r="H346035" s="12"/>
    </row>
    <row r="346036" spans="8:8">
      <c r="H346036" s="12"/>
    </row>
    <row r="346037" spans="8:8">
      <c r="H346037" s="12"/>
    </row>
    <row r="346038" spans="8:8">
      <c r="H346038" s="12"/>
    </row>
    <row r="346039" spans="8:8">
      <c r="H346039" s="12"/>
    </row>
    <row r="346040" spans="8:8">
      <c r="H346040" s="12"/>
    </row>
    <row r="346041" spans="8:8">
      <c r="H346041" s="12"/>
    </row>
    <row r="346042" spans="8:8">
      <c r="H346042" s="12"/>
    </row>
    <row r="346043" spans="8:8">
      <c r="H346043" s="12"/>
    </row>
    <row r="346044" spans="8:8">
      <c r="H346044" s="12"/>
    </row>
    <row r="346045" spans="8:8">
      <c r="H346045" s="12"/>
    </row>
    <row r="346046" spans="8:8">
      <c r="H346046" s="12"/>
    </row>
    <row r="346047" spans="8:8">
      <c r="H346047" s="12"/>
    </row>
    <row r="346048" spans="8:8">
      <c r="H346048" s="12"/>
    </row>
    <row r="346049" spans="8:8">
      <c r="H346049" s="12"/>
    </row>
    <row r="346050" spans="8:8">
      <c r="H346050" s="12"/>
    </row>
    <row r="346051" spans="8:8">
      <c r="H346051" s="12"/>
    </row>
    <row r="346052" spans="8:8">
      <c r="H346052" s="12"/>
    </row>
    <row r="346053" spans="8:8">
      <c r="H346053" s="12"/>
    </row>
    <row r="346054" spans="8:8">
      <c r="H346054" s="12"/>
    </row>
    <row r="346055" spans="8:8">
      <c r="H346055" s="12"/>
    </row>
    <row r="346056" spans="8:8">
      <c r="H346056" s="12"/>
    </row>
    <row r="346057" spans="8:8">
      <c r="H346057" s="12"/>
    </row>
    <row r="346058" spans="8:8">
      <c r="H346058" s="12"/>
    </row>
    <row r="346059" spans="8:8">
      <c r="H346059" s="12"/>
    </row>
    <row r="346060" spans="8:8">
      <c r="H346060" s="12"/>
    </row>
    <row r="346061" spans="8:8">
      <c r="H346061" s="12"/>
    </row>
    <row r="346062" spans="8:8">
      <c r="H346062" s="12"/>
    </row>
    <row r="346063" spans="8:8">
      <c r="H346063" s="12"/>
    </row>
    <row r="346064" spans="8:8">
      <c r="H346064" s="12"/>
    </row>
    <row r="346065" spans="8:8">
      <c r="H346065" s="12"/>
    </row>
    <row r="346066" spans="8:8">
      <c r="H346066" s="12"/>
    </row>
    <row r="346067" spans="8:8">
      <c r="H346067" s="12"/>
    </row>
    <row r="346068" spans="8:8">
      <c r="H346068" s="12"/>
    </row>
    <row r="346069" spans="8:8">
      <c r="H346069" s="12"/>
    </row>
    <row r="346070" spans="8:8">
      <c r="H346070" s="12"/>
    </row>
    <row r="346071" spans="8:8">
      <c r="H346071" s="12"/>
    </row>
    <row r="346072" spans="8:8">
      <c r="H346072" s="12"/>
    </row>
    <row r="346073" spans="8:8">
      <c r="H346073" s="12"/>
    </row>
    <row r="346074" spans="8:8">
      <c r="H346074" s="12"/>
    </row>
    <row r="346075" spans="8:8">
      <c r="H346075" s="12"/>
    </row>
    <row r="346076" spans="8:8">
      <c r="H346076" s="12"/>
    </row>
    <row r="346077" spans="8:8">
      <c r="H346077" s="12"/>
    </row>
    <row r="346078" spans="8:8">
      <c r="H346078" s="12"/>
    </row>
    <row r="346079" spans="8:8">
      <c r="H346079" s="12"/>
    </row>
    <row r="346080" spans="8:8">
      <c r="H346080" s="12"/>
    </row>
    <row r="346081" spans="8:8">
      <c r="H346081" s="12"/>
    </row>
    <row r="346082" spans="8:8">
      <c r="H346082" s="12"/>
    </row>
    <row r="346083" spans="8:8">
      <c r="H346083" s="12"/>
    </row>
    <row r="346084" spans="8:8">
      <c r="H346084" s="12"/>
    </row>
    <row r="346085" spans="8:8">
      <c r="H346085" s="12"/>
    </row>
    <row r="346086" spans="8:8">
      <c r="H346086" s="12"/>
    </row>
    <row r="346087" spans="8:8">
      <c r="H346087" s="12"/>
    </row>
    <row r="346088" spans="8:8">
      <c r="H346088" s="12"/>
    </row>
    <row r="346089" spans="8:8">
      <c r="H346089" s="12"/>
    </row>
    <row r="346090" spans="8:8">
      <c r="H346090" s="12"/>
    </row>
    <row r="346091" spans="8:8">
      <c r="H346091" s="12"/>
    </row>
    <row r="346092" spans="8:8">
      <c r="H346092" s="12"/>
    </row>
    <row r="346093" spans="8:8">
      <c r="H346093" s="12"/>
    </row>
    <row r="346094" spans="8:8">
      <c r="H346094" s="12"/>
    </row>
    <row r="346095" spans="8:8">
      <c r="H346095" s="12"/>
    </row>
    <row r="346096" spans="8:8">
      <c r="H346096" s="12"/>
    </row>
    <row r="346097" spans="8:8">
      <c r="H346097" s="12"/>
    </row>
    <row r="346098" spans="8:8">
      <c r="H346098" s="12"/>
    </row>
    <row r="346099" spans="8:8">
      <c r="H346099" s="12"/>
    </row>
    <row r="346100" spans="8:8">
      <c r="H346100" s="12"/>
    </row>
    <row r="346101" spans="8:8">
      <c r="H346101" s="12"/>
    </row>
    <row r="346102" spans="8:8">
      <c r="H346102" s="12"/>
    </row>
    <row r="346103" spans="8:8">
      <c r="H346103" s="12"/>
    </row>
    <row r="346104" spans="8:8">
      <c r="H346104" s="12"/>
    </row>
    <row r="346105" spans="8:8">
      <c r="H346105" s="12"/>
    </row>
    <row r="346106" spans="8:8">
      <c r="H346106" s="12"/>
    </row>
    <row r="346107" spans="8:8">
      <c r="H346107" s="12"/>
    </row>
    <row r="346108" spans="8:8">
      <c r="H346108" s="12"/>
    </row>
    <row r="346109" spans="8:8">
      <c r="H346109" s="12"/>
    </row>
    <row r="346110" spans="8:8">
      <c r="H346110" s="12"/>
    </row>
    <row r="346111" spans="8:8">
      <c r="H346111" s="12"/>
    </row>
    <row r="346112" spans="8:8">
      <c r="H346112" s="12"/>
    </row>
    <row r="346113" spans="8:8">
      <c r="H346113" s="12"/>
    </row>
    <row r="346114" spans="8:8">
      <c r="H346114" s="12"/>
    </row>
    <row r="346115" spans="8:8">
      <c r="H346115" s="12"/>
    </row>
    <row r="346116" spans="8:8">
      <c r="H346116" s="12"/>
    </row>
    <row r="346117" spans="8:8">
      <c r="H346117" s="12"/>
    </row>
    <row r="346118" spans="8:8">
      <c r="H346118" s="12"/>
    </row>
    <row r="346119" spans="8:8">
      <c r="H346119" s="12"/>
    </row>
    <row r="346120" spans="8:8">
      <c r="H346120" s="12"/>
    </row>
    <row r="346121" spans="8:8">
      <c r="H346121" s="12"/>
    </row>
    <row r="346122" spans="8:8">
      <c r="H346122" s="12"/>
    </row>
    <row r="346123" spans="8:8">
      <c r="H346123" s="12"/>
    </row>
    <row r="346124" spans="8:8">
      <c r="H346124" s="12"/>
    </row>
    <row r="346125" spans="8:8">
      <c r="H346125" s="12"/>
    </row>
    <row r="346126" spans="8:8">
      <c r="H346126" s="12"/>
    </row>
    <row r="346127" spans="8:8">
      <c r="H346127" s="12"/>
    </row>
    <row r="346128" spans="8:8">
      <c r="H346128" s="12"/>
    </row>
    <row r="346129" spans="8:8">
      <c r="H346129" s="12"/>
    </row>
    <row r="346130" spans="8:8">
      <c r="H346130" s="12"/>
    </row>
    <row r="346131" spans="8:8">
      <c r="H346131" s="12"/>
    </row>
    <row r="346132" spans="8:8">
      <c r="H346132" s="12"/>
    </row>
    <row r="346133" spans="8:8">
      <c r="H346133" s="12"/>
    </row>
    <row r="346134" spans="8:8">
      <c r="H346134" s="12"/>
    </row>
    <row r="346135" spans="8:8">
      <c r="H346135" s="12"/>
    </row>
    <row r="346136" spans="8:8">
      <c r="H346136" s="12"/>
    </row>
    <row r="346137" spans="8:8">
      <c r="H346137" s="12"/>
    </row>
    <row r="346138" spans="8:8">
      <c r="H346138" s="12"/>
    </row>
    <row r="346139" spans="8:8">
      <c r="H346139" s="12"/>
    </row>
    <row r="346140" spans="8:8">
      <c r="H346140" s="12"/>
    </row>
    <row r="346141" spans="8:8">
      <c r="H346141" s="12"/>
    </row>
    <row r="346142" spans="8:8">
      <c r="H346142" s="12"/>
    </row>
    <row r="346143" spans="8:8">
      <c r="H346143" s="12"/>
    </row>
    <row r="346144" spans="8:8">
      <c r="H346144" s="12"/>
    </row>
    <row r="346145" spans="8:8">
      <c r="H346145" s="12"/>
    </row>
    <row r="346146" spans="8:8">
      <c r="H346146" s="12"/>
    </row>
    <row r="346147" spans="8:8">
      <c r="H346147" s="12"/>
    </row>
    <row r="346148" spans="8:8">
      <c r="H346148" s="12"/>
    </row>
    <row r="346149" spans="8:8">
      <c r="H346149" s="12"/>
    </row>
    <row r="346150" spans="8:8">
      <c r="H346150" s="12"/>
    </row>
    <row r="346151" spans="8:8">
      <c r="H346151" s="12"/>
    </row>
    <row r="346152" spans="8:8">
      <c r="H346152" s="12"/>
    </row>
    <row r="346153" spans="8:8">
      <c r="H346153" s="12"/>
    </row>
    <row r="346154" spans="8:8">
      <c r="H346154" s="12"/>
    </row>
    <row r="346155" spans="8:8">
      <c r="H346155" s="12"/>
    </row>
    <row r="346156" spans="8:8">
      <c r="H346156" s="12"/>
    </row>
    <row r="346157" spans="8:8">
      <c r="H346157" s="12"/>
    </row>
    <row r="346158" spans="8:8">
      <c r="H346158" s="12"/>
    </row>
    <row r="346159" spans="8:8">
      <c r="H346159" s="12"/>
    </row>
    <row r="346160" spans="8:8">
      <c r="H346160" s="12"/>
    </row>
    <row r="346161" spans="8:8">
      <c r="H346161" s="12"/>
    </row>
    <row r="346162" spans="8:8">
      <c r="H346162" s="12"/>
    </row>
    <row r="346163" spans="8:8">
      <c r="H346163" s="12"/>
    </row>
    <row r="346164" spans="8:8">
      <c r="H346164" s="12"/>
    </row>
    <row r="346165" spans="8:8">
      <c r="H346165" s="12"/>
    </row>
    <row r="346166" spans="8:8">
      <c r="H346166" s="12"/>
    </row>
    <row r="346167" spans="8:8">
      <c r="H346167" s="12"/>
    </row>
    <row r="346168" spans="8:8">
      <c r="H346168" s="12"/>
    </row>
    <row r="346169" spans="8:8">
      <c r="H346169" s="12"/>
    </row>
    <row r="346170" spans="8:8">
      <c r="H346170" s="12"/>
    </row>
    <row r="346171" spans="8:8">
      <c r="H346171" s="12"/>
    </row>
    <row r="346172" spans="8:8">
      <c r="H346172" s="12"/>
    </row>
    <row r="346173" spans="8:8">
      <c r="H346173" s="12"/>
    </row>
    <row r="346174" spans="8:8">
      <c r="H346174" s="12"/>
    </row>
    <row r="346175" spans="8:8">
      <c r="H346175" s="12"/>
    </row>
    <row r="346176" spans="8:8">
      <c r="H346176" s="12"/>
    </row>
    <row r="346177" spans="8:8">
      <c r="H346177" s="12"/>
    </row>
    <row r="346178" spans="8:8">
      <c r="H346178" s="12"/>
    </row>
    <row r="346179" spans="8:8">
      <c r="H346179" s="12"/>
    </row>
    <row r="346180" spans="8:8">
      <c r="H346180" s="12"/>
    </row>
    <row r="346181" spans="8:8">
      <c r="H346181" s="12"/>
    </row>
    <row r="346182" spans="8:8">
      <c r="H346182" s="12"/>
    </row>
    <row r="346183" spans="8:8">
      <c r="H346183" s="12"/>
    </row>
    <row r="346184" spans="8:8">
      <c r="H346184" s="12"/>
    </row>
    <row r="346185" spans="8:8">
      <c r="H346185" s="12"/>
    </row>
    <row r="346186" spans="8:8">
      <c r="H346186" s="12"/>
    </row>
    <row r="346187" spans="8:8">
      <c r="H346187" s="12"/>
    </row>
    <row r="346188" spans="8:8">
      <c r="H346188" s="12"/>
    </row>
    <row r="346189" spans="8:8">
      <c r="H346189" s="12"/>
    </row>
    <row r="346190" spans="8:8">
      <c r="H346190" s="12"/>
    </row>
    <row r="346191" spans="8:8">
      <c r="H346191" s="12"/>
    </row>
    <row r="346192" spans="8:8">
      <c r="H346192" s="12"/>
    </row>
    <row r="346193" spans="8:8">
      <c r="H346193" s="12"/>
    </row>
    <row r="346194" spans="8:8">
      <c r="H346194" s="12"/>
    </row>
    <row r="346195" spans="8:8">
      <c r="H346195" s="12"/>
    </row>
    <row r="346196" spans="8:8">
      <c r="H346196" s="12"/>
    </row>
    <row r="346197" spans="8:8">
      <c r="H346197" s="12"/>
    </row>
    <row r="346198" spans="8:8">
      <c r="H346198" s="12"/>
    </row>
    <row r="346199" spans="8:8">
      <c r="H346199" s="12"/>
    </row>
    <row r="346200" spans="8:8">
      <c r="H346200" s="12"/>
    </row>
    <row r="346201" spans="8:8">
      <c r="H346201" s="12"/>
    </row>
    <row r="346202" spans="8:8">
      <c r="H346202" s="12"/>
    </row>
    <row r="346203" spans="8:8">
      <c r="H346203" s="12"/>
    </row>
    <row r="346204" spans="8:8">
      <c r="H346204" s="12"/>
    </row>
    <row r="346205" spans="8:8">
      <c r="H346205" s="12"/>
    </row>
    <row r="346206" spans="8:8">
      <c r="H346206" s="12"/>
    </row>
    <row r="346207" spans="8:8">
      <c r="H346207" s="12"/>
    </row>
    <row r="346208" spans="8:8">
      <c r="H346208" s="12"/>
    </row>
    <row r="346209" spans="8:8">
      <c r="H346209" s="12"/>
    </row>
    <row r="346210" spans="8:8">
      <c r="H346210" s="12"/>
    </row>
    <row r="346211" spans="8:8">
      <c r="H346211" s="12"/>
    </row>
    <row r="346212" spans="8:8">
      <c r="H346212" s="12"/>
    </row>
    <row r="346213" spans="8:8">
      <c r="H346213" s="12"/>
    </row>
    <row r="346214" spans="8:8">
      <c r="H346214" s="12"/>
    </row>
    <row r="346215" spans="8:8">
      <c r="H346215" s="12"/>
    </row>
    <row r="346216" spans="8:8">
      <c r="H346216" s="12"/>
    </row>
    <row r="346217" spans="8:8">
      <c r="H346217" s="12"/>
    </row>
    <row r="346218" spans="8:8">
      <c r="H346218" s="12"/>
    </row>
    <row r="346219" spans="8:8">
      <c r="H346219" s="12"/>
    </row>
    <row r="346220" spans="8:8">
      <c r="H346220" s="12"/>
    </row>
    <row r="346221" spans="8:8">
      <c r="H346221" s="12"/>
    </row>
    <row r="346222" spans="8:8">
      <c r="H346222" s="12"/>
    </row>
    <row r="346223" spans="8:8">
      <c r="H346223" s="12"/>
    </row>
    <row r="346224" spans="8:8">
      <c r="H346224" s="12"/>
    </row>
    <row r="346225" spans="8:8">
      <c r="H346225" s="12"/>
    </row>
    <row r="346226" spans="8:8">
      <c r="H346226" s="12"/>
    </row>
    <row r="346227" spans="8:8">
      <c r="H346227" s="12"/>
    </row>
    <row r="346228" spans="8:8">
      <c r="H346228" s="12"/>
    </row>
    <row r="346229" spans="8:8">
      <c r="H346229" s="12"/>
    </row>
    <row r="346230" spans="8:8">
      <c r="H346230" s="12"/>
    </row>
    <row r="346231" spans="8:8">
      <c r="H346231" s="12"/>
    </row>
    <row r="346232" spans="8:8">
      <c r="H346232" s="12"/>
    </row>
    <row r="346233" spans="8:8">
      <c r="H346233" s="12"/>
    </row>
    <row r="346234" spans="8:8">
      <c r="H346234" s="12"/>
    </row>
    <row r="346235" spans="8:8">
      <c r="H346235" s="12"/>
    </row>
    <row r="346236" spans="8:8">
      <c r="H346236" s="12"/>
    </row>
    <row r="346237" spans="8:8">
      <c r="H346237" s="12"/>
    </row>
    <row r="346238" spans="8:8">
      <c r="H346238" s="12"/>
    </row>
    <row r="346239" spans="8:8">
      <c r="H346239" s="12"/>
    </row>
    <row r="346240" spans="8:8">
      <c r="H346240" s="12"/>
    </row>
    <row r="346241" spans="8:8">
      <c r="H346241" s="12"/>
    </row>
    <row r="346242" spans="8:8">
      <c r="H346242" s="12"/>
    </row>
    <row r="346243" spans="8:8">
      <c r="H346243" s="12"/>
    </row>
    <row r="346244" spans="8:8">
      <c r="H346244" s="12"/>
    </row>
    <row r="346245" spans="8:8">
      <c r="H346245" s="12"/>
    </row>
    <row r="346246" spans="8:8">
      <c r="H346246" s="12"/>
    </row>
    <row r="346247" spans="8:8">
      <c r="H346247" s="12"/>
    </row>
    <row r="346248" spans="8:8">
      <c r="H346248" s="12"/>
    </row>
    <row r="346249" spans="8:8">
      <c r="H346249" s="12"/>
    </row>
    <row r="346250" spans="8:8">
      <c r="H346250" s="12"/>
    </row>
    <row r="346251" spans="8:8">
      <c r="H346251" s="12"/>
    </row>
    <row r="346252" spans="8:8">
      <c r="H346252" s="12"/>
    </row>
    <row r="346253" spans="8:8">
      <c r="H346253" s="12"/>
    </row>
    <row r="346254" spans="8:8">
      <c r="H346254" s="12"/>
    </row>
    <row r="346255" spans="8:8">
      <c r="H346255" s="12"/>
    </row>
    <row r="346256" spans="8:8">
      <c r="H346256" s="12"/>
    </row>
    <row r="346257" spans="8:8">
      <c r="H346257" s="12"/>
    </row>
    <row r="346258" spans="8:8">
      <c r="H346258" s="12"/>
    </row>
    <row r="346259" spans="8:8">
      <c r="H346259" s="12"/>
    </row>
    <row r="346260" spans="8:8">
      <c r="H346260" s="12"/>
    </row>
    <row r="346261" spans="8:8">
      <c r="H346261" s="12"/>
    </row>
    <row r="346262" spans="8:8">
      <c r="H346262" s="12"/>
    </row>
    <row r="346263" spans="8:8">
      <c r="H346263" s="12"/>
    </row>
    <row r="346264" spans="8:8">
      <c r="H346264" s="12"/>
    </row>
    <row r="346265" spans="8:8">
      <c r="H346265" s="12"/>
    </row>
    <row r="346266" spans="8:8">
      <c r="H346266" s="12"/>
    </row>
    <row r="346267" spans="8:8">
      <c r="H346267" s="12"/>
    </row>
    <row r="346268" spans="8:8">
      <c r="H346268" s="12"/>
    </row>
    <row r="346269" spans="8:8">
      <c r="H346269" s="12"/>
    </row>
    <row r="346270" spans="8:8">
      <c r="H346270" s="12"/>
    </row>
    <row r="346271" spans="8:8">
      <c r="H346271" s="12"/>
    </row>
    <row r="346272" spans="8:8">
      <c r="H346272" s="12"/>
    </row>
    <row r="346273" spans="8:8">
      <c r="H346273" s="12"/>
    </row>
    <row r="346274" spans="8:8">
      <c r="H346274" s="12"/>
    </row>
    <row r="346275" spans="8:8">
      <c r="H346275" s="12"/>
    </row>
    <row r="346276" spans="8:8">
      <c r="H346276" s="12"/>
    </row>
    <row r="346277" spans="8:8">
      <c r="H346277" s="12"/>
    </row>
    <row r="346278" spans="8:8">
      <c r="H346278" s="12"/>
    </row>
    <row r="346279" spans="8:8">
      <c r="H346279" s="12"/>
    </row>
    <row r="346280" spans="8:8">
      <c r="H346280" s="12"/>
    </row>
    <row r="346281" spans="8:8">
      <c r="H346281" s="12"/>
    </row>
    <row r="346282" spans="8:8">
      <c r="H346282" s="12"/>
    </row>
    <row r="346283" spans="8:8">
      <c r="H346283" s="12"/>
    </row>
    <row r="346284" spans="8:8">
      <c r="H346284" s="12"/>
    </row>
    <row r="346285" spans="8:8">
      <c r="H346285" s="12"/>
    </row>
    <row r="346286" spans="8:8">
      <c r="H346286" s="12"/>
    </row>
    <row r="346287" spans="8:8">
      <c r="H346287" s="12"/>
    </row>
    <row r="346288" spans="8:8">
      <c r="H346288" s="12"/>
    </row>
    <row r="346289" spans="8:8">
      <c r="H346289" s="12"/>
    </row>
    <row r="346290" spans="8:8">
      <c r="H346290" s="12"/>
    </row>
    <row r="346291" spans="8:8">
      <c r="H346291" s="12"/>
    </row>
    <row r="346292" spans="8:8">
      <c r="H346292" s="12"/>
    </row>
    <row r="346293" spans="8:8">
      <c r="H346293" s="12"/>
    </row>
    <row r="346294" spans="8:8">
      <c r="H346294" s="12"/>
    </row>
    <row r="346295" spans="8:8">
      <c r="H346295" s="12"/>
    </row>
    <row r="346296" spans="8:8">
      <c r="H346296" s="12"/>
    </row>
    <row r="346297" spans="8:8">
      <c r="H346297" s="12"/>
    </row>
    <row r="346298" spans="8:8">
      <c r="H346298" s="12"/>
    </row>
    <row r="346299" spans="8:8">
      <c r="H346299" s="12"/>
    </row>
    <row r="346300" spans="8:8">
      <c r="H346300" s="12"/>
    </row>
    <row r="346301" spans="8:8">
      <c r="H346301" s="12"/>
    </row>
    <row r="346302" spans="8:8">
      <c r="H346302" s="12"/>
    </row>
    <row r="346303" spans="8:8">
      <c r="H346303" s="12"/>
    </row>
    <row r="346304" spans="8:8">
      <c r="H346304" s="12"/>
    </row>
    <row r="346305" spans="8:8">
      <c r="H346305" s="12"/>
    </row>
    <row r="346306" spans="8:8">
      <c r="H346306" s="12"/>
    </row>
    <row r="346307" spans="8:8">
      <c r="H346307" s="12"/>
    </row>
    <row r="346308" spans="8:8">
      <c r="H346308" s="12"/>
    </row>
    <row r="346309" spans="8:8">
      <c r="H346309" s="12"/>
    </row>
    <row r="346310" spans="8:8">
      <c r="H346310" s="12"/>
    </row>
    <row r="346311" spans="8:8">
      <c r="H346311" s="12"/>
    </row>
    <row r="346312" spans="8:8">
      <c r="H346312" s="12"/>
    </row>
    <row r="346313" spans="8:8">
      <c r="H346313" s="12"/>
    </row>
    <row r="346314" spans="8:8">
      <c r="H346314" s="12"/>
    </row>
    <row r="346315" spans="8:8">
      <c r="H346315" s="12"/>
    </row>
    <row r="346316" spans="8:8">
      <c r="H346316" s="12"/>
    </row>
    <row r="346317" spans="8:8">
      <c r="H346317" s="12"/>
    </row>
    <row r="346318" spans="8:8">
      <c r="H346318" s="12"/>
    </row>
    <row r="346319" spans="8:8">
      <c r="H346319" s="12"/>
    </row>
    <row r="346320" spans="8:8">
      <c r="H346320" s="12"/>
    </row>
    <row r="346321" spans="8:8">
      <c r="H346321" s="12"/>
    </row>
    <row r="346322" spans="8:8">
      <c r="H346322" s="12"/>
    </row>
    <row r="346323" spans="8:8">
      <c r="H346323" s="12"/>
    </row>
    <row r="346324" spans="8:8">
      <c r="H346324" s="12"/>
    </row>
    <row r="346325" spans="8:8">
      <c r="H346325" s="12"/>
    </row>
    <row r="346326" spans="8:8">
      <c r="H346326" s="12"/>
    </row>
    <row r="346327" spans="8:8">
      <c r="H346327" s="12"/>
    </row>
    <row r="346328" spans="8:8">
      <c r="H346328" s="12"/>
    </row>
    <row r="346329" spans="8:8">
      <c r="H346329" s="12"/>
    </row>
    <row r="346330" spans="8:8">
      <c r="H346330" s="12"/>
    </row>
    <row r="346331" spans="8:8">
      <c r="H346331" s="12"/>
    </row>
    <row r="346332" spans="8:8">
      <c r="H346332" s="12"/>
    </row>
    <row r="346333" spans="8:8">
      <c r="H346333" s="12"/>
    </row>
    <row r="346334" spans="8:8">
      <c r="H346334" s="12"/>
    </row>
    <row r="346335" spans="8:8">
      <c r="H346335" s="12"/>
    </row>
    <row r="346336" spans="8:8">
      <c r="H346336" s="12"/>
    </row>
    <row r="346337" spans="8:8">
      <c r="H346337" s="12"/>
    </row>
    <row r="346338" spans="8:8">
      <c r="H346338" s="12"/>
    </row>
    <row r="346339" spans="8:8">
      <c r="H346339" s="12"/>
    </row>
    <row r="346340" spans="8:8">
      <c r="H346340" s="12"/>
    </row>
    <row r="346341" spans="8:8">
      <c r="H346341" s="12"/>
    </row>
    <row r="346342" spans="8:8">
      <c r="H346342" s="12"/>
    </row>
    <row r="346343" spans="8:8">
      <c r="H346343" s="12"/>
    </row>
    <row r="346344" spans="8:8">
      <c r="H346344" s="12"/>
    </row>
    <row r="346345" spans="8:8">
      <c r="H346345" s="12"/>
    </row>
    <row r="346346" spans="8:8">
      <c r="H346346" s="12"/>
    </row>
    <row r="346347" spans="8:8">
      <c r="H346347" s="12"/>
    </row>
    <row r="346348" spans="8:8">
      <c r="H346348" s="12"/>
    </row>
    <row r="346349" spans="8:8">
      <c r="H346349" s="12"/>
    </row>
    <row r="346350" spans="8:8">
      <c r="H346350" s="12"/>
    </row>
    <row r="346351" spans="8:8">
      <c r="H346351" s="12"/>
    </row>
    <row r="346352" spans="8:8">
      <c r="H346352" s="12"/>
    </row>
    <row r="346353" spans="8:8">
      <c r="H346353" s="12"/>
    </row>
    <row r="346354" spans="8:8">
      <c r="H346354" s="12"/>
    </row>
    <row r="346355" spans="8:8">
      <c r="H346355" s="12"/>
    </row>
    <row r="346356" spans="8:8">
      <c r="H346356" s="12"/>
    </row>
    <row r="346357" spans="8:8">
      <c r="H346357" s="12"/>
    </row>
    <row r="346358" spans="8:8">
      <c r="H346358" s="12"/>
    </row>
    <row r="346359" spans="8:8">
      <c r="H346359" s="12"/>
    </row>
    <row r="346360" spans="8:8">
      <c r="H346360" s="12"/>
    </row>
    <row r="346361" spans="8:8">
      <c r="H346361" s="12"/>
    </row>
    <row r="346362" spans="8:8">
      <c r="H346362" s="12"/>
    </row>
    <row r="346363" spans="8:8">
      <c r="H346363" s="12"/>
    </row>
    <row r="346364" spans="8:8">
      <c r="H346364" s="12"/>
    </row>
    <row r="346365" spans="8:8">
      <c r="H346365" s="12"/>
    </row>
    <row r="346366" spans="8:8">
      <c r="H346366" s="12"/>
    </row>
    <row r="346367" spans="8:8">
      <c r="H346367" s="12"/>
    </row>
    <row r="346368" spans="8:8">
      <c r="H346368" s="12"/>
    </row>
    <row r="346369" spans="8:8">
      <c r="H346369" s="12"/>
    </row>
    <row r="346370" spans="8:8">
      <c r="H346370" s="12"/>
    </row>
    <row r="346371" spans="8:8">
      <c r="H346371" s="12"/>
    </row>
    <row r="346372" spans="8:8">
      <c r="H346372" s="12"/>
    </row>
    <row r="346373" spans="8:8">
      <c r="H346373" s="12"/>
    </row>
    <row r="346374" spans="8:8">
      <c r="H346374" s="12"/>
    </row>
    <row r="346375" spans="8:8">
      <c r="H346375" s="12"/>
    </row>
    <row r="346376" spans="8:8">
      <c r="H346376" s="12"/>
    </row>
    <row r="346377" spans="8:8">
      <c r="H346377" s="12"/>
    </row>
    <row r="346378" spans="8:8">
      <c r="H346378" s="12"/>
    </row>
    <row r="346379" spans="8:8">
      <c r="H346379" s="12"/>
    </row>
    <row r="346380" spans="8:8">
      <c r="H346380" s="12"/>
    </row>
    <row r="346381" spans="8:8">
      <c r="H346381" s="12"/>
    </row>
    <row r="346382" spans="8:8">
      <c r="H346382" s="12"/>
    </row>
    <row r="346383" spans="8:8">
      <c r="H346383" s="12"/>
    </row>
    <row r="346384" spans="8:8">
      <c r="H346384" s="12"/>
    </row>
    <row r="346385" spans="8:8">
      <c r="H346385" s="12"/>
    </row>
    <row r="346386" spans="8:8">
      <c r="H346386" s="12"/>
    </row>
    <row r="346387" spans="8:8">
      <c r="H346387" s="12"/>
    </row>
    <row r="346388" spans="8:8">
      <c r="H346388" s="12"/>
    </row>
    <row r="346389" spans="8:8">
      <c r="H346389" s="12"/>
    </row>
    <row r="346390" spans="8:8">
      <c r="H346390" s="12"/>
    </row>
    <row r="346391" spans="8:8">
      <c r="H346391" s="12"/>
    </row>
    <row r="346392" spans="8:8">
      <c r="H346392" s="12"/>
    </row>
    <row r="346393" spans="8:8">
      <c r="H346393" s="12"/>
    </row>
    <row r="346394" spans="8:8">
      <c r="H346394" s="12"/>
    </row>
    <row r="346395" spans="8:8">
      <c r="H346395" s="12"/>
    </row>
    <row r="346396" spans="8:8">
      <c r="H346396" s="12"/>
    </row>
    <row r="346397" spans="8:8">
      <c r="H346397" s="12"/>
    </row>
    <row r="346398" spans="8:8">
      <c r="H346398" s="12"/>
    </row>
    <row r="346399" spans="8:8">
      <c r="H346399" s="12"/>
    </row>
    <row r="346400" spans="8:8">
      <c r="H346400" s="12"/>
    </row>
    <row r="346401" spans="8:8">
      <c r="H346401" s="12"/>
    </row>
    <row r="346402" spans="8:8">
      <c r="H346402" s="12"/>
    </row>
    <row r="346403" spans="8:8">
      <c r="H346403" s="12"/>
    </row>
    <row r="346404" spans="8:8">
      <c r="H346404" s="12"/>
    </row>
    <row r="346405" spans="8:8">
      <c r="H346405" s="12"/>
    </row>
    <row r="346406" spans="8:8">
      <c r="H346406" s="12"/>
    </row>
    <row r="346407" spans="8:8">
      <c r="H346407" s="12"/>
    </row>
    <row r="346408" spans="8:8">
      <c r="H346408" s="12"/>
    </row>
    <row r="346409" spans="8:8">
      <c r="H346409" s="12"/>
    </row>
    <row r="346410" spans="8:8">
      <c r="H346410" s="12"/>
    </row>
    <row r="346411" spans="8:8">
      <c r="H346411" s="12"/>
    </row>
    <row r="346412" spans="8:8">
      <c r="H346412" s="12"/>
    </row>
    <row r="346413" spans="8:8">
      <c r="H346413" s="12"/>
    </row>
    <row r="346414" spans="8:8">
      <c r="H346414" s="12"/>
    </row>
    <row r="346415" spans="8:8">
      <c r="H346415" s="12"/>
    </row>
    <row r="346416" spans="8:8">
      <c r="H346416" s="12"/>
    </row>
    <row r="346417" spans="8:8">
      <c r="H346417" s="12"/>
    </row>
    <row r="346418" spans="8:8">
      <c r="H346418" s="12"/>
    </row>
    <row r="346419" spans="8:8">
      <c r="H346419" s="12"/>
    </row>
    <row r="346420" spans="8:8">
      <c r="H346420" s="12"/>
    </row>
    <row r="346421" spans="8:8">
      <c r="H346421" s="12"/>
    </row>
    <row r="346422" spans="8:8">
      <c r="H346422" s="12"/>
    </row>
    <row r="346423" spans="8:8">
      <c r="H346423" s="12"/>
    </row>
    <row r="346424" spans="8:8">
      <c r="H346424" s="12"/>
    </row>
    <row r="346425" spans="8:8">
      <c r="H346425" s="12"/>
    </row>
    <row r="346426" spans="8:8">
      <c r="H346426" s="12"/>
    </row>
    <row r="346427" spans="8:8">
      <c r="H346427" s="12"/>
    </row>
    <row r="346428" spans="8:8">
      <c r="H346428" s="12"/>
    </row>
    <row r="346429" spans="8:8">
      <c r="H346429" s="12"/>
    </row>
    <row r="346430" spans="8:8">
      <c r="H346430" s="12"/>
    </row>
    <row r="346431" spans="8:8">
      <c r="H346431" s="12"/>
    </row>
    <row r="346432" spans="8:8">
      <c r="H346432" s="12"/>
    </row>
    <row r="346433" spans="8:8">
      <c r="H346433" s="12"/>
    </row>
    <row r="346434" spans="8:8">
      <c r="H346434" s="12"/>
    </row>
    <row r="346435" spans="8:8">
      <c r="H346435" s="12"/>
    </row>
    <row r="346436" spans="8:8">
      <c r="H346436" s="12"/>
    </row>
    <row r="346437" spans="8:8">
      <c r="H346437" s="12"/>
    </row>
    <row r="346438" spans="8:8">
      <c r="H346438" s="12"/>
    </row>
    <row r="346439" spans="8:8">
      <c r="H346439" s="12"/>
    </row>
    <row r="346440" spans="8:8">
      <c r="H346440" s="12"/>
    </row>
    <row r="346441" spans="8:8">
      <c r="H346441" s="12"/>
    </row>
    <row r="346442" spans="8:8">
      <c r="H346442" s="12"/>
    </row>
    <row r="346443" spans="8:8">
      <c r="H346443" s="12"/>
    </row>
    <row r="346444" spans="8:8">
      <c r="H346444" s="12"/>
    </row>
    <row r="346445" spans="8:8">
      <c r="H346445" s="12"/>
    </row>
    <row r="346446" spans="8:8">
      <c r="H346446" s="12"/>
    </row>
    <row r="346447" spans="8:8">
      <c r="H346447" s="12"/>
    </row>
    <row r="346448" spans="8:8">
      <c r="H346448" s="12"/>
    </row>
    <row r="346449" spans="8:8">
      <c r="H346449" s="12"/>
    </row>
    <row r="346450" spans="8:8">
      <c r="H346450" s="12"/>
    </row>
    <row r="346451" spans="8:8">
      <c r="H346451" s="12"/>
    </row>
    <row r="346452" spans="8:8">
      <c r="H346452" s="12"/>
    </row>
    <row r="346453" spans="8:8">
      <c r="H346453" s="12"/>
    </row>
    <row r="346454" spans="8:8">
      <c r="H346454" s="12"/>
    </row>
    <row r="346455" spans="8:8">
      <c r="H346455" s="12"/>
    </row>
    <row r="346456" spans="8:8">
      <c r="H346456" s="12"/>
    </row>
    <row r="346457" spans="8:8">
      <c r="H346457" s="12"/>
    </row>
    <row r="346458" spans="8:8">
      <c r="H346458" s="12"/>
    </row>
    <row r="346459" spans="8:8">
      <c r="H346459" s="12"/>
    </row>
    <row r="346460" spans="8:8">
      <c r="H346460" s="12"/>
    </row>
    <row r="346461" spans="8:8">
      <c r="H346461" s="12"/>
    </row>
    <row r="346462" spans="8:8">
      <c r="H346462" s="12"/>
    </row>
    <row r="346463" spans="8:8">
      <c r="H346463" s="12"/>
    </row>
    <row r="346464" spans="8:8">
      <c r="H346464" s="12"/>
    </row>
    <row r="346465" spans="8:8">
      <c r="H346465" s="12"/>
    </row>
    <row r="346466" spans="8:8">
      <c r="H346466" s="12"/>
    </row>
    <row r="346467" spans="8:8">
      <c r="H346467" s="12"/>
    </row>
    <row r="346468" spans="8:8">
      <c r="H346468" s="12"/>
    </row>
    <row r="346469" spans="8:8">
      <c r="H346469" s="12"/>
    </row>
    <row r="346470" spans="8:8">
      <c r="H346470" s="12"/>
    </row>
    <row r="346471" spans="8:8">
      <c r="H346471" s="12"/>
    </row>
    <row r="346472" spans="8:8">
      <c r="H346472" s="12"/>
    </row>
    <row r="346473" spans="8:8">
      <c r="H346473" s="12"/>
    </row>
    <row r="346474" spans="8:8">
      <c r="H346474" s="12"/>
    </row>
    <row r="346475" spans="8:8">
      <c r="H346475" s="12"/>
    </row>
    <row r="346476" spans="8:8">
      <c r="H346476" s="12"/>
    </row>
    <row r="346477" spans="8:8">
      <c r="H346477" s="12"/>
    </row>
    <row r="346478" spans="8:8">
      <c r="H346478" s="12"/>
    </row>
    <row r="346479" spans="8:8">
      <c r="H346479" s="12"/>
    </row>
    <row r="346480" spans="8:8">
      <c r="H346480" s="12"/>
    </row>
    <row r="346481" spans="8:8">
      <c r="H346481" s="12"/>
    </row>
    <row r="346482" spans="8:8">
      <c r="H346482" s="12"/>
    </row>
    <row r="346483" spans="8:8">
      <c r="H346483" s="12"/>
    </row>
    <row r="346484" spans="8:8">
      <c r="H346484" s="12"/>
    </row>
    <row r="346485" spans="8:8">
      <c r="H346485" s="12"/>
    </row>
    <row r="346486" spans="8:8">
      <c r="H346486" s="12"/>
    </row>
    <row r="346487" spans="8:8">
      <c r="H346487" s="12"/>
    </row>
    <row r="346488" spans="8:8">
      <c r="H346488" s="12"/>
    </row>
    <row r="346489" spans="8:8">
      <c r="H346489" s="12"/>
    </row>
    <row r="346490" spans="8:8">
      <c r="H346490" s="12"/>
    </row>
    <row r="346491" spans="8:8">
      <c r="H346491" s="12"/>
    </row>
    <row r="346492" spans="8:8">
      <c r="H346492" s="12"/>
    </row>
    <row r="346493" spans="8:8">
      <c r="H346493" s="12"/>
    </row>
    <row r="346494" spans="8:8">
      <c r="H346494" s="12"/>
    </row>
    <row r="346495" spans="8:8">
      <c r="H346495" s="12"/>
    </row>
    <row r="346496" spans="8:8">
      <c r="H346496" s="12"/>
    </row>
    <row r="346497" spans="8:8">
      <c r="H346497" s="12"/>
    </row>
    <row r="346498" spans="8:8">
      <c r="H346498" s="12"/>
    </row>
    <row r="346499" spans="8:8">
      <c r="H346499" s="12"/>
    </row>
    <row r="346500" spans="8:8">
      <c r="H346500" s="12"/>
    </row>
    <row r="346501" spans="8:8">
      <c r="H346501" s="12"/>
    </row>
    <row r="346502" spans="8:8">
      <c r="H346502" s="12"/>
    </row>
    <row r="346503" spans="8:8">
      <c r="H346503" s="12"/>
    </row>
    <row r="346504" spans="8:8">
      <c r="H346504" s="12"/>
    </row>
    <row r="346505" spans="8:8">
      <c r="H346505" s="12"/>
    </row>
    <row r="346506" spans="8:8">
      <c r="H346506" s="12"/>
    </row>
    <row r="346507" spans="8:8">
      <c r="H346507" s="12"/>
    </row>
    <row r="346508" spans="8:8">
      <c r="H346508" s="12"/>
    </row>
    <row r="346509" spans="8:8">
      <c r="H346509" s="12"/>
    </row>
    <row r="346510" spans="8:8">
      <c r="H346510" s="12"/>
    </row>
    <row r="346511" spans="8:8">
      <c r="H346511" s="12"/>
    </row>
    <row r="346512" spans="8:8">
      <c r="H346512" s="12"/>
    </row>
    <row r="346513" spans="8:8">
      <c r="H346513" s="12"/>
    </row>
    <row r="346514" spans="8:8">
      <c r="H346514" s="12"/>
    </row>
    <row r="346515" spans="8:8">
      <c r="H346515" s="12"/>
    </row>
    <row r="346516" spans="8:8">
      <c r="H346516" s="12"/>
    </row>
    <row r="346517" spans="8:8">
      <c r="H346517" s="12"/>
    </row>
    <row r="346518" spans="8:8">
      <c r="H346518" s="12"/>
    </row>
    <row r="346519" spans="8:8">
      <c r="H346519" s="12"/>
    </row>
    <row r="346520" spans="8:8">
      <c r="H346520" s="12"/>
    </row>
    <row r="346521" spans="8:8">
      <c r="H346521" s="12"/>
    </row>
    <row r="346522" spans="8:8">
      <c r="H346522" s="12"/>
    </row>
    <row r="346523" spans="8:8">
      <c r="H346523" s="12"/>
    </row>
    <row r="346524" spans="8:8">
      <c r="H346524" s="12"/>
    </row>
    <row r="346525" spans="8:8">
      <c r="H346525" s="12"/>
    </row>
    <row r="346526" spans="8:8">
      <c r="H346526" s="12"/>
    </row>
    <row r="346527" spans="8:8">
      <c r="H346527" s="12"/>
    </row>
    <row r="346528" spans="8:8">
      <c r="H346528" s="12"/>
    </row>
    <row r="346529" spans="8:8">
      <c r="H346529" s="12"/>
    </row>
    <row r="346530" spans="8:8">
      <c r="H346530" s="12"/>
    </row>
    <row r="346531" spans="8:8">
      <c r="H346531" s="12"/>
    </row>
    <row r="346532" spans="8:8">
      <c r="H346532" s="12"/>
    </row>
    <row r="346533" spans="8:8">
      <c r="H346533" s="12"/>
    </row>
    <row r="346534" spans="8:8">
      <c r="H346534" s="12"/>
    </row>
    <row r="346535" spans="8:8">
      <c r="H346535" s="12"/>
    </row>
    <row r="346536" spans="8:8">
      <c r="H346536" s="12"/>
    </row>
    <row r="346537" spans="8:8">
      <c r="H346537" s="12"/>
    </row>
    <row r="346538" spans="8:8">
      <c r="H346538" s="12"/>
    </row>
    <row r="346539" spans="8:8">
      <c r="H346539" s="12"/>
    </row>
    <row r="346540" spans="8:8">
      <c r="H346540" s="12"/>
    </row>
    <row r="346541" spans="8:8">
      <c r="H346541" s="12"/>
    </row>
    <row r="346542" spans="8:8">
      <c r="H346542" s="12"/>
    </row>
    <row r="346543" spans="8:8">
      <c r="H346543" s="12"/>
    </row>
    <row r="346544" spans="8:8">
      <c r="H346544" s="12"/>
    </row>
    <row r="346545" spans="8:8">
      <c r="H346545" s="12"/>
    </row>
    <row r="346546" spans="8:8">
      <c r="H346546" s="12"/>
    </row>
    <row r="346547" spans="8:8">
      <c r="H346547" s="12"/>
    </row>
    <row r="346548" spans="8:8">
      <c r="H346548" s="12"/>
    </row>
    <row r="346549" spans="8:8">
      <c r="H346549" s="12"/>
    </row>
    <row r="346550" spans="8:8">
      <c r="H346550" s="12"/>
    </row>
    <row r="346551" spans="8:8">
      <c r="H346551" s="12"/>
    </row>
    <row r="346552" spans="8:8">
      <c r="H346552" s="12"/>
    </row>
    <row r="346553" spans="8:8">
      <c r="H346553" s="12"/>
    </row>
    <row r="346554" spans="8:8">
      <c r="H346554" s="12"/>
    </row>
    <row r="346555" spans="8:8">
      <c r="H346555" s="12"/>
    </row>
    <row r="346556" spans="8:8">
      <c r="H346556" s="12"/>
    </row>
    <row r="346557" spans="8:8">
      <c r="H346557" s="12"/>
    </row>
    <row r="346558" spans="8:8">
      <c r="H346558" s="12"/>
    </row>
    <row r="346559" spans="8:8">
      <c r="H346559" s="12"/>
    </row>
    <row r="346560" spans="8:8">
      <c r="H346560" s="12"/>
    </row>
    <row r="346561" spans="8:8">
      <c r="H346561" s="12"/>
    </row>
    <row r="346562" spans="8:8">
      <c r="H346562" s="12"/>
    </row>
    <row r="346563" spans="8:8">
      <c r="H346563" s="12"/>
    </row>
    <row r="346564" spans="8:8">
      <c r="H346564" s="12"/>
    </row>
    <row r="346565" spans="8:8">
      <c r="H346565" s="12"/>
    </row>
    <row r="346566" spans="8:8">
      <c r="H346566" s="12"/>
    </row>
    <row r="346567" spans="8:8">
      <c r="H346567" s="12"/>
    </row>
    <row r="346568" spans="8:8">
      <c r="H346568" s="12"/>
    </row>
    <row r="346569" spans="8:8">
      <c r="H346569" s="12"/>
    </row>
    <row r="346570" spans="8:8">
      <c r="H346570" s="12"/>
    </row>
    <row r="346571" spans="8:8">
      <c r="H346571" s="12"/>
    </row>
    <row r="346572" spans="8:8">
      <c r="H346572" s="12"/>
    </row>
    <row r="346573" spans="8:8">
      <c r="H346573" s="12"/>
    </row>
    <row r="346574" spans="8:8">
      <c r="H346574" s="12"/>
    </row>
    <row r="346575" spans="8:8">
      <c r="H346575" s="12"/>
    </row>
    <row r="346576" spans="8:8">
      <c r="H346576" s="12"/>
    </row>
    <row r="346577" spans="8:8">
      <c r="H346577" s="12"/>
    </row>
    <row r="346578" spans="8:8">
      <c r="H346578" s="12"/>
    </row>
    <row r="346579" spans="8:8">
      <c r="H346579" s="12"/>
    </row>
    <row r="346580" spans="8:8">
      <c r="H346580" s="12"/>
    </row>
    <row r="346581" spans="8:8">
      <c r="H346581" s="12"/>
    </row>
    <row r="346582" spans="8:8">
      <c r="H346582" s="12"/>
    </row>
    <row r="346583" spans="8:8">
      <c r="H346583" s="12"/>
    </row>
    <row r="346584" spans="8:8">
      <c r="H346584" s="12"/>
    </row>
    <row r="346585" spans="8:8">
      <c r="H346585" s="12"/>
    </row>
    <row r="346586" spans="8:8">
      <c r="H346586" s="12"/>
    </row>
    <row r="346587" spans="8:8">
      <c r="H346587" s="12"/>
    </row>
    <row r="346588" spans="8:8">
      <c r="H346588" s="12"/>
    </row>
    <row r="346589" spans="8:8">
      <c r="H346589" s="12"/>
    </row>
    <row r="346590" spans="8:8">
      <c r="H346590" s="12"/>
    </row>
    <row r="346591" spans="8:8">
      <c r="H346591" s="12"/>
    </row>
    <row r="346592" spans="8:8">
      <c r="H346592" s="12"/>
    </row>
    <row r="346593" spans="8:8">
      <c r="H346593" s="12"/>
    </row>
    <row r="346594" spans="8:8">
      <c r="H346594" s="12"/>
    </row>
    <row r="346595" spans="8:8">
      <c r="H346595" s="12"/>
    </row>
    <row r="346596" spans="8:8">
      <c r="H346596" s="12"/>
    </row>
    <row r="346597" spans="8:8">
      <c r="H346597" s="12"/>
    </row>
    <row r="346598" spans="8:8">
      <c r="H346598" s="12"/>
    </row>
    <row r="346599" spans="8:8">
      <c r="H346599" s="12"/>
    </row>
    <row r="346600" spans="8:8">
      <c r="H346600" s="12"/>
    </row>
    <row r="346601" spans="8:8">
      <c r="H346601" s="12"/>
    </row>
    <row r="346602" spans="8:8">
      <c r="H346602" s="12"/>
    </row>
    <row r="346603" spans="8:8">
      <c r="H346603" s="12"/>
    </row>
    <row r="346604" spans="8:8">
      <c r="H346604" s="12"/>
    </row>
    <row r="346605" spans="8:8">
      <c r="H346605" s="12"/>
    </row>
    <row r="346606" spans="8:8">
      <c r="H346606" s="12"/>
    </row>
    <row r="346607" spans="8:8">
      <c r="H346607" s="12"/>
    </row>
    <row r="346608" spans="8:8">
      <c r="H346608" s="12"/>
    </row>
    <row r="346609" spans="8:8">
      <c r="H346609" s="12"/>
    </row>
    <row r="346610" spans="8:8">
      <c r="H346610" s="12"/>
    </row>
    <row r="346611" spans="8:8">
      <c r="H346611" s="12"/>
    </row>
    <row r="346612" spans="8:8">
      <c r="H346612" s="12"/>
    </row>
    <row r="346613" spans="8:8">
      <c r="H346613" s="12"/>
    </row>
    <row r="346614" spans="8:8">
      <c r="H346614" s="12"/>
    </row>
    <row r="346615" spans="8:8">
      <c r="H346615" s="12"/>
    </row>
    <row r="346616" spans="8:8">
      <c r="H346616" s="12"/>
    </row>
    <row r="346617" spans="8:8">
      <c r="H346617" s="12"/>
    </row>
    <row r="346618" spans="8:8">
      <c r="H346618" s="12"/>
    </row>
    <row r="346619" spans="8:8">
      <c r="H346619" s="12"/>
    </row>
    <row r="346620" spans="8:8">
      <c r="H346620" s="12"/>
    </row>
    <row r="346621" spans="8:8">
      <c r="H346621" s="12"/>
    </row>
    <row r="346622" spans="8:8">
      <c r="H346622" s="12"/>
    </row>
    <row r="346623" spans="8:8">
      <c r="H346623" s="12"/>
    </row>
    <row r="346624" spans="8:8">
      <c r="H346624" s="12"/>
    </row>
    <row r="346625" spans="8:8">
      <c r="H346625" s="12"/>
    </row>
    <row r="346626" spans="8:8">
      <c r="H346626" s="12"/>
    </row>
    <row r="346627" spans="8:8">
      <c r="H346627" s="12"/>
    </row>
    <row r="346628" spans="8:8">
      <c r="H346628" s="12"/>
    </row>
    <row r="346629" spans="8:8">
      <c r="H346629" s="12"/>
    </row>
    <row r="346630" spans="8:8">
      <c r="H346630" s="12"/>
    </row>
    <row r="346631" spans="8:8">
      <c r="H346631" s="12"/>
    </row>
    <row r="346632" spans="8:8">
      <c r="H346632" s="12"/>
    </row>
    <row r="346633" spans="8:8">
      <c r="H346633" s="12"/>
    </row>
    <row r="346634" spans="8:8">
      <c r="H346634" s="12"/>
    </row>
    <row r="346635" spans="8:8">
      <c r="H346635" s="12"/>
    </row>
    <row r="346636" spans="8:8">
      <c r="H346636" s="12"/>
    </row>
    <row r="346637" spans="8:8">
      <c r="H346637" s="12"/>
    </row>
    <row r="346638" spans="8:8">
      <c r="H346638" s="12"/>
    </row>
    <row r="346639" spans="8:8">
      <c r="H346639" s="12"/>
    </row>
    <row r="346640" spans="8:8">
      <c r="H346640" s="12"/>
    </row>
    <row r="346641" spans="8:8">
      <c r="H346641" s="12"/>
    </row>
    <row r="346642" spans="8:8">
      <c r="H346642" s="12"/>
    </row>
    <row r="346643" spans="8:8">
      <c r="H346643" s="12"/>
    </row>
    <row r="346644" spans="8:8">
      <c r="H346644" s="12"/>
    </row>
    <row r="346645" spans="8:8">
      <c r="H346645" s="12"/>
    </row>
    <row r="346646" spans="8:8">
      <c r="H346646" s="12"/>
    </row>
    <row r="346647" spans="8:8">
      <c r="H346647" s="12"/>
    </row>
    <row r="346648" spans="8:8">
      <c r="H346648" s="12"/>
    </row>
    <row r="346649" spans="8:8">
      <c r="H346649" s="12"/>
    </row>
    <row r="346650" spans="8:8">
      <c r="H346650" s="12"/>
    </row>
    <row r="346651" spans="8:8">
      <c r="H346651" s="12"/>
    </row>
    <row r="346652" spans="8:8">
      <c r="H346652" s="12"/>
    </row>
    <row r="346653" spans="8:8">
      <c r="H346653" s="12"/>
    </row>
    <row r="346654" spans="8:8">
      <c r="H346654" s="12"/>
    </row>
    <row r="346655" spans="8:8">
      <c r="H346655" s="12"/>
    </row>
    <row r="346656" spans="8:8">
      <c r="H346656" s="12"/>
    </row>
    <row r="346657" spans="8:8">
      <c r="H346657" s="12"/>
    </row>
    <row r="346658" spans="8:8">
      <c r="H346658" s="12"/>
    </row>
    <row r="346659" spans="8:8">
      <c r="H346659" s="12"/>
    </row>
    <row r="346660" spans="8:8">
      <c r="H346660" s="12"/>
    </row>
    <row r="346661" spans="8:8">
      <c r="H346661" s="12"/>
    </row>
    <row r="346662" spans="8:8">
      <c r="H346662" s="12"/>
    </row>
    <row r="346663" spans="8:8">
      <c r="H346663" s="12"/>
    </row>
    <row r="346664" spans="8:8">
      <c r="H346664" s="12"/>
    </row>
    <row r="346665" spans="8:8">
      <c r="H346665" s="12"/>
    </row>
    <row r="346666" spans="8:8">
      <c r="H346666" s="12"/>
    </row>
    <row r="346667" spans="8:8">
      <c r="H346667" s="12"/>
    </row>
    <row r="346668" spans="8:8">
      <c r="H346668" s="12"/>
    </row>
    <row r="346669" spans="8:8">
      <c r="H346669" s="12"/>
    </row>
    <row r="346670" spans="8:8">
      <c r="H346670" s="12"/>
    </row>
    <row r="346671" spans="8:8">
      <c r="H346671" s="12"/>
    </row>
    <row r="346672" spans="8:8">
      <c r="H346672" s="12"/>
    </row>
    <row r="346673" spans="8:8">
      <c r="H346673" s="12"/>
    </row>
    <row r="346674" spans="8:8">
      <c r="H346674" s="12"/>
    </row>
    <row r="346675" spans="8:8">
      <c r="H346675" s="12"/>
    </row>
    <row r="346676" spans="8:8">
      <c r="H346676" s="12"/>
    </row>
    <row r="346677" spans="8:8">
      <c r="H346677" s="12"/>
    </row>
    <row r="346678" spans="8:8">
      <c r="H346678" s="12"/>
    </row>
    <row r="346679" spans="8:8">
      <c r="H346679" s="12"/>
    </row>
    <row r="346680" spans="8:8">
      <c r="H346680" s="12"/>
    </row>
    <row r="346681" spans="8:8">
      <c r="H346681" s="12"/>
    </row>
    <row r="346682" spans="8:8">
      <c r="H346682" s="12"/>
    </row>
    <row r="346683" spans="8:8">
      <c r="H346683" s="12"/>
    </row>
    <row r="346684" spans="8:8">
      <c r="H346684" s="12"/>
    </row>
    <row r="346685" spans="8:8">
      <c r="H346685" s="12"/>
    </row>
    <row r="346686" spans="8:8">
      <c r="H346686" s="12"/>
    </row>
    <row r="346687" spans="8:8">
      <c r="H346687" s="12"/>
    </row>
    <row r="346688" spans="8:8">
      <c r="H346688" s="12"/>
    </row>
    <row r="346689" spans="8:8">
      <c r="H346689" s="12"/>
    </row>
    <row r="346690" spans="8:8">
      <c r="H346690" s="12"/>
    </row>
    <row r="346691" spans="8:8">
      <c r="H346691" s="12"/>
    </row>
    <row r="346692" spans="8:8">
      <c r="H346692" s="12"/>
    </row>
    <row r="346693" spans="8:8">
      <c r="H346693" s="12"/>
    </row>
    <row r="346694" spans="8:8">
      <c r="H346694" s="12"/>
    </row>
    <row r="346695" spans="8:8">
      <c r="H346695" s="12"/>
    </row>
    <row r="346696" spans="8:8">
      <c r="H346696" s="12"/>
    </row>
    <row r="346697" spans="8:8">
      <c r="H346697" s="12"/>
    </row>
    <row r="346698" spans="8:8">
      <c r="H346698" s="12"/>
    </row>
    <row r="346699" spans="8:8">
      <c r="H346699" s="12"/>
    </row>
    <row r="346700" spans="8:8">
      <c r="H346700" s="12"/>
    </row>
    <row r="346701" spans="8:8">
      <c r="H346701" s="12"/>
    </row>
    <row r="346702" spans="8:8">
      <c r="H346702" s="12"/>
    </row>
    <row r="346703" spans="8:8">
      <c r="H346703" s="12"/>
    </row>
    <row r="346704" spans="8:8">
      <c r="H346704" s="12"/>
    </row>
    <row r="346705" spans="8:8">
      <c r="H346705" s="12"/>
    </row>
    <row r="346706" spans="8:8">
      <c r="H346706" s="12"/>
    </row>
    <row r="346707" spans="8:8">
      <c r="H346707" s="12"/>
    </row>
    <row r="346708" spans="8:8">
      <c r="H346708" s="12"/>
    </row>
    <row r="346709" spans="8:8">
      <c r="H346709" s="12"/>
    </row>
    <row r="346710" spans="8:8">
      <c r="H346710" s="12"/>
    </row>
    <row r="346711" spans="8:8">
      <c r="H346711" s="12"/>
    </row>
    <row r="346712" spans="8:8">
      <c r="H346712" s="12"/>
    </row>
    <row r="346713" spans="8:8">
      <c r="H346713" s="12"/>
    </row>
    <row r="346714" spans="8:8">
      <c r="H346714" s="12"/>
    </row>
    <row r="346715" spans="8:8">
      <c r="H346715" s="12"/>
    </row>
    <row r="346716" spans="8:8">
      <c r="H346716" s="12"/>
    </row>
    <row r="346717" spans="8:8">
      <c r="H346717" s="12"/>
    </row>
    <row r="346718" spans="8:8">
      <c r="H346718" s="12"/>
    </row>
    <row r="346719" spans="8:8">
      <c r="H346719" s="12"/>
    </row>
    <row r="346720" spans="8:8">
      <c r="H346720" s="12"/>
    </row>
    <row r="346721" spans="8:8">
      <c r="H346721" s="12"/>
    </row>
    <row r="346722" spans="8:8">
      <c r="H346722" s="12"/>
    </row>
    <row r="346723" spans="8:8">
      <c r="H346723" s="12"/>
    </row>
    <row r="346724" spans="8:8">
      <c r="H346724" s="12"/>
    </row>
    <row r="346725" spans="8:8">
      <c r="H346725" s="12"/>
    </row>
    <row r="346726" spans="8:8">
      <c r="H346726" s="12"/>
    </row>
    <row r="346727" spans="8:8">
      <c r="H346727" s="12"/>
    </row>
    <row r="346728" spans="8:8">
      <c r="H346728" s="12"/>
    </row>
    <row r="346729" spans="8:8">
      <c r="H346729" s="12"/>
    </row>
    <row r="346730" spans="8:8">
      <c r="H346730" s="12"/>
    </row>
    <row r="346731" spans="8:8">
      <c r="H346731" s="12"/>
    </row>
    <row r="346732" spans="8:8">
      <c r="H346732" s="12"/>
    </row>
    <row r="346733" spans="8:8">
      <c r="H346733" s="12"/>
    </row>
    <row r="346734" spans="8:8">
      <c r="H346734" s="12"/>
    </row>
    <row r="346735" spans="8:8">
      <c r="H346735" s="12"/>
    </row>
    <row r="346736" spans="8:8">
      <c r="H346736" s="12"/>
    </row>
    <row r="346737" spans="8:8">
      <c r="H346737" s="12"/>
    </row>
    <row r="346738" spans="8:8">
      <c r="H346738" s="12"/>
    </row>
    <row r="346739" spans="8:8">
      <c r="H346739" s="12"/>
    </row>
    <row r="346740" spans="8:8">
      <c r="H346740" s="12"/>
    </row>
    <row r="346741" spans="8:8">
      <c r="H346741" s="12"/>
    </row>
    <row r="346742" spans="8:8">
      <c r="H346742" s="12"/>
    </row>
    <row r="346743" spans="8:8">
      <c r="H346743" s="12"/>
    </row>
    <row r="346744" spans="8:8">
      <c r="H346744" s="12"/>
    </row>
    <row r="346745" spans="8:8">
      <c r="H346745" s="12"/>
    </row>
    <row r="346746" spans="8:8">
      <c r="H346746" s="12"/>
    </row>
    <row r="346747" spans="8:8">
      <c r="H346747" s="12"/>
    </row>
    <row r="346748" spans="8:8">
      <c r="H346748" s="12"/>
    </row>
    <row r="346749" spans="8:8">
      <c r="H346749" s="12"/>
    </row>
    <row r="346750" spans="8:8">
      <c r="H346750" s="12"/>
    </row>
    <row r="346751" spans="8:8">
      <c r="H346751" s="12"/>
    </row>
    <row r="346752" spans="8:8">
      <c r="H346752" s="12"/>
    </row>
    <row r="346753" spans="8:8">
      <c r="H346753" s="12"/>
    </row>
    <row r="346754" spans="8:8">
      <c r="H346754" s="12"/>
    </row>
    <row r="346755" spans="8:8">
      <c r="H346755" s="12"/>
    </row>
    <row r="346756" spans="8:8">
      <c r="H346756" s="12"/>
    </row>
    <row r="346757" spans="8:8">
      <c r="H346757" s="12"/>
    </row>
    <row r="346758" spans="8:8">
      <c r="H346758" s="12"/>
    </row>
    <row r="346759" spans="8:8">
      <c r="H346759" s="12"/>
    </row>
    <row r="346760" spans="8:8">
      <c r="H346760" s="12"/>
    </row>
    <row r="346761" spans="8:8">
      <c r="H346761" s="12"/>
    </row>
    <row r="346762" spans="8:8">
      <c r="H346762" s="12"/>
    </row>
    <row r="346763" spans="8:8">
      <c r="H346763" s="12"/>
    </row>
    <row r="346764" spans="8:8">
      <c r="H346764" s="12"/>
    </row>
    <row r="346765" spans="8:8">
      <c r="H346765" s="12"/>
    </row>
    <row r="346766" spans="8:8">
      <c r="H346766" s="12"/>
    </row>
    <row r="346767" spans="8:8">
      <c r="H346767" s="12"/>
    </row>
    <row r="346768" spans="8:8">
      <c r="H346768" s="12"/>
    </row>
    <row r="346769" spans="8:8">
      <c r="H346769" s="12"/>
    </row>
    <row r="346770" spans="8:8">
      <c r="H346770" s="12"/>
    </row>
    <row r="346771" spans="8:8">
      <c r="H346771" s="12"/>
    </row>
    <row r="346772" spans="8:8">
      <c r="H346772" s="12"/>
    </row>
    <row r="346773" spans="8:8">
      <c r="H346773" s="12"/>
    </row>
    <row r="346774" spans="8:8">
      <c r="H346774" s="12"/>
    </row>
    <row r="346775" spans="8:8">
      <c r="H346775" s="12"/>
    </row>
    <row r="346776" spans="8:8">
      <c r="H346776" s="12"/>
    </row>
    <row r="346777" spans="8:8">
      <c r="H346777" s="12"/>
    </row>
    <row r="346778" spans="8:8">
      <c r="H346778" s="12"/>
    </row>
    <row r="346779" spans="8:8">
      <c r="H346779" s="12"/>
    </row>
    <row r="346780" spans="8:8">
      <c r="H346780" s="12"/>
    </row>
    <row r="346781" spans="8:8">
      <c r="H346781" s="12"/>
    </row>
    <row r="346782" spans="8:8">
      <c r="H346782" s="12"/>
    </row>
    <row r="346783" spans="8:8">
      <c r="H346783" s="12"/>
    </row>
    <row r="346784" spans="8:8">
      <c r="H346784" s="12"/>
    </row>
    <row r="346785" spans="8:8">
      <c r="H346785" s="12"/>
    </row>
    <row r="346786" spans="8:8">
      <c r="H346786" s="12"/>
    </row>
    <row r="346787" spans="8:8">
      <c r="H346787" s="12"/>
    </row>
    <row r="346788" spans="8:8">
      <c r="H346788" s="12"/>
    </row>
    <row r="346789" spans="8:8">
      <c r="H346789" s="12"/>
    </row>
    <row r="346790" spans="8:8">
      <c r="H346790" s="12"/>
    </row>
    <row r="346791" spans="8:8">
      <c r="H346791" s="12"/>
    </row>
    <row r="346792" spans="8:8">
      <c r="H346792" s="12"/>
    </row>
    <row r="346793" spans="8:8">
      <c r="H346793" s="12"/>
    </row>
    <row r="346794" spans="8:8">
      <c r="H346794" s="12"/>
    </row>
    <row r="346795" spans="8:8">
      <c r="H346795" s="12"/>
    </row>
    <row r="346796" spans="8:8">
      <c r="H346796" s="12"/>
    </row>
    <row r="346797" spans="8:8">
      <c r="H346797" s="12"/>
    </row>
    <row r="346798" spans="8:8">
      <c r="H346798" s="12"/>
    </row>
    <row r="346799" spans="8:8">
      <c r="H346799" s="12"/>
    </row>
    <row r="346800" spans="8:8">
      <c r="H346800" s="12"/>
    </row>
    <row r="346801" spans="8:8">
      <c r="H346801" s="12"/>
    </row>
    <row r="346802" spans="8:8">
      <c r="H346802" s="12"/>
    </row>
    <row r="346803" spans="8:8">
      <c r="H346803" s="12"/>
    </row>
    <row r="346804" spans="8:8">
      <c r="H346804" s="12"/>
    </row>
    <row r="346805" spans="8:8">
      <c r="H346805" s="12"/>
    </row>
    <row r="346806" spans="8:8">
      <c r="H346806" s="12"/>
    </row>
    <row r="346807" spans="8:8">
      <c r="H346807" s="12"/>
    </row>
    <row r="346808" spans="8:8">
      <c r="H346808" s="12"/>
    </row>
    <row r="346809" spans="8:8">
      <c r="H346809" s="12"/>
    </row>
    <row r="346810" spans="8:8">
      <c r="H346810" s="12"/>
    </row>
    <row r="346811" spans="8:8">
      <c r="H346811" s="12"/>
    </row>
    <row r="346812" spans="8:8">
      <c r="H346812" s="12"/>
    </row>
    <row r="346813" spans="8:8">
      <c r="H346813" s="12"/>
    </row>
    <row r="346814" spans="8:8">
      <c r="H346814" s="12"/>
    </row>
    <row r="346815" spans="8:8">
      <c r="H346815" s="12"/>
    </row>
    <row r="346816" spans="8:8">
      <c r="H346816" s="12"/>
    </row>
    <row r="346817" spans="8:8">
      <c r="H346817" s="12"/>
    </row>
    <row r="346818" spans="8:8">
      <c r="H346818" s="12"/>
    </row>
    <row r="346819" spans="8:8">
      <c r="H346819" s="12"/>
    </row>
    <row r="346820" spans="8:8">
      <c r="H346820" s="12"/>
    </row>
    <row r="346821" spans="8:8">
      <c r="H346821" s="12"/>
    </row>
    <row r="346822" spans="8:8">
      <c r="H346822" s="12"/>
    </row>
    <row r="346823" spans="8:8">
      <c r="H346823" s="12"/>
    </row>
    <row r="346824" spans="8:8">
      <c r="H346824" s="12"/>
    </row>
    <row r="346825" spans="8:8">
      <c r="H346825" s="12"/>
    </row>
    <row r="346826" spans="8:8">
      <c r="H346826" s="12"/>
    </row>
    <row r="346827" spans="8:8">
      <c r="H346827" s="12"/>
    </row>
    <row r="346828" spans="8:8">
      <c r="H346828" s="12"/>
    </row>
    <row r="346829" spans="8:8">
      <c r="H346829" s="12"/>
    </row>
    <row r="346830" spans="8:8">
      <c r="H346830" s="12"/>
    </row>
    <row r="346831" spans="8:8">
      <c r="H346831" s="12"/>
    </row>
    <row r="346832" spans="8:8">
      <c r="H346832" s="12"/>
    </row>
    <row r="346833" spans="8:8">
      <c r="H346833" s="12"/>
    </row>
    <row r="346834" spans="8:8">
      <c r="H346834" s="12"/>
    </row>
    <row r="346835" spans="8:8">
      <c r="H346835" s="12"/>
    </row>
    <row r="346836" spans="8:8">
      <c r="H346836" s="12"/>
    </row>
    <row r="346837" spans="8:8">
      <c r="H346837" s="12"/>
    </row>
    <row r="346838" spans="8:8">
      <c r="H346838" s="12"/>
    </row>
    <row r="346839" spans="8:8">
      <c r="H346839" s="12"/>
    </row>
    <row r="346840" spans="8:8">
      <c r="H346840" s="12"/>
    </row>
    <row r="346841" spans="8:8">
      <c r="H346841" s="12"/>
    </row>
    <row r="346842" spans="8:8">
      <c r="H346842" s="12"/>
    </row>
    <row r="346843" spans="8:8">
      <c r="H346843" s="12"/>
    </row>
    <row r="346844" spans="8:8">
      <c r="H346844" s="12"/>
    </row>
    <row r="346845" spans="8:8">
      <c r="H346845" s="12"/>
    </row>
    <row r="346846" spans="8:8">
      <c r="H346846" s="12"/>
    </row>
    <row r="346847" spans="8:8">
      <c r="H346847" s="12"/>
    </row>
    <row r="346848" spans="8:8">
      <c r="H346848" s="12"/>
    </row>
    <row r="346849" spans="8:8">
      <c r="H346849" s="12"/>
    </row>
    <row r="346850" spans="8:8">
      <c r="H346850" s="12"/>
    </row>
    <row r="346851" spans="8:8">
      <c r="H346851" s="12"/>
    </row>
    <row r="346852" spans="8:8">
      <c r="H346852" s="12"/>
    </row>
    <row r="346853" spans="8:8">
      <c r="H346853" s="12"/>
    </row>
    <row r="346854" spans="8:8">
      <c r="H346854" s="12"/>
    </row>
    <row r="346855" spans="8:8">
      <c r="H346855" s="12"/>
    </row>
    <row r="346856" spans="8:8">
      <c r="H346856" s="12"/>
    </row>
    <row r="346857" spans="8:8">
      <c r="H346857" s="12"/>
    </row>
    <row r="346858" spans="8:8">
      <c r="H346858" s="12"/>
    </row>
    <row r="346859" spans="8:8">
      <c r="H346859" s="12"/>
    </row>
    <row r="346860" spans="8:8">
      <c r="H346860" s="12"/>
    </row>
    <row r="346861" spans="8:8">
      <c r="H346861" s="12"/>
    </row>
    <row r="346862" spans="8:8">
      <c r="H346862" s="12"/>
    </row>
    <row r="346863" spans="8:8">
      <c r="H346863" s="12"/>
    </row>
    <row r="346864" spans="8:8">
      <c r="H346864" s="12"/>
    </row>
    <row r="346865" spans="8:8">
      <c r="H346865" s="12"/>
    </row>
    <row r="346866" spans="8:8">
      <c r="H346866" s="12"/>
    </row>
    <row r="346867" spans="8:8">
      <c r="H346867" s="12"/>
    </row>
    <row r="346868" spans="8:8">
      <c r="H346868" s="12"/>
    </row>
    <row r="346869" spans="8:8">
      <c r="H346869" s="12"/>
    </row>
    <row r="346870" spans="8:8">
      <c r="H346870" s="12"/>
    </row>
    <row r="346871" spans="8:8">
      <c r="H346871" s="12"/>
    </row>
    <row r="346872" spans="8:8">
      <c r="H346872" s="12"/>
    </row>
    <row r="346873" spans="8:8">
      <c r="H346873" s="12"/>
    </row>
    <row r="346874" spans="8:8">
      <c r="H346874" s="12"/>
    </row>
    <row r="346875" spans="8:8">
      <c r="H346875" s="12"/>
    </row>
    <row r="346876" spans="8:8">
      <c r="H346876" s="12"/>
    </row>
    <row r="346877" spans="8:8">
      <c r="H346877" s="12"/>
    </row>
    <row r="346878" spans="8:8">
      <c r="H346878" s="12"/>
    </row>
    <row r="346879" spans="8:8">
      <c r="H346879" s="12"/>
    </row>
    <row r="346880" spans="8:8">
      <c r="H346880" s="12"/>
    </row>
    <row r="346881" spans="8:8">
      <c r="H346881" s="12"/>
    </row>
    <row r="346882" spans="8:8">
      <c r="H346882" s="12"/>
    </row>
    <row r="346883" spans="8:8">
      <c r="H346883" s="12"/>
    </row>
    <row r="346884" spans="8:8">
      <c r="H346884" s="12"/>
    </row>
    <row r="346885" spans="8:8">
      <c r="H346885" s="12"/>
    </row>
    <row r="346886" spans="8:8">
      <c r="H346886" s="12"/>
    </row>
    <row r="346887" spans="8:8">
      <c r="H346887" s="12"/>
    </row>
    <row r="346888" spans="8:8">
      <c r="H346888" s="12"/>
    </row>
    <row r="346889" spans="8:8">
      <c r="H346889" s="12"/>
    </row>
    <row r="346890" spans="8:8">
      <c r="H346890" s="12"/>
    </row>
    <row r="346891" spans="8:8">
      <c r="H346891" s="12"/>
    </row>
    <row r="346892" spans="8:8">
      <c r="H346892" s="12"/>
    </row>
    <row r="346893" spans="8:8">
      <c r="H346893" s="12"/>
    </row>
    <row r="346894" spans="8:8">
      <c r="H346894" s="12"/>
    </row>
    <row r="346895" spans="8:8">
      <c r="H346895" s="12"/>
    </row>
    <row r="346896" spans="8:8">
      <c r="H346896" s="12"/>
    </row>
    <row r="346897" spans="8:8">
      <c r="H346897" s="12"/>
    </row>
    <row r="346898" spans="8:8">
      <c r="H346898" s="12"/>
    </row>
    <row r="346899" spans="8:8">
      <c r="H346899" s="12"/>
    </row>
    <row r="346900" spans="8:8">
      <c r="H346900" s="12"/>
    </row>
    <row r="346901" spans="8:8">
      <c r="H346901" s="12"/>
    </row>
    <row r="346902" spans="8:8">
      <c r="H346902" s="12"/>
    </row>
    <row r="346903" spans="8:8">
      <c r="H346903" s="12"/>
    </row>
    <row r="346904" spans="8:8">
      <c r="H346904" s="12"/>
    </row>
    <row r="346905" spans="8:8">
      <c r="H346905" s="12"/>
    </row>
    <row r="346906" spans="8:8">
      <c r="H346906" s="12"/>
    </row>
    <row r="346907" spans="8:8">
      <c r="H346907" s="12"/>
    </row>
    <row r="346908" spans="8:8">
      <c r="H346908" s="12"/>
    </row>
    <row r="346909" spans="8:8">
      <c r="H346909" s="12"/>
    </row>
    <row r="346910" spans="8:8">
      <c r="H346910" s="12"/>
    </row>
    <row r="346911" spans="8:8">
      <c r="H346911" s="12"/>
    </row>
    <row r="346912" spans="8:8">
      <c r="H346912" s="12"/>
    </row>
    <row r="346913" spans="8:8">
      <c r="H346913" s="12"/>
    </row>
    <row r="346914" spans="8:8">
      <c r="H346914" s="12"/>
    </row>
    <row r="346915" spans="8:8">
      <c r="H346915" s="12"/>
    </row>
    <row r="346916" spans="8:8">
      <c r="H346916" s="12"/>
    </row>
    <row r="346917" spans="8:8">
      <c r="H346917" s="12"/>
    </row>
    <row r="346918" spans="8:8">
      <c r="H346918" s="12"/>
    </row>
    <row r="346919" spans="8:8">
      <c r="H346919" s="12"/>
    </row>
    <row r="346920" spans="8:8">
      <c r="H346920" s="12"/>
    </row>
    <row r="346921" spans="8:8">
      <c r="H346921" s="12"/>
    </row>
    <row r="346922" spans="8:8">
      <c r="H346922" s="12"/>
    </row>
    <row r="346923" spans="8:8">
      <c r="H346923" s="12"/>
    </row>
    <row r="346924" spans="8:8">
      <c r="H346924" s="12"/>
    </row>
    <row r="346925" spans="8:8">
      <c r="H346925" s="12"/>
    </row>
    <row r="346926" spans="8:8">
      <c r="H346926" s="12"/>
    </row>
    <row r="346927" spans="8:8">
      <c r="H346927" s="12"/>
    </row>
    <row r="346928" spans="8:8">
      <c r="H346928" s="12"/>
    </row>
    <row r="346929" spans="8:8">
      <c r="H346929" s="12"/>
    </row>
    <row r="346930" spans="8:8">
      <c r="H346930" s="12"/>
    </row>
    <row r="346931" spans="8:8">
      <c r="H346931" s="12"/>
    </row>
    <row r="346932" spans="8:8">
      <c r="H346932" s="12"/>
    </row>
    <row r="346933" spans="8:8">
      <c r="H346933" s="12"/>
    </row>
    <row r="346934" spans="8:8">
      <c r="H346934" s="12"/>
    </row>
    <row r="346935" spans="8:8">
      <c r="H346935" s="12"/>
    </row>
    <row r="346936" spans="8:8">
      <c r="H346936" s="12"/>
    </row>
    <row r="346937" spans="8:8">
      <c r="H346937" s="12"/>
    </row>
    <row r="346938" spans="8:8">
      <c r="H346938" s="12"/>
    </row>
    <row r="346939" spans="8:8">
      <c r="H346939" s="12"/>
    </row>
    <row r="346940" spans="8:8">
      <c r="H346940" s="12"/>
    </row>
    <row r="346941" spans="8:8">
      <c r="H346941" s="12"/>
    </row>
    <row r="346942" spans="8:8">
      <c r="H346942" s="12"/>
    </row>
    <row r="346943" spans="8:8">
      <c r="H346943" s="12"/>
    </row>
    <row r="346944" spans="8:8">
      <c r="H346944" s="12"/>
    </row>
    <row r="346945" spans="8:8">
      <c r="H346945" s="12"/>
    </row>
    <row r="346946" spans="8:8">
      <c r="H346946" s="12"/>
    </row>
    <row r="346947" spans="8:8">
      <c r="H346947" s="12"/>
    </row>
    <row r="346948" spans="8:8">
      <c r="H346948" s="12"/>
    </row>
    <row r="346949" spans="8:8">
      <c r="H346949" s="12"/>
    </row>
    <row r="346950" spans="8:8">
      <c r="H346950" s="12"/>
    </row>
    <row r="346951" spans="8:8">
      <c r="H346951" s="12"/>
    </row>
    <row r="346952" spans="8:8">
      <c r="H346952" s="12"/>
    </row>
    <row r="346953" spans="8:8">
      <c r="H346953" s="12"/>
    </row>
    <row r="346954" spans="8:8">
      <c r="H346954" s="12"/>
    </row>
    <row r="346955" spans="8:8">
      <c r="H346955" s="12"/>
    </row>
    <row r="346956" spans="8:8">
      <c r="H346956" s="12"/>
    </row>
    <row r="346957" spans="8:8">
      <c r="H346957" s="12"/>
    </row>
    <row r="346958" spans="8:8">
      <c r="H346958" s="12"/>
    </row>
    <row r="346959" spans="8:8">
      <c r="H346959" s="12"/>
    </row>
    <row r="346960" spans="8:8">
      <c r="H346960" s="12"/>
    </row>
    <row r="346961" spans="8:8">
      <c r="H346961" s="12"/>
    </row>
    <row r="346962" spans="8:8">
      <c r="H346962" s="12"/>
    </row>
    <row r="346963" spans="8:8">
      <c r="H346963" s="12"/>
    </row>
    <row r="346964" spans="8:8">
      <c r="H346964" s="12"/>
    </row>
    <row r="346965" spans="8:8">
      <c r="H346965" s="12"/>
    </row>
    <row r="346966" spans="8:8">
      <c r="H346966" s="12"/>
    </row>
    <row r="346967" spans="8:8">
      <c r="H346967" s="12"/>
    </row>
    <row r="346968" spans="8:8">
      <c r="H346968" s="12"/>
    </row>
    <row r="346969" spans="8:8">
      <c r="H346969" s="12"/>
    </row>
    <row r="346970" spans="8:8">
      <c r="H346970" s="12"/>
    </row>
    <row r="346971" spans="8:8">
      <c r="H346971" s="12"/>
    </row>
    <row r="346972" spans="8:8">
      <c r="H346972" s="12"/>
    </row>
    <row r="346973" spans="8:8">
      <c r="H346973" s="12"/>
    </row>
    <row r="346974" spans="8:8">
      <c r="H346974" s="12"/>
    </row>
    <row r="346975" spans="8:8">
      <c r="H346975" s="12"/>
    </row>
    <row r="346976" spans="8:8">
      <c r="H346976" s="12"/>
    </row>
    <row r="346977" spans="8:8">
      <c r="H346977" s="12"/>
    </row>
    <row r="346978" spans="8:8">
      <c r="H346978" s="12"/>
    </row>
    <row r="346979" spans="8:8">
      <c r="H346979" s="12"/>
    </row>
    <row r="346980" spans="8:8">
      <c r="H346980" s="12"/>
    </row>
    <row r="346981" spans="8:8">
      <c r="H346981" s="12"/>
    </row>
    <row r="346982" spans="8:8">
      <c r="H346982" s="12"/>
    </row>
    <row r="346983" spans="8:8">
      <c r="H346983" s="12"/>
    </row>
    <row r="346984" spans="8:8">
      <c r="H346984" s="12"/>
    </row>
    <row r="346985" spans="8:8">
      <c r="H346985" s="12"/>
    </row>
    <row r="346986" spans="8:8">
      <c r="H346986" s="12"/>
    </row>
    <row r="346987" spans="8:8">
      <c r="H346987" s="12"/>
    </row>
    <row r="346988" spans="8:8">
      <c r="H346988" s="12"/>
    </row>
    <row r="346989" spans="8:8">
      <c r="H346989" s="12"/>
    </row>
    <row r="346990" spans="8:8">
      <c r="H346990" s="12"/>
    </row>
    <row r="346991" spans="8:8">
      <c r="H346991" s="12"/>
    </row>
    <row r="346992" spans="8:8">
      <c r="H346992" s="12"/>
    </row>
    <row r="346993" spans="8:8">
      <c r="H346993" s="12"/>
    </row>
    <row r="346994" spans="8:8">
      <c r="H346994" s="12"/>
    </row>
    <row r="346995" spans="8:8">
      <c r="H346995" s="12"/>
    </row>
    <row r="346996" spans="8:8">
      <c r="H346996" s="12"/>
    </row>
    <row r="346997" spans="8:8">
      <c r="H346997" s="12"/>
    </row>
    <row r="346998" spans="8:8">
      <c r="H346998" s="12"/>
    </row>
    <row r="346999" spans="8:8">
      <c r="H346999" s="12"/>
    </row>
    <row r="347000" spans="8:8">
      <c r="H347000" s="12"/>
    </row>
    <row r="347001" spans="8:8">
      <c r="H347001" s="12"/>
    </row>
    <row r="347002" spans="8:8">
      <c r="H347002" s="12"/>
    </row>
    <row r="347003" spans="8:8">
      <c r="H347003" s="12"/>
    </row>
    <row r="347004" spans="8:8">
      <c r="H347004" s="12"/>
    </row>
    <row r="347005" spans="8:8">
      <c r="H347005" s="12"/>
    </row>
    <row r="347006" spans="8:8">
      <c r="H347006" s="12"/>
    </row>
    <row r="347007" spans="8:8">
      <c r="H347007" s="12"/>
    </row>
    <row r="347008" spans="8:8">
      <c r="H347008" s="12"/>
    </row>
    <row r="347009" spans="8:8">
      <c r="H347009" s="12"/>
    </row>
    <row r="347010" spans="8:8">
      <c r="H347010" s="12"/>
    </row>
    <row r="347011" spans="8:8">
      <c r="H347011" s="12"/>
    </row>
    <row r="347012" spans="8:8">
      <c r="H347012" s="12"/>
    </row>
    <row r="347013" spans="8:8">
      <c r="H347013" s="12"/>
    </row>
    <row r="347014" spans="8:8">
      <c r="H347014" s="12"/>
    </row>
    <row r="347015" spans="8:8">
      <c r="H347015" s="12"/>
    </row>
    <row r="347016" spans="8:8">
      <c r="H347016" s="12"/>
    </row>
    <row r="347017" spans="8:8">
      <c r="H347017" s="12"/>
    </row>
    <row r="347018" spans="8:8">
      <c r="H347018" s="12"/>
    </row>
    <row r="347019" spans="8:8">
      <c r="H347019" s="12"/>
    </row>
    <row r="347020" spans="8:8">
      <c r="H347020" s="12"/>
    </row>
    <row r="347021" spans="8:8">
      <c r="H347021" s="12"/>
    </row>
    <row r="347022" spans="8:8">
      <c r="H347022" s="12"/>
    </row>
    <row r="347023" spans="8:8">
      <c r="H347023" s="12"/>
    </row>
    <row r="347024" spans="8:8">
      <c r="H347024" s="12"/>
    </row>
    <row r="347025" spans="8:8">
      <c r="H347025" s="12"/>
    </row>
    <row r="347026" spans="8:8">
      <c r="H347026" s="12"/>
    </row>
    <row r="347027" spans="8:8">
      <c r="H347027" s="12"/>
    </row>
    <row r="347028" spans="8:8">
      <c r="H347028" s="12"/>
    </row>
    <row r="347029" spans="8:8">
      <c r="H347029" s="12"/>
    </row>
    <row r="347030" spans="8:8">
      <c r="H347030" s="12"/>
    </row>
    <row r="347031" spans="8:8">
      <c r="H347031" s="12"/>
    </row>
    <row r="347032" spans="8:8">
      <c r="H347032" s="12"/>
    </row>
    <row r="347033" spans="8:8">
      <c r="H347033" s="12"/>
    </row>
    <row r="347034" spans="8:8">
      <c r="H347034" s="12"/>
    </row>
    <row r="347035" spans="8:8">
      <c r="H347035" s="12"/>
    </row>
    <row r="347036" spans="8:8">
      <c r="H347036" s="12"/>
    </row>
    <row r="347037" spans="8:8">
      <c r="H347037" s="12"/>
    </row>
    <row r="347038" spans="8:8">
      <c r="H347038" s="12"/>
    </row>
    <row r="347039" spans="8:8">
      <c r="H347039" s="12"/>
    </row>
    <row r="347040" spans="8:8">
      <c r="H347040" s="12"/>
    </row>
    <row r="347041" spans="8:8">
      <c r="H347041" s="12"/>
    </row>
    <row r="347042" spans="8:8">
      <c r="H347042" s="12"/>
    </row>
    <row r="347043" spans="8:8">
      <c r="H347043" s="12"/>
    </row>
    <row r="347044" spans="8:8">
      <c r="H347044" s="12"/>
    </row>
    <row r="347045" spans="8:8">
      <c r="H347045" s="12"/>
    </row>
    <row r="347046" spans="8:8">
      <c r="H347046" s="12"/>
    </row>
    <row r="347047" spans="8:8">
      <c r="H347047" s="12"/>
    </row>
    <row r="347048" spans="8:8">
      <c r="H347048" s="12"/>
    </row>
    <row r="347049" spans="8:8">
      <c r="H347049" s="12"/>
    </row>
    <row r="347050" spans="8:8">
      <c r="H347050" s="12"/>
    </row>
    <row r="347051" spans="8:8">
      <c r="H347051" s="12"/>
    </row>
    <row r="347052" spans="8:8">
      <c r="H347052" s="12"/>
    </row>
    <row r="347053" spans="8:8">
      <c r="H347053" s="12"/>
    </row>
    <row r="347054" spans="8:8">
      <c r="H347054" s="12"/>
    </row>
    <row r="347055" spans="8:8">
      <c r="H347055" s="12"/>
    </row>
    <row r="347056" spans="8:8">
      <c r="H347056" s="12"/>
    </row>
    <row r="347057" spans="8:8">
      <c r="H347057" s="12"/>
    </row>
    <row r="347058" spans="8:8">
      <c r="H347058" s="12"/>
    </row>
    <row r="347059" spans="8:8">
      <c r="H347059" s="12"/>
    </row>
    <row r="347060" spans="8:8">
      <c r="H347060" s="12"/>
    </row>
    <row r="347061" spans="8:8">
      <c r="H347061" s="12"/>
    </row>
    <row r="347062" spans="8:8">
      <c r="H347062" s="12"/>
    </row>
    <row r="347063" spans="8:8">
      <c r="H347063" s="12"/>
    </row>
    <row r="347064" spans="8:8">
      <c r="H347064" s="12"/>
    </row>
    <row r="347065" spans="8:8">
      <c r="H347065" s="12"/>
    </row>
    <row r="347066" spans="8:8">
      <c r="H347066" s="12"/>
    </row>
    <row r="347067" spans="8:8">
      <c r="H347067" s="12"/>
    </row>
    <row r="347068" spans="8:8">
      <c r="H347068" s="12"/>
    </row>
    <row r="347069" spans="8:8">
      <c r="H347069" s="12"/>
    </row>
    <row r="347070" spans="8:8">
      <c r="H347070" s="12"/>
    </row>
    <row r="347071" spans="8:8">
      <c r="H347071" s="12"/>
    </row>
    <row r="347072" spans="8:8">
      <c r="H347072" s="12"/>
    </row>
    <row r="347073" spans="8:8">
      <c r="H347073" s="12"/>
    </row>
    <row r="347074" spans="8:8">
      <c r="H347074" s="12"/>
    </row>
    <row r="347075" spans="8:8">
      <c r="H347075" s="12"/>
    </row>
    <row r="347076" spans="8:8">
      <c r="H347076" s="12"/>
    </row>
    <row r="347077" spans="8:8">
      <c r="H347077" s="12"/>
    </row>
    <row r="347078" spans="8:8">
      <c r="H347078" s="12"/>
    </row>
    <row r="347079" spans="8:8">
      <c r="H347079" s="12"/>
    </row>
    <row r="347080" spans="8:8">
      <c r="H347080" s="12"/>
    </row>
    <row r="347081" spans="8:8">
      <c r="H347081" s="12"/>
    </row>
    <row r="347082" spans="8:8">
      <c r="H347082" s="12"/>
    </row>
    <row r="347083" spans="8:8">
      <c r="H347083" s="12"/>
    </row>
    <row r="347084" spans="8:8">
      <c r="H347084" s="12"/>
    </row>
    <row r="347085" spans="8:8">
      <c r="H347085" s="12"/>
    </row>
    <row r="347086" spans="8:8">
      <c r="H347086" s="12"/>
    </row>
    <row r="347087" spans="8:8">
      <c r="H347087" s="12"/>
    </row>
    <row r="347088" spans="8:8">
      <c r="H347088" s="12"/>
    </row>
    <row r="347089" spans="8:8">
      <c r="H347089" s="12"/>
    </row>
    <row r="347090" spans="8:8">
      <c r="H347090" s="12"/>
    </row>
    <row r="347091" spans="8:8">
      <c r="H347091" s="12"/>
    </row>
    <row r="347092" spans="8:8">
      <c r="H347092" s="12"/>
    </row>
    <row r="347093" spans="8:8">
      <c r="H347093" s="12"/>
    </row>
    <row r="347094" spans="8:8">
      <c r="H347094" s="12"/>
    </row>
    <row r="347095" spans="8:8">
      <c r="H347095" s="12"/>
    </row>
    <row r="347096" spans="8:8">
      <c r="H347096" s="12"/>
    </row>
    <row r="347097" spans="8:8">
      <c r="H347097" s="12"/>
    </row>
    <row r="347098" spans="8:8">
      <c r="H347098" s="12"/>
    </row>
    <row r="347099" spans="8:8">
      <c r="H347099" s="12"/>
    </row>
    <row r="347100" spans="8:8">
      <c r="H347100" s="12"/>
    </row>
    <row r="347101" spans="8:8">
      <c r="H347101" s="12"/>
    </row>
    <row r="347102" spans="8:8">
      <c r="H347102" s="12"/>
    </row>
    <row r="347103" spans="8:8">
      <c r="H347103" s="12"/>
    </row>
    <row r="347104" spans="8:8">
      <c r="H347104" s="12"/>
    </row>
    <row r="347105" spans="8:8">
      <c r="H347105" s="12"/>
    </row>
    <row r="347106" spans="8:8">
      <c r="H347106" s="12"/>
    </row>
    <row r="347107" spans="8:8">
      <c r="H347107" s="12"/>
    </row>
    <row r="347108" spans="8:8">
      <c r="H347108" s="12"/>
    </row>
    <row r="347109" spans="8:8">
      <c r="H347109" s="12"/>
    </row>
    <row r="347110" spans="8:8">
      <c r="H347110" s="12"/>
    </row>
    <row r="347111" spans="8:8">
      <c r="H347111" s="12"/>
    </row>
    <row r="347112" spans="8:8">
      <c r="H347112" s="12"/>
    </row>
    <row r="347113" spans="8:8">
      <c r="H347113" s="12"/>
    </row>
    <row r="347114" spans="8:8">
      <c r="H347114" s="12"/>
    </row>
    <row r="347115" spans="8:8">
      <c r="H347115" s="12"/>
    </row>
    <row r="347116" spans="8:8">
      <c r="H347116" s="12"/>
    </row>
    <row r="347117" spans="8:8">
      <c r="H347117" s="12"/>
    </row>
    <row r="347118" spans="8:8">
      <c r="H347118" s="12"/>
    </row>
    <row r="347119" spans="8:8">
      <c r="H347119" s="12"/>
    </row>
    <row r="347120" spans="8:8">
      <c r="H347120" s="12"/>
    </row>
    <row r="347121" spans="8:8">
      <c r="H347121" s="12"/>
    </row>
    <row r="347122" spans="8:8">
      <c r="H347122" s="12"/>
    </row>
    <row r="347123" spans="8:8">
      <c r="H347123" s="12"/>
    </row>
    <row r="347124" spans="8:8">
      <c r="H347124" s="12"/>
    </row>
    <row r="347125" spans="8:8">
      <c r="H347125" s="12"/>
    </row>
    <row r="347126" spans="8:8">
      <c r="H347126" s="12"/>
    </row>
    <row r="347127" spans="8:8">
      <c r="H347127" s="12"/>
    </row>
    <row r="347128" spans="8:8">
      <c r="H347128" s="12"/>
    </row>
    <row r="347129" spans="8:8">
      <c r="H347129" s="12"/>
    </row>
    <row r="347130" spans="8:8">
      <c r="H347130" s="12"/>
    </row>
    <row r="347131" spans="8:8">
      <c r="H347131" s="12"/>
    </row>
    <row r="347132" spans="8:8">
      <c r="H347132" s="12"/>
    </row>
    <row r="347133" spans="8:8">
      <c r="H347133" s="12"/>
    </row>
    <row r="347134" spans="8:8">
      <c r="H347134" s="12"/>
    </row>
    <row r="347135" spans="8:8">
      <c r="H347135" s="12"/>
    </row>
    <row r="347136" spans="8:8">
      <c r="H347136" s="12"/>
    </row>
    <row r="347137" spans="8:8">
      <c r="H347137" s="12"/>
    </row>
    <row r="347138" spans="8:8">
      <c r="H347138" s="12"/>
    </row>
    <row r="347139" spans="8:8">
      <c r="H347139" s="12"/>
    </row>
    <row r="347140" spans="8:8">
      <c r="H347140" s="12"/>
    </row>
    <row r="347141" spans="8:8">
      <c r="H347141" s="12"/>
    </row>
    <row r="347142" spans="8:8">
      <c r="H347142" s="12"/>
    </row>
    <row r="347143" spans="8:8">
      <c r="H347143" s="12"/>
    </row>
    <row r="347144" spans="8:8">
      <c r="H347144" s="12"/>
    </row>
    <row r="347145" spans="8:8">
      <c r="H347145" s="12"/>
    </row>
    <row r="347146" spans="8:8">
      <c r="H347146" s="12"/>
    </row>
    <row r="347147" spans="8:8">
      <c r="H347147" s="12"/>
    </row>
    <row r="347148" spans="8:8">
      <c r="H347148" s="12"/>
    </row>
    <row r="347149" spans="8:8">
      <c r="H347149" s="12"/>
    </row>
    <row r="347150" spans="8:8">
      <c r="H347150" s="12"/>
    </row>
    <row r="347151" spans="8:8">
      <c r="H347151" s="12"/>
    </row>
    <row r="347152" spans="8:8">
      <c r="H347152" s="12"/>
    </row>
    <row r="347153" spans="8:8">
      <c r="H347153" s="12"/>
    </row>
    <row r="347154" spans="8:8">
      <c r="H347154" s="12"/>
    </row>
    <row r="347155" spans="8:8">
      <c r="H347155" s="12"/>
    </row>
    <row r="347156" spans="8:8">
      <c r="H347156" s="12"/>
    </row>
    <row r="347157" spans="8:8">
      <c r="H347157" s="12"/>
    </row>
    <row r="347158" spans="8:8">
      <c r="H347158" s="12"/>
    </row>
    <row r="347159" spans="8:8">
      <c r="H347159" s="12"/>
    </row>
    <row r="347160" spans="8:8">
      <c r="H347160" s="12"/>
    </row>
    <row r="347161" spans="8:8">
      <c r="H347161" s="12"/>
    </row>
    <row r="347162" spans="8:8">
      <c r="H347162" s="12"/>
    </row>
    <row r="347163" spans="8:8">
      <c r="H347163" s="12"/>
    </row>
    <row r="347164" spans="8:8">
      <c r="H347164" s="12"/>
    </row>
    <row r="347165" spans="8:8">
      <c r="H347165" s="12"/>
    </row>
    <row r="347166" spans="8:8">
      <c r="H347166" s="12"/>
    </row>
    <row r="347167" spans="8:8">
      <c r="H347167" s="12"/>
    </row>
    <row r="347168" spans="8:8">
      <c r="H347168" s="12"/>
    </row>
    <row r="347169" spans="8:8">
      <c r="H347169" s="12"/>
    </row>
    <row r="347170" spans="8:8">
      <c r="H347170" s="12"/>
    </row>
    <row r="347171" spans="8:8">
      <c r="H347171" s="12"/>
    </row>
    <row r="347172" spans="8:8">
      <c r="H347172" s="12"/>
    </row>
    <row r="347173" spans="8:8">
      <c r="H347173" s="12"/>
    </row>
    <row r="347174" spans="8:8">
      <c r="H347174" s="12"/>
    </row>
    <row r="347175" spans="8:8">
      <c r="H347175" s="12"/>
    </row>
    <row r="347176" spans="8:8">
      <c r="H347176" s="12"/>
    </row>
    <row r="347177" spans="8:8">
      <c r="H347177" s="12"/>
    </row>
    <row r="347178" spans="8:8">
      <c r="H347178" s="12"/>
    </row>
    <row r="347179" spans="8:8">
      <c r="H347179" s="12"/>
    </row>
    <row r="347180" spans="8:8">
      <c r="H347180" s="12"/>
    </row>
    <row r="347181" spans="8:8">
      <c r="H347181" s="12"/>
    </row>
    <row r="347182" spans="8:8">
      <c r="H347182" s="12"/>
    </row>
    <row r="347183" spans="8:8">
      <c r="H347183" s="12"/>
    </row>
    <row r="347184" spans="8:8">
      <c r="H347184" s="12"/>
    </row>
    <row r="347185" spans="8:8">
      <c r="H347185" s="12"/>
    </row>
    <row r="347186" spans="8:8">
      <c r="H347186" s="12"/>
    </row>
    <row r="347187" spans="8:8">
      <c r="H347187" s="12"/>
    </row>
    <row r="347188" spans="8:8">
      <c r="H347188" s="12"/>
    </row>
    <row r="347189" spans="8:8">
      <c r="H347189" s="12"/>
    </row>
    <row r="347190" spans="8:8">
      <c r="H347190" s="12"/>
    </row>
    <row r="347191" spans="8:8">
      <c r="H347191" s="12"/>
    </row>
    <row r="347192" spans="8:8">
      <c r="H347192" s="12"/>
    </row>
    <row r="347193" spans="8:8">
      <c r="H347193" s="12"/>
    </row>
    <row r="347194" spans="8:8">
      <c r="H347194" s="12"/>
    </row>
    <row r="347195" spans="8:8">
      <c r="H347195" s="12"/>
    </row>
    <row r="347196" spans="8:8">
      <c r="H347196" s="12"/>
    </row>
    <row r="347197" spans="8:8">
      <c r="H347197" s="12"/>
    </row>
    <row r="347198" spans="8:8">
      <c r="H347198" s="12"/>
    </row>
    <row r="347199" spans="8:8">
      <c r="H347199" s="12"/>
    </row>
    <row r="347200" spans="8:8">
      <c r="H347200" s="12"/>
    </row>
    <row r="347201" spans="8:8">
      <c r="H347201" s="12"/>
    </row>
    <row r="347202" spans="8:8">
      <c r="H347202" s="12"/>
    </row>
    <row r="347203" spans="8:8">
      <c r="H347203" s="12"/>
    </row>
    <row r="347204" spans="8:8">
      <c r="H347204" s="12"/>
    </row>
    <row r="347205" spans="8:8">
      <c r="H347205" s="12"/>
    </row>
    <row r="347206" spans="8:8">
      <c r="H347206" s="12"/>
    </row>
    <row r="347207" spans="8:8">
      <c r="H347207" s="12"/>
    </row>
    <row r="347208" spans="8:8">
      <c r="H347208" s="12"/>
    </row>
    <row r="347209" spans="8:8">
      <c r="H347209" s="12"/>
    </row>
    <row r="347210" spans="8:8">
      <c r="H347210" s="12"/>
    </row>
    <row r="347211" spans="8:8">
      <c r="H347211" s="12"/>
    </row>
    <row r="347212" spans="8:8">
      <c r="H347212" s="12"/>
    </row>
    <row r="347213" spans="8:8">
      <c r="H347213" s="12"/>
    </row>
    <row r="347214" spans="8:8">
      <c r="H347214" s="12"/>
    </row>
    <row r="347215" spans="8:8">
      <c r="H347215" s="12"/>
    </row>
    <row r="347216" spans="8:8">
      <c r="H347216" s="12"/>
    </row>
    <row r="347217" spans="8:8">
      <c r="H347217" s="12"/>
    </row>
    <row r="347218" spans="8:8">
      <c r="H347218" s="12"/>
    </row>
    <row r="347219" spans="8:8">
      <c r="H347219" s="12"/>
    </row>
    <row r="347220" spans="8:8">
      <c r="H347220" s="12"/>
    </row>
    <row r="347221" spans="8:8">
      <c r="H347221" s="12"/>
    </row>
    <row r="347222" spans="8:8">
      <c r="H347222" s="12"/>
    </row>
    <row r="347223" spans="8:8">
      <c r="H347223" s="12"/>
    </row>
    <row r="347224" spans="8:8">
      <c r="H347224" s="12"/>
    </row>
    <row r="347225" spans="8:8">
      <c r="H347225" s="12"/>
    </row>
    <row r="347226" spans="8:8">
      <c r="H347226" s="12"/>
    </row>
    <row r="347227" spans="8:8">
      <c r="H347227" s="12"/>
    </row>
    <row r="347228" spans="8:8">
      <c r="H347228" s="12"/>
    </row>
    <row r="347229" spans="8:8">
      <c r="H347229" s="12"/>
    </row>
    <row r="347230" spans="8:8">
      <c r="H347230" s="12"/>
    </row>
    <row r="347231" spans="8:8">
      <c r="H347231" s="12"/>
    </row>
    <row r="347232" spans="8:8">
      <c r="H347232" s="12"/>
    </row>
    <row r="347233" spans="8:8">
      <c r="H347233" s="12"/>
    </row>
    <row r="347234" spans="8:8">
      <c r="H347234" s="12"/>
    </row>
    <row r="347235" spans="8:8">
      <c r="H347235" s="12"/>
    </row>
    <row r="347236" spans="8:8">
      <c r="H347236" s="12"/>
    </row>
    <row r="347237" spans="8:8">
      <c r="H347237" s="12"/>
    </row>
    <row r="347238" spans="8:8">
      <c r="H347238" s="12"/>
    </row>
    <row r="347239" spans="8:8">
      <c r="H347239" s="12"/>
    </row>
    <row r="347240" spans="8:8">
      <c r="H347240" s="12"/>
    </row>
    <row r="347241" spans="8:8">
      <c r="H347241" s="12"/>
    </row>
    <row r="347242" spans="8:8">
      <c r="H347242" s="12"/>
    </row>
    <row r="347243" spans="8:8">
      <c r="H347243" s="12"/>
    </row>
    <row r="347244" spans="8:8">
      <c r="H347244" s="12"/>
    </row>
    <row r="347245" spans="8:8">
      <c r="H347245" s="12"/>
    </row>
    <row r="347246" spans="8:8">
      <c r="H347246" s="12"/>
    </row>
    <row r="347247" spans="8:8">
      <c r="H347247" s="12"/>
    </row>
    <row r="347248" spans="8:8">
      <c r="H347248" s="12"/>
    </row>
    <row r="347249" spans="8:8">
      <c r="H347249" s="12"/>
    </row>
    <row r="347250" spans="8:8">
      <c r="H347250" s="12"/>
    </row>
    <row r="347251" spans="8:8">
      <c r="H347251" s="12"/>
    </row>
    <row r="347252" spans="8:8">
      <c r="H347252" s="12"/>
    </row>
    <row r="347253" spans="8:8">
      <c r="H347253" s="12"/>
    </row>
    <row r="347254" spans="8:8">
      <c r="H347254" s="12"/>
    </row>
    <row r="347255" spans="8:8">
      <c r="H347255" s="12"/>
    </row>
    <row r="347256" spans="8:8">
      <c r="H347256" s="12"/>
    </row>
    <row r="347257" spans="8:8">
      <c r="H347257" s="12"/>
    </row>
    <row r="347258" spans="8:8">
      <c r="H347258" s="12"/>
    </row>
    <row r="347259" spans="8:8">
      <c r="H347259" s="12"/>
    </row>
    <row r="347260" spans="8:8">
      <c r="H347260" s="12"/>
    </row>
    <row r="347261" spans="8:8">
      <c r="H347261" s="12"/>
    </row>
    <row r="347262" spans="8:8">
      <c r="H347262" s="12"/>
    </row>
    <row r="347263" spans="8:8">
      <c r="H347263" s="12"/>
    </row>
    <row r="347264" spans="8:8">
      <c r="H347264" s="12"/>
    </row>
    <row r="347265" spans="8:8">
      <c r="H347265" s="12"/>
    </row>
    <row r="347266" spans="8:8">
      <c r="H347266" s="12"/>
    </row>
    <row r="347267" spans="8:8">
      <c r="H347267" s="12"/>
    </row>
    <row r="347268" spans="8:8">
      <c r="H347268" s="12"/>
    </row>
    <row r="347269" spans="8:8">
      <c r="H347269" s="12"/>
    </row>
    <row r="347270" spans="8:8">
      <c r="H347270" s="12"/>
    </row>
    <row r="347271" spans="8:8">
      <c r="H347271" s="12"/>
    </row>
    <row r="347272" spans="8:8">
      <c r="H347272" s="12"/>
    </row>
    <row r="347273" spans="8:8">
      <c r="H347273" s="12"/>
    </row>
    <row r="347274" spans="8:8">
      <c r="H347274" s="12"/>
    </row>
    <row r="347275" spans="8:8">
      <c r="H347275" s="12"/>
    </row>
    <row r="347276" spans="8:8">
      <c r="H347276" s="12"/>
    </row>
    <row r="347277" spans="8:8">
      <c r="H347277" s="12"/>
    </row>
    <row r="347278" spans="8:8">
      <c r="H347278" s="12"/>
    </row>
    <row r="347279" spans="8:8">
      <c r="H347279" s="12"/>
    </row>
    <row r="347280" spans="8:8">
      <c r="H347280" s="12"/>
    </row>
    <row r="347281" spans="8:8">
      <c r="H347281" s="12"/>
    </row>
    <row r="347282" spans="8:8">
      <c r="H347282" s="12"/>
    </row>
    <row r="347283" spans="8:8">
      <c r="H347283" s="12"/>
    </row>
    <row r="347284" spans="8:8">
      <c r="H347284" s="12"/>
    </row>
    <row r="347285" spans="8:8">
      <c r="H347285" s="12"/>
    </row>
    <row r="347286" spans="8:8">
      <c r="H347286" s="12"/>
    </row>
    <row r="347287" spans="8:8">
      <c r="H347287" s="12"/>
    </row>
    <row r="347288" spans="8:8">
      <c r="H347288" s="12"/>
    </row>
    <row r="347289" spans="8:8">
      <c r="H347289" s="12"/>
    </row>
    <row r="347290" spans="8:8">
      <c r="H347290" s="12"/>
    </row>
    <row r="347291" spans="8:8">
      <c r="H347291" s="12"/>
    </row>
    <row r="347292" spans="8:8">
      <c r="H347292" s="12"/>
    </row>
    <row r="347293" spans="8:8">
      <c r="H347293" s="12"/>
    </row>
    <row r="347294" spans="8:8">
      <c r="H347294" s="12"/>
    </row>
    <row r="347295" spans="8:8">
      <c r="H347295" s="12"/>
    </row>
    <row r="347296" spans="8:8">
      <c r="H347296" s="12"/>
    </row>
    <row r="347297" spans="8:8">
      <c r="H347297" s="12"/>
    </row>
    <row r="347298" spans="8:8">
      <c r="H347298" s="12"/>
    </row>
    <row r="347299" spans="8:8">
      <c r="H347299" s="12"/>
    </row>
    <row r="347300" spans="8:8">
      <c r="H347300" s="12"/>
    </row>
    <row r="347301" spans="8:8">
      <c r="H347301" s="12"/>
    </row>
    <row r="347302" spans="8:8">
      <c r="H347302" s="12"/>
    </row>
    <row r="347303" spans="8:8">
      <c r="H347303" s="12"/>
    </row>
    <row r="347304" spans="8:8">
      <c r="H347304" s="12"/>
    </row>
    <row r="347305" spans="8:8">
      <c r="H347305" s="12"/>
    </row>
    <row r="347306" spans="8:8">
      <c r="H347306" s="12"/>
    </row>
    <row r="347307" spans="8:8">
      <c r="H347307" s="12"/>
    </row>
    <row r="347308" spans="8:8">
      <c r="H347308" s="12"/>
    </row>
    <row r="347309" spans="8:8">
      <c r="H347309" s="12"/>
    </row>
    <row r="347310" spans="8:8">
      <c r="H347310" s="12"/>
    </row>
    <row r="347311" spans="8:8">
      <c r="H347311" s="12"/>
    </row>
    <row r="347312" spans="8:8">
      <c r="H347312" s="12"/>
    </row>
    <row r="347313" spans="8:8">
      <c r="H347313" s="12"/>
    </row>
    <row r="347314" spans="8:8">
      <c r="H347314" s="12"/>
    </row>
    <row r="347315" spans="8:8">
      <c r="H347315" s="12"/>
    </row>
    <row r="347316" spans="8:8">
      <c r="H347316" s="12"/>
    </row>
    <row r="347317" spans="8:8">
      <c r="H347317" s="12"/>
    </row>
    <row r="347318" spans="8:8">
      <c r="H347318" s="12"/>
    </row>
    <row r="347319" spans="8:8">
      <c r="H347319" s="12"/>
    </row>
    <row r="347320" spans="8:8">
      <c r="H347320" s="12"/>
    </row>
    <row r="347321" spans="8:8">
      <c r="H347321" s="12"/>
    </row>
    <row r="347322" spans="8:8">
      <c r="H347322" s="12"/>
    </row>
    <row r="347323" spans="8:8">
      <c r="H347323" s="12"/>
    </row>
    <row r="347324" spans="8:8">
      <c r="H347324" s="12"/>
    </row>
    <row r="347325" spans="8:8">
      <c r="H347325" s="12"/>
    </row>
    <row r="347326" spans="8:8">
      <c r="H347326" s="12"/>
    </row>
    <row r="347327" spans="8:8">
      <c r="H347327" s="12"/>
    </row>
    <row r="347328" spans="8:8">
      <c r="H347328" s="12"/>
    </row>
    <row r="347329" spans="8:8">
      <c r="H347329" s="12"/>
    </row>
    <row r="347330" spans="8:8">
      <c r="H347330" s="12"/>
    </row>
    <row r="347331" spans="8:8">
      <c r="H347331" s="12"/>
    </row>
    <row r="347332" spans="8:8">
      <c r="H347332" s="12"/>
    </row>
    <row r="347333" spans="8:8">
      <c r="H347333" s="12"/>
    </row>
    <row r="347334" spans="8:8">
      <c r="H347334" s="12"/>
    </row>
    <row r="347335" spans="8:8">
      <c r="H347335" s="12"/>
    </row>
    <row r="347336" spans="8:8">
      <c r="H347336" s="12"/>
    </row>
    <row r="347337" spans="8:8">
      <c r="H347337" s="12"/>
    </row>
    <row r="347338" spans="8:8">
      <c r="H347338" s="12"/>
    </row>
    <row r="347339" spans="8:8">
      <c r="H347339" s="12"/>
    </row>
    <row r="347340" spans="8:8">
      <c r="H347340" s="12"/>
    </row>
    <row r="347341" spans="8:8">
      <c r="H347341" s="12"/>
    </row>
    <row r="347342" spans="8:8">
      <c r="H347342" s="12"/>
    </row>
    <row r="347343" spans="8:8">
      <c r="H347343" s="12"/>
    </row>
    <row r="347344" spans="8:8">
      <c r="H347344" s="12"/>
    </row>
    <row r="347345" spans="8:8">
      <c r="H347345" s="12"/>
    </row>
    <row r="347346" spans="8:8">
      <c r="H347346" s="12"/>
    </row>
    <row r="347347" spans="8:8">
      <c r="H347347" s="12"/>
    </row>
    <row r="347348" spans="8:8">
      <c r="H347348" s="12"/>
    </row>
    <row r="347349" spans="8:8">
      <c r="H347349" s="12"/>
    </row>
    <row r="347350" spans="8:8">
      <c r="H347350" s="12"/>
    </row>
    <row r="347351" spans="8:8">
      <c r="H347351" s="12"/>
    </row>
    <row r="347352" spans="8:8">
      <c r="H347352" s="12"/>
    </row>
    <row r="347353" spans="8:8">
      <c r="H347353" s="12"/>
    </row>
    <row r="347354" spans="8:8">
      <c r="H347354" s="12"/>
    </row>
    <row r="347355" spans="8:8">
      <c r="H347355" s="12"/>
    </row>
    <row r="347356" spans="8:8">
      <c r="H347356" s="12"/>
    </row>
    <row r="347357" spans="8:8">
      <c r="H347357" s="12"/>
    </row>
    <row r="347358" spans="8:8">
      <c r="H347358" s="12"/>
    </row>
    <row r="347359" spans="8:8">
      <c r="H347359" s="12"/>
    </row>
    <row r="347360" spans="8:8">
      <c r="H347360" s="12"/>
    </row>
    <row r="347361" spans="8:8">
      <c r="H347361" s="12"/>
    </row>
    <row r="347362" spans="8:8">
      <c r="H347362" s="12"/>
    </row>
    <row r="347363" spans="8:8">
      <c r="H347363" s="12"/>
    </row>
    <row r="347364" spans="8:8">
      <c r="H347364" s="12"/>
    </row>
    <row r="347365" spans="8:8">
      <c r="H347365" s="12"/>
    </row>
    <row r="347366" spans="8:8">
      <c r="H347366" s="12"/>
    </row>
    <row r="347367" spans="8:8">
      <c r="H347367" s="12"/>
    </row>
    <row r="347368" spans="8:8">
      <c r="H347368" s="12"/>
    </row>
    <row r="347369" spans="8:8">
      <c r="H347369" s="12"/>
    </row>
    <row r="347370" spans="8:8">
      <c r="H347370" s="12"/>
    </row>
    <row r="347371" spans="8:8">
      <c r="H347371" s="12"/>
    </row>
    <row r="347372" spans="8:8">
      <c r="H347372" s="12"/>
    </row>
    <row r="347373" spans="8:8">
      <c r="H347373" s="12"/>
    </row>
    <row r="347374" spans="8:8">
      <c r="H347374" s="12"/>
    </row>
    <row r="347375" spans="8:8">
      <c r="H347375" s="12"/>
    </row>
    <row r="347376" spans="8:8">
      <c r="H347376" s="12"/>
    </row>
    <row r="347377" spans="8:8">
      <c r="H347377" s="12"/>
    </row>
    <row r="347378" spans="8:8">
      <c r="H347378" s="12"/>
    </row>
    <row r="347379" spans="8:8">
      <c r="H347379" s="12"/>
    </row>
    <row r="347380" spans="8:8">
      <c r="H347380" s="12"/>
    </row>
    <row r="347381" spans="8:8">
      <c r="H347381" s="12"/>
    </row>
    <row r="347382" spans="8:8">
      <c r="H347382" s="12"/>
    </row>
    <row r="347383" spans="8:8">
      <c r="H347383" s="12"/>
    </row>
    <row r="347384" spans="8:8">
      <c r="H347384" s="12"/>
    </row>
    <row r="347385" spans="8:8">
      <c r="H347385" s="12"/>
    </row>
    <row r="347386" spans="8:8">
      <c r="H347386" s="12"/>
    </row>
    <row r="347387" spans="8:8">
      <c r="H347387" s="12"/>
    </row>
    <row r="347388" spans="8:8">
      <c r="H347388" s="12"/>
    </row>
    <row r="347389" spans="8:8">
      <c r="H347389" s="12"/>
    </row>
    <row r="347390" spans="8:8">
      <c r="H347390" s="12"/>
    </row>
    <row r="347391" spans="8:8">
      <c r="H347391" s="12"/>
    </row>
    <row r="347392" spans="8:8">
      <c r="H347392" s="12"/>
    </row>
    <row r="347393" spans="8:8">
      <c r="H347393" s="12"/>
    </row>
    <row r="347394" spans="8:8">
      <c r="H347394" s="12"/>
    </row>
    <row r="347395" spans="8:8">
      <c r="H347395" s="12"/>
    </row>
    <row r="347396" spans="8:8">
      <c r="H347396" s="12"/>
    </row>
    <row r="347397" spans="8:8">
      <c r="H347397" s="12"/>
    </row>
    <row r="347398" spans="8:8">
      <c r="H347398" s="12"/>
    </row>
    <row r="347399" spans="8:8">
      <c r="H347399" s="12"/>
    </row>
    <row r="347400" spans="8:8">
      <c r="H347400" s="12"/>
    </row>
    <row r="347401" spans="8:8">
      <c r="H347401" s="12"/>
    </row>
    <row r="347402" spans="8:8">
      <c r="H347402" s="12"/>
    </row>
    <row r="347403" spans="8:8">
      <c r="H347403" s="12"/>
    </row>
    <row r="347404" spans="8:8">
      <c r="H347404" s="12"/>
    </row>
    <row r="347405" spans="8:8">
      <c r="H347405" s="12"/>
    </row>
    <row r="347406" spans="8:8">
      <c r="H347406" s="12"/>
    </row>
    <row r="347407" spans="8:8">
      <c r="H347407" s="12"/>
    </row>
    <row r="347408" spans="8:8">
      <c r="H347408" s="12"/>
    </row>
    <row r="347409" spans="8:8">
      <c r="H347409" s="12"/>
    </row>
    <row r="347410" spans="8:8">
      <c r="H347410" s="12"/>
    </row>
    <row r="347411" spans="8:8">
      <c r="H347411" s="12"/>
    </row>
    <row r="347412" spans="8:8">
      <c r="H347412" s="12"/>
    </row>
    <row r="347413" spans="8:8">
      <c r="H347413" s="12"/>
    </row>
    <row r="347414" spans="8:8">
      <c r="H347414" s="12"/>
    </row>
    <row r="347415" spans="8:8">
      <c r="H347415" s="12"/>
    </row>
    <row r="347416" spans="8:8">
      <c r="H347416" s="12"/>
    </row>
    <row r="347417" spans="8:8">
      <c r="H347417" s="12"/>
    </row>
    <row r="347418" spans="8:8">
      <c r="H347418" s="12"/>
    </row>
    <row r="347419" spans="8:8">
      <c r="H347419" s="12"/>
    </row>
    <row r="347420" spans="8:8">
      <c r="H347420" s="12"/>
    </row>
    <row r="347421" spans="8:8">
      <c r="H347421" s="12"/>
    </row>
    <row r="347422" spans="8:8">
      <c r="H347422" s="12"/>
    </row>
    <row r="347423" spans="8:8">
      <c r="H347423" s="12"/>
    </row>
    <row r="347424" spans="8:8">
      <c r="H347424" s="12"/>
    </row>
    <row r="347425" spans="8:8">
      <c r="H347425" s="12"/>
    </row>
    <row r="347426" spans="8:8">
      <c r="H347426" s="12"/>
    </row>
    <row r="347427" spans="8:8">
      <c r="H347427" s="12"/>
    </row>
    <row r="347428" spans="8:8">
      <c r="H347428" s="12"/>
    </row>
    <row r="347429" spans="8:8">
      <c r="H347429" s="12"/>
    </row>
    <row r="347430" spans="8:8">
      <c r="H347430" s="12"/>
    </row>
    <row r="347431" spans="8:8">
      <c r="H347431" s="12"/>
    </row>
    <row r="347432" spans="8:8">
      <c r="H347432" s="12"/>
    </row>
    <row r="347433" spans="8:8">
      <c r="H347433" s="12"/>
    </row>
    <row r="347434" spans="8:8">
      <c r="H347434" s="12"/>
    </row>
    <row r="347435" spans="8:8">
      <c r="H347435" s="12"/>
    </row>
    <row r="347436" spans="8:8">
      <c r="H347436" s="12"/>
    </row>
    <row r="347437" spans="8:8">
      <c r="H347437" s="12"/>
    </row>
    <row r="347438" spans="8:8">
      <c r="H347438" s="12"/>
    </row>
    <row r="347439" spans="8:8">
      <c r="H347439" s="12"/>
    </row>
    <row r="347440" spans="8:8">
      <c r="H347440" s="12"/>
    </row>
    <row r="347441" spans="8:8">
      <c r="H347441" s="12"/>
    </row>
    <row r="347442" spans="8:8">
      <c r="H347442" s="12"/>
    </row>
    <row r="347443" spans="8:8">
      <c r="H347443" s="12"/>
    </row>
    <row r="347444" spans="8:8">
      <c r="H347444" s="12"/>
    </row>
    <row r="347445" spans="8:8">
      <c r="H347445" s="12"/>
    </row>
    <row r="347446" spans="8:8">
      <c r="H347446" s="12"/>
    </row>
    <row r="347447" spans="8:8">
      <c r="H347447" s="12"/>
    </row>
    <row r="347448" spans="8:8">
      <c r="H347448" s="12"/>
    </row>
    <row r="347449" spans="8:8">
      <c r="H347449" s="12"/>
    </row>
    <row r="347450" spans="8:8">
      <c r="H347450" s="12"/>
    </row>
    <row r="347451" spans="8:8">
      <c r="H347451" s="12"/>
    </row>
    <row r="347452" spans="8:8">
      <c r="H347452" s="12"/>
    </row>
    <row r="347453" spans="8:8">
      <c r="H347453" s="12"/>
    </row>
    <row r="347454" spans="8:8">
      <c r="H347454" s="12"/>
    </row>
    <row r="347455" spans="8:8">
      <c r="H347455" s="12"/>
    </row>
    <row r="347456" spans="8:8">
      <c r="H347456" s="12"/>
    </row>
    <row r="347457" spans="8:8">
      <c r="H347457" s="12"/>
    </row>
    <row r="347458" spans="8:8">
      <c r="H347458" s="12"/>
    </row>
    <row r="347459" spans="8:8">
      <c r="H347459" s="12"/>
    </row>
    <row r="347460" spans="8:8">
      <c r="H347460" s="12"/>
    </row>
    <row r="347461" spans="8:8">
      <c r="H347461" s="12"/>
    </row>
    <row r="347462" spans="8:8">
      <c r="H347462" s="12"/>
    </row>
    <row r="347463" spans="8:8">
      <c r="H347463" s="12"/>
    </row>
    <row r="347464" spans="8:8">
      <c r="H347464" s="12"/>
    </row>
    <row r="347465" spans="8:8">
      <c r="H347465" s="12"/>
    </row>
    <row r="347466" spans="8:8">
      <c r="H347466" s="12"/>
    </row>
    <row r="347467" spans="8:8">
      <c r="H347467" s="12"/>
    </row>
    <row r="347468" spans="8:8">
      <c r="H347468" s="12"/>
    </row>
    <row r="347469" spans="8:8">
      <c r="H347469" s="12"/>
    </row>
    <row r="347470" spans="8:8">
      <c r="H347470" s="12"/>
    </row>
    <row r="347471" spans="8:8">
      <c r="H347471" s="12"/>
    </row>
    <row r="347472" spans="8:8">
      <c r="H347472" s="12"/>
    </row>
    <row r="347473" spans="8:8">
      <c r="H347473" s="12"/>
    </row>
    <row r="347474" spans="8:8">
      <c r="H347474" s="12"/>
    </row>
    <row r="347475" spans="8:8">
      <c r="H347475" s="12"/>
    </row>
    <row r="347476" spans="8:8">
      <c r="H347476" s="12"/>
    </row>
    <row r="347477" spans="8:8">
      <c r="H347477" s="12"/>
    </row>
    <row r="347478" spans="8:8">
      <c r="H347478" s="12"/>
    </row>
    <row r="347479" spans="8:8">
      <c r="H347479" s="12"/>
    </row>
    <row r="347480" spans="8:8">
      <c r="H347480" s="12"/>
    </row>
    <row r="347481" spans="8:8">
      <c r="H347481" s="12"/>
    </row>
    <row r="347482" spans="8:8">
      <c r="H347482" s="12"/>
    </row>
    <row r="347483" spans="8:8">
      <c r="H347483" s="12"/>
    </row>
    <row r="347484" spans="8:8">
      <c r="H347484" s="12"/>
    </row>
    <row r="347485" spans="8:8">
      <c r="H347485" s="12"/>
    </row>
    <row r="347486" spans="8:8">
      <c r="H347486" s="12"/>
    </row>
    <row r="347487" spans="8:8">
      <c r="H347487" s="12"/>
    </row>
    <row r="347488" spans="8:8">
      <c r="H347488" s="12"/>
    </row>
    <row r="347489" spans="8:8">
      <c r="H347489" s="12"/>
    </row>
    <row r="347490" spans="8:8">
      <c r="H347490" s="12"/>
    </row>
    <row r="347491" spans="8:8">
      <c r="H347491" s="12"/>
    </row>
    <row r="347492" spans="8:8">
      <c r="H347492" s="12"/>
    </row>
    <row r="347493" spans="8:8">
      <c r="H347493" s="12"/>
    </row>
    <row r="347494" spans="8:8">
      <c r="H347494" s="12"/>
    </row>
    <row r="347495" spans="8:8">
      <c r="H347495" s="12"/>
    </row>
    <row r="347496" spans="8:8">
      <c r="H347496" s="12"/>
    </row>
    <row r="347497" spans="8:8">
      <c r="H347497" s="12"/>
    </row>
    <row r="347498" spans="8:8">
      <c r="H347498" s="12"/>
    </row>
    <row r="347499" spans="8:8">
      <c r="H347499" s="12"/>
    </row>
    <row r="347500" spans="8:8">
      <c r="H347500" s="12"/>
    </row>
    <row r="347501" spans="8:8">
      <c r="H347501" s="12"/>
    </row>
    <row r="347502" spans="8:8">
      <c r="H347502" s="12"/>
    </row>
    <row r="347503" spans="8:8">
      <c r="H347503" s="12"/>
    </row>
    <row r="347504" spans="8:8">
      <c r="H347504" s="12"/>
    </row>
    <row r="347505" spans="8:8">
      <c r="H347505" s="12"/>
    </row>
    <row r="347506" spans="8:8">
      <c r="H347506" s="12"/>
    </row>
    <row r="347507" spans="8:8">
      <c r="H347507" s="12"/>
    </row>
    <row r="347508" spans="8:8">
      <c r="H347508" s="12"/>
    </row>
    <row r="347509" spans="8:8">
      <c r="H347509" s="12"/>
    </row>
    <row r="347510" spans="8:8">
      <c r="H347510" s="12"/>
    </row>
    <row r="347511" spans="8:8">
      <c r="H347511" s="12"/>
    </row>
    <row r="347512" spans="8:8">
      <c r="H347512" s="12"/>
    </row>
    <row r="347513" spans="8:8">
      <c r="H347513" s="12"/>
    </row>
    <row r="347514" spans="8:8">
      <c r="H347514" s="12"/>
    </row>
    <row r="347515" spans="8:8">
      <c r="H347515" s="12"/>
    </row>
    <row r="347516" spans="8:8">
      <c r="H347516" s="12"/>
    </row>
    <row r="347517" spans="8:8">
      <c r="H347517" s="12"/>
    </row>
    <row r="347518" spans="8:8">
      <c r="H347518" s="12"/>
    </row>
    <row r="347519" spans="8:8">
      <c r="H347519" s="12"/>
    </row>
    <row r="347520" spans="8:8">
      <c r="H347520" s="12"/>
    </row>
    <row r="347521" spans="8:8">
      <c r="H347521" s="12"/>
    </row>
    <row r="347522" spans="8:8">
      <c r="H347522" s="12"/>
    </row>
    <row r="347523" spans="8:8">
      <c r="H347523" s="12"/>
    </row>
    <row r="347524" spans="8:8">
      <c r="H347524" s="12"/>
    </row>
    <row r="347525" spans="8:8">
      <c r="H347525" s="12"/>
    </row>
    <row r="347526" spans="8:8">
      <c r="H347526" s="12"/>
    </row>
    <row r="347527" spans="8:8">
      <c r="H347527" s="12"/>
    </row>
    <row r="347528" spans="8:8">
      <c r="H347528" s="12"/>
    </row>
    <row r="347529" spans="8:8">
      <c r="H347529" s="12"/>
    </row>
    <row r="347530" spans="8:8">
      <c r="H347530" s="12"/>
    </row>
    <row r="347531" spans="8:8">
      <c r="H347531" s="12"/>
    </row>
    <row r="347532" spans="8:8">
      <c r="H347532" s="12"/>
    </row>
    <row r="347533" spans="8:8">
      <c r="H347533" s="12"/>
    </row>
    <row r="347534" spans="8:8">
      <c r="H347534" s="12"/>
    </row>
    <row r="347535" spans="8:8">
      <c r="H347535" s="12"/>
    </row>
    <row r="347536" spans="8:8">
      <c r="H347536" s="12"/>
    </row>
    <row r="347537" spans="8:8">
      <c r="H347537" s="12"/>
    </row>
    <row r="347538" spans="8:8">
      <c r="H347538" s="12"/>
    </row>
    <row r="347539" spans="8:8">
      <c r="H347539" s="12"/>
    </row>
    <row r="347540" spans="8:8">
      <c r="H347540" s="12"/>
    </row>
    <row r="347541" spans="8:8">
      <c r="H347541" s="12"/>
    </row>
    <row r="347542" spans="8:8">
      <c r="H347542" s="12"/>
    </row>
    <row r="347543" spans="8:8">
      <c r="H347543" s="12"/>
    </row>
    <row r="347544" spans="8:8">
      <c r="H347544" s="12"/>
    </row>
    <row r="347545" spans="8:8">
      <c r="H347545" s="12"/>
    </row>
    <row r="347546" spans="8:8">
      <c r="H347546" s="12"/>
    </row>
    <row r="347547" spans="8:8">
      <c r="H347547" s="12"/>
    </row>
    <row r="347548" spans="8:8">
      <c r="H347548" s="12"/>
    </row>
    <row r="347549" spans="8:8">
      <c r="H347549" s="12"/>
    </row>
    <row r="347550" spans="8:8">
      <c r="H347550" s="12"/>
    </row>
    <row r="347551" spans="8:8">
      <c r="H347551" s="12"/>
    </row>
    <row r="347552" spans="8:8">
      <c r="H347552" s="12"/>
    </row>
    <row r="347553" spans="8:8">
      <c r="H347553" s="12"/>
    </row>
    <row r="347554" spans="8:8">
      <c r="H347554" s="12"/>
    </row>
    <row r="347555" spans="8:8">
      <c r="H347555" s="12"/>
    </row>
    <row r="347556" spans="8:8">
      <c r="H347556" s="12"/>
    </row>
    <row r="347557" spans="8:8">
      <c r="H347557" s="12"/>
    </row>
    <row r="347558" spans="8:8">
      <c r="H347558" s="12"/>
    </row>
    <row r="347559" spans="8:8">
      <c r="H347559" s="12"/>
    </row>
    <row r="347560" spans="8:8">
      <c r="H347560" s="12"/>
    </row>
    <row r="347561" spans="8:8">
      <c r="H347561" s="12"/>
    </row>
    <row r="347562" spans="8:8">
      <c r="H347562" s="12"/>
    </row>
    <row r="347563" spans="8:8">
      <c r="H347563" s="12"/>
    </row>
    <row r="347564" spans="8:8">
      <c r="H347564" s="12"/>
    </row>
    <row r="347565" spans="8:8">
      <c r="H347565" s="12"/>
    </row>
    <row r="347566" spans="8:8">
      <c r="H347566" s="12"/>
    </row>
    <row r="347567" spans="8:8">
      <c r="H347567" s="12"/>
    </row>
    <row r="347568" spans="8:8">
      <c r="H347568" s="12"/>
    </row>
    <row r="347569" spans="8:8">
      <c r="H347569" s="12"/>
    </row>
    <row r="347570" spans="8:8">
      <c r="H347570" s="12"/>
    </row>
    <row r="347571" spans="8:8">
      <c r="H347571" s="12"/>
    </row>
    <row r="347572" spans="8:8">
      <c r="H347572" s="12"/>
    </row>
    <row r="347573" spans="8:8">
      <c r="H347573" s="12"/>
    </row>
    <row r="347574" spans="8:8">
      <c r="H347574" s="12"/>
    </row>
    <row r="347575" spans="8:8">
      <c r="H347575" s="12"/>
    </row>
    <row r="347576" spans="8:8">
      <c r="H347576" s="12"/>
    </row>
    <row r="347577" spans="8:8">
      <c r="H347577" s="12"/>
    </row>
    <row r="347578" spans="8:8">
      <c r="H347578" s="12"/>
    </row>
    <row r="347579" spans="8:8">
      <c r="H347579" s="12"/>
    </row>
    <row r="347580" spans="8:8">
      <c r="H347580" s="12"/>
    </row>
    <row r="347581" spans="8:8">
      <c r="H347581" s="12"/>
    </row>
    <row r="347582" spans="8:8">
      <c r="H347582" s="12"/>
    </row>
    <row r="347583" spans="8:8">
      <c r="H347583" s="12"/>
    </row>
    <row r="347584" spans="8:8">
      <c r="H347584" s="12"/>
    </row>
    <row r="347585" spans="8:8">
      <c r="H347585" s="12"/>
    </row>
    <row r="347586" spans="8:8">
      <c r="H347586" s="12"/>
    </row>
    <row r="347587" spans="8:8">
      <c r="H347587" s="12"/>
    </row>
    <row r="347588" spans="8:8">
      <c r="H347588" s="12"/>
    </row>
    <row r="347589" spans="8:8">
      <c r="H347589" s="12"/>
    </row>
    <row r="347590" spans="8:8">
      <c r="H347590" s="12"/>
    </row>
    <row r="347591" spans="8:8">
      <c r="H347591" s="12"/>
    </row>
    <row r="347592" spans="8:8">
      <c r="H347592" s="12"/>
    </row>
    <row r="347593" spans="8:8">
      <c r="H347593" s="12"/>
    </row>
    <row r="347594" spans="8:8">
      <c r="H347594" s="12"/>
    </row>
    <row r="347595" spans="8:8">
      <c r="H347595" s="12"/>
    </row>
    <row r="347596" spans="8:8">
      <c r="H347596" s="12"/>
    </row>
    <row r="347597" spans="8:8">
      <c r="H347597" s="12"/>
    </row>
    <row r="347598" spans="8:8">
      <c r="H347598" s="12"/>
    </row>
    <row r="347599" spans="8:8">
      <c r="H347599" s="12"/>
    </row>
    <row r="347600" spans="8:8">
      <c r="H347600" s="12"/>
    </row>
    <row r="347601" spans="8:8">
      <c r="H347601" s="12"/>
    </row>
    <row r="347602" spans="8:8">
      <c r="H347602" s="12"/>
    </row>
    <row r="347603" spans="8:8">
      <c r="H347603" s="12"/>
    </row>
    <row r="347604" spans="8:8">
      <c r="H347604" s="12"/>
    </row>
    <row r="347605" spans="8:8">
      <c r="H347605" s="12"/>
    </row>
    <row r="347606" spans="8:8">
      <c r="H347606" s="12"/>
    </row>
    <row r="347607" spans="8:8">
      <c r="H347607" s="12"/>
    </row>
    <row r="347608" spans="8:8">
      <c r="H347608" s="12"/>
    </row>
    <row r="347609" spans="8:8">
      <c r="H347609" s="12"/>
    </row>
    <row r="347610" spans="8:8">
      <c r="H347610" s="12"/>
    </row>
    <row r="347611" spans="8:8">
      <c r="H347611" s="12"/>
    </row>
    <row r="347612" spans="8:8">
      <c r="H347612" s="12"/>
    </row>
    <row r="347613" spans="8:8">
      <c r="H347613" s="12"/>
    </row>
    <row r="347614" spans="8:8">
      <c r="H347614" s="12"/>
    </row>
    <row r="347615" spans="8:8">
      <c r="H347615" s="12"/>
    </row>
    <row r="347616" spans="8:8">
      <c r="H347616" s="12"/>
    </row>
    <row r="347617" spans="8:8">
      <c r="H347617" s="12"/>
    </row>
    <row r="347618" spans="8:8">
      <c r="H347618" s="12"/>
    </row>
    <row r="347619" spans="8:8">
      <c r="H347619" s="12"/>
    </row>
    <row r="347620" spans="8:8">
      <c r="H347620" s="12"/>
    </row>
    <row r="347621" spans="8:8">
      <c r="H347621" s="12"/>
    </row>
    <row r="347622" spans="8:8">
      <c r="H347622" s="12"/>
    </row>
    <row r="347623" spans="8:8">
      <c r="H347623" s="12"/>
    </row>
    <row r="347624" spans="8:8">
      <c r="H347624" s="12"/>
    </row>
    <row r="347625" spans="8:8">
      <c r="H347625" s="12"/>
    </row>
    <row r="347626" spans="8:8">
      <c r="H347626" s="12"/>
    </row>
    <row r="347627" spans="8:8">
      <c r="H347627" s="12"/>
    </row>
    <row r="347628" spans="8:8">
      <c r="H347628" s="12"/>
    </row>
    <row r="347629" spans="8:8">
      <c r="H347629" s="12"/>
    </row>
    <row r="347630" spans="8:8">
      <c r="H347630" s="12"/>
    </row>
    <row r="347631" spans="8:8">
      <c r="H347631" s="12"/>
    </row>
    <row r="347632" spans="8:8">
      <c r="H347632" s="12"/>
    </row>
    <row r="347633" spans="8:8">
      <c r="H347633" s="12"/>
    </row>
    <row r="347634" spans="8:8">
      <c r="H347634" s="12"/>
    </row>
    <row r="347635" spans="8:8">
      <c r="H347635" s="12"/>
    </row>
    <row r="347636" spans="8:8">
      <c r="H347636" s="12"/>
    </row>
    <row r="347637" spans="8:8">
      <c r="H347637" s="12"/>
    </row>
    <row r="347638" spans="8:8">
      <c r="H347638" s="12"/>
    </row>
    <row r="347639" spans="8:8">
      <c r="H347639" s="12"/>
    </row>
    <row r="347640" spans="8:8">
      <c r="H347640" s="12"/>
    </row>
    <row r="347641" spans="8:8">
      <c r="H347641" s="12"/>
    </row>
    <row r="347642" spans="8:8">
      <c r="H347642" s="12"/>
    </row>
    <row r="347643" spans="8:8">
      <c r="H347643" s="12"/>
    </row>
    <row r="347644" spans="8:8">
      <c r="H347644" s="12"/>
    </row>
    <row r="347645" spans="8:8">
      <c r="H347645" s="12"/>
    </row>
    <row r="347646" spans="8:8">
      <c r="H347646" s="12"/>
    </row>
    <row r="347647" spans="8:8">
      <c r="H347647" s="12"/>
    </row>
    <row r="347648" spans="8:8">
      <c r="H347648" s="12"/>
    </row>
    <row r="347649" spans="8:8">
      <c r="H347649" s="12"/>
    </row>
    <row r="347650" spans="8:8">
      <c r="H347650" s="12"/>
    </row>
    <row r="347651" spans="8:8">
      <c r="H347651" s="12"/>
    </row>
    <row r="347652" spans="8:8">
      <c r="H347652" s="12"/>
    </row>
    <row r="347653" spans="8:8">
      <c r="H347653" s="12"/>
    </row>
    <row r="347654" spans="8:8">
      <c r="H347654" s="12"/>
    </row>
    <row r="347655" spans="8:8">
      <c r="H347655" s="12"/>
    </row>
    <row r="347656" spans="8:8">
      <c r="H347656" s="12"/>
    </row>
    <row r="347657" spans="8:8">
      <c r="H347657" s="12"/>
    </row>
    <row r="347658" spans="8:8">
      <c r="H347658" s="12"/>
    </row>
    <row r="347659" spans="8:8">
      <c r="H347659" s="12"/>
    </row>
    <row r="347660" spans="8:8">
      <c r="H347660" s="12"/>
    </row>
    <row r="347661" spans="8:8">
      <c r="H347661" s="12"/>
    </row>
    <row r="347662" spans="8:8">
      <c r="H347662" s="12"/>
    </row>
    <row r="347663" spans="8:8">
      <c r="H347663" s="12"/>
    </row>
    <row r="347664" spans="8:8">
      <c r="H347664" s="12"/>
    </row>
    <row r="347665" spans="8:8">
      <c r="H347665" s="12"/>
    </row>
    <row r="347666" spans="8:8">
      <c r="H347666" s="12"/>
    </row>
    <row r="347667" spans="8:8">
      <c r="H347667" s="12"/>
    </row>
    <row r="347668" spans="8:8">
      <c r="H347668" s="12"/>
    </row>
    <row r="347669" spans="8:8">
      <c r="H347669" s="12"/>
    </row>
    <row r="347670" spans="8:8">
      <c r="H347670" s="12"/>
    </row>
    <row r="347671" spans="8:8">
      <c r="H347671" s="12"/>
    </row>
    <row r="347672" spans="8:8">
      <c r="H347672" s="12"/>
    </row>
    <row r="347673" spans="8:8">
      <c r="H347673" s="12"/>
    </row>
    <row r="347674" spans="8:8">
      <c r="H347674" s="12"/>
    </row>
    <row r="347675" spans="8:8">
      <c r="H347675" s="12"/>
    </row>
    <row r="347676" spans="8:8">
      <c r="H347676" s="12"/>
    </row>
    <row r="347677" spans="8:8">
      <c r="H347677" s="12"/>
    </row>
    <row r="347678" spans="8:8">
      <c r="H347678" s="12"/>
    </row>
    <row r="347679" spans="8:8">
      <c r="H347679" s="12"/>
    </row>
    <row r="347680" spans="8:8">
      <c r="H347680" s="12"/>
    </row>
    <row r="347681" spans="8:8">
      <c r="H347681" s="12"/>
    </row>
    <row r="347682" spans="8:8">
      <c r="H347682" s="12"/>
    </row>
    <row r="347683" spans="8:8">
      <c r="H347683" s="12"/>
    </row>
    <row r="347684" spans="8:8">
      <c r="H347684" s="12"/>
    </row>
    <row r="347685" spans="8:8">
      <c r="H347685" s="12"/>
    </row>
    <row r="347686" spans="8:8">
      <c r="H347686" s="12"/>
    </row>
    <row r="347687" spans="8:8">
      <c r="H347687" s="12"/>
    </row>
    <row r="347688" spans="8:8">
      <c r="H347688" s="12"/>
    </row>
    <row r="347689" spans="8:8">
      <c r="H347689" s="12"/>
    </row>
    <row r="347690" spans="8:8">
      <c r="H347690" s="12"/>
    </row>
    <row r="347691" spans="8:8">
      <c r="H347691" s="12"/>
    </row>
    <row r="347692" spans="8:8">
      <c r="H347692" s="12"/>
    </row>
    <row r="347693" spans="8:8">
      <c r="H347693" s="12"/>
    </row>
    <row r="347694" spans="8:8">
      <c r="H347694" s="12"/>
    </row>
    <row r="347695" spans="8:8">
      <c r="H347695" s="12"/>
    </row>
    <row r="347696" spans="8:8">
      <c r="H347696" s="12"/>
    </row>
    <row r="347697" spans="8:8">
      <c r="H347697" s="12"/>
    </row>
    <row r="347698" spans="8:8">
      <c r="H347698" s="12"/>
    </row>
    <row r="347699" spans="8:8">
      <c r="H347699" s="12"/>
    </row>
    <row r="347700" spans="8:8">
      <c r="H347700" s="12"/>
    </row>
    <row r="347701" spans="8:8">
      <c r="H347701" s="12"/>
    </row>
    <row r="347702" spans="8:8">
      <c r="H347702" s="12"/>
    </row>
    <row r="347703" spans="8:8">
      <c r="H347703" s="12"/>
    </row>
    <row r="347704" spans="8:8">
      <c r="H347704" s="12"/>
    </row>
    <row r="347705" spans="8:8">
      <c r="H347705" s="12"/>
    </row>
    <row r="347706" spans="8:8">
      <c r="H347706" s="12"/>
    </row>
    <row r="347707" spans="8:8">
      <c r="H347707" s="12"/>
    </row>
    <row r="347708" spans="8:8">
      <c r="H347708" s="12"/>
    </row>
    <row r="347709" spans="8:8">
      <c r="H347709" s="12"/>
    </row>
    <row r="347710" spans="8:8">
      <c r="H347710" s="12"/>
    </row>
    <row r="347711" spans="8:8">
      <c r="H347711" s="12"/>
    </row>
    <row r="347712" spans="8:8">
      <c r="H347712" s="12"/>
    </row>
    <row r="347713" spans="8:8">
      <c r="H347713" s="12"/>
    </row>
    <row r="347714" spans="8:8">
      <c r="H347714" s="12"/>
    </row>
    <row r="347715" spans="8:8">
      <c r="H347715" s="12"/>
    </row>
    <row r="347716" spans="8:8">
      <c r="H347716" s="12"/>
    </row>
    <row r="347717" spans="8:8">
      <c r="H347717" s="12"/>
    </row>
    <row r="347718" spans="8:8">
      <c r="H347718" s="12"/>
    </row>
    <row r="347719" spans="8:8">
      <c r="H347719" s="12"/>
    </row>
    <row r="347720" spans="8:8">
      <c r="H347720" s="12"/>
    </row>
    <row r="347721" spans="8:8">
      <c r="H347721" s="12"/>
    </row>
    <row r="347722" spans="8:8">
      <c r="H347722" s="12"/>
    </row>
    <row r="347723" spans="8:8">
      <c r="H347723" s="12"/>
    </row>
    <row r="347724" spans="8:8">
      <c r="H347724" s="12"/>
    </row>
    <row r="347725" spans="8:8">
      <c r="H347725" s="12"/>
    </row>
    <row r="347726" spans="8:8">
      <c r="H347726" s="12"/>
    </row>
    <row r="347727" spans="8:8">
      <c r="H347727" s="12"/>
    </row>
    <row r="347728" spans="8:8">
      <c r="H347728" s="12"/>
    </row>
    <row r="347729" spans="8:8">
      <c r="H347729" s="12"/>
    </row>
    <row r="347730" spans="8:8">
      <c r="H347730" s="12"/>
    </row>
    <row r="347731" spans="8:8">
      <c r="H347731" s="12"/>
    </row>
    <row r="347732" spans="8:8">
      <c r="H347732" s="12"/>
    </row>
    <row r="347733" spans="8:8">
      <c r="H347733" s="12"/>
    </row>
    <row r="347734" spans="8:8">
      <c r="H347734" s="12"/>
    </row>
    <row r="347735" spans="8:8">
      <c r="H347735" s="12"/>
    </row>
    <row r="347736" spans="8:8">
      <c r="H347736" s="12"/>
    </row>
    <row r="347737" spans="8:8">
      <c r="H347737" s="12"/>
    </row>
    <row r="347738" spans="8:8">
      <c r="H347738" s="12"/>
    </row>
    <row r="347739" spans="8:8">
      <c r="H347739" s="12"/>
    </row>
    <row r="347740" spans="8:8">
      <c r="H347740" s="12"/>
    </row>
    <row r="347741" spans="8:8">
      <c r="H347741" s="12"/>
    </row>
    <row r="347742" spans="8:8">
      <c r="H347742" s="12"/>
    </row>
    <row r="347743" spans="8:8">
      <c r="H347743" s="12"/>
    </row>
    <row r="347744" spans="8:8">
      <c r="H347744" s="12"/>
    </row>
    <row r="347745" spans="8:8">
      <c r="H347745" s="12"/>
    </row>
    <row r="347746" spans="8:8">
      <c r="H347746" s="12"/>
    </row>
    <row r="347747" spans="8:8">
      <c r="H347747" s="12"/>
    </row>
    <row r="347748" spans="8:8">
      <c r="H347748" s="12"/>
    </row>
    <row r="347749" spans="8:8">
      <c r="H347749" s="12"/>
    </row>
    <row r="347750" spans="8:8">
      <c r="H347750" s="12"/>
    </row>
    <row r="347751" spans="8:8">
      <c r="H347751" s="12"/>
    </row>
    <row r="347752" spans="8:8">
      <c r="H347752" s="12"/>
    </row>
    <row r="347753" spans="8:8">
      <c r="H347753" s="12"/>
    </row>
    <row r="347754" spans="8:8">
      <c r="H347754" s="12"/>
    </row>
    <row r="347755" spans="8:8">
      <c r="H347755" s="12"/>
    </row>
    <row r="347756" spans="8:8">
      <c r="H347756" s="12"/>
    </row>
    <row r="347757" spans="8:8">
      <c r="H347757" s="12"/>
    </row>
    <row r="347758" spans="8:8">
      <c r="H347758" s="12"/>
    </row>
    <row r="347759" spans="8:8">
      <c r="H347759" s="12"/>
    </row>
    <row r="347760" spans="8:8">
      <c r="H347760" s="12"/>
    </row>
    <row r="347761" spans="8:8">
      <c r="H347761" s="12"/>
    </row>
    <row r="347762" spans="8:8">
      <c r="H347762" s="12"/>
    </row>
    <row r="347763" spans="8:8">
      <c r="H347763" s="12"/>
    </row>
    <row r="347764" spans="8:8">
      <c r="H347764" s="12"/>
    </row>
    <row r="347765" spans="8:8">
      <c r="H347765" s="12"/>
    </row>
    <row r="347766" spans="8:8">
      <c r="H347766" s="12"/>
    </row>
    <row r="347767" spans="8:8">
      <c r="H347767" s="12"/>
    </row>
    <row r="347768" spans="8:8">
      <c r="H347768" s="12"/>
    </row>
    <row r="347769" spans="8:8">
      <c r="H347769" s="12"/>
    </row>
    <row r="347770" spans="8:8">
      <c r="H347770" s="12"/>
    </row>
    <row r="347771" spans="8:8">
      <c r="H347771" s="12"/>
    </row>
    <row r="347772" spans="8:8">
      <c r="H347772" s="12"/>
    </row>
    <row r="347773" spans="8:8">
      <c r="H347773" s="12"/>
    </row>
    <row r="347774" spans="8:8">
      <c r="H347774" s="12"/>
    </row>
    <row r="347775" spans="8:8">
      <c r="H347775" s="12"/>
    </row>
    <row r="347776" spans="8:8">
      <c r="H347776" s="12"/>
    </row>
    <row r="347777" spans="8:8">
      <c r="H347777" s="12"/>
    </row>
    <row r="347778" spans="8:8">
      <c r="H347778" s="12"/>
    </row>
    <row r="347779" spans="8:8">
      <c r="H347779" s="12"/>
    </row>
    <row r="347780" spans="8:8">
      <c r="H347780" s="12"/>
    </row>
    <row r="347781" spans="8:8">
      <c r="H347781" s="12"/>
    </row>
    <row r="347782" spans="8:8">
      <c r="H347782" s="12"/>
    </row>
    <row r="347783" spans="8:8">
      <c r="H347783" s="12"/>
    </row>
    <row r="347784" spans="8:8">
      <c r="H347784" s="12"/>
    </row>
    <row r="347785" spans="8:8">
      <c r="H347785" s="12"/>
    </row>
    <row r="347786" spans="8:8">
      <c r="H347786" s="12"/>
    </row>
    <row r="347787" spans="8:8">
      <c r="H347787" s="12"/>
    </row>
    <row r="347788" spans="8:8">
      <c r="H347788" s="12"/>
    </row>
    <row r="347789" spans="8:8">
      <c r="H347789" s="12"/>
    </row>
    <row r="347790" spans="8:8">
      <c r="H347790" s="12"/>
    </row>
    <row r="347791" spans="8:8">
      <c r="H347791" s="12"/>
    </row>
    <row r="347792" spans="8:8">
      <c r="H347792" s="12"/>
    </row>
    <row r="347793" spans="8:8">
      <c r="H347793" s="12"/>
    </row>
    <row r="347794" spans="8:8">
      <c r="H347794" s="12"/>
    </row>
    <row r="347795" spans="8:8">
      <c r="H347795" s="12"/>
    </row>
    <row r="347796" spans="8:8">
      <c r="H347796" s="12"/>
    </row>
    <row r="347797" spans="8:8">
      <c r="H347797" s="12"/>
    </row>
    <row r="347798" spans="8:8">
      <c r="H347798" s="12"/>
    </row>
    <row r="347799" spans="8:8">
      <c r="H347799" s="12"/>
    </row>
    <row r="347800" spans="8:8">
      <c r="H347800" s="12"/>
    </row>
    <row r="347801" spans="8:8">
      <c r="H347801" s="12"/>
    </row>
    <row r="347802" spans="8:8">
      <c r="H347802" s="12"/>
    </row>
    <row r="347803" spans="8:8">
      <c r="H347803" s="12"/>
    </row>
    <row r="347804" spans="8:8">
      <c r="H347804" s="12"/>
    </row>
    <row r="347805" spans="8:8">
      <c r="H347805" s="12"/>
    </row>
    <row r="347806" spans="8:8">
      <c r="H347806" s="12"/>
    </row>
    <row r="347807" spans="8:8">
      <c r="H347807" s="12"/>
    </row>
    <row r="347808" spans="8:8">
      <c r="H347808" s="12"/>
    </row>
    <row r="347809" spans="8:8">
      <c r="H347809" s="12"/>
    </row>
    <row r="347810" spans="8:8">
      <c r="H347810" s="12"/>
    </row>
    <row r="347811" spans="8:8">
      <c r="H347811" s="12"/>
    </row>
    <row r="347812" spans="8:8">
      <c r="H347812" s="12"/>
    </row>
    <row r="347813" spans="8:8">
      <c r="H347813" s="12"/>
    </row>
    <row r="347814" spans="8:8">
      <c r="H347814" s="12"/>
    </row>
    <row r="347815" spans="8:8">
      <c r="H347815" s="12"/>
    </row>
    <row r="347816" spans="8:8">
      <c r="H347816" s="12"/>
    </row>
    <row r="347817" spans="8:8">
      <c r="H347817" s="12"/>
    </row>
    <row r="347818" spans="8:8">
      <c r="H347818" s="12"/>
    </row>
    <row r="347819" spans="8:8">
      <c r="H347819" s="12"/>
    </row>
    <row r="347820" spans="8:8">
      <c r="H347820" s="12"/>
    </row>
    <row r="347821" spans="8:8">
      <c r="H347821" s="12"/>
    </row>
    <row r="347822" spans="8:8">
      <c r="H347822" s="12"/>
    </row>
    <row r="347823" spans="8:8">
      <c r="H347823" s="12"/>
    </row>
    <row r="347824" spans="8:8">
      <c r="H347824" s="12"/>
    </row>
    <row r="347825" spans="8:8">
      <c r="H347825" s="12"/>
    </row>
    <row r="347826" spans="8:8">
      <c r="H347826" s="12"/>
    </row>
    <row r="347827" spans="8:8">
      <c r="H347827" s="12"/>
    </row>
    <row r="347828" spans="8:8">
      <c r="H347828" s="12"/>
    </row>
    <row r="347829" spans="8:8">
      <c r="H347829" s="12"/>
    </row>
    <row r="347830" spans="8:8">
      <c r="H347830" s="12"/>
    </row>
    <row r="347831" spans="8:8">
      <c r="H347831" s="12"/>
    </row>
    <row r="347832" spans="8:8">
      <c r="H347832" s="12"/>
    </row>
    <row r="347833" spans="8:8">
      <c r="H347833" s="12"/>
    </row>
    <row r="347834" spans="8:8">
      <c r="H347834" s="12"/>
    </row>
    <row r="347835" spans="8:8">
      <c r="H347835" s="12"/>
    </row>
    <row r="347836" spans="8:8">
      <c r="H347836" s="12"/>
    </row>
    <row r="347837" spans="8:8">
      <c r="H347837" s="12"/>
    </row>
    <row r="347838" spans="8:8">
      <c r="H347838" s="12"/>
    </row>
    <row r="347839" spans="8:8">
      <c r="H347839" s="12"/>
    </row>
    <row r="347840" spans="8:8">
      <c r="H347840" s="12"/>
    </row>
    <row r="347841" spans="8:8">
      <c r="H347841" s="12"/>
    </row>
    <row r="347842" spans="8:8">
      <c r="H347842" s="12"/>
    </row>
    <row r="347843" spans="8:8">
      <c r="H347843" s="12"/>
    </row>
    <row r="347844" spans="8:8">
      <c r="H347844" s="12"/>
    </row>
    <row r="347845" spans="8:8">
      <c r="H347845" s="12"/>
    </row>
    <row r="347846" spans="8:8">
      <c r="H347846" s="12"/>
    </row>
    <row r="347847" spans="8:8">
      <c r="H347847" s="12"/>
    </row>
    <row r="347848" spans="8:8">
      <c r="H347848" s="12"/>
    </row>
    <row r="347849" spans="8:8">
      <c r="H347849" s="12"/>
    </row>
    <row r="347850" spans="8:8">
      <c r="H347850" s="12"/>
    </row>
    <row r="347851" spans="8:8">
      <c r="H347851" s="12"/>
    </row>
    <row r="347852" spans="8:8">
      <c r="H347852" s="12"/>
    </row>
    <row r="347853" spans="8:8">
      <c r="H347853" s="12"/>
    </row>
    <row r="347854" spans="8:8">
      <c r="H347854" s="12"/>
    </row>
    <row r="347855" spans="8:8">
      <c r="H347855" s="12"/>
    </row>
    <row r="347856" spans="8:8">
      <c r="H347856" s="12"/>
    </row>
    <row r="347857" spans="8:8">
      <c r="H347857" s="12"/>
    </row>
    <row r="347858" spans="8:8">
      <c r="H347858" s="12"/>
    </row>
    <row r="347859" spans="8:8">
      <c r="H347859" s="12"/>
    </row>
    <row r="347860" spans="8:8">
      <c r="H347860" s="12"/>
    </row>
    <row r="347861" spans="8:8">
      <c r="H347861" s="12"/>
    </row>
    <row r="347862" spans="8:8">
      <c r="H347862" s="12"/>
    </row>
    <row r="347863" spans="8:8">
      <c r="H347863" s="12"/>
    </row>
    <row r="347864" spans="8:8">
      <c r="H347864" s="12"/>
    </row>
    <row r="347865" spans="8:8">
      <c r="H347865" s="12"/>
    </row>
    <row r="347866" spans="8:8">
      <c r="H347866" s="12"/>
    </row>
    <row r="347867" spans="8:8">
      <c r="H347867" s="12"/>
    </row>
    <row r="347868" spans="8:8">
      <c r="H347868" s="12"/>
    </row>
    <row r="347869" spans="8:8">
      <c r="H347869" s="12"/>
    </row>
    <row r="347870" spans="8:8">
      <c r="H347870" s="12"/>
    </row>
    <row r="347871" spans="8:8">
      <c r="H347871" s="12"/>
    </row>
    <row r="347872" spans="8:8">
      <c r="H347872" s="12"/>
    </row>
    <row r="347873" spans="8:8">
      <c r="H347873" s="12"/>
    </row>
    <row r="347874" spans="8:8">
      <c r="H347874" s="12"/>
    </row>
    <row r="347875" spans="8:8">
      <c r="H347875" s="12"/>
    </row>
    <row r="347876" spans="8:8">
      <c r="H347876" s="12"/>
    </row>
    <row r="347877" spans="8:8">
      <c r="H347877" s="12"/>
    </row>
    <row r="347878" spans="8:8">
      <c r="H347878" s="12"/>
    </row>
    <row r="347879" spans="8:8">
      <c r="H347879" s="12"/>
    </row>
    <row r="347880" spans="8:8">
      <c r="H347880" s="12"/>
    </row>
    <row r="347881" spans="8:8">
      <c r="H347881" s="12"/>
    </row>
    <row r="347882" spans="8:8">
      <c r="H347882" s="12"/>
    </row>
    <row r="347883" spans="8:8">
      <c r="H347883" s="12"/>
    </row>
    <row r="347884" spans="8:8">
      <c r="H347884" s="12"/>
    </row>
    <row r="347885" spans="8:8">
      <c r="H347885" s="12"/>
    </row>
    <row r="347886" spans="8:8">
      <c r="H347886" s="12"/>
    </row>
    <row r="347887" spans="8:8">
      <c r="H347887" s="12"/>
    </row>
    <row r="347888" spans="8:8">
      <c r="H347888" s="12"/>
    </row>
    <row r="347889" spans="8:8">
      <c r="H347889" s="12"/>
    </row>
    <row r="347890" spans="8:8">
      <c r="H347890" s="12"/>
    </row>
    <row r="347891" spans="8:8">
      <c r="H347891" s="12"/>
    </row>
    <row r="347892" spans="8:8">
      <c r="H347892" s="12"/>
    </row>
    <row r="347893" spans="8:8">
      <c r="H347893" s="12"/>
    </row>
    <row r="347894" spans="8:8">
      <c r="H347894" s="12"/>
    </row>
    <row r="347895" spans="8:8">
      <c r="H347895" s="12"/>
    </row>
    <row r="347896" spans="8:8">
      <c r="H347896" s="12"/>
    </row>
    <row r="347897" spans="8:8">
      <c r="H347897" s="12"/>
    </row>
    <row r="347898" spans="8:8">
      <c r="H347898" s="12"/>
    </row>
    <row r="347899" spans="8:8">
      <c r="H347899" s="12"/>
    </row>
    <row r="347900" spans="8:8">
      <c r="H347900" s="12"/>
    </row>
    <row r="347901" spans="8:8">
      <c r="H347901" s="12"/>
    </row>
    <row r="347902" spans="8:8">
      <c r="H347902" s="12"/>
    </row>
    <row r="347903" spans="8:8">
      <c r="H347903" s="12"/>
    </row>
    <row r="347904" spans="8:8">
      <c r="H347904" s="12"/>
    </row>
    <row r="347905" spans="8:8">
      <c r="H347905" s="12"/>
    </row>
    <row r="347906" spans="8:8">
      <c r="H347906" s="12"/>
    </row>
    <row r="347907" spans="8:8">
      <c r="H347907" s="12"/>
    </row>
    <row r="347908" spans="8:8">
      <c r="H347908" s="12"/>
    </row>
    <row r="347909" spans="8:8">
      <c r="H347909" s="12"/>
    </row>
    <row r="347910" spans="8:8">
      <c r="H347910" s="12"/>
    </row>
    <row r="347911" spans="8:8">
      <c r="H347911" s="12"/>
    </row>
    <row r="347912" spans="8:8">
      <c r="H347912" s="12"/>
    </row>
    <row r="347913" spans="8:8">
      <c r="H347913" s="12"/>
    </row>
    <row r="347914" spans="8:8">
      <c r="H347914" s="12"/>
    </row>
    <row r="347915" spans="8:8">
      <c r="H347915" s="12"/>
    </row>
    <row r="347916" spans="8:8">
      <c r="H347916" s="12"/>
    </row>
    <row r="347917" spans="8:8">
      <c r="H347917" s="12"/>
    </row>
    <row r="347918" spans="8:8">
      <c r="H347918" s="12"/>
    </row>
    <row r="347919" spans="8:8">
      <c r="H347919" s="12"/>
    </row>
    <row r="347920" spans="8:8">
      <c r="H347920" s="12"/>
    </row>
    <row r="347921" spans="8:8">
      <c r="H347921" s="12"/>
    </row>
    <row r="347922" spans="8:8">
      <c r="H347922" s="12"/>
    </row>
    <row r="347923" spans="8:8">
      <c r="H347923" s="12"/>
    </row>
    <row r="347924" spans="8:8">
      <c r="H347924" s="12"/>
    </row>
    <row r="347925" spans="8:8">
      <c r="H347925" s="12"/>
    </row>
    <row r="347926" spans="8:8">
      <c r="H347926" s="12"/>
    </row>
    <row r="347927" spans="8:8">
      <c r="H347927" s="12"/>
    </row>
    <row r="347928" spans="8:8">
      <c r="H347928" s="12"/>
    </row>
    <row r="347929" spans="8:8">
      <c r="H347929" s="12"/>
    </row>
    <row r="347930" spans="8:8">
      <c r="H347930" s="12"/>
    </row>
    <row r="347931" spans="8:8">
      <c r="H347931" s="12"/>
    </row>
    <row r="347932" spans="8:8">
      <c r="H347932" s="12"/>
    </row>
    <row r="347933" spans="8:8">
      <c r="H347933" s="12"/>
    </row>
    <row r="347934" spans="8:8">
      <c r="H347934" s="12"/>
    </row>
    <row r="347935" spans="8:8">
      <c r="H347935" s="12"/>
    </row>
    <row r="347936" spans="8:8">
      <c r="H347936" s="12"/>
    </row>
    <row r="347937" spans="8:8">
      <c r="H347937" s="12"/>
    </row>
    <row r="347938" spans="8:8">
      <c r="H347938" s="12"/>
    </row>
    <row r="347939" spans="8:8">
      <c r="H347939" s="12"/>
    </row>
    <row r="347940" spans="8:8">
      <c r="H347940" s="12"/>
    </row>
    <row r="347941" spans="8:8">
      <c r="H347941" s="12"/>
    </row>
    <row r="347942" spans="8:8">
      <c r="H347942" s="12"/>
    </row>
    <row r="347943" spans="8:8">
      <c r="H347943" s="12"/>
    </row>
    <row r="347944" spans="8:8">
      <c r="H347944" s="12"/>
    </row>
    <row r="347945" spans="8:8">
      <c r="H347945" s="12"/>
    </row>
    <row r="347946" spans="8:8">
      <c r="H347946" s="12"/>
    </row>
    <row r="347947" spans="8:8">
      <c r="H347947" s="12"/>
    </row>
    <row r="347948" spans="8:8">
      <c r="H347948" s="12"/>
    </row>
    <row r="347949" spans="8:8">
      <c r="H347949" s="12"/>
    </row>
    <row r="347950" spans="8:8">
      <c r="H347950" s="12"/>
    </row>
    <row r="347951" spans="8:8">
      <c r="H347951" s="12"/>
    </row>
    <row r="347952" spans="8:8">
      <c r="H347952" s="12"/>
    </row>
    <row r="347953" spans="8:8">
      <c r="H347953" s="12"/>
    </row>
    <row r="347954" spans="8:8">
      <c r="H347954" s="12"/>
    </row>
    <row r="347955" spans="8:8">
      <c r="H347955" s="12"/>
    </row>
    <row r="347956" spans="8:8">
      <c r="H347956" s="12"/>
    </row>
    <row r="347957" spans="8:8">
      <c r="H347957" s="12"/>
    </row>
    <row r="347958" spans="8:8">
      <c r="H347958" s="12"/>
    </row>
    <row r="347959" spans="8:8">
      <c r="H347959" s="12"/>
    </row>
    <row r="347960" spans="8:8">
      <c r="H347960" s="12"/>
    </row>
    <row r="347961" spans="8:8">
      <c r="H347961" s="12"/>
    </row>
    <row r="347962" spans="8:8">
      <c r="H347962" s="12"/>
    </row>
    <row r="347963" spans="8:8">
      <c r="H347963" s="12"/>
    </row>
    <row r="347964" spans="8:8">
      <c r="H347964" s="12"/>
    </row>
    <row r="347965" spans="8:8">
      <c r="H347965" s="12"/>
    </row>
    <row r="347966" spans="8:8">
      <c r="H347966" s="12"/>
    </row>
    <row r="347967" spans="8:8">
      <c r="H347967" s="12"/>
    </row>
    <row r="347968" spans="8:8">
      <c r="H347968" s="12"/>
    </row>
    <row r="347969" spans="8:8">
      <c r="H347969" s="12"/>
    </row>
    <row r="347970" spans="8:8">
      <c r="H347970" s="12"/>
    </row>
    <row r="347971" spans="8:8">
      <c r="H347971" s="12"/>
    </row>
    <row r="347972" spans="8:8">
      <c r="H347972" s="12"/>
    </row>
    <row r="347973" spans="8:8">
      <c r="H347973" s="12"/>
    </row>
    <row r="347974" spans="8:8">
      <c r="H347974" s="12"/>
    </row>
    <row r="347975" spans="8:8">
      <c r="H347975" s="12"/>
    </row>
    <row r="347976" spans="8:8">
      <c r="H347976" s="12"/>
    </row>
    <row r="347977" spans="8:8">
      <c r="H347977" s="12"/>
    </row>
    <row r="347978" spans="8:8">
      <c r="H347978" s="12"/>
    </row>
    <row r="347979" spans="8:8">
      <c r="H347979" s="12"/>
    </row>
    <row r="347980" spans="8:8">
      <c r="H347980" s="12"/>
    </row>
    <row r="347981" spans="8:8">
      <c r="H347981" s="12"/>
    </row>
    <row r="347982" spans="8:8">
      <c r="H347982" s="12"/>
    </row>
    <row r="347983" spans="8:8">
      <c r="H347983" s="12"/>
    </row>
    <row r="347984" spans="8:8">
      <c r="H347984" s="12"/>
    </row>
    <row r="347985" spans="8:8">
      <c r="H347985" s="12"/>
    </row>
    <row r="347986" spans="8:8">
      <c r="H347986" s="12"/>
    </row>
    <row r="347987" spans="8:8">
      <c r="H347987" s="12"/>
    </row>
    <row r="347988" spans="8:8">
      <c r="H347988" s="12"/>
    </row>
    <row r="347989" spans="8:8">
      <c r="H347989" s="12"/>
    </row>
    <row r="347990" spans="8:8">
      <c r="H347990" s="12"/>
    </row>
    <row r="347991" spans="8:8">
      <c r="H347991" s="12"/>
    </row>
    <row r="347992" spans="8:8">
      <c r="H347992" s="12"/>
    </row>
    <row r="347993" spans="8:8">
      <c r="H347993" s="12"/>
    </row>
    <row r="347994" spans="8:8">
      <c r="H347994" s="12"/>
    </row>
    <row r="347995" spans="8:8">
      <c r="H347995" s="12"/>
    </row>
    <row r="347996" spans="8:8">
      <c r="H347996" s="12"/>
    </row>
    <row r="347997" spans="8:8">
      <c r="H347997" s="12"/>
    </row>
    <row r="347998" spans="8:8">
      <c r="H347998" s="12"/>
    </row>
    <row r="347999" spans="8:8">
      <c r="H347999" s="12"/>
    </row>
    <row r="348000" spans="8:8">
      <c r="H348000" s="12"/>
    </row>
    <row r="348001" spans="8:8">
      <c r="H348001" s="12"/>
    </row>
    <row r="348002" spans="8:8">
      <c r="H348002" s="12"/>
    </row>
    <row r="348003" spans="8:8">
      <c r="H348003" s="12"/>
    </row>
    <row r="348004" spans="8:8">
      <c r="H348004" s="12"/>
    </row>
    <row r="348005" spans="8:8">
      <c r="H348005" s="12"/>
    </row>
    <row r="348006" spans="8:8">
      <c r="H348006" s="12"/>
    </row>
    <row r="348007" spans="8:8">
      <c r="H348007" s="12"/>
    </row>
    <row r="348008" spans="8:8">
      <c r="H348008" s="12"/>
    </row>
    <row r="348009" spans="8:8">
      <c r="H348009" s="12"/>
    </row>
    <row r="348010" spans="8:8">
      <c r="H348010" s="12"/>
    </row>
    <row r="348011" spans="8:8">
      <c r="H348011" s="12"/>
    </row>
    <row r="348012" spans="8:8">
      <c r="H348012" s="12"/>
    </row>
    <row r="348013" spans="8:8">
      <c r="H348013" s="12"/>
    </row>
    <row r="348014" spans="8:8">
      <c r="H348014" s="12"/>
    </row>
    <row r="348015" spans="8:8">
      <c r="H348015" s="12"/>
    </row>
    <row r="348016" spans="8:8">
      <c r="H348016" s="12"/>
    </row>
    <row r="348017" spans="8:8">
      <c r="H348017" s="12"/>
    </row>
    <row r="348018" spans="8:8">
      <c r="H348018" s="12"/>
    </row>
    <row r="348019" spans="8:8">
      <c r="H348019" s="12"/>
    </row>
    <row r="348020" spans="8:8">
      <c r="H348020" s="12"/>
    </row>
    <row r="348021" spans="8:8">
      <c r="H348021" s="12"/>
    </row>
    <row r="348022" spans="8:8">
      <c r="H348022" s="12"/>
    </row>
    <row r="348023" spans="8:8">
      <c r="H348023" s="12"/>
    </row>
    <row r="348024" spans="8:8">
      <c r="H348024" s="12"/>
    </row>
    <row r="348025" spans="8:8">
      <c r="H348025" s="12"/>
    </row>
    <row r="348026" spans="8:8">
      <c r="H348026" s="12"/>
    </row>
    <row r="348027" spans="8:8">
      <c r="H348027" s="12"/>
    </row>
    <row r="348028" spans="8:8">
      <c r="H348028" s="12"/>
    </row>
    <row r="348029" spans="8:8">
      <c r="H348029" s="12"/>
    </row>
    <row r="348030" spans="8:8">
      <c r="H348030" s="12"/>
    </row>
    <row r="348031" spans="8:8">
      <c r="H348031" s="12"/>
    </row>
    <row r="348032" spans="8:8">
      <c r="H348032" s="12"/>
    </row>
    <row r="348033" spans="8:8">
      <c r="H348033" s="12"/>
    </row>
    <row r="348034" spans="8:8">
      <c r="H348034" s="12"/>
    </row>
    <row r="348035" spans="8:8">
      <c r="H348035" s="12"/>
    </row>
    <row r="348036" spans="8:8">
      <c r="H348036" s="12"/>
    </row>
    <row r="348037" spans="8:8">
      <c r="H348037" s="12"/>
    </row>
    <row r="348038" spans="8:8">
      <c r="H348038" s="12"/>
    </row>
    <row r="348039" spans="8:8">
      <c r="H348039" s="12"/>
    </row>
    <row r="348040" spans="8:8">
      <c r="H348040" s="12"/>
    </row>
    <row r="348041" spans="8:8">
      <c r="H348041" s="12"/>
    </row>
    <row r="348042" spans="8:8">
      <c r="H348042" s="12"/>
    </row>
    <row r="348043" spans="8:8">
      <c r="H348043" s="12"/>
    </row>
    <row r="348044" spans="8:8">
      <c r="H348044" s="12"/>
    </row>
    <row r="348045" spans="8:8">
      <c r="H348045" s="12"/>
    </row>
    <row r="348046" spans="8:8">
      <c r="H348046" s="12"/>
    </row>
    <row r="348047" spans="8:8">
      <c r="H348047" s="12"/>
    </row>
    <row r="348048" spans="8:8">
      <c r="H348048" s="12"/>
    </row>
    <row r="348049" spans="8:8">
      <c r="H348049" s="12"/>
    </row>
    <row r="348050" spans="8:8">
      <c r="H348050" s="12"/>
    </row>
    <row r="348051" spans="8:8">
      <c r="H348051" s="12"/>
    </row>
    <row r="348052" spans="8:8">
      <c r="H348052" s="12"/>
    </row>
    <row r="348053" spans="8:8">
      <c r="H348053" s="12"/>
    </row>
    <row r="348054" spans="8:8">
      <c r="H348054" s="12"/>
    </row>
    <row r="348055" spans="8:8">
      <c r="H348055" s="12"/>
    </row>
    <row r="348056" spans="8:8">
      <c r="H348056" s="12"/>
    </row>
    <row r="348057" spans="8:8">
      <c r="H348057" s="12"/>
    </row>
    <row r="348058" spans="8:8">
      <c r="H348058" s="12"/>
    </row>
    <row r="348059" spans="8:8">
      <c r="H348059" s="12"/>
    </row>
    <row r="348060" spans="8:8">
      <c r="H348060" s="12"/>
    </row>
    <row r="348061" spans="8:8">
      <c r="H348061" s="12"/>
    </row>
    <row r="348062" spans="8:8">
      <c r="H348062" s="12"/>
    </row>
    <row r="348063" spans="8:8">
      <c r="H348063" s="12"/>
    </row>
    <row r="348064" spans="8:8">
      <c r="H348064" s="12"/>
    </row>
    <row r="348065" spans="8:8">
      <c r="H348065" s="12"/>
    </row>
    <row r="348066" spans="8:8">
      <c r="H348066" s="12"/>
    </row>
    <row r="348067" spans="8:8">
      <c r="H348067" s="12"/>
    </row>
    <row r="348068" spans="8:8">
      <c r="H348068" s="12"/>
    </row>
    <row r="348069" spans="8:8">
      <c r="H348069" s="12"/>
    </row>
    <row r="348070" spans="8:8">
      <c r="H348070" s="12"/>
    </row>
    <row r="348071" spans="8:8">
      <c r="H348071" s="12"/>
    </row>
    <row r="348072" spans="8:8">
      <c r="H348072" s="12"/>
    </row>
    <row r="348073" spans="8:8">
      <c r="H348073" s="12"/>
    </row>
    <row r="348074" spans="8:8">
      <c r="H348074" s="12"/>
    </row>
    <row r="348075" spans="8:8">
      <c r="H348075" s="12"/>
    </row>
    <row r="348076" spans="8:8">
      <c r="H348076" s="12"/>
    </row>
    <row r="348077" spans="8:8">
      <c r="H348077" s="12"/>
    </row>
    <row r="348078" spans="8:8">
      <c r="H348078" s="12"/>
    </row>
    <row r="348079" spans="8:8">
      <c r="H348079" s="12"/>
    </row>
    <row r="348080" spans="8:8">
      <c r="H348080" s="12"/>
    </row>
    <row r="348081" spans="8:8">
      <c r="H348081" s="12"/>
    </row>
    <row r="348082" spans="8:8">
      <c r="H348082" s="12"/>
    </row>
    <row r="348083" spans="8:8">
      <c r="H348083" s="12"/>
    </row>
    <row r="348084" spans="8:8">
      <c r="H348084" s="12"/>
    </row>
    <row r="348085" spans="8:8">
      <c r="H348085" s="12"/>
    </row>
    <row r="348086" spans="8:8">
      <c r="H348086" s="12"/>
    </row>
    <row r="348087" spans="8:8">
      <c r="H348087" s="12"/>
    </row>
    <row r="348088" spans="8:8">
      <c r="H348088" s="12"/>
    </row>
    <row r="348089" spans="8:8">
      <c r="H348089" s="12"/>
    </row>
    <row r="348090" spans="8:8">
      <c r="H348090" s="12"/>
    </row>
    <row r="348091" spans="8:8">
      <c r="H348091" s="12"/>
    </row>
    <row r="348092" spans="8:8">
      <c r="H348092" s="12"/>
    </row>
    <row r="348093" spans="8:8">
      <c r="H348093" s="12"/>
    </row>
    <row r="348094" spans="8:8">
      <c r="H348094" s="12"/>
    </row>
    <row r="348095" spans="8:8">
      <c r="H348095" s="12"/>
    </row>
    <row r="348096" spans="8:8">
      <c r="H348096" s="12"/>
    </row>
    <row r="348097" spans="8:8">
      <c r="H348097" s="12"/>
    </row>
    <row r="348098" spans="8:8">
      <c r="H348098" s="12"/>
    </row>
    <row r="348099" spans="8:8">
      <c r="H348099" s="12"/>
    </row>
    <row r="348100" spans="8:8">
      <c r="H348100" s="12"/>
    </row>
    <row r="348101" spans="8:8">
      <c r="H348101" s="12"/>
    </row>
    <row r="348102" spans="8:8">
      <c r="H348102" s="12"/>
    </row>
    <row r="348103" spans="8:8">
      <c r="H348103" s="12"/>
    </row>
    <row r="348104" spans="8:8">
      <c r="H348104" s="12"/>
    </row>
    <row r="348105" spans="8:8">
      <c r="H348105" s="12"/>
    </row>
    <row r="348106" spans="8:8">
      <c r="H348106" s="12"/>
    </row>
    <row r="348107" spans="8:8">
      <c r="H348107" s="12"/>
    </row>
    <row r="348108" spans="8:8">
      <c r="H348108" s="12"/>
    </row>
    <row r="348109" spans="8:8">
      <c r="H348109" s="12"/>
    </row>
    <row r="348110" spans="8:8">
      <c r="H348110" s="12"/>
    </row>
    <row r="348111" spans="8:8">
      <c r="H348111" s="12"/>
    </row>
    <row r="348112" spans="8:8">
      <c r="H348112" s="12"/>
    </row>
    <row r="348113" spans="8:8">
      <c r="H348113" s="12"/>
    </row>
    <row r="348114" spans="8:8">
      <c r="H348114" s="12"/>
    </row>
    <row r="348115" spans="8:8">
      <c r="H348115" s="12"/>
    </row>
    <row r="348116" spans="8:8">
      <c r="H348116" s="12"/>
    </row>
    <row r="348117" spans="8:8">
      <c r="H348117" s="12"/>
    </row>
    <row r="348118" spans="8:8">
      <c r="H348118" s="12"/>
    </row>
    <row r="348119" spans="8:8">
      <c r="H348119" s="12"/>
    </row>
    <row r="348120" spans="8:8">
      <c r="H348120" s="12"/>
    </row>
    <row r="348121" spans="8:8">
      <c r="H348121" s="12"/>
    </row>
    <row r="348122" spans="8:8">
      <c r="H348122" s="12"/>
    </row>
    <row r="348123" spans="8:8">
      <c r="H348123" s="12"/>
    </row>
    <row r="348124" spans="8:8">
      <c r="H348124" s="12"/>
    </row>
    <row r="348125" spans="8:8">
      <c r="H348125" s="12"/>
    </row>
    <row r="348126" spans="8:8">
      <c r="H348126" s="12"/>
    </row>
    <row r="348127" spans="8:8">
      <c r="H348127" s="12"/>
    </row>
    <row r="348128" spans="8:8">
      <c r="H348128" s="12"/>
    </row>
    <row r="348129" spans="8:8">
      <c r="H348129" s="12"/>
    </row>
    <row r="348130" spans="8:8">
      <c r="H348130" s="12"/>
    </row>
    <row r="348131" spans="8:8">
      <c r="H348131" s="12"/>
    </row>
    <row r="348132" spans="8:8">
      <c r="H348132" s="12"/>
    </row>
    <row r="348133" spans="8:8">
      <c r="H348133" s="12"/>
    </row>
    <row r="348134" spans="8:8">
      <c r="H348134" s="12"/>
    </row>
    <row r="348135" spans="8:8">
      <c r="H348135" s="12"/>
    </row>
    <row r="348136" spans="8:8">
      <c r="H348136" s="12"/>
    </row>
    <row r="348137" spans="8:8">
      <c r="H348137" s="12"/>
    </row>
    <row r="348138" spans="8:8">
      <c r="H348138" s="12"/>
    </row>
    <row r="348139" spans="8:8">
      <c r="H348139" s="12"/>
    </row>
    <row r="348140" spans="8:8">
      <c r="H348140" s="12"/>
    </row>
    <row r="348141" spans="8:8">
      <c r="H348141" s="12"/>
    </row>
    <row r="348142" spans="8:8">
      <c r="H348142" s="12"/>
    </row>
    <row r="348143" spans="8:8">
      <c r="H348143" s="12"/>
    </row>
    <row r="348144" spans="8:8">
      <c r="H348144" s="12"/>
    </row>
    <row r="348145" spans="8:8">
      <c r="H348145" s="12"/>
    </row>
    <row r="348146" spans="8:8">
      <c r="H348146" s="12"/>
    </row>
    <row r="348147" spans="8:8">
      <c r="H348147" s="12"/>
    </row>
    <row r="348148" spans="8:8">
      <c r="H348148" s="12"/>
    </row>
    <row r="348149" spans="8:8">
      <c r="H348149" s="12"/>
    </row>
    <row r="348150" spans="8:8">
      <c r="H348150" s="12"/>
    </row>
    <row r="348151" spans="8:8">
      <c r="H348151" s="12"/>
    </row>
    <row r="348152" spans="8:8">
      <c r="H348152" s="12"/>
    </row>
    <row r="348153" spans="8:8">
      <c r="H348153" s="12"/>
    </row>
    <row r="348154" spans="8:8">
      <c r="H348154" s="12"/>
    </row>
    <row r="348155" spans="8:8">
      <c r="H348155" s="12"/>
    </row>
    <row r="348156" spans="8:8">
      <c r="H348156" s="12"/>
    </row>
    <row r="348157" spans="8:8">
      <c r="H348157" s="12"/>
    </row>
    <row r="348158" spans="8:8">
      <c r="H348158" s="12"/>
    </row>
    <row r="348159" spans="8:8">
      <c r="H348159" s="12"/>
    </row>
    <row r="348160" spans="8:8">
      <c r="H348160" s="12"/>
    </row>
    <row r="348161" spans="8:8">
      <c r="H348161" s="12"/>
    </row>
    <row r="348162" spans="8:8">
      <c r="H348162" s="12"/>
    </row>
    <row r="348163" spans="8:8">
      <c r="H348163" s="12"/>
    </row>
    <row r="348164" spans="8:8">
      <c r="H348164" s="12"/>
    </row>
    <row r="348165" spans="8:8">
      <c r="H348165" s="12"/>
    </row>
    <row r="348166" spans="8:8">
      <c r="H348166" s="12"/>
    </row>
    <row r="348167" spans="8:8">
      <c r="H348167" s="12"/>
    </row>
    <row r="348168" spans="8:8">
      <c r="H348168" s="12"/>
    </row>
    <row r="348169" spans="8:8">
      <c r="H348169" s="12"/>
    </row>
    <row r="348170" spans="8:8">
      <c r="H348170" s="12"/>
    </row>
    <row r="348171" spans="8:8">
      <c r="H348171" s="12"/>
    </row>
    <row r="348172" spans="8:8">
      <c r="H348172" s="12"/>
    </row>
    <row r="348173" spans="8:8">
      <c r="H348173" s="12"/>
    </row>
    <row r="348174" spans="8:8">
      <c r="H348174" s="12"/>
    </row>
    <row r="348175" spans="8:8">
      <c r="H348175" s="12"/>
    </row>
    <row r="348176" spans="8:8">
      <c r="H348176" s="12"/>
    </row>
    <row r="348177" spans="8:8">
      <c r="H348177" s="12"/>
    </row>
    <row r="348178" spans="8:8">
      <c r="H348178" s="12"/>
    </row>
    <row r="348179" spans="8:8">
      <c r="H348179" s="12"/>
    </row>
    <row r="348180" spans="8:8">
      <c r="H348180" s="12"/>
    </row>
    <row r="348181" spans="8:8">
      <c r="H348181" s="12"/>
    </row>
    <row r="348182" spans="8:8">
      <c r="H348182" s="12"/>
    </row>
    <row r="348183" spans="8:8">
      <c r="H348183" s="12"/>
    </row>
    <row r="348184" spans="8:8">
      <c r="H348184" s="12"/>
    </row>
    <row r="348185" spans="8:8">
      <c r="H348185" s="12"/>
    </row>
    <row r="348186" spans="8:8">
      <c r="H348186" s="12"/>
    </row>
    <row r="348187" spans="8:8">
      <c r="H348187" s="12"/>
    </row>
    <row r="348188" spans="8:8">
      <c r="H348188" s="12"/>
    </row>
    <row r="348189" spans="8:8">
      <c r="H348189" s="12"/>
    </row>
    <row r="348190" spans="8:8">
      <c r="H348190" s="12"/>
    </row>
    <row r="348191" spans="8:8">
      <c r="H348191" s="12"/>
    </row>
    <row r="348192" spans="8:8">
      <c r="H348192" s="12"/>
    </row>
    <row r="348193" spans="8:8">
      <c r="H348193" s="12"/>
    </row>
    <row r="348194" spans="8:8">
      <c r="H348194" s="12"/>
    </row>
    <row r="348195" spans="8:8">
      <c r="H348195" s="12"/>
    </row>
    <row r="348196" spans="8:8">
      <c r="H348196" s="12"/>
    </row>
    <row r="348197" spans="8:8">
      <c r="H348197" s="12"/>
    </row>
    <row r="348198" spans="8:8">
      <c r="H348198" s="12"/>
    </row>
    <row r="348199" spans="8:8">
      <c r="H348199" s="12"/>
    </row>
    <row r="348200" spans="8:8">
      <c r="H348200" s="12"/>
    </row>
    <row r="348201" spans="8:8">
      <c r="H348201" s="12"/>
    </row>
    <row r="348202" spans="8:8">
      <c r="H348202" s="12"/>
    </row>
    <row r="348203" spans="8:8">
      <c r="H348203" s="12"/>
    </row>
    <row r="348204" spans="8:8">
      <c r="H348204" s="12"/>
    </row>
    <row r="348205" spans="8:8">
      <c r="H348205" s="12"/>
    </row>
    <row r="348206" spans="8:8">
      <c r="H348206" s="12"/>
    </row>
    <row r="348207" spans="8:8">
      <c r="H348207" s="12"/>
    </row>
    <row r="348208" spans="8:8">
      <c r="H348208" s="12"/>
    </row>
    <row r="348209" spans="8:8">
      <c r="H348209" s="12"/>
    </row>
    <row r="348210" spans="8:8">
      <c r="H348210" s="12"/>
    </row>
    <row r="348211" spans="8:8">
      <c r="H348211" s="12"/>
    </row>
    <row r="348212" spans="8:8">
      <c r="H348212" s="12"/>
    </row>
    <row r="348213" spans="8:8">
      <c r="H348213" s="12"/>
    </row>
    <row r="348214" spans="8:8">
      <c r="H348214" s="12"/>
    </row>
    <row r="348215" spans="8:8">
      <c r="H348215" s="12"/>
    </row>
    <row r="348216" spans="8:8">
      <c r="H348216" s="12"/>
    </row>
    <row r="348217" spans="8:8">
      <c r="H348217" s="12"/>
    </row>
    <row r="348218" spans="8:8">
      <c r="H348218" s="12"/>
    </row>
    <row r="348219" spans="8:8">
      <c r="H348219" s="12"/>
    </row>
    <row r="348220" spans="8:8">
      <c r="H348220" s="12"/>
    </row>
    <row r="348221" spans="8:8">
      <c r="H348221" s="12"/>
    </row>
    <row r="348222" spans="8:8">
      <c r="H348222" s="12"/>
    </row>
    <row r="348223" spans="8:8">
      <c r="H348223" s="12"/>
    </row>
    <row r="348224" spans="8:8">
      <c r="H348224" s="12"/>
    </row>
    <row r="348225" spans="8:8">
      <c r="H348225" s="12"/>
    </row>
    <row r="348226" spans="8:8">
      <c r="H348226" s="12"/>
    </row>
    <row r="348227" spans="8:8">
      <c r="H348227" s="12"/>
    </row>
    <row r="348228" spans="8:8">
      <c r="H348228" s="12"/>
    </row>
    <row r="348229" spans="8:8">
      <c r="H348229" s="12"/>
    </row>
    <row r="348230" spans="8:8">
      <c r="H348230" s="12"/>
    </row>
    <row r="348231" spans="8:8">
      <c r="H348231" s="12"/>
    </row>
    <row r="348232" spans="8:8">
      <c r="H348232" s="12"/>
    </row>
    <row r="348233" spans="8:8">
      <c r="H348233" s="12"/>
    </row>
    <row r="348234" spans="8:8">
      <c r="H348234" s="12"/>
    </row>
    <row r="348235" spans="8:8">
      <c r="H348235" s="12"/>
    </row>
    <row r="348236" spans="8:8">
      <c r="H348236" s="12"/>
    </row>
    <row r="348237" spans="8:8">
      <c r="H348237" s="12"/>
    </row>
    <row r="348238" spans="8:8">
      <c r="H348238" s="12"/>
    </row>
    <row r="348239" spans="8:8">
      <c r="H348239" s="12"/>
    </row>
    <row r="348240" spans="8:8">
      <c r="H348240" s="12"/>
    </row>
    <row r="348241" spans="8:8">
      <c r="H348241" s="12"/>
    </row>
    <row r="348242" spans="8:8">
      <c r="H348242" s="12"/>
    </row>
    <row r="348243" spans="8:8">
      <c r="H348243" s="12"/>
    </row>
    <row r="348244" spans="8:8">
      <c r="H348244" s="12"/>
    </row>
    <row r="348245" spans="8:8">
      <c r="H348245" s="12"/>
    </row>
    <row r="348246" spans="8:8">
      <c r="H348246" s="12"/>
    </row>
    <row r="348247" spans="8:8">
      <c r="H348247" s="12"/>
    </row>
    <row r="348248" spans="8:8">
      <c r="H348248" s="12"/>
    </row>
    <row r="348249" spans="8:8">
      <c r="H348249" s="12"/>
    </row>
    <row r="348250" spans="8:8">
      <c r="H348250" s="12"/>
    </row>
    <row r="348251" spans="8:8">
      <c r="H348251" s="12"/>
    </row>
    <row r="348252" spans="8:8">
      <c r="H348252" s="12"/>
    </row>
    <row r="348253" spans="8:8">
      <c r="H348253" s="12"/>
    </row>
    <row r="348254" spans="8:8">
      <c r="H348254" s="12"/>
    </row>
    <row r="348255" spans="8:8">
      <c r="H348255" s="12"/>
    </row>
    <row r="348256" spans="8:8">
      <c r="H348256" s="12"/>
    </row>
    <row r="348257" spans="8:8">
      <c r="H348257" s="12"/>
    </row>
    <row r="348258" spans="8:8">
      <c r="H348258" s="12"/>
    </row>
    <row r="348259" spans="8:8">
      <c r="H348259" s="12"/>
    </row>
    <row r="348260" spans="8:8">
      <c r="H348260" s="12"/>
    </row>
    <row r="348261" spans="8:8">
      <c r="H348261" s="12"/>
    </row>
    <row r="348262" spans="8:8">
      <c r="H348262" s="12"/>
    </row>
    <row r="348263" spans="8:8">
      <c r="H348263" s="12"/>
    </row>
    <row r="348264" spans="8:8">
      <c r="H348264" s="12"/>
    </row>
    <row r="348265" spans="8:8">
      <c r="H348265" s="12"/>
    </row>
    <row r="348266" spans="8:8">
      <c r="H348266" s="12"/>
    </row>
    <row r="348267" spans="8:8">
      <c r="H348267" s="12"/>
    </row>
    <row r="348268" spans="8:8">
      <c r="H348268" s="12"/>
    </row>
    <row r="348269" spans="8:8">
      <c r="H348269" s="12"/>
    </row>
    <row r="348270" spans="8:8">
      <c r="H348270" s="12"/>
    </row>
    <row r="348271" spans="8:8">
      <c r="H348271" s="12"/>
    </row>
    <row r="348272" spans="8:8">
      <c r="H348272" s="12"/>
    </row>
    <row r="348273" spans="8:8">
      <c r="H348273" s="12"/>
    </row>
    <row r="348274" spans="8:8">
      <c r="H348274" s="12"/>
    </row>
    <row r="348275" spans="8:8">
      <c r="H348275" s="12"/>
    </row>
    <row r="348276" spans="8:8">
      <c r="H348276" s="12"/>
    </row>
    <row r="348277" spans="8:8">
      <c r="H348277" s="12"/>
    </row>
    <row r="348278" spans="8:8">
      <c r="H348278" s="12"/>
    </row>
    <row r="348279" spans="8:8">
      <c r="H348279" s="12"/>
    </row>
    <row r="348280" spans="8:8">
      <c r="H348280" s="12"/>
    </row>
    <row r="348281" spans="8:8">
      <c r="H348281" s="12"/>
    </row>
    <row r="348282" spans="8:8">
      <c r="H348282" s="12"/>
    </row>
    <row r="348283" spans="8:8">
      <c r="H348283" s="12"/>
    </row>
    <row r="348284" spans="8:8">
      <c r="H348284" s="12"/>
    </row>
    <row r="348285" spans="8:8">
      <c r="H348285" s="12"/>
    </row>
    <row r="348286" spans="8:8">
      <c r="H348286" s="12"/>
    </row>
    <row r="348287" spans="8:8">
      <c r="H348287" s="12"/>
    </row>
    <row r="348288" spans="8:8">
      <c r="H348288" s="12"/>
    </row>
    <row r="348289" spans="8:8">
      <c r="H348289" s="12"/>
    </row>
    <row r="348290" spans="8:8">
      <c r="H348290" s="12"/>
    </row>
    <row r="348291" spans="8:8">
      <c r="H348291" s="12"/>
    </row>
    <row r="348292" spans="8:8">
      <c r="H348292" s="12"/>
    </row>
    <row r="348293" spans="8:8">
      <c r="H348293" s="12"/>
    </row>
    <row r="348294" spans="8:8">
      <c r="H348294" s="12"/>
    </row>
    <row r="348295" spans="8:8">
      <c r="H348295" s="12"/>
    </row>
    <row r="348296" spans="8:8">
      <c r="H348296" s="12"/>
    </row>
    <row r="348297" spans="8:8">
      <c r="H348297" s="12"/>
    </row>
    <row r="348298" spans="8:8">
      <c r="H348298" s="12"/>
    </row>
    <row r="348299" spans="8:8">
      <c r="H348299" s="12"/>
    </row>
    <row r="348300" spans="8:8">
      <c r="H348300" s="12"/>
    </row>
    <row r="348301" spans="8:8">
      <c r="H348301" s="12"/>
    </row>
    <row r="348302" spans="8:8">
      <c r="H348302" s="12"/>
    </row>
    <row r="348303" spans="8:8">
      <c r="H348303" s="12"/>
    </row>
    <row r="348304" spans="8:8">
      <c r="H348304" s="12"/>
    </row>
    <row r="348305" spans="8:8">
      <c r="H348305" s="12"/>
    </row>
    <row r="348306" spans="8:8">
      <c r="H348306" s="12"/>
    </row>
    <row r="348307" spans="8:8">
      <c r="H348307" s="12"/>
    </row>
    <row r="348308" spans="8:8">
      <c r="H348308" s="12"/>
    </row>
    <row r="348309" spans="8:8">
      <c r="H348309" s="12"/>
    </row>
    <row r="348310" spans="8:8">
      <c r="H348310" s="12"/>
    </row>
    <row r="348311" spans="8:8">
      <c r="H348311" s="12"/>
    </row>
    <row r="348312" spans="8:8">
      <c r="H348312" s="12"/>
    </row>
    <row r="348313" spans="8:8">
      <c r="H348313" s="12"/>
    </row>
    <row r="348314" spans="8:8">
      <c r="H348314" s="12"/>
    </row>
    <row r="348315" spans="8:8">
      <c r="H348315" s="12"/>
    </row>
    <row r="348316" spans="8:8">
      <c r="H348316" s="12"/>
    </row>
    <row r="348317" spans="8:8">
      <c r="H348317" s="12"/>
    </row>
    <row r="348318" spans="8:8">
      <c r="H348318" s="12"/>
    </row>
    <row r="348319" spans="8:8">
      <c r="H348319" s="12"/>
    </row>
    <row r="348320" spans="8:8">
      <c r="H348320" s="12"/>
    </row>
    <row r="348321" spans="8:8">
      <c r="H348321" s="12"/>
    </row>
    <row r="348322" spans="8:8">
      <c r="H348322" s="12"/>
    </row>
    <row r="348323" spans="8:8">
      <c r="H348323" s="12"/>
    </row>
    <row r="348324" spans="8:8">
      <c r="H348324" s="12"/>
    </row>
    <row r="348325" spans="8:8">
      <c r="H348325" s="12"/>
    </row>
    <row r="348326" spans="8:8">
      <c r="H348326" s="12"/>
    </row>
    <row r="348327" spans="8:8">
      <c r="H348327" s="12"/>
    </row>
    <row r="348328" spans="8:8">
      <c r="H348328" s="12"/>
    </row>
    <row r="348329" spans="8:8">
      <c r="H348329" s="12"/>
    </row>
    <row r="348330" spans="8:8">
      <c r="H348330" s="12"/>
    </row>
    <row r="348331" spans="8:8">
      <c r="H348331" s="12"/>
    </row>
    <row r="348332" spans="8:8">
      <c r="H348332" s="12"/>
    </row>
    <row r="348333" spans="8:8">
      <c r="H348333" s="12"/>
    </row>
    <row r="348334" spans="8:8">
      <c r="H348334" s="12"/>
    </row>
    <row r="348335" spans="8:8">
      <c r="H348335" s="12"/>
    </row>
    <row r="348336" spans="8:8">
      <c r="H348336" s="12"/>
    </row>
    <row r="348337" spans="8:8">
      <c r="H348337" s="12"/>
    </row>
    <row r="348338" spans="8:8">
      <c r="H348338" s="12"/>
    </row>
    <row r="348339" spans="8:8">
      <c r="H348339" s="12"/>
    </row>
    <row r="348340" spans="8:8">
      <c r="H348340" s="12"/>
    </row>
    <row r="348341" spans="8:8">
      <c r="H348341" s="12"/>
    </row>
    <row r="348342" spans="8:8">
      <c r="H348342" s="12"/>
    </row>
    <row r="348343" spans="8:8">
      <c r="H348343" s="12"/>
    </row>
    <row r="348344" spans="8:8">
      <c r="H348344" s="12"/>
    </row>
    <row r="348345" spans="8:8">
      <c r="H348345" s="12"/>
    </row>
    <row r="348346" spans="8:8">
      <c r="H348346" s="12"/>
    </row>
    <row r="348347" spans="8:8">
      <c r="H348347" s="12"/>
    </row>
    <row r="348348" spans="8:8">
      <c r="H348348" s="12"/>
    </row>
    <row r="348349" spans="8:8">
      <c r="H348349" s="12"/>
    </row>
    <row r="348350" spans="8:8">
      <c r="H348350" s="12"/>
    </row>
    <row r="348351" spans="8:8">
      <c r="H348351" s="12"/>
    </row>
    <row r="348352" spans="8:8">
      <c r="H348352" s="12"/>
    </row>
    <row r="348353" spans="8:8">
      <c r="H348353" s="12"/>
    </row>
    <row r="348354" spans="8:8">
      <c r="H348354" s="12"/>
    </row>
    <row r="348355" spans="8:8">
      <c r="H348355" s="12"/>
    </row>
    <row r="348356" spans="8:8">
      <c r="H348356" s="12"/>
    </row>
    <row r="348357" spans="8:8">
      <c r="H348357" s="12"/>
    </row>
    <row r="348358" spans="8:8">
      <c r="H348358" s="12"/>
    </row>
    <row r="348359" spans="8:8">
      <c r="H348359" s="12"/>
    </row>
    <row r="348360" spans="8:8">
      <c r="H348360" s="12"/>
    </row>
    <row r="348361" spans="8:8">
      <c r="H348361" s="12"/>
    </row>
    <row r="348362" spans="8:8">
      <c r="H348362" s="12"/>
    </row>
    <row r="348363" spans="8:8">
      <c r="H348363" s="12"/>
    </row>
    <row r="348364" spans="8:8">
      <c r="H348364" s="12"/>
    </row>
    <row r="348365" spans="8:8">
      <c r="H348365" s="12"/>
    </row>
    <row r="348366" spans="8:8">
      <c r="H348366" s="12"/>
    </row>
    <row r="348367" spans="8:8">
      <c r="H348367" s="12"/>
    </row>
    <row r="348368" spans="8:8">
      <c r="H348368" s="12"/>
    </row>
    <row r="348369" spans="8:8">
      <c r="H348369" s="12"/>
    </row>
    <row r="348370" spans="8:8">
      <c r="H348370" s="12"/>
    </row>
    <row r="348371" spans="8:8">
      <c r="H348371" s="12"/>
    </row>
    <row r="348372" spans="8:8">
      <c r="H348372" s="12"/>
    </row>
    <row r="348373" spans="8:8">
      <c r="H348373" s="12"/>
    </row>
    <row r="348374" spans="8:8">
      <c r="H348374" s="12"/>
    </row>
    <row r="348375" spans="8:8">
      <c r="H348375" s="12"/>
    </row>
    <row r="348376" spans="8:8">
      <c r="H348376" s="12"/>
    </row>
    <row r="348377" spans="8:8">
      <c r="H348377" s="12"/>
    </row>
    <row r="348378" spans="8:8">
      <c r="H348378" s="12"/>
    </row>
    <row r="348379" spans="8:8">
      <c r="H348379" s="12"/>
    </row>
    <row r="348380" spans="8:8">
      <c r="H348380" s="12"/>
    </row>
    <row r="348381" spans="8:8">
      <c r="H348381" s="12"/>
    </row>
    <row r="348382" spans="8:8">
      <c r="H348382" s="12"/>
    </row>
    <row r="348383" spans="8:8">
      <c r="H348383" s="12"/>
    </row>
    <row r="348384" spans="8:8">
      <c r="H348384" s="12"/>
    </row>
    <row r="348385" spans="8:8">
      <c r="H348385" s="12"/>
    </row>
    <row r="348386" spans="8:8">
      <c r="H348386" s="12"/>
    </row>
    <row r="348387" spans="8:8">
      <c r="H348387" s="12"/>
    </row>
    <row r="348388" spans="8:8">
      <c r="H348388" s="12"/>
    </row>
    <row r="348389" spans="8:8">
      <c r="H348389" s="12"/>
    </row>
    <row r="348390" spans="8:8">
      <c r="H348390" s="12"/>
    </row>
    <row r="348391" spans="8:8">
      <c r="H348391" s="12"/>
    </row>
    <row r="348392" spans="8:8">
      <c r="H348392" s="12"/>
    </row>
    <row r="348393" spans="8:8">
      <c r="H348393" s="12"/>
    </row>
    <row r="348394" spans="8:8">
      <c r="H348394" s="12"/>
    </row>
    <row r="348395" spans="8:8">
      <c r="H348395" s="12"/>
    </row>
    <row r="348396" spans="8:8">
      <c r="H348396" s="12"/>
    </row>
    <row r="348397" spans="8:8">
      <c r="H348397" s="12"/>
    </row>
    <row r="348398" spans="8:8">
      <c r="H348398" s="12"/>
    </row>
    <row r="348399" spans="8:8">
      <c r="H348399" s="12"/>
    </row>
    <row r="348400" spans="8:8">
      <c r="H348400" s="12"/>
    </row>
    <row r="348401" spans="8:8">
      <c r="H348401" s="12"/>
    </row>
    <row r="348402" spans="8:8">
      <c r="H348402" s="12"/>
    </row>
    <row r="348403" spans="8:8">
      <c r="H348403" s="12"/>
    </row>
    <row r="348404" spans="8:8">
      <c r="H348404" s="12"/>
    </row>
    <row r="348405" spans="8:8">
      <c r="H348405" s="12"/>
    </row>
    <row r="348406" spans="8:8">
      <c r="H348406" s="12"/>
    </row>
    <row r="348407" spans="8:8">
      <c r="H348407" s="12"/>
    </row>
    <row r="348408" spans="8:8">
      <c r="H348408" s="12"/>
    </row>
    <row r="348409" spans="8:8">
      <c r="H348409" s="12"/>
    </row>
    <row r="348410" spans="8:8">
      <c r="H348410" s="12"/>
    </row>
    <row r="348411" spans="8:8">
      <c r="H348411" s="12"/>
    </row>
    <row r="348412" spans="8:8">
      <c r="H348412" s="12"/>
    </row>
    <row r="348413" spans="8:8">
      <c r="H348413" s="12"/>
    </row>
    <row r="348414" spans="8:8">
      <c r="H348414" s="12"/>
    </row>
    <row r="348415" spans="8:8">
      <c r="H348415" s="12"/>
    </row>
    <row r="348416" spans="8:8">
      <c r="H348416" s="12"/>
    </row>
    <row r="348417" spans="8:8">
      <c r="H348417" s="12"/>
    </row>
    <row r="348418" spans="8:8">
      <c r="H348418" s="12"/>
    </row>
    <row r="348419" spans="8:8">
      <c r="H348419" s="12"/>
    </row>
    <row r="348420" spans="8:8">
      <c r="H348420" s="12"/>
    </row>
    <row r="348421" spans="8:8">
      <c r="H348421" s="12"/>
    </row>
    <row r="348422" spans="8:8">
      <c r="H348422" s="12"/>
    </row>
    <row r="348423" spans="8:8">
      <c r="H348423" s="12"/>
    </row>
    <row r="348424" spans="8:8">
      <c r="H348424" s="12"/>
    </row>
    <row r="348425" spans="8:8">
      <c r="H348425" s="12"/>
    </row>
    <row r="348426" spans="8:8">
      <c r="H348426" s="12"/>
    </row>
    <row r="348427" spans="8:8">
      <c r="H348427" s="12"/>
    </row>
    <row r="348428" spans="8:8">
      <c r="H348428" s="12"/>
    </row>
    <row r="348429" spans="8:8">
      <c r="H348429" s="12"/>
    </row>
    <row r="348430" spans="8:8">
      <c r="H348430" s="12"/>
    </row>
    <row r="348431" spans="8:8">
      <c r="H348431" s="12"/>
    </row>
    <row r="348432" spans="8:8">
      <c r="H348432" s="12"/>
    </row>
    <row r="348433" spans="8:8">
      <c r="H348433" s="12"/>
    </row>
    <row r="348434" spans="8:8">
      <c r="H348434" s="12"/>
    </row>
    <row r="348435" spans="8:8">
      <c r="H348435" s="12"/>
    </row>
    <row r="348436" spans="8:8">
      <c r="H348436" s="12"/>
    </row>
    <row r="348437" spans="8:8">
      <c r="H348437" s="12"/>
    </row>
    <row r="348438" spans="8:8">
      <c r="H348438" s="12"/>
    </row>
    <row r="348439" spans="8:8">
      <c r="H348439" s="12"/>
    </row>
    <row r="348440" spans="8:8">
      <c r="H348440" s="12"/>
    </row>
    <row r="348441" spans="8:8">
      <c r="H348441" s="12"/>
    </row>
    <row r="348442" spans="8:8">
      <c r="H348442" s="12"/>
    </row>
    <row r="348443" spans="8:8">
      <c r="H348443" s="12"/>
    </row>
    <row r="348444" spans="8:8">
      <c r="H348444" s="12"/>
    </row>
    <row r="348445" spans="8:8">
      <c r="H348445" s="12"/>
    </row>
    <row r="348446" spans="8:8">
      <c r="H348446" s="12"/>
    </row>
    <row r="348447" spans="8:8">
      <c r="H348447" s="12"/>
    </row>
    <row r="348448" spans="8:8">
      <c r="H348448" s="12"/>
    </row>
    <row r="348449" spans="8:8">
      <c r="H348449" s="12"/>
    </row>
    <row r="348450" spans="8:8">
      <c r="H348450" s="12"/>
    </row>
    <row r="348451" spans="8:8">
      <c r="H348451" s="12"/>
    </row>
    <row r="348452" spans="8:8">
      <c r="H348452" s="12"/>
    </row>
    <row r="348453" spans="8:8">
      <c r="H348453" s="12"/>
    </row>
    <row r="348454" spans="8:8">
      <c r="H348454" s="12"/>
    </row>
    <row r="348455" spans="8:8">
      <c r="H348455" s="12"/>
    </row>
    <row r="348456" spans="8:8">
      <c r="H348456" s="12"/>
    </row>
    <row r="348457" spans="8:8">
      <c r="H348457" s="12"/>
    </row>
    <row r="348458" spans="8:8">
      <c r="H348458" s="12"/>
    </row>
    <row r="348459" spans="8:8">
      <c r="H348459" s="12"/>
    </row>
    <row r="348460" spans="8:8">
      <c r="H348460" s="12"/>
    </row>
    <row r="348461" spans="8:8">
      <c r="H348461" s="12"/>
    </row>
    <row r="348462" spans="8:8">
      <c r="H348462" s="12"/>
    </row>
    <row r="348463" spans="8:8">
      <c r="H348463" s="12"/>
    </row>
    <row r="348464" spans="8:8">
      <c r="H348464" s="12"/>
    </row>
    <row r="348465" spans="8:8">
      <c r="H348465" s="12"/>
    </row>
    <row r="348466" spans="8:8">
      <c r="H348466" s="12"/>
    </row>
    <row r="348467" spans="8:8">
      <c r="H348467" s="12"/>
    </row>
    <row r="348468" spans="8:8">
      <c r="H348468" s="12"/>
    </row>
    <row r="348469" spans="8:8">
      <c r="H348469" s="12"/>
    </row>
    <row r="348470" spans="8:8">
      <c r="H348470" s="12"/>
    </row>
    <row r="348471" spans="8:8">
      <c r="H348471" s="12"/>
    </row>
    <row r="348472" spans="8:8">
      <c r="H348472" s="12"/>
    </row>
    <row r="348473" spans="8:8">
      <c r="H348473" s="12"/>
    </row>
    <row r="348474" spans="8:8">
      <c r="H348474" s="12"/>
    </row>
    <row r="348475" spans="8:8">
      <c r="H348475" s="12"/>
    </row>
    <row r="348476" spans="8:8">
      <c r="H348476" s="12"/>
    </row>
    <row r="348477" spans="8:8">
      <c r="H348477" s="12"/>
    </row>
    <row r="348478" spans="8:8">
      <c r="H348478" s="12"/>
    </row>
    <row r="348479" spans="8:8">
      <c r="H348479" s="12"/>
    </row>
    <row r="348480" spans="8:8">
      <c r="H348480" s="12"/>
    </row>
    <row r="348481" spans="8:8">
      <c r="H348481" s="12"/>
    </row>
    <row r="348482" spans="8:8">
      <c r="H348482" s="12"/>
    </row>
    <row r="348483" spans="8:8">
      <c r="H348483" s="12"/>
    </row>
    <row r="348484" spans="8:8">
      <c r="H348484" s="12"/>
    </row>
    <row r="348485" spans="8:8">
      <c r="H348485" s="12"/>
    </row>
    <row r="348486" spans="8:8">
      <c r="H348486" s="12"/>
    </row>
    <row r="348487" spans="8:8">
      <c r="H348487" s="12"/>
    </row>
    <row r="348488" spans="8:8">
      <c r="H348488" s="12"/>
    </row>
    <row r="348489" spans="8:8">
      <c r="H348489" s="12"/>
    </row>
    <row r="348490" spans="8:8">
      <c r="H348490" s="12"/>
    </row>
    <row r="348491" spans="8:8">
      <c r="H348491" s="12"/>
    </row>
    <row r="348492" spans="8:8">
      <c r="H348492" s="12"/>
    </row>
    <row r="348493" spans="8:8">
      <c r="H348493" s="12"/>
    </row>
    <row r="348494" spans="8:8">
      <c r="H348494" s="12"/>
    </row>
    <row r="348495" spans="8:8">
      <c r="H348495" s="12"/>
    </row>
    <row r="348496" spans="8:8">
      <c r="H348496" s="12"/>
    </row>
    <row r="348497" spans="8:8">
      <c r="H348497" s="12"/>
    </row>
    <row r="348498" spans="8:8">
      <c r="H348498" s="12"/>
    </row>
    <row r="348499" spans="8:8">
      <c r="H348499" s="12"/>
    </row>
    <row r="348500" spans="8:8">
      <c r="H348500" s="12"/>
    </row>
    <row r="348501" spans="8:8">
      <c r="H348501" s="12"/>
    </row>
    <row r="348502" spans="8:8">
      <c r="H348502" s="12"/>
    </row>
    <row r="348503" spans="8:8">
      <c r="H348503" s="12"/>
    </row>
    <row r="348504" spans="8:8">
      <c r="H348504" s="12"/>
    </row>
    <row r="348505" spans="8:8">
      <c r="H348505" s="12"/>
    </row>
    <row r="348506" spans="8:8">
      <c r="H348506" s="12"/>
    </row>
    <row r="348507" spans="8:8">
      <c r="H348507" s="12"/>
    </row>
    <row r="348508" spans="8:8">
      <c r="H348508" s="12"/>
    </row>
    <row r="348509" spans="8:8">
      <c r="H348509" s="12"/>
    </row>
    <row r="348510" spans="8:8">
      <c r="H348510" s="12"/>
    </row>
    <row r="348511" spans="8:8">
      <c r="H348511" s="12"/>
    </row>
    <row r="348512" spans="8:8">
      <c r="H348512" s="12"/>
    </row>
    <row r="348513" spans="8:8">
      <c r="H348513" s="12"/>
    </row>
    <row r="348514" spans="8:8">
      <c r="H348514" s="12"/>
    </row>
    <row r="348515" spans="8:8">
      <c r="H348515" s="12"/>
    </row>
    <row r="348516" spans="8:8">
      <c r="H348516" s="12"/>
    </row>
    <row r="348517" spans="8:8">
      <c r="H348517" s="12"/>
    </row>
    <row r="348518" spans="8:8">
      <c r="H348518" s="12"/>
    </row>
    <row r="348519" spans="8:8">
      <c r="H348519" s="12"/>
    </row>
    <row r="348520" spans="8:8">
      <c r="H348520" s="12"/>
    </row>
    <row r="348521" spans="8:8">
      <c r="H348521" s="12"/>
    </row>
    <row r="348522" spans="8:8">
      <c r="H348522" s="12"/>
    </row>
    <row r="348523" spans="8:8">
      <c r="H348523" s="12"/>
    </row>
    <row r="348524" spans="8:8">
      <c r="H348524" s="12"/>
    </row>
    <row r="348525" spans="8:8">
      <c r="H348525" s="12"/>
    </row>
    <row r="348526" spans="8:8">
      <c r="H348526" s="12"/>
    </row>
    <row r="348527" spans="8:8">
      <c r="H348527" s="12"/>
    </row>
    <row r="348528" spans="8:8">
      <c r="H348528" s="12"/>
    </row>
    <row r="348529" spans="8:8">
      <c r="H348529" s="12"/>
    </row>
    <row r="348530" spans="8:8">
      <c r="H348530" s="12"/>
    </row>
    <row r="348531" spans="8:8">
      <c r="H348531" s="12"/>
    </row>
    <row r="348532" spans="8:8">
      <c r="H348532" s="12"/>
    </row>
    <row r="348533" spans="8:8">
      <c r="H348533" s="12"/>
    </row>
    <row r="348534" spans="8:8">
      <c r="H348534" s="12"/>
    </row>
    <row r="348535" spans="8:8">
      <c r="H348535" s="12"/>
    </row>
    <row r="348536" spans="8:8">
      <c r="H348536" s="12"/>
    </row>
    <row r="348537" spans="8:8">
      <c r="H348537" s="12"/>
    </row>
    <row r="348538" spans="8:8">
      <c r="H348538" s="12"/>
    </row>
    <row r="348539" spans="8:8">
      <c r="H348539" s="12"/>
    </row>
    <row r="348540" spans="8:8">
      <c r="H348540" s="12"/>
    </row>
    <row r="348541" spans="8:8">
      <c r="H348541" s="12"/>
    </row>
    <row r="348542" spans="8:8">
      <c r="H348542" s="12"/>
    </row>
    <row r="348543" spans="8:8">
      <c r="H348543" s="12"/>
    </row>
    <row r="348544" spans="8:8">
      <c r="H348544" s="12"/>
    </row>
    <row r="348545" spans="8:8">
      <c r="H348545" s="12"/>
    </row>
    <row r="348546" spans="8:8">
      <c r="H348546" s="12"/>
    </row>
    <row r="348547" spans="8:8">
      <c r="H348547" s="12"/>
    </row>
    <row r="348548" spans="8:8">
      <c r="H348548" s="12"/>
    </row>
    <row r="348549" spans="8:8">
      <c r="H348549" s="12"/>
    </row>
    <row r="348550" spans="8:8">
      <c r="H348550" s="12"/>
    </row>
    <row r="348551" spans="8:8">
      <c r="H348551" s="12"/>
    </row>
    <row r="348552" spans="8:8">
      <c r="H348552" s="12"/>
    </row>
    <row r="348553" spans="8:8">
      <c r="H348553" s="12"/>
    </row>
    <row r="348554" spans="8:8">
      <c r="H348554" s="12"/>
    </row>
    <row r="348555" spans="8:8">
      <c r="H348555" s="12"/>
    </row>
    <row r="348556" spans="8:8">
      <c r="H348556" s="12"/>
    </row>
    <row r="348557" spans="8:8">
      <c r="H348557" s="12"/>
    </row>
    <row r="348558" spans="8:8">
      <c r="H348558" s="12"/>
    </row>
    <row r="348559" spans="8:8">
      <c r="H348559" s="12"/>
    </row>
    <row r="348560" spans="8:8">
      <c r="H348560" s="12"/>
    </row>
    <row r="348561" spans="8:8">
      <c r="H348561" s="12"/>
    </row>
    <row r="348562" spans="8:8">
      <c r="H348562" s="12"/>
    </row>
    <row r="348563" spans="8:8">
      <c r="H348563" s="12"/>
    </row>
    <row r="348564" spans="8:8">
      <c r="H348564" s="12"/>
    </row>
    <row r="348565" spans="8:8">
      <c r="H348565" s="12"/>
    </row>
    <row r="348566" spans="8:8">
      <c r="H348566" s="12"/>
    </row>
    <row r="348567" spans="8:8">
      <c r="H348567" s="12"/>
    </row>
    <row r="348568" spans="8:8">
      <c r="H348568" s="12"/>
    </row>
    <row r="348569" spans="8:8">
      <c r="H348569" s="12"/>
    </row>
    <row r="348570" spans="8:8">
      <c r="H348570" s="12"/>
    </row>
    <row r="348571" spans="8:8">
      <c r="H348571" s="12"/>
    </row>
    <row r="348572" spans="8:8">
      <c r="H348572" s="12"/>
    </row>
    <row r="348573" spans="8:8">
      <c r="H348573" s="12"/>
    </row>
    <row r="348574" spans="8:8">
      <c r="H348574" s="12"/>
    </row>
    <row r="348575" spans="8:8">
      <c r="H348575" s="12"/>
    </row>
    <row r="348576" spans="8:8">
      <c r="H348576" s="12"/>
    </row>
    <row r="348577" spans="8:8">
      <c r="H348577" s="12"/>
    </row>
    <row r="348578" spans="8:8">
      <c r="H348578" s="12"/>
    </row>
    <row r="348579" spans="8:8">
      <c r="H348579" s="12"/>
    </row>
    <row r="348580" spans="8:8">
      <c r="H348580" s="12"/>
    </row>
    <row r="348581" spans="8:8">
      <c r="H348581" s="12"/>
    </row>
    <row r="348582" spans="8:8">
      <c r="H348582" s="12"/>
    </row>
    <row r="348583" spans="8:8">
      <c r="H348583" s="12"/>
    </row>
    <row r="348584" spans="8:8">
      <c r="H348584" s="12"/>
    </row>
    <row r="348585" spans="8:8">
      <c r="H348585" s="12"/>
    </row>
    <row r="348586" spans="8:8">
      <c r="H348586" s="12"/>
    </row>
    <row r="348587" spans="8:8">
      <c r="H348587" s="12"/>
    </row>
    <row r="348588" spans="8:8">
      <c r="H348588" s="12"/>
    </row>
    <row r="348589" spans="8:8">
      <c r="H348589" s="12"/>
    </row>
    <row r="348590" spans="8:8">
      <c r="H348590" s="12"/>
    </row>
    <row r="348591" spans="8:8">
      <c r="H348591" s="12"/>
    </row>
    <row r="348592" spans="8:8">
      <c r="H348592" s="12"/>
    </row>
    <row r="348593" spans="8:8">
      <c r="H348593" s="12"/>
    </row>
    <row r="348594" spans="8:8">
      <c r="H348594" s="12"/>
    </row>
    <row r="348595" spans="8:8">
      <c r="H348595" s="12"/>
    </row>
    <row r="348596" spans="8:8">
      <c r="H348596" s="12"/>
    </row>
    <row r="348597" spans="8:8">
      <c r="H348597" s="12"/>
    </row>
    <row r="348598" spans="8:8">
      <c r="H348598" s="12"/>
    </row>
    <row r="348599" spans="8:8">
      <c r="H348599" s="12"/>
    </row>
    <row r="348600" spans="8:8">
      <c r="H348600" s="12"/>
    </row>
    <row r="348601" spans="8:8">
      <c r="H348601" s="12"/>
    </row>
    <row r="348602" spans="8:8">
      <c r="H348602" s="12"/>
    </row>
    <row r="348603" spans="8:8">
      <c r="H348603" s="12"/>
    </row>
    <row r="348604" spans="8:8">
      <c r="H348604" s="12"/>
    </row>
    <row r="348605" spans="8:8">
      <c r="H348605" s="12"/>
    </row>
    <row r="348606" spans="8:8">
      <c r="H348606" s="12"/>
    </row>
    <row r="348607" spans="8:8">
      <c r="H348607" s="12"/>
    </row>
    <row r="348608" spans="8:8">
      <c r="H348608" s="12"/>
    </row>
    <row r="348609" spans="8:8">
      <c r="H348609" s="12"/>
    </row>
    <row r="348610" spans="8:8">
      <c r="H348610" s="12"/>
    </row>
    <row r="348611" spans="8:8">
      <c r="H348611" s="12"/>
    </row>
    <row r="348612" spans="8:8">
      <c r="H348612" s="12"/>
    </row>
    <row r="348613" spans="8:8">
      <c r="H348613" s="12"/>
    </row>
    <row r="348614" spans="8:8">
      <c r="H348614" s="12"/>
    </row>
    <row r="348615" spans="8:8">
      <c r="H348615" s="12"/>
    </row>
    <row r="348616" spans="8:8">
      <c r="H348616" s="12"/>
    </row>
    <row r="348617" spans="8:8">
      <c r="H348617" s="12"/>
    </row>
    <row r="348618" spans="8:8">
      <c r="H348618" s="12"/>
    </row>
    <row r="348619" spans="8:8">
      <c r="H348619" s="12"/>
    </row>
    <row r="348620" spans="8:8">
      <c r="H348620" s="12"/>
    </row>
    <row r="348621" spans="8:8">
      <c r="H348621" s="12"/>
    </row>
    <row r="348622" spans="8:8">
      <c r="H348622" s="12"/>
    </row>
    <row r="348623" spans="8:8">
      <c r="H348623" s="12"/>
    </row>
    <row r="348624" spans="8:8">
      <c r="H348624" s="12"/>
    </row>
    <row r="348625" spans="8:8">
      <c r="H348625" s="12"/>
    </row>
    <row r="348626" spans="8:8">
      <c r="H348626" s="12"/>
    </row>
    <row r="348627" spans="8:8">
      <c r="H348627" s="12"/>
    </row>
    <row r="348628" spans="8:8">
      <c r="H348628" s="12"/>
    </row>
    <row r="348629" spans="8:8">
      <c r="H348629" s="12"/>
    </row>
    <row r="348630" spans="8:8">
      <c r="H348630" s="12"/>
    </row>
    <row r="348631" spans="8:8">
      <c r="H348631" s="12"/>
    </row>
    <row r="348632" spans="8:8">
      <c r="H348632" s="12"/>
    </row>
    <row r="348633" spans="8:8">
      <c r="H348633" s="12"/>
    </row>
    <row r="348634" spans="8:8">
      <c r="H348634" s="12"/>
    </row>
    <row r="348635" spans="8:8">
      <c r="H348635" s="12"/>
    </row>
    <row r="348636" spans="8:8">
      <c r="H348636" s="12"/>
    </row>
    <row r="348637" spans="8:8">
      <c r="H348637" s="12"/>
    </row>
    <row r="348638" spans="8:8">
      <c r="H348638" s="12"/>
    </row>
    <row r="348639" spans="8:8">
      <c r="H348639" s="12"/>
    </row>
    <row r="348640" spans="8:8">
      <c r="H348640" s="12"/>
    </row>
    <row r="348641" spans="8:8">
      <c r="H348641" s="12"/>
    </row>
    <row r="348642" spans="8:8">
      <c r="H348642" s="12"/>
    </row>
    <row r="348643" spans="8:8">
      <c r="H348643" s="12"/>
    </row>
    <row r="348644" spans="8:8">
      <c r="H348644" s="12"/>
    </row>
    <row r="348645" spans="8:8">
      <c r="H348645" s="12"/>
    </row>
    <row r="348646" spans="8:8">
      <c r="H348646" s="12"/>
    </row>
    <row r="348647" spans="8:8">
      <c r="H348647" s="12"/>
    </row>
    <row r="348648" spans="8:8">
      <c r="H348648" s="12"/>
    </row>
    <row r="348649" spans="8:8">
      <c r="H348649" s="12"/>
    </row>
    <row r="348650" spans="8:8">
      <c r="H348650" s="12"/>
    </row>
    <row r="348651" spans="8:8">
      <c r="H348651" s="12"/>
    </row>
    <row r="348652" spans="8:8">
      <c r="H348652" s="12"/>
    </row>
    <row r="348653" spans="8:8">
      <c r="H348653" s="12"/>
    </row>
    <row r="348654" spans="8:8">
      <c r="H348654" s="12"/>
    </row>
    <row r="348655" spans="8:8">
      <c r="H348655" s="12"/>
    </row>
    <row r="348656" spans="8:8">
      <c r="H348656" s="12"/>
    </row>
    <row r="348657" spans="8:8">
      <c r="H348657" s="12"/>
    </row>
    <row r="348658" spans="8:8">
      <c r="H348658" s="12"/>
    </row>
    <row r="348659" spans="8:8">
      <c r="H348659" s="12"/>
    </row>
    <row r="348660" spans="8:8">
      <c r="H348660" s="12"/>
    </row>
    <row r="348661" spans="8:8">
      <c r="H348661" s="12"/>
    </row>
    <row r="348662" spans="8:8">
      <c r="H348662" s="12"/>
    </row>
    <row r="348663" spans="8:8">
      <c r="H348663" s="12"/>
    </row>
    <row r="348664" spans="8:8">
      <c r="H348664" s="12"/>
    </row>
    <row r="348665" spans="8:8">
      <c r="H348665" s="12"/>
    </row>
    <row r="348666" spans="8:8">
      <c r="H348666" s="12"/>
    </row>
    <row r="348667" spans="8:8">
      <c r="H348667" s="12"/>
    </row>
    <row r="348668" spans="8:8">
      <c r="H348668" s="12"/>
    </row>
    <row r="348669" spans="8:8">
      <c r="H348669" s="12"/>
    </row>
    <row r="348670" spans="8:8">
      <c r="H348670" s="12"/>
    </row>
    <row r="348671" spans="8:8">
      <c r="H348671" s="12"/>
    </row>
    <row r="348672" spans="8:8">
      <c r="H348672" s="12"/>
    </row>
    <row r="348673" spans="8:8">
      <c r="H348673" s="12"/>
    </row>
    <row r="348674" spans="8:8">
      <c r="H348674" s="12"/>
    </row>
    <row r="348675" spans="8:8">
      <c r="H348675" s="12"/>
    </row>
    <row r="348676" spans="8:8">
      <c r="H348676" s="12"/>
    </row>
    <row r="348677" spans="8:8">
      <c r="H348677" s="12"/>
    </row>
    <row r="348678" spans="8:8">
      <c r="H348678" s="12"/>
    </row>
    <row r="348679" spans="8:8">
      <c r="H348679" s="12"/>
    </row>
    <row r="348680" spans="8:8">
      <c r="H348680" s="12"/>
    </row>
    <row r="348681" spans="8:8">
      <c r="H348681" s="12"/>
    </row>
    <row r="348682" spans="8:8">
      <c r="H348682" s="12"/>
    </row>
    <row r="348683" spans="8:8">
      <c r="H348683" s="12"/>
    </row>
    <row r="348684" spans="8:8">
      <c r="H348684" s="12"/>
    </row>
    <row r="348685" spans="8:8">
      <c r="H348685" s="12"/>
    </row>
    <row r="348686" spans="8:8">
      <c r="H348686" s="12"/>
    </row>
    <row r="348687" spans="8:8">
      <c r="H348687" s="12"/>
    </row>
    <row r="348688" spans="8:8">
      <c r="H348688" s="12"/>
    </row>
    <row r="348689" spans="8:8">
      <c r="H348689" s="12"/>
    </row>
    <row r="348690" spans="8:8">
      <c r="H348690" s="12"/>
    </row>
    <row r="348691" spans="8:8">
      <c r="H348691" s="12"/>
    </row>
    <row r="348692" spans="8:8">
      <c r="H348692" s="12"/>
    </row>
    <row r="348693" spans="8:8">
      <c r="H348693" s="12"/>
    </row>
    <row r="348694" spans="8:8">
      <c r="H348694" s="12"/>
    </row>
    <row r="348695" spans="8:8">
      <c r="H348695" s="12"/>
    </row>
    <row r="348696" spans="8:8">
      <c r="H348696" s="12"/>
    </row>
    <row r="348697" spans="8:8">
      <c r="H348697" s="12"/>
    </row>
    <row r="348698" spans="8:8">
      <c r="H348698" s="12"/>
    </row>
    <row r="348699" spans="8:8">
      <c r="H348699" s="12"/>
    </row>
    <row r="348700" spans="8:8">
      <c r="H348700" s="12"/>
    </row>
    <row r="348701" spans="8:8">
      <c r="H348701" s="12"/>
    </row>
    <row r="348702" spans="8:8">
      <c r="H348702" s="12"/>
    </row>
    <row r="348703" spans="8:8">
      <c r="H348703" s="12"/>
    </row>
    <row r="348704" spans="8:8">
      <c r="H348704" s="12"/>
    </row>
    <row r="348705" spans="8:8">
      <c r="H348705" s="12"/>
    </row>
    <row r="348706" spans="8:8">
      <c r="H348706" s="12"/>
    </row>
    <row r="348707" spans="8:8">
      <c r="H348707" s="12"/>
    </row>
    <row r="348708" spans="8:8">
      <c r="H348708" s="12"/>
    </row>
    <row r="348709" spans="8:8">
      <c r="H348709" s="12"/>
    </row>
    <row r="348710" spans="8:8">
      <c r="H348710" s="12"/>
    </row>
    <row r="348711" spans="8:8">
      <c r="H348711" s="12"/>
    </row>
    <row r="348712" spans="8:8">
      <c r="H348712" s="12"/>
    </row>
    <row r="348713" spans="8:8">
      <c r="H348713" s="12"/>
    </row>
    <row r="348714" spans="8:8">
      <c r="H348714" s="12"/>
    </row>
    <row r="348715" spans="8:8">
      <c r="H348715" s="12"/>
    </row>
    <row r="348716" spans="8:8">
      <c r="H348716" s="12"/>
    </row>
    <row r="348717" spans="8:8">
      <c r="H348717" s="12"/>
    </row>
    <row r="348718" spans="8:8">
      <c r="H348718" s="12"/>
    </row>
    <row r="348719" spans="8:8">
      <c r="H348719" s="12"/>
    </row>
    <row r="348720" spans="8:8">
      <c r="H348720" s="12"/>
    </row>
    <row r="348721" spans="8:8">
      <c r="H348721" s="12"/>
    </row>
    <row r="348722" spans="8:8">
      <c r="H348722" s="12"/>
    </row>
    <row r="348723" spans="8:8">
      <c r="H348723" s="12"/>
    </row>
    <row r="348724" spans="8:8">
      <c r="H348724" s="12"/>
    </row>
    <row r="348725" spans="8:8">
      <c r="H348725" s="12"/>
    </row>
    <row r="348726" spans="8:8">
      <c r="H348726" s="12"/>
    </row>
    <row r="348727" spans="8:8">
      <c r="H348727" s="12"/>
    </row>
    <row r="348728" spans="8:8">
      <c r="H348728" s="12"/>
    </row>
    <row r="348729" spans="8:8">
      <c r="H348729" s="12"/>
    </row>
    <row r="348730" spans="8:8">
      <c r="H348730" s="12"/>
    </row>
    <row r="348731" spans="8:8">
      <c r="H348731" s="12"/>
    </row>
    <row r="348732" spans="8:8">
      <c r="H348732" s="12"/>
    </row>
    <row r="348733" spans="8:8">
      <c r="H348733" s="12"/>
    </row>
    <row r="348734" spans="8:8">
      <c r="H348734" s="12"/>
    </row>
    <row r="348735" spans="8:8">
      <c r="H348735" s="12"/>
    </row>
    <row r="348736" spans="8:8">
      <c r="H348736" s="12"/>
    </row>
    <row r="348737" spans="8:8">
      <c r="H348737" s="12"/>
    </row>
    <row r="348738" spans="8:8">
      <c r="H348738" s="12"/>
    </row>
    <row r="348739" spans="8:8">
      <c r="H348739" s="12"/>
    </row>
    <row r="348740" spans="8:8">
      <c r="H348740" s="12"/>
    </row>
    <row r="348741" spans="8:8">
      <c r="H348741" s="12"/>
    </row>
    <row r="348742" spans="8:8">
      <c r="H348742" s="12"/>
    </row>
    <row r="348743" spans="8:8">
      <c r="H348743" s="12"/>
    </row>
    <row r="348744" spans="8:8">
      <c r="H348744" s="12"/>
    </row>
    <row r="348745" spans="8:8">
      <c r="H348745" s="12"/>
    </row>
    <row r="348746" spans="8:8">
      <c r="H348746" s="12"/>
    </row>
    <row r="348747" spans="8:8">
      <c r="H348747" s="12"/>
    </row>
    <row r="348748" spans="8:8">
      <c r="H348748" s="12"/>
    </row>
    <row r="348749" spans="8:8">
      <c r="H348749" s="12"/>
    </row>
    <row r="348750" spans="8:8">
      <c r="H348750" s="12"/>
    </row>
    <row r="348751" spans="8:8">
      <c r="H348751" s="12"/>
    </row>
    <row r="348752" spans="8:8">
      <c r="H348752" s="12"/>
    </row>
    <row r="348753" spans="8:8">
      <c r="H348753" s="12"/>
    </row>
    <row r="348754" spans="8:8">
      <c r="H348754" s="12"/>
    </row>
    <row r="348755" spans="8:8">
      <c r="H348755" s="12"/>
    </row>
    <row r="348756" spans="8:8">
      <c r="H348756" s="12"/>
    </row>
    <row r="348757" spans="8:8">
      <c r="H348757" s="12"/>
    </row>
    <row r="348758" spans="8:8">
      <c r="H348758" s="12"/>
    </row>
    <row r="348759" spans="8:8">
      <c r="H348759" s="12"/>
    </row>
    <row r="348760" spans="8:8">
      <c r="H348760" s="12"/>
    </row>
    <row r="348761" spans="8:8">
      <c r="H348761" s="12"/>
    </row>
    <row r="348762" spans="8:8">
      <c r="H348762" s="12"/>
    </row>
    <row r="348763" spans="8:8">
      <c r="H348763" s="12"/>
    </row>
    <row r="348764" spans="8:8">
      <c r="H348764" s="12"/>
    </row>
    <row r="348765" spans="8:8">
      <c r="H348765" s="12"/>
    </row>
    <row r="348766" spans="8:8">
      <c r="H348766" s="12"/>
    </row>
    <row r="348767" spans="8:8">
      <c r="H348767" s="12"/>
    </row>
    <row r="348768" spans="8:8">
      <c r="H348768" s="12"/>
    </row>
    <row r="348769" spans="8:8">
      <c r="H348769" s="12"/>
    </row>
    <row r="348770" spans="8:8">
      <c r="H348770" s="12"/>
    </row>
    <row r="348771" spans="8:8">
      <c r="H348771" s="12"/>
    </row>
    <row r="348772" spans="8:8">
      <c r="H348772" s="12"/>
    </row>
    <row r="348773" spans="8:8">
      <c r="H348773" s="12"/>
    </row>
    <row r="348774" spans="8:8">
      <c r="H348774" s="12"/>
    </row>
    <row r="348775" spans="8:8">
      <c r="H348775" s="12"/>
    </row>
    <row r="348776" spans="8:8">
      <c r="H348776" s="12"/>
    </row>
    <row r="348777" spans="8:8">
      <c r="H348777" s="12"/>
    </row>
    <row r="348778" spans="8:8">
      <c r="H348778" s="12"/>
    </row>
    <row r="348779" spans="8:8">
      <c r="H348779" s="12"/>
    </row>
    <row r="348780" spans="8:8">
      <c r="H348780" s="12"/>
    </row>
    <row r="348781" spans="8:8">
      <c r="H348781" s="12"/>
    </row>
    <row r="348782" spans="8:8">
      <c r="H348782" s="12"/>
    </row>
    <row r="348783" spans="8:8">
      <c r="H348783" s="12"/>
    </row>
    <row r="348784" spans="8:8">
      <c r="H348784" s="12"/>
    </row>
    <row r="348785" spans="8:8">
      <c r="H348785" s="12"/>
    </row>
    <row r="348786" spans="8:8">
      <c r="H348786" s="12"/>
    </row>
    <row r="348787" spans="8:8">
      <c r="H348787" s="12"/>
    </row>
    <row r="348788" spans="8:8">
      <c r="H348788" s="12"/>
    </row>
    <row r="348789" spans="8:8">
      <c r="H348789" s="12"/>
    </row>
    <row r="348790" spans="8:8">
      <c r="H348790" s="12"/>
    </row>
    <row r="348791" spans="8:8">
      <c r="H348791" s="12"/>
    </row>
    <row r="348792" spans="8:8">
      <c r="H348792" s="12"/>
    </row>
    <row r="348793" spans="8:8">
      <c r="H348793" s="12"/>
    </row>
    <row r="348794" spans="8:8">
      <c r="H348794" s="12"/>
    </row>
    <row r="348795" spans="8:8">
      <c r="H348795" s="12"/>
    </row>
    <row r="348796" spans="8:8">
      <c r="H348796" s="12"/>
    </row>
    <row r="348797" spans="8:8">
      <c r="H348797" s="12"/>
    </row>
    <row r="348798" spans="8:8">
      <c r="H348798" s="12"/>
    </row>
    <row r="348799" spans="8:8">
      <c r="H348799" s="12"/>
    </row>
    <row r="348800" spans="8:8">
      <c r="H348800" s="12"/>
    </row>
    <row r="348801" spans="8:8">
      <c r="H348801" s="12"/>
    </row>
    <row r="348802" spans="8:8">
      <c r="H348802" s="12"/>
    </row>
    <row r="348803" spans="8:8">
      <c r="H348803" s="12"/>
    </row>
    <row r="348804" spans="8:8">
      <c r="H348804" s="12"/>
    </row>
    <row r="348805" spans="8:8">
      <c r="H348805" s="12"/>
    </row>
    <row r="348806" spans="8:8">
      <c r="H348806" s="12"/>
    </row>
    <row r="348807" spans="8:8">
      <c r="H348807" s="12"/>
    </row>
    <row r="348808" spans="8:8">
      <c r="H348808" s="12"/>
    </row>
    <row r="348809" spans="8:8">
      <c r="H348809" s="12"/>
    </row>
    <row r="348810" spans="8:8">
      <c r="H348810" s="12"/>
    </row>
    <row r="348811" spans="8:8">
      <c r="H348811" s="12"/>
    </row>
    <row r="348812" spans="8:8">
      <c r="H348812" s="12"/>
    </row>
    <row r="348813" spans="8:8">
      <c r="H348813" s="12"/>
    </row>
    <row r="348814" spans="8:8">
      <c r="H348814" s="12"/>
    </row>
    <row r="348815" spans="8:8">
      <c r="H348815" s="12"/>
    </row>
    <row r="348816" spans="8:8">
      <c r="H348816" s="12"/>
    </row>
    <row r="348817" spans="8:8">
      <c r="H348817" s="12"/>
    </row>
    <row r="348818" spans="8:8">
      <c r="H348818" s="12"/>
    </row>
    <row r="348819" spans="8:8">
      <c r="H348819" s="12"/>
    </row>
    <row r="348820" spans="8:8">
      <c r="H348820" s="12"/>
    </row>
    <row r="348821" spans="8:8">
      <c r="H348821" s="12"/>
    </row>
    <row r="348822" spans="8:8">
      <c r="H348822" s="12"/>
    </row>
    <row r="348823" spans="8:8">
      <c r="H348823" s="12"/>
    </row>
    <row r="348824" spans="8:8">
      <c r="H348824" s="12"/>
    </row>
    <row r="348825" spans="8:8">
      <c r="H348825" s="12"/>
    </row>
    <row r="348826" spans="8:8">
      <c r="H348826" s="12"/>
    </row>
    <row r="348827" spans="8:8">
      <c r="H348827" s="12"/>
    </row>
    <row r="348828" spans="8:8">
      <c r="H348828" s="12"/>
    </row>
    <row r="348829" spans="8:8">
      <c r="H348829" s="12"/>
    </row>
    <row r="348830" spans="8:8">
      <c r="H348830" s="12"/>
    </row>
    <row r="348831" spans="8:8">
      <c r="H348831" s="12"/>
    </row>
    <row r="348832" spans="8:8">
      <c r="H348832" s="12"/>
    </row>
    <row r="348833" spans="8:8">
      <c r="H348833" s="12"/>
    </row>
    <row r="348834" spans="8:8">
      <c r="H348834" s="12"/>
    </row>
    <row r="348835" spans="8:8">
      <c r="H348835" s="12"/>
    </row>
    <row r="348836" spans="8:8">
      <c r="H348836" s="12"/>
    </row>
    <row r="348837" spans="8:8">
      <c r="H348837" s="12"/>
    </row>
    <row r="348838" spans="8:8">
      <c r="H348838" s="12"/>
    </row>
    <row r="348839" spans="8:8">
      <c r="H348839" s="12"/>
    </row>
    <row r="348840" spans="8:8">
      <c r="H348840" s="12"/>
    </row>
    <row r="348841" spans="8:8">
      <c r="H348841" s="12"/>
    </row>
    <row r="348842" spans="8:8">
      <c r="H348842" s="12"/>
    </row>
    <row r="348843" spans="8:8">
      <c r="H348843" s="12"/>
    </row>
    <row r="348844" spans="8:8">
      <c r="H348844" s="12"/>
    </row>
    <row r="348845" spans="8:8">
      <c r="H348845" s="12"/>
    </row>
    <row r="348846" spans="8:8">
      <c r="H348846" s="12"/>
    </row>
    <row r="348847" spans="8:8">
      <c r="H348847" s="12"/>
    </row>
    <row r="348848" spans="8:8">
      <c r="H348848" s="12"/>
    </row>
    <row r="348849" spans="8:8">
      <c r="H348849" s="12"/>
    </row>
    <row r="348850" spans="8:8">
      <c r="H348850" s="12"/>
    </row>
    <row r="348851" spans="8:8">
      <c r="H348851" s="12"/>
    </row>
    <row r="348852" spans="8:8">
      <c r="H348852" s="12"/>
    </row>
    <row r="348853" spans="8:8">
      <c r="H348853" s="12"/>
    </row>
    <row r="348854" spans="8:8">
      <c r="H348854" s="12"/>
    </row>
    <row r="348855" spans="8:8">
      <c r="H348855" s="12"/>
    </row>
    <row r="348856" spans="8:8">
      <c r="H348856" s="12"/>
    </row>
    <row r="348857" spans="8:8">
      <c r="H348857" s="12"/>
    </row>
    <row r="348858" spans="8:8">
      <c r="H348858" s="12"/>
    </row>
    <row r="348859" spans="8:8">
      <c r="H348859" s="12"/>
    </row>
    <row r="348860" spans="8:8">
      <c r="H348860" s="12"/>
    </row>
    <row r="348861" spans="8:8">
      <c r="H348861" s="12"/>
    </row>
    <row r="348862" spans="8:8">
      <c r="H348862" s="12"/>
    </row>
    <row r="348863" spans="8:8">
      <c r="H348863" s="12"/>
    </row>
    <row r="348864" spans="8:8">
      <c r="H348864" s="12"/>
    </row>
    <row r="348865" spans="8:8">
      <c r="H348865" s="12"/>
    </row>
    <row r="348866" spans="8:8">
      <c r="H348866" s="12"/>
    </row>
    <row r="348867" spans="8:8">
      <c r="H348867" s="12"/>
    </row>
    <row r="348868" spans="8:8">
      <c r="H348868" s="12"/>
    </row>
    <row r="348869" spans="8:8">
      <c r="H348869" s="12"/>
    </row>
    <row r="348870" spans="8:8">
      <c r="H348870" s="12"/>
    </row>
    <row r="348871" spans="8:8">
      <c r="H348871" s="12"/>
    </row>
    <row r="348872" spans="8:8">
      <c r="H348872" s="12"/>
    </row>
    <row r="348873" spans="8:8">
      <c r="H348873" s="12"/>
    </row>
    <row r="348874" spans="8:8">
      <c r="H348874" s="12"/>
    </row>
    <row r="348875" spans="8:8">
      <c r="H348875" s="12"/>
    </row>
    <row r="348876" spans="8:8">
      <c r="H348876" s="12"/>
    </row>
    <row r="348877" spans="8:8">
      <c r="H348877" s="12"/>
    </row>
    <row r="348878" spans="8:8">
      <c r="H348878" s="12"/>
    </row>
    <row r="348879" spans="8:8">
      <c r="H348879" s="12"/>
    </row>
    <row r="348880" spans="8:8">
      <c r="H348880" s="12"/>
    </row>
    <row r="348881" spans="8:8">
      <c r="H348881" s="12"/>
    </row>
    <row r="348882" spans="8:8">
      <c r="H348882" s="12"/>
    </row>
    <row r="348883" spans="8:8">
      <c r="H348883" s="12"/>
    </row>
    <row r="348884" spans="8:8">
      <c r="H348884" s="12"/>
    </row>
    <row r="348885" spans="8:8">
      <c r="H348885" s="12"/>
    </row>
    <row r="348886" spans="8:8">
      <c r="H348886" s="12"/>
    </row>
    <row r="348887" spans="8:8">
      <c r="H348887" s="12"/>
    </row>
    <row r="348888" spans="8:8">
      <c r="H348888" s="12"/>
    </row>
    <row r="348889" spans="8:8">
      <c r="H348889" s="12"/>
    </row>
    <row r="348890" spans="8:8">
      <c r="H348890" s="12"/>
    </row>
    <row r="348891" spans="8:8">
      <c r="H348891" s="12"/>
    </row>
    <row r="348892" spans="8:8">
      <c r="H348892" s="12"/>
    </row>
    <row r="348893" spans="8:8">
      <c r="H348893" s="12"/>
    </row>
    <row r="348894" spans="8:8">
      <c r="H348894" s="12"/>
    </row>
    <row r="348895" spans="8:8">
      <c r="H348895" s="12"/>
    </row>
    <row r="348896" spans="8:8">
      <c r="H348896" s="12"/>
    </row>
    <row r="348897" spans="8:8">
      <c r="H348897" s="12"/>
    </row>
    <row r="348898" spans="8:8">
      <c r="H348898" s="12"/>
    </row>
    <row r="348899" spans="8:8">
      <c r="H348899" s="12"/>
    </row>
    <row r="348900" spans="8:8">
      <c r="H348900" s="12"/>
    </row>
    <row r="348901" spans="8:8">
      <c r="H348901" s="12"/>
    </row>
    <row r="348902" spans="8:8">
      <c r="H348902" s="12"/>
    </row>
    <row r="348903" spans="8:8">
      <c r="H348903" s="12"/>
    </row>
    <row r="348904" spans="8:8">
      <c r="H348904" s="12"/>
    </row>
    <row r="348905" spans="8:8">
      <c r="H348905" s="12"/>
    </row>
    <row r="348906" spans="8:8">
      <c r="H348906" s="12"/>
    </row>
    <row r="348907" spans="8:8">
      <c r="H348907" s="12"/>
    </row>
    <row r="348908" spans="8:8">
      <c r="H348908" s="12"/>
    </row>
    <row r="348909" spans="8:8">
      <c r="H348909" s="12"/>
    </row>
    <row r="348910" spans="8:8">
      <c r="H348910" s="12"/>
    </row>
    <row r="348911" spans="8:8">
      <c r="H348911" s="12"/>
    </row>
    <row r="348912" spans="8:8">
      <c r="H348912" s="12"/>
    </row>
    <row r="348913" spans="8:8">
      <c r="H348913" s="12"/>
    </row>
    <row r="348914" spans="8:8">
      <c r="H348914" s="12"/>
    </row>
    <row r="348915" spans="8:8">
      <c r="H348915" s="12"/>
    </row>
    <row r="348916" spans="8:8">
      <c r="H348916" s="12"/>
    </row>
    <row r="348917" spans="8:8">
      <c r="H348917" s="12"/>
    </row>
    <row r="348918" spans="8:8">
      <c r="H348918" s="12"/>
    </row>
    <row r="348919" spans="8:8">
      <c r="H348919" s="12"/>
    </row>
    <row r="348920" spans="8:8">
      <c r="H348920" s="12"/>
    </row>
    <row r="348921" spans="8:8">
      <c r="H348921" s="12"/>
    </row>
    <row r="348922" spans="8:8">
      <c r="H348922" s="12"/>
    </row>
    <row r="348923" spans="8:8">
      <c r="H348923" s="12"/>
    </row>
    <row r="348924" spans="8:8">
      <c r="H348924" s="12"/>
    </row>
    <row r="348925" spans="8:8">
      <c r="H348925" s="12"/>
    </row>
    <row r="348926" spans="8:8">
      <c r="H348926" s="12"/>
    </row>
    <row r="348927" spans="8:8">
      <c r="H348927" s="12"/>
    </row>
    <row r="348928" spans="8:8">
      <c r="H348928" s="12"/>
    </row>
    <row r="348929" spans="8:8">
      <c r="H348929" s="12"/>
    </row>
    <row r="348930" spans="8:8">
      <c r="H348930" s="12"/>
    </row>
    <row r="348931" spans="8:8">
      <c r="H348931" s="12"/>
    </row>
    <row r="348932" spans="8:8">
      <c r="H348932" s="12"/>
    </row>
    <row r="348933" spans="8:8">
      <c r="H348933" s="12"/>
    </row>
    <row r="348934" spans="8:8">
      <c r="H348934" s="12"/>
    </row>
    <row r="348935" spans="8:8">
      <c r="H348935" s="12"/>
    </row>
    <row r="348936" spans="8:8">
      <c r="H348936" s="12"/>
    </row>
    <row r="348937" spans="8:8">
      <c r="H348937" s="12"/>
    </row>
    <row r="348938" spans="8:8">
      <c r="H348938" s="12"/>
    </row>
    <row r="348939" spans="8:8">
      <c r="H348939" s="12"/>
    </row>
    <row r="348940" spans="8:8">
      <c r="H348940" s="12"/>
    </row>
    <row r="348941" spans="8:8">
      <c r="H348941" s="12"/>
    </row>
    <row r="348942" spans="8:8">
      <c r="H348942" s="12"/>
    </row>
    <row r="348943" spans="8:8">
      <c r="H348943" s="12"/>
    </row>
    <row r="348944" spans="8:8">
      <c r="H348944" s="12"/>
    </row>
    <row r="348945" spans="8:8">
      <c r="H348945" s="12"/>
    </row>
    <row r="348946" spans="8:8">
      <c r="H348946" s="12"/>
    </row>
    <row r="348947" spans="8:8">
      <c r="H348947" s="12"/>
    </row>
    <row r="348948" spans="8:8">
      <c r="H348948" s="12"/>
    </row>
    <row r="348949" spans="8:8">
      <c r="H348949" s="12"/>
    </row>
    <row r="348950" spans="8:8">
      <c r="H348950" s="12"/>
    </row>
    <row r="348951" spans="8:8">
      <c r="H348951" s="12"/>
    </row>
    <row r="348952" spans="8:8">
      <c r="H348952" s="12"/>
    </row>
    <row r="348953" spans="8:8">
      <c r="H348953" s="12"/>
    </row>
    <row r="348954" spans="8:8">
      <c r="H348954" s="12"/>
    </row>
    <row r="348955" spans="8:8">
      <c r="H348955" s="12"/>
    </row>
    <row r="348956" spans="8:8">
      <c r="H348956" s="12"/>
    </row>
    <row r="348957" spans="8:8">
      <c r="H348957" s="12"/>
    </row>
    <row r="348958" spans="8:8">
      <c r="H348958" s="12"/>
    </row>
    <row r="348959" spans="8:8">
      <c r="H348959" s="12"/>
    </row>
    <row r="348960" spans="8:8">
      <c r="H348960" s="12"/>
    </row>
    <row r="348961" spans="8:8">
      <c r="H348961" s="12"/>
    </row>
    <row r="348962" spans="8:8">
      <c r="H348962" s="12"/>
    </row>
    <row r="348963" spans="8:8">
      <c r="H348963" s="12"/>
    </row>
    <row r="348964" spans="8:8">
      <c r="H348964" s="12"/>
    </row>
    <row r="348965" spans="8:8">
      <c r="H348965" s="12"/>
    </row>
    <row r="348966" spans="8:8">
      <c r="H348966" s="12"/>
    </row>
    <row r="348967" spans="8:8">
      <c r="H348967" s="12"/>
    </row>
    <row r="348968" spans="8:8">
      <c r="H348968" s="12"/>
    </row>
    <row r="348969" spans="8:8">
      <c r="H348969" s="12"/>
    </row>
    <row r="348970" spans="8:8">
      <c r="H348970" s="12"/>
    </row>
    <row r="348971" spans="8:8">
      <c r="H348971" s="12"/>
    </row>
    <row r="348972" spans="8:8">
      <c r="H348972" s="12"/>
    </row>
    <row r="348973" spans="8:8">
      <c r="H348973" s="12"/>
    </row>
    <row r="348974" spans="8:8">
      <c r="H348974" s="12"/>
    </row>
    <row r="348975" spans="8:8">
      <c r="H348975" s="12"/>
    </row>
    <row r="348976" spans="8:8">
      <c r="H348976" s="12"/>
    </row>
    <row r="348977" spans="8:8">
      <c r="H348977" s="12"/>
    </row>
    <row r="348978" spans="8:8">
      <c r="H348978" s="12"/>
    </row>
    <row r="348979" spans="8:8">
      <c r="H348979" s="12"/>
    </row>
    <row r="348980" spans="8:8">
      <c r="H348980" s="12"/>
    </row>
    <row r="348981" spans="8:8">
      <c r="H348981" s="12"/>
    </row>
    <row r="348982" spans="8:8">
      <c r="H348982" s="12"/>
    </row>
    <row r="348983" spans="8:8">
      <c r="H348983" s="12"/>
    </row>
    <row r="348984" spans="8:8">
      <c r="H348984" s="12"/>
    </row>
    <row r="348985" spans="8:8">
      <c r="H348985" s="12"/>
    </row>
    <row r="348986" spans="8:8">
      <c r="H348986" s="12"/>
    </row>
    <row r="348987" spans="8:8">
      <c r="H348987" s="12"/>
    </row>
    <row r="348988" spans="8:8">
      <c r="H348988" s="12"/>
    </row>
    <row r="348989" spans="8:8">
      <c r="H348989" s="12"/>
    </row>
    <row r="348990" spans="8:8">
      <c r="H348990" s="12"/>
    </row>
    <row r="348991" spans="8:8">
      <c r="H348991" s="12"/>
    </row>
    <row r="348992" spans="8:8">
      <c r="H348992" s="12"/>
    </row>
    <row r="348993" spans="8:8">
      <c r="H348993" s="12"/>
    </row>
    <row r="348994" spans="8:8">
      <c r="H348994" s="12"/>
    </row>
    <row r="348995" spans="8:8">
      <c r="H348995" s="12"/>
    </row>
    <row r="348996" spans="8:8">
      <c r="H348996" s="12"/>
    </row>
    <row r="348997" spans="8:8">
      <c r="H348997" s="12"/>
    </row>
    <row r="348998" spans="8:8">
      <c r="H348998" s="12"/>
    </row>
    <row r="348999" spans="8:8">
      <c r="H348999" s="12"/>
    </row>
    <row r="349000" spans="8:8">
      <c r="H349000" s="12"/>
    </row>
    <row r="349001" spans="8:8">
      <c r="H349001" s="12"/>
    </row>
    <row r="349002" spans="8:8">
      <c r="H349002" s="12"/>
    </row>
    <row r="349003" spans="8:8">
      <c r="H349003" s="12"/>
    </row>
    <row r="349004" spans="8:8">
      <c r="H349004" s="12"/>
    </row>
    <row r="349005" spans="8:8">
      <c r="H349005" s="12"/>
    </row>
    <row r="349006" spans="8:8">
      <c r="H349006" s="12"/>
    </row>
    <row r="349007" spans="8:8">
      <c r="H349007" s="12"/>
    </row>
    <row r="349008" spans="8:8">
      <c r="H349008" s="12"/>
    </row>
    <row r="349009" spans="8:8">
      <c r="H349009" s="12"/>
    </row>
    <row r="349010" spans="8:8">
      <c r="H349010" s="12"/>
    </row>
    <row r="349011" spans="8:8">
      <c r="H349011" s="12"/>
    </row>
    <row r="349012" spans="8:8">
      <c r="H349012" s="12"/>
    </row>
    <row r="349013" spans="8:8">
      <c r="H349013" s="12"/>
    </row>
    <row r="349014" spans="8:8">
      <c r="H349014" s="12"/>
    </row>
    <row r="349015" spans="8:8">
      <c r="H349015" s="12"/>
    </row>
    <row r="349016" spans="8:8">
      <c r="H349016" s="12"/>
    </row>
    <row r="349017" spans="8:8">
      <c r="H349017" s="12"/>
    </row>
    <row r="349018" spans="8:8">
      <c r="H349018" s="12"/>
    </row>
    <row r="349019" spans="8:8">
      <c r="H349019" s="12"/>
    </row>
    <row r="349020" spans="8:8">
      <c r="H349020" s="12"/>
    </row>
    <row r="349021" spans="8:8">
      <c r="H349021" s="12"/>
    </row>
    <row r="349022" spans="8:8">
      <c r="H349022" s="12"/>
    </row>
    <row r="349023" spans="8:8">
      <c r="H349023" s="12"/>
    </row>
    <row r="349024" spans="8:8">
      <c r="H349024" s="12"/>
    </row>
    <row r="349025" spans="8:8">
      <c r="H349025" s="12"/>
    </row>
    <row r="349026" spans="8:8">
      <c r="H349026" s="12"/>
    </row>
    <row r="349027" spans="8:8">
      <c r="H349027" s="12"/>
    </row>
    <row r="349028" spans="8:8">
      <c r="H349028" s="12"/>
    </row>
    <row r="349029" spans="8:8">
      <c r="H349029" s="12"/>
    </row>
    <row r="349030" spans="8:8">
      <c r="H349030" s="12"/>
    </row>
    <row r="349031" spans="8:8">
      <c r="H349031" s="12"/>
    </row>
    <row r="349032" spans="8:8">
      <c r="H349032" s="12"/>
    </row>
    <row r="349033" spans="8:8">
      <c r="H349033" s="12"/>
    </row>
    <row r="349034" spans="8:8">
      <c r="H349034" s="12"/>
    </row>
    <row r="349035" spans="8:8">
      <c r="H349035" s="12"/>
    </row>
    <row r="349036" spans="8:8">
      <c r="H349036" s="12"/>
    </row>
    <row r="349037" spans="8:8">
      <c r="H349037" s="12"/>
    </row>
    <row r="349038" spans="8:8">
      <c r="H349038" s="12"/>
    </row>
    <row r="349039" spans="8:8">
      <c r="H349039" s="12"/>
    </row>
    <row r="349040" spans="8:8">
      <c r="H349040" s="12"/>
    </row>
    <row r="349041" spans="8:8">
      <c r="H349041" s="12"/>
    </row>
    <row r="349042" spans="8:8">
      <c r="H349042" s="12"/>
    </row>
    <row r="349043" spans="8:8">
      <c r="H349043" s="12"/>
    </row>
    <row r="349044" spans="8:8">
      <c r="H349044" s="12"/>
    </row>
    <row r="349045" spans="8:8">
      <c r="H349045" s="12"/>
    </row>
    <row r="349046" spans="8:8">
      <c r="H349046" s="12"/>
    </row>
    <row r="349047" spans="8:8">
      <c r="H349047" s="12"/>
    </row>
    <row r="349048" spans="8:8">
      <c r="H349048" s="12"/>
    </row>
    <row r="349049" spans="8:8">
      <c r="H349049" s="12"/>
    </row>
    <row r="349050" spans="8:8">
      <c r="H349050" s="12"/>
    </row>
    <row r="349051" spans="8:8">
      <c r="H349051" s="12"/>
    </row>
    <row r="349052" spans="8:8">
      <c r="H349052" s="12"/>
    </row>
    <row r="349053" spans="8:8">
      <c r="H349053" s="12"/>
    </row>
    <row r="349054" spans="8:8">
      <c r="H349054" s="12"/>
    </row>
    <row r="349055" spans="8:8">
      <c r="H349055" s="12"/>
    </row>
    <row r="349056" spans="8:8">
      <c r="H349056" s="12"/>
    </row>
    <row r="349057" spans="8:8">
      <c r="H349057" s="12"/>
    </row>
    <row r="349058" spans="8:8">
      <c r="H349058" s="12"/>
    </row>
    <row r="349059" spans="8:8">
      <c r="H349059" s="12"/>
    </row>
    <row r="349060" spans="8:8">
      <c r="H349060" s="12"/>
    </row>
    <row r="349061" spans="8:8">
      <c r="H349061" s="12"/>
    </row>
    <row r="349062" spans="8:8">
      <c r="H349062" s="12"/>
    </row>
    <row r="349063" spans="8:8">
      <c r="H349063" s="12"/>
    </row>
    <row r="349064" spans="8:8">
      <c r="H349064" s="12"/>
    </row>
    <row r="349065" spans="8:8">
      <c r="H349065" s="12"/>
    </row>
    <row r="349066" spans="8:8">
      <c r="H349066" s="12"/>
    </row>
    <row r="349067" spans="8:8">
      <c r="H349067" s="12"/>
    </row>
    <row r="349068" spans="8:8">
      <c r="H349068" s="12"/>
    </row>
    <row r="349069" spans="8:8">
      <c r="H349069" s="12"/>
    </row>
    <row r="349070" spans="8:8">
      <c r="H349070" s="12"/>
    </row>
    <row r="349071" spans="8:8">
      <c r="H349071" s="12"/>
    </row>
    <row r="349072" spans="8:8">
      <c r="H349072" s="12"/>
    </row>
    <row r="349073" spans="8:8">
      <c r="H349073" s="12"/>
    </row>
    <row r="349074" spans="8:8">
      <c r="H349074" s="12"/>
    </row>
    <row r="349075" spans="8:8">
      <c r="H349075" s="12"/>
    </row>
    <row r="349076" spans="8:8">
      <c r="H349076" s="12"/>
    </row>
    <row r="349077" spans="8:8">
      <c r="H349077" s="12"/>
    </row>
    <row r="349078" spans="8:8">
      <c r="H349078" s="12"/>
    </row>
    <row r="349079" spans="8:8">
      <c r="H349079" s="12"/>
    </row>
    <row r="349080" spans="8:8">
      <c r="H349080" s="12"/>
    </row>
    <row r="349081" spans="8:8">
      <c r="H349081" s="12"/>
    </row>
    <row r="349082" spans="8:8">
      <c r="H349082" s="12"/>
    </row>
    <row r="349083" spans="8:8">
      <c r="H349083" s="12"/>
    </row>
    <row r="349084" spans="8:8">
      <c r="H349084" s="12"/>
    </row>
    <row r="349085" spans="8:8">
      <c r="H349085" s="12"/>
    </row>
    <row r="349086" spans="8:8">
      <c r="H349086" s="12"/>
    </row>
    <row r="349087" spans="8:8">
      <c r="H349087" s="12"/>
    </row>
    <row r="349088" spans="8:8">
      <c r="H349088" s="12"/>
    </row>
    <row r="349089" spans="8:8">
      <c r="H349089" s="12"/>
    </row>
    <row r="349090" spans="8:8">
      <c r="H349090" s="12"/>
    </row>
    <row r="349091" spans="8:8">
      <c r="H349091" s="12"/>
    </row>
    <row r="349092" spans="8:8">
      <c r="H349092" s="12"/>
    </row>
    <row r="349093" spans="8:8">
      <c r="H349093" s="12"/>
    </row>
    <row r="349094" spans="8:8">
      <c r="H349094" s="12"/>
    </row>
    <row r="349095" spans="8:8">
      <c r="H349095" s="12"/>
    </row>
    <row r="349096" spans="8:8">
      <c r="H349096" s="12"/>
    </row>
    <row r="349097" spans="8:8">
      <c r="H349097" s="12"/>
    </row>
    <row r="349098" spans="8:8">
      <c r="H349098" s="12"/>
    </row>
    <row r="349099" spans="8:8">
      <c r="H349099" s="12"/>
    </row>
    <row r="349100" spans="8:8">
      <c r="H349100" s="12"/>
    </row>
    <row r="349101" spans="8:8">
      <c r="H349101" s="12"/>
    </row>
    <row r="349102" spans="8:8">
      <c r="H349102" s="12"/>
    </row>
    <row r="349103" spans="8:8">
      <c r="H349103" s="12"/>
    </row>
    <row r="349104" spans="8:8">
      <c r="H349104" s="12"/>
    </row>
    <row r="349105" spans="8:8">
      <c r="H349105" s="12"/>
    </row>
    <row r="349106" spans="8:8">
      <c r="H349106" s="12"/>
    </row>
    <row r="349107" spans="8:8">
      <c r="H349107" s="12"/>
    </row>
    <row r="349108" spans="8:8">
      <c r="H349108" s="12"/>
    </row>
    <row r="349109" spans="8:8">
      <c r="H349109" s="12"/>
    </row>
    <row r="349110" spans="8:8">
      <c r="H349110" s="12"/>
    </row>
    <row r="349111" spans="8:8">
      <c r="H349111" s="12"/>
    </row>
    <row r="349112" spans="8:8">
      <c r="H349112" s="12"/>
    </row>
    <row r="349113" spans="8:8">
      <c r="H349113" s="12"/>
    </row>
    <row r="349114" spans="8:8">
      <c r="H349114" s="12"/>
    </row>
    <row r="349115" spans="8:8">
      <c r="H349115" s="12"/>
    </row>
    <row r="349116" spans="8:8">
      <c r="H349116" s="12"/>
    </row>
    <row r="349117" spans="8:8">
      <c r="H349117" s="12"/>
    </row>
    <row r="349118" spans="8:8">
      <c r="H349118" s="12"/>
    </row>
    <row r="349119" spans="8:8">
      <c r="H349119" s="12"/>
    </row>
    <row r="349120" spans="8:8">
      <c r="H349120" s="12"/>
    </row>
    <row r="349121" spans="8:8">
      <c r="H349121" s="12"/>
    </row>
    <row r="349122" spans="8:8">
      <c r="H349122" s="12"/>
    </row>
    <row r="349123" spans="8:8">
      <c r="H349123" s="12"/>
    </row>
    <row r="349124" spans="8:8">
      <c r="H349124" s="12"/>
    </row>
    <row r="349125" spans="8:8">
      <c r="H349125" s="12"/>
    </row>
    <row r="349126" spans="8:8">
      <c r="H349126" s="12"/>
    </row>
    <row r="349127" spans="8:8">
      <c r="H349127" s="12"/>
    </row>
    <row r="349128" spans="8:8">
      <c r="H349128" s="12"/>
    </row>
    <row r="349129" spans="8:8">
      <c r="H349129" s="12"/>
    </row>
    <row r="349130" spans="8:8">
      <c r="H349130" s="12"/>
    </row>
    <row r="349131" spans="8:8">
      <c r="H349131" s="12"/>
    </row>
    <row r="349132" spans="8:8">
      <c r="H349132" s="12"/>
    </row>
    <row r="349133" spans="8:8">
      <c r="H349133" s="12"/>
    </row>
    <row r="349134" spans="8:8">
      <c r="H349134" s="12"/>
    </row>
    <row r="349135" spans="8:8">
      <c r="H349135" s="12"/>
    </row>
    <row r="349136" spans="8:8">
      <c r="H349136" s="12"/>
    </row>
    <row r="349137" spans="8:8">
      <c r="H349137" s="12"/>
    </row>
    <row r="349138" spans="8:8">
      <c r="H349138" s="12"/>
    </row>
    <row r="349139" spans="8:8">
      <c r="H349139" s="12"/>
    </row>
    <row r="349140" spans="8:8">
      <c r="H349140" s="12"/>
    </row>
    <row r="349141" spans="8:8">
      <c r="H349141" s="12"/>
    </row>
    <row r="349142" spans="8:8">
      <c r="H349142" s="12"/>
    </row>
    <row r="349143" spans="8:8">
      <c r="H349143" s="12"/>
    </row>
    <row r="349144" spans="8:8">
      <c r="H349144" s="12"/>
    </row>
    <row r="349145" spans="8:8">
      <c r="H349145" s="12"/>
    </row>
    <row r="349146" spans="8:8">
      <c r="H349146" s="12"/>
    </row>
    <row r="349147" spans="8:8">
      <c r="H349147" s="12"/>
    </row>
    <row r="349148" spans="8:8">
      <c r="H349148" s="12"/>
    </row>
    <row r="349149" spans="8:8">
      <c r="H349149" s="12"/>
    </row>
    <row r="349150" spans="8:8">
      <c r="H349150" s="12"/>
    </row>
    <row r="349151" spans="8:8">
      <c r="H349151" s="12"/>
    </row>
    <row r="349152" spans="8:8">
      <c r="H349152" s="12"/>
    </row>
    <row r="349153" spans="8:8">
      <c r="H349153" s="12"/>
    </row>
    <row r="349154" spans="8:8">
      <c r="H349154" s="12"/>
    </row>
    <row r="349155" spans="8:8">
      <c r="H349155" s="12"/>
    </row>
    <row r="349156" spans="8:8">
      <c r="H349156" s="12"/>
    </row>
    <row r="349157" spans="8:8">
      <c r="H349157" s="12"/>
    </row>
    <row r="349158" spans="8:8">
      <c r="H349158" s="12"/>
    </row>
    <row r="349159" spans="8:8">
      <c r="H349159" s="12"/>
    </row>
    <row r="349160" spans="8:8">
      <c r="H349160" s="12"/>
    </row>
    <row r="349161" spans="8:8">
      <c r="H349161" s="12"/>
    </row>
    <row r="349162" spans="8:8">
      <c r="H349162" s="12"/>
    </row>
    <row r="349163" spans="8:8">
      <c r="H349163" s="12"/>
    </row>
    <row r="349164" spans="8:8">
      <c r="H349164" s="12"/>
    </row>
    <row r="349165" spans="8:8">
      <c r="H349165" s="12"/>
    </row>
    <row r="349166" spans="8:8">
      <c r="H349166" s="12"/>
    </row>
    <row r="349167" spans="8:8">
      <c r="H349167" s="12"/>
    </row>
    <row r="349168" spans="8:8">
      <c r="H349168" s="12"/>
    </row>
    <row r="349169" spans="8:8">
      <c r="H349169" s="12"/>
    </row>
    <row r="349170" spans="8:8">
      <c r="H349170" s="12"/>
    </row>
    <row r="349171" spans="8:8">
      <c r="H349171" s="12"/>
    </row>
    <row r="349172" spans="8:8">
      <c r="H349172" s="12"/>
    </row>
    <row r="349173" spans="8:8">
      <c r="H349173" s="12"/>
    </row>
    <row r="349174" spans="8:8">
      <c r="H349174" s="12"/>
    </row>
    <row r="349175" spans="8:8">
      <c r="H349175" s="12"/>
    </row>
    <row r="349176" spans="8:8">
      <c r="H349176" s="12"/>
    </row>
    <row r="349177" spans="8:8">
      <c r="H349177" s="12"/>
    </row>
    <row r="349178" spans="8:8">
      <c r="H349178" s="12"/>
    </row>
    <row r="349179" spans="8:8">
      <c r="H349179" s="12"/>
    </row>
    <row r="349180" spans="8:8">
      <c r="H349180" s="12"/>
    </row>
    <row r="349181" spans="8:8">
      <c r="H349181" s="12"/>
    </row>
    <row r="349182" spans="8:8">
      <c r="H349182" s="12"/>
    </row>
    <row r="349183" spans="8:8">
      <c r="H349183" s="12"/>
    </row>
    <row r="349184" spans="8:8">
      <c r="H349184" s="12"/>
    </row>
    <row r="349185" spans="8:8">
      <c r="H349185" s="12"/>
    </row>
    <row r="349186" spans="8:8">
      <c r="H349186" s="12"/>
    </row>
    <row r="349187" spans="8:8">
      <c r="H349187" s="12"/>
    </row>
    <row r="349188" spans="8:8">
      <c r="H349188" s="12"/>
    </row>
    <row r="349189" spans="8:8">
      <c r="H349189" s="12"/>
    </row>
    <row r="349190" spans="8:8">
      <c r="H349190" s="12"/>
    </row>
    <row r="349191" spans="8:8">
      <c r="H349191" s="12"/>
    </row>
    <row r="349192" spans="8:8">
      <c r="H349192" s="12"/>
    </row>
    <row r="349193" spans="8:8">
      <c r="H349193" s="12"/>
    </row>
    <row r="349194" spans="8:8">
      <c r="H349194" s="12"/>
    </row>
    <row r="349195" spans="8:8">
      <c r="H349195" s="12"/>
    </row>
    <row r="349196" spans="8:8">
      <c r="H349196" s="12"/>
    </row>
    <row r="349197" spans="8:8">
      <c r="H349197" s="12"/>
    </row>
    <row r="349198" spans="8:8">
      <c r="H349198" s="12"/>
    </row>
    <row r="349199" spans="8:8">
      <c r="H349199" s="12"/>
    </row>
    <row r="349200" spans="8:8">
      <c r="H349200" s="12"/>
    </row>
    <row r="349201" spans="8:8">
      <c r="H349201" s="12"/>
    </row>
    <row r="349202" spans="8:8">
      <c r="H349202" s="12"/>
    </row>
    <row r="349203" spans="8:8">
      <c r="H349203" s="12"/>
    </row>
    <row r="349204" spans="8:8">
      <c r="H349204" s="12"/>
    </row>
    <row r="349205" spans="8:8">
      <c r="H349205" s="12"/>
    </row>
    <row r="349206" spans="8:8">
      <c r="H349206" s="12"/>
    </row>
    <row r="349207" spans="8:8">
      <c r="H349207" s="12"/>
    </row>
    <row r="349208" spans="8:8">
      <c r="H349208" s="12"/>
    </row>
    <row r="349209" spans="8:8">
      <c r="H349209" s="12"/>
    </row>
    <row r="349210" spans="8:8">
      <c r="H349210" s="12"/>
    </row>
    <row r="349211" spans="8:8">
      <c r="H349211" s="12"/>
    </row>
    <row r="349212" spans="8:8">
      <c r="H349212" s="12"/>
    </row>
    <row r="349213" spans="8:8">
      <c r="H349213" s="12"/>
    </row>
    <row r="349214" spans="8:8">
      <c r="H349214" s="12"/>
    </row>
    <row r="349215" spans="8:8">
      <c r="H349215" s="12"/>
    </row>
    <row r="349216" spans="8:8">
      <c r="H349216" s="12"/>
    </row>
    <row r="349217" spans="8:8">
      <c r="H349217" s="12"/>
    </row>
    <row r="349218" spans="8:8">
      <c r="H349218" s="12"/>
    </row>
    <row r="349219" spans="8:8">
      <c r="H349219" s="12"/>
    </row>
    <row r="349220" spans="8:8">
      <c r="H349220" s="12"/>
    </row>
    <row r="349221" spans="8:8">
      <c r="H349221" s="12"/>
    </row>
    <row r="349222" spans="8:8">
      <c r="H349222" s="12"/>
    </row>
    <row r="349223" spans="8:8">
      <c r="H349223" s="12"/>
    </row>
    <row r="349224" spans="8:8">
      <c r="H349224" s="12"/>
    </row>
    <row r="349225" spans="8:8">
      <c r="H349225" s="12"/>
    </row>
    <row r="349226" spans="8:8">
      <c r="H349226" s="12"/>
    </row>
    <row r="349227" spans="8:8">
      <c r="H349227" s="12"/>
    </row>
    <row r="349228" spans="8:8">
      <c r="H349228" s="12"/>
    </row>
    <row r="349229" spans="8:8">
      <c r="H349229" s="12"/>
    </row>
    <row r="349230" spans="8:8">
      <c r="H349230" s="12"/>
    </row>
    <row r="349231" spans="8:8">
      <c r="H349231" s="12"/>
    </row>
    <row r="349232" spans="8:8">
      <c r="H349232" s="12"/>
    </row>
    <row r="349233" spans="8:8">
      <c r="H349233" s="12"/>
    </row>
    <row r="349234" spans="8:8">
      <c r="H349234" s="12"/>
    </row>
    <row r="349235" spans="8:8">
      <c r="H349235" s="12"/>
    </row>
    <row r="349236" spans="8:8">
      <c r="H349236" s="12"/>
    </row>
    <row r="349237" spans="8:8">
      <c r="H349237" s="12"/>
    </row>
    <row r="349238" spans="8:8">
      <c r="H349238" s="12"/>
    </row>
    <row r="349239" spans="8:8">
      <c r="H349239" s="12"/>
    </row>
    <row r="349240" spans="8:8">
      <c r="H349240" s="12"/>
    </row>
    <row r="349241" spans="8:8">
      <c r="H349241" s="12"/>
    </row>
    <row r="349242" spans="8:8">
      <c r="H349242" s="12"/>
    </row>
    <row r="349243" spans="8:8">
      <c r="H349243" s="12"/>
    </row>
    <row r="349244" spans="8:8">
      <c r="H349244" s="12"/>
    </row>
    <row r="349245" spans="8:8">
      <c r="H349245" s="12"/>
    </row>
    <row r="349246" spans="8:8">
      <c r="H349246" s="12"/>
    </row>
    <row r="349247" spans="8:8">
      <c r="H349247" s="12"/>
    </row>
    <row r="349248" spans="8:8">
      <c r="H349248" s="12"/>
    </row>
    <row r="349249" spans="8:8">
      <c r="H349249" s="12"/>
    </row>
    <row r="349250" spans="8:8">
      <c r="H349250" s="12"/>
    </row>
    <row r="349251" spans="8:8">
      <c r="H349251" s="12"/>
    </row>
    <row r="349252" spans="8:8">
      <c r="H349252" s="12"/>
    </row>
    <row r="349253" spans="8:8">
      <c r="H349253" s="12"/>
    </row>
    <row r="349254" spans="8:8">
      <c r="H349254" s="12"/>
    </row>
    <row r="349255" spans="8:8">
      <c r="H349255" s="12"/>
    </row>
    <row r="349256" spans="8:8">
      <c r="H349256" s="12"/>
    </row>
    <row r="349257" spans="8:8">
      <c r="H349257" s="12"/>
    </row>
    <row r="349258" spans="8:8">
      <c r="H349258" s="12"/>
    </row>
    <row r="349259" spans="8:8">
      <c r="H349259" s="12"/>
    </row>
    <row r="349260" spans="8:8">
      <c r="H349260" s="12"/>
    </row>
    <row r="349261" spans="8:8">
      <c r="H349261" s="12"/>
    </row>
    <row r="349262" spans="8:8">
      <c r="H349262" s="12"/>
    </row>
    <row r="349263" spans="8:8">
      <c r="H349263" s="12"/>
    </row>
    <row r="349264" spans="8:8">
      <c r="H349264" s="12"/>
    </row>
    <row r="349265" spans="8:8">
      <c r="H349265" s="12"/>
    </row>
    <row r="349266" spans="8:8">
      <c r="H349266" s="12"/>
    </row>
    <row r="349267" spans="8:8">
      <c r="H349267" s="12"/>
    </row>
    <row r="349268" spans="8:8">
      <c r="H349268" s="12"/>
    </row>
    <row r="349269" spans="8:8">
      <c r="H349269" s="12"/>
    </row>
    <row r="349270" spans="8:8">
      <c r="H349270" s="12"/>
    </row>
    <row r="349271" spans="8:8">
      <c r="H349271" s="12"/>
    </row>
    <row r="349272" spans="8:8">
      <c r="H349272" s="12"/>
    </row>
    <row r="349273" spans="8:8">
      <c r="H349273" s="12"/>
    </row>
    <row r="349274" spans="8:8">
      <c r="H349274" s="12"/>
    </row>
    <row r="349275" spans="8:8">
      <c r="H349275" s="12"/>
    </row>
    <row r="349276" spans="8:8">
      <c r="H349276" s="12"/>
    </row>
    <row r="349277" spans="8:8">
      <c r="H349277" s="12"/>
    </row>
    <row r="349278" spans="8:8">
      <c r="H349278" s="12"/>
    </row>
    <row r="349279" spans="8:8">
      <c r="H349279" s="12"/>
    </row>
    <row r="349280" spans="8:8">
      <c r="H349280" s="12"/>
    </row>
    <row r="349281" spans="8:8">
      <c r="H349281" s="12"/>
    </row>
    <row r="349282" spans="8:8">
      <c r="H349282" s="12"/>
    </row>
    <row r="349283" spans="8:8">
      <c r="H349283" s="12"/>
    </row>
    <row r="349284" spans="8:8">
      <c r="H349284" s="12"/>
    </row>
    <row r="349285" spans="8:8">
      <c r="H349285" s="12"/>
    </row>
    <row r="349286" spans="8:8">
      <c r="H349286" s="12"/>
    </row>
    <row r="349287" spans="8:8">
      <c r="H349287" s="12"/>
    </row>
    <row r="349288" spans="8:8">
      <c r="H349288" s="12"/>
    </row>
    <row r="349289" spans="8:8">
      <c r="H349289" s="12"/>
    </row>
    <row r="349290" spans="8:8">
      <c r="H349290" s="12"/>
    </row>
    <row r="349291" spans="8:8">
      <c r="H349291" s="12"/>
    </row>
    <row r="349292" spans="8:8">
      <c r="H349292" s="12"/>
    </row>
    <row r="349293" spans="8:8">
      <c r="H349293" s="12"/>
    </row>
    <row r="349294" spans="8:8">
      <c r="H349294" s="12"/>
    </row>
    <row r="349295" spans="8:8">
      <c r="H349295" s="12"/>
    </row>
    <row r="349296" spans="8:8">
      <c r="H349296" s="12"/>
    </row>
    <row r="349297" spans="8:8">
      <c r="H349297" s="12"/>
    </row>
    <row r="349298" spans="8:8">
      <c r="H349298" s="12"/>
    </row>
    <row r="349299" spans="8:8">
      <c r="H349299" s="12"/>
    </row>
    <row r="349300" spans="8:8">
      <c r="H349300" s="12"/>
    </row>
    <row r="349301" spans="8:8">
      <c r="H349301" s="12"/>
    </row>
    <row r="349302" spans="8:8">
      <c r="H349302" s="12"/>
    </row>
    <row r="349303" spans="8:8">
      <c r="H349303" s="12"/>
    </row>
    <row r="349304" spans="8:8">
      <c r="H349304" s="12"/>
    </row>
    <row r="349305" spans="8:8">
      <c r="H349305" s="12"/>
    </row>
    <row r="349306" spans="8:8">
      <c r="H349306" s="12"/>
    </row>
    <row r="349307" spans="8:8">
      <c r="H349307" s="12"/>
    </row>
    <row r="349308" spans="8:8">
      <c r="H349308" s="12"/>
    </row>
    <row r="349309" spans="8:8">
      <c r="H349309" s="12"/>
    </row>
    <row r="349310" spans="8:8">
      <c r="H349310" s="12"/>
    </row>
    <row r="349311" spans="8:8">
      <c r="H349311" s="12"/>
    </row>
    <row r="349312" spans="8:8">
      <c r="H349312" s="12"/>
    </row>
    <row r="349313" spans="8:8">
      <c r="H349313" s="12"/>
    </row>
    <row r="349314" spans="8:8">
      <c r="H349314" s="12"/>
    </row>
    <row r="349315" spans="8:8">
      <c r="H349315" s="12"/>
    </row>
    <row r="349316" spans="8:8">
      <c r="H349316" s="12"/>
    </row>
    <row r="349317" spans="8:8">
      <c r="H349317" s="12"/>
    </row>
    <row r="349318" spans="8:8">
      <c r="H349318" s="12"/>
    </row>
    <row r="349319" spans="8:8">
      <c r="H349319" s="12"/>
    </row>
    <row r="349320" spans="8:8">
      <c r="H349320" s="12"/>
    </row>
    <row r="349321" spans="8:8">
      <c r="H349321" s="12"/>
    </row>
    <row r="349322" spans="8:8">
      <c r="H349322" s="12"/>
    </row>
    <row r="349323" spans="8:8">
      <c r="H349323" s="12"/>
    </row>
    <row r="349324" spans="8:8">
      <c r="H349324" s="12"/>
    </row>
    <row r="349325" spans="8:8">
      <c r="H349325" s="12"/>
    </row>
    <row r="349326" spans="8:8">
      <c r="H349326" s="12"/>
    </row>
    <row r="349327" spans="8:8">
      <c r="H349327" s="12"/>
    </row>
    <row r="349328" spans="8:8">
      <c r="H349328" s="12"/>
    </row>
    <row r="349329" spans="8:8">
      <c r="H349329" s="12"/>
    </row>
    <row r="349330" spans="8:8">
      <c r="H349330" s="12"/>
    </row>
    <row r="349331" spans="8:8">
      <c r="H349331" s="12"/>
    </row>
    <row r="349332" spans="8:8">
      <c r="H349332" s="12"/>
    </row>
    <row r="349333" spans="8:8">
      <c r="H349333" s="12"/>
    </row>
    <row r="349334" spans="8:8">
      <c r="H349334" s="12"/>
    </row>
    <row r="349335" spans="8:8">
      <c r="H349335" s="12"/>
    </row>
    <row r="349336" spans="8:8">
      <c r="H349336" s="12"/>
    </row>
    <row r="349337" spans="8:8">
      <c r="H349337" s="12"/>
    </row>
    <row r="349338" spans="8:8">
      <c r="H349338" s="12"/>
    </row>
    <row r="349339" spans="8:8">
      <c r="H349339" s="12"/>
    </row>
    <row r="349340" spans="8:8">
      <c r="H349340" s="12"/>
    </row>
    <row r="349341" spans="8:8">
      <c r="H349341" s="12"/>
    </row>
    <row r="349342" spans="8:8">
      <c r="H349342" s="12"/>
    </row>
    <row r="349343" spans="8:8">
      <c r="H349343" s="12"/>
    </row>
    <row r="349344" spans="8:8">
      <c r="H349344" s="12"/>
    </row>
    <row r="349345" spans="8:8">
      <c r="H349345" s="12"/>
    </row>
    <row r="349346" spans="8:8">
      <c r="H349346" s="12"/>
    </row>
    <row r="349347" spans="8:8">
      <c r="H349347" s="12"/>
    </row>
    <row r="349348" spans="8:8">
      <c r="H349348" s="12"/>
    </row>
    <row r="349349" spans="8:8">
      <c r="H349349" s="12"/>
    </row>
    <row r="349350" spans="8:8">
      <c r="H349350" s="12"/>
    </row>
    <row r="349351" spans="8:8">
      <c r="H349351" s="12"/>
    </row>
    <row r="349352" spans="8:8">
      <c r="H349352" s="12"/>
    </row>
    <row r="349353" spans="8:8">
      <c r="H349353" s="12"/>
    </row>
    <row r="349354" spans="8:8">
      <c r="H349354" s="12"/>
    </row>
    <row r="349355" spans="8:8">
      <c r="H349355" s="12"/>
    </row>
    <row r="349356" spans="8:8">
      <c r="H349356" s="12"/>
    </row>
    <row r="349357" spans="8:8">
      <c r="H349357" s="12"/>
    </row>
    <row r="349358" spans="8:8">
      <c r="H349358" s="12"/>
    </row>
    <row r="349359" spans="8:8">
      <c r="H349359" s="12"/>
    </row>
    <row r="349360" spans="8:8">
      <c r="H349360" s="12"/>
    </row>
    <row r="349361" spans="8:8">
      <c r="H349361" s="12"/>
    </row>
    <row r="349362" spans="8:8">
      <c r="H349362" s="12"/>
    </row>
    <row r="349363" spans="8:8">
      <c r="H349363" s="12"/>
    </row>
    <row r="349364" spans="8:8">
      <c r="H349364" s="12"/>
    </row>
    <row r="349365" spans="8:8">
      <c r="H349365" s="12"/>
    </row>
    <row r="349366" spans="8:8">
      <c r="H349366" s="12"/>
    </row>
    <row r="349367" spans="8:8">
      <c r="H349367" s="12"/>
    </row>
    <row r="349368" spans="8:8">
      <c r="H349368" s="12"/>
    </row>
    <row r="349369" spans="8:8">
      <c r="H349369" s="12"/>
    </row>
    <row r="349370" spans="8:8">
      <c r="H349370" s="12"/>
    </row>
    <row r="349371" spans="8:8">
      <c r="H349371" s="12"/>
    </row>
    <row r="349372" spans="8:8">
      <c r="H349372" s="12"/>
    </row>
    <row r="349373" spans="8:8">
      <c r="H349373" s="12"/>
    </row>
    <row r="349374" spans="8:8">
      <c r="H349374" s="12"/>
    </row>
    <row r="349375" spans="8:8">
      <c r="H349375" s="12"/>
    </row>
    <row r="349376" spans="8:8">
      <c r="H349376" s="12"/>
    </row>
    <row r="349377" spans="8:8">
      <c r="H349377" s="12"/>
    </row>
    <row r="349378" spans="8:8">
      <c r="H349378" s="12"/>
    </row>
    <row r="349379" spans="8:8">
      <c r="H349379" s="12"/>
    </row>
    <row r="349380" spans="8:8">
      <c r="H349380" s="12"/>
    </row>
    <row r="349381" spans="8:8">
      <c r="H349381" s="12"/>
    </row>
    <row r="349382" spans="8:8">
      <c r="H349382" s="12"/>
    </row>
    <row r="349383" spans="8:8">
      <c r="H349383" s="12"/>
    </row>
    <row r="349384" spans="8:8">
      <c r="H349384" s="12"/>
    </row>
    <row r="349385" spans="8:8">
      <c r="H349385" s="12"/>
    </row>
    <row r="349386" spans="8:8">
      <c r="H349386" s="12"/>
    </row>
    <row r="349387" spans="8:8">
      <c r="H349387" s="12"/>
    </row>
    <row r="349388" spans="8:8">
      <c r="H349388" s="12"/>
    </row>
    <row r="349389" spans="8:8">
      <c r="H349389" s="12"/>
    </row>
    <row r="349390" spans="8:8">
      <c r="H349390" s="12"/>
    </row>
    <row r="349391" spans="8:8">
      <c r="H349391" s="12"/>
    </row>
    <row r="349392" spans="8:8">
      <c r="H349392" s="12"/>
    </row>
    <row r="349393" spans="8:8">
      <c r="H349393" s="12"/>
    </row>
    <row r="349394" spans="8:8">
      <c r="H349394" s="12"/>
    </row>
    <row r="349395" spans="8:8">
      <c r="H349395" s="12"/>
    </row>
    <row r="349396" spans="8:8">
      <c r="H349396" s="12"/>
    </row>
    <row r="349397" spans="8:8">
      <c r="H349397" s="12"/>
    </row>
    <row r="349398" spans="8:8">
      <c r="H349398" s="12"/>
    </row>
    <row r="349399" spans="8:8">
      <c r="H349399" s="12"/>
    </row>
    <row r="349400" spans="8:8">
      <c r="H349400" s="12"/>
    </row>
    <row r="349401" spans="8:8">
      <c r="H349401" s="12"/>
    </row>
    <row r="349402" spans="8:8">
      <c r="H349402" s="12"/>
    </row>
    <row r="349403" spans="8:8">
      <c r="H349403" s="12"/>
    </row>
    <row r="349404" spans="8:8">
      <c r="H349404" s="12"/>
    </row>
    <row r="349405" spans="8:8">
      <c r="H349405" s="12"/>
    </row>
    <row r="349406" spans="8:8">
      <c r="H349406" s="12"/>
    </row>
    <row r="349407" spans="8:8">
      <c r="H349407" s="12"/>
    </row>
    <row r="349408" spans="8:8">
      <c r="H349408" s="12"/>
    </row>
    <row r="349409" spans="8:8">
      <c r="H349409" s="12"/>
    </row>
    <row r="349410" spans="8:8">
      <c r="H349410" s="12"/>
    </row>
    <row r="349411" spans="8:8">
      <c r="H349411" s="12"/>
    </row>
    <row r="349412" spans="8:8">
      <c r="H349412" s="12"/>
    </row>
    <row r="349413" spans="8:8">
      <c r="H349413" s="12"/>
    </row>
    <row r="349414" spans="8:8">
      <c r="H349414" s="12"/>
    </row>
    <row r="349415" spans="8:8">
      <c r="H349415" s="12"/>
    </row>
    <row r="349416" spans="8:8">
      <c r="H349416" s="12"/>
    </row>
    <row r="349417" spans="8:8">
      <c r="H349417" s="12"/>
    </row>
    <row r="349418" spans="8:8">
      <c r="H349418" s="12"/>
    </row>
    <row r="349419" spans="8:8">
      <c r="H349419" s="12"/>
    </row>
    <row r="349420" spans="8:8">
      <c r="H349420" s="12"/>
    </row>
    <row r="349421" spans="8:8">
      <c r="H349421" s="12"/>
    </row>
    <row r="349422" spans="8:8">
      <c r="H349422" s="12"/>
    </row>
    <row r="349423" spans="8:8">
      <c r="H349423" s="12"/>
    </row>
    <row r="349424" spans="8:8">
      <c r="H349424" s="12"/>
    </row>
    <row r="349425" spans="8:8">
      <c r="H349425" s="12"/>
    </row>
    <row r="349426" spans="8:8">
      <c r="H349426" s="12"/>
    </row>
    <row r="349427" spans="8:8">
      <c r="H349427" s="12"/>
    </row>
    <row r="349428" spans="8:8">
      <c r="H349428" s="12"/>
    </row>
    <row r="349429" spans="8:8">
      <c r="H349429" s="12"/>
    </row>
    <row r="349430" spans="8:8">
      <c r="H349430" s="12"/>
    </row>
    <row r="349431" spans="8:8">
      <c r="H349431" s="12"/>
    </row>
    <row r="349432" spans="8:8">
      <c r="H349432" s="12"/>
    </row>
    <row r="349433" spans="8:8">
      <c r="H349433" s="12"/>
    </row>
    <row r="349434" spans="8:8">
      <c r="H349434" s="12"/>
    </row>
    <row r="349435" spans="8:8">
      <c r="H349435" s="12"/>
    </row>
    <row r="349436" spans="8:8">
      <c r="H349436" s="12"/>
    </row>
    <row r="349437" spans="8:8">
      <c r="H349437" s="12"/>
    </row>
    <row r="349438" spans="8:8">
      <c r="H349438" s="12"/>
    </row>
    <row r="349439" spans="8:8">
      <c r="H349439" s="12"/>
    </row>
    <row r="349440" spans="8:8">
      <c r="H349440" s="12"/>
    </row>
    <row r="349441" spans="8:8">
      <c r="H349441" s="12"/>
    </row>
    <row r="349442" spans="8:8">
      <c r="H349442" s="12"/>
    </row>
    <row r="349443" spans="8:8">
      <c r="H349443" s="12"/>
    </row>
    <row r="349444" spans="8:8">
      <c r="H349444" s="12"/>
    </row>
    <row r="349445" spans="8:8">
      <c r="H349445" s="12"/>
    </row>
    <row r="349446" spans="8:8">
      <c r="H349446" s="12"/>
    </row>
    <row r="349447" spans="8:8">
      <c r="H349447" s="12"/>
    </row>
    <row r="349448" spans="8:8">
      <c r="H349448" s="12"/>
    </row>
    <row r="349449" spans="8:8">
      <c r="H349449" s="12"/>
    </row>
    <row r="349450" spans="8:8">
      <c r="H349450" s="12"/>
    </row>
    <row r="349451" spans="8:8">
      <c r="H349451" s="12"/>
    </row>
    <row r="349452" spans="8:8">
      <c r="H349452" s="12"/>
    </row>
    <row r="349453" spans="8:8">
      <c r="H349453" s="12"/>
    </row>
    <row r="349454" spans="8:8">
      <c r="H349454" s="12"/>
    </row>
    <row r="349455" spans="8:8">
      <c r="H349455" s="12"/>
    </row>
    <row r="349456" spans="8:8">
      <c r="H349456" s="12"/>
    </row>
    <row r="349457" spans="8:8">
      <c r="H349457" s="12"/>
    </row>
    <row r="349458" spans="8:8">
      <c r="H349458" s="12"/>
    </row>
    <row r="349459" spans="8:8">
      <c r="H349459" s="12"/>
    </row>
    <row r="349460" spans="8:8">
      <c r="H349460" s="12"/>
    </row>
    <row r="349461" spans="8:8">
      <c r="H349461" s="12"/>
    </row>
    <row r="349462" spans="8:8">
      <c r="H349462" s="12"/>
    </row>
    <row r="349463" spans="8:8">
      <c r="H349463" s="12"/>
    </row>
    <row r="349464" spans="8:8">
      <c r="H349464" s="12"/>
    </row>
    <row r="349465" spans="8:8">
      <c r="H349465" s="12"/>
    </row>
    <row r="349466" spans="8:8">
      <c r="H349466" s="12"/>
    </row>
    <row r="349467" spans="8:8">
      <c r="H349467" s="12"/>
    </row>
    <row r="349468" spans="8:8">
      <c r="H349468" s="12"/>
    </row>
    <row r="349469" spans="8:8">
      <c r="H349469" s="12"/>
    </row>
    <row r="349470" spans="8:8">
      <c r="H349470" s="12"/>
    </row>
    <row r="349471" spans="8:8">
      <c r="H349471" s="12"/>
    </row>
    <row r="349472" spans="8:8">
      <c r="H349472" s="12"/>
    </row>
    <row r="349473" spans="8:8">
      <c r="H349473" s="12"/>
    </row>
    <row r="349474" spans="8:8">
      <c r="H349474" s="12"/>
    </row>
    <row r="349475" spans="8:8">
      <c r="H349475" s="12"/>
    </row>
    <row r="349476" spans="8:8">
      <c r="H349476" s="12"/>
    </row>
    <row r="349477" spans="8:8">
      <c r="H349477" s="12"/>
    </row>
    <row r="349478" spans="8:8">
      <c r="H349478" s="12"/>
    </row>
    <row r="349479" spans="8:8">
      <c r="H349479" s="12"/>
    </row>
    <row r="349480" spans="8:8">
      <c r="H349480" s="12"/>
    </row>
    <row r="349481" spans="8:8">
      <c r="H349481" s="12"/>
    </row>
    <row r="349482" spans="8:8">
      <c r="H349482" s="12"/>
    </row>
    <row r="349483" spans="8:8">
      <c r="H349483" s="12"/>
    </row>
    <row r="349484" spans="8:8">
      <c r="H349484" s="12"/>
    </row>
    <row r="349485" spans="8:8">
      <c r="H349485" s="12"/>
    </row>
    <row r="349486" spans="8:8">
      <c r="H349486" s="12"/>
    </row>
    <row r="349487" spans="8:8">
      <c r="H349487" s="12"/>
    </row>
    <row r="349488" spans="8:8">
      <c r="H349488" s="12"/>
    </row>
    <row r="349489" spans="8:8">
      <c r="H349489" s="12"/>
    </row>
    <row r="349490" spans="8:8">
      <c r="H349490" s="12"/>
    </row>
    <row r="349491" spans="8:8">
      <c r="H349491" s="12"/>
    </row>
    <row r="349492" spans="8:8">
      <c r="H349492" s="12"/>
    </row>
    <row r="349493" spans="8:8">
      <c r="H349493" s="12"/>
    </row>
    <row r="349494" spans="8:8">
      <c r="H349494" s="12"/>
    </row>
    <row r="349495" spans="8:8">
      <c r="H349495" s="12"/>
    </row>
    <row r="349496" spans="8:8">
      <c r="H349496" s="12"/>
    </row>
    <row r="349497" spans="8:8">
      <c r="H349497" s="12"/>
    </row>
    <row r="349498" spans="8:8">
      <c r="H349498" s="12"/>
    </row>
    <row r="349499" spans="8:8">
      <c r="H349499" s="12"/>
    </row>
    <row r="349500" spans="8:8">
      <c r="H349500" s="12"/>
    </row>
    <row r="349501" spans="8:8">
      <c r="H349501" s="12"/>
    </row>
    <row r="349502" spans="8:8">
      <c r="H349502" s="12"/>
    </row>
    <row r="349503" spans="8:8">
      <c r="H349503" s="12"/>
    </row>
    <row r="349504" spans="8:8">
      <c r="H349504" s="12"/>
    </row>
    <row r="349505" spans="8:8">
      <c r="H349505" s="12"/>
    </row>
    <row r="349506" spans="8:8">
      <c r="H349506" s="12"/>
    </row>
    <row r="349507" spans="8:8">
      <c r="H349507" s="12"/>
    </row>
    <row r="349508" spans="8:8">
      <c r="H349508" s="12"/>
    </row>
    <row r="349509" spans="8:8">
      <c r="H349509" s="12"/>
    </row>
    <row r="349510" spans="8:8">
      <c r="H349510" s="12"/>
    </row>
    <row r="349511" spans="8:8">
      <c r="H349511" s="12"/>
    </row>
    <row r="349512" spans="8:8">
      <c r="H349512" s="12"/>
    </row>
    <row r="349513" spans="8:8">
      <c r="H349513" s="12"/>
    </row>
    <row r="349514" spans="8:8">
      <c r="H349514" s="12"/>
    </row>
    <row r="349515" spans="8:8">
      <c r="H349515" s="12"/>
    </row>
    <row r="349516" spans="8:8">
      <c r="H349516" s="12"/>
    </row>
    <row r="349517" spans="8:8">
      <c r="H349517" s="12"/>
    </row>
    <row r="349518" spans="8:8">
      <c r="H349518" s="12"/>
    </row>
    <row r="349519" spans="8:8">
      <c r="H349519" s="12"/>
    </row>
    <row r="349520" spans="8:8">
      <c r="H349520" s="12"/>
    </row>
    <row r="349521" spans="8:8">
      <c r="H349521" s="12"/>
    </row>
    <row r="349522" spans="8:8">
      <c r="H349522" s="12"/>
    </row>
    <row r="349523" spans="8:8">
      <c r="H349523" s="12"/>
    </row>
    <row r="349524" spans="8:8">
      <c r="H349524" s="12"/>
    </row>
    <row r="349525" spans="8:8">
      <c r="H349525" s="12"/>
    </row>
    <row r="349526" spans="8:8">
      <c r="H349526" s="12"/>
    </row>
    <row r="349527" spans="8:8">
      <c r="H349527" s="12"/>
    </row>
    <row r="349528" spans="8:8">
      <c r="H349528" s="12"/>
    </row>
    <row r="349529" spans="8:8">
      <c r="H349529" s="12"/>
    </row>
    <row r="349530" spans="8:8">
      <c r="H349530" s="12"/>
    </row>
    <row r="349531" spans="8:8">
      <c r="H349531" s="12"/>
    </row>
    <row r="349532" spans="8:8">
      <c r="H349532" s="12"/>
    </row>
    <row r="349533" spans="8:8">
      <c r="H349533" s="12"/>
    </row>
    <row r="349534" spans="8:8">
      <c r="H349534" s="12"/>
    </row>
    <row r="349535" spans="8:8">
      <c r="H349535" s="12"/>
    </row>
    <row r="349536" spans="8:8">
      <c r="H349536" s="12"/>
    </row>
    <row r="349537" spans="8:8">
      <c r="H349537" s="12"/>
    </row>
    <row r="349538" spans="8:8">
      <c r="H349538" s="12"/>
    </row>
    <row r="349539" spans="8:8">
      <c r="H349539" s="12"/>
    </row>
    <row r="349540" spans="8:8">
      <c r="H349540" s="12"/>
    </row>
    <row r="349541" spans="8:8">
      <c r="H349541" s="12"/>
    </row>
    <row r="349542" spans="8:8">
      <c r="H349542" s="12"/>
    </row>
    <row r="349543" spans="8:8">
      <c r="H349543" s="12"/>
    </row>
    <row r="349544" spans="8:8">
      <c r="H349544" s="12"/>
    </row>
    <row r="349545" spans="8:8">
      <c r="H349545" s="12"/>
    </row>
    <row r="349546" spans="8:8">
      <c r="H349546" s="12"/>
    </row>
    <row r="349547" spans="8:8">
      <c r="H349547" s="12"/>
    </row>
    <row r="349548" spans="8:8">
      <c r="H349548" s="12"/>
    </row>
    <row r="349549" spans="8:8">
      <c r="H349549" s="12"/>
    </row>
    <row r="349550" spans="8:8">
      <c r="H349550" s="12"/>
    </row>
    <row r="349551" spans="8:8">
      <c r="H349551" s="12"/>
    </row>
    <row r="349552" spans="8:8">
      <c r="H349552" s="12"/>
    </row>
    <row r="349553" spans="8:8">
      <c r="H349553" s="12"/>
    </row>
    <row r="349554" spans="8:8">
      <c r="H349554" s="12"/>
    </row>
    <row r="349555" spans="8:8">
      <c r="H349555" s="12"/>
    </row>
    <row r="349556" spans="8:8">
      <c r="H349556" s="12"/>
    </row>
    <row r="349557" spans="8:8">
      <c r="H349557" s="12"/>
    </row>
    <row r="349558" spans="8:8">
      <c r="H349558" s="12"/>
    </row>
    <row r="349559" spans="8:8">
      <c r="H349559" s="12"/>
    </row>
    <row r="349560" spans="8:8">
      <c r="H349560" s="12"/>
    </row>
    <row r="349561" spans="8:8">
      <c r="H349561" s="12"/>
    </row>
    <row r="349562" spans="8:8">
      <c r="H349562" s="12"/>
    </row>
    <row r="349563" spans="8:8">
      <c r="H349563" s="12"/>
    </row>
    <row r="349564" spans="8:8">
      <c r="H349564" s="12"/>
    </row>
    <row r="349565" spans="8:8">
      <c r="H349565" s="12"/>
    </row>
    <row r="349566" spans="8:8">
      <c r="H349566" s="12"/>
    </row>
    <row r="349567" spans="8:8">
      <c r="H349567" s="12"/>
    </row>
    <row r="349568" spans="8:8">
      <c r="H349568" s="12"/>
    </row>
    <row r="349569" spans="8:8">
      <c r="H349569" s="12"/>
    </row>
    <row r="349570" spans="8:8">
      <c r="H349570" s="12"/>
    </row>
    <row r="349571" spans="8:8">
      <c r="H349571" s="12"/>
    </row>
    <row r="349572" spans="8:8">
      <c r="H349572" s="12"/>
    </row>
    <row r="349573" spans="8:8">
      <c r="H349573" s="12"/>
    </row>
    <row r="349574" spans="8:8">
      <c r="H349574" s="12"/>
    </row>
    <row r="349575" spans="8:8">
      <c r="H349575" s="12"/>
    </row>
    <row r="349576" spans="8:8">
      <c r="H349576" s="12"/>
    </row>
    <row r="349577" spans="8:8">
      <c r="H349577" s="12"/>
    </row>
    <row r="349578" spans="8:8">
      <c r="H349578" s="12"/>
    </row>
    <row r="349579" spans="8:8">
      <c r="H349579" s="12"/>
    </row>
    <row r="349580" spans="8:8">
      <c r="H349580" s="12"/>
    </row>
    <row r="349581" spans="8:8">
      <c r="H349581" s="12"/>
    </row>
    <row r="349582" spans="8:8">
      <c r="H349582" s="12"/>
    </row>
    <row r="349583" spans="8:8">
      <c r="H349583" s="12"/>
    </row>
    <row r="349584" spans="8:8">
      <c r="H349584" s="12"/>
    </row>
    <row r="349585" spans="8:8">
      <c r="H349585" s="12"/>
    </row>
    <row r="349586" spans="8:8">
      <c r="H349586" s="12"/>
    </row>
    <row r="349587" spans="8:8">
      <c r="H349587" s="12"/>
    </row>
    <row r="349588" spans="8:8">
      <c r="H349588" s="12"/>
    </row>
    <row r="349589" spans="8:8">
      <c r="H349589" s="12"/>
    </row>
    <row r="349590" spans="8:8">
      <c r="H349590" s="12"/>
    </row>
    <row r="349591" spans="8:8">
      <c r="H349591" s="12"/>
    </row>
    <row r="349592" spans="8:8">
      <c r="H349592" s="12"/>
    </row>
    <row r="349593" spans="8:8">
      <c r="H349593" s="12"/>
    </row>
    <row r="349594" spans="8:8">
      <c r="H349594" s="12"/>
    </row>
    <row r="349595" spans="8:8">
      <c r="H349595" s="12"/>
    </row>
    <row r="349596" spans="8:8">
      <c r="H349596" s="12"/>
    </row>
    <row r="349597" spans="8:8">
      <c r="H349597" s="12"/>
    </row>
    <row r="349598" spans="8:8">
      <c r="H349598" s="12"/>
    </row>
    <row r="349599" spans="8:8">
      <c r="H349599" s="12"/>
    </row>
    <row r="349600" spans="8:8">
      <c r="H349600" s="12"/>
    </row>
    <row r="349601" spans="8:8">
      <c r="H349601" s="12"/>
    </row>
    <row r="349602" spans="8:8">
      <c r="H349602" s="12"/>
    </row>
    <row r="349603" spans="8:8">
      <c r="H349603" s="12"/>
    </row>
    <row r="349604" spans="8:8">
      <c r="H349604" s="12"/>
    </row>
    <row r="349605" spans="8:8">
      <c r="H349605" s="12"/>
    </row>
    <row r="349606" spans="8:8">
      <c r="H349606" s="12"/>
    </row>
    <row r="349607" spans="8:8">
      <c r="H349607" s="12"/>
    </row>
    <row r="349608" spans="8:8">
      <c r="H349608" s="12"/>
    </row>
    <row r="349609" spans="8:8">
      <c r="H349609" s="12"/>
    </row>
    <row r="349610" spans="8:8">
      <c r="H349610" s="12"/>
    </row>
    <row r="349611" spans="8:8">
      <c r="H349611" s="12"/>
    </row>
    <row r="349612" spans="8:8">
      <c r="H349612" s="12"/>
    </row>
    <row r="349613" spans="8:8">
      <c r="H349613" s="12"/>
    </row>
    <row r="349614" spans="8:8">
      <c r="H349614" s="12"/>
    </row>
    <row r="349615" spans="8:8">
      <c r="H349615" s="12"/>
    </row>
    <row r="349616" spans="8:8">
      <c r="H349616" s="12"/>
    </row>
    <row r="349617" spans="8:8">
      <c r="H349617" s="12"/>
    </row>
    <row r="349618" spans="8:8">
      <c r="H349618" s="12"/>
    </row>
    <row r="349619" spans="8:8">
      <c r="H349619" s="12"/>
    </row>
    <row r="349620" spans="8:8">
      <c r="H349620" s="12"/>
    </row>
    <row r="349621" spans="8:8">
      <c r="H349621" s="12"/>
    </row>
    <row r="349622" spans="8:8">
      <c r="H349622" s="12"/>
    </row>
    <row r="349623" spans="8:8">
      <c r="H349623" s="12"/>
    </row>
    <row r="349624" spans="8:8">
      <c r="H349624" s="12"/>
    </row>
    <row r="349625" spans="8:8">
      <c r="H349625" s="12"/>
    </row>
    <row r="349626" spans="8:8">
      <c r="H349626" s="12"/>
    </row>
    <row r="349627" spans="8:8">
      <c r="H349627" s="12"/>
    </row>
    <row r="349628" spans="8:8">
      <c r="H349628" s="12"/>
    </row>
    <row r="349629" spans="8:8">
      <c r="H349629" s="12"/>
    </row>
    <row r="349630" spans="8:8">
      <c r="H349630" s="12"/>
    </row>
    <row r="349631" spans="8:8">
      <c r="H349631" s="12"/>
    </row>
    <row r="349632" spans="8:8">
      <c r="H349632" s="12"/>
    </row>
    <row r="349633" spans="8:8">
      <c r="H349633" s="12"/>
    </row>
    <row r="349634" spans="8:8">
      <c r="H349634" s="12"/>
    </row>
    <row r="349635" spans="8:8">
      <c r="H349635" s="12"/>
    </row>
    <row r="349636" spans="8:8">
      <c r="H349636" s="12"/>
    </row>
    <row r="349637" spans="8:8">
      <c r="H349637" s="12"/>
    </row>
    <row r="349638" spans="8:8">
      <c r="H349638" s="12"/>
    </row>
    <row r="349639" spans="8:8">
      <c r="H349639" s="12"/>
    </row>
    <row r="349640" spans="8:8">
      <c r="H349640" s="12"/>
    </row>
    <row r="349641" spans="8:8">
      <c r="H349641" s="12"/>
    </row>
    <row r="349642" spans="8:8">
      <c r="H349642" s="12"/>
    </row>
    <row r="349643" spans="8:8">
      <c r="H349643" s="12"/>
    </row>
    <row r="349644" spans="8:8">
      <c r="H349644" s="12"/>
    </row>
    <row r="349645" spans="8:8">
      <c r="H349645" s="12"/>
    </row>
    <row r="349646" spans="8:8">
      <c r="H349646" s="12"/>
    </row>
    <row r="349647" spans="8:8">
      <c r="H349647" s="12"/>
    </row>
    <row r="349648" spans="8:8">
      <c r="H349648" s="12"/>
    </row>
    <row r="349649" spans="8:8">
      <c r="H349649" s="12"/>
    </row>
    <row r="349650" spans="8:8">
      <c r="H349650" s="12"/>
    </row>
    <row r="349651" spans="8:8">
      <c r="H349651" s="12"/>
    </row>
    <row r="349652" spans="8:8">
      <c r="H349652" s="12"/>
    </row>
    <row r="349653" spans="8:8">
      <c r="H349653" s="12"/>
    </row>
    <row r="349654" spans="8:8">
      <c r="H349654" s="12"/>
    </row>
    <row r="349655" spans="8:8">
      <c r="H349655" s="12"/>
    </row>
    <row r="349656" spans="8:8">
      <c r="H349656" s="12"/>
    </row>
    <row r="349657" spans="8:8">
      <c r="H349657" s="12"/>
    </row>
    <row r="349658" spans="8:8">
      <c r="H349658" s="12"/>
    </row>
    <row r="349659" spans="8:8">
      <c r="H349659" s="12"/>
    </row>
    <row r="349660" spans="8:8">
      <c r="H349660" s="12"/>
    </row>
    <row r="349661" spans="8:8">
      <c r="H349661" s="12"/>
    </row>
    <row r="349662" spans="8:8">
      <c r="H349662" s="12"/>
    </row>
    <row r="349663" spans="8:8">
      <c r="H349663" s="12"/>
    </row>
    <row r="349664" spans="8:8">
      <c r="H349664" s="12"/>
    </row>
    <row r="349665" spans="8:8">
      <c r="H349665" s="12"/>
    </row>
    <row r="349666" spans="8:8">
      <c r="H349666" s="12"/>
    </row>
    <row r="349667" spans="8:8">
      <c r="H349667" s="12"/>
    </row>
    <row r="349668" spans="8:8">
      <c r="H349668" s="12"/>
    </row>
    <row r="349669" spans="8:8">
      <c r="H349669" s="12"/>
    </row>
    <row r="349670" spans="8:8">
      <c r="H349670" s="12"/>
    </row>
    <row r="349671" spans="8:8">
      <c r="H349671" s="12"/>
    </row>
    <row r="349672" spans="8:8">
      <c r="H349672" s="12"/>
    </row>
    <row r="349673" spans="8:8">
      <c r="H349673" s="12"/>
    </row>
    <row r="349674" spans="8:8">
      <c r="H349674" s="12"/>
    </row>
    <row r="349675" spans="8:8">
      <c r="H349675" s="12"/>
    </row>
    <row r="349676" spans="8:8">
      <c r="H349676" s="12"/>
    </row>
    <row r="349677" spans="8:8">
      <c r="H349677" s="12"/>
    </row>
    <row r="349678" spans="8:8">
      <c r="H349678" s="12"/>
    </row>
    <row r="349679" spans="8:8">
      <c r="H349679" s="12"/>
    </row>
    <row r="349680" spans="8:8">
      <c r="H349680" s="12"/>
    </row>
    <row r="349681" spans="8:8">
      <c r="H349681" s="12"/>
    </row>
    <row r="349682" spans="8:8">
      <c r="H349682" s="12"/>
    </row>
    <row r="349683" spans="8:8">
      <c r="H349683" s="12"/>
    </row>
    <row r="349684" spans="8:8">
      <c r="H349684" s="12"/>
    </row>
    <row r="349685" spans="8:8">
      <c r="H349685" s="12"/>
    </row>
    <row r="349686" spans="8:8">
      <c r="H349686" s="12"/>
    </row>
    <row r="349687" spans="8:8">
      <c r="H349687" s="12"/>
    </row>
    <row r="349688" spans="8:8">
      <c r="H349688" s="12"/>
    </row>
    <row r="349689" spans="8:8">
      <c r="H349689" s="12"/>
    </row>
    <row r="349690" spans="8:8">
      <c r="H349690" s="12"/>
    </row>
    <row r="349691" spans="8:8">
      <c r="H349691" s="12"/>
    </row>
    <row r="349692" spans="8:8">
      <c r="H349692" s="12"/>
    </row>
    <row r="349693" spans="8:8">
      <c r="H349693" s="12"/>
    </row>
    <row r="349694" spans="8:8">
      <c r="H349694" s="12"/>
    </row>
    <row r="349695" spans="8:8">
      <c r="H349695" s="12"/>
    </row>
    <row r="349696" spans="8:8">
      <c r="H349696" s="12"/>
    </row>
    <row r="349697" spans="8:8">
      <c r="H349697" s="12"/>
    </row>
    <row r="349698" spans="8:8">
      <c r="H349698" s="12"/>
    </row>
    <row r="349699" spans="8:8">
      <c r="H349699" s="12"/>
    </row>
    <row r="349700" spans="8:8">
      <c r="H349700" s="12"/>
    </row>
    <row r="349701" spans="8:8">
      <c r="H349701" s="12"/>
    </row>
    <row r="349702" spans="8:8">
      <c r="H349702" s="12"/>
    </row>
    <row r="349703" spans="8:8">
      <c r="H349703" s="12"/>
    </row>
    <row r="349704" spans="8:8">
      <c r="H349704" s="12"/>
    </row>
    <row r="349705" spans="8:8">
      <c r="H349705" s="12"/>
    </row>
    <row r="349706" spans="8:8">
      <c r="H349706" s="12"/>
    </row>
    <row r="349707" spans="8:8">
      <c r="H349707" s="12"/>
    </row>
    <row r="349708" spans="8:8">
      <c r="H349708" s="12"/>
    </row>
    <row r="349709" spans="8:8">
      <c r="H349709" s="12"/>
    </row>
    <row r="349710" spans="8:8">
      <c r="H349710" s="12"/>
    </row>
    <row r="349711" spans="8:8">
      <c r="H349711" s="12"/>
    </row>
    <row r="349712" spans="8:8">
      <c r="H349712" s="12"/>
    </row>
    <row r="349713" spans="8:8">
      <c r="H349713" s="12"/>
    </row>
    <row r="349714" spans="8:8">
      <c r="H349714" s="12"/>
    </row>
    <row r="349715" spans="8:8">
      <c r="H349715" s="12"/>
    </row>
    <row r="349716" spans="8:8">
      <c r="H349716" s="12"/>
    </row>
    <row r="349717" spans="8:8">
      <c r="H349717" s="12"/>
    </row>
    <row r="349718" spans="8:8">
      <c r="H349718" s="12"/>
    </row>
    <row r="349719" spans="8:8">
      <c r="H349719" s="12"/>
    </row>
    <row r="349720" spans="8:8">
      <c r="H349720" s="12"/>
    </row>
    <row r="349721" spans="8:8">
      <c r="H349721" s="12"/>
    </row>
    <row r="349722" spans="8:8">
      <c r="H349722" s="12"/>
    </row>
    <row r="349723" spans="8:8">
      <c r="H349723" s="12"/>
    </row>
    <row r="349724" spans="8:8">
      <c r="H349724" s="12"/>
    </row>
    <row r="349725" spans="8:8">
      <c r="H349725" s="12"/>
    </row>
    <row r="349726" spans="8:8">
      <c r="H349726" s="12"/>
    </row>
    <row r="349727" spans="8:8">
      <c r="H349727" s="12"/>
    </row>
    <row r="349728" spans="8:8">
      <c r="H349728" s="12"/>
    </row>
    <row r="349729" spans="8:8">
      <c r="H349729" s="12"/>
    </row>
    <row r="349730" spans="8:8">
      <c r="H349730" s="12"/>
    </row>
    <row r="349731" spans="8:8">
      <c r="H349731" s="12"/>
    </row>
    <row r="349732" spans="8:8">
      <c r="H349732" s="12"/>
    </row>
    <row r="349733" spans="8:8">
      <c r="H349733" s="12"/>
    </row>
    <row r="349734" spans="8:8">
      <c r="H349734" s="12"/>
    </row>
    <row r="349735" spans="8:8">
      <c r="H349735" s="12"/>
    </row>
    <row r="349736" spans="8:8">
      <c r="H349736" s="12"/>
    </row>
    <row r="349737" spans="8:8">
      <c r="H349737" s="12"/>
    </row>
    <row r="349738" spans="8:8">
      <c r="H349738" s="12"/>
    </row>
    <row r="349739" spans="8:8">
      <c r="H349739" s="12"/>
    </row>
    <row r="349740" spans="8:8">
      <c r="H349740" s="12"/>
    </row>
    <row r="349741" spans="8:8">
      <c r="H349741" s="12"/>
    </row>
    <row r="349742" spans="8:8">
      <c r="H349742" s="12"/>
    </row>
    <row r="349743" spans="8:8">
      <c r="H349743" s="12"/>
    </row>
    <row r="349744" spans="8:8">
      <c r="H349744" s="12"/>
    </row>
    <row r="349745" spans="8:8">
      <c r="H349745" s="12"/>
    </row>
    <row r="349746" spans="8:8">
      <c r="H349746" s="12"/>
    </row>
    <row r="349747" spans="8:8">
      <c r="H349747" s="12"/>
    </row>
    <row r="349748" spans="8:8">
      <c r="H349748" s="12"/>
    </row>
    <row r="349749" spans="8:8">
      <c r="H349749" s="12"/>
    </row>
    <row r="349750" spans="8:8">
      <c r="H349750" s="12"/>
    </row>
    <row r="349751" spans="8:8">
      <c r="H349751" s="12"/>
    </row>
    <row r="349752" spans="8:8">
      <c r="H349752" s="12"/>
    </row>
    <row r="349753" spans="8:8">
      <c r="H349753" s="12"/>
    </row>
    <row r="349754" spans="8:8">
      <c r="H349754" s="12"/>
    </row>
    <row r="349755" spans="8:8">
      <c r="H349755" s="12"/>
    </row>
    <row r="349756" spans="8:8">
      <c r="H349756" s="12"/>
    </row>
    <row r="349757" spans="8:8">
      <c r="H349757" s="12"/>
    </row>
    <row r="349758" spans="8:8">
      <c r="H349758" s="12"/>
    </row>
    <row r="349759" spans="8:8">
      <c r="H349759" s="12"/>
    </row>
    <row r="349760" spans="8:8">
      <c r="H349760" s="12"/>
    </row>
    <row r="349761" spans="8:8">
      <c r="H349761" s="12"/>
    </row>
    <row r="349762" spans="8:8">
      <c r="H349762" s="12"/>
    </row>
    <row r="349763" spans="8:8">
      <c r="H349763" s="12"/>
    </row>
    <row r="349764" spans="8:8">
      <c r="H349764" s="12"/>
    </row>
    <row r="349765" spans="8:8">
      <c r="H349765" s="12"/>
    </row>
    <row r="349766" spans="8:8">
      <c r="H349766" s="12"/>
    </row>
    <row r="349767" spans="8:8">
      <c r="H349767" s="12"/>
    </row>
    <row r="349768" spans="8:8">
      <c r="H349768" s="12"/>
    </row>
    <row r="349769" spans="8:8">
      <c r="H349769" s="12"/>
    </row>
    <row r="349770" spans="8:8">
      <c r="H349770" s="12"/>
    </row>
    <row r="349771" spans="8:8">
      <c r="H349771" s="12"/>
    </row>
    <row r="349772" spans="8:8">
      <c r="H349772" s="12"/>
    </row>
    <row r="349773" spans="8:8">
      <c r="H349773" s="12"/>
    </row>
    <row r="349774" spans="8:8">
      <c r="H349774" s="12"/>
    </row>
    <row r="349775" spans="8:8">
      <c r="H349775" s="12"/>
    </row>
    <row r="349776" spans="8:8">
      <c r="H349776" s="12"/>
    </row>
    <row r="349777" spans="8:8">
      <c r="H349777" s="12"/>
    </row>
    <row r="349778" spans="8:8">
      <c r="H349778" s="12"/>
    </row>
    <row r="349779" spans="8:8">
      <c r="H349779" s="12"/>
    </row>
    <row r="349780" spans="8:8">
      <c r="H349780" s="12"/>
    </row>
    <row r="349781" spans="8:8">
      <c r="H349781" s="12"/>
    </row>
    <row r="349782" spans="8:8">
      <c r="H349782" s="12"/>
    </row>
    <row r="349783" spans="8:8">
      <c r="H349783" s="12"/>
    </row>
    <row r="349784" spans="8:8">
      <c r="H349784" s="12"/>
    </row>
    <row r="349785" spans="8:8">
      <c r="H349785" s="12"/>
    </row>
    <row r="349786" spans="8:8">
      <c r="H349786" s="12"/>
    </row>
    <row r="349787" spans="8:8">
      <c r="H349787" s="12"/>
    </row>
    <row r="349788" spans="8:8">
      <c r="H349788" s="12"/>
    </row>
    <row r="349789" spans="8:8">
      <c r="H349789" s="12"/>
    </row>
    <row r="349790" spans="8:8">
      <c r="H349790" s="12"/>
    </row>
    <row r="349791" spans="8:8">
      <c r="H349791" s="12"/>
    </row>
    <row r="349792" spans="8:8">
      <c r="H349792" s="12"/>
    </row>
    <row r="349793" spans="8:8">
      <c r="H349793" s="12"/>
    </row>
    <row r="349794" spans="8:8">
      <c r="H349794" s="12"/>
    </row>
    <row r="349795" spans="8:8">
      <c r="H349795" s="12"/>
    </row>
    <row r="349796" spans="8:8">
      <c r="H349796" s="12"/>
    </row>
    <row r="349797" spans="8:8">
      <c r="H349797" s="12"/>
    </row>
    <row r="349798" spans="8:8">
      <c r="H349798" s="12"/>
    </row>
    <row r="349799" spans="8:8">
      <c r="H349799" s="12"/>
    </row>
    <row r="349800" spans="8:8">
      <c r="H349800" s="12"/>
    </row>
    <row r="349801" spans="8:8">
      <c r="H349801" s="12"/>
    </row>
    <row r="349802" spans="8:8">
      <c r="H349802" s="12"/>
    </row>
    <row r="349803" spans="8:8">
      <c r="H349803" s="12"/>
    </row>
    <row r="349804" spans="8:8">
      <c r="H349804" s="12"/>
    </row>
    <row r="349805" spans="8:8">
      <c r="H349805" s="12"/>
    </row>
    <row r="349806" spans="8:8">
      <c r="H349806" s="12"/>
    </row>
    <row r="349807" spans="8:8">
      <c r="H349807" s="12"/>
    </row>
    <row r="349808" spans="8:8">
      <c r="H349808" s="12"/>
    </row>
    <row r="349809" spans="8:8">
      <c r="H349809" s="12"/>
    </row>
    <row r="349810" spans="8:8">
      <c r="H349810" s="12"/>
    </row>
    <row r="349811" spans="8:8">
      <c r="H349811" s="12"/>
    </row>
    <row r="349812" spans="8:8">
      <c r="H349812" s="12"/>
    </row>
    <row r="349813" spans="8:8">
      <c r="H349813" s="12"/>
    </row>
    <row r="349814" spans="8:8">
      <c r="H349814" s="12"/>
    </row>
    <row r="349815" spans="8:8">
      <c r="H349815" s="12"/>
    </row>
    <row r="349816" spans="8:8">
      <c r="H349816" s="12"/>
    </row>
    <row r="349817" spans="8:8">
      <c r="H349817" s="12"/>
    </row>
    <row r="349818" spans="8:8">
      <c r="H349818" s="12"/>
    </row>
    <row r="349819" spans="8:8">
      <c r="H349819" s="12"/>
    </row>
    <row r="349820" spans="8:8">
      <c r="H349820" s="12"/>
    </row>
    <row r="349821" spans="8:8">
      <c r="H349821" s="12"/>
    </row>
    <row r="349822" spans="8:8">
      <c r="H349822" s="12"/>
    </row>
    <row r="349823" spans="8:8">
      <c r="H349823" s="12"/>
    </row>
    <row r="349824" spans="8:8">
      <c r="H349824" s="12"/>
    </row>
    <row r="349825" spans="8:8">
      <c r="H349825" s="12"/>
    </row>
    <row r="349826" spans="8:8">
      <c r="H349826" s="12"/>
    </row>
    <row r="349827" spans="8:8">
      <c r="H349827" s="12"/>
    </row>
    <row r="349828" spans="8:8">
      <c r="H349828" s="12"/>
    </row>
    <row r="349829" spans="8:8">
      <c r="H349829" s="12"/>
    </row>
    <row r="349830" spans="8:8">
      <c r="H349830" s="12"/>
    </row>
    <row r="349831" spans="8:8">
      <c r="H349831" s="12"/>
    </row>
    <row r="349832" spans="8:8">
      <c r="H349832" s="12"/>
    </row>
    <row r="349833" spans="8:8">
      <c r="H349833" s="12"/>
    </row>
    <row r="349834" spans="8:8">
      <c r="H349834" s="12"/>
    </row>
    <row r="349835" spans="8:8">
      <c r="H349835" s="12"/>
    </row>
    <row r="349836" spans="8:8">
      <c r="H349836" s="12"/>
    </row>
    <row r="349837" spans="8:8">
      <c r="H349837" s="12"/>
    </row>
    <row r="349838" spans="8:8">
      <c r="H349838" s="12"/>
    </row>
    <row r="349839" spans="8:8">
      <c r="H349839" s="12"/>
    </row>
    <row r="349840" spans="8:8">
      <c r="H349840" s="12"/>
    </row>
    <row r="349841" spans="8:8">
      <c r="H349841" s="12"/>
    </row>
    <row r="349842" spans="8:8">
      <c r="H349842" s="12"/>
    </row>
    <row r="349843" spans="8:8">
      <c r="H349843" s="12"/>
    </row>
    <row r="349844" spans="8:8">
      <c r="H349844" s="12"/>
    </row>
    <row r="349845" spans="8:8">
      <c r="H349845" s="12"/>
    </row>
    <row r="349846" spans="8:8">
      <c r="H349846" s="12"/>
    </row>
    <row r="349847" spans="8:8">
      <c r="H349847" s="12"/>
    </row>
    <row r="349848" spans="8:8">
      <c r="H349848" s="12"/>
    </row>
    <row r="349849" spans="8:8">
      <c r="H349849" s="12"/>
    </row>
    <row r="349850" spans="8:8">
      <c r="H349850" s="12"/>
    </row>
    <row r="349851" spans="8:8">
      <c r="H349851" s="12"/>
    </row>
    <row r="349852" spans="8:8">
      <c r="H349852" s="12"/>
    </row>
    <row r="349853" spans="8:8">
      <c r="H349853" s="12"/>
    </row>
    <row r="349854" spans="8:8">
      <c r="H349854" s="12"/>
    </row>
    <row r="349855" spans="8:8">
      <c r="H349855" s="12"/>
    </row>
    <row r="349856" spans="8:8">
      <c r="H349856" s="12"/>
    </row>
    <row r="349857" spans="8:8">
      <c r="H349857" s="12"/>
    </row>
    <row r="349858" spans="8:8">
      <c r="H349858" s="12"/>
    </row>
    <row r="349859" spans="8:8">
      <c r="H349859" s="12"/>
    </row>
    <row r="349860" spans="8:8">
      <c r="H349860" s="12"/>
    </row>
    <row r="349861" spans="8:8">
      <c r="H349861" s="12"/>
    </row>
    <row r="349862" spans="8:8">
      <c r="H349862" s="12"/>
    </row>
    <row r="349863" spans="8:8">
      <c r="H349863" s="12"/>
    </row>
    <row r="349864" spans="8:8">
      <c r="H349864" s="12"/>
    </row>
    <row r="349865" spans="8:8">
      <c r="H349865" s="12"/>
    </row>
    <row r="349866" spans="8:8">
      <c r="H349866" s="12"/>
    </row>
    <row r="349867" spans="8:8">
      <c r="H349867" s="12"/>
    </row>
    <row r="349868" spans="8:8">
      <c r="H349868" s="12"/>
    </row>
    <row r="349869" spans="8:8">
      <c r="H349869" s="12"/>
    </row>
    <row r="349870" spans="8:8">
      <c r="H349870" s="12"/>
    </row>
    <row r="349871" spans="8:8">
      <c r="H349871" s="12"/>
    </row>
    <row r="349872" spans="8:8">
      <c r="H349872" s="12"/>
    </row>
    <row r="349873" spans="8:8">
      <c r="H349873" s="12"/>
    </row>
    <row r="349874" spans="8:8">
      <c r="H349874" s="12"/>
    </row>
    <row r="349875" spans="8:8">
      <c r="H349875" s="12"/>
    </row>
    <row r="349876" spans="8:8">
      <c r="H349876" s="12"/>
    </row>
    <row r="349877" spans="8:8">
      <c r="H349877" s="12"/>
    </row>
    <row r="349878" spans="8:8">
      <c r="H349878" s="12"/>
    </row>
    <row r="349879" spans="8:8">
      <c r="H349879" s="12"/>
    </row>
    <row r="349880" spans="8:8">
      <c r="H349880" s="12"/>
    </row>
    <row r="349881" spans="8:8">
      <c r="H349881" s="12"/>
    </row>
    <row r="349882" spans="8:8">
      <c r="H349882" s="12"/>
    </row>
    <row r="349883" spans="8:8">
      <c r="H349883" s="12"/>
    </row>
    <row r="349884" spans="8:8">
      <c r="H349884" s="12"/>
    </row>
    <row r="349885" spans="8:8">
      <c r="H349885" s="12"/>
    </row>
    <row r="349886" spans="8:8">
      <c r="H349886" s="12"/>
    </row>
    <row r="349887" spans="8:8">
      <c r="H349887" s="12"/>
    </row>
    <row r="349888" spans="8:8">
      <c r="H349888" s="12"/>
    </row>
    <row r="349889" spans="8:8">
      <c r="H349889" s="12"/>
    </row>
    <row r="349890" spans="8:8">
      <c r="H349890" s="12"/>
    </row>
    <row r="349891" spans="8:8">
      <c r="H349891" s="12"/>
    </row>
    <row r="349892" spans="8:8">
      <c r="H349892" s="12"/>
    </row>
    <row r="349893" spans="8:8">
      <c r="H349893" s="12"/>
    </row>
    <row r="349894" spans="8:8">
      <c r="H349894" s="12"/>
    </row>
    <row r="349895" spans="8:8">
      <c r="H349895" s="12"/>
    </row>
    <row r="349896" spans="8:8">
      <c r="H349896" s="12"/>
    </row>
    <row r="349897" spans="8:8">
      <c r="H349897" s="12"/>
    </row>
    <row r="349898" spans="8:8">
      <c r="H349898" s="12"/>
    </row>
    <row r="349899" spans="8:8">
      <c r="H349899" s="12"/>
    </row>
    <row r="349900" spans="8:8">
      <c r="H349900" s="12"/>
    </row>
    <row r="349901" spans="8:8">
      <c r="H349901" s="12"/>
    </row>
    <row r="349902" spans="8:8">
      <c r="H349902" s="12"/>
    </row>
    <row r="349903" spans="8:8">
      <c r="H349903" s="12"/>
    </row>
    <row r="349904" spans="8:8">
      <c r="H349904" s="12"/>
    </row>
    <row r="349905" spans="8:8">
      <c r="H349905" s="12"/>
    </row>
    <row r="349906" spans="8:8">
      <c r="H349906" s="12"/>
    </row>
    <row r="349907" spans="8:8">
      <c r="H349907" s="12"/>
    </row>
    <row r="349908" spans="8:8">
      <c r="H349908" s="12"/>
    </row>
    <row r="349909" spans="8:8">
      <c r="H349909" s="12"/>
    </row>
    <row r="349910" spans="8:8">
      <c r="H349910" s="12"/>
    </row>
    <row r="349911" spans="8:8">
      <c r="H349911" s="12"/>
    </row>
    <row r="349912" spans="8:8">
      <c r="H349912" s="12"/>
    </row>
    <row r="349913" spans="8:8">
      <c r="H349913" s="12"/>
    </row>
    <row r="349914" spans="8:8">
      <c r="H349914" s="12"/>
    </row>
    <row r="349915" spans="8:8">
      <c r="H349915" s="12"/>
    </row>
    <row r="349916" spans="8:8">
      <c r="H349916" s="12"/>
    </row>
    <row r="349917" spans="8:8">
      <c r="H349917" s="12"/>
    </row>
    <row r="349918" spans="8:8">
      <c r="H349918" s="12"/>
    </row>
    <row r="349919" spans="8:8">
      <c r="H349919" s="12"/>
    </row>
    <row r="349920" spans="8:8">
      <c r="H349920" s="12"/>
    </row>
    <row r="349921" spans="8:8">
      <c r="H349921" s="12"/>
    </row>
    <row r="349922" spans="8:8">
      <c r="H349922" s="12"/>
    </row>
    <row r="349923" spans="8:8">
      <c r="H349923" s="12"/>
    </row>
    <row r="349924" spans="8:8">
      <c r="H349924" s="12"/>
    </row>
    <row r="349925" spans="8:8">
      <c r="H349925" s="12"/>
    </row>
    <row r="349926" spans="8:8">
      <c r="H349926" s="12"/>
    </row>
    <row r="349927" spans="8:8">
      <c r="H349927" s="12"/>
    </row>
    <row r="349928" spans="8:8">
      <c r="H349928" s="12"/>
    </row>
    <row r="349929" spans="8:8">
      <c r="H349929" s="12"/>
    </row>
    <row r="349930" spans="8:8">
      <c r="H349930" s="12"/>
    </row>
    <row r="349931" spans="8:8">
      <c r="H349931" s="12"/>
    </row>
    <row r="349932" spans="8:8">
      <c r="H349932" s="12"/>
    </row>
    <row r="349933" spans="8:8">
      <c r="H349933" s="12"/>
    </row>
    <row r="349934" spans="8:8">
      <c r="H349934" s="12"/>
    </row>
    <row r="349935" spans="8:8">
      <c r="H349935" s="12"/>
    </row>
    <row r="349936" spans="8:8">
      <c r="H349936" s="12"/>
    </row>
    <row r="349937" spans="8:8">
      <c r="H349937" s="12"/>
    </row>
    <row r="349938" spans="8:8">
      <c r="H349938" s="12"/>
    </row>
    <row r="349939" spans="8:8">
      <c r="H349939" s="12"/>
    </row>
    <row r="349940" spans="8:8">
      <c r="H349940" s="12"/>
    </row>
    <row r="349941" spans="8:8">
      <c r="H349941" s="12"/>
    </row>
    <row r="349942" spans="8:8">
      <c r="H349942" s="12"/>
    </row>
    <row r="349943" spans="8:8">
      <c r="H349943" s="12"/>
    </row>
    <row r="349944" spans="8:8">
      <c r="H349944" s="12"/>
    </row>
    <row r="349945" spans="8:8">
      <c r="H349945" s="12"/>
    </row>
    <row r="349946" spans="8:8">
      <c r="H349946" s="12"/>
    </row>
    <row r="349947" spans="8:8">
      <c r="H349947" s="12"/>
    </row>
    <row r="349948" spans="8:8">
      <c r="H349948" s="12"/>
    </row>
    <row r="349949" spans="8:8">
      <c r="H349949" s="12"/>
    </row>
    <row r="349950" spans="8:8">
      <c r="H349950" s="12"/>
    </row>
    <row r="349951" spans="8:8">
      <c r="H349951" s="12"/>
    </row>
    <row r="349952" spans="8:8">
      <c r="H349952" s="12"/>
    </row>
    <row r="349953" spans="8:8">
      <c r="H349953" s="12"/>
    </row>
    <row r="349954" spans="8:8">
      <c r="H349954" s="12"/>
    </row>
    <row r="349955" spans="8:8">
      <c r="H349955" s="12"/>
    </row>
    <row r="349956" spans="8:8">
      <c r="H349956" s="12"/>
    </row>
    <row r="349957" spans="8:8">
      <c r="H349957" s="12"/>
    </row>
    <row r="349958" spans="8:8">
      <c r="H349958" s="12"/>
    </row>
    <row r="349959" spans="8:8">
      <c r="H349959" s="12"/>
    </row>
    <row r="349960" spans="8:8">
      <c r="H349960" s="12"/>
    </row>
    <row r="349961" spans="8:8">
      <c r="H349961" s="12"/>
    </row>
    <row r="349962" spans="8:8">
      <c r="H349962" s="12"/>
    </row>
    <row r="349963" spans="8:8">
      <c r="H349963" s="12"/>
    </row>
    <row r="349964" spans="8:8">
      <c r="H349964" s="12"/>
    </row>
    <row r="349965" spans="8:8">
      <c r="H349965" s="12"/>
    </row>
    <row r="349966" spans="8:8">
      <c r="H349966" s="12"/>
    </row>
    <row r="349967" spans="8:8">
      <c r="H349967" s="12"/>
    </row>
    <row r="349968" spans="8:8">
      <c r="H349968" s="12"/>
    </row>
    <row r="349969" spans="8:8">
      <c r="H349969" s="12"/>
    </row>
    <row r="349970" spans="8:8">
      <c r="H349970" s="12"/>
    </row>
    <row r="349971" spans="8:8">
      <c r="H349971" s="12"/>
    </row>
    <row r="349972" spans="8:8">
      <c r="H349972" s="12"/>
    </row>
    <row r="349973" spans="8:8">
      <c r="H349973" s="12"/>
    </row>
    <row r="349974" spans="8:8">
      <c r="H349974" s="12"/>
    </row>
    <row r="349975" spans="8:8">
      <c r="H349975" s="12"/>
    </row>
    <row r="349976" spans="8:8">
      <c r="H349976" s="12"/>
    </row>
    <row r="349977" spans="8:8">
      <c r="H349977" s="12"/>
    </row>
    <row r="349978" spans="8:8">
      <c r="H349978" s="12"/>
    </row>
    <row r="349979" spans="8:8">
      <c r="H349979" s="12"/>
    </row>
    <row r="349980" spans="8:8">
      <c r="H349980" s="12"/>
    </row>
    <row r="349981" spans="8:8">
      <c r="H349981" s="12"/>
    </row>
    <row r="349982" spans="8:8">
      <c r="H349982" s="12"/>
    </row>
    <row r="349983" spans="8:8">
      <c r="H349983" s="12"/>
    </row>
    <row r="349984" spans="8:8">
      <c r="H349984" s="12"/>
    </row>
    <row r="349985" spans="8:8">
      <c r="H349985" s="12"/>
    </row>
    <row r="349986" spans="8:8">
      <c r="H349986" s="12"/>
    </row>
    <row r="349987" spans="8:8">
      <c r="H349987" s="12"/>
    </row>
    <row r="349988" spans="8:8">
      <c r="H349988" s="12"/>
    </row>
    <row r="349989" spans="8:8">
      <c r="H349989" s="12"/>
    </row>
    <row r="349990" spans="8:8">
      <c r="H349990" s="12"/>
    </row>
    <row r="349991" spans="8:8">
      <c r="H349991" s="12"/>
    </row>
    <row r="349992" spans="8:8">
      <c r="H349992" s="12"/>
    </row>
    <row r="349993" spans="8:8">
      <c r="H349993" s="12"/>
    </row>
    <row r="349994" spans="8:8">
      <c r="H349994" s="12"/>
    </row>
    <row r="349995" spans="8:8">
      <c r="H349995" s="12"/>
    </row>
    <row r="349996" spans="8:8">
      <c r="H349996" s="12"/>
    </row>
    <row r="349997" spans="8:8">
      <c r="H349997" s="12"/>
    </row>
    <row r="349998" spans="8:8">
      <c r="H349998" s="12"/>
    </row>
    <row r="349999" spans="8:8">
      <c r="H349999" s="12"/>
    </row>
    <row r="350000" spans="8:8">
      <c r="H350000" s="12"/>
    </row>
    <row r="350001" spans="8:8">
      <c r="H350001" s="12"/>
    </row>
    <row r="350002" spans="8:8">
      <c r="H350002" s="12"/>
    </row>
    <row r="350003" spans="8:8">
      <c r="H350003" s="12"/>
    </row>
    <row r="350004" spans="8:8">
      <c r="H350004" s="12"/>
    </row>
    <row r="350005" spans="8:8">
      <c r="H350005" s="12"/>
    </row>
    <row r="350006" spans="8:8">
      <c r="H350006" s="12"/>
    </row>
    <row r="350007" spans="8:8">
      <c r="H350007" s="12"/>
    </row>
    <row r="350008" spans="8:8">
      <c r="H350008" s="12"/>
    </row>
    <row r="350009" spans="8:8">
      <c r="H350009" s="12"/>
    </row>
    <row r="350010" spans="8:8">
      <c r="H350010" s="12"/>
    </row>
    <row r="350011" spans="8:8">
      <c r="H350011" s="12"/>
    </row>
    <row r="350012" spans="8:8">
      <c r="H350012" s="12"/>
    </row>
    <row r="350013" spans="8:8">
      <c r="H350013" s="12"/>
    </row>
    <row r="350014" spans="8:8">
      <c r="H350014" s="12"/>
    </row>
    <row r="350015" spans="8:8">
      <c r="H350015" s="12"/>
    </row>
    <row r="350016" spans="8:8">
      <c r="H350016" s="12"/>
    </row>
    <row r="350017" spans="8:8">
      <c r="H350017" s="12"/>
    </row>
    <row r="350018" spans="8:8">
      <c r="H350018" s="12"/>
    </row>
    <row r="350019" spans="8:8">
      <c r="H350019" s="12"/>
    </row>
    <row r="350020" spans="8:8">
      <c r="H350020" s="12"/>
    </row>
    <row r="350021" spans="8:8">
      <c r="H350021" s="12"/>
    </row>
    <row r="350022" spans="8:8">
      <c r="H350022" s="12"/>
    </row>
    <row r="350023" spans="8:8">
      <c r="H350023" s="12"/>
    </row>
    <row r="350024" spans="8:8">
      <c r="H350024" s="12"/>
    </row>
    <row r="350025" spans="8:8">
      <c r="H350025" s="12"/>
    </row>
    <row r="350026" spans="8:8">
      <c r="H350026" s="12"/>
    </row>
    <row r="350027" spans="8:8">
      <c r="H350027" s="12"/>
    </row>
    <row r="350028" spans="8:8">
      <c r="H350028" s="12"/>
    </row>
    <row r="350029" spans="8:8">
      <c r="H350029" s="12"/>
    </row>
    <row r="350030" spans="8:8">
      <c r="H350030" s="12"/>
    </row>
    <row r="350031" spans="8:8">
      <c r="H350031" s="12"/>
    </row>
    <row r="350032" spans="8:8">
      <c r="H350032" s="12"/>
    </row>
    <row r="350033" spans="8:8">
      <c r="H350033" s="12"/>
    </row>
    <row r="350034" spans="8:8">
      <c r="H350034" s="12"/>
    </row>
    <row r="350035" spans="8:8">
      <c r="H350035" s="12"/>
    </row>
    <row r="350036" spans="8:8">
      <c r="H350036" s="12"/>
    </row>
    <row r="350037" spans="8:8">
      <c r="H350037" s="12"/>
    </row>
    <row r="350038" spans="8:8">
      <c r="H350038" s="12"/>
    </row>
    <row r="350039" spans="8:8">
      <c r="H350039" s="12"/>
    </row>
    <row r="350040" spans="8:8">
      <c r="H350040" s="12"/>
    </row>
    <row r="350041" spans="8:8">
      <c r="H350041" s="12"/>
    </row>
    <row r="350042" spans="8:8">
      <c r="H350042" s="12"/>
    </row>
    <row r="350043" spans="8:8">
      <c r="H350043" s="12"/>
    </row>
    <row r="350044" spans="8:8">
      <c r="H350044" s="12"/>
    </row>
    <row r="350045" spans="8:8">
      <c r="H350045" s="12"/>
    </row>
    <row r="350046" spans="8:8">
      <c r="H350046" s="12"/>
    </row>
    <row r="350047" spans="8:8">
      <c r="H350047" s="12"/>
    </row>
    <row r="350048" spans="8:8">
      <c r="H350048" s="12"/>
    </row>
    <row r="350049" spans="8:8">
      <c r="H350049" s="12"/>
    </row>
    <row r="350050" spans="8:8">
      <c r="H350050" s="12"/>
    </row>
    <row r="350051" spans="8:8">
      <c r="H350051" s="12"/>
    </row>
    <row r="350052" spans="8:8">
      <c r="H350052" s="12"/>
    </row>
    <row r="350053" spans="8:8">
      <c r="H350053" s="12"/>
    </row>
    <row r="350054" spans="8:8">
      <c r="H350054" s="12"/>
    </row>
    <row r="350055" spans="8:8">
      <c r="H350055" s="12"/>
    </row>
    <row r="350056" spans="8:8">
      <c r="H350056" s="12"/>
    </row>
    <row r="350057" spans="8:8">
      <c r="H350057" s="12"/>
    </row>
    <row r="350058" spans="8:8">
      <c r="H350058" s="12"/>
    </row>
    <row r="350059" spans="8:8">
      <c r="H350059" s="12"/>
    </row>
    <row r="350060" spans="8:8">
      <c r="H350060" s="12"/>
    </row>
    <row r="350061" spans="8:8">
      <c r="H350061" s="12"/>
    </row>
    <row r="350062" spans="8:8">
      <c r="H350062" s="12"/>
    </row>
    <row r="350063" spans="8:8">
      <c r="H350063" s="12"/>
    </row>
    <row r="350064" spans="8:8">
      <c r="H350064" s="12"/>
    </row>
    <row r="350065" spans="8:8">
      <c r="H350065" s="12"/>
    </row>
    <row r="350066" spans="8:8">
      <c r="H350066" s="12"/>
    </row>
    <row r="350067" spans="8:8">
      <c r="H350067" s="12"/>
    </row>
    <row r="350068" spans="8:8">
      <c r="H350068" s="12"/>
    </row>
    <row r="350069" spans="8:8">
      <c r="H350069" s="12"/>
    </row>
    <row r="350070" spans="8:8">
      <c r="H350070" s="12"/>
    </row>
    <row r="350071" spans="8:8">
      <c r="H350071" s="12"/>
    </row>
    <row r="350072" spans="8:8">
      <c r="H350072" s="12"/>
    </row>
    <row r="350073" spans="8:8">
      <c r="H350073" s="12"/>
    </row>
    <row r="350074" spans="8:8">
      <c r="H350074" s="12"/>
    </row>
    <row r="350075" spans="8:8">
      <c r="H350075" s="12"/>
    </row>
    <row r="350076" spans="8:8">
      <c r="H350076" s="12"/>
    </row>
    <row r="350077" spans="8:8">
      <c r="H350077" s="12"/>
    </row>
    <row r="350078" spans="8:8">
      <c r="H350078" s="12"/>
    </row>
    <row r="350079" spans="8:8">
      <c r="H350079" s="12"/>
    </row>
    <row r="350080" spans="8:8">
      <c r="H350080" s="12"/>
    </row>
    <row r="350081" spans="8:8">
      <c r="H350081" s="12"/>
    </row>
    <row r="350082" spans="8:8">
      <c r="H350082" s="12"/>
    </row>
    <row r="350083" spans="8:8">
      <c r="H350083" s="12"/>
    </row>
    <row r="350084" spans="8:8">
      <c r="H350084" s="12"/>
    </row>
    <row r="350085" spans="8:8">
      <c r="H350085" s="12"/>
    </row>
    <row r="350086" spans="8:8">
      <c r="H350086" s="12"/>
    </row>
    <row r="350087" spans="8:8">
      <c r="H350087" s="12"/>
    </row>
    <row r="350088" spans="8:8">
      <c r="H350088" s="12"/>
    </row>
    <row r="350089" spans="8:8">
      <c r="H350089" s="12"/>
    </row>
    <row r="350090" spans="8:8">
      <c r="H350090" s="12"/>
    </row>
    <row r="350091" spans="8:8">
      <c r="H350091" s="12"/>
    </row>
    <row r="350092" spans="8:8">
      <c r="H350092" s="12"/>
    </row>
    <row r="350093" spans="8:8">
      <c r="H350093" s="12"/>
    </row>
    <row r="350094" spans="8:8">
      <c r="H350094" s="12"/>
    </row>
    <row r="350095" spans="8:8">
      <c r="H350095" s="12"/>
    </row>
    <row r="350096" spans="8:8">
      <c r="H350096" s="12"/>
    </row>
    <row r="350097" spans="8:8">
      <c r="H350097" s="12"/>
    </row>
    <row r="350098" spans="8:8">
      <c r="H350098" s="12"/>
    </row>
    <row r="350099" spans="8:8">
      <c r="H350099" s="12"/>
    </row>
    <row r="350100" spans="8:8">
      <c r="H350100" s="12"/>
    </row>
    <row r="350101" spans="8:8">
      <c r="H350101" s="12"/>
    </row>
    <row r="350102" spans="8:8">
      <c r="H350102" s="12"/>
    </row>
    <row r="350103" spans="8:8">
      <c r="H350103" s="12"/>
    </row>
    <row r="350104" spans="8:8">
      <c r="H350104" s="12"/>
    </row>
    <row r="350105" spans="8:8">
      <c r="H350105" s="12"/>
    </row>
    <row r="350106" spans="8:8">
      <c r="H350106" s="12"/>
    </row>
    <row r="350107" spans="8:8">
      <c r="H350107" s="12"/>
    </row>
    <row r="350108" spans="8:8">
      <c r="H350108" s="12"/>
    </row>
    <row r="350109" spans="8:8">
      <c r="H350109" s="12"/>
    </row>
    <row r="350110" spans="8:8">
      <c r="H350110" s="12"/>
    </row>
    <row r="350111" spans="8:8">
      <c r="H350111" s="12"/>
    </row>
    <row r="350112" spans="8:8">
      <c r="H350112" s="12"/>
    </row>
    <row r="350113" spans="8:8">
      <c r="H350113" s="12"/>
    </row>
    <row r="350114" spans="8:8">
      <c r="H350114" s="12"/>
    </row>
    <row r="350115" spans="8:8">
      <c r="H350115" s="12"/>
    </row>
    <row r="350116" spans="8:8">
      <c r="H350116" s="12"/>
    </row>
    <row r="350117" spans="8:8">
      <c r="H350117" s="12"/>
    </row>
    <row r="350118" spans="8:8">
      <c r="H350118" s="12"/>
    </row>
    <row r="350119" spans="8:8">
      <c r="H350119" s="12"/>
    </row>
    <row r="350120" spans="8:8">
      <c r="H350120" s="12"/>
    </row>
    <row r="350121" spans="8:8">
      <c r="H350121" s="12"/>
    </row>
    <row r="350122" spans="8:8">
      <c r="H350122" s="12"/>
    </row>
    <row r="350123" spans="8:8">
      <c r="H350123" s="12"/>
    </row>
    <row r="350124" spans="8:8">
      <c r="H350124" s="12"/>
    </row>
    <row r="350125" spans="8:8">
      <c r="H350125" s="12"/>
    </row>
    <row r="350126" spans="8:8">
      <c r="H350126" s="12"/>
    </row>
    <row r="350127" spans="8:8">
      <c r="H350127" s="12"/>
    </row>
    <row r="350128" spans="8:8">
      <c r="H350128" s="12"/>
    </row>
    <row r="350129" spans="8:8">
      <c r="H350129" s="12"/>
    </row>
    <row r="350130" spans="8:8">
      <c r="H350130" s="12"/>
    </row>
    <row r="350131" spans="8:8">
      <c r="H350131" s="12"/>
    </row>
    <row r="350132" spans="8:8">
      <c r="H350132" s="12"/>
    </row>
    <row r="350133" spans="8:8">
      <c r="H350133" s="12"/>
    </row>
    <row r="350134" spans="8:8">
      <c r="H350134" s="12"/>
    </row>
    <row r="350135" spans="8:8">
      <c r="H350135" s="12"/>
    </row>
    <row r="350136" spans="8:8">
      <c r="H350136" s="12"/>
    </row>
    <row r="350137" spans="8:8">
      <c r="H350137" s="12"/>
    </row>
    <row r="350138" spans="8:8">
      <c r="H350138" s="12"/>
    </row>
    <row r="350139" spans="8:8">
      <c r="H350139" s="12"/>
    </row>
    <row r="350140" spans="8:8">
      <c r="H350140" s="12"/>
    </row>
    <row r="350141" spans="8:8">
      <c r="H350141" s="12"/>
    </row>
    <row r="350142" spans="8:8">
      <c r="H350142" s="12"/>
    </row>
    <row r="350143" spans="8:8">
      <c r="H350143" s="12"/>
    </row>
    <row r="350144" spans="8:8">
      <c r="H350144" s="12"/>
    </row>
    <row r="350145" spans="8:8">
      <c r="H350145" s="12"/>
    </row>
    <row r="350146" spans="8:8">
      <c r="H350146" s="12"/>
    </row>
    <row r="350147" spans="8:8">
      <c r="H350147" s="12"/>
    </row>
    <row r="350148" spans="8:8">
      <c r="H350148" s="12"/>
    </row>
    <row r="350149" spans="8:8">
      <c r="H350149" s="12"/>
    </row>
    <row r="350150" spans="8:8">
      <c r="H350150" s="12"/>
    </row>
    <row r="350151" spans="8:8">
      <c r="H350151" s="12"/>
    </row>
    <row r="350152" spans="8:8">
      <c r="H350152" s="12"/>
    </row>
    <row r="350153" spans="8:8">
      <c r="H350153" s="12"/>
    </row>
    <row r="350154" spans="8:8">
      <c r="H350154" s="12"/>
    </row>
    <row r="350155" spans="8:8">
      <c r="H350155" s="12"/>
    </row>
    <row r="350156" spans="8:8">
      <c r="H350156" s="12"/>
    </row>
    <row r="350157" spans="8:8">
      <c r="H350157" s="12"/>
    </row>
    <row r="350158" spans="8:8">
      <c r="H350158" s="12"/>
    </row>
    <row r="350159" spans="8:8">
      <c r="H350159" s="12"/>
    </row>
    <row r="350160" spans="8:8">
      <c r="H350160" s="12"/>
    </row>
    <row r="350161" spans="8:8">
      <c r="H350161" s="12"/>
    </row>
    <row r="350162" spans="8:8">
      <c r="H350162" s="12"/>
    </row>
    <row r="350163" spans="8:8">
      <c r="H350163" s="12"/>
    </row>
    <row r="350164" spans="8:8">
      <c r="H350164" s="12"/>
    </row>
    <row r="350165" spans="8:8">
      <c r="H350165" s="12"/>
    </row>
    <row r="350166" spans="8:8">
      <c r="H350166" s="12"/>
    </row>
    <row r="350167" spans="8:8">
      <c r="H350167" s="12"/>
    </row>
    <row r="350168" spans="8:8">
      <c r="H350168" s="12"/>
    </row>
    <row r="350169" spans="8:8">
      <c r="H350169" s="12"/>
    </row>
    <row r="350170" spans="8:8">
      <c r="H350170" s="12"/>
    </row>
    <row r="350171" spans="8:8">
      <c r="H350171" s="12"/>
    </row>
    <row r="350172" spans="8:8">
      <c r="H350172" s="12"/>
    </row>
    <row r="350173" spans="8:8">
      <c r="H350173" s="12"/>
    </row>
    <row r="350174" spans="8:8">
      <c r="H350174" s="12"/>
    </row>
    <row r="350175" spans="8:8">
      <c r="H350175" s="12"/>
    </row>
    <row r="350176" spans="8:8">
      <c r="H350176" s="12"/>
    </row>
    <row r="350177" spans="8:8">
      <c r="H350177" s="12"/>
    </row>
    <row r="350178" spans="8:8">
      <c r="H350178" s="12"/>
    </row>
    <row r="350179" spans="8:8">
      <c r="H350179" s="12"/>
    </row>
    <row r="350180" spans="8:8">
      <c r="H350180" s="12"/>
    </row>
    <row r="350181" spans="8:8">
      <c r="H350181" s="12"/>
    </row>
    <row r="350182" spans="8:8">
      <c r="H350182" s="12"/>
    </row>
    <row r="350183" spans="8:8">
      <c r="H350183" s="12"/>
    </row>
    <row r="350184" spans="8:8">
      <c r="H350184" s="12"/>
    </row>
    <row r="350185" spans="8:8">
      <c r="H350185" s="12"/>
    </row>
    <row r="350186" spans="8:8">
      <c r="H350186" s="12"/>
    </row>
    <row r="350187" spans="8:8">
      <c r="H350187" s="12"/>
    </row>
    <row r="350188" spans="8:8">
      <c r="H350188" s="12"/>
    </row>
    <row r="350189" spans="8:8">
      <c r="H350189" s="12"/>
    </row>
    <row r="350190" spans="8:8">
      <c r="H350190" s="12"/>
    </row>
    <row r="350191" spans="8:8">
      <c r="H350191" s="12"/>
    </row>
    <row r="350192" spans="8:8">
      <c r="H350192" s="12"/>
    </row>
    <row r="350193" spans="8:8">
      <c r="H350193" s="12"/>
    </row>
    <row r="350194" spans="8:8">
      <c r="H350194" s="12"/>
    </row>
    <row r="350195" spans="8:8">
      <c r="H350195" s="12"/>
    </row>
    <row r="350196" spans="8:8">
      <c r="H350196" s="12"/>
    </row>
    <row r="350197" spans="8:8">
      <c r="H350197" s="12"/>
    </row>
    <row r="350198" spans="8:8">
      <c r="H350198" s="12"/>
    </row>
    <row r="350199" spans="8:8">
      <c r="H350199" s="12"/>
    </row>
    <row r="350200" spans="8:8">
      <c r="H350200" s="12"/>
    </row>
    <row r="350201" spans="8:8">
      <c r="H350201" s="12"/>
    </row>
    <row r="350202" spans="8:8">
      <c r="H350202" s="12"/>
    </row>
    <row r="350203" spans="8:8">
      <c r="H350203" s="12"/>
    </row>
    <row r="350204" spans="8:8">
      <c r="H350204" s="12"/>
    </row>
    <row r="350205" spans="8:8">
      <c r="H350205" s="12"/>
    </row>
    <row r="350206" spans="8:8">
      <c r="H350206" s="12"/>
    </row>
    <row r="350207" spans="8:8">
      <c r="H350207" s="12"/>
    </row>
    <row r="350208" spans="8:8">
      <c r="H350208" s="12"/>
    </row>
    <row r="350209" spans="8:8">
      <c r="H350209" s="12"/>
    </row>
    <row r="350210" spans="8:8">
      <c r="H350210" s="12"/>
    </row>
    <row r="350211" spans="8:8">
      <c r="H350211" s="12"/>
    </row>
    <row r="350212" spans="8:8">
      <c r="H350212" s="12"/>
    </row>
    <row r="350213" spans="8:8">
      <c r="H350213" s="12"/>
    </row>
    <row r="350214" spans="8:8">
      <c r="H350214" s="12"/>
    </row>
    <row r="350215" spans="8:8">
      <c r="H350215" s="12"/>
    </row>
    <row r="350216" spans="8:8">
      <c r="H350216" s="12"/>
    </row>
    <row r="350217" spans="8:8">
      <c r="H350217" s="12"/>
    </row>
    <row r="350218" spans="8:8">
      <c r="H350218" s="12"/>
    </row>
    <row r="350219" spans="8:8">
      <c r="H350219" s="12"/>
    </row>
    <row r="350220" spans="8:8">
      <c r="H350220" s="12"/>
    </row>
    <row r="350221" spans="8:8">
      <c r="H350221" s="12"/>
    </row>
    <row r="350222" spans="8:8">
      <c r="H350222" s="12"/>
    </row>
    <row r="350223" spans="8:8">
      <c r="H350223" s="12"/>
    </row>
    <row r="350224" spans="8:8">
      <c r="H350224" s="12"/>
    </row>
    <row r="350225" spans="8:8">
      <c r="H350225" s="12"/>
    </row>
    <row r="350226" spans="8:8">
      <c r="H350226" s="12"/>
    </row>
    <row r="350227" spans="8:8">
      <c r="H350227" s="12"/>
    </row>
    <row r="350228" spans="8:8">
      <c r="H350228" s="12"/>
    </row>
    <row r="350229" spans="8:8">
      <c r="H350229" s="12"/>
    </row>
    <row r="350230" spans="8:8">
      <c r="H350230" s="12"/>
    </row>
    <row r="350231" spans="8:8">
      <c r="H350231" s="12"/>
    </row>
    <row r="350232" spans="8:8">
      <c r="H350232" s="12"/>
    </row>
    <row r="350233" spans="8:8">
      <c r="H350233" s="12"/>
    </row>
    <row r="350234" spans="8:8">
      <c r="H350234" s="12"/>
    </row>
    <row r="350235" spans="8:8">
      <c r="H350235" s="12"/>
    </row>
    <row r="350236" spans="8:8">
      <c r="H350236" s="12"/>
    </row>
    <row r="350237" spans="8:8">
      <c r="H350237" s="12"/>
    </row>
    <row r="350238" spans="8:8">
      <c r="H350238" s="12"/>
    </row>
    <row r="350239" spans="8:8">
      <c r="H350239" s="12"/>
    </row>
    <row r="350240" spans="8:8">
      <c r="H350240" s="12"/>
    </row>
    <row r="350241" spans="8:8">
      <c r="H350241" s="12"/>
    </row>
    <row r="350242" spans="8:8">
      <c r="H350242" s="12"/>
    </row>
    <row r="350243" spans="8:8">
      <c r="H350243" s="12"/>
    </row>
    <row r="350244" spans="8:8">
      <c r="H350244" s="12"/>
    </row>
    <row r="350245" spans="8:8">
      <c r="H350245" s="12"/>
    </row>
    <row r="350246" spans="8:8">
      <c r="H350246" s="12"/>
    </row>
    <row r="350247" spans="8:8">
      <c r="H350247" s="12"/>
    </row>
    <row r="350248" spans="8:8">
      <c r="H350248" s="12"/>
    </row>
    <row r="350249" spans="8:8">
      <c r="H350249" s="12"/>
    </row>
    <row r="350250" spans="8:8">
      <c r="H350250" s="12"/>
    </row>
    <row r="350251" spans="8:8">
      <c r="H350251" s="12"/>
    </row>
    <row r="350252" spans="8:8">
      <c r="H350252" s="12"/>
    </row>
    <row r="350253" spans="8:8">
      <c r="H350253" s="12"/>
    </row>
    <row r="350254" spans="8:8">
      <c r="H350254" s="12"/>
    </row>
    <row r="350255" spans="8:8">
      <c r="H350255" s="12"/>
    </row>
    <row r="350256" spans="8:8">
      <c r="H350256" s="12"/>
    </row>
    <row r="350257" spans="8:8">
      <c r="H350257" s="12"/>
    </row>
    <row r="350258" spans="8:8">
      <c r="H350258" s="12"/>
    </row>
    <row r="350259" spans="8:8">
      <c r="H350259" s="12"/>
    </row>
    <row r="350260" spans="8:8">
      <c r="H350260" s="12"/>
    </row>
    <row r="350261" spans="8:8">
      <c r="H350261" s="12"/>
    </row>
    <row r="350262" spans="8:8">
      <c r="H350262" s="12"/>
    </row>
    <row r="350263" spans="8:8">
      <c r="H350263" s="12"/>
    </row>
    <row r="350264" spans="8:8">
      <c r="H350264" s="12"/>
    </row>
    <row r="350265" spans="8:8">
      <c r="H350265" s="12"/>
    </row>
    <row r="350266" spans="8:8">
      <c r="H350266" s="12"/>
    </row>
    <row r="350267" spans="8:8">
      <c r="H350267" s="12"/>
    </row>
    <row r="350268" spans="8:8">
      <c r="H350268" s="12"/>
    </row>
    <row r="350269" spans="8:8">
      <c r="H350269" s="12"/>
    </row>
    <row r="350270" spans="8:8">
      <c r="H350270" s="12"/>
    </row>
    <row r="350271" spans="8:8">
      <c r="H350271" s="12"/>
    </row>
    <row r="350272" spans="8:8">
      <c r="H350272" s="12"/>
    </row>
    <row r="350273" spans="8:8">
      <c r="H350273" s="12"/>
    </row>
    <row r="350274" spans="8:8">
      <c r="H350274" s="12"/>
    </row>
    <row r="350275" spans="8:8">
      <c r="H350275" s="12"/>
    </row>
    <row r="350276" spans="8:8">
      <c r="H350276" s="12"/>
    </row>
    <row r="350277" spans="8:8">
      <c r="H350277" s="12"/>
    </row>
    <row r="350278" spans="8:8">
      <c r="H350278" s="12"/>
    </row>
    <row r="350279" spans="8:8">
      <c r="H350279" s="12"/>
    </row>
    <row r="350280" spans="8:8">
      <c r="H350280" s="12"/>
    </row>
    <row r="350281" spans="8:8">
      <c r="H350281" s="12"/>
    </row>
    <row r="350282" spans="8:8">
      <c r="H350282" s="12"/>
    </row>
    <row r="350283" spans="8:8">
      <c r="H350283" s="12"/>
    </row>
    <row r="350284" spans="8:8">
      <c r="H350284" s="12"/>
    </row>
    <row r="350285" spans="8:8">
      <c r="H350285" s="12"/>
    </row>
    <row r="350286" spans="8:8">
      <c r="H350286" s="12"/>
    </row>
    <row r="350287" spans="8:8">
      <c r="H350287" s="12"/>
    </row>
    <row r="350288" spans="8:8">
      <c r="H350288" s="12"/>
    </row>
    <row r="350289" spans="8:8">
      <c r="H350289" s="12"/>
    </row>
    <row r="350290" spans="8:8">
      <c r="H350290" s="12"/>
    </row>
    <row r="350291" spans="8:8">
      <c r="H350291" s="12"/>
    </row>
    <row r="350292" spans="8:8">
      <c r="H350292" s="12"/>
    </row>
    <row r="350293" spans="8:8">
      <c r="H350293" s="12"/>
    </row>
    <row r="350294" spans="8:8">
      <c r="H350294" s="12"/>
    </row>
    <row r="350295" spans="8:8">
      <c r="H350295" s="12"/>
    </row>
    <row r="350296" spans="8:8">
      <c r="H350296" s="12"/>
    </row>
    <row r="350297" spans="8:8">
      <c r="H350297" s="12"/>
    </row>
    <row r="350298" spans="8:8">
      <c r="H350298" s="12"/>
    </row>
    <row r="350299" spans="8:8">
      <c r="H350299" s="12"/>
    </row>
    <row r="350300" spans="8:8">
      <c r="H350300" s="12"/>
    </row>
    <row r="350301" spans="8:8">
      <c r="H350301" s="12"/>
    </row>
    <row r="350302" spans="8:8">
      <c r="H350302" s="12"/>
    </row>
    <row r="350303" spans="8:8">
      <c r="H350303" s="12"/>
    </row>
    <row r="350304" spans="8:8">
      <c r="H350304" s="12"/>
    </row>
    <row r="350305" spans="8:8">
      <c r="H350305" s="12"/>
    </row>
    <row r="350306" spans="8:8">
      <c r="H350306" s="12"/>
    </row>
    <row r="350307" spans="8:8">
      <c r="H350307" s="12"/>
    </row>
    <row r="350308" spans="8:8">
      <c r="H350308" s="12"/>
    </row>
    <row r="350309" spans="8:8">
      <c r="H350309" s="12"/>
    </row>
    <row r="350310" spans="8:8">
      <c r="H350310" s="12"/>
    </row>
    <row r="350311" spans="8:8">
      <c r="H350311" s="12"/>
    </row>
    <row r="350312" spans="8:8">
      <c r="H350312" s="12"/>
    </row>
    <row r="350313" spans="8:8">
      <c r="H350313" s="12"/>
    </row>
    <row r="350314" spans="8:8">
      <c r="H350314" s="12"/>
    </row>
    <row r="350315" spans="8:8">
      <c r="H350315" s="12"/>
    </row>
    <row r="350316" spans="8:8">
      <c r="H350316" s="12"/>
    </row>
    <row r="350317" spans="8:8">
      <c r="H350317" s="12"/>
    </row>
    <row r="350318" spans="8:8">
      <c r="H350318" s="12"/>
    </row>
    <row r="350319" spans="8:8">
      <c r="H350319" s="12"/>
    </row>
    <row r="350320" spans="8:8">
      <c r="H350320" s="12"/>
    </row>
    <row r="350321" spans="8:8">
      <c r="H350321" s="12"/>
    </row>
    <row r="350322" spans="8:8">
      <c r="H350322" s="12"/>
    </row>
    <row r="350323" spans="8:8">
      <c r="H350323" s="12"/>
    </row>
    <row r="350324" spans="8:8">
      <c r="H350324" s="12"/>
    </row>
    <row r="350325" spans="8:8">
      <c r="H350325" s="12"/>
    </row>
    <row r="350326" spans="8:8">
      <c r="H350326" s="12"/>
    </row>
    <row r="350327" spans="8:8">
      <c r="H350327" s="12"/>
    </row>
    <row r="350328" spans="8:8">
      <c r="H350328" s="12"/>
    </row>
    <row r="350329" spans="8:8">
      <c r="H350329" s="12"/>
    </row>
    <row r="350330" spans="8:8">
      <c r="H350330" s="12"/>
    </row>
    <row r="350331" spans="8:8">
      <c r="H350331" s="12"/>
    </row>
    <row r="350332" spans="8:8">
      <c r="H350332" s="12"/>
    </row>
    <row r="350333" spans="8:8">
      <c r="H350333" s="12"/>
    </row>
    <row r="350334" spans="8:8">
      <c r="H350334" s="12"/>
    </row>
    <row r="350335" spans="8:8">
      <c r="H350335" s="12"/>
    </row>
    <row r="350336" spans="8:8">
      <c r="H350336" s="12"/>
    </row>
    <row r="350337" spans="8:8">
      <c r="H350337" s="12"/>
    </row>
    <row r="350338" spans="8:8">
      <c r="H350338" s="12"/>
    </row>
    <row r="350339" spans="8:8">
      <c r="H350339" s="12"/>
    </row>
    <row r="350340" spans="8:8">
      <c r="H350340" s="12"/>
    </row>
    <row r="350341" spans="8:8">
      <c r="H350341" s="12"/>
    </row>
    <row r="350342" spans="8:8">
      <c r="H350342" s="12"/>
    </row>
    <row r="350343" spans="8:8">
      <c r="H350343" s="12"/>
    </row>
    <row r="350344" spans="8:8">
      <c r="H350344" s="12"/>
    </row>
    <row r="350345" spans="8:8">
      <c r="H350345" s="12"/>
    </row>
    <row r="350346" spans="8:8">
      <c r="H350346" s="12"/>
    </row>
    <row r="350347" spans="8:8">
      <c r="H350347" s="12"/>
    </row>
    <row r="350348" spans="8:8">
      <c r="H350348" s="12"/>
    </row>
    <row r="350349" spans="8:8">
      <c r="H350349" s="12"/>
    </row>
    <row r="350350" spans="8:8">
      <c r="H350350" s="12"/>
    </row>
    <row r="350351" spans="8:8">
      <c r="H350351" s="12"/>
    </row>
    <row r="350352" spans="8:8">
      <c r="H350352" s="12"/>
    </row>
    <row r="350353" spans="8:8">
      <c r="H350353" s="12"/>
    </row>
    <row r="350354" spans="8:8">
      <c r="H350354" s="12"/>
    </row>
    <row r="350355" spans="8:8">
      <c r="H350355" s="12"/>
    </row>
    <row r="350356" spans="8:8">
      <c r="H350356" s="12"/>
    </row>
    <row r="350357" spans="8:8">
      <c r="H350357" s="12"/>
    </row>
    <row r="350358" spans="8:8">
      <c r="H350358" s="12"/>
    </row>
    <row r="350359" spans="8:8">
      <c r="H350359" s="12"/>
    </row>
    <row r="350360" spans="8:8">
      <c r="H350360" s="12"/>
    </row>
    <row r="350361" spans="8:8">
      <c r="H350361" s="12"/>
    </row>
    <row r="350362" spans="8:8">
      <c r="H350362" s="12"/>
    </row>
    <row r="350363" spans="8:8">
      <c r="H350363" s="12"/>
    </row>
    <row r="350364" spans="8:8">
      <c r="H350364" s="12"/>
    </row>
    <row r="350365" spans="8:8">
      <c r="H350365" s="12"/>
    </row>
    <row r="350366" spans="8:8">
      <c r="H350366" s="12"/>
    </row>
    <row r="350367" spans="8:8">
      <c r="H350367" s="12"/>
    </row>
    <row r="350368" spans="8:8">
      <c r="H350368" s="12"/>
    </row>
    <row r="350369" spans="8:8">
      <c r="H350369" s="12"/>
    </row>
    <row r="350370" spans="8:8">
      <c r="H350370" s="12"/>
    </row>
    <row r="350371" spans="8:8">
      <c r="H350371" s="12"/>
    </row>
    <row r="350372" spans="8:8">
      <c r="H350372" s="12"/>
    </row>
    <row r="350373" spans="8:8">
      <c r="H350373" s="12"/>
    </row>
    <row r="350374" spans="8:8">
      <c r="H350374" s="12"/>
    </row>
    <row r="350375" spans="8:8">
      <c r="H350375" s="12"/>
    </row>
    <row r="350376" spans="8:8">
      <c r="H350376" s="12"/>
    </row>
    <row r="350377" spans="8:8">
      <c r="H350377" s="12"/>
    </row>
    <row r="350378" spans="8:8">
      <c r="H350378" s="12"/>
    </row>
    <row r="350379" spans="8:8">
      <c r="H350379" s="12"/>
    </row>
    <row r="350380" spans="8:8">
      <c r="H350380" s="12"/>
    </row>
    <row r="350381" spans="8:8">
      <c r="H350381" s="12"/>
    </row>
    <row r="350382" spans="8:8">
      <c r="H350382" s="12"/>
    </row>
    <row r="350383" spans="8:8">
      <c r="H350383" s="12"/>
    </row>
    <row r="350384" spans="8:8">
      <c r="H350384" s="12"/>
    </row>
    <row r="350385" spans="8:8">
      <c r="H350385" s="12"/>
    </row>
    <row r="350386" spans="8:8">
      <c r="H350386" s="12"/>
    </row>
    <row r="350387" spans="8:8">
      <c r="H350387" s="12"/>
    </row>
    <row r="350388" spans="8:8">
      <c r="H350388" s="12"/>
    </row>
    <row r="350389" spans="8:8">
      <c r="H350389" s="12"/>
    </row>
    <row r="350390" spans="8:8">
      <c r="H350390" s="12"/>
    </row>
    <row r="350391" spans="8:8">
      <c r="H350391" s="12"/>
    </row>
    <row r="350392" spans="8:8">
      <c r="H350392" s="12"/>
    </row>
    <row r="350393" spans="8:8">
      <c r="H350393" s="12"/>
    </row>
    <row r="350394" spans="8:8">
      <c r="H350394" s="12"/>
    </row>
    <row r="350395" spans="8:8">
      <c r="H350395" s="12"/>
    </row>
    <row r="350396" spans="8:8">
      <c r="H350396" s="12"/>
    </row>
    <row r="350397" spans="8:8">
      <c r="H350397" s="12"/>
    </row>
    <row r="350398" spans="8:8">
      <c r="H350398" s="12"/>
    </row>
    <row r="350399" spans="8:8">
      <c r="H350399" s="12"/>
    </row>
    <row r="350400" spans="8:8">
      <c r="H350400" s="12"/>
    </row>
    <row r="350401" spans="8:8">
      <c r="H350401" s="12"/>
    </row>
    <row r="350402" spans="8:8">
      <c r="H350402" s="12"/>
    </row>
    <row r="350403" spans="8:8">
      <c r="H350403" s="12"/>
    </row>
    <row r="350404" spans="8:8">
      <c r="H350404" s="12"/>
    </row>
    <row r="350405" spans="8:8">
      <c r="H350405" s="12"/>
    </row>
    <row r="350406" spans="8:8">
      <c r="H350406" s="12"/>
    </row>
    <row r="350407" spans="8:8">
      <c r="H350407" s="12"/>
    </row>
    <row r="350408" spans="8:8">
      <c r="H350408" s="12"/>
    </row>
    <row r="350409" spans="8:8">
      <c r="H350409" s="12"/>
    </row>
    <row r="350410" spans="8:8">
      <c r="H350410" s="12"/>
    </row>
    <row r="350411" spans="8:8">
      <c r="H350411" s="12"/>
    </row>
    <row r="350412" spans="8:8">
      <c r="H350412" s="12"/>
    </row>
    <row r="350413" spans="8:8">
      <c r="H350413" s="12"/>
    </row>
    <row r="350414" spans="8:8">
      <c r="H350414" s="12"/>
    </row>
    <row r="350415" spans="8:8">
      <c r="H350415" s="12"/>
    </row>
    <row r="350416" spans="8:8">
      <c r="H350416" s="12"/>
    </row>
    <row r="350417" spans="8:8">
      <c r="H350417" s="12"/>
    </row>
    <row r="350418" spans="8:8">
      <c r="H350418" s="12"/>
    </row>
    <row r="350419" spans="8:8">
      <c r="H350419" s="12"/>
    </row>
    <row r="350420" spans="8:8">
      <c r="H350420" s="12"/>
    </row>
    <row r="350421" spans="8:8">
      <c r="H350421" s="12"/>
    </row>
    <row r="350422" spans="8:8">
      <c r="H350422" s="12"/>
    </row>
    <row r="350423" spans="8:8">
      <c r="H350423" s="12"/>
    </row>
    <row r="350424" spans="8:8">
      <c r="H350424" s="12"/>
    </row>
    <row r="350425" spans="8:8">
      <c r="H350425" s="12"/>
    </row>
    <row r="350426" spans="8:8">
      <c r="H350426" s="12"/>
    </row>
    <row r="350427" spans="8:8">
      <c r="H350427" s="12"/>
    </row>
    <row r="350428" spans="8:8">
      <c r="H350428" s="12"/>
    </row>
    <row r="350429" spans="8:8">
      <c r="H350429" s="12"/>
    </row>
    <row r="350430" spans="8:8">
      <c r="H350430" s="12"/>
    </row>
    <row r="350431" spans="8:8">
      <c r="H350431" s="12"/>
    </row>
    <row r="350432" spans="8:8">
      <c r="H350432" s="12"/>
    </row>
    <row r="350433" spans="8:8">
      <c r="H350433" s="12"/>
    </row>
    <row r="350434" spans="8:8">
      <c r="H350434" s="12"/>
    </row>
    <row r="350435" spans="8:8">
      <c r="H350435" s="12"/>
    </row>
    <row r="350436" spans="8:8">
      <c r="H350436" s="12"/>
    </row>
    <row r="350437" spans="8:8">
      <c r="H350437" s="12"/>
    </row>
    <row r="350438" spans="8:8">
      <c r="H350438" s="12"/>
    </row>
    <row r="350439" spans="8:8">
      <c r="H350439" s="12"/>
    </row>
    <row r="350440" spans="8:8">
      <c r="H350440" s="12"/>
    </row>
    <row r="350441" spans="8:8">
      <c r="H350441" s="12"/>
    </row>
    <row r="350442" spans="8:8">
      <c r="H350442" s="12"/>
    </row>
    <row r="350443" spans="8:8">
      <c r="H350443" s="12"/>
    </row>
    <row r="350444" spans="8:8">
      <c r="H350444" s="12"/>
    </row>
    <row r="350445" spans="8:8">
      <c r="H350445" s="12"/>
    </row>
    <row r="350446" spans="8:8">
      <c r="H350446" s="12"/>
    </row>
    <row r="350447" spans="8:8">
      <c r="H350447" s="12"/>
    </row>
    <row r="350448" spans="8:8">
      <c r="H350448" s="12"/>
    </row>
    <row r="350449" spans="8:8">
      <c r="H350449" s="12"/>
    </row>
    <row r="350450" spans="8:8">
      <c r="H350450" s="12"/>
    </row>
    <row r="350451" spans="8:8">
      <c r="H350451" s="12"/>
    </row>
    <row r="350452" spans="8:8">
      <c r="H350452" s="12"/>
    </row>
    <row r="350453" spans="8:8">
      <c r="H350453" s="12"/>
    </row>
    <row r="350454" spans="8:8">
      <c r="H350454" s="12"/>
    </row>
    <row r="350455" spans="8:8">
      <c r="H350455" s="12"/>
    </row>
    <row r="350456" spans="8:8">
      <c r="H350456" s="12"/>
    </row>
    <row r="350457" spans="8:8">
      <c r="H350457" s="12"/>
    </row>
    <row r="350458" spans="8:8">
      <c r="H350458" s="12"/>
    </row>
    <row r="350459" spans="8:8">
      <c r="H350459" s="12"/>
    </row>
    <row r="350460" spans="8:8">
      <c r="H350460" s="12"/>
    </row>
    <row r="350461" spans="8:8">
      <c r="H350461" s="12"/>
    </row>
    <row r="350462" spans="8:8">
      <c r="H350462" s="12"/>
    </row>
    <row r="350463" spans="8:8">
      <c r="H350463" s="12"/>
    </row>
    <row r="350464" spans="8:8">
      <c r="H350464" s="12"/>
    </row>
    <row r="350465" spans="8:8">
      <c r="H350465" s="12"/>
    </row>
    <row r="350466" spans="8:8">
      <c r="H350466" s="12"/>
    </row>
    <row r="350467" spans="8:8">
      <c r="H350467" s="12"/>
    </row>
    <row r="350468" spans="8:8">
      <c r="H350468" s="12"/>
    </row>
    <row r="350469" spans="8:8">
      <c r="H350469" s="12"/>
    </row>
    <row r="350470" spans="8:8">
      <c r="H350470" s="12"/>
    </row>
    <row r="350471" spans="8:8">
      <c r="H350471" s="12"/>
    </row>
    <row r="350472" spans="8:8">
      <c r="H350472" s="12"/>
    </row>
    <row r="350473" spans="8:8">
      <c r="H350473" s="12"/>
    </row>
    <row r="350474" spans="8:8">
      <c r="H350474" s="12"/>
    </row>
    <row r="350475" spans="8:8">
      <c r="H350475" s="12"/>
    </row>
    <row r="350476" spans="8:8">
      <c r="H350476" s="12"/>
    </row>
    <row r="350477" spans="8:8">
      <c r="H350477" s="12"/>
    </row>
    <row r="350478" spans="8:8">
      <c r="H350478" s="12"/>
    </row>
    <row r="350479" spans="8:8">
      <c r="H350479" s="12"/>
    </row>
    <row r="350480" spans="8:8">
      <c r="H350480" s="12"/>
    </row>
    <row r="350481" spans="8:8">
      <c r="H350481" s="12"/>
    </row>
    <row r="350482" spans="8:8">
      <c r="H350482" s="12"/>
    </row>
    <row r="350483" spans="8:8">
      <c r="H350483" s="12"/>
    </row>
    <row r="350484" spans="8:8">
      <c r="H350484" s="12"/>
    </row>
    <row r="350485" spans="8:8">
      <c r="H350485" s="12"/>
    </row>
    <row r="350486" spans="8:8">
      <c r="H350486" s="12"/>
    </row>
    <row r="350487" spans="8:8">
      <c r="H350487" s="12"/>
    </row>
    <row r="350488" spans="8:8">
      <c r="H350488" s="12"/>
    </row>
    <row r="350489" spans="8:8">
      <c r="H350489" s="12"/>
    </row>
    <row r="350490" spans="8:8">
      <c r="H350490" s="12"/>
    </row>
    <row r="350491" spans="8:8">
      <c r="H350491" s="12"/>
    </row>
    <row r="350492" spans="8:8">
      <c r="H350492" s="12"/>
    </row>
    <row r="350493" spans="8:8">
      <c r="H350493" s="12"/>
    </row>
    <row r="350494" spans="8:8">
      <c r="H350494" s="12"/>
    </row>
    <row r="350495" spans="8:8">
      <c r="H350495" s="12"/>
    </row>
    <row r="350496" spans="8:8">
      <c r="H350496" s="12"/>
    </row>
    <row r="350497" spans="8:8">
      <c r="H350497" s="12"/>
    </row>
    <row r="350498" spans="8:8">
      <c r="H350498" s="12"/>
    </row>
    <row r="350499" spans="8:8">
      <c r="H350499" s="12"/>
    </row>
    <row r="350500" spans="8:8">
      <c r="H350500" s="12"/>
    </row>
    <row r="350501" spans="8:8">
      <c r="H350501" s="12"/>
    </row>
    <row r="350502" spans="8:8">
      <c r="H350502" s="12"/>
    </row>
    <row r="350503" spans="8:8">
      <c r="H350503" s="12"/>
    </row>
    <row r="350504" spans="8:8">
      <c r="H350504" s="12"/>
    </row>
    <row r="350505" spans="8:8">
      <c r="H350505" s="12"/>
    </row>
    <row r="350506" spans="8:8">
      <c r="H350506" s="12"/>
    </row>
    <row r="350507" spans="8:8">
      <c r="H350507" s="12"/>
    </row>
    <row r="350508" spans="8:8">
      <c r="H350508" s="12"/>
    </row>
    <row r="350509" spans="8:8">
      <c r="H350509" s="12"/>
    </row>
    <row r="350510" spans="8:8">
      <c r="H350510" s="12"/>
    </row>
    <row r="350511" spans="8:8">
      <c r="H350511" s="12"/>
    </row>
    <row r="350512" spans="8:8">
      <c r="H350512" s="12"/>
    </row>
    <row r="350513" spans="8:8">
      <c r="H350513" s="12"/>
    </row>
    <row r="350514" spans="8:8">
      <c r="H350514" s="12"/>
    </row>
    <row r="350515" spans="8:8">
      <c r="H350515" s="12"/>
    </row>
    <row r="350516" spans="8:8">
      <c r="H350516" s="12"/>
    </row>
    <row r="350517" spans="8:8">
      <c r="H350517" s="12"/>
    </row>
    <row r="350518" spans="8:8">
      <c r="H350518" s="12"/>
    </row>
    <row r="350519" spans="8:8">
      <c r="H350519" s="12"/>
    </row>
    <row r="350520" spans="8:8">
      <c r="H350520" s="12"/>
    </row>
    <row r="350521" spans="8:8">
      <c r="H350521" s="12"/>
    </row>
    <row r="350522" spans="8:8">
      <c r="H350522" s="12"/>
    </row>
    <row r="350523" spans="8:8">
      <c r="H350523" s="12"/>
    </row>
    <row r="350524" spans="8:8">
      <c r="H350524" s="12"/>
    </row>
    <row r="350525" spans="8:8">
      <c r="H350525" s="12"/>
    </row>
    <row r="350526" spans="8:8">
      <c r="H350526" s="12"/>
    </row>
    <row r="350527" spans="8:8">
      <c r="H350527" s="12"/>
    </row>
    <row r="350528" spans="8:8">
      <c r="H350528" s="12"/>
    </row>
    <row r="350529" spans="8:8">
      <c r="H350529" s="12"/>
    </row>
    <row r="350530" spans="8:8">
      <c r="H350530" s="12"/>
    </row>
    <row r="350531" spans="8:8">
      <c r="H350531" s="12"/>
    </row>
    <row r="350532" spans="8:8">
      <c r="H350532" s="12"/>
    </row>
    <row r="350533" spans="8:8">
      <c r="H350533" s="12"/>
    </row>
    <row r="350534" spans="8:8">
      <c r="H350534" s="12"/>
    </row>
    <row r="350535" spans="8:8">
      <c r="H350535" s="12"/>
    </row>
    <row r="350536" spans="8:8">
      <c r="H350536" s="12"/>
    </row>
    <row r="350537" spans="8:8">
      <c r="H350537" s="12"/>
    </row>
    <row r="350538" spans="8:8">
      <c r="H350538" s="12"/>
    </row>
    <row r="350539" spans="8:8">
      <c r="H350539" s="12"/>
    </row>
    <row r="350540" spans="8:8">
      <c r="H350540" s="12"/>
    </row>
    <row r="350541" spans="8:8">
      <c r="H350541" s="12"/>
    </row>
    <row r="350542" spans="8:8">
      <c r="H350542" s="12"/>
    </row>
    <row r="350543" spans="8:8">
      <c r="H350543" s="12"/>
    </row>
    <row r="350544" spans="8:8">
      <c r="H350544" s="12"/>
    </row>
    <row r="350545" spans="8:8">
      <c r="H350545" s="12"/>
    </row>
    <row r="350546" spans="8:8">
      <c r="H350546" s="12"/>
    </row>
    <row r="350547" spans="8:8">
      <c r="H350547" s="12"/>
    </row>
    <row r="350548" spans="8:8">
      <c r="H350548" s="12"/>
    </row>
    <row r="350549" spans="8:8">
      <c r="H350549" s="12"/>
    </row>
    <row r="350550" spans="8:8">
      <c r="H350550" s="12"/>
    </row>
    <row r="350551" spans="8:8">
      <c r="H350551" s="12"/>
    </row>
    <row r="350552" spans="8:8">
      <c r="H350552" s="12"/>
    </row>
    <row r="350553" spans="8:8">
      <c r="H350553" s="12"/>
    </row>
    <row r="350554" spans="8:8">
      <c r="H350554" s="12"/>
    </row>
    <row r="350555" spans="8:8">
      <c r="H350555" s="12"/>
    </row>
    <row r="350556" spans="8:8">
      <c r="H350556" s="12"/>
    </row>
    <row r="350557" spans="8:8">
      <c r="H350557" s="12"/>
    </row>
    <row r="350558" spans="8:8">
      <c r="H350558" s="12"/>
    </row>
    <row r="350559" spans="8:8">
      <c r="H350559" s="12"/>
    </row>
    <row r="350560" spans="8:8">
      <c r="H350560" s="12"/>
    </row>
    <row r="350561" spans="8:8">
      <c r="H350561" s="12"/>
    </row>
    <row r="350562" spans="8:8">
      <c r="H350562" s="12"/>
    </row>
    <row r="350563" spans="8:8">
      <c r="H350563" s="12"/>
    </row>
    <row r="350564" spans="8:8">
      <c r="H350564" s="12"/>
    </row>
    <row r="350565" spans="8:8">
      <c r="H350565" s="12"/>
    </row>
    <row r="350566" spans="8:8">
      <c r="H350566" s="12"/>
    </row>
    <row r="350567" spans="8:8">
      <c r="H350567" s="12"/>
    </row>
    <row r="350568" spans="8:8">
      <c r="H350568" s="12"/>
    </row>
    <row r="350569" spans="8:8">
      <c r="H350569" s="12"/>
    </row>
    <row r="350570" spans="8:8">
      <c r="H350570" s="12"/>
    </row>
    <row r="350571" spans="8:8">
      <c r="H350571" s="12"/>
    </row>
    <row r="350572" spans="8:8">
      <c r="H350572" s="12"/>
    </row>
    <row r="350573" spans="8:8">
      <c r="H350573" s="12"/>
    </row>
    <row r="350574" spans="8:8">
      <c r="H350574" s="12"/>
    </row>
    <row r="350575" spans="8:8">
      <c r="H350575" s="12"/>
    </row>
    <row r="350576" spans="8:8">
      <c r="H350576" s="12"/>
    </row>
    <row r="350577" spans="8:8">
      <c r="H350577" s="12"/>
    </row>
    <row r="350578" spans="8:8">
      <c r="H350578" s="12"/>
    </row>
    <row r="350579" spans="8:8">
      <c r="H350579" s="12"/>
    </row>
    <row r="350580" spans="8:8">
      <c r="H350580" s="12"/>
    </row>
    <row r="350581" spans="8:8">
      <c r="H350581" s="12"/>
    </row>
    <row r="350582" spans="8:8">
      <c r="H350582" s="12"/>
    </row>
    <row r="350583" spans="8:8">
      <c r="H350583" s="12"/>
    </row>
    <row r="350584" spans="8:8">
      <c r="H350584" s="12"/>
    </row>
    <row r="350585" spans="8:8">
      <c r="H350585" s="12"/>
    </row>
    <row r="350586" spans="8:8">
      <c r="H350586" s="12"/>
    </row>
    <row r="350587" spans="8:8">
      <c r="H350587" s="12"/>
    </row>
    <row r="350588" spans="8:8">
      <c r="H350588" s="12"/>
    </row>
    <row r="350589" spans="8:8">
      <c r="H350589" s="12"/>
    </row>
    <row r="350590" spans="8:8">
      <c r="H350590" s="12"/>
    </row>
    <row r="350591" spans="8:8">
      <c r="H350591" s="12"/>
    </row>
    <row r="350592" spans="8:8">
      <c r="H350592" s="12"/>
    </row>
    <row r="350593" spans="8:8">
      <c r="H350593" s="12"/>
    </row>
    <row r="350594" spans="8:8">
      <c r="H350594" s="12"/>
    </row>
    <row r="350595" spans="8:8">
      <c r="H350595" s="12"/>
    </row>
    <row r="350596" spans="8:8">
      <c r="H350596" s="12"/>
    </row>
    <row r="350597" spans="8:8">
      <c r="H350597" s="12"/>
    </row>
    <row r="350598" spans="8:8">
      <c r="H350598" s="12"/>
    </row>
    <row r="350599" spans="8:8">
      <c r="H350599" s="12"/>
    </row>
    <row r="350600" spans="8:8">
      <c r="H350600" s="12"/>
    </row>
    <row r="350601" spans="8:8">
      <c r="H350601" s="12"/>
    </row>
    <row r="350602" spans="8:8">
      <c r="H350602" s="12"/>
    </row>
    <row r="350603" spans="8:8">
      <c r="H350603" s="12"/>
    </row>
    <row r="350604" spans="8:8">
      <c r="H350604" s="12"/>
    </row>
    <row r="350605" spans="8:8">
      <c r="H350605" s="12"/>
    </row>
    <row r="350606" spans="8:8">
      <c r="H350606" s="12"/>
    </row>
    <row r="350607" spans="8:8">
      <c r="H350607" s="12"/>
    </row>
    <row r="350608" spans="8:8">
      <c r="H350608" s="12"/>
    </row>
    <row r="350609" spans="8:8">
      <c r="H350609" s="12"/>
    </row>
    <row r="350610" spans="8:8">
      <c r="H350610" s="12"/>
    </row>
    <row r="350611" spans="8:8">
      <c r="H350611" s="12"/>
    </row>
    <row r="350612" spans="8:8">
      <c r="H350612" s="12"/>
    </row>
    <row r="350613" spans="8:8">
      <c r="H350613" s="12"/>
    </row>
    <row r="350614" spans="8:8">
      <c r="H350614" s="12"/>
    </row>
    <row r="350615" spans="8:8">
      <c r="H350615" s="12"/>
    </row>
    <row r="350616" spans="8:8">
      <c r="H350616" s="12"/>
    </row>
    <row r="350617" spans="8:8">
      <c r="H350617" s="12"/>
    </row>
    <row r="350618" spans="8:8">
      <c r="H350618" s="12"/>
    </row>
    <row r="350619" spans="8:8">
      <c r="H350619" s="12"/>
    </row>
    <row r="350620" spans="8:8">
      <c r="H350620" s="12"/>
    </row>
    <row r="350621" spans="8:8">
      <c r="H350621" s="12"/>
    </row>
    <row r="350622" spans="8:8">
      <c r="H350622" s="12"/>
    </row>
    <row r="350623" spans="8:8">
      <c r="H350623" s="12"/>
    </row>
    <row r="350624" spans="8:8">
      <c r="H350624" s="12"/>
    </row>
    <row r="350625" spans="8:8">
      <c r="H350625" s="12"/>
    </row>
    <row r="350626" spans="8:8">
      <c r="H350626" s="12"/>
    </row>
    <row r="350627" spans="8:8">
      <c r="H350627" s="12"/>
    </row>
    <row r="350628" spans="8:8">
      <c r="H350628" s="12"/>
    </row>
    <row r="350629" spans="8:8">
      <c r="H350629" s="12"/>
    </row>
    <row r="350630" spans="8:8">
      <c r="H350630" s="12"/>
    </row>
    <row r="350631" spans="8:8">
      <c r="H350631" s="12"/>
    </row>
    <row r="350632" spans="8:8">
      <c r="H350632" s="12"/>
    </row>
    <row r="350633" spans="8:8">
      <c r="H350633" s="12"/>
    </row>
    <row r="350634" spans="8:8">
      <c r="H350634" s="12"/>
    </row>
    <row r="350635" spans="8:8">
      <c r="H350635" s="12"/>
    </row>
    <row r="350636" spans="8:8">
      <c r="H350636" s="12"/>
    </row>
    <row r="350637" spans="8:8">
      <c r="H350637" s="12"/>
    </row>
    <row r="350638" spans="8:8">
      <c r="H350638" s="12"/>
    </row>
    <row r="350639" spans="8:8">
      <c r="H350639" s="12"/>
    </row>
    <row r="350640" spans="8:8">
      <c r="H350640" s="12"/>
    </row>
    <row r="350641" spans="8:8">
      <c r="H350641" s="12"/>
    </row>
    <row r="350642" spans="8:8">
      <c r="H350642" s="12"/>
    </row>
    <row r="350643" spans="8:8">
      <c r="H350643" s="12"/>
    </row>
    <row r="350644" spans="8:8">
      <c r="H350644" s="12"/>
    </row>
    <row r="350645" spans="8:8">
      <c r="H350645" s="12"/>
    </row>
    <row r="350646" spans="8:8">
      <c r="H350646" s="12"/>
    </row>
    <row r="350647" spans="8:8">
      <c r="H350647" s="12"/>
    </row>
    <row r="350648" spans="8:8">
      <c r="H350648" s="12"/>
    </row>
    <row r="350649" spans="8:8">
      <c r="H350649" s="12"/>
    </row>
    <row r="350650" spans="8:8">
      <c r="H350650" s="12"/>
    </row>
    <row r="350651" spans="8:8">
      <c r="H350651" s="12"/>
    </row>
    <row r="350652" spans="8:8">
      <c r="H350652" s="12"/>
    </row>
    <row r="350653" spans="8:8">
      <c r="H350653" s="12"/>
    </row>
    <row r="350654" spans="8:8">
      <c r="H350654" s="12"/>
    </row>
    <row r="350655" spans="8:8">
      <c r="H350655" s="12"/>
    </row>
    <row r="350656" spans="8:8">
      <c r="H350656" s="12"/>
    </row>
    <row r="350657" spans="8:8">
      <c r="H350657" s="12"/>
    </row>
    <row r="350658" spans="8:8">
      <c r="H350658" s="12"/>
    </row>
    <row r="350659" spans="8:8">
      <c r="H350659" s="12"/>
    </row>
    <row r="350660" spans="8:8">
      <c r="H350660" s="12"/>
    </row>
    <row r="350661" spans="8:8">
      <c r="H350661" s="12"/>
    </row>
    <row r="350662" spans="8:8">
      <c r="H350662" s="12"/>
    </row>
    <row r="350663" spans="8:8">
      <c r="H350663" s="12"/>
    </row>
    <row r="350664" spans="8:8">
      <c r="H350664" s="12"/>
    </row>
    <row r="350665" spans="8:8">
      <c r="H350665" s="12"/>
    </row>
    <row r="350666" spans="8:8">
      <c r="H350666" s="12"/>
    </row>
    <row r="350667" spans="8:8">
      <c r="H350667" s="12"/>
    </row>
    <row r="350668" spans="8:8">
      <c r="H350668" s="12"/>
    </row>
    <row r="350669" spans="8:8">
      <c r="H350669" s="12"/>
    </row>
    <row r="350670" spans="8:8">
      <c r="H350670" s="12"/>
    </row>
    <row r="350671" spans="8:8">
      <c r="H350671" s="12"/>
    </row>
    <row r="350672" spans="8:8">
      <c r="H350672" s="12"/>
    </row>
    <row r="350673" spans="8:8">
      <c r="H350673" s="12"/>
    </row>
    <row r="350674" spans="8:8">
      <c r="H350674" s="12"/>
    </row>
    <row r="350675" spans="8:8">
      <c r="H350675" s="12"/>
    </row>
    <row r="350676" spans="8:8">
      <c r="H350676" s="12"/>
    </row>
    <row r="350677" spans="8:8">
      <c r="H350677" s="12"/>
    </row>
    <row r="350678" spans="8:8">
      <c r="H350678" s="12"/>
    </row>
    <row r="350679" spans="8:8">
      <c r="H350679" s="12"/>
    </row>
    <row r="350680" spans="8:8">
      <c r="H350680" s="12"/>
    </row>
    <row r="350681" spans="8:8">
      <c r="H350681" s="12"/>
    </row>
    <row r="350682" spans="8:8">
      <c r="H350682" s="12"/>
    </row>
    <row r="350683" spans="8:8">
      <c r="H350683" s="12"/>
    </row>
    <row r="350684" spans="8:8">
      <c r="H350684" s="12"/>
    </row>
    <row r="350685" spans="8:8">
      <c r="H350685" s="12"/>
    </row>
    <row r="350686" spans="8:8">
      <c r="H350686" s="12"/>
    </row>
    <row r="350687" spans="8:8">
      <c r="H350687" s="12"/>
    </row>
    <row r="350688" spans="8:8">
      <c r="H350688" s="12"/>
    </row>
    <row r="350689" spans="8:8">
      <c r="H350689" s="12"/>
    </row>
    <row r="350690" spans="8:8">
      <c r="H350690" s="12"/>
    </row>
    <row r="350691" spans="8:8">
      <c r="H350691" s="12"/>
    </row>
    <row r="350692" spans="8:8">
      <c r="H350692" s="12"/>
    </row>
    <row r="350693" spans="8:8">
      <c r="H350693" s="12"/>
    </row>
    <row r="350694" spans="8:8">
      <c r="H350694" s="12"/>
    </row>
    <row r="350695" spans="8:8">
      <c r="H350695" s="12"/>
    </row>
    <row r="350696" spans="8:8">
      <c r="H350696" s="12"/>
    </row>
    <row r="350697" spans="8:8">
      <c r="H350697" s="12"/>
    </row>
    <row r="350698" spans="8:8">
      <c r="H350698" s="12"/>
    </row>
    <row r="350699" spans="8:8">
      <c r="H350699" s="12"/>
    </row>
    <row r="350700" spans="8:8">
      <c r="H350700" s="12"/>
    </row>
    <row r="350701" spans="8:8">
      <c r="H350701" s="12"/>
    </row>
    <row r="350702" spans="8:8">
      <c r="H350702" s="12"/>
    </row>
    <row r="350703" spans="8:8">
      <c r="H350703" s="12"/>
    </row>
    <row r="350704" spans="8:8">
      <c r="H350704" s="12"/>
    </row>
    <row r="350705" spans="8:8">
      <c r="H350705" s="12"/>
    </row>
    <row r="350706" spans="8:8">
      <c r="H350706" s="12"/>
    </row>
    <row r="350707" spans="8:8">
      <c r="H350707" s="12"/>
    </row>
    <row r="350708" spans="8:8">
      <c r="H350708" s="12"/>
    </row>
    <row r="350709" spans="8:8">
      <c r="H350709" s="12"/>
    </row>
    <row r="350710" spans="8:8">
      <c r="H350710" s="12"/>
    </row>
    <row r="350711" spans="8:8">
      <c r="H350711" s="12"/>
    </row>
    <row r="350712" spans="8:8">
      <c r="H350712" s="12"/>
    </row>
    <row r="350713" spans="8:8">
      <c r="H350713" s="12"/>
    </row>
    <row r="350714" spans="8:8">
      <c r="H350714" s="12"/>
    </row>
    <row r="350715" spans="8:8">
      <c r="H350715" s="12"/>
    </row>
    <row r="350716" spans="8:8">
      <c r="H350716" s="12"/>
    </row>
    <row r="350717" spans="8:8">
      <c r="H350717" s="12"/>
    </row>
    <row r="350718" spans="8:8">
      <c r="H350718" s="12"/>
    </row>
    <row r="350719" spans="8:8">
      <c r="H350719" s="12"/>
    </row>
    <row r="350720" spans="8:8">
      <c r="H350720" s="12"/>
    </row>
    <row r="350721" spans="8:8">
      <c r="H350721" s="12"/>
    </row>
    <row r="350722" spans="8:8">
      <c r="H350722" s="12"/>
    </row>
    <row r="350723" spans="8:8">
      <c r="H350723" s="12"/>
    </row>
    <row r="350724" spans="8:8">
      <c r="H350724" s="12"/>
    </row>
    <row r="350725" spans="8:8">
      <c r="H350725" s="12"/>
    </row>
    <row r="350726" spans="8:8">
      <c r="H350726" s="12"/>
    </row>
    <row r="350727" spans="8:8">
      <c r="H350727" s="12"/>
    </row>
    <row r="350728" spans="8:8">
      <c r="H350728" s="12"/>
    </row>
    <row r="350729" spans="8:8">
      <c r="H350729" s="12"/>
    </row>
    <row r="350730" spans="8:8">
      <c r="H350730" s="12"/>
    </row>
    <row r="350731" spans="8:8">
      <c r="H350731" s="12"/>
    </row>
    <row r="350732" spans="8:8">
      <c r="H350732" s="12"/>
    </row>
    <row r="350733" spans="8:8">
      <c r="H350733" s="12"/>
    </row>
    <row r="350734" spans="8:8">
      <c r="H350734" s="12"/>
    </row>
    <row r="350735" spans="8:8">
      <c r="H350735" s="12"/>
    </row>
    <row r="350736" spans="8:8">
      <c r="H350736" s="12"/>
    </row>
    <row r="350737" spans="8:8">
      <c r="H350737" s="12"/>
    </row>
    <row r="350738" spans="8:8">
      <c r="H350738" s="12"/>
    </row>
    <row r="350739" spans="8:8">
      <c r="H350739" s="12"/>
    </row>
    <row r="350740" spans="8:8">
      <c r="H350740" s="12"/>
    </row>
    <row r="350741" spans="8:8">
      <c r="H350741" s="12"/>
    </row>
    <row r="350742" spans="8:8">
      <c r="H350742" s="12"/>
    </row>
    <row r="350743" spans="8:8">
      <c r="H350743" s="12"/>
    </row>
    <row r="350744" spans="8:8">
      <c r="H350744" s="12"/>
    </row>
    <row r="350745" spans="8:8">
      <c r="H350745" s="12"/>
    </row>
    <row r="350746" spans="8:8">
      <c r="H350746" s="12"/>
    </row>
    <row r="350747" spans="8:8">
      <c r="H350747" s="12"/>
    </row>
    <row r="350748" spans="8:8">
      <c r="H350748" s="12"/>
    </row>
    <row r="350749" spans="8:8">
      <c r="H350749" s="12"/>
    </row>
    <row r="350750" spans="8:8">
      <c r="H350750" s="12"/>
    </row>
    <row r="350751" spans="8:8">
      <c r="H350751" s="12"/>
    </row>
    <row r="350752" spans="8:8">
      <c r="H350752" s="12"/>
    </row>
    <row r="350753" spans="8:8">
      <c r="H350753" s="12"/>
    </row>
    <row r="350754" spans="8:8">
      <c r="H350754" s="12"/>
    </row>
    <row r="350755" spans="8:8">
      <c r="H350755" s="12"/>
    </row>
    <row r="350756" spans="8:8">
      <c r="H350756" s="12"/>
    </row>
    <row r="350757" spans="8:8">
      <c r="H350757" s="12"/>
    </row>
    <row r="350758" spans="8:8">
      <c r="H350758" s="12"/>
    </row>
    <row r="350759" spans="8:8">
      <c r="H350759" s="12"/>
    </row>
    <row r="350760" spans="8:8">
      <c r="H350760" s="12"/>
    </row>
    <row r="350761" spans="8:8">
      <c r="H350761" s="12"/>
    </row>
    <row r="350762" spans="8:8">
      <c r="H350762" s="12"/>
    </row>
    <row r="350763" spans="8:8">
      <c r="H350763" s="12"/>
    </row>
    <row r="350764" spans="8:8">
      <c r="H350764" s="12"/>
    </row>
    <row r="350765" spans="8:8">
      <c r="H350765" s="12"/>
    </row>
    <row r="350766" spans="8:8">
      <c r="H350766" s="12"/>
    </row>
    <row r="350767" spans="8:8">
      <c r="H350767" s="12"/>
    </row>
    <row r="350768" spans="8:8">
      <c r="H350768" s="12"/>
    </row>
    <row r="350769" spans="8:8">
      <c r="H350769" s="12"/>
    </row>
    <row r="350770" spans="8:8">
      <c r="H350770" s="12"/>
    </row>
    <row r="350771" spans="8:8">
      <c r="H350771" s="12"/>
    </row>
    <row r="350772" spans="8:8">
      <c r="H350772" s="12"/>
    </row>
    <row r="350773" spans="8:8">
      <c r="H350773" s="12"/>
    </row>
    <row r="350774" spans="8:8">
      <c r="H350774" s="12"/>
    </row>
    <row r="350775" spans="8:8">
      <c r="H350775" s="12"/>
    </row>
    <row r="350776" spans="8:8">
      <c r="H350776" s="12"/>
    </row>
    <row r="350777" spans="8:8">
      <c r="H350777" s="12"/>
    </row>
    <row r="350778" spans="8:8">
      <c r="H350778" s="12"/>
    </row>
    <row r="350779" spans="8:8">
      <c r="H350779" s="12"/>
    </row>
    <row r="350780" spans="8:8">
      <c r="H350780" s="12"/>
    </row>
    <row r="350781" spans="8:8">
      <c r="H350781" s="12"/>
    </row>
    <row r="350782" spans="8:8">
      <c r="H350782" s="12"/>
    </row>
    <row r="350783" spans="8:8">
      <c r="H350783" s="12"/>
    </row>
    <row r="350784" spans="8:8">
      <c r="H350784" s="12"/>
    </row>
    <row r="350785" spans="8:8">
      <c r="H350785" s="12"/>
    </row>
    <row r="350786" spans="8:8">
      <c r="H350786" s="12"/>
    </row>
    <row r="350787" spans="8:8">
      <c r="H350787" s="12"/>
    </row>
    <row r="350788" spans="8:8">
      <c r="H350788" s="12"/>
    </row>
    <row r="350789" spans="8:8">
      <c r="H350789" s="12"/>
    </row>
    <row r="350790" spans="8:8">
      <c r="H350790" s="12"/>
    </row>
    <row r="350791" spans="8:8">
      <c r="H350791" s="12"/>
    </row>
    <row r="350792" spans="8:8">
      <c r="H350792" s="12"/>
    </row>
    <row r="350793" spans="8:8">
      <c r="H350793" s="12"/>
    </row>
    <row r="350794" spans="8:8">
      <c r="H350794" s="12"/>
    </row>
    <row r="350795" spans="8:8">
      <c r="H350795" s="12"/>
    </row>
    <row r="350796" spans="8:8">
      <c r="H350796" s="12"/>
    </row>
    <row r="350797" spans="8:8">
      <c r="H350797" s="12"/>
    </row>
    <row r="350798" spans="8:8">
      <c r="H350798" s="12"/>
    </row>
    <row r="350799" spans="8:8">
      <c r="H350799" s="12"/>
    </row>
    <row r="350800" spans="8:8">
      <c r="H350800" s="12"/>
    </row>
    <row r="350801" spans="8:8">
      <c r="H350801" s="12"/>
    </row>
    <row r="350802" spans="8:8">
      <c r="H350802" s="12"/>
    </row>
    <row r="350803" spans="8:8">
      <c r="H350803" s="12"/>
    </row>
    <row r="350804" spans="8:8">
      <c r="H350804" s="12"/>
    </row>
    <row r="350805" spans="8:8">
      <c r="H350805" s="12"/>
    </row>
    <row r="350806" spans="8:8">
      <c r="H350806" s="12"/>
    </row>
    <row r="350807" spans="8:8">
      <c r="H350807" s="12"/>
    </row>
    <row r="350808" spans="8:8">
      <c r="H350808" s="12"/>
    </row>
    <row r="350809" spans="8:8">
      <c r="H350809" s="12"/>
    </row>
    <row r="350810" spans="8:8">
      <c r="H350810" s="12"/>
    </row>
    <row r="350811" spans="8:8">
      <c r="H350811" s="12"/>
    </row>
    <row r="350812" spans="8:8">
      <c r="H350812" s="12"/>
    </row>
    <row r="350813" spans="8:8">
      <c r="H350813" s="12"/>
    </row>
    <row r="350814" spans="8:8">
      <c r="H350814" s="12"/>
    </row>
    <row r="350815" spans="8:8">
      <c r="H350815" s="12"/>
    </row>
    <row r="350816" spans="8:8">
      <c r="H350816" s="12"/>
    </row>
    <row r="350817" spans="8:8">
      <c r="H350817" s="12"/>
    </row>
    <row r="350818" spans="8:8">
      <c r="H350818" s="12"/>
    </row>
    <row r="350819" spans="8:8">
      <c r="H350819" s="12"/>
    </row>
    <row r="350820" spans="8:8">
      <c r="H350820" s="12"/>
    </row>
    <row r="350821" spans="8:8">
      <c r="H350821" s="12"/>
    </row>
    <row r="350822" spans="8:8">
      <c r="H350822" s="12"/>
    </row>
    <row r="350823" spans="8:8">
      <c r="H350823" s="12"/>
    </row>
    <row r="350824" spans="8:8">
      <c r="H350824" s="12"/>
    </row>
    <row r="350825" spans="8:8">
      <c r="H350825" s="12"/>
    </row>
    <row r="350826" spans="8:8">
      <c r="H350826" s="12"/>
    </row>
    <row r="350827" spans="8:8">
      <c r="H350827" s="12"/>
    </row>
    <row r="350828" spans="8:8">
      <c r="H350828" s="12"/>
    </row>
    <row r="350829" spans="8:8">
      <c r="H350829" s="12"/>
    </row>
    <row r="350830" spans="8:8">
      <c r="H350830" s="12"/>
    </row>
    <row r="350831" spans="8:8">
      <c r="H350831" s="12"/>
    </row>
    <row r="350832" spans="8:8">
      <c r="H350832" s="12"/>
    </row>
    <row r="350833" spans="8:8">
      <c r="H350833" s="12"/>
    </row>
    <row r="350834" spans="8:8">
      <c r="H350834" s="12"/>
    </row>
    <row r="350835" spans="8:8">
      <c r="H350835" s="12"/>
    </row>
    <row r="350836" spans="8:8">
      <c r="H350836" s="12"/>
    </row>
    <row r="350837" spans="8:8">
      <c r="H350837" s="12"/>
    </row>
    <row r="350838" spans="8:8">
      <c r="H350838" s="12"/>
    </row>
    <row r="350839" spans="8:8">
      <c r="H350839" s="12"/>
    </row>
    <row r="350840" spans="8:8">
      <c r="H350840" s="12"/>
    </row>
    <row r="350841" spans="8:8">
      <c r="H350841" s="12"/>
    </row>
    <row r="350842" spans="8:8">
      <c r="H350842" s="12"/>
    </row>
    <row r="350843" spans="8:8">
      <c r="H350843" s="12"/>
    </row>
    <row r="350844" spans="8:8">
      <c r="H350844" s="12"/>
    </row>
    <row r="350845" spans="8:8">
      <c r="H350845" s="12"/>
    </row>
    <row r="350846" spans="8:8">
      <c r="H350846" s="12"/>
    </row>
    <row r="350847" spans="8:8">
      <c r="H350847" s="12"/>
    </row>
    <row r="350848" spans="8:8">
      <c r="H350848" s="12"/>
    </row>
    <row r="350849" spans="8:8">
      <c r="H350849" s="12"/>
    </row>
    <row r="350850" spans="8:8">
      <c r="H350850" s="12"/>
    </row>
    <row r="350851" spans="8:8">
      <c r="H350851" s="12"/>
    </row>
    <row r="350852" spans="8:8">
      <c r="H350852" s="12"/>
    </row>
    <row r="350853" spans="8:8">
      <c r="H350853" s="12"/>
    </row>
    <row r="350854" spans="8:8">
      <c r="H350854" s="12"/>
    </row>
    <row r="350855" spans="8:8">
      <c r="H350855" s="12"/>
    </row>
    <row r="350856" spans="8:8">
      <c r="H350856" s="12"/>
    </row>
    <row r="350857" spans="8:8">
      <c r="H350857" s="12"/>
    </row>
    <row r="350858" spans="8:8">
      <c r="H350858" s="12"/>
    </row>
    <row r="350859" spans="8:8">
      <c r="H350859" s="12"/>
    </row>
    <row r="350860" spans="8:8">
      <c r="H350860" s="12"/>
    </row>
    <row r="350861" spans="8:8">
      <c r="H350861" s="12"/>
    </row>
    <row r="350862" spans="8:8">
      <c r="H350862" s="12"/>
    </row>
    <row r="350863" spans="8:8">
      <c r="H350863" s="12"/>
    </row>
    <row r="350864" spans="8:8">
      <c r="H350864" s="12"/>
    </row>
    <row r="350865" spans="8:8">
      <c r="H350865" s="12"/>
    </row>
    <row r="350866" spans="8:8">
      <c r="H350866" s="12"/>
    </row>
    <row r="350867" spans="8:8">
      <c r="H350867" s="12"/>
    </row>
    <row r="350868" spans="8:8">
      <c r="H350868" s="12"/>
    </row>
    <row r="350869" spans="8:8">
      <c r="H350869" s="12"/>
    </row>
    <row r="350870" spans="8:8">
      <c r="H350870" s="12"/>
    </row>
    <row r="350871" spans="8:8">
      <c r="H350871" s="12"/>
    </row>
    <row r="350872" spans="8:8">
      <c r="H350872" s="12"/>
    </row>
    <row r="350873" spans="8:8">
      <c r="H350873" s="12"/>
    </row>
    <row r="350874" spans="8:8">
      <c r="H350874" s="12"/>
    </row>
    <row r="350875" spans="8:8">
      <c r="H350875" s="12"/>
    </row>
    <row r="350876" spans="8:8">
      <c r="H350876" s="12"/>
    </row>
    <row r="350877" spans="8:8">
      <c r="H350877" s="12"/>
    </row>
    <row r="350878" spans="8:8">
      <c r="H350878" s="12"/>
    </row>
    <row r="350879" spans="8:8">
      <c r="H350879" s="12"/>
    </row>
    <row r="350880" spans="8:8">
      <c r="H350880" s="12"/>
    </row>
    <row r="350881" spans="8:8">
      <c r="H350881" s="12"/>
    </row>
    <row r="350882" spans="8:8">
      <c r="H350882" s="12"/>
    </row>
    <row r="350883" spans="8:8">
      <c r="H350883" s="12"/>
    </row>
    <row r="350884" spans="8:8">
      <c r="H350884" s="12"/>
    </row>
    <row r="350885" spans="8:8">
      <c r="H350885" s="12"/>
    </row>
    <row r="350886" spans="8:8">
      <c r="H350886" s="12"/>
    </row>
    <row r="350887" spans="8:8">
      <c r="H350887" s="12"/>
    </row>
    <row r="350888" spans="8:8">
      <c r="H350888" s="12"/>
    </row>
    <row r="350889" spans="8:8">
      <c r="H350889" s="12"/>
    </row>
    <row r="350890" spans="8:8">
      <c r="H350890" s="12"/>
    </row>
    <row r="350891" spans="8:8">
      <c r="H350891" s="12"/>
    </row>
    <row r="350892" spans="8:8">
      <c r="H350892" s="12"/>
    </row>
    <row r="350893" spans="8:8">
      <c r="H350893" s="12"/>
    </row>
    <row r="350894" spans="8:8">
      <c r="H350894" s="12"/>
    </row>
    <row r="350895" spans="8:8">
      <c r="H350895" s="12"/>
    </row>
    <row r="350896" spans="8:8">
      <c r="H350896" s="12"/>
    </row>
    <row r="350897" spans="8:8">
      <c r="H350897" s="12"/>
    </row>
    <row r="350898" spans="8:8">
      <c r="H350898" s="12"/>
    </row>
    <row r="350899" spans="8:8">
      <c r="H350899" s="12"/>
    </row>
    <row r="350900" spans="8:8">
      <c r="H350900" s="12"/>
    </row>
    <row r="350901" spans="8:8">
      <c r="H350901" s="12"/>
    </row>
    <row r="350902" spans="8:8">
      <c r="H350902" s="12"/>
    </row>
    <row r="350903" spans="8:8">
      <c r="H350903" s="12"/>
    </row>
    <row r="350904" spans="8:8">
      <c r="H350904" s="12"/>
    </row>
    <row r="350905" spans="8:8">
      <c r="H350905" s="12"/>
    </row>
    <row r="350906" spans="8:8">
      <c r="H350906" s="12"/>
    </row>
    <row r="350907" spans="8:8">
      <c r="H350907" s="12"/>
    </row>
    <row r="350908" spans="8:8">
      <c r="H350908" s="12"/>
    </row>
    <row r="350909" spans="8:8">
      <c r="H350909" s="12"/>
    </row>
    <row r="350910" spans="8:8">
      <c r="H350910" s="12"/>
    </row>
    <row r="350911" spans="8:8">
      <c r="H350911" s="12"/>
    </row>
    <row r="350912" spans="8:8">
      <c r="H350912" s="12"/>
    </row>
    <row r="350913" spans="8:8">
      <c r="H350913" s="12"/>
    </row>
    <row r="350914" spans="8:8">
      <c r="H350914" s="12"/>
    </row>
    <row r="350915" spans="8:8">
      <c r="H350915" s="12"/>
    </row>
    <row r="350916" spans="8:8">
      <c r="H350916" s="12"/>
    </row>
    <row r="350917" spans="8:8">
      <c r="H350917" s="12"/>
    </row>
    <row r="350918" spans="8:8">
      <c r="H350918" s="12"/>
    </row>
    <row r="350919" spans="8:8">
      <c r="H350919" s="12"/>
    </row>
    <row r="350920" spans="8:8">
      <c r="H350920" s="12"/>
    </row>
    <row r="350921" spans="8:8">
      <c r="H350921" s="12"/>
    </row>
    <row r="350922" spans="8:8">
      <c r="H350922" s="12"/>
    </row>
    <row r="350923" spans="8:8">
      <c r="H350923" s="12"/>
    </row>
    <row r="350924" spans="8:8">
      <c r="H350924" s="12"/>
    </row>
    <row r="350925" spans="8:8">
      <c r="H350925" s="12"/>
    </row>
    <row r="350926" spans="8:8">
      <c r="H350926" s="12"/>
    </row>
    <row r="350927" spans="8:8">
      <c r="H350927" s="12"/>
    </row>
    <row r="350928" spans="8:8">
      <c r="H350928" s="12"/>
    </row>
    <row r="350929" spans="8:8">
      <c r="H350929" s="12"/>
    </row>
    <row r="350930" spans="8:8">
      <c r="H350930" s="12"/>
    </row>
    <row r="350931" spans="8:8">
      <c r="H350931" s="12"/>
    </row>
    <row r="350932" spans="8:8">
      <c r="H350932" s="12"/>
    </row>
    <row r="350933" spans="8:8">
      <c r="H350933" s="12"/>
    </row>
    <row r="350934" spans="8:8">
      <c r="H350934" s="12"/>
    </row>
    <row r="350935" spans="8:8">
      <c r="H350935" s="12"/>
    </row>
    <row r="350936" spans="8:8">
      <c r="H350936" s="12"/>
    </row>
    <row r="350937" spans="8:8">
      <c r="H350937" s="12"/>
    </row>
    <row r="350938" spans="8:8">
      <c r="H350938" s="12"/>
    </row>
    <row r="350939" spans="8:8">
      <c r="H350939" s="12"/>
    </row>
    <row r="350940" spans="8:8">
      <c r="H350940" s="12"/>
    </row>
    <row r="350941" spans="8:8">
      <c r="H350941" s="12"/>
    </row>
    <row r="350942" spans="8:8">
      <c r="H350942" s="12"/>
    </row>
    <row r="350943" spans="8:8">
      <c r="H350943" s="12"/>
    </row>
    <row r="350944" spans="8:8">
      <c r="H350944" s="12"/>
    </row>
    <row r="350945" spans="8:8">
      <c r="H350945" s="12"/>
    </row>
    <row r="350946" spans="8:8">
      <c r="H350946" s="12"/>
    </row>
    <row r="350947" spans="8:8">
      <c r="H350947" s="12"/>
    </row>
    <row r="350948" spans="8:8">
      <c r="H350948" s="12"/>
    </row>
    <row r="350949" spans="8:8">
      <c r="H350949" s="12"/>
    </row>
    <row r="350950" spans="8:8">
      <c r="H350950" s="12"/>
    </row>
    <row r="350951" spans="8:8">
      <c r="H350951" s="12"/>
    </row>
    <row r="350952" spans="8:8">
      <c r="H350952" s="12"/>
    </row>
    <row r="350953" spans="8:8">
      <c r="H350953" s="12"/>
    </row>
    <row r="350954" spans="8:8">
      <c r="H350954" s="12"/>
    </row>
    <row r="350955" spans="8:8">
      <c r="H350955" s="12"/>
    </row>
    <row r="350956" spans="8:8">
      <c r="H350956" s="12"/>
    </row>
    <row r="350957" spans="8:8">
      <c r="H350957" s="12"/>
    </row>
    <row r="350958" spans="8:8">
      <c r="H350958" s="12"/>
    </row>
    <row r="350959" spans="8:8">
      <c r="H350959" s="12"/>
    </row>
    <row r="350960" spans="8:8">
      <c r="H350960" s="12"/>
    </row>
    <row r="350961" spans="8:8">
      <c r="H350961" s="12"/>
    </row>
    <row r="350962" spans="8:8">
      <c r="H350962" s="12"/>
    </row>
    <row r="350963" spans="8:8">
      <c r="H350963" s="12"/>
    </row>
    <row r="350964" spans="8:8">
      <c r="H350964" s="12"/>
    </row>
    <row r="350965" spans="8:8">
      <c r="H350965" s="12"/>
    </row>
    <row r="350966" spans="8:8">
      <c r="H350966" s="12"/>
    </row>
    <row r="350967" spans="8:8">
      <c r="H350967" s="12"/>
    </row>
    <row r="350968" spans="8:8">
      <c r="H350968" s="12"/>
    </row>
    <row r="350969" spans="8:8">
      <c r="H350969" s="12"/>
    </row>
    <row r="350970" spans="8:8">
      <c r="H350970" s="12"/>
    </row>
    <row r="350971" spans="8:8">
      <c r="H350971" s="12"/>
    </row>
    <row r="350972" spans="8:8">
      <c r="H350972" s="12"/>
    </row>
    <row r="350973" spans="8:8">
      <c r="H350973" s="12"/>
    </row>
    <row r="350974" spans="8:8">
      <c r="H350974" s="12"/>
    </row>
    <row r="350975" spans="8:8">
      <c r="H350975" s="12"/>
    </row>
    <row r="350976" spans="8:8">
      <c r="H350976" s="12"/>
    </row>
    <row r="350977" spans="8:8">
      <c r="H350977" s="12"/>
    </row>
    <row r="350978" spans="8:8">
      <c r="H350978" s="12"/>
    </row>
    <row r="350979" spans="8:8">
      <c r="H350979" s="12"/>
    </row>
    <row r="350980" spans="8:8">
      <c r="H350980" s="12"/>
    </row>
    <row r="350981" spans="8:8">
      <c r="H350981" s="12"/>
    </row>
    <row r="350982" spans="8:8">
      <c r="H350982" s="12"/>
    </row>
    <row r="350983" spans="8:8">
      <c r="H350983" s="12"/>
    </row>
    <row r="350984" spans="8:8">
      <c r="H350984" s="12"/>
    </row>
    <row r="350985" spans="8:8">
      <c r="H350985" s="12"/>
    </row>
    <row r="350986" spans="8:8">
      <c r="H350986" s="12"/>
    </row>
    <row r="350987" spans="8:8">
      <c r="H350987" s="12"/>
    </row>
    <row r="350988" spans="8:8">
      <c r="H350988" s="12"/>
    </row>
    <row r="350989" spans="8:8">
      <c r="H350989" s="12"/>
    </row>
    <row r="350990" spans="8:8">
      <c r="H350990" s="12"/>
    </row>
    <row r="350991" spans="8:8">
      <c r="H350991" s="12"/>
    </row>
    <row r="350992" spans="8:8">
      <c r="H350992" s="12"/>
    </row>
    <row r="350993" spans="8:8">
      <c r="H350993" s="12"/>
    </row>
    <row r="350994" spans="8:8">
      <c r="H350994" s="12"/>
    </row>
    <row r="350995" spans="8:8">
      <c r="H350995" s="12"/>
    </row>
    <row r="350996" spans="8:8">
      <c r="H350996" s="12"/>
    </row>
    <row r="350997" spans="8:8">
      <c r="H350997" s="12"/>
    </row>
    <row r="350998" spans="8:8">
      <c r="H350998" s="12"/>
    </row>
    <row r="350999" spans="8:8">
      <c r="H350999" s="12"/>
    </row>
    <row r="351000" spans="8:8">
      <c r="H351000" s="12"/>
    </row>
    <row r="351001" spans="8:8">
      <c r="H351001" s="12"/>
    </row>
    <row r="351002" spans="8:8">
      <c r="H351002" s="12"/>
    </row>
    <row r="351003" spans="8:8">
      <c r="H351003" s="12"/>
    </row>
    <row r="351004" spans="8:8">
      <c r="H351004" s="12"/>
    </row>
    <row r="351005" spans="8:8">
      <c r="H351005" s="12"/>
    </row>
    <row r="351006" spans="8:8">
      <c r="H351006" s="12"/>
    </row>
    <row r="351007" spans="8:8">
      <c r="H351007" s="12"/>
    </row>
    <row r="351008" spans="8:8">
      <c r="H351008" s="12"/>
    </row>
    <row r="351009" spans="8:8">
      <c r="H351009" s="12"/>
    </row>
    <row r="351010" spans="8:8">
      <c r="H351010" s="12"/>
    </row>
    <row r="351011" spans="8:8">
      <c r="H351011" s="12"/>
    </row>
    <row r="351012" spans="8:8">
      <c r="H351012" s="12"/>
    </row>
    <row r="351013" spans="8:8">
      <c r="H351013" s="12"/>
    </row>
    <row r="351014" spans="8:8">
      <c r="H351014" s="12"/>
    </row>
    <row r="351015" spans="8:8">
      <c r="H351015" s="12"/>
    </row>
    <row r="351016" spans="8:8">
      <c r="H351016" s="12"/>
    </row>
    <row r="351017" spans="8:8">
      <c r="H351017" s="12"/>
    </row>
    <row r="351018" spans="8:8">
      <c r="H351018" s="12"/>
    </row>
    <row r="351019" spans="8:8">
      <c r="H351019" s="12"/>
    </row>
    <row r="351020" spans="8:8">
      <c r="H351020" s="12"/>
    </row>
    <row r="351021" spans="8:8">
      <c r="H351021" s="12"/>
    </row>
    <row r="351022" spans="8:8">
      <c r="H351022" s="12"/>
    </row>
    <row r="351023" spans="8:8">
      <c r="H351023" s="12"/>
    </row>
    <row r="351024" spans="8:8">
      <c r="H351024" s="12"/>
    </row>
    <row r="351025" spans="8:8">
      <c r="H351025" s="12"/>
    </row>
    <row r="351026" spans="8:8">
      <c r="H351026" s="12"/>
    </row>
    <row r="351027" spans="8:8">
      <c r="H351027" s="12"/>
    </row>
    <row r="351028" spans="8:8">
      <c r="H351028" s="12"/>
    </row>
    <row r="351029" spans="8:8">
      <c r="H351029" s="12"/>
    </row>
    <row r="351030" spans="8:8">
      <c r="H351030" s="12"/>
    </row>
    <row r="351031" spans="8:8">
      <c r="H351031" s="12"/>
    </row>
    <row r="351032" spans="8:8">
      <c r="H351032" s="12"/>
    </row>
    <row r="351033" spans="8:8">
      <c r="H351033" s="12"/>
    </row>
    <row r="351034" spans="8:8">
      <c r="H351034" s="12"/>
    </row>
    <row r="351035" spans="8:8">
      <c r="H351035" s="12"/>
    </row>
    <row r="351036" spans="8:8">
      <c r="H351036" s="12"/>
    </row>
    <row r="351037" spans="8:8">
      <c r="H351037" s="12"/>
    </row>
    <row r="351038" spans="8:8">
      <c r="H351038" s="12"/>
    </row>
    <row r="351039" spans="8:8">
      <c r="H351039" s="12"/>
    </row>
    <row r="351040" spans="8:8">
      <c r="H351040" s="12"/>
    </row>
    <row r="351041" spans="8:8">
      <c r="H351041" s="12"/>
    </row>
    <row r="351042" spans="8:8">
      <c r="H351042" s="12"/>
    </row>
    <row r="351043" spans="8:8">
      <c r="H351043" s="12"/>
    </row>
    <row r="351044" spans="8:8">
      <c r="H351044" s="12"/>
    </row>
    <row r="351045" spans="8:8">
      <c r="H351045" s="12"/>
    </row>
    <row r="351046" spans="8:8">
      <c r="H351046" s="12"/>
    </row>
    <row r="351047" spans="8:8">
      <c r="H351047" s="12"/>
    </row>
    <row r="351048" spans="8:8">
      <c r="H351048" s="12"/>
    </row>
    <row r="351049" spans="8:8">
      <c r="H351049" s="12"/>
    </row>
    <row r="351050" spans="8:8">
      <c r="H351050" s="12"/>
    </row>
    <row r="351051" spans="8:8">
      <c r="H351051" s="12"/>
    </row>
    <row r="351052" spans="8:8">
      <c r="H351052" s="12"/>
    </row>
    <row r="351053" spans="8:8">
      <c r="H351053" s="12"/>
    </row>
    <row r="351054" spans="8:8">
      <c r="H351054" s="12"/>
    </row>
    <row r="351055" spans="8:8">
      <c r="H351055" s="12"/>
    </row>
    <row r="351056" spans="8:8">
      <c r="H351056" s="12"/>
    </row>
    <row r="351057" spans="8:8">
      <c r="H351057" s="12"/>
    </row>
    <row r="351058" spans="8:8">
      <c r="H351058" s="12"/>
    </row>
    <row r="351059" spans="8:8">
      <c r="H351059" s="12"/>
    </row>
    <row r="351060" spans="8:8">
      <c r="H351060" s="12"/>
    </row>
    <row r="351061" spans="8:8">
      <c r="H351061" s="12"/>
    </row>
    <row r="351062" spans="8:8">
      <c r="H351062" s="12"/>
    </row>
    <row r="351063" spans="8:8">
      <c r="H351063" s="12"/>
    </row>
    <row r="351064" spans="8:8">
      <c r="H351064" s="12"/>
    </row>
    <row r="351065" spans="8:8">
      <c r="H351065" s="12"/>
    </row>
    <row r="351066" spans="8:8">
      <c r="H351066" s="12"/>
    </row>
    <row r="351067" spans="8:8">
      <c r="H351067" s="12"/>
    </row>
    <row r="351068" spans="8:8">
      <c r="H351068" s="12"/>
    </row>
    <row r="351069" spans="8:8">
      <c r="H351069" s="12"/>
    </row>
    <row r="351070" spans="8:8">
      <c r="H351070" s="12"/>
    </row>
    <row r="351071" spans="8:8">
      <c r="H351071" s="12"/>
    </row>
    <row r="351072" spans="8:8">
      <c r="H351072" s="12"/>
    </row>
    <row r="351073" spans="8:8">
      <c r="H351073" s="12"/>
    </row>
    <row r="351074" spans="8:8">
      <c r="H351074" s="12"/>
    </row>
    <row r="351075" spans="8:8">
      <c r="H351075" s="12"/>
    </row>
    <row r="351076" spans="8:8">
      <c r="H351076" s="12"/>
    </row>
    <row r="351077" spans="8:8">
      <c r="H351077" s="12"/>
    </row>
    <row r="351078" spans="8:8">
      <c r="H351078" s="12"/>
    </row>
    <row r="351079" spans="8:8">
      <c r="H351079" s="12"/>
    </row>
    <row r="351080" spans="8:8">
      <c r="H351080" s="12"/>
    </row>
    <row r="351081" spans="8:8">
      <c r="H351081" s="12"/>
    </row>
    <row r="351082" spans="8:8">
      <c r="H351082" s="12"/>
    </row>
    <row r="351083" spans="8:8">
      <c r="H351083" s="12"/>
    </row>
    <row r="351084" spans="8:8">
      <c r="H351084" s="12"/>
    </row>
    <row r="351085" spans="8:8">
      <c r="H351085" s="12"/>
    </row>
    <row r="351086" spans="8:8">
      <c r="H351086" s="12"/>
    </row>
    <row r="351087" spans="8:8">
      <c r="H351087" s="12"/>
    </row>
    <row r="351088" spans="8:8">
      <c r="H351088" s="12"/>
    </row>
    <row r="351089" spans="8:8">
      <c r="H351089" s="12"/>
    </row>
    <row r="351090" spans="8:8">
      <c r="H351090" s="12"/>
    </row>
    <row r="351091" spans="8:8">
      <c r="H351091" s="12"/>
    </row>
    <row r="351092" spans="8:8">
      <c r="H351092" s="12"/>
    </row>
    <row r="351093" spans="8:8">
      <c r="H351093" s="12"/>
    </row>
    <row r="351094" spans="8:8">
      <c r="H351094" s="12"/>
    </row>
    <row r="351095" spans="8:8">
      <c r="H351095" s="12"/>
    </row>
    <row r="351096" spans="8:8">
      <c r="H351096" s="12"/>
    </row>
    <row r="351097" spans="8:8">
      <c r="H351097" s="12"/>
    </row>
    <row r="351098" spans="8:8">
      <c r="H351098" s="12"/>
    </row>
    <row r="351099" spans="8:8">
      <c r="H351099" s="12"/>
    </row>
    <row r="351100" spans="8:8">
      <c r="H351100" s="12"/>
    </row>
    <row r="351101" spans="8:8">
      <c r="H351101" s="12"/>
    </row>
    <row r="351102" spans="8:8">
      <c r="H351102" s="12"/>
    </row>
    <row r="351103" spans="8:8">
      <c r="H351103" s="12"/>
    </row>
    <row r="351104" spans="8:8">
      <c r="H351104" s="12"/>
    </row>
    <row r="351105" spans="8:8">
      <c r="H351105" s="12"/>
    </row>
    <row r="351106" spans="8:8">
      <c r="H351106" s="12"/>
    </row>
    <row r="351107" spans="8:8">
      <c r="H351107" s="12"/>
    </row>
    <row r="351108" spans="8:8">
      <c r="H351108" s="12"/>
    </row>
    <row r="351109" spans="8:8">
      <c r="H351109" s="12"/>
    </row>
    <row r="351110" spans="8:8">
      <c r="H351110" s="12"/>
    </row>
    <row r="351111" spans="8:8">
      <c r="H351111" s="12"/>
    </row>
    <row r="351112" spans="8:8">
      <c r="H351112" s="12"/>
    </row>
    <row r="351113" spans="8:8">
      <c r="H351113" s="12"/>
    </row>
    <row r="351114" spans="8:8">
      <c r="H351114" s="12"/>
    </row>
    <row r="351115" spans="8:8">
      <c r="H351115" s="12"/>
    </row>
    <row r="351116" spans="8:8">
      <c r="H351116" s="12"/>
    </row>
    <row r="351117" spans="8:8">
      <c r="H351117" s="12"/>
    </row>
    <row r="351118" spans="8:8">
      <c r="H351118" s="12"/>
    </row>
    <row r="351119" spans="8:8">
      <c r="H351119" s="12"/>
    </row>
    <row r="351120" spans="8:8">
      <c r="H351120" s="12"/>
    </row>
    <row r="351121" spans="8:8">
      <c r="H351121" s="12"/>
    </row>
    <row r="351122" spans="8:8">
      <c r="H351122" s="12"/>
    </row>
    <row r="351123" spans="8:8">
      <c r="H351123" s="12"/>
    </row>
    <row r="351124" spans="8:8">
      <c r="H351124" s="12"/>
    </row>
    <row r="351125" spans="8:8">
      <c r="H351125" s="12"/>
    </row>
    <row r="351126" spans="8:8">
      <c r="H351126" s="12"/>
    </row>
    <row r="351127" spans="8:8">
      <c r="H351127" s="12"/>
    </row>
    <row r="351128" spans="8:8">
      <c r="H351128" s="12"/>
    </row>
    <row r="351129" spans="8:8">
      <c r="H351129" s="12"/>
    </row>
    <row r="351130" spans="8:8">
      <c r="H351130" s="12"/>
    </row>
    <row r="351131" spans="8:8">
      <c r="H351131" s="12"/>
    </row>
    <row r="351132" spans="8:8">
      <c r="H351132" s="12"/>
    </row>
    <row r="351133" spans="8:8">
      <c r="H351133" s="12"/>
    </row>
    <row r="351134" spans="8:8">
      <c r="H351134" s="12"/>
    </row>
    <row r="351135" spans="8:8">
      <c r="H351135" s="12"/>
    </row>
    <row r="351136" spans="8:8">
      <c r="H351136" s="12"/>
    </row>
    <row r="351137" spans="8:8">
      <c r="H351137" s="12"/>
    </row>
    <row r="351138" spans="8:8">
      <c r="H351138" s="12"/>
    </row>
    <row r="351139" spans="8:8">
      <c r="H351139" s="12"/>
    </row>
    <row r="351140" spans="8:8">
      <c r="H351140" s="12"/>
    </row>
    <row r="351141" spans="8:8">
      <c r="H351141" s="12"/>
    </row>
    <row r="351142" spans="8:8">
      <c r="H351142" s="12"/>
    </row>
    <row r="351143" spans="8:8">
      <c r="H351143" s="12"/>
    </row>
    <row r="351144" spans="8:8">
      <c r="H351144" s="12"/>
    </row>
    <row r="351145" spans="8:8">
      <c r="H351145" s="12"/>
    </row>
    <row r="351146" spans="8:8">
      <c r="H351146" s="12"/>
    </row>
    <row r="351147" spans="8:8">
      <c r="H351147" s="12"/>
    </row>
    <row r="351148" spans="8:8">
      <c r="H351148" s="12"/>
    </row>
    <row r="351149" spans="8:8">
      <c r="H351149" s="12"/>
    </row>
    <row r="351150" spans="8:8">
      <c r="H351150" s="12"/>
    </row>
    <row r="351151" spans="8:8">
      <c r="H351151" s="12"/>
    </row>
    <row r="351152" spans="8:8">
      <c r="H351152" s="12"/>
    </row>
    <row r="351153" spans="8:8">
      <c r="H351153" s="12"/>
    </row>
    <row r="351154" spans="8:8">
      <c r="H351154" s="12"/>
    </row>
    <row r="351155" spans="8:8">
      <c r="H351155" s="12"/>
    </row>
    <row r="351156" spans="8:8">
      <c r="H351156" s="12"/>
    </row>
    <row r="351157" spans="8:8">
      <c r="H351157" s="12"/>
    </row>
    <row r="351158" spans="8:8">
      <c r="H351158" s="12"/>
    </row>
    <row r="351159" spans="8:8">
      <c r="H351159" s="12"/>
    </row>
    <row r="351160" spans="8:8">
      <c r="H351160" s="12"/>
    </row>
    <row r="351161" spans="8:8">
      <c r="H351161" s="12"/>
    </row>
    <row r="351162" spans="8:8">
      <c r="H351162" s="12"/>
    </row>
    <row r="351163" spans="8:8">
      <c r="H351163" s="12"/>
    </row>
    <row r="351164" spans="8:8">
      <c r="H351164" s="12"/>
    </row>
    <row r="351165" spans="8:8">
      <c r="H351165" s="12"/>
    </row>
    <row r="351166" spans="8:8">
      <c r="H351166" s="12"/>
    </row>
    <row r="351167" spans="8:8">
      <c r="H351167" s="12"/>
    </row>
    <row r="351168" spans="8:8">
      <c r="H351168" s="12"/>
    </row>
    <row r="351169" spans="8:8">
      <c r="H351169" s="12"/>
    </row>
    <row r="351170" spans="8:8">
      <c r="H351170" s="12"/>
    </row>
    <row r="351171" spans="8:8">
      <c r="H351171" s="12"/>
    </row>
    <row r="351172" spans="8:8">
      <c r="H351172" s="12"/>
    </row>
    <row r="351173" spans="8:8">
      <c r="H351173" s="12"/>
    </row>
    <row r="351174" spans="8:8">
      <c r="H351174" s="12"/>
    </row>
    <row r="351175" spans="8:8">
      <c r="H351175" s="12"/>
    </row>
    <row r="351176" spans="8:8">
      <c r="H351176" s="12"/>
    </row>
    <row r="351177" spans="8:8">
      <c r="H351177" s="12"/>
    </row>
    <row r="351178" spans="8:8">
      <c r="H351178" s="12"/>
    </row>
    <row r="351179" spans="8:8">
      <c r="H351179" s="12"/>
    </row>
    <row r="351180" spans="8:8">
      <c r="H351180" s="12"/>
    </row>
    <row r="351181" spans="8:8">
      <c r="H351181" s="12"/>
    </row>
    <row r="351182" spans="8:8">
      <c r="H351182" s="12"/>
    </row>
    <row r="351183" spans="8:8">
      <c r="H351183" s="12"/>
    </row>
    <row r="351184" spans="8:8">
      <c r="H351184" s="12"/>
    </row>
    <row r="351185" spans="8:8">
      <c r="H351185" s="12"/>
    </row>
    <row r="351186" spans="8:8">
      <c r="H351186" s="12"/>
    </row>
    <row r="351187" spans="8:8">
      <c r="H351187" s="12"/>
    </row>
    <row r="351188" spans="8:8">
      <c r="H351188" s="12"/>
    </row>
    <row r="351189" spans="8:8">
      <c r="H351189" s="12"/>
    </row>
    <row r="351190" spans="8:8">
      <c r="H351190" s="12"/>
    </row>
    <row r="351191" spans="8:8">
      <c r="H351191" s="12"/>
    </row>
    <row r="351192" spans="8:8">
      <c r="H351192" s="12"/>
    </row>
    <row r="351193" spans="8:8">
      <c r="H351193" s="12"/>
    </row>
    <row r="351194" spans="8:8">
      <c r="H351194" s="12"/>
    </row>
    <row r="351195" spans="8:8">
      <c r="H351195" s="12"/>
    </row>
    <row r="351196" spans="8:8">
      <c r="H351196" s="12"/>
    </row>
    <row r="351197" spans="8:8">
      <c r="H351197" s="12"/>
    </row>
    <row r="351198" spans="8:8">
      <c r="H351198" s="12"/>
    </row>
    <row r="351199" spans="8:8">
      <c r="H351199" s="12"/>
    </row>
    <row r="351200" spans="8:8">
      <c r="H351200" s="12"/>
    </row>
    <row r="351201" spans="8:8">
      <c r="H351201" s="12"/>
    </row>
    <row r="351202" spans="8:8">
      <c r="H351202" s="12"/>
    </row>
    <row r="351203" spans="8:8">
      <c r="H351203" s="12"/>
    </row>
    <row r="351204" spans="8:8">
      <c r="H351204" s="12"/>
    </row>
    <row r="351205" spans="8:8">
      <c r="H351205" s="12"/>
    </row>
    <row r="351206" spans="8:8">
      <c r="H351206" s="12"/>
    </row>
    <row r="351207" spans="8:8">
      <c r="H351207" s="12"/>
    </row>
    <row r="351208" spans="8:8">
      <c r="H351208" s="12"/>
    </row>
    <row r="351209" spans="8:8">
      <c r="H351209" s="12"/>
    </row>
    <row r="351210" spans="8:8">
      <c r="H351210" s="12"/>
    </row>
    <row r="351211" spans="8:8">
      <c r="H351211" s="12"/>
    </row>
    <row r="351212" spans="8:8">
      <c r="H351212" s="12"/>
    </row>
    <row r="351213" spans="8:8">
      <c r="H351213" s="12"/>
    </row>
    <row r="351214" spans="8:8">
      <c r="H351214" s="12"/>
    </row>
    <row r="351215" spans="8:8">
      <c r="H351215" s="12"/>
    </row>
    <row r="351216" spans="8:8">
      <c r="H351216" s="12"/>
    </row>
    <row r="351217" spans="8:8">
      <c r="H351217" s="12"/>
    </row>
    <row r="351218" spans="8:8">
      <c r="H351218" s="12"/>
    </row>
    <row r="351219" spans="8:8">
      <c r="H351219" s="12"/>
    </row>
    <row r="351220" spans="8:8">
      <c r="H351220" s="12"/>
    </row>
    <row r="351221" spans="8:8">
      <c r="H351221" s="12"/>
    </row>
    <row r="351222" spans="8:8">
      <c r="H351222" s="12"/>
    </row>
    <row r="351223" spans="8:8">
      <c r="H351223" s="12"/>
    </row>
    <row r="351224" spans="8:8">
      <c r="H351224" s="12"/>
    </row>
    <row r="351225" spans="8:8">
      <c r="H351225" s="12"/>
    </row>
    <row r="351226" spans="8:8">
      <c r="H351226" s="12"/>
    </row>
    <row r="351227" spans="8:8">
      <c r="H351227" s="12"/>
    </row>
    <row r="351228" spans="8:8">
      <c r="H351228" s="12"/>
    </row>
    <row r="351229" spans="8:8">
      <c r="H351229" s="12"/>
    </row>
    <row r="351230" spans="8:8">
      <c r="H351230" s="12"/>
    </row>
    <row r="351231" spans="8:8">
      <c r="H351231" s="12"/>
    </row>
    <row r="351232" spans="8:8">
      <c r="H351232" s="12"/>
    </row>
    <row r="351233" spans="8:8">
      <c r="H351233" s="12"/>
    </row>
    <row r="351234" spans="8:8">
      <c r="H351234" s="12"/>
    </row>
    <row r="351235" spans="8:8">
      <c r="H351235" s="12"/>
    </row>
    <row r="351236" spans="8:8">
      <c r="H351236" s="12"/>
    </row>
    <row r="351237" spans="8:8">
      <c r="H351237" s="12"/>
    </row>
    <row r="351238" spans="8:8">
      <c r="H351238" s="12"/>
    </row>
    <row r="351239" spans="8:8">
      <c r="H351239" s="12"/>
    </row>
    <row r="351240" spans="8:8">
      <c r="H351240" s="12"/>
    </row>
    <row r="351241" spans="8:8">
      <c r="H351241" s="12"/>
    </row>
    <row r="351242" spans="8:8">
      <c r="H351242" s="12"/>
    </row>
    <row r="351243" spans="8:8">
      <c r="H351243" s="12"/>
    </row>
    <row r="351244" spans="8:8">
      <c r="H351244" s="12"/>
    </row>
    <row r="351245" spans="8:8">
      <c r="H351245" s="12"/>
    </row>
    <row r="351246" spans="8:8">
      <c r="H351246" s="12"/>
    </row>
    <row r="351247" spans="8:8">
      <c r="H351247" s="12"/>
    </row>
    <row r="351248" spans="8:8">
      <c r="H351248" s="12"/>
    </row>
    <row r="351249" spans="8:8">
      <c r="H351249" s="12"/>
    </row>
    <row r="351250" spans="8:8">
      <c r="H351250" s="12"/>
    </row>
    <row r="351251" spans="8:8">
      <c r="H351251" s="12"/>
    </row>
    <row r="351252" spans="8:8">
      <c r="H351252" s="12"/>
    </row>
    <row r="351253" spans="8:8">
      <c r="H351253" s="12"/>
    </row>
    <row r="351254" spans="8:8">
      <c r="H351254" s="12"/>
    </row>
    <row r="351255" spans="8:8">
      <c r="H351255" s="12"/>
    </row>
    <row r="351256" spans="8:8">
      <c r="H351256" s="12"/>
    </row>
    <row r="351257" spans="8:8">
      <c r="H351257" s="12"/>
    </row>
    <row r="351258" spans="8:8">
      <c r="H351258" s="12"/>
    </row>
    <row r="351259" spans="8:8">
      <c r="H351259" s="12"/>
    </row>
    <row r="351260" spans="8:8">
      <c r="H351260" s="12"/>
    </row>
    <row r="351261" spans="8:8">
      <c r="H351261" s="12"/>
    </row>
    <row r="351262" spans="8:8">
      <c r="H351262" s="12"/>
    </row>
    <row r="351263" spans="8:8">
      <c r="H351263" s="12"/>
    </row>
    <row r="351264" spans="8:8">
      <c r="H351264" s="12"/>
    </row>
    <row r="351265" spans="8:8">
      <c r="H351265" s="12"/>
    </row>
    <row r="351266" spans="8:8">
      <c r="H351266" s="12"/>
    </row>
    <row r="351267" spans="8:8">
      <c r="H351267" s="12"/>
    </row>
    <row r="351268" spans="8:8">
      <c r="H351268" s="12"/>
    </row>
    <row r="351269" spans="8:8">
      <c r="H351269" s="12"/>
    </row>
    <row r="351270" spans="8:8">
      <c r="H351270" s="12"/>
    </row>
    <row r="351271" spans="8:8">
      <c r="H351271" s="12"/>
    </row>
    <row r="351272" spans="8:8">
      <c r="H351272" s="12"/>
    </row>
    <row r="351273" spans="8:8">
      <c r="H351273" s="12"/>
    </row>
    <row r="351274" spans="8:8">
      <c r="H351274" s="12"/>
    </row>
    <row r="351275" spans="8:8">
      <c r="H351275" s="12"/>
    </row>
    <row r="351276" spans="8:8">
      <c r="H351276" s="12"/>
    </row>
    <row r="351277" spans="8:8">
      <c r="H351277" s="12"/>
    </row>
    <row r="351278" spans="8:8">
      <c r="H351278" s="12"/>
    </row>
    <row r="351279" spans="8:8">
      <c r="H351279" s="12"/>
    </row>
    <row r="351280" spans="8:8">
      <c r="H351280" s="12"/>
    </row>
    <row r="351281" spans="8:8">
      <c r="H351281" s="12"/>
    </row>
    <row r="351282" spans="8:8">
      <c r="H351282" s="12"/>
    </row>
    <row r="351283" spans="8:8">
      <c r="H351283" s="12"/>
    </row>
    <row r="351284" spans="8:8">
      <c r="H351284" s="12"/>
    </row>
    <row r="351285" spans="8:8">
      <c r="H351285" s="12"/>
    </row>
    <row r="351286" spans="8:8">
      <c r="H351286" s="12"/>
    </row>
    <row r="351287" spans="8:8">
      <c r="H351287" s="12"/>
    </row>
    <row r="351288" spans="8:8">
      <c r="H351288" s="12"/>
    </row>
    <row r="351289" spans="8:8">
      <c r="H351289" s="12"/>
    </row>
    <row r="351290" spans="8:8">
      <c r="H351290" s="12"/>
    </row>
    <row r="351291" spans="8:8">
      <c r="H351291" s="12"/>
    </row>
    <row r="351292" spans="8:8">
      <c r="H351292" s="12"/>
    </row>
    <row r="351293" spans="8:8">
      <c r="H351293" s="12"/>
    </row>
    <row r="351294" spans="8:8">
      <c r="H351294" s="12"/>
    </row>
    <row r="351295" spans="8:8">
      <c r="H351295" s="12"/>
    </row>
    <row r="351296" spans="8:8">
      <c r="H351296" s="12"/>
    </row>
    <row r="351297" spans="8:8">
      <c r="H351297" s="12"/>
    </row>
    <row r="351298" spans="8:8">
      <c r="H351298" s="12"/>
    </row>
    <row r="351299" spans="8:8">
      <c r="H351299" s="12"/>
    </row>
    <row r="351300" spans="8:8">
      <c r="H351300" s="12"/>
    </row>
    <row r="351301" spans="8:8">
      <c r="H351301" s="12"/>
    </row>
    <row r="351302" spans="8:8">
      <c r="H351302" s="12"/>
    </row>
    <row r="351303" spans="8:8">
      <c r="H351303" s="12"/>
    </row>
    <row r="351304" spans="8:8">
      <c r="H351304" s="12"/>
    </row>
    <row r="351305" spans="8:8">
      <c r="H351305" s="12"/>
    </row>
    <row r="351306" spans="8:8">
      <c r="H351306" s="12"/>
    </row>
    <row r="351307" spans="8:8">
      <c r="H351307" s="12"/>
    </row>
    <row r="351308" spans="8:8">
      <c r="H351308" s="12"/>
    </row>
    <row r="351309" spans="8:8">
      <c r="H351309" s="12"/>
    </row>
    <row r="351310" spans="8:8">
      <c r="H351310" s="12"/>
    </row>
    <row r="351311" spans="8:8">
      <c r="H351311" s="12"/>
    </row>
    <row r="351312" spans="8:8">
      <c r="H351312" s="12"/>
    </row>
    <row r="351313" spans="8:8">
      <c r="H351313" s="12"/>
    </row>
    <row r="351314" spans="8:8">
      <c r="H351314" s="12"/>
    </row>
    <row r="351315" spans="8:8">
      <c r="H351315" s="12"/>
    </row>
    <row r="351316" spans="8:8">
      <c r="H351316" s="12"/>
    </row>
    <row r="351317" spans="8:8">
      <c r="H351317" s="12"/>
    </row>
    <row r="351318" spans="8:8">
      <c r="H351318" s="12"/>
    </row>
    <row r="351319" spans="8:8">
      <c r="H351319" s="12"/>
    </row>
    <row r="351320" spans="8:8">
      <c r="H351320" s="12"/>
    </row>
    <row r="351321" spans="8:8">
      <c r="H351321" s="12"/>
    </row>
    <row r="351322" spans="8:8">
      <c r="H351322" s="12"/>
    </row>
    <row r="351323" spans="8:8">
      <c r="H351323" s="12"/>
    </row>
    <row r="351324" spans="8:8">
      <c r="H351324" s="12"/>
    </row>
    <row r="351325" spans="8:8">
      <c r="H351325" s="12"/>
    </row>
    <row r="351326" spans="8:8">
      <c r="H351326" s="12"/>
    </row>
    <row r="351327" spans="8:8">
      <c r="H351327" s="12"/>
    </row>
    <row r="351328" spans="8:8">
      <c r="H351328" s="12"/>
    </row>
    <row r="351329" spans="8:8">
      <c r="H351329" s="12"/>
    </row>
    <row r="351330" spans="8:8">
      <c r="H351330" s="12"/>
    </row>
    <row r="351331" spans="8:8">
      <c r="H351331" s="12"/>
    </row>
    <row r="351332" spans="8:8">
      <c r="H351332" s="12"/>
    </row>
    <row r="351333" spans="8:8">
      <c r="H351333" s="12"/>
    </row>
    <row r="351334" spans="8:8">
      <c r="H351334" s="12"/>
    </row>
    <row r="351335" spans="8:8">
      <c r="H351335" s="12"/>
    </row>
    <row r="351336" spans="8:8">
      <c r="H351336" s="12"/>
    </row>
    <row r="351337" spans="8:8">
      <c r="H351337" s="12"/>
    </row>
    <row r="351338" spans="8:8">
      <c r="H351338" s="12"/>
    </row>
    <row r="351339" spans="8:8">
      <c r="H351339" s="12"/>
    </row>
    <row r="351340" spans="8:8">
      <c r="H351340" s="12"/>
    </row>
    <row r="351341" spans="8:8">
      <c r="H351341" s="12"/>
    </row>
    <row r="351342" spans="8:8">
      <c r="H351342" s="12"/>
    </row>
    <row r="351343" spans="8:8">
      <c r="H351343" s="12"/>
    </row>
    <row r="351344" spans="8:8">
      <c r="H351344" s="12"/>
    </row>
    <row r="351345" spans="8:8">
      <c r="H351345" s="12"/>
    </row>
    <row r="351346" spans="8:8">
      <c r="H351346" s="12"/>
    </row>
    <row r="351347" spans="8:8">
      <c r="H351347" s="12"/>
    </row>
    <row r="351348" spans="8:8">
      <c r="H351348" s="12"/>
    </row>
    <row r="351349" spans="8:8">
      <c r="H351349" s="12"/>
    </row>
    <row r="351350" spans="8:8">
      <c r="H351350" s="12"/>
    </row>
    <row r="351351" spans="8:8">
      <c r="H351351" s="12"/>
    </row>
    <row r="351352" spans="8:8">
      <c r="H351352" s="12"/>
    </row>
    <row r="351353" spans="8:8">
      <c r="H351353" s="12"/>
    </row>
    <row r="351354" spans="8:8">
      <c r="H351354" s="12"/>
    </row>
    <row r="351355" spans="8:8">
      <c r="H351355" s="12"/>
    </row>
    <row r="351356" spans="8:8">
      <c r="H351356" s="12"/>
    </row>
    <row r="351357" spans="8:8">
      <c r="H351357" s="12"/>
    </row>
    <row r="351358" spans="8:8">
      <c r="H351358" s="12"/>
    </row>
    <row r="351359" spans="8:8">
      <c r="H351359" s="12"/>
    </row>
    <row r="351360" spans="8:8">
      <c r="H351360" s="12"/>
    </row>
    <row r="351361" spans="8:8">
      <c r="H351361" s="12"/>
    </row>
    <row r="351362" spans="8:8">
      <c r="H351362" s="12"/>
    </row>
    <row r="351363" spans="8:8">
      <c r="H351363" s="12"/>
    </row>
    <row r="351364" spans="8:8">
      <c r="H351364" s="12"/>
    </row>
    <row r="351365" spans="8:8">
      <c r="H351365" s="12"/>
    </row>
    <row r="351366" spans="8:8">
      <c r="H351366" s="12"/>
    </row>
    <row r="351367" spans="8:8">
      <c r="H351367" s="12"/>
    </row>
    <row r="351368" spans="8:8">
      <c r="H351368" s="12"/>
    </row>
    <row r="351369" spans="8:8">
      <c r="H351369" s="12"/>
    </row>
    <row r="351370" spans="8:8">
      <c r="H351370" s="12"/>
    </row>
    <row r="351371" spans="8:8">
      <c r="H351371" s="12"/>
    </row>
    <row r="351372" spans="8:8">
      <c r="H351372" s="12"/>
    </row>
    <row r="351373" spans="8:8">
      <c r="H351373" s="12"/>
    </row>
    <row r="351374" spans="8:8">
      <c r="H351374" s="12"/>
    </row>
    <row r="351375" spans="8:8">
      <c r="H351375" s="12"/>
    </row>
    <row r="351376" spans="8:8">
      <c r="H351376" s="12"/>
    </row>
    <row r="351377" spans="8:8">
      <c r="H351377" s="12"/>
    </row>
    <row r="351378" spans="8:8">
      <c r="H351378" s="12"/>
    </row>
    <row r="351379" spans="8:8">
      <c r="H351379" s="12"/>
    </row>
    <row r="351380" spans="8:8">
      <c r="H351380" s="12"/>
    </row>
    <row r="351381" spans="8:8">
      <c r="H351381" s="12"/>
    </row>
    <row r="351382" spans="8:8">
      <c r="H351382" s="12"/>
    </row>
    <row r="351383" spans="8:8">
      <c r="H351383" s="12"/>
    </row>
    <row r="351384" spans="8:8">
      <c r="H351384" s="12"/>
    </row>
    <row r="351385" spans="8:8">
      <c r="H351385" s="12"/>
    </row>
    <row r="351386" spans="8:8">
      <c r="H351386" s="12"/>
    </row>
    <row r="351387" spans="8:8">
      <c r="H351387" s="12"/>
    </row>
    <row r="351388" spans="8:8">
      <c r="H351388" s="12"/>
    </row>
    <row r="351389" spans="8:8">
      <c r="H351389" s="12"/>
    </row>
    <row r="351390" spans="8:8">
      <c r="H351390" s="12"/>
    </row>
    <row r="351391" spans="8:8">
      <c r="H351391" s="12"/>
    </row>
    <row r="351392" spans="8:8">
      <c r="H351392" s="12"/>
    </row>
    <row r="351393" spans="8:8">
      <c r="H351393" s="12"/>
    </row>
    <row r="351394" spans="8:8">
      <c r="H351394" s="12"/>
    </row>
    <row r="351395" spans="8:8">
      <c r="H351395" s="12"/>
    </row>
    <row r="351396" spans="8:8">
      <c r="H351396" s="12"/>
    </row>
    <row r="351397" spans="8:8">
      <c r="H351397" s="12"/>
    </row>
    <row r="351398" spans="8:8">
      <c r="H351398" s="12"/>
    </row>
    <row r="351399" spans="8:8">
      <c r="H351399" s="12"/>
    </row>
    <row r="351400" spans="8:8">
      <c r="H351400" s="12"/>
    </row>
    <row r="351401" spans="8:8">
      <c r="H351401" s="12"/>
    </row>
    <row r="351402" spans="8:8">
      <c r="H351402" s="12"/>
    </row>
    <row r="351403" spans="8:8">
      <c r="H351403" s="12"/>
    </row>
    <row r="351404" spans="8:8">
      <c r="H351404" s="12"/>
    </row>
    <row r="351405" spans="8:8">
      <c r="H351405" s="12"/>
    </row>
    <row r="351406" spans="8:8">
      <c r="H351406" s="12"/>
    </row>
    <row r="351407" spans="8:8">
      <c r="H351407" s="12"/>
    </row>
    <row r="351408" spans="8:8">
      <c r="H351408" s="12"/>
    </row>
    <row r="351409" spans="8:8">
      <c r="H351409" s="12"/>
    </row>
    <row r="351410" spans="8:8">
      <c r="H351410" s="12"/>
    </row>
    <row r="351411" spans="8:8">
      <c r="H351411" s="12"/>
    </row>
    <row r="351412" spans="8:8">
      <c r="H351412" s="12"/>
    </row>
    <row r="351413" spans="8:8">
      <c r="H351413" s="12"/>
    </row>
    <row r="351414" spans="8:8">
      <c r="H351414" s="12"/>
    </row>
    <row r="351415" spans="8:8">
      <c r="H351415" s="12"/>
    </row>
    <row r="351416" spans="8:8">
      <c r="H351416" s="12"/>
    </row>
    <row r="351417" spans="8:8">
      <c r="H351417" s="12"/>
    </row>
    <row r="351418" spans="8:8">
      <c r="H351418" s="12"/>
    </row>
    <row r="351419" spans="8:8">
      <c r="H351419" s="12"/>
    </row>
    <row r="351420" spans="8:8">
      <c r="H351420" s="12"/>
    </row>
    <row r="351421" spans="8:8">
      <c r="H351421" s="12"/>
    </row>
    <row r="351422" spans="8:8">
      <c r="H351422" s="12"/>
    </row>
    <row r="351423" spans="8:8">
      <c r="H351423" s="12"/>
    </row>
    <row r="351424" spans="8:8">
      <c r="H351424" s="12"/>
    </row>
    <row r="351425" spans="8:8">
      <c r="H351425" s="12"/>
    </row>
    <row r="351426" spans="8:8">
      <c r="H351426" s="12"/>
    </row>
    <row r="351427" spans="8:8">
      <c r="H351427" s="12"/>
    </row>
    <row r="351428" spans="8:8">
      <c r="H351428" s="12"/>
    </row>
    <row r="351429" spans="8:8">
      <c r="H351429" s="12"/>
    </row>
    <row r="351430" spans="8:8">
      <c r="H351430" s="12"/>
    </row>
    <row r="351431" spans="8:8">
      <c r="H351431" s="12"/>
    </row>
    <row r="351432" spans="8:8">
      <c r="H351432" s="12"/>
    </row>
    <row r="351433" spans="8:8">
      <c r="H351433" s="12"/>
    </row>
    <row r="351434" spans="8:8">
      <c r="H351434" s="12"/>
    </row>
    <row r="351435" spans="8:8">
      <c r="H351435" s="12"/>
    </row>
    <row r="351436" spans="8:8">
      <c r="H351436" s="12"/>
    </row>
    <row r="351437" spans="8:8">
      <c r="H351437" s="12"/>
    </row>
    <row r="351438" spans="8:8">
      <c r="H351438" s="12"/>
    </row>
    <row r="351439" spans="8:8">
      <c r="H351439" s="12"/>
    </row>
    <row r="351440" spans="8:8">
      <c r="H351440" s="12"/>
    </row>
    <row r="351441" spans="8:8">
      <c r="H351441" s="12"/>
    </row>
    <row r="351442" spans="8:8">
      <c r="H351442" s="12"/>
    </row>
    <row r="351443" spans="8:8">
      <c r="H351443" s="12"/>
    </row>
    <row r="351444" spans="8:8">
      <c r="H351444" s="12"/>
    </row>
    <row r="351445" spans="8:8">
      <c r="H351445" s="12"/>
    </row>
    <row r="351446" spans="8:8">
      <c r="H351446" s="12"/>
    </row>
    <row r="351447" spans="8:8">
      <c r="H351447" s="12"/>
    </row>
    <row r="351448" spans="8:8">
      <c r="H351448" s="12"/>
    </row>
    <row r="351449" spans="8:8">
      <c r="H351449" s="12"/>
    </row>
    <row r="351450" spans="8:8">
      <c r="H351450" s="12"/>
    </row>
    <row r="351451" spans="8:8">
      <c r="H351451" s="12"/>
    </row>
    <row r="351452" spans="8:8">
      <c r="H351452" s="12"/>
    </row>
    <row r="351453" spans="8:8">
      <c r="H351453" s="12"/>
    </row>
    <row r="351454" spans="8:8">
      <c r="H351454" s="12"/>
    </row>
    <row r="351455" spans="8:8">
      <c r="H351455" s="12"/>
    </row>
    <row r="351456" spans="8:8">
      <c r="H351456" s="12"/>
    </row>
    <row r="351457" spans="8:8">
      <c r="H351457" s="12"/>
    </row>
    <row r="351458" spans="8:8">
      <c r="H351458" s="12"/>
    </row>
    <row r="351459" spans="8:8">
      <c r="H351459" s="12"/>
    </row>
    <row r="351460" spans="8:8">
      <c r="H351460" s="12"/>
    </row>
    <row r="351461" spans="8:8">
      <c r="H351461" s="12"/>
    </row>
    <row r="351462" spans="8:8">
      <c r="H351462" s="12"/>
    </row>
    <row r="351463" spans="8:8">
      <c r="H351463" s="12"/>
    </row>
    <row r="351464" spans="8:8">
      <c r="H351464" s="12"/>
    </row>
    <row r="351465" spans="8:8">
      <c r="H351465" s="12"/>
    </row>
    <row r="351466" spans="8:8">
      <c r="H351466" s="12"/>
    </row>
    <row r="351467" spans="8:8">
      <c r="H351467" s="12"/>
    </row>
    <row r="351468" spans="8:8">
      <c r="H351468" s="12"/>
    </row>
    <row r="351469" spans="8:8">
      <c r="H351469" s="12"/>
    </row>
    <row r="351470" spans="8:8">
      <c r="H351470" s="12"/>
    </row>
    <row r="351471" spans="8:8">
      <c r="H351471" s="12"/>
    </row>
    <row r="351472" spans="8:8">
      <c r="H351472" s="12"/>
    </row>
    <row r="351473" spans="8:8">
      <c r="H351473" s="12"/>
    </row>
    <row r="351474" spans="8:8">
      <c r="H351474" s="12"/>
    </row>
    <row r="351475" spans="8:8">
      <c r="H351475" s="12"/>
    </row>
    <row r="351476" spans="8:8">
      <c r="H351476" s="12"/>
    </row>
    <row r="351477" spans="8:8">
      <c r="H351477" s="12"/>
    </row>
    <row r="351478" spans="8:8">
      <c r="H351478" s="12"/>
    </row>
    <row r="351479" spans="8:8">
      <c r="H351479" s="12"/>
    </row>
    <row r="351480" spans="8:8">
      <c r="H351480" s="12"/>
    </row>
    <row r="351481" spans="8:8">
      <c r="H351481" s="12"/>
    </row>
    <row r="351482" spans="8:8">
      <c r="H351482" s="12"/>
    </row>
    <row r="351483" spans="8:8">
      <c r="H351483" s="12"/>
    </row>
    <row r="351484" spans="8:8">
      <c r="H351484" s="12"/>
    </row>
    <row r="351485" spans="8:8">
      <c r="H351485" s="12"/>
    </row>
    <row r="351486" spans="8:8">
      <c r="H351486" s="12"/>
    </row>
    <row r="351487" spans="8:8">
      <c r="H351487" s="12"/>
    </row>
    <row r="351488" spans="8:8">
      <c r="H351488" s="12"/>
    </row>
    <row r="351489" spans="8:8">
      <c r="H351489" s="12"/>
    </row>
    <row r="351490" spans="8:8">
      <c r="H351490" s="12"/>
    </row>
    <row r="351491" spans="8:8">
      <c r="H351491" s="12"/>
    </row>
    <row r="351492" spans="8:8">
      <c r="H351492" s="12"/>
    </row>
    <row r="351493" spans="8:8">
      <c r="H351493" s="12"/>
    </row>
    <row r="351494" spans="8:8">
      <c r="H351494" s="12"/>
    </row>
    <row r="351495" spans="8:8">
      <c r="H351495" s="12"/>
    </row>
    <row r="351496" spans="8:8">
      <c r="H351496" s="12"/>
    </row>
    <row r="351497" spans="8:8">
      <c r="H351497" s="12"/>
    </row>
    <row r="351498" spans="8:8">
      <c r="H351498" s="12"/>
    </row>
    <row r="351499" spans="8:8">
      <c r="H351499" s="12"/>
    </row>
    <row r="351500" spans="8:8">
      <c r="H351500" s="12"/>
    </row>
    <row r="351501" spans="8:8">
      <c r="H351501" s="12"/>
    </row>
    <row r="351502" spans="8:8">
      <c r="H351502" s="12"/>
    </row>
    <row r="351503" spans="8:8">
      <c r="H351503" s="12"/>
    </row>
    <row r="351504" spans="8:8">
      <c r="H351504" s="12"/>
    </row>
    <row r="351505" spans="8:8">
      <c r="H351505" s="12"/>
    </row>
    <row r="351506" spans="8:8">
      <c r="H351506" s="12"/>
    </row>
    <row r="351507" spans="8:8">
      <c r="H351507" s="12"/>
    </row>
    <row r="351508" spans="8:8">
      <c r="H351508" s="12"/>
    </row>
    <row r="351509" spans="8:8">
      <c r="H351509" s="12"/>
    </row>
    <row r="351510" spans="8:8">
      <c r="H351510" s="12"/>
    </row>
    <row r="351511" spans="8:8">
      <c r="H351511" s="12"/>
    </row>
    <row r="351512" spans="8:8">
      <c r="H351512" s="12"/>
    </row>
    <row r="351513" spans="8:8">
      <c r="H351513" s="12"/>
    </row>
    <row r="351514" spans="8:8">
      <c r="H351514" s="12"/>
    </row>
    <row r="351515" spans="8:8">
      <c r="H351515" s="12"/>
    </row>
    <row r="351516" spans="8:8">
      <c r="H351516" s="12"/>
    </row>
    <row r="351517" spans="8:8">
      <c r="H351517" s="12"/>
    </row>
    <row r="351518" spans="8:8">
      <c r="H351518" s="12"/>
    </row>
    <row r="351519" spans="8:8">
      <c r="H351519" s="12"/>
    </row>
    <row r="351520" spans="8:8">
      <c r="H351520" s="12"/>
    </row>
    <row r="351521" spans="8:8">
      <c r="H351521" s="12"/>
    </row>
    <row r="351522" spans="8:8">
      <c r="H351522" s="12"/>
    </row>
    <row r="351523" spans="8:8">
      <c r="H351523" s="12"/>
    </row>
    <row r="351524" spans="8:8">
      <c r="H351524" s="12"/>
    </row>
    <row r="351525" spans="8:8">
      <c r="H351525" s="12"/>
    </row>
    <row r="351526" spans="8:8">
      <c r="H351526" s="12"/>
    </row>
    <row r="351527" spans="8:8">
      <c r="H351527" s="12"/>
    </row>
    <row r="351528" spans="8:8">
      <c r="H351528" s="12"/>
    </row>
    <row r="351529" spans="8:8">
      <c r="H351529" s="12"/>
    </row>
    <row r="351530" spans="8:8">
      <c r="H351530" s="12"/>
    </row>
    <row r="351531" spans="8:8">
      <c r="H351531" s="12"/>
    </row>
    <row r="351532" spans="8:8">
      <c r="H351532" s="12"/>
    </row>
    <row r="351533" spans="8:8">
      <c r="H351533" s="12"/>
    </row>
    <row r="351534" spans="8:8">
      <c r="H351534" s="12"/>
    </row>
    <row r="351535" spans="8:8">
      <c r="H351535" s="12"/>
    </row>
    <row r="351536" spans="8:8">
      <c r="H351536" s="12"/>
    </row>
    <row r="351537" spans="8:8">
      <c r="H351537" s="12"/>
    </row>
    <row r="351538" spans="8:8">
      <c r="H351538" s="12"/>
    </row>
    <row r="351539" spans="8:8">
      <c r="H351539" s="12"/>
    </row>
    <row r="351540" spans="8:8">
      <c r="H351540" s="12"/>
    </row>
    <row r="351541" spans="8:8">
      <c r="H351541" s="12"/>
    </row>
    <row r="351542" spans="8:8">
      <c r="H351542" s="12"/>
    </row>
    <row r="351543" spans="8:8">
      <c r="H351543" s="12"/>
    </row>
    <row r="351544" spans="8:8">
      <c r="H351544" s="12"/>
    </row>
    <row r="351545" spans="8:8">
      <c r="H351545" s="12"/>
    </row>
    <row r="351546" spans="8:8">
      <c r="H351546" s="12"/>
    </row>
    <row r="351547" spans="8:8">
      <c r="H351547" s="12"/>
    </row>
    <row r="351548" spans="8:8">
      <c r="H351548" s="12"/>
    </row>
    <row r="351549" spans="8:8">
      <c r="H351549" s="12"/>
    </row>
    <row r="351550" spans="8:8">
      <c r="H351550" s="12"/>
    </row>
    <row r="351551" spans="8:8">
      <c r="H351551" s="12"/>
    </row>
    <row r="351552" spans="8:8">
      <c r="H351552" s="12"/>
    </row>
    <row r="351553" spans="8:8">
      <c r="H351553" s="12"/>
    </row>
    <row r="351554" spans="8:8">
      <c r="H351554" s="12"/>
    </row>
    <row r="351555" spans="8:8">
      <c r="H351555" s="12"/>
    </row>
    <row r="351556" spans="8:8">
      <c r="H351556" s="12"/>
    </row>
    <row r="351557" spans="8:8">
      <c r="H351557" s="12"/>
    </row>
    <row r="351558" spans="8:8">
      <c r="H351558" s="12"/>
    </row>
    <row r="351559" spans="8:8">
      <c r="H351559" s="12"/>
    </row>
    <row r="351560" spans="8:8">
      <c r="H351560" s="12"/>
    </row>
    <row r="351561" spans="8:8">
      <c r="H351561" s="12"/>
    </row>
    <row r="351562" spans="8:8">
      <c r="H351562" s="12"/>
    </row>
    <row r="351563" spans="8:8">
      <c r="H351563" s="12"/>
    </row>
    <row r="351564" spans="8:8">
      <c r="H351564" s="12"/>
    </row>
    <row r="351565" spans="8:8">
      <c r="H351565" s="12"/>
    </row>
    <row r="351566" spans="8:8">
      <c r="H351566" s="12"/>
    </row>
    <row r="351567" spans="8:8">
      <c r="H351567" s="12"/>
    </row>
    <row r="351568" spans="8:8">
      <c r="H351568" s="12"/>
    </row>
    <row r="351569" spans="8:8">
      <c r="H351569" s="12"/>
    </row>
    <row r="351570" spans="8:8">
      <c r="H351570" s="12"/>
    </row>
    <row r="351571" spans="8:8">
      <c r="H351571" s="12"/>
    </row>
    <row r="351572" spans="8:8">
      <c r="H351572" s="12"/>
    </row>
    <row r="351573" spans="8:8">
      <c r="H351573" s="12"/>
    </row>
    <row r="351574" spans="8:8">
      <c r="H351574" s="12"/>
    </row>
    <row r="351575" spans="8:8">
      <c r="H351575" s="12"/>
    </row>
    <row r="351576" spans="8:8">
      <c r="H351576" s="12"/>
    </row>
    <row r="351577" spans="8:8">
      <c r="H351577" s="12"/>
    </row>
    <row r="351578" spans="8:8">
      <c r="H351578" s="12"/>
    </row>
    <row r="351579" spans="8:8">
      <c r="H351579" s="12"/>
    </row>
    <row r="351580" spans="8:8">
      <c r="H351580" s="12"/>
    </row>
    <row r="351581" spans="8:8">
      <c r="H351581" s="12"/>
    </row>
    <row r="351582" spans="8:8">
      <c r="H351582" s="12"/>
    </row>
    <row r="351583" spans="8:8">
      <c r="H351583" s="12"/>
    </row>
    <row r="351584" spans="8:8">
      <c r="H351584" s="12"/>
    </row>
    <row r="351585" spans="8:8">
      <c r="H351585" s="12"/>
    </row>
    <row r="351586" spans="8:8">
      <c r="H351586" s="12"/>
    </row>
    <row r="351587" spans="8:8">
      <c r="H351587" s="12"/>
    </row>
    <row r="351588" spans="8:8">
      <c r="H351588" s="12"/>
    </row>
    <row r="351589" spans="8:8">
      <c r="H351589" s="12"/>
    </row>
    <row r="351590" spans="8:8">
      <c r="H351590" s="12"/>
    </row>
    <row r="351591" spans="8:8">
      <c r="H351591" s="12"/>
    </row>
    <row r="351592" spans="8:8">
      <c r="H351592" s="12"/>
    </row>
    <row r="351593" spans="8:8">
      <c r="H351593" s="12"/>
    </row>
    <row r="351594" spans="8:8">
      <c r="H351594" s="12"/>
    </row>
    <row r="351595" spans="8:8">
      <c r="H351595" s="12"/>
    </row>
    <row r="351596" spans="8:8">
      <c r="H351596" s="12"/>
    </row>
    <row r="351597" spans="8:8">
      <c r="H351597" s="12"/>
    </row>
    <row r="351598" spans="8:8">
      <c r="H351598" s="12"/>
    </row>
    <row r="351599" spans="8:8">
      <c r="H351599" s="12"/>
    </row>
    <row r="351600" spans="8:8">
      <c r="H351600" s="12"/>
    </row>
    <row r="351601" spans="8:8">
      <c r="H351601" s="12"/>
    </row>
    <row r="351602" spans="8:8">
      <c r="H351602" s="12"/>
    </row>
    <row r="351603" spans="8:8">
      <c r="H351603" s="12"/>
    </row>
    <row r="351604" spans="8:8">
      <c r="H351604" s="12"/>
    </row>
    <row r="351605" spans="8:8">
      <c r="H351605" s="12"/>
    </row>
    <row r="351606" spans="8:8">
      <c r="H351606" s="12"/>
    </row>
    <row r="351607" spans="8:8">
      <c r="H351607" s="12"/>
    </row>
    <row r="351608" spans="8:8">
      <c r="H351608" s="12"/>
    </row>
    <row r="351609" spans="8:8">
      <c r="H351609" s="12"/>
    </row>
    <row r="351610" spans="8:8">
      <c r="H351610" s="12"/>
    </row>
    <row r="351611" spans="8:8">
      <c r="H351611" s="12"/>
    </row>
    <row r="351612" spans="8:8">
      <c r="H351612" s="12"/>
    </row>
    <row r="351613" spans="8:8">
      <c r="H351613" s="12"/>
    </row>
    <row r="351614" spans="8:8">
      <c r="H351614" s="12"/>
    </row>
    <row r="351615" spans="8:8">
      <c r="H351615" s="12"/>
    </row>
    <row r="351616" spans="8:8">
      <c r="H351616" s="12"/>
    </row>
    <row r="351617" spans="8:8">
      <c r="H351617" s="12"/>
    </row>
    <row r="351618" spans="8:8">
      <c r="H351618" s="12"/>
    </row>
    <row r="351619" spans="8:8">
      <c r="H351619" s="12"/>
    </row>
    <row r="351620" spans="8:8">
      <c r="H351620" s="12"/>
    </row>
    <row r="351621" spans="8:8">
      <c r="H351621" s="12"/>
    </row>
    <row r="351622" spans="8:8">
      <c r="H351622" s="12"/>
    </row>
    <row r="351623" spans="8:8">
      <c r="H351623" s="12"/>
    </row>
    <row r="351624" spans="8:8">
      <c r="H351624" s="12"/>
    </row>
    <row r="351625" spans="8:8">
      <c r="H351625" s="12"/>
    </row>
    <row r="351626" spans="8:8">
      <c r="H351626" s="12"/>
    </row>
    <row r="351627" spans="8:8">
      <c r="H351627" s="12"/>
    </row>
    <row r="351628" spans="8:8">
      <c r="H351628" s="12"/>
    </row>
    <row r="351629" spans="8:8">
      <c r="H351629" s="12"/>
    </row>
    <row r="351630" spans="8:8">
      <c r="H351630" s="12"/>
    </row>
    <row r="351631" spans="8:8">
      <c r="H351631" s="12"/>
    </row>
    <row r="351632" spans="8:8">
      <c r="H351632" s="12"/>
    </row>
    <row r="351633" spans="8:8">
      <c r="H351633" s="12"/>
    </row>
    <row r="351634" spans="8:8">
      <c r="H351634" s="12"/>
    </row>
    <row r="351635" spans="8:8">
      <c r="H351635" s="12"/>
    </row>
    <row r="351636" spans="8:8">
      <c r="H351636" s="12"/>
    </row>
    <row r="351637" spans="8:8">
      <c r="H351637" s="12"/>
    </row>
    <row r="351638" spans="8:8">
      <c r="H351638" s="12"/>
    </row>
    <row r="351639" spans="8:8">
      <c r="H351639" s="12"/>
    </row>
    <row r="351640" spans="8:8">
      <c r="H351640" s="12"/>
    </row>
    <row r="351641" spans="8:8">
      <c r="H351641" s="12"/>
    </row>
    <row r="351642" spans="8:8">
      <c r="H351642" s="12"/>
    </row>
    <row r="351643" spans="8:8">
      <c r="H351643" s="12"/>
    </row>
    <row r="351644" spans="8:8">
      <c r="H351644" s="12"/>
    </row>
    <row r="351645" spans="8:8">
      <c r="H351645" s="12"/>
    </row>
    <row r="351646" spans="8:8">
      <c r="H351646" s="12"/>
    </row>
    <row r="351647" spans="8:8">
      <c r="H351647" s="12"/>
    </row>
    <row r="351648" spans="8:8">
      <c r="H351648" s="12"/>
    </row>
    <row r="351649" spans="8:8">
      <c r="H351649" s="12"/>
    </row>
    <row r="351650" spans="8:8">
      <c r="H351650" s="12"/>
    </row>
    <row r="351651" spans="8:8">
      <c r="H351651" s="12"/>
    </row>
    <row r="351652" spans="8:8">
      <c r="H351652" s="12"/>
    </row>
    <row r="351653" spans="8:8">
      <c r="H351653" s="12"/>
    </row>
    <row r="351654" spans="8:8">
      <c r="H351654" s="12"/>
    </row>
    <row r="351655" spans="8:8">
      <c r="H351655" s="12"/>
    </row>
    <row r="351656" spans="8:8">
      <c r="H351656" s="12"/>
    </row>
    <row r="351657" spans="8:8">
      <c r="H351657" s="12"/>
    </row>
    <row r="351658" spans="8:8">
      <c r="H351658" s="12"/>
    </row>
    <row r="351659" spans="8:8">
      <c r="H351659" s="12"/>
    </row>
    <row r="351660" spans="8:8">
      <c r="H351660" s="12"/>
    </row>
    <row r="351661" spans="8:8">
      <c r="H351661" s="12"/>
    </row>
    <row r="351662" spans="8:8">
      <c r="H351662" s="12"/>
    </row>
    <row r="351663" spans="8:8">
      <c r="H351663" s="12"/>
    </row>
    <row r="351664" spans="8:8">
      <c r="H351664" s="12"/>
    </row>
    <row r="351665" spans="8:8">
      <c r="H351665" s="12"/>
    </row>
    <row r="351666" spans="8:8">
      <c r="H351666" s="12"/>
    </row>
    <row r="351667" spans="8:8">
      <c r="H351667" s="12"/>
    </row>
    <row r="351668" spans="8:8">
      <c r="H351668" s="12"/>
    </row>
    <row r="351669" spans="8:8">
      <c r="H351669" s="12"/>
    </row>
    <row r="351670" spans="8:8">
      <c r="H351670" s="12"/>
    </row>
    <row r="351671" spans="8:8">
      <c r="H351671" s="12"/>
    </row>
    <row r="351672" spans="8:8">
      <c r="H351672" s="12"/>
    </row>
    <row r="351673" spans="8:8">
      <c r="H351673" s="12"/>
    </row>
    <row r="351674" spans="8:8">
      <c r="H351674" s="12"/>
    </row>
    <row r="351675" spans="8:8">
      <c r="H351675" s="12"/>
    </row>
    <row r="351676" spans="8:8">
      <c r="H351676" s="12"/>
    </row>
    <row r="351677" spans="8:8">
      <c r="H351677" s="12"/>
    </row>
    <row r="351678" spans="8:8">
      <c r="H351678" s="12"/>
    </row>
    <row r="351679" spans="8:8">
      <c r="H351679" s="12"/>
    </row>
    <row r="351680" spans="8:8">
      <c r="H351680" s="12"/>
    </row>
    <row r="351681" spans="8:8">
      <c r="H351681" s="12"/>
    </row>
    <row r="351682" spans="8:8">
      <c r="H351682" s="12"/>
    </row>
    <row r="351683" spans="8:8">
      <c r="H351683" s="12"/>
    </row>
    <row r="351684" spans="8:8">
      <c r="H351684" s="12"/>
    </row>
    <row r="351685" spans="8:8">
      <c r="H351685" s="12"/>
    </row>
    <row r="351686" spans="8:8">
      <c r="H351686" s="12"/>
    </row>
    <row r="351687" spans="8:8">
      <c r="H351687" s="12"/>
    </row>
    <row r="351688" spans="8:8">
      <c r="H351688" s="12"/>
    </row>
    <row r="351689" spans="8:8">
      <c r="H351689" s="12"/>
    </row>
    <row r="351690" spans="8:8">
      <c r="H351690" s="12"/>
    </row>
    <row r="351691" spans="8:8">
      <c r="H351691" s="12"/>
    </row>
    <row r="351692" spans="8:8">
      <c r="H351692" s="12"/>
    </row>
    <row r="351693" spans="8:8">
      <c r="H351693" s="12"/>
    </row>
    <row r="351694" spans="8:8">
      <c r="H351694" s="12"/>
    </row>
    <row r="351695" spans="8:8">
      <c r="H351695" s="12"/>
    </row>
    <row r="351696" spans="8:8">
      <c r="H351696" s="12"/>
    </row>
    <row r="351697" spans="8:8">
      <c r="H351697" s="12"/>
    </row>
    <row r="351698" spans="8:8">
      <c r="H351698" s="12"/>
    </row>
    <row r="351699" spans="8:8">
      <c r="H351699" s="12"/>
    </row>
    <row r="351700" spans="8:8">
      <c r="H351700" s="12"/>
    </row>
    <row r="351701" spans="8:8">
      <c r="H351701" s="12"/>
    </row>
    <row r="351702" spans="8:8">
      <c r="H351702" s="12"/>
    </row>
    <row r="351703" spans="8:8">
      <c r="H351703" s="12"/>
    </row>
    <row r="351704" spans="8:8">
      <c r="H351704" s="12"/>
    </row>
    <row r="351705" spans="8:8">
      <c r="H351705" s="12"/>
    </row>
    <row r="351706" spans="8:8">
      <c r="H351706" s="12"/>
    </row>
    <row r="351707" spans="8:8">
      <c r="H351707" s="12"/>
    </row>
    <row r="351708" spans="8:8">
      <c r="H351708" s="12"/>
    </row>
    <row r="351709" spans="8:8">
      <c r="H351709" s="12"/>
    </row>
    <row r="351710" spans="8:8">
      <c r="H351710" s="12"/>
    </row>
    <row r="351711" spans="8:8">
      <c r="H351711" s="12"/>
    </row>
    <row r="351712" spans="8:8">
      <c r="H351712" s="12"/>
    </row>
    <row r="351713" spans="8:8">
      <c r="H351713" s="12"/>
    </row>
    <row r="351714" spans="8:8">
      <c r="H351714" s="12"/>
    </row>
    <row r="351715" spans="8:8">
      <c r="H351715" s="12"/>
    </row>
    <row r="351716" spans="8:8">
      <c r="H351716" s="12"/>
    </row>
    <row r="351717" spans="8:8">
      <c r="H351717" s="12"/>
    </row>
    <row r="351718" spans="8:8">
      <c r="H351718" s="12"/>
    </row>
    <row r="351719" spans="8:8">
      <c r="H351719" s="12"/>
    </row>
    <row r="351720" spans="8:8">
      <c r="H351720" s="12"/>
    </row>
    <row r="351721" spans="8:8">
      <c r="H351721" s="12"/>
    </row>
    <row r="351722" spans="8:8">
      <c r="H351722" s="12"/>
    </row>
    <row r="351723" spans="8:8">
      <c r="H351723" s="12"/>
    </row>
    <row r="351724" spans="8:8">
      <c r="H351724" s="12"/>
    </row>
    <row r="351725" spans="8:8">
      <c r="H351725" s="12"/>
    </row>
    <row r="351726" spans="8:8">
      <c r="H351726" s="12"/>
    </row>
    <row r="351727" spans="8:8">
      <c r="H351727" s="12"/>
    </row>
    <row r="351728" spans="8:8">
      <c r="H351728" s="12"/>
    </row>
    <row r="351729" spans="8:8">
      <c r="H351729" s="12"/>
    </row>
    <row r="351730" spans="8:8">
      <c r="H351730" s="12"/>
    </row>
    <row r="351731" spans="8:8">
      <c r="H351731" s="12"/>
    </row>
    <row r="351732" spans="8:8">
      <c r="H351732" s="12"/>
    </row>
    <row r="351733" spans="8:8">
      <c r="H351733" s="12"/>
    </row>
    <row r="351734" spans="8:8">
      <c r="H351734" s="12"/>
    </row>
    <row r="351735" spans="8:8">
      <c r="H351735" s="12"/>
    </row>
    <row r="351736" spans="8:8">
      <c r="H351736" s="12"/>
    </row>
    <row r="351737" spans="8:8">
      <c r="H351737" s="12"/>
    </row>
    <row r="351738" spans="8:8">
      <c r="H351738" s="12"/>
    </row>
    <row r="351739" spans="8:8">
      <c r="H351739" s="12"/>
    </row>
    <row r="351740" spans="8:8">
      <c r="H351740" s="12"/>
    </row>
    <row r="351741" spans="8:8">
      <c r="H351741" s="12"/>
    </row>
    <row r="351742" spans="8:8">
      <c r="H351742" s="12"/>
    </row>
    <row r="351743" spans="8:8">
      <c r="H351743" s="12"/>
    </row>
    <row r="351744" spans="8:8">
      <c r="H351744" s="12"/>
    </row>
    <row r="351745" spans="8:8">
      <c r="H351745" s="12"/>
    </row>
    <row r="351746" spans="8:8">
      <c r="H351746" s="12"/>
    </row>
    <row r="351747" spans="8:8">
      <c r="H351747" s="12"/>
    </row>
    <row r="351748" spans="8:8">
      <c r="H351748" s="12"/>
    </row>
    <row r="351749" spans="8:8">
      <c r="H351749" s="12"/>
    </row>
    <row r="351750" spans="8:8">
      <c r="H351750" s="12"/>
    </row>
    <row r="351751" spans="8:8">
      <c r="H351751" s="12"/>
    </row>
    <row r="351752" spans="8:8">
      <c r="H351752" s="12"/>
    </row>
    <row r="351753" spans="8:8">
      <c r="H351753" s="12"/>
    </row>
    <row r="351754" spans="8:8">
      <c r="H351754" s="12"/>
    </row>
    <row r="351755" spans="8:8">
      <c r="H351755" s="12"/>
    </row>
    <row r="351756" spans="8:8">
      <c r="H351756" s="12"/>
    </row>
    <row r="351757" spans="8:8">
      <c r="H351757" s="12"/>
    </row>
    <row r="351758" spans="8:8">
      <c r="H351758" s="12"/>
    </row>
    <row r="351759" spans="8:8">
      <c r="H351759" s="12"/>
    </row>
    <row r="351760" spans="8:8">
      <c r="H351760" s="12"/>
    </row>
    <row r="351761" spans="8:8">
      <c r="H351761" s="12"/>
    </row>
    <row r="351762" spans="8:8">
      <c r="H351762" s="12"/>
    </row>
    <row r="351763" spans="8:8">
      <c r="H351763" s="12"/>
    </row>
    <row r="351764" spans="8:8">
      <c r="H351764" s="12"/>
    </row>
    <row r="351765" spans="8:8">
      <c r="H351765" s="12"/>
    </row>
    <row r="351766" spans="8:8">
      <c r="H351766" s="12"/>
    </row>
    <row r="351767" spans="8:8">
      <c r="H351767" s="12"/>
    </row>
    <row r="351768" spans="8:8">
      <c r="H351768" s="12"/>
    </row>
    <row r="351769" spans="8:8">
      <c r="H351769" s="12"/>
    </row>
    <row r="351770" spans="8:8">
      <c r="H351770" s="12"/>
    </row>
    <row r="351771" spans="8:8">
      <c r="H351771" s="12"/>
    </row>
    <row r="351772" spans="8:8">
      <c r="H351772" s="12"/>
    </row>
    <row r="351773" spans="8:8">
      <c r="H351773" s="12"/>
    </row>
    <row r="351774" spans="8:8">
      <c r="H351774" s="12"/>
    </row>
    <row r="351775" spans="8:8">
      <c r="H351775" s="12"/>
    </row>
    <row r="351776" spans="8:8">
      <c r="H351776" s="12"/>
    </row>
    <row r="351777" spans="8:8">
      <c r="H351777" s="12"/>
    </row>
    <row r="351778" spans="8:8">
      <c r="H351778" s="12"/>
    </row>
    <row r="351779" spans="8:8">
      <c r="H351779" s="12"/>
    </row>
    <row r="351780" spans="8:8">
      <c r="H351780" s="12"/>
    </row>
    <row r="351781" spans="8:8">
      <c r="H351781" s="12"/>
    </row>
    <row r="351782" spans="8:8">
      <c r="H351782" s="12"/>
    </row>
    <row r="351783" spans="8:8">
      <c r="H351783" s="12"/>
    </row>
    <row r="351784" spans="8:8">
      <c r="H351784" s="12"/>
    </row>
    <row r="351785" spans="8:8">
      <c r="H351785" s="12"/>
    </row>
    <row r="351786" spans="8:8">
      <c r="H351786" s="12"/>
    </row>
    <row r="351787" spans="8:8">
      <c r="H351787" s="12"/>
    </row>
    <row r="351788" spans="8:8">
      <c r="H351788" s="12"/>
    </row>
    <row r="351789" spans="8:8">
      <c r="H351789" s="12"/>
    </row>
    <row r="351790" spans="8:8">
      <c r="H351790" s="12"/>
    </row>
    <row r="351791" spans="8:8">
      <c r="H351791" s="12"/>
    </row>
    <row r="351792" spans="8:8">
      <c r="H351792" s="12"/>
    </row>
    <row r="351793" spans="8:8">
      <c r="H351793" s="12"/>
    </row>
    <row r="351794" spans="8:8">
      <c r="H351794" s="12"/>
    </row>
    <row r="351795" spans="8:8">
      <c r="H351795" s="12"/>
    </row>
    <row r="351796" spans="8:8">
      <c r="H351796" s="12"/>
    </row>
    <row r="351797" spans="8:8">
      <c r="H351797" s="12"/>
    </row>
    <row r="351798" spans="8:8">
      <c r="H351798" s="12"/>
    </row>
    <row r="351799" spans="8:8">
      <c r="H351799" s="12"/>
    </row>
    <row r="351800" spans="8:8">
      <c r="H351800" s="12"/>
    </row>
    <row r="351801" spans="8:8">
      <c r="H351801" s="12"/>
    </row>
    <row r="351802" spans="8:8">
      <c r="H351802" s="12"/>
    </row>
    <row r="351803" spans="8:8">
      <c r="H351803" s="12"/>
    </row>
    <row r="351804" spans="8:8">
      <c r="H351804" s="12"/>
    </row>
    <row r="351805" spans="8:8">
      <c r="H351805" s="12"/>
    </row>
    <row r="351806" spans="8:8">
      <c r="H351806" s="12"/>
    </row>
    <row r="351807" spans="8:8">
      <c r="H351807" s="12"/>
    </row>
    <row r="351808" spans="8:8">
      <c r="H351808" s="12"/>
    </row>
    <row r="351809" spans="8:8">
      <c r="H351809" s="12"/>
    </row>
    <row r="351810" spans="8:8">
      <c r="H351810" s="12"/>
    </row>
    <row r="351811" spans="8:8">
      <c r="H351811" s="12"/>
    </row>
    <row r="351812" spans="8:8">
      <c r="H351812" s="12"/>
    </row>
    <row r="351813" spans="8:8">
      <c r="H351813" s="12"/>
    </row>
    <row r="351814" spans="8:8">
      <c r="H351814" s="12"/>
    </row>
    <row r="351815" spans="8:8">
      <c r="H351815" s="12"/>
    </row>
    <row r="351816" spans="8:8">
      <c r="H351816" s="12"/>
    </row>
    <row r="351817" spans="8:8">
      <c r="H351817" s="12"/>
    </row>
    <row r="351818" spans="8:8">
      <c r="H351818" s="12"/>
    </row>
    <row r="351819" spans="8:8">
      <c r="H351819" s="12"/>
    </row>
    <row r="351820" spans="8:8">
      <c r="H351820" s="12"/>
    </row>
    <row r="351821" spans="8:8">
      <c r="H351821" s="12"/>
    </row>
    <row r="351822" spans="8:8">
      <c r="H351822" s="12"/>
    </row>
    <row r="351823" spans="8:8">
      <c r="H351823" s="12"/>
    </row>
    <row r="351824" spans="8:8">
      <c r="H351824" s="12"/>
    </row>
    <row r="351825" spans="8:8">
      <c r="H351825" s="12"/>
    </row>
    <row r="351826" spans="8:8">
      <c r="H351826" s="12"/>
    </row>
    <row r="351827" spans="8:8">
      <c r="H351827" s="12"/>
    </row>
    <row r="351828" spans="8:8">
      <c r="H351828" s="12"/>
    </row>
    <row r="351829" spans="8:8">
      <c r="H351829" s="12"/>
    </row>
    <row r="351830" spans="8:8">
      <c r="H351830" s="12"/>
    </row>
    <row r="351831" spans="8:8">
      <c r="H351831" s="12"/>
    </row>
    <row r="351832" spans="8:8">
      <c r="H351832" s="12"/>
    </row>
    <row r="351833" spans="8:8">
      <c r="H351833" s="12"/>
    </row>
    <row r="351834" spans="8:8">
      <c r="H351834" s="12"/>
    </row>
    <row r="351835" spans="8:8">
      <c r="H351835" s="12"/>
    </row>
    <row r="351836" spans="8:8">
      <c r="H351836" s="12"/>
    </row>
    <row r="351837" spans="8:8">
      <c r="H351837" s="12"/>
    </row>
    <row r="351838" spans="8:8">
      <c r="H351838" s="12"/>
    </row>
    <row r="351839" spans="8:8">
      <c r="H351839" s="12"/>
    </row>
    <row r="351840" spans="8:8">
      <c r="H351840" s="12"/>
    </row>
    <row r="351841" spans="8:8">
      <c r="H351841" s="12"/>
    </row>
    <row r="351842" spans="8:8">
      <c r="H351842" s="12"/>
    </row>
    <row r="351843" spans="8:8">
      <c r="H351843" s="12"/>
    </row>
    <row r="351844" spans="8:8">
      <c r="H351844" s="12"/>
    </row>
    <row r="351845" spans="8:8">
      <c r="H351845" s="12"/>
    </row>
    <row r="351846" spans="8:8">
      <c r="H351846" s="12"/>
    </row>
    <row r="351847" spans="8:8">
      <c r="H351847" s="12"/>
    </row>
    <row r="351848" spans="8:8">
      <c r="H351848" s="12"/>
    </row>
    <row r="351849" spans="8:8">
      <c r="H351849" s="12"/>
    </row>
    <row r="351850" spans="8:8">
      <c r="H351850" s="12"/>
    </row>
    <row r="351851" spans="8:8">
      <c r="H351851" s="12"/>
    </row>
    <row r="351852" spans="8:8">
      <c r="H351852" s="12"/>
    </row>
    <row r="351853" spans="8:8">
      <c r="H351853" s="12"/>
    </row>
    <row r="351854" spans="8:8">
      <c r="H351854" s="12"/>
    </row>
    <row r="351855" spans="8:8">
      <c r="H351855" s="12"/>
    </row>
    <row r="351856" spans="8:8">
      <c r="H351856" s="12"/>
    </row>
    <row r="351857" spans="8:8">
      <c r="H351857" s="12"/>
    </row>
    <row r="351858" spans="8:8">
      <c r="H351858" s="12"/>
    </row>
    <row r="351859" spans="8:8">
      <c r="H351859" s="12"/>
    </row>
    <row r="351860" spans="8:8">
      <c r="H351860" s="12"/>
    </row>
    <row r="351861" spans="8:8">
      <c r="H351861" s="12"/>
    </row>
    <row r="351862" spans="8:8">
      <c r="H351862" s="12"/>
    </row>
    <row r="351863" spans="8:8">
      <c r="H351863" s="12"/>
    </row>
    <row r="351864" spans="8:8">
      <c r="H351864" s="12"/>
    </row>
    <row r="351865" spans="8:8">
      <c r="H351865" s="12"/>
    </row>
    <row r="351866" spans="8:8">
      <c r="H351866" s="12"/>
    </row>
    <row r="351867" spans="8:8">
      <c r="H351867" s="12"/>
    </row>
    <row r="351868" spans="8:8">
      <c r="H351868" s="12"/>
    </row>
    <row r="351869" spans="8:8">
      <c r="H351869" s="12"/>
    </row>
    <row r="351870" spans="8:8">
      <c r="H351870" s="12"/>
    </row>
    <row r="351871" spans="8:8">
      <c r="H351871" s="12"/>
    </row>
    <row r="351872" spans="8:8">
      <c r="H351872" s="12"/>
    </row>
    <row r="351873" spans="8:8">
      <c r="H351873" s="12"/>
    </row>
    <row r="351874" spans="8:8">
      <c r="H351874" s="12"/>
    </row>
    <row r="351875" spans="8:8">
      <c r="H351875" s="12"/>
    </row>
    <row r="351876" spans="8:8">
      <c r="H351876" s="12"/>
    </row>
    <row r="351877" spans="8:8">
      <c r="H351877" s="12"/>
    </row>
    <row r="351878" spans="8:8">
      <c r="H351878" s="12"/>
    </row>
    <row r="351879" spans="8:8">
      <c r="H351879" s="12"/>
    </row>
    <row r="351880" spans="8:8">
      <c r="H351880" s="12"/>
    </row>
    <row r="351881" spans="8:8">
      <c r="H351881" s="12"/>
    </row>
    <row r="351882" spans="8:8">
      <c r="H351882" s="12"/>
    </row>
    <row r="351883" spans="8:8">
      <c r="H351883" s="12"/>
    </row>
    <row r="351884" spans="8:8">
      <c r="H351884" s="12"/>
    </row>
    <row r="351885" spans="8:8">
      <c r="H351885" s="12"/>
    </row>
    <row r="351886" spans="8:8">
      <c r="H351886" s="12"/>
    </row>
    <row r="351887" spans="8:8">
      <c r="H351887" s="12"/>
    </row>
    <row r="351888" spans="8:8">
      <c r="H351888" s="12"/>
    </row>
    <row r="351889" spans="8:8">
      <c r="H351889" s="12"/>
    </row>
    <row r="351890" spans="8:8">
      <c r="H351890" s="12"/>
    </row>
    <row r="351891" spans="8:8">
      <c r="H351891" s="12"/>
    </row>
    <row r="351892" spans="8:8">
      <c r="H351892" s="12"/>
    </row>
    <row r="351893" spans="8:8">
      <c r="H351893" s="12"/>
    </row>
    <row r="351894" spans="8:8">
      <c r="H351894" s="12"/>
    </row>
    <row r="351895" spans="8:8">
      <c r="H351895" s="12"/>
    </row>
    <row r="351896" spans="8:8">
      <c r="H351896" s="12"/>
    </row>
    <row r="351897" spans="8:8">
      <c r="H351897" s="12"/>
    </row>
    <row r="351898" spans="8:8">
      <c r="H351898" s="12"/>
    </row>
    <row r="351899" spans="8:8">
      <c r="H351899" s="12"/>
    </row>
    <row r="351900" spans="8:8">
      <c r="H351900" s="12"/>
    </row>
    <row r="351901" spans="8:8">
      <c r="H351901" s="12"/>
    </row>
    <row r="351902" spans="8:8">
      <c r="H351902" s="12"/>
    </row>
    <row r="351903" spans="8:8">
      <c r="H351903" s="12"/>
    </row>
    <row r="351904" spans="8:8">
      <c r="H351904" s="12"/>
    </row>
    <row r="351905" spans="8:8">
      <c r="H351905" s="12"/>
    </row>
    <row r="351906" spans="8:8">
      <c r="H351906" s="12"/>
    </row>
    <row r="351907" spans="8:8">
      <c r="H351907" s="12"/>
    </row>
    <row r="351908" spans="8:8">
      <c r="H351908" s="12"/>
    </row>
    <row r="351909" spans="8:8">
      <c r="H351909" s="12"/>
    </row>
    <row r="351910" spans="8:8">
      <c r="H351910" s="12"/>
    </row>
    <row r="351911" spans="8:8">
      <c r="H351911" s="12"/>
    </row>
    <row r="351912" spans="8:8">
      <c r="H351912" s="12"/>
    </row>
    <row r="351913" spans="8:8">
      <c r="H351913" s="12"/>
    </row>
    <row r="351914" spans="8:8">
      <c r="H351914" s="12"/>
    </row>
    <row r="351915" spans="8:8">
      <c r="H351915" s="12"/>
    </row>
    <row r="351916" spans="8:8">
      <c r="H351916" s="12"/>
    </row>
    <row r="351917" spans="8:8">
      <c r="H351917" s="12"/>
    </row>
    <row r="351918" spans="8:8">
      <c r="H351918" s="12"/>
    </row>
    <row r="351919" spans="8:8">
      <c r="H351919" s="12"/>
    </row>
    <row r="351920" spans="8:8">
      <c r="H351920" s="12"/>
    </row>
    <row r="351921" spans="8:8">
      <c r="H351921" s="12"/>
    </row>
    <row r="351922" spans="8:8">
      <c r="H351922" s="12"/>
    </row>
    <row r="351923" spans="8:8">
      <c r="H351923" s="12"/>
    </row>
    <row r="351924" spans="8:8">
      <c r="H351924" s="12"/>
    </row>
    <row r="351925" spans="8:8">
      <c r="H351925" s="12"/>
    </row>
    <row r="351926" spans="8:8">
      <c r="H351926" s="12"/>
    </row>
    <row r="351927" spans="8:8">
      <c r="H351927" s="12"/>
    </row>
    <row r="351928" spans="8:8">
      <c r="H351928" s="12"/>
    </row>
    <row r="351929" spans="8:8">
      <c r="H351929" s="12"/>
    </row>
    <row r="351930" spans="8:8">
      <c r="H351930" s="12"/>
    </row>
    <row r="351931" spans="8:8">
      <c r="H351931" s="12"/>
    </row>
    <row r="351932" spans="8:8">
      <c r="H351932" s="12"/>
    </row>
    <row r="351933" spans="8:8">
      <c r="H351933" s="12"/>
    </row>
    <row r="351934" spans="8:8">
      <c r="H351934" s="12"/>
    </row>
    <row r="351935" spans="8:8">
      <c r="H351935" s="12"/>
    </row>
    <row r="351936" spans="8:8">
      <c r="H351936" s="12"/>
    </row>
    <row r="351937" spans="8:8">
      <c r="H351937" s="12"/>
    </row>
    <row r="351938" spans="8:8">
      <c r="H351938" s="12"/>
    </row>
    <row r="351939" spans="8:8">
      <c r="H351939" s="12"/>
    </row>
    <row r="351940" spans="8:8">
      <c r="H351940" s="12"/>
    </row>
    <row r="351941" spans="8:8">
      <c r="H351941" s="12"/>
    </row>
    <row r="351942" spans="8:8">
      <c r="H351942" s="12"/>
    </row>
    <row r="351943" spans="8:8">
      <c r="H351943" s="12"/>
    </row>
    <row r="351944" spans="8:8">
      <c r="H351944" s="12"/>
    </row>
    <row r="351945" spans="8:8">
      <c r="H351945" s="12"/>
    </row>
    <row r="351946" spans="8:8">
      <c r="H351946" s="12"/>
    </row>
    <row r="351947" spans="8:8">
      <c r="H351947" s="12"/>
    </row>
    <row r="351948" spans="8:8">
      <c r="H351948" s="12"/>
    </row>
    <row r="351949" spans="8:8">
      <c r="H351949" s="12"/>
    </row>
    <row r="351950" spans="8:8">
      <c r="H351950" s="12"/>
    </row>
    <row r="351951" spans="8:8">
      <c r="H351951" s="12"/>
    </row>
    <row r="351952" spans="8:8">
      <c r="H351952" s="12"/>
    </row>
    <row r="351953" spans="8:8">
      <c r="H351953" s="12"/>
    </row>
    <row r="351954" spans="8:8">
      <c r="H351954" s="12"/>
    </row>
    <row r="351955" spans="8:8">
      <c r="H351955" s="12"/>
    </row>
    <row r="351956" spans="8:8">
      <c r="H351956" s="12"/>
    </row>
    <row r="351957" spans="8:8">
      <c r="H351957" s="12"/>
    </row>
    <row r="351958" spans="8:8">
      <c r="H351958" s="12"/>
    </row>
    <row r="351959" spans="8:8">
      <c r="H351959" s="12"/>
    </row>
    <row r="351960" spans="8:8">
      <c r="H351960" s="12"/>
    </row>
    <row r="351961" spans="8:8">
      <c r="H351961" s="12"/>
    </row>
    <row r="351962" spans="8:8">
      <c r="H351962" s="12"/>
    </row>
    <row r="351963" spans="8:8">
      <c r="H351963" s="12"/>
    </row>
    <row r="351964" spans="8:8">
      <c r="H351964" s="12"/>
    </row>
    <row r="351965" spans="8:8">
      <c r="H351965" s="12"/>
    </row>
    <row r="351966" spans="8:8">
      <c r="H351966" s="12"/>
    </row>
    <row r="351967" spans="8:8">
      <c r="H351967" s="12"/>
    </row>
    <row r="351968" spans="8:8">
      <c r="H351968" s="12"/>
    </row>
    <row r="351969" spans="8:8">
      <c r="H351969" s="12"/>
    </row>
    <row r="351970" spans="8:8">
      <c r="H351970" s="12"/>
    </row>
    <row r="351971" spans="8:8">
      <c r="H351971" s="12"/>
    </row>
    <row r="351972" spans="8:8">
      <c r="H351972" s="12"/>
    </row>
    <row r="351973" spans="8:8">
      <c r="H351973" s="12"/>
    </row>
    <row r="351974" spans="8:8">
      <c r="H351974" s="12"/>
    </row>
    <row r="351975" spans="8:8">
      <c r="H351975" s="12"/>
    </row>
    <row r="351976" spans="8:8">
      <c r="H351976" s="12"/>
    </row>
    <row r="351977" spans="8:8">
      <c r="H351977" s="12"/>
    </row>
    <row r="351978" spans="8:8">
      <c r="H351978" s="12"/>
    </row>
    <row r="351979" spans="8:8">
      <c r="H351979" s="12"/>
    </row>
    <row r="351980" spans="8:8">
      <c r="H351980" s="12"/>
    </row>
    <row r="351981" spans="8:8">
      <c r="H351981" s="12"/>
    </row>
    <row r="351982" spans="8:8">
      <c r="H351982" s="12"/>
    </row>
    <row r="351983" spans="8:8">
      <c r="H351983" s="12"/>
    </row>
    <row r="351984" spans="8:8">
      <c r="H351984" s="12"/>
    </row>
    <row r="351985" spans="8:8">
      <c r="H351985" s="12"/>
    </row>
    <row r="351986" spans="8:8">
      <c r="H351986" s="12"/>
    </row>
    <row r="351987" spans="8:8">
      <c r="H351987" s="12"/>
    </row>
    <row r="351988" spans="8:8">
      <c r="H351988" s="12"/>
    </row>
    <row r="351989" spans="8:8">
      <c r="H351989" s="12"/>
    </row>
    <row r="351990" spans="8:8">
      <c r="H351990" s="12"/>
    </row>
    <row r="351991" spans="8:8">
      <c r="H351991" s="12"/>
    </row>
    <row r="351992" spans="8:8">
      <c r="H351992" s="12"/>
    </row>
    <row r="351993" spans="8:8">
      <c r="H351993" s="12"/>
    </row>
    <row r="351994" spans="8:8">
      <c r="H351994" s="12"/>
    </row>
    <row r="351995" spans="8:8">
      <c r="H351995" s="12"/>
    </row>
    <row r="351996" spans="8:8">
      <c r="H351996" s="12"/>
    </row>
    <row r="351997" spans="8:8">
      <c r="H351997" s="12"/>
    </row>
    <row r="351998" spans="8:8">
      <c r="H351998" s="12"/>
    </row>
    <row r="351999" spans="8:8">
      <c r="H351999" s="12"/>
    </row>
    <row r="352000" spans="8:8">
      <c r="H352000" s="12"/>
    </row>
    <row r="352001" spans="8:8">
      <c r="H352001" s="12"/>
    </row>
    <row r="352002" spans="8:8">
      <c r="H352002" s="12"/>
    </row>
    <row r="352003" spans="8:8">
      <c r="H352003" s="12"/>
    </row>
    <row r="352004" spans="8:8">
      <c r="H352004" s="12"/>
    </row>
    <row r="352005" spans="8:8">
      <c r="H352005" s="12"/>
    </row>
    <row r="352006" spans="8:8">
      <c r="H352006" s="12"/>
    </row>
    <row r="352007" spans="8:8">
      <c r="H352007" s="12"/>
    </row>
    <row r="352008" spans="8:8">
      <c r="H352008" s="12"/>
    </row>
    <row r="352009" spans="8:8">
      <c r="H352009" s="12"/>
    </row>
    <row r="352010" spans="8:8">
      <c r="H352010" s="12"/>
    </row>
    <row r="352011" spans="8:8">
      <c r="H352011" s="12"/>
    </row>
    <row r="352012" spans="8:8">
      <c r="H352012" s="12"/>
    </row>
    <row r="352013" spans="8:8">
      <c r="H352013" s="12"/>
    </row>
    <row r="352014" spans="8:8">
      <c r="H352014" s="12"/>
    </row>
    <row r="352015" spans="8:8">
      <c r="H352015" s="12"/>
    </row>
    <row r="352016" spans="8:8">
      <c r="H352016" s="12"/>
    </row>
    <row r="352017" spans="8:8">
      <c r="H352017" s="12"/>
    </row>
    <row r="352018" spans="8:8">
      <c r="H352018" s="12"/>
    </row>
    <row r="352019" spans="8:8">
      <c r="H352019" s="12"/>
    </row>
    <row r="352020" spans="8:8">
      <c r="H352020" s="12"/>
    </row>
    <row r="352021" spans="8:8">
      <c r="H352021" s="12"/>
    </row>
    <row r="352022" spans="8:8">
      <c r="H352022" s="12"/>
    </row>
    <row r="352023" spans="8:8">
      <c r="H352023" s="12"/>
    </row>
    <row r="352024" spans="8:8">
      <c r="H352024" s="12"/>
    </row>
    <row r="352025" spans="8:8">
      <c r="H352025" s="12"/>
    </row>
    <row r="352026" spans="8:8">
      <c r="H352026" s="12"/>
    </row>
    <row r="352027" spans="8:8">
      <c r="H352027" s="12"/>
    </row>
    <row r="352028" spans="8:8">
      <c r="H352028" s="12"/>
    </row>
    <row r="352029" spans="8:8">
      <c r="H352029" s="12"/>
    </row>
    <row r="352030" spans="8:8">
      <c r="H352030" s="12"/>
    </row>
    <row r="352031" spans="8:8">
      <c r="H352031" s="12"/>
    </row>
    <row r="352032" spans="8:8">
      <c r="H352032" s="12"/>
    </row>
    <row r="352033" spans="8:8">
      <c r="H352033" s="12"/>
    </row>
    <row r="352034" spans="8:8">
      <c r="H352034" s="12"/>
    </row>
    <row r="352035" spans="8:8">
      <c r="H352035" s="12"/>
    </row>
    <row r="352036" spans="8:8">
      <c r="H352036" s="12"/>
    </row>
    <row r="352037" spans="8:8">
      <c r="H352037" s="12"/>
    </row>
    <row r="352038" spans="8:8">
      <c r="H352038" s="12"/>
    </row>
    <row r="352039" spans="8:8">
      <c r="H352039" s="12"/>
    </row>
    <row r="352040" spans="8:8">
      <c r="H352040" s="12"/>
    </row>
    <row r="352041" spans="8:8">
      <c r="H352041" s="12"/>
    </row>
    <row r="352042" spans="8:8">
      <c r="H352042" s="12"/>
    </row>
    <row r="352043" spans="8:8">
      <c r="H352043" s="12"/>
    </row>
    <row r="352044" spans="8:8">
      <c r="H352044" s="12"/>
    </row>
    <row r="352045" spans="8:8">
      <c r="H352045" s="12"/>
    </row>
    <row r="352046" spans="8:8">
      <c r="H352046" s="12"/>
    </row>
    <row r="352047" spans="8:8">
      <c r="H352047" s="12"/>
    </row>
    <row r="352048" spans="8:8">
      <c r="H352048" s="12"/>
    </row>
    <row r="352049" spans="8:8">
      <c r="H352049" s="12"/>
    </row>
    <row r="352050" spans="8:8">
      <c r="H352050" s="12"/>
    </row>
    <row r="352051" spans="8:8">
      <c r="H352051" s="12"/>
    </row>
    <row r="352052" spans="8:8">
      <c r="H352052" s="12"/>
    </row>
    <row r="352053" spans="8:8">
      <c r="H352053" s="12"/>
    </row>
    <row r="352054" spans="8:8">
      <c r="H352054" s="12"/>
    </row>
    <row r="352055" spans="8:8">
      <c r="H352055" s="12"/>
    </row>
    <row r="352056" spans="8:8">
      <c r="H352056" s="12"/>
    </row>
    <row r="352057" spans="8:8">
      <c r="H352057" s="12"/>
    </row>
    <row r="352058" spans="8:8">
      <c r="H352058" s="12"/>
    </row>
    <row r="352059" spans="8:8">
      <c r="H352059" s="12"/>
    </row>
    <row r="352060" spans="8:8">
      <c r="H352060" s="12"/>
    </row>
    <row r="352061" spans="8:8">
      <c r="H352061" s="12"/>
    </row>
    <row r="352062" spans="8:8">
      <c r="H352062" s="12"/>
    </row>
    <row r="352063" spans="8:8">
      <c r="H352063" s="12"/>
    </row>
    <row r="352064" spans="8:8">
      <c r="H352064" s="12"/>
    </row>
    <row r="352065" spans="8:8">
      <c r="H352065" s="12"/>
    </row>
    <row r="352066" spans="8:8">
      <c r="H352066" s="12"/>
    </row>
    <row r="352067" spans="8:8">
      <c r="H352067" s="12"/>
    </row>
    <row r="352068" spans="8:8">
      <c r="H352068" s="12"/>
    </row>
    <row r="352069" spans="8:8">
      <c r="H352069" s="12"/>
    </row>
    <row r="352070" spans="8:8">
      <c r="H352070" s="12"/>
    </row>
    <row r="352071" spans="8:8">
      <c r="H352071" s="12"/>
    </row>
    <row r="352072" spans="8:8">
      <c r="H352072" s="12"/>
    </row>
    <row r="352073" spans="8:8">
      <c r="H352073" s="12"/>
    </row>
    <row r="352074" spans="8:8">
      <c r="H352074" s="12"/>
    </row>
    <row r="352075" spans="8:8">
      <c r="H352075" s="12"/>
    </row>
    <row r="352076" spans="8:8">
      <c r="H352076" s="12"/>
    </row>
    <row r="352077" spans="8:8">
      <c r="H352077" s="12"/>
    </row>
    <row r="352078" spans="8:8">
      <c r="H352078" s="12"/>
    </row>
    <row r="352079" spans="8:8">
      <c r="H352079" s="12"/>
    </row>
    <row r="352080" spans="8:8">
      <c r="H352080" s="12"/>
    </row>
    <row r="352081" spans="8:8">
      <c r="H352081" s="12"/>
    </row>
    <row r="352082" spans="8:8">
      <c r="H352082" s="12"/>
    </row>
    <row r="352083" spans="8:8">
      <c r="H352083" s="12"/>
    </row>
    <row r="352084" spans="8:8">
      <c r="H352084" s="12"/>
    </row>
    <row r="352085" spans="8:8">
      <c r="H352085" s="12"/>
    </row>
    <row r="352086" spans="8:8">
      <c r="H352086" s="12"/>
    </row>
    <row r="352087" spans="8:8">
      <c r="H352087" s="12"/>
    </row>
    <row r="352088" spans="8:8">
      <c r="H352088" s="12"/>
    </row>
    <row r="352089" spans="8:8">
      <c r="H352089" s="12"/>
    </row>
    <row r="352090" spans="8:8">
      <c r="H352090" s="12"/>
    </row>
    <row r="352091" spans="8:8">
      <c r="H352091" s="12"/>
    </row>
    <row r="352092" spans="8:8">
      <c r="H352092" s="12"/>
    </row>
    <row r="352093" spans="8:8">
      <c r="H352093" s="12"/>
    </row>
    <row r="352094" spans="8:8">
      <c r="H352094" s="12"/>
    </row>
    <row r="352095" spans="8:8">
      <c r="H352095" s="12"/>
    </row>
    <row r="352096" spans="8:8">
      <c r="H352096" s="12"/>
    </row>
    <row r="352097" spans="8:8">
      <c r="H352097" s="12"/>
    </row>
    <row r="352098" spans="8:8">
      <c r="H352098" s="12"/>
    </row>
    <row r="352099" spans="8:8">
      <c r="H352099" s="12"/>
    </row>
    <row r="352100" spans="8:8">
      <c r="H352100" s="12"/>
    </row>
    <row r="352101" spans="8:8">
      <c r="H352101" s="12"/>
    </row>
    <row r="352102" spans="8:8">
      <c r="H352102" s="12"/>
    </row>
    <row r="352103" spans="8:8">
      <c r="H352103" s="12"/>
    </row>
    <row r="352104" spans="8:8">
      <c r="H352104" s="12"/>
    </row>
    <row r="352105" spans="8:8">
      <c r="H352105" s="12"/>
    </row>
    <row r="352106" spans="8:8">
      <c r="H352106" s="12"/>
    </row>
    <row r="352107" spans="8:8">
      <c r="H352107" s="12"/>
    </row>
    <row r="352108" spans="8:8">
      <c r="H352108" s="12"/>
    </row>
    <row r="352109" spans="8:8">
      <c r="H352109" s="12"/>
    </row>
    <row r="352110" spans="8:8">
      <c r="H352110" s="12"/>
    </row>
    <row r="352111" spans="8:8">
      <c r="H352111" s="12"/>
    </row>
    <row r="352112" spans="8:8">
      <c r="H352112" s="12"/>
    </row>
    <row r="352113" spans="8:8">
      <c r="H352113" s="12"/>
    </row>
    <row r="352114" spans="8:8">
      <c r="H352114" s="12"/>
    </row>
    <row r="352115" spans="8:8">
      <c r="H352115" s="12"/>
    </row>
    <row r="352116" spans="8:8">
      <c r="H352116" s="12"/>
    </row>
    <row r="352117" spans="8:8">
      <c r="H352117" s="12"/>
    </row>
    <row r="352118" spans="8:8">
      <c r="H352118" s="12"/>
    </row>
    <row r="352119" spans="8:8">
      <c r="H352119" s="12"/>
    </row>
    <row r="352120" spans="8:8">
      <c r="H352120" s="12"/>
    </row>
    <row r="352121" spans="8:8">
      <c r="H352121" s="12"/>
    </row>
    <row r="352122" spans="8:8">
      <c r="H352122" s="12"/>
    </row>
    <row r="352123" spans="8:8">
      <c r="H352123" s="12"/>
    </row>
    <row r="352124" spans="8:8">
      <c r="H352124" s="12"/>
    </row>
    <row r="352125" spans="8:8">
      <c r="H352125" s="12"/>
    </row>
    <row r="352126" spans="8:8">
      <c r="H352126" s="12"/>
    </row>
    <row r="352127" spans="8:8">
      <c r="H352127" s="12"/>
    </row>
    <row r="352128" spans="8:8">
      <c r="H352128" s="12"/>
    </row>
    <row r="352129" spans="8:8">
      <c r="H352129" s="12"/>
    </row>
    <row r="352130" spans="8:8">
      <c r="H352130" s="12"/>
    </row>
    <row r="352131" spans="8:8">
      <c r="H352131" s="12"/>
    </row>
    <row r="352132" spans="8:8">
      <c r="H352132" s="12"/>
    </row>
    <row r="352133" spans="8:8">
      <c r="H352133" s="12"/>
    </row>
    <row r="352134" spans="8:8">
      <c r="H352134" s="12"/>
    </row>
    <row r="352135" spans="8:8">
      <c r="H352135" s="12"/>
    </row>
    <row r="352136" spans="8:8">
      <c r="H352136" s="12"/>
    </row>
    <row r="352137" spans="8:8">
      <c r="H352137" s="12"/>
    </row>
    <row r="352138" spans="8:8">
      <c r="H352138" s="12"/>
    </row>
    <row r="352139" spans="8:8">
      <c r="H352139" s="12"/>
    </row>
    <row r="352140" spans="8:8">
      <c r="H352140" s="12"/>
    </row>
    <row r="352141" spans="8:8">
      <c r="H352141" s="12"/>
    </row>
    <row r="352142" spans="8:8">
      <c r="H352142" s="12"/>
    </row>
    <row r="352143" spans="8:8">
      <c r="H352143" s="12"/>
    </row>
    <row r="352144" spans="8:8">
      <c r="H352144" s="12"/>
    </row>
    <row r="352145" spans="8:8">
      <c r="H352145" s="12"/>
    </row>
    <row r="352146" spans="8:8">
      <c r="H352146" s="12"/>
    </row>
    <row r="352147" spans="8:8">
      <c r="H352147" s="12"/>
    </row>
    <row r="352148" spans="8:8">
      <c r="H352148" s="12"/>
    </row>
    <row r="352149" spans="8:8">
      <c r="H352149" s="12"/>
    </row>
    <row r="352150" spans="8:8">
      <c r="H352150" s="12"/>
    </row>
    <row r="352151" spans="8:8">
      <c r="H352151" s="12"/>
    </row>
    <row r="352152" spans="8:8">
      <c r="H352152" s="12"/>
    </row>
    <row r="352153" spans="8:8">
      <c r="H352153" s="12"/>
    </row>
    <row r="352154" spans="8:8">
      <c r="H352154" s="12"/>
    </row>
    <row r="352155" spans="8:8">
      <c r="H352155" s="12"/>
    </row>
    <row r="352156" spans="8:8">
      <c r="H352156" s="12"/>
    </row>
    <row r="352157" spans="8:8">
      <c r="H352157" s="12"/>
    </row>
    <row r="352158" spans="8:8">
      <c r="H352158" s="12"/>
    </row>
    <row r="352159" spans="8:8">
      <c r="H352159" s="12"/>
    </row>
    <row r="352160" spans="8:8">
      <c r="H352160" s="12"/>
    </row>
    <row r="352161" spans="8:8">
      <c r="H352161" s="12"/>
    </row>
    <row r="352162" spans="8:8">
      <c r="H352162" s="12"/>
    </row>
    <row r="352163" spans="8:8">
      <c r="H352163" s="12"/>
    </row>
    <row r="352164" spans="8:8">
      <c r="H352164" s="12"/>
    </row>
    <row r="352165" spans="8:8">
      <c r="H352165" s="12"/>
    </row>
    <row r="352166" spans="8:8">
      <c r="H352166" s="12"/>
    </row>
    <row r="352167" spans="8:8">
      <c r="H352167" s="12"/>
    </row>
    <row r="352168" spans="8:8">
      <c r="H352168" s="12"/>
    </row>
    <row r="352169" spans="8:8">
      <c r="H352169" s="12"/>
    </row>
    <row r="352170" spans="8:8">
      <c r="H352170" s="12"/>
    </row>
    <row r="352171" spans="8:8">
      <c r="H352171" s="12"/>
    </row>
    <row r="352172" spans="8:8">
      <c r="H352172" s="12"/>
    </row>
    <row r="352173" spans="8:8">
      <c r="H352173" s="12"/>
    </row>
    <row r="352174" spans="8:8">
      <c r="H352174" s="12"/>
    </row>
    <row r="352175" spans="8:8">
      <c r="H352175" s="12"/>
    </row>
    <row r="352176" spans="8:8">
      <c r="H352176" s="12"/>
    </row>
    <row r="352177" spans="8:8">
      <c r="H352177" s="12"/>
    </row>
    <row r="352178" spans="8:8">
      <c r="H352178" s="12"/>
    </row>
    <row r="352179" spans="8:8">
      <c r="H352179" s="12"/>
    </row>
    <row r="352180" spans="8:8">
      <c r="H352180" s="12"/>
    </row>
    <row r="352181" spans="8:8">
      <c r="H352181" s="12"/>
    </row>
    <row r="352182" spans="8:8">
      <c r="H352182" s="12"/>
    </row>
    <row r="352183" spans="8:8">
      <c r="H352183" s="12"/>
    </row>
    <row r="352184" spans="8:8">
      <c r="H352184" s="12"/>
    </row>
    <row r="352185" spans="8:8">
      <c r="H352185" s="12"/>
    </row>
    <row r="352186" spans="8:8">
      <c r="H352186" s="12"/>
    </row>
    <row r="352187" spans="8:8">
      <c r="H352187" s="12"/>
    </row>
    <row r="352188" spans="8:8">
      <c r="H352188" s="12"/>
    </row>
    <row r="352189" spans="8:8">
      <c r="H352189" s="12"/>
    </row>
    <row r="352190" spans="8:8">
      <c r="H352190" s="12"/>
    </row>
    <row r="352191" spans="8:8">
      <c r="H352191" s="12"/>
    </row>
    <row r="352192" spans="8:8">
      <c r="H352192" s="12"/>
    </row>
    <row r="352193" spans="8:8">
      <c r="H352193" s="12"/>
    </row>
    <row r="352194" spans="8:8">
      <c r="H352194" s="12"/>
    </row>
    <row r="352195" spans="8:8">
      <c r="H352195" s="12"/>
    </row>
    <row r="352196" spans="8:8">
      <c r="H352196" s="12"/>
    </row>
    <row r="352197" spans="8:8">
      <c r="H352197" s="12"/>
    </row>
    <row r="352198" spans="8:8">
      <c r="H352198" s="12"/>
    </row>
    <row r="352199" spans="8:8">
      <c r="H352199" s="12"/>
    </row>
    <row r="352200" spans="8:8">
      <c r="H352200" s="12"/>
    </row>
    <row r="352201" spans="8:8">
      <c r="H352201" s="12"/>
    </row>
    <row r="352202" spans="8:8">
      <c r="H352202" s="12"/>
    </row>
    <row r="352203" spans="8:8">
      <c r="H352203" s="12"/>
    </row>
    <row r="352204" spans="8:8">
      <c r="H352204" s="12"/>
    </row>
    <row r="352205" spans="8:8">
      <c r="H352205" s="12"/>
    </row>
    <row r="352206" spans="8:8">
      <c r="H352206" s="12"/>
    </row>
    <row r="352207" spans="8:8">
      <c r="H352207" s="12"/>
    </row>
    <row r="352208" spans="8:8">
      <c r="H352208" s="12"/>
    </row>
    <row r="352209" spans="8:8">
      <c r="H352209" s="12"/>
    </row>
    <row r="352210" spans="8:8">
      <c r="H352210" s="12"/>
    </row>
    <row r="352211" spans="8:8">
      <c r="H352211" s="12"/>
    </row>
    <row r="352212" spans="8:8">
      <c r="H352212" s="12"/>
    </row>
    <row r="352213" spans="8:8">
      <c r="H352213" s="12"/>
    </row>
    <row r="352214" spans="8:8">
      <c r="H352214" s="12"/>
    </row>
    <row r="352215" spans="8:8">
      <c r="H352215" s="12"/>
    </row>
    <row r="352216" spans="8:8">
      <c r="H352216" s="12"/>
    </row>
    <row r="352217" spans="8:8">
      <c r="H352217" s="12"/>
    </row>
    <row r="352218" spans="8:8">
      <c r="H352218" s="12"/>
    </row>
    <row r="352219" spans="8:8">
      <c r="H352219" s="12"/>
    </row>
    <row r="352220" spans="8:8">
      <c r="H352220" s="12"/>
    </row>
    <row r="352221" spans="8:8">
      <c r="H352221" s="12"/>
    </row>
    <row r="352222" spans="8:8">
      <c r="H352222" s="12"/>
    </row>
    <row r="352223" spans="8:8">
      <c r="H352223" s="12"/>
    </row>
    <row r="352224" spans="8:8">
      <c r="H352224" s="12"/>
    </row>
    <row r="352225" spans="8:8">
      <c r="H352225" s="12"/>
    </row>
    <row r="352226" spans="8:8">
      <c r="H352226" s="12"/>
    </row>
    <row r="352227" spans="8:8">
      <c r="H352227" s="12"/>
    </row>
    <row r="352228" spans="8:8">
      <c r="H352228" s="12"/>
    </row>
    <row r="352229" spans="8:8">
      <c r="H352229" s="12"/>
    </row>
    <row r="352230" spans="8:8">
      <c r="H352230" s="12"/>
    </row>
    <row r="352231" spans="8:8">
      <c r="H352231" s="12"/>
    </row>
    <row r="352232" spans="8:8">
      <c r="H352232" s="12"/>
    </row>
    <row r="352233" spans="8:8">
      <c r="H352233" s="12"/>
    </row>
    <row r="352234" spans="8:8">
      <c r="H352234" s="12"/>
    </row>
    <row r="352235" spans="8:8">
      <c r="H352235" s="12"/>
    </row>
    <row r="352236" spans="8:8">
      <c r="H352236" s="12"/>
    </row>
    <row r="352237" spans="8:8">
      <c r="H352237" s="12"/>
    </row>
    <row r="352238" spans="8:8">
      <c r="H352238" s="12"/>
    </row>
    <row r="352239" spans="8:8">
      <c r="H352239" s="12"/>
    </row>
    <row r="352240" spans="8:8">
      <c r="H352240" s="12"/>
    </row>
    <row r="352241" spans="8:8">
      <c r="H352241" s="12"/>
    </row>
    <row r="352242" spans="8:8">
      <c r="H352242" s="12"/>
    </row>
    <row r="352243" spans="8:8">
      <c r="H352243" s="12"/>
    </row>
    <row r="352244" spans="8:8">
      <c r="H352244" s="12"/>
    </row>
    <row r="352245" spans="8:8">
      <c r="H352245" s="12"/>
    </row>
    <row r="352246" spans="8:8">
      <c r="H352246" s="12"/>
    </row>
    <row r="352247" spans="8:8">
      <c r="H352247" s="12"/>
    </row>
    <row r="352248" spans="8:8">
      <c r="H352248" s="12"/>
    </row>
    <row r="352249" spans="8:8">
      <c r="H352249" s="12"/>
    </row>
    <row r="352250" spans="8:8">
      <c r="H352250" s="12"/>
    </row>
    <row r="352251" spans="8:8">
      <c r="H352251" s="12"/>
    </row>
    <row r="352252" spans="8:8">
      <c r="H352252" s="12"/>
    </row>
    <row r="352253" spans="8:8">
      <c r="H352253" s="12"/>
    </row>
    <row r="352254" spans="8:8">
      <c r="H352254" s="12"/>
    </row>
    <row r="352255" spans="8:8">
      <c r="H352255" s="12"/>
    </row>
    <row r="352256" spans="8:8">
      <c r="H352256" s="12"/>
    </row>
    <row r="352257" spans="8:8">
      <c r="H352257" s="12"/>
    </row>
    <row r="352258" spans="8:8">
      <c r="H352258" s="12"/>
    </row>
    <row r="352259" spans="8:8">
      <c r="H352259" s="12"/>
    </row>
    <row r="352260" spans="8:8">
      <c r="H352260" s="12"/>
    </row>
    <row r="352261" spans="8:8">
      <c r="H352261" s="12"/>
    </row>
    <row r="352262" spans="8:8">
      <c r="H352262" s="12"/>
    </row>
    <row r="352263" spans="8:8">
      <c r="H352263" s="12"/>
    </row>
    <row r="352264" spans="8:8">
      <c r="H352264" s="12"/>
    </row>
    <row r="352265" spans="8:8">
      <c r="H352265" s="12"/>
    </row>
    <row r="352266" spans="8:8">
      <c r="H352266" s="12"/>
    </row>
    <row r="352267" spans="8:8">
      <c r="H352267" s="12"/>
    </row>
    <row r="352268" spans="8:8">
      <c r="H352268" s="12"/>
    </row>
    <row r="352269" spans="8:8">
      <c r="H352269" s="12"/>
    </row>
    <row r="352270" spans="8:8">
      <c r="H352270" s="12"/>
    </row>
    <row r="352271" spans="8:8">
      <c r="H352271" s="12"/>
    </row>
    <row r="352272" spans="8:8">
      <c r="H352272" s="12"/>
    </row>
    <row r="352273" spans="8:8">
      <c r="H352273" s="12"/>
    </row>
    <row r="352274" spans="8:8">
      <c r="H352274" s="12"/>
    </row>
    <row r="352275" spans="8:8">
      <c r="H352275" s="12"/>
    </row>
    <row r="352276" spans="8:8">
      <c r="H352276" s="12"/>
    </row>
    <row r="352277" spans="8:8">
      <c r="H352277" s="12"/>
    </row>
    <row r="352278" spans="8:8">
      <c r="H352278" s="12"/>
    </row>
    <row r="352279" spans="8:8">
      <c r="H352279" s="12"/>
    </row>
    <row r="352280" spans="8:8">
      <c r="H352280" s="12"/>
    </row>
    <row r="352281" spans="8:8">
      <c r="H352281" s="12"/>
    </row>
    <row r="352282" spans="8:8">
      <c r="H352282" s="12"/>
    </row>
    <row r="352283" spans="8:8">
      <c r="H352283" s="12"/>
    </row>
    <row r="352284" spans="8:8">
      <c r="H352284" s="12"/>
    </row>
    <row r="352285" spans="8:8">
      <c r="H352285" s="12"/>
    </row>
    <row r="352286" spans="8:8">
      <c r="H352286" s="12"/>
    </row>
    <row r="352287" spans="8:8">
      <c r="H352287" s="12"/>
    </row>
    <row r="352288" spans="8:8">
      <c r="H352288" s="12"/>
    </row>
    <row r="352289" spans="8:8">
      <c r="H352289" s="12"/>
    </row>
    <row r="352290" spans="8:8">
      <c r="H352290" s="12"/>
    </row>
    <row r="352291" spans="8:8">
      <c r="H352291" s="12"/>
    </row>
    <row r="352292" spans="8:8">
      <c r="H352292" s="12"/>
    </row>
    <row r="352293" spans="8:8">
      <c r="H352293" s="12"/>
    </row>
    <row r="352294" spans="8:8">
      <c r="H352294" s="12"/>
    </row>
    <row r="352295" spans="8:8">
      <c r="H352295" s="12"/>
    </row>
    <row r="352296" spans="8:8">
      <c r="H352296" s="12"/>
    </row>
    <row r="352297" spans="8:8">
      <c r="H352297" s="12"/>
    </row>
    <row r="352298" spans="8:8">
      <c r="H352298" s="12"/>
    </row>
    <row r="352299" spans="8:8">
      <c r="H352299" s="12"/>
    </row>
    <row r="352300" spans="8:8">
      <c r="H352300" s="12"/>
    </row>
    <row r="352301" spans="8:8">
      <c r="H352301" s="12"/>
    </row>
    <row r="352302" spans="8:8">
      <c r="H352302" s="12"/>
    </row>
    <row r="352303" spans="8:8">
      <c r="H352303" s="12"/>
    </row>
    <row r="352304" spans="8:8">
      <c r="H352304" s="12"/>
    </row>
    <row r="352305" spans="8:8">
      <c r="H352305" s="12"/>
    </row>
    <row r="352306" spans="8:8">
      <c r="H352306" s="12"/>
    </row>
    <row r="352307" spans="8:8">
      <c r="H352307" s="12"/>
    </row>
    <row r="352308" spans="8:8">
      <c r="H352308" s="12"/>
    </row>
    <row r="352309" spans="8:8">
      <c r="H352309" s="12"/>
    </row>
    <row r="352310" spans="8:8">
      <c r="H352310" s="12"/>
    </row>
    <row r="352311" spans="8:8">
      <c r="H352311" s="12"/>
    </row>
    <row r="352312" spans="8:8">
      <c r="H352312" s="12"/>
    </row>
    <row r="352313" spans="8:8">
      <c r="H352313" s="12"/>
    </row>
    <row r="352314" spans="8:8">
      <c r="H352314" s="12"/>
    </row>
    <row r="352315" spans="8:8">
      <c r="H352315" s="12"/>
    </row>
    <row r="352316" spans="8:8">
      <c r="H352316" s="12"/>
    </row>
    <row r="352317" spans="8:8">
      <c r="H352317" s="12"/>
    </row>
    <row r="352318" spans="8:8">
      <c r="H352318" s="12"/>
    </row>
    <row r="352319" spans="8:8">
      <c r="H352319" s="12"/>
    </row>
    <row r="352320" spans="8:8">
      <c r="H352320" s="12"/>
    </row>
    <row r="352321" spans="8:8">
      <c r="H352321" s="12"/>
    </row>
    <row r="352322" spans="8:8">
      <c r="H352322" s="12"/>
    </row>
    <row r="352323" spans="8:8">
      <c r="H352323" s="12"/>
    </row>
    <row r="352324" spans="8:8">
      <c r="H352324" s="12"/>
    </row>
    <row r="352325" spans="8:8">
      <c r="H352325" s="12"/>
    </row>
    <row r="352326" spans="8:8">
      <c r="H352326" s="12"/>
    </row>
    <row r="352327" spans="8:8">
      <c r="H352327" s="12"/>
    </row>
    <row r="352328" spans="8:8">
      <c r="H352328" s="12"/>
    </row>
    <row r="352329" spans="8:8">
      <c r="H352329" s="12"/>
    </row>
    <row r="352330" spans="8:8">
      <c r="H352330" s="12"/>
    </row>
    <row r="352331" spans="8:8">
      <c r="H352331" s="12"/>
    </row>
    <row r="352332" spans="8:8">
      <c r="H352332" s="12"/>
    </row>
    <row r="352333" spans="8:8">
      <c r="H352333" s="12"/>
    </row>
    <row r="352334" spans="8:8">
      <c r="H352334" s="12"/>
    </row>
    <row r="352335" spans="8:8">
      <c r="H352335" s="12"/>
    </row>
    <row r="352336" spans="8:8">
      <c r="H352336" s="12"/>
    </row>
    <row r="352337" spans="8:8">
      <c r="H352337" s="12"/>
    </row>
    <row r="352338" spans="8:8">
      <c r="H352338" s="12"/>
    </row>
    <row r="352339" spans="8:8">
      <c r="H352339" s="12"/>
    </row>
    <row r="352340" spans="8:8">
      <c r="H352340" s="12"/>
    </row>
    <row r="352341" spans="8:8">
      <c r="H352341" s="12"/>
    </row>
    <row r="352342" spans="8:8">
      <c r="H352342" s="12"/>
    </row>
    <row r="352343" spans="8:8">
      <c r="H352343" s="12"/>
    </row>
    <row r="352344" spans="8:8">
      <c r="H352344" s="12"/>
    </row>
    <row r="352345" spans="8:8">
      <c r="H352345" s="12"/>
    </row>
    <row r="352346" spans="8:8">
      <c r="H352346" s="12"/>
    </row>
    <row r="352347" spans="8:8">
      <c r="H352347" s="12"/>
    </row>
    <row r="352348" spans="8:8">
      <c r="H352348" s="12"/>
    </row>
    <row r="352349" spans="8:8">
      <c r="H352349" s="12"/>
    </row>
    <row r="352350" spans="8:8">
      <c r="H352350" s="12"/>
    </row>
    <row r="352351" spans="8:8">
      <c r="H352351" s="12"/>
    </row>
    <row r="352352" spans="8:8">
      <c r="H352352" s="12"/>
    </row>
    <row r="352353" spans="8:8">
      <c r="H352353" s="12"/>
    </row>
    <row r="352354" spans="8:8">
      <c r="H352354" s="12"/>
    </row>
    <row r="352355" spans="8:8">
      <c r="H352355" s="12"/>
    </row>
    <row r="352356" spans="8:8">
      <c r="H352356" s="12"/>
    </row>
    <row r="352357" spans="8:8">
      <c r="H352357" s="12"/>
    </row>
    <row r="352358" spans="8:8">
      <c r="H352358" s="12"/>
    </row>
    <row r="352359" spans="8:8">
      <c r="H352359" s="12"/>
    </row>
    <row r="352360" spans="8:8">
      <c r="H352360" s="12"/>
    </row>
    <row r="352361" spans="8:8">
      <c r="H352361" s="12"/>
    </row>
    <row r="352362" spans="8:8">
      <c r="H352362" s="12"/>
    </row>
    <row r="352363" spans="8:8">
      <c r="H352363" s="12"/>
    </row>
    <row r="352364" spans="8:8">
      <c r="H352364" s="12"/>
    </row>
    <row r="352365" spans="8:8">
      <c r="H352365" s="12"/>
    </row>
    <row r="352366" spans="8:8">
      <c r="H352366" s="12"/>
    </row>
    <row r="352367" spans="8:8">
      <c r="H352367" s="12"/>
    </row>
    <row r="352368" spans="8:8">
      <c r="H352368" s="12"/>
    </row>
    <row r="352369" spans="8:8">
      <c r="H352369" s="12"/>
    </row>
    <row r="352370" spans="8:8">
      <c r="H352370" s="12"/>
    </row>
    <row r="352371" spans="8:8">
      <c r="H352371" s="12"/>
    </row>
    <row r="352372" spans="8:8">
      <c r="H352372" s="12"/>
    </row>
    <row r="352373" spans="8:8">
      <c r="H352373" s="12"/>
    </row>
    <row r="352374" spans="8:8">
      <c r="H352374" s="12"/>
    </row>
    <row r="352375" spans="8:8">
      <c r="H352375" s="12"/>
    </row>
    <row r="352376" spans="8:8">
      <c r="H352376" s="12"/>
    </row>
    <row r="352377" spans="8:8">
      <c r="H352377" s="12"/>
    </row>
    <row r="352378" spans="8:8">
      <c r="H352378" s="12"/>
    </row>
    <row r="352379" spans="8:8">
      <c r="H352379" s="12"/>
    </row>
    <row r="352380" spans="8:8">
      <c r="H352380" s="12"/>
    </row>
    <row r="352381" spans="8:8">
      <c r="H352381" s="12"/>
    </row>
    <row r="352382" spans="8:8">
      <c r="H352382" s="12"/>
    </row>
    <row r="352383" spans="8:8">
      <c r="H352383" s="12"/>
    </row>
    <row r="352384" spans="8:8">
      <c r="H352384" s="12"/>
    </row>
    <row r="352385" spans="8:8">
      <c r="H352385" s="12"/>
    </row>
    <row r="352386" spans="8:8">
      <c r="H352386" s="12"/>
    </row>
    <row r="352387" spans="8:8">
      <c r="H352387" s="12"/>
    </row>
    <row r="352388" spans="8:8">
      <c r="H352388" s="12"/>
    </row>
    <row r="352389" spans="8:8">
      <c r="H352389" s="12"/>
    </row>
    <row r="352390" spans="8:8">
      <c r="H352390" s="12"/>
    </row>
    <row r="352391" spans="8:8">
      <c r="H352391" s="12"/>
    </row>
    <row r="352392" spans="8:8">
      <c r="H352392" s="12"/>
    </row>
    <row r="352393" spans="8:8">
      <c r="H352393" s="12"/>
    </row>
    <row r="352394" spans="8:8">
      <c r="H352394" s="12"/>
    </row>
    <row r="352395" spans="8:8">
      <c r="H352395" s="12"/>
    </row>
    <row r="352396" spans="8:8">
      <c r="H352396" s="12"/>
    </row>
    <row r="352397" spans="8:8">
      <c r="H352397" s="12"/>
    </row>
    <row r="352398" spans="8:8">
      <c r="H352398" s="12"/>
    </row>
    <row r="352399" spans="8:8">
      <c r="H352399" s="12"/>
    </row>
    <row r="352400" spans="8:8">
      <c r="H352400" s="12"/>
    </row>
    <row r="352401" spans="8:8">
      <c r="H352401" s="12"/>
    </row>
    <row r="352402" spans="8:8">
      <c r="H352402" s="12"/>
    </row>
    <row r="352403" spans="8:8">
      <c r="H352403" s="12"/>
    </row>
    <row r="352404" spans="8:8">
      <c r="H352404" s="12"/>
    </row>
    <row r="352405" spans="8:8">
      <c r="H352405" s="12"/>
    </row>
    <row r="352406" spans="8:8">
      <c r="H352406" s="12"/>
    </row>
    <row r="352407" spans="8:8">
      <c r="H352407" s="12"/>
    </row>
    <row r="352408" spans="8:8">
      <c r="H352408" s="12"/>
    </row>
    <row r="352409" spans="8:8">
      <c r="H352409" s="12"/>
    </row>
    <row r="352410" spans="8:8">
      <c r="H352410" s="12"/>
    </row>
    <row r="352411" spans="8:8">
      <c r="H352411" s="12"/>
    </row>
    <row r="352412" spans="8:8">
      <c r="H352412" s="12"/>
    </row>
    <row r="352413" spans="8:8">
      <c r="H352413" s="12"/>
    </row>
    <row r="352414" spans="8:8">
      <c r="H352414" s="12"/>
    </row>
    <row r="352415" spans="8:8">
      <c r="H352415" s="12"/>
    </row>
    <row r="352416" spans="8:8">
      <c r="H352416" s="12"/>
    </row>
    <row r="352417" spans="8:8">
      <c r="H352417" s="12"/>
    </row>
    <row r="352418" spans="8:8">
      <c r="H352418" s="12"/>
    </row>
    <row r="352419" spans="8:8">
      <c r="H352419" s="12"/>
    </row>
    <row r="352420" spans="8:8">
      <c r="H352420" s="12"/>
    </row>
    <row r="352421" spans="8:8">
      <c r="H352421" s="12"/>
    </row>
    <row r="352422" spans="8:8">
      <c r="H352422" s="12"/>
    </row>
    <row r="352423" spans="8:8">
      <c r="H352423" s="12"/>
    </row>
    <row r="352424" spans="8:8">
      <c r="H352424" s="12"/>
    </row>
    <row r="352425" spans="8:8">
      <c r="H352425" s="12"/>
    </row>
    <row r="352426" spans="8:8">
      <c r="H352426" s="12"/>
    </row>
    <row r="352427" spans="8:8">
      <c r="H352427" s="12"/>
    </row>
    <row r="352428" spans="8:8">
      <c r="H352428" s="12"/>
    </row>
    <row r="352429" spans="8:8">
      <c r="H352429" s="12"/>
    </row>
    <row r="352430" spans="8:8">
      <c r="H352430" s="12"/>
    </row>
    <row r="352431" spans="8:8">
      <c r="H352431" s="12"/>
    </row>
    <row r="352432" spans="8:8">
      <c r="H352432" s="12"/>
    </row>
    <row r="352433" spans="8:8">
      <c r="H352433" s="12"/>
    </row>
    <row r="352434" spans="8:8">
      <c r="H352434" s="12"/>
    </row>
    <row r="352435" spans="8:8">
      <c r="H352435" s="12"/>
    </row>
    <row r="352436" spans="8:8">
      <c r="H352436" s="12"/>
    </row>
    <row r="352437" spans="8:8">
      <c r="H352437" s="12"/>
    </row>
    <row r="352438" spans="8:8">
      <c r="H352438" s="12"/>
    </row>
    <row r="352439" spans="8:8">
      <c r="H352439" s="12"/>
    </row>
    <row r="352440" spans="8:8">
      <c r="H352440" s="12"/>
    </row>
    <row r="352441" spans="8:8">
      <c r="H352441" s="12"/>
    </row>
    <row r="352442" spans="8:8">
      <c r="H352442" s="12"/>
    </row>
    <row r="352443" spans="8:8">
      <c r="H352443" s="12"/>
    </row>
    <row r="352444" spans="8:8">
      <c r="H352444" s="12"/>
    </row>
    <row r="352445" spans="8:8">
      <c r="H352445" s="12"/>
    </row>
    <row r="352446" spans="8:8">
      <c r="H352446" s="12"/>
    </row>
    <row r="352447" spans="8:8">
      <c r="H352447" s="12"/>
    </row>
    <row r="352448" spans="8:8">
      <c r="H352448" s="12"/>
    </row>
    <row r="352449" spans="8:8">
      <c r="H352449" s="12"/>
    </row>
    <row r="352450" spans="8:8">
      <c r="H352450" s="12"/>
    </row>
    <row r="352451" spans="8:8">
      <c r="H352451" s="12"/>
    </row>
    <row r="352452" spans="8:8">
      <c r="H352452" s="12"/>
    </row>
    <row r="352453" spans="8:8">
      <c r="H352453" s="12"/>
    </row>
    <row r="352454" spans="8:8">
      <c r="H352454" s="12"/>
    </row>
    <row r="352455" spans="8:8">
      <c r="H352455" s="12"/>
    </row>
    <row r="352456" spans="8:8">
      <c r="H352456" s="12"/>
    </row>
    <row r="352457" spans="8:8">
      <c r="H352457" s="12"/>
    </row>
    <row r="352458" spans="8:8">
      <c r="H352458" s="12"/>
    </row>
    <row r="352459" spans="8:8">
      <c r="H352459" s="12"/>
    </row>
    <row r="352460" spans="8:8">
      <c r="H352460" s="12"/>
    </row>
    <row r="352461" spans="8:8">
      <c r="H352461" s="12"/>
    </row>
    <row r="352462" spans="8:8">
      <c r="H352462" s="12"/>
    </row>
    <row r="352463" spans="8:8">
      <c r="H352463" s="12"/>
    </row>
    <row r="352464" spans="8:8">
      <c r="H352464" s="12"/>
    </row>
    <row r="352465" spans="8:8">
      <c r="H352465" s="12"/>
    </row>
    <row r="352466" spans="8:8">
      <c r="H352466" s="12"/>
    </row>
    <row r="352467" spans="8:8">
      <c r="H352467" s="12"/>
    </row>
    <row r="352468" spans="8:8">
      <c r="H352468" s="12"/>
    </row>
    <row r="352469" spans="8:8">
      <c r="H352469" s="12"/>
    </row>
    <row r="352470" spans="8:8">
      <c r="H352470" s="12"/>
    </row>
    <row r="352471" spans="8:8">
      <c r="H352471" s="12"/>
    </row>
    <row r="352472" spans="8:8">
      <c r="H352472" s="12"/>
    </row>
    <row r="352473" spans="8:8">
      <c r="H352473" s="12"/>
    </row>
    <row r="352474" spans="8:8">
      <c r="H352474" s="12"/>
    </row>
    <row r="352475" spans="8:8">
      <c r="H352475" s="12"/>
    </row>
    <row r="352476" spans="8:8">
      <c r="H352476" s="12"/>
    </row>
    <row r="352477" spans="8:8">
      <c r="H352477" s="12"/>
    </row>
    <row r="352478" spans="8:8">
      <c r="H352478" s="12"/>
    </row>
    <row r="352479" spans="8:8">
      <c r="H352479" s="12"/>
    </row>
    <row r="352480" spans="8:8">
      <c r="H352480" s="12"/>
    </row>
    <row r="352481" spans="8:8">
      <c r="H352481" s="12"/>
    </row>
    <row r="352482" spans="8:8">
      <c r="H352482" s="12"/>
    </row>
    <row r="352483" spans="8:8">
      <c r="H352483" s="12"/>
    </row>
    <row r="352484" spans="8:8">
      <c r="H352484" s="12"/>
    </row>
    <row r="352485" spans="8:8">
      <c r="H352485" s="12"/>
    </row>
    <row r="352486" spans="8:8">
      <c r="H352486" s="12"/>
    </row>
    <row r="352487" spans="8:8">
      <c r="H352487" s="12"/>
    </row>
    <row r="352488" spans="8:8">
      <c r="H352488" s="12"/>
    </row>
    <row r="352489" spans="8:8">
      <c r="H352489" s="12"/>
    </row>
    <row r="352490" spans="8:8">
      <c r="H352490" s="12"/>
    </row>
    <row r="352491" spans="8:8">
      <c r="H352491" s="12"/>
    </row>
    <row r="352492" spans="8:8">
      <c r="H352492" s="12"/>
    </row>
    <row r="352493" spans="8:8">
      <c r="H352493" s="12"/>
    </row>
    <row r="352494" spans="8:8">
      <c r="H352494" s="12"/>
    </row>
    <row r="352495" spans="8:8">
      <c r="H352495" s="12"/>
    </row>
    <row r="352496" spans="8:8">
      <c r="H352496" s="12"/>
    </row>
    <row r="352497" spans="8:8">
      <c r="H352497" s="12"/>
    </row>
    <row r="352498" spans="8:8">
      <c r="H352498" s="12"/>
    </row>
    <row r="352499" spans="8:8">
      <c r="H352499" s="12"/>
    </row>
    <row r="352500" spans="8:8">
      <c r="H352500" s="12"/>
    </row>
    <row r="352501" spans="8:8">
      <c r="H352501" s="12"/>
    </row>
    <row r="352502" spans="8:8">
      <c r="H352502" s="12"/>
    </row>
    <row r="352503" spans="8:8">
      <c r="H352503" s="12"/>
    </row>
    <row r="352504" spans="8:8">
      <c r="H352504" s="12"/>
    </row>
    <row r="352505" spans="8:8">
      <c r="H352505" s="12"/>
    </row>
    <row r="352506" spans="8:8">
      <c r="H352506" s="12"/>
    </row>
    <row r="352507" spans="8:8">
      <c r="H352507" s="12"/>
    </row>
    <row r="352508" spans="8:8">
      <c r="H352508" s="12"/>
    </row>
    <row r="352509" spans="8:8">
      <c r="H352509" s="12"/>
    </row>
    <row r="352510" spans="8:8">
      <c r="H352510" s="12"/>
    </row>
    <row r="352511" spans="8:8">
      <c r="H352511" s="12"/>
    </row>
    <row r="352512" spans="8:8">
      <c r="H352512" s="12"/>
    </row>
    <row r="352513" spans="8:8">
      <c r="H352513" s="12"/>
    </row>
    <row r="352514" spans="8:8">
      <c r="H352514" s="12"/>
    </row>
    <row r="352515" spans="8:8">
      <c r="H352515" s="12"/>
    </row>
    <row r="352516" spans="8:8">
      <c r="H352516" s="12"/>
    </row>
    <row r="352517" spans="8:8">
      <c r="H352517" s="12"/>
    </row>
    <row r="352518" spans="8:8">
      <c r="H352518" s="12"/>
    </row>
    <row r="352519" spans="8:8">
      <c r="H352519" s="12"/>
    </row>
    <row r="352520" spans="8:8">
      <c r="H352520" s="12"/>
    </row>
    <row r="352521" spans="8:8">
      <c r="H352521" s="12"/>
    </row>
    <row r="352522" spans="8:8">
      <c r="H352522" s="12"/>
    </row>
    <row r="352523" spans="8:8">
      <c r="H352523" s="12"/>
    </row>
    <row r="352524" spans="8:8">
      <c r="H352524" s="12"/>
    </row>
    <row r="352525" spans="8:8">
      <c r="H352525" s="12"/>
    </row>
    <row r="352526" spans="8:8">
      <c r="H352526" s="12"/>
    </row>
    <row r="352527" spans="8:8">
      <c r="H352527" s="12"/>
    </row>
    <row r="352528" spans="8:8">
      <c r="H352528" s="12"/>
    </row>
    <row r="352529" spans="8:8">
      <c r="H352529" s="12"/>
    </row>
    <row r="352530" spans="8:8">
      <c r="H352530" s="12"/>
    </row>
    <row r="352531" spans="8:8">
      <c r="H352531" s="12"/>
    </row>
    <row r="352532" spans="8:8">
      <c r="H352532" s="12"/>
    </row>
    <row r="352533" spans="8:8">
      <c r="H352533" s="12"/>
    </row>
    <row r="352534" spans="8:8">
      <c r="H352534" s="12"/>
    </row>
    <row r="352535" spans="8:8">
      <c r="H352535" s="12"/>
    </row>
    <row r="352536" spans="8:8">
      <c r="H352536" s="12"/>
    </row>
    <row r="352537" spans="8:8">
      <c r="H352537" s="12"/>
    </row>
    <row r="352538" spans="8:8">
      <c r="H352538" s="12"/>
    </row>
    <row r="352539" spans="8:8">
      <c r="H352539" s="12"/>
    </row>
    <row r="352540" spans="8:8">
      <c r="H352540" s="12"/>
    </row>
    <row r="352541" spans="8:8">
      <c r="H352541" s="12"/>
    </row>
    <row r="352542" spans="8:8">
      <c r="H352542" s="12"/>
    </row>
    <row r="352543" spans="8:8">
      <c r="H352543" s="12"/>
    </row>
    <row r="352544" spans="8:8">
      <c r="H352544" s="12"/>
    </row>
    <row r="352545" spans="8:8">
      <c r="H352545" s="12"/>
    </row>
    <row r="352546" spans="8:8">
      <c r="H352546" s="12"/>
    </row>
    <row r="352547" spans="8:8">
      <c r="H352547" s="12"/>
    </row>
    <row r="352548" spans="8:8">
      <c r="H352548" s="12"/>
    </row>
    <row r="352549" spans="8:8">
      <c r="H352549" s="12"/>
    </row>
    <row r="352550" spans="8:8">
      <c r="H352550" s="12"/>
    </row>
    <row r="352551" spans="8:8">
      <c r="H352551" s="12"/>
    </row>
    <row r="352552" spans="8:8">
      <c r="H352552" s="12"/>
    </row>
    <row r="352553" spans="8:8">
      <c r="H352553" s="12"/>
    </row>
    <row r="352554" spans="8:8">
      <c r="H352554" s="12"/>
    </row>
    <row r="352555" spans="8:8">
      <c r="H352555" s="12"/>
    </row>
    <row r="352556" spans="8:8">
      <c r="H352556" s="12"/>
    </row>
    <row r="352557" spans="8:8">
      <c r="H352557" s="12"/>
    </row>
    <row r="352558" spans="8:8">
      <c r="H352558" s="12"/>
    </row>
    <row r="352559" spans="8:8">
      <c r="H352559" s="12"/>
    </row>
    <row r="352560" spans="8:8">
      <c r="H352560" s="12"/>
    </row>
    <row r="352561" spans="8:8">
      <c r="H352561" s="12"/>
    </row>
    <row r="352562" spans="8:8">
      <c r="H352562" s="12"/>
    </row>
    <row r="352563" spans="8:8">
      <c r="H352563" s="12"/>
    </row>
    <row r="352564" spans="8:8">
      <c r="H352564" s="12"/>
    </row>
    <row r="352565" spans="8:8">
      <c r="H352565" s="12"/>
    </row>
    <row r="352566" spans="8:8">
      <c r="H352566" s="12"/>
    </row>
    <row r="352567" spans="8:8">
      <c r="H352567" s="12"/>
    </row>
    <row r="352568" spans="8:8">
      <c r="H352568" s="12"/>
    </row>
    <row r="352569" spans="8:8">
      <c r="H352569" s="12"/>
    </row>
    <row r="352570" spans="8:8">
      <c r="H352570" s="12"/>
    </row>
    <row r="352571" spans="8:8">
      <c r="H352571" s="12"/>
    </row>
    <row r="352572" spans="8:8">
      <c r="H352572" s="12"/>
    </row>
    <row r="352573" spans="8:8">
      <c r="H352573" s="12"/>
    </row>
    <row r="352574" spans="8:8">
      <c r="H352574" s="12"/>
    </row>
    <row r="352575" spans="8:8">
      <c r="H352575" s="12"/>
    </row>
    <row r="352576" spans="8:8">
      <c r="H352576" s="12"/>
    </row>
    <row r="352577" spans="8:8">
      <c r="H352577" s="12"/>
    </row>
    <row r="352578" spans="8:8">
      <c r="H352578" s="12"/>
    </row>
    <row r="352579" spans="8:8">
      <c r="H352579" s="12"/>
    </row>
    <row r="352580" spans="8:8">
      <c r="H352580" s="12"/>
    </row>
    <row r="352581" spans="8:8">
      <c r="H352581" s="12"/>
    </row>
    <row r="352582" spans="8:8">
      <c r="H352582" s="12"/>
    </row>
    <row r="352583" spans="8:8">
      <c r="H352583" s="12"/>
    </row>
    <row r="352584" spans="8:8">
      <c r="H352584" s="12"/>
    </row>
    <row r="352585" spans="8:8">
      <c r="H352585" s="12"/>
    </row>
    <row r="352586" spans="8:8">
      <c r="H352586" s="12"/>
    </row>
    <row r="352587" spans="8:8">
      <c r="H352587" s="12"/>
    </row>
    <row r="352588" spans="8:8">
      <c r="H352588" s="12"/>
    </row>
    <row r="352589" spans="8:8">
      <c r="H352589" s="12"/>
    </row>
    <row r="352590" spans="8:8">
      <c r="H352590" s="12"/>
    </row>
    <row r="352591" spans="8:8">
      <c r="H352591" s="12"/>
    </row>
    <row r="352592" spans="8:8">
      <c r="H352592" s="12"/>
    </row>
    <row r="352593" spans="8:8">
      <c r="H352593" s="12"/>
    </row>
    <row r="352594" spans="8:8">
      <c r="H352594" s="12"/>
    </row>
    <row r="352595" spans="8:8">
      <c r="H352595" s="12"/>
    </row>
    <row r="352596" spans="8:8">
      <c r="H352596" s="12"/>
    </row>
    <row r="352597" spans="8:8">
      <c r="H352597" s="12"/>
    </row>
    <row r="352598" spans="8:8">
      <c r="H352598" s="12"/>
    </row>
    <row r="352599" spans="8:8">
      <c r="H352599" s="12"/>
    </row>
    <row r="352600" spans="8:8">
      <c r="H352600" s="12"/>
    </row>
    <row r="352601" spans="8:8">
      <c r="H352601" s="12"/>
    </row>
    <row r="352602" spans="8:8">
      <c r="H352602" s="12"/>
    </row>
    <row r="352603" spans="8:8">
      <c r="H352603" s="12"/>
    </row>
    <row r="352604" spans="8:8">
      <c r="H352604" s="12"/>
    </row>
    <row r="352605" spans="8:8">
      <c r="H352605" s="12"/>
    </row>
    <row r="352606" spans="8:8">
      <c r="H352606" s="12"/>
    </row>
    <row r="352607" spans="8:8">
      <c r="H352607" s="12"/>
    </row>
    <row r="352608" spans="8:8">
      <c r="H352608" s="12"/>
    </row>
    <row r="352609" spans="8:8">
      <c r="H352609" s="12"/>
    </row>
    <row r="352610" spans="8:8">
      <c r="H352610" s="12"/>
    </row>
    <row r="352611" spans="8:8">
      <c r="H352611" s="12"/>
    </row>
    <row r="352612" spans="8:8">
      <c r="H352612" s="12"/>
    </row>
    <row r="352613" spans="8:8">
      <c r="H352613" s="12"/>
    </row>
    <row r="352614" spans="8:8">
      <c r="H352614" s="12"/>
    </row>
    <row r="352615" spans="8:8">
      <c r="H352615" s="12"/>
    </row>
    <row r="352616" spans="8:8">
      <c r="H352616" s="12"/>
    </row>
    <row r="352617" spans="8:8">
      <c r="H352617" s="12"/>
    </row>
    <row r="352618" spans="8:8">
      <c r="H352618" s="12"/>
    </row>
    <row r="352619" spans="8:8">
      <c r="H352619" s="12"/>
    </row>
    <row r="352620" spans="8:8">
      <c r="H352620" s="12"/>
    </row>
    <row r="352621" spans="8:8">
      <c r="H352621" s="12"/>
    </row>
    <row r="352622" spans="8:8">
      <c r="H352622" s="12"/>
    </row>
    <row r="352623" spans="8:8">
      <c r="H352623" s="12"/>
    </row>
    <row r="352624" spans="8:8">
      <c r="H352624" s="12"/>
    </row>
    <row r="352625" spans="8:8">
      <c r="H352625" s="12"/>
    </row>
    <row r="352626" spans="8:8">
      <c r="H352626" s="12"/>
    </row>
    <row r="352627" spans="8:8">
      <c r="H352627" s="12"/>
    </row>
    <row r="352628" spans="8:8">
      <c r="H352628" s="12"/>
    </row>
    <row r="352629" spans="8:8">
      <c r="H352629" s="12"/>
    </row>
    <row r="352630" spans="8:8">
      <c r="H352630" s="12"/>
    </row>
    <row r="352631" spans="8:8">
      <c r="H352631" s="12"/>
    </row>
    <row r="352632" spans="8:8">
      <c r="H352632" s="12"/>
    </row>
    <row r="352633" spans="8:8">
      <c r="H352633" s="12"/>
    </row>
    <row r="352634" spans="8:8">
      <c r="H352634" s="12"/>
    </row>
    <row r="352635" spans="8:8">
      <c r="H352635" s="12"/>
    </row>
    <row r="352636" spans="8:8">
      <c r="H352636" s="12"/>
    </row>
    <row r="352637" spans="8:8">
      <c r="H352637" s="12"/>
    </row>
    <row r="352638" spans="8:8">
      <c r="H352638" s="12"/>
    </row>
    <row r="352639" spans="8:8">
      <c r="H352639" s="12"/>
    </row>
    <row r="352640" spans="8:8">
      <c r="H352640" s="12"/>
    </row>
    <row r="352641" spans="8:8">
      <c r="H352641" s="12"/>
    </row>
    <row r="352642" spans="8:8">
      <c r="H352642" s="12"/>
    </row>
    <row r="352643" spans="8:8">
      <c r="H352643" s="12"/>
    </row>
    <row r="352644" spans="8:8">
      <c r="H352644" s="12"/>
    </row>
    <row r="352645" spans="8:8">
      <c r="H352645" s="12"/>
    </row>
    <row r="352646" spans="8:8">
      <c r="H352646" s="12"/>
    </row>
    <row r="352647" spans="8:8">
      <c r="H352647" s="12"/>
    </row>
    <row r="352648" spans="8:8">
      <c r="H352648" s="12"/>
    </row>
    <row r="352649" spans="8:8">
      <c r="H352649" s="12"/>
    </row>
    <row r="352650" spans="8:8">
      <c r="H352650" s="12"/>
    </row>
    <row r="352651" spans="8:8">
      <c r="H352651" s="12"/>
    </row>
    <row r="352652" spans="8:8">
      <c r="H352652" s="12"/>
    </row>
    <row r="352653" spans="8:8">
      <c r="H352653" s="12"/>
    </row>
    <row r="352654" spans="8:8">
      <c r="H352654" s="12"/>
    </row>
    <row r="352655" spans="8:8">
      <c r="H352655" s="12"/>
    </row>
    <row r="352656" spans="8:8">
      <c r="H352656" s="12"/>
    </row>
    <row r="352657" spans="8:8">
      <c r="H352657" s="12"/>
    </row>
    <row r="352658" spans="8:8">
      <c r="H352658" s="12"/>
    </row>
    <row r="352659" spans="8:8">
      <c r="H352659" s="12"/>
    </row>
    <row r="352660" spans="8:8">
      <c r="H352660" s="12"/>
    </row>
    <row r="352661" spans="8:8">
      <c r="H352661" s="12"/>
    </row>
    <row r="352662" spans="8:8">
      <c r="H352662" s="12"/>
    </row>
    <row r="352663" spans="8:8">
      <c r="H352663" s="12"/>
    </row>
    <row r="352664" spans="8:8">
      <c r="H352664" s="12"/>
    </row>
    <row r="352665" spans="8:8">
      <c r="H352665" s="12"/>
    </row>
    <row r="352666" spans="8:8">
      <c r="H352666" s="12"/>
    </row>
    <row r="352667" spans="8:8">
      <c r="H352667" s="12"/>
    </row>
    <row r="352668" spans="8:8">
      <c r="H352668" s="12"/>
    </row>
    <row r="352669" spans="8:8">
      <c r="H352669" s="12"/>
    </row>
    <row r="352670" spans="8:8">
      <c r="H352670" s="12"/>
    </row>
    <row r="352671" spans="8:8">
      <c r="H352671" s="12"/>
    </row>
    <row r="352672" spans="8:8">
      <c r="H352672" s="12"/>
    </row>
    <row r="352673" spans="8:8">
      <c r="H352673" s="12"/>
    </row>
    <row r="352674" spans="8:8">
      <c r="H352674" s="12"/>
    </row>
    <row r="352675" spans="8:8">
      <c r="H352675" s="12"/>
    </row>
    <row r="352676" spans="8:8">
      <c r="H352676" s="12"/>
    </row>
    <row r="352677" spans="8:8">
      <c r="H352677" s="12"/>
    </row>
    <row r="352678" spans="8:8">
      <c r="H352678" s="12"/>
    </row>
    <row r="352679" spans="8:8">
      <c r="H352679" s="12"/>
    </row>
    <row r="352680" spans="8:8">
      <c r="H352680" s="12"/>
    </row>
    <row r="352681" spans="8:8">
      <c r="H352681" s="12"/>
    </row>
    <row r="352682" spans="8:8">
      <c r="H352682" s="12"/>
    </row>
    <row r="352683" spans="8:8">
      <c r="H352683" s="12"/>
    </row>
    <row r="352684" spans="8:8">
      <c r="H352684" s="12"/>
    </row>
    <row r="352685" spans="8:8">
      <c r="H352685" s="12"/>
    </row>
    <row r="352686" spans="8:8">
      <c r="H352686" s="12"/>
    </row>
    <row r="352687" spans="8:8">
      <c r="H352687" s="12"/>
    </row>
    <row r="352688" spans="8:8">
      <c r="H352688" s="12"/>
    </row>
    <row r="352689" spans="8:8">
      <c r="H352689" s="12"/>
    </row>
    <row r="352690" spans="8:8">
      <c r="H352690" s="12"/>
    </row>
    <row r="352691" spans="8:8">
      <c r="H352691" s="12"/>
    </row>
    <row r="352692" spans="8:8">
      <c r="H352692" s="12"/>
    </row>
    <row r="352693" spans="8:8">
      <c r="H352693" s="12"/>
    </row>
    <row r="352694" spans="8:8">
      <c r="H352694" s="12"/>
    </row>
    <row r="352695" spans="8:8">
      <c r="H352695" s="12"/>
    </row>
    <row r="352696" spans="8:8">
      <c r="H352696" s="12"/>
    </row>
    <row r="352697" spans="8:8">
      <c r="H352697" s="12"/>
    </row>
    <row r="352698" spans="8:8">
      <c r="H352698" s="12"/>
    </row>
    <row r="352699" spans="8:8">
      <c r="H352699" s="12"/>
    </row>
    <row r="352700" spans="8:8">
      <c r="H352700" s="12"/>
    </row>
    <row r="352701" spans="8:8">
      <c r="H352701" s="12"/>
    </row>
    <row r="352702" spans="8:8">
      <c r="H352702" s="12"/>
    </row>
    <row r="352703" spans="8:8">
      <c r="H352703" s="12"/>
    </row>
    <row r="352704" spans="8:8">
      <c r="H352704" s="12"/>
    </row>
    <row r="352705" spans="8:8">
      <c r="H352705" s="12"/>
    </row>
    <row r="352706" spans="8:8">
      <c r="H352706" s="12"/>
    </row>
    <row r="352707" spans="8:8">
      <c r="H352707" s="12"/>
    </row>
    <row r="352708" spans="8:8">
      <c r="H352708" s="12"/>
    </row>
    <row r="352709" spans="8:8">
      <c r="H352709" s="12"/>
    </row>
    <row r="352710" spans="8:8">
      <c r="H352710" s="12"/>
    </row>
    <row r="352711" spans="8:8">
      <c r="H352711" s="12"/>
    </row>
    <row r="352712" spans="8:8">
      <c r="H352712" s="12"/>
    </row>
    <row r="352713" spans="8:8">
      <c r="H352713" s="12"/>
    </row>
    <row r="352714" spans="8:8">
      <c r="H352714" s="12"/>
    </row>
    <row r="352715" spans="8:8">
      <c r="H352715" s="12"/>
    </row>
    <row r="352716" spans="8:8">
      <c r="H352716" s="12"/>
    </row>
    <row r="352717" spans="8:8">
      <c r="H352717" s="12"/>
    </row>
    <row r="352718" spans="8:8">
      <c r="H352718" s="12"/>
    </row>
    <row r="352719" spans="8:8">
      <c r="H352719" s="12"/>
    </row>
    <row r="352720" spans="8:8">
      <c r="H352720" s="12"/>
    </row>
    <row r="352721" spans="8:8">
      <c r="H352721" s="12"/>
    </row>
    <row r="352722" spans="8:8">
      <c r="H352722" s="12"/>
    </row>
    <row r="352723" spans="8:8">
      <c r="H352723" s="12"/>
    </row>
    <row r="352724" spans="8:8">
      <c r="H352724" s="12"/>
    </row>
    <row r="352725" spans="8:8">
      <c r="H352725" s="12"/>
    </row>
    <row r="352726" spans="8:8">
      <c r="H352726" s="12"/>
    </row>
    <row r="352727" spans="8:8">
      <c r="H352727" s="12"/>
    </row>
    <row r="352728" spans="8:8">
      <c r="H352728" s="12"/>
    </row>
    <row r="352729" spans="8:8">
      <c r="H352729" s="12"/>
    </row>
    <row r="352730" spans="8:8">
      <c r="H352730" s="12"/>
    </row>
    <row r="352731" spans="8:8">
      <c r="H352731" s="12"/>
    </row>
    <row r="352732" spans="8:8">
      <c r="H352732" s="12"/>
    </row>
    <row r="352733" spans="8:8">
      <c r="H352733" s="12"/>
    </row>
    <row r="352734" spans="8:8">
      <c r="H352734" s="12"/>
    </row>
    <row r="352735" spans="8:8">
      <c r="H352735" s="12"/>
    </row>
    <row r="352736" spans="8:8">
      <c r="H352736" s="12"/>
    </row>
    <row r="352737" spans="8:8">
      <c r="H352737" s="12"/>
    </row>
    <row r="352738" spans="8:8">
      <c r="H352738" s="12"/>
    </row>
    <row r="352739" spans="8:8">
      <c r="H352739" s="12"/>
    </row>
    <row r="352740" spans="8:8">
      <c r="H352740" s="12"/>
    </row>
    <row r="352741" spans="8:8">
      <c r="H352741" s="12"/>
    </row>
    <row r="352742" spans="8:8">
      <c r="H352742" s="12"/>
    </row>
    <row r="352743" spans="8:8">
      <c r="H352743" s="12"/>
    </row>
    <row r="352744" spans="8:8">
      <c r="H352744" s="12"/>
    </row>
    <row r="352745" spans="8:8">
      <c r="H352745" s="12"/>
    </row>
    <row r="352746" spans="8:8">
      <c r="H352746" s="12"/>
    </row>
    <row r="352747" spans="8:8">
      <c r="H352747" s="12"/>
    </row>
    <row r="352748" spans="8:8">
      <c r="H352748" s="12"/>
    </row>
    <row r="352749" spans="8:8">
      <c r="H352749" s="12"/>
    </row>
    <row r="352750" spans="8:8">
      <c r="H352750" s="12"/>
    </row>
    <row r="352751" spans="8:8">
      <c r="H352751" s="12"/>
    </row>
    <row r="352752" spans="8:8">
      <c r="H352752" s="12"/>
    </row>
    <row r="352753" spans="8:8">
      <c r="H352753" s="12"/>
    </row>
    <row r="352754" spans="8:8">
      <c r="H352754" s="12"/>
    </row>
    <row r="352755" spans="8:8">
      <c r="H352755" s="12"/>
    </row>
    <row r="352756" spans="8:8">
      <c r="H352756" s="12"/>
    </row>
    <row r="352757" spans="8:8">
      <c r="H352757" s="12"/>
    </row>
    <row r="352758" spans="8:8">
      <c r="H352758" s="12"/>
    </row>
    <row r="352759" spans="8:8">
      <c r="H352759" s="12"/>
    </row>
    <row r="352760" spans="8:8">
      <c r="H352760" s="12"/>
    </row>
    <row r="352761" spans="8:8">
      <c r="H352761" s="12"/>
    </row>
    <row r="352762" spans="8:8">
      <c r="H352762" s="12"/>
    </row>
    <row r="352763" spans="8:8">
      <c r="H352763" s="12"/>
    </row>
    <row r="352764" spans="8:8">
      <c r="H352764" s="12"/>
    </row>
    <row r="352765" spans="8:8">
      <c r="H352765" s="12"/>
    </row>
    <row r="352766" spans="8:8">
      <c r="H352766" s="12"/>
    </row>
    <row r="352767" spans="8:8">
      <c r="H352767" s="12"/>
    </row>
    <row r="352768" spans="8:8">
      <c r="H352768" s="12"/>
    </row>
    <row r="352769" spans="8:8">
      <c r="H352769" s="12"/>
    </row>
    <row r="352770" spans="8:8">
      <c r="H352770" s="12"/>
    </row>
    <row r="352771" spans="8:8">
      <c r="H352771" s="12"/>
    </row>
    <row r="352772" spans="8:8">
      <c r="H352772" s="12"/>
    </row>
    <row r="352773" spans="8:8">
      <c r="H352773" s="12"/>
    </row>
    <row r="352774" spans="8:8">
      <c r="H352774" s="12"/>
    </row>
    <row r="352775" spans="8:8">
      <c r="H352775" s="12"/>
    </row>
    <row r="352776" spans="8:8">
      <c r="H352776" s="12"/>
    </row>
    <row r="352777" spans="8:8">
      <c r="H352777" s="12"/>
    </row>
    <row r="352778" spans="8:8">
      <c r="H352778" s="12"/>
    </row>
    <row r="352779" spans="8:8">
      <c r="H352779" s="12"/>
    </row>
    <row r="352780" spans="8:8">
      <c r="H352780" s="12"/>
    </row>
    <row r="352781" spans="8:8">
      <c r="H352781" s="12"/>
    </row>
    <row r="352782" spans="8:8">
      <c r="H352782" s="12"/>
    </row>
    <row r="352783" spans="8:8">
      <c r="H352783" s="12"/>
    </row>
    <row r="352784" spans="8:8">
      <c r="H352784" s="12"/>
    </row>
    <row r="352785" spans="8:8">
      <c r="H352785" s="12"/>
    </row>
    <row r="352786" spans="8:8">
      <c r="H352786" s="12"/>
    </row>
    <row r="352787" spans="8:8">
      <c r="H352787" s="12"/>
    </row>
    <row r="352788" spans="8:8">
      <c r="H352788" s="12"/>
    </row>
    <row r="352789" spans="8:8">
      <c r="H352789" s="12"/>
    </row>
    <row r="352790" spans="8:8">
      <c r="H352790" s="12"/>
    </row>
    <row r="352791" spans="8:8">
      <c r="H352791" s="12"/>
    </row>
    <row r="352792" spans="8:8">
      <c r="H352792" s="12"/>
    </row>
    <row r="352793" spans="8:8">
      <c r="H352793" s="12"/>
    </row>
    <row r="352794" spans="8:8">
      <c r="H352794" s="12"/>
    </row>
    <row r="352795" spans="8:8">
      <c r="H352795" s="12"/>
    </row>
    <row r="352796" spans="8:8">
      <c r="H352796" s="12"/>
    </row>
    <row r="352797" spans="8:8">
      <c r="H352797" s="12"/>
    </row>
    <row r="352798" spans="8:8">
      <c r="H352798" s="12"/>
    </row>
    <row r="352799" spans="8:8">
      <c r="H352799" s="12"/>
    </row>
    <row r="352800" spans="8:8">
      <c r="H352800" s="12"/>
    </row>
    <row r="352801" spans="8:8">
      <c r="H352801" s="12"/>
    </row>
    <row r="352802" spans="8:8">
      <c r="H352802" s="12"/>
    </row>
    <row r="352803" spans="8:8">
      <c r="H352803" s="12"/>
    </row>
    <row r="352804" spans="8:8">
      <c r="H352804" s="12"/>
    </row>
    <row r="352805" spans="8:8">
      <c r="H352805" s="12"/>
    </row>
    <row r="352806" spans="8:8">
      <c r="H352806" s="12"/>
    </row>
    <row r="352807" spans="8:8">
      <c r="H352807" s="12"/>
    </row>
    <row r="352808" spans="8:8">
      <c r="H352808" s="12"/>
    </row>
    <row r="352809" spans="8:8">
      <c r="H352809" s="12"/>
    </row>
    <row r="352810" spans="8:8">
      <c r="H352810" s="12"/>
    </row>
    <row r="352811" spans="8:8">
      <c r="H352811" s="12"/>
    </row>
    <row r="352812" spans="8:8">
      <c r="H352812" s="12"/>
    </row>
    <row r="352813" spans="8:8">
      <c r="H352813" s="12"/>
    </row>
    <row r="352814" spans="8:8">
      <c r="H352814" s="12"/>
    </row>
    <row r="352815" spans="8:8">
      <c r="H352815" s="12"/>
    </row>
    <row r="352816" spans="8:8">
      <c r="H352816" s="12"/>
    </row>
    <row r="352817" spans="8:8">
      <c r="H352817" s="12"/>
    </row>
    <row r="352818" spans="8:8">
      <c r="H352818" s="12"/>
    </row>
    <row r="352819" spans="8:8">
      <c r="H352819" s="12"/>
    </row>
    <row r="352820" spans="8:8">
      <c r="H352820" s="12"/>
    </row>
    <row r="352821" spans="8:8">
      <c r="H352821" s="12"/>
    </row>
    <row r="352822" spans="8:8">
      <c r="H352822" s="12"/>
    </row>
    <row r="352823" spans="8:8">
      <c r="H352823" s="12"/>
    </row>
    <row r="352824" spans="8:8">
      <c r="H352824" s="12"/>
    </row>
    <row r="352825" spans="8:8">
      <c r="H352825" s="12"/>
    </row>
    <row r="352826" spans="8:8">
      <c r="H352826" s="12"/>
    </row>
    <row r="352827" spans="8:8">
      <c r="H352827" s="12"/>
    </row>
    <row r="352828" spans="8:8">
      <c r="H352828" s="12"/>
    </row>
    <row r="352829" spans="8:8">
      <c r="H352829" s="12"/>
    </row>
    <row r="352830" spans="8:8">
      <c r="H352830" s="12"/>
    </row>
    <row r="352831" spans="8:8">
      <c r="H352831" s="12"/>
    </row>
    <row r="352832" spans="8:8">
      <c r="H352832" s="12"/>
    </row>
    <row r="352833" spans="8:8">
      <c r="H352833" s="12"/>
    </row>
    <row r="352834" spans="8:8">
      <c r="H352834" s="12"/>
    </row>
    <row r="352835" spans="8:8">
      <c r="H352835" s="12"/>
    </row>
    <row r="352836" spans="8:8">
      <c r="H352836" s="12"/>
    </row>
    <row r="352837" spans="8:8">
      <c r="H352837" s="12"/>
    </row>
    <row r="352838" spans="8:8">
      <c r="H352838" s="12"/>
    </row>
    <row r="352839" spans="8:8">
      <c r="H352839" s="12"/>
    </row>
    <row r="352840" spans="8:8">
      <c r="H352840" s="12"/>
    </row>
    <row r="352841" spans="8:8">
      <c r="H352841" s="12"/>
    </row>
    <row r="352842" spans="8:8">
      <c r="H352842" s="12"/>
    </row>
    <row r="352843" spans="8:8">
      <c r="H352843" s="12"/>
    </row>
    <row r="352844" spans="8:8">
      <c r="H352844" s="12"/>
    </row>
    <row r="352845" spans="8:8">
      <c r="H352845" s="12"/>
    </row>
    <row r="352846" spans="8:8">
      <c r="H352846" s="12"/>
    </row>
    <row r="352847" spans="8:8">
      <c r="H352847" s="12"/>
    </row>
    <row r="352848" spans="8:8">
      <c r="H352848" s="12"/>
    </row>
    <row r="352849" spans="8:8">
      <c r="H352849" s="12"/>
    </row>
    <row r="352850" spans="8:8">
      <c r="H352850" s="12"/>
    </row>
    <row r="352851" spans="8:8">
      <c r="H352851" s="12"/>
    </row>
    <row r="352852" spans="8:8">
      <c r="H352852" s="12"/>
    </row>
    <row r="352853" spans="8:8">
      <c r="H352853" s="12"/>
    </row>
    <row r="352854" spans="8:8">
      <c r="H352854" s="12"/>
    </row>
    <row r="352855" spans="8:8">
      <c r="H352855" s="12"/>
    </row>
    <row r="352856" spans="8:8">
      <c r="H352856" s="12"/>
    </row>
    <row r="352857" spans="8:8">
      <c r="H352857" s="12"/>
    </row>
    <row r="352858" spans="8:8">
      <c r="H352858" s="12"/>
    </row>
    <row r="352859" spans="8:8">
      <c r="H352859" s="12"/>
    </row>
    <row r="352860" spans="8:8">
      <c r="H352860" s="12"/>
    </row>
    <row r="352861" spans="8:8">
      <c r="H352861" s="12"/>
    </row>
    <row r="352862" spans="8:8">
      <c r="H352862" s="12"/>
    </row>
    <row r="352863" spans="8:8">
      <c r="H352863" s="12"/>
    </row>
    <row r="352864" spans="8:8">
      <c r="H352864" s="12"/>
    </row>
    <row r="352865" spans="8:8">
      <c r="H352865" s="12"/>
    </row>
    <row r="352866" spans="8:8">
      <c r="H352866" s="12"/>
    </row>
    <row r="352867" spans="8:8">
      <c r="H352867" s="12"/>
    </row>
    <row r="352868" spans="8:8">
      <c r="H352868" s="12"/>
    </row>
    <row r="352869" spans="8:8">
      <c r="H352869" s="12"/>
    </row>
    <row r="352870" spans="8:8">
      <c r="H352870" s="12"/>
    </row>
    <row r="352871" spans="8:8">
      <c r="H352871" s="12"/>
    </row>
    <row r="352872" spans="8:8">
      <c r="H352872" s="12"/>
    </row>
    <row r="352873" spans="8:8">
      <c r="H352873" s="12"/>
    </row>
    <row r="352874" spans="8:8">
      <c r="H352874" s="12"/>
    </row>
    <row r="352875" spans="8:8">
      <c r="H352875" s="12"/>
    </row>
    <row r="352876" spans="8:8">
      <c r="H352876" s="12"/>
    </row>
    <row r="352877" spans="8:8">
      <c r="H352877" s="12"/>
    </row>
    <row r="352878" spans="8:8">
      <c r="H352878" s="12"/>
    </row>
    <row r="352879" spans="8:8">
      <c r="H352879" s="12"/>
    </row>
    <row r="352880" spans="8:8">
      <c r="H352880" s="12"/>
    </row>
    <row r="352881" spans="8:8">
      <c r="H352881" s="12"/>
    </row>
    <row r="352882" spans="8:8">
      <c r="H352882" s="12"/>
    </row>
    <row r="352883" spans="8:8">
      <c r="H352883" s="12"/>
    </row>
    <row r="352884" spans="8:8">
      <c r="H352884" s="12"/>
    </row>
    <row r="352885" spans="8:8">
      <c r="H352885" s="12"/>
    </row>
    <row r="352886" spans="8:8">
      <c r="H352886" s="12"/>
    </row>
    <row r="352887" spans="8:8">
      <c r="H352887" s="12"/>
    </row>
    <row r="352888" spans="8:8">
      <c r="H352888" s="12"/>
    </row>
    <row r="352889" spans="8:8">
      <c r="H352889" s="12"/>
    </row>
    <row r="352890" spans="8:8">
      <c r="H352890" s="12"/>
    </row>
    <row r="352891" spans="8:8">
      <c r="H352891" s="12"/>
    </row>
    <row r="352892" spans="8:8">
      <c r="H352892" s="12"/>
    </row>
    <row r="352893" spans="8:8">
      <c r="H352893" s="12"/>
    </row>
    <row r="352894" spans="8:8">
      <c r="H352894" s="12"/>
    </row>
    <row r="352895" spans="8:8">
      <c r="H352895" s="12"/>
    </row>
    <row r="352896" spans="8:8">
      <c r="H352896" s="12"/>
    </row>
    <row r="352897" spans="8:8">
      <c r="H352897" s="12"/>
    </row>
    <row r="352898" spans="8:8">
      <c r="H352898" s="12"/>
    </row>
    <row r="352899" spans="8:8">
      <c r="H352899" s="12"/>
    </row>
    <row r="352900" spans="8:8">
      <c r="H352900" s="12"/>
    </row>
    <row r="352901" spans="8:8">
      <c r="H352901" s="12"/>
    </row>
    <row r="352902" spans="8:8">
      <c r="H352902" s="12"/>
    </row>
    <row r="352903" spans="8:8">
      <c r="H352903" s="12"/>
    </row>
    <row r="352904" spans="8:8">
      <c r="H352904" s="12"/>
    </row>
    <row r="352905" spans="8:8">
      <c r="H352905" s="12"/>
    </row>
    <row r="352906" spans="8:8">
      <c r="H352906" s="12"/>
    </row>
    <row r="352907" spans="8:8">
      <c r="H352907" s="12"/>
    </row>
    <row r="352908" spans="8:8">
      <c r="H352908" s="12"/>
    </row>
    <row r="352909" spans="8:8">
      <c r="H352909" s="12"/>
    </row>
    <row r="352910" spans="8:8">
      <c r="H352910" s="12"/>
    </row>
    <row r="352911" spans="8:8">
      <c r="H352911" s="12"/>
    </row>
    <row r="352912" spans="8:8">
      <c r="H352912" s="12"/>
    </row>
    <row r="352913" spans="8:8">
      <c r="H352913" s="12"/>
    </row>
    <row r="352914" spans="8:8">
      <c r="H352914" s="12"/>
    </row>
    <row r="352915" spans="8:8">
      <c r="H352915" s="12"/>
    </row>
    <row r="352916" spans="8:8">
      <c r="H352916" s="12"/>
    </row>
    <row r="352917" spans="8:8">
      <c r="H352917" s="12"/>
    </row>
    <row r="352918" spans="8:8">
      <c r="H352918" s="12"/>
    </row>
    <row r="352919" spans="8:8">
      <c r="H352919" s="12"/>
    </row>
    <row r="352920" spans="8:8">
      <c r="H352920" s="12"/>
    </row>
    <row r="352921" spans="8:8">
      <c r="H352921" s="12"/>
    </row>
    <row r="352922" spans="8:8">
      <c r="H352922" s="12"/>
    </row>
    <row r="352923" spans="8:8">
      <c r="H352923" s="12"/>
    </row>
    <row r="352924" spans="8:8">
      <c r="H352924" s="12"/>
    </row>
    <row r="352925" spans="8:8">
      <c r="H352925" s="12"/>
    </row>
    <row r="352926" spans="8:8">
      <c r="H352926" s="12"/>
    </row>
    <row r="352927" spans="8:8">
      <c r="H352927" s="12"/>
    </row>
    <row r="352928" spans="8:8">
      <c r="H352928" s="12"/>
    </row>
    <row r="352929" spans="8:8">
      <c r="H352929" s="12"/>
    </row>
    <row r="352930" spans="8:8">
      <c r="H352930" s="12"/>
    </row>
    <row r="352931" spans="8:8">
      <c r="H352931" s="12"/>
    </row>
    <row r="352932" spans="8:8">
      <c r="H352932" s="12"/>
    </row>
    <row r="352933" spans="8:8">
      <c r="H352933" s="12"/>
    </row>
    <row r="352934" spans="8:8">
      <c r="H352934" s="12"/>
    </row>
    <row r="352935" spans="8:8">
      <c r="H352935" s="12"/>
    </row>
    <row r="352936" spans="8:8">
      <c r="H352936" s="12"/>
    </row>
    <row r="352937" spans="8:8">
      <c r="H352937" s="12"/>
    </row>
    <row r="352938" spans="8:8">
      <c r="H352938" s="12"/>
    </row>
    <row r="352939" spans="8:8">
      <c r="H352939" s="12"/>
    </row>
    <row r="352940" spans="8:8">
      <c r="H352940" s="12"/>
    </row>
    <row r="352941" spans="8:8">
      <c r="H352941" s="12"/>
    </row>
    <row r="352942" spans="8:8">
      <c r="H352942" s="12"/>
    </row>
    <row r="352943" spans="8:8">
      <c r="H352943" s="12"/>
    </row>
    <row r="352944" spans="8:8">
      <c r="H352944" s="12"/>
    </row>
    <row r="352945" spans="8:8">
      <c r="H352945" s="12"/>
    </row>
    <row r="352946" spans="8:8">
      <c r="H352946" s="12"/>
    </row>
    <row r="352947" spans="8:8">
      <c r="H352947" s="12"/>
    </row>
    <row r="352948" spans="8:8">
      <c r="H352948" s="12"/>
    </row>
    <row r="352949" spans="8:8">
      <c r="H352949" s="12"/>
    </row>
    <row r="352950" spans="8:8">
      <c r="H352950" s="12"/>
    </row>
    <row r="352951" spans="8:8">
      <c r="H352951" s="12"/>
    </row>
    <row r="352952" spans="8:8">
      <c r="H352952" s="12"/>
    </row>
    <row r="352953" spans="8:8">
      <c r="H352953" s="12"/>
    </row>
    <row r="352954" spans="8:8">
      <c r="H352954" s="12"/>
    </row>
    <row r="352955" spans="8:8">
      <c r="H352955" s="12"/>
    </row>
    <row r="352956" spans="8:8">
      <c r="H352956" s="12"/>
    </row>
    <row r="352957" spans="8:8">
      <c r="H352957" s="12"/>
    </row>
    <row r="352958" spans="8:8">
      <c r="H352958" s="12"/>
    </row>
    <row r="352959" spans="8:8">
      <c r="H352959" s="12"/>
    </row>
    <row r="352960" spans="8:8">
      <c r="H352960" s="12"/>
    </row>
    <row r="352961" spans="8:8">
      <c r="H352961" s="12"/>
    </row>
    <row r="352962" spans="8:8">
      <c r="H352962" s="12"/>
    </row>
    <row r="352963" spans="8:8">
      <c r="H352963" s="12"/>
    </row>
    <row r="352964" spans="8:8">
      <c r="H352964" s="12"/>
    </row>
    <row r="352965" spans="8:8">
      <c r="H352965" s="12"/>
    </row>
    <row r="352966" spans="8:8">
      <c r="H352966" s="12"/>
    </row>
    <row r="352967" spans="8:8">
      <c r="H352967" s="12"/>
    </row>
    <row r="352968" spans="8:8">
      <c r="H352968" s="12"/>
    </row>
    <row r="352969" spans="8:8">
      <c r="H352969" s="12"/>
    </row>
    <row r="352970" spans="8:8">
      <c r="H352970" s="12"/>
    </row>
    <row r="352971" spans="8:8">
      <c r="H352971" s="12"/>
    </row>
    <row r="352972" spans="8:8">
      <c r="H352972" s="12"/>
    </row>
    <row r="352973" spans="8:8">
      <c r="H352973" s="12"/>
    </row>
    <row r="352974" spans="8:8">
      <c r="H352974" s="12"/>
    </row>
    <row r="352975" spans="8:8">
      <c r="H352975" s="12"/>
    </row>
    <row r="352976" spans="8:8">
      <c r="H352976" s="12"/>
    </row>
    <row r="352977" spans="8:8">
      <c r="H352977" s="12"/>
    </row>
    <row r="352978" spans="8:8">
      <c r="H352978" s="12"/>
    </row>
    <row r="352979" spans="8:8">
      <c r="H352979" s="12"/>
    </row>
    <row r="352980" spans="8:8">
      <c r="H352980" s="12"/>
    </row>
    <row r="352981" spans="8:8">
      <c r="H352981" s="12"/>
    </row>
    <row r="352982" spans="8:8">
      <c r="H352982" s="12"/>
    </row>
    <row r="352983" spans="8:8">
      <c r="H352983" s="12"/>
    </row>
    <row r="352984" spans="8:8">
      <c r="H352984" s="12"/>
    </row>
    <row r="352985" spans="8:8">
      <c r="H352985" s="12"/>
    </row>
    <row r="352986" spans="8:8">
      <c r="H352986" s="12"/>
    </row>
    <row r="352987" spans="8:8">
      <c r="H352987" s="12"/>
    </row>
    <row r="352988" spans="8:8">
      <c r="H352988" s="12"/>
    </row>
    <row r="352989" spans="8:8">
      <c r="H352989" s="12"/>
    </row>
    <row r="352990" spans="8:8">
      <c r="H352990" s="12"/>
    </row>
    <row r="352991" spans="8:8">
      <c r="H352991" s="12"/>
    </row>
    <row r="352992" spans="8:8">
      <c r="H352992" s="12"/>
    </row>
    <row r="352993" spans="8:8">
      <c r="H352993" s="12"/>
    </row>
    <row r="352994" spans="8:8">
      <c r="H352994" s="12"/>
    </row>
    <row r="352995" spans="8:8">
      <c r="H352995" s="12"/>
    </row>
    <row r="352996" spans="8:8">
      <c r="H352996" s="12"/>
    </row>
    <row r="352997" spans="8:8">
      <c r="H352997" s="12"/>
    </row>
    <row r="352998" spans="8:8">
      <c r="H352998" s="12"/>
    </row>
    <row r="352999" spans="8:8">
      <c r="H352999" s="12"/>
    </row>
    <row r="353000" spans="8:8">
      <c r="H353000" s="12"/>
    </row>
    <row r="353001" spans="8:8">
      <c r="H353001" s="12"/>
    </row>
    <row r="353002" spans="8:8">
      <c r="H353002" s="12"/>
    </row>
    <row r="353003" spans="8:8">
      <c r="H353003" s="12"/>
    </row>
    <row r="353004" spans="8:8">
      <c r="H353004" s="12"/>
    </row>
    <row r="353005" spans="8:8">
      <c r="H353005" s="12"/>
    </row>
    <row r="353006" spans="8:8">
      <c r="H353006" s="12"/>
    </row>
    <row r="353007" spans="8:8">
      <c r="H353007" s="12"/>
    </row>
    <row r="353008" spans="8:8">
      <c r="H353008" s="12"/>
    </row>
    <row r="353009" spans="8:8">
      <c r="H353009" s="12"/>
    </row>
    <row r="353010" spans="8:8">
      <c r="H353010" s="12"/>
    </row>
    <row r="353011" spans="8:8">
      <c r="H353011" s="12"/>
    </row>
    <row r="353012" spans="8:8">
      <c r="H353012" s="12"/>
    </row>
    <row r="353013" spans="8:8">
      <c r="H353013" s="12"/>
    </row>
    <row r="353014" spans="8:8">
      <c r="H353014" s="12"/>
    </row>
    <row r="353015" spans="8:8">
      <c r="H353015" s="12"/>
    </row>
    <row r="353016" spans="8:8">
      <c r="H353016" s="12"/>
    </row>
    <row r="353017" spans="8:8">
      <c r="H353017" s="12"/>
    </row>
    <row r="353018" spans="8:8">
      <c r="H353018" s="12"/>
    </row>
    <row r="353019" spans="8:8">
      <c r="H353019" s="12"/>
    </row>
    <row r="353020" spans="8:8">
      <c r="H353020" s="12"/>
    </row>
    <row r="353021" spans="8:8">
      <c r="H353021" s="12"/>
    </row>
    <row r="353022" spans="8:8">
      <c r="H353022" s="12"/>
    </row>
    <row r="353023" spans="8:8">
      <c r="H353023" s="12"/>
    </row>
    <row r="353024" spans="8:8">
      <c r="H353024" s="12"/>
    </row>
    <row r="353025" spans="8:8">
      <c r="H353025" s="12"/>
    </row>
    <row r="353026" spans="8:8">
      <c r="H353026" s="12"/>
    </row>
    <row r="353027" spans="8:8">
      <c r="H353027" s="12"/>
    </row>
    <row r="353028" spans="8:8">
      <c r="H353028" s="12"/>
    </row>
    <row r="353029" spans="8:8">
      <c r="H353029" s="12"/>
    </row>
    <row r="353030" spans="8:8">
      <c r="H353030" s="12"/>
    </row>
    <row r="353031" spans="8:8">
      <c r="H353031" s="12"/>
    </row>
    <row r="353032" spans="8:8">
      <c r="H353032" s="12"/>
    </row>
    <row r="353033" spans="8:8">
      <c r="H353033" s="12"/>
    </row>
    <row r="353034" spans="8:8">
      <c r="H353034" s="12"/>
    </row>
    <row r="353035" spans="8:8">
      <c r="H353035" s="12"/>
    </row>
    <row r="353036" spans="8:8">
      <c r="H353036" s="12"/>
    </row>
    <row r="353037" spans="8:8">
      <c r="H353037" s="12"/>
    </row>
    <row r="353038" spans="8:8">
      <c r="H353038" s="12"/>
    </row>
    <row r="353039" spans="8:8">
      <c r="H353039" s="12"/>
    </row>
    <row r="353040" spans="8:8">
      <c r="H353040" s="12"/>
    </row>
    <row r="353041" spans="8:8">
      <c r="H353041" s="12"/>
    </row>
    <row r="353042" spans="8:8">
      <c r="H353042" s="12"/>
    </row>
    <row r="353043" spans="8:8">
      <c r="H353043" s="12"/>
    </row>
    <row r="353044" spans="8:8">
      <c r="H353044" s="12"/>
    </row>
    <row r="353045" spans="8:8">
      <c r="H353045" s="12"/>
    </row>
    <row r="353046" spans="8:8">
      <c r="H353046" s="12"/>
    </row>
    <row r="353047" spans="8:8">
      <c r="H353047" s="12"/>
    </row>
    <row r="353048" spans="8:8">
      <c r="H353048" s="12"/>
    </row>
    <row r="353049" spans="8:8">
      <c r="H353049" s="12"/>
    </row>
    <row r="353050" spans="8:8">
      <c r="H353050" s="12"/>
    </row>
    <row r="353051" spans="8:8">
      <c r="H353051" s="12"/>
    </row>
    <row r="353052" spans="8:8">
      <c r="H353052" s="12"/>
    </row>
    <row r="353053" spans="8:8">
      <c r="H353053" s="12"/>
    </row>
    <row r="353054" spans="8:8">
      <c r="H353054" s="12"/>
    </row>
    <row r="353055" spans="8:8">
      <c r="H353055" s="12"/>
    </row>
    <row r="353056" spans="8:8">
      <c r="H353056" s="12"/>
    </row>
    <row r="353057" spans="8:8">
      <c r="H353057" s="12"/>
    </row>
    <row r="353058" spans="8:8">
      <c r="H353058" s="12"/>
    </row>
    <row r="353059" spans="8:8">
      <c r="H353059" s="12"/>
    </row>
    <row r="353060" spans="8:8">
      <c r="H353060" s="12"/>
    </row>
    <row r="353061" spans="8:8">
      <c r="H353061" s="12"/>
    </row>
    <row r="353062" spans="8:8">
      <c r="H353062" s="12"/>
    </row>
    <row r="353063" spans="8:8">
      <c r="H353063" s="12"/>
    </row>
    <row r="353064" spans="8:8">
      <c r="H353064" s="12"/>
    </row>
    <row r="353065" spans="8:8">
      <c r="H353065" s="12"/>
    </row>
    <row r="353066" spans="8:8">
      <c r="H353066" s="12"/>
    </row>
    <row r="353067" spans="8:8">
      <c r="H353067" s="12"/>
    </row>
    <row r="353068" spans="8:8">
      <c r="H353068" s="12"/>
    </row>
    <row r="353069" spans="8:8">
      <c r="H353069" s="12"/>
    </row>
    <row r="353070" spans="8:8">
      <c r="H353070" s="12"/>
    </row>
    <row r="353071" spans="8:8">
      <c r="H353071" s="12"/>
    </row>
    <row r="353072" spans="8:8">
      <c r="H353072" s="12"/>
    </row>
    <row r="353073" spans="8:8">
      <c r="H353073" s="12"/>
    </row>
    <row r="353074" spans="8:8">
      <c r="H353074" s="12"/>
    </row>
    <row r="353075" spans="8:8">
      <c r="H353075" s="12"/>
    </row>
    <row r="353076" spans="8:8">
      <c r="H353076" s="12"/>
    </row>
    <row r="353077" spans="8:8">
      <c r="H353077" s="12"/>
    </row>
    <row r="353078" spans="8:8">
      <c r="H353078" s="12"/>
    </row>
    <row r="353079" spans="8:8">
      <c r="H353079" s="12"/>
    </row>
    <row r="353080" spans="8:8">
      <c r="H353080" s="12"/>
    </row>
    <row r="353081" spans="8:8">
      <c r="H353081" s="12"/>
    </row>
    <row r="353082" spans="8:8">
      <c r="H353082" s="12"/>
    </row>
    <row r="353083" spans="8:8">
      <c r="H353083" s="12"/>
    </row>
    <row r="353084" spans="8:8">
      <c r="H353084" s="12"/>
    </row>
    <row r="353085" spans="8:8">
      <c r="H353085" s="12"/>
    </row>
    <row r="353086" spans="8:8">
      <c r="H353086" s="12"/>
    </row>
    <row r="353087" spans="8:8">
      <c r="H353087" s="12"/>
    </row>
    <row r="353088" spans="8:8">
      <c r="H353088" s="12"/>
    </row>
    <row r="353089" spans="8:8">
      <c r="H353089" s="12"/>
    </row>
    <row r="353090" spans="8:8">
      <c r="H353090" s="12"/>
    </row>
    <row r="353091" spans="8:8">
      <c r="H353091" s="12"/>
    </row>
    <row r="353092" spans="8:8">
      <c r="H353092" s="12"/>
    </row>
    <row r="353093" spans="8:8">
      <c r="H353093" s="12"/>
    </row>
    <row r="353094" spans="8:8">
      <c r="H353094" s="12"/>
    </row>
    <row r="353095" spans="8:8">
      <c r="H353095" s="12"/>
    </row>
    <row r="353096" spans="8:8">
      <c r="H353096" s="12"/>
    </row>
    <row r="353097" spans="8:8">
      <c r="H353097" s="12"/>
    </row>
    <row r="353098" spans="8:8">
      <c r="H353098" s="12"/>
    </row>
    <row r="353099" spans="8:8">
      <c r="H353099" s="12"/>
    </row>
    <row r="353100" spans="8:8">
      <c r="H353100" s="12"/>
    </row>
    <row r="353101" spans="8:8">
      <c r="H353101" s="12"/>
    </row>
    <row r="353102" spans="8:8">
      <c r="H353102" s="12"/>
    </row>
    <row r="353103" spans="8:8">
      <c r="H353103" s="12"/>
    </row>
    <row r="353104" spans="8:8">
      <c r="H353104" s="12"/>
    </row>
    <row r="353105" spans="8:8">
      <c r="H353105" s="12"/>
    </row>
    <row r="353106" spans="8:8">
      <c r="H353106" s="12"/>
    </row>
    <row r="353107" spans="8:8">
      <c r="H353107" s="12"/>
    </row>
    <row r="353108" spans="8:8">
      <c r="H353108" s="12"/>
    </row>
    <row r="353109" spans="8:8">
      <c r="H353109" s="12"/>
    </row>
    <row r="353110" spans="8:8">
      <c r="H353110" s="12"/>
    </row>
    <row r="353111" spans="8:8">
      <c r="H353111" s="12"/>
    </row>
    <row r="353112" spans="8:8">
      <c r="H353112" s="12"/>
    </row>
    <row r="353113" spans="8:8">
      <c r="H353113" s="12"/>
    </row>
    <row r="353114" spans="8:8">
      <c r="H353114" s="12"/>
    </row>
    <row r="353115" spans="8:8">
      <c r="H353115" s="12"/>
    </row>
    <row r="353116" spans="8:8">
      <c r="H353116" s="12"/>
    </row>
    <row r="353117" spans="8:8">
      <c r="H353117" s="12"/>
    </row>
    <row r="353118" spans="8:8">
      <c r="H353118" s="12"/>
    </row>
    <row r="353119" spans="8:8">
      <c r="H353119" s="12"/>
    </row>
    <row r="353120" spans="8:8">
      <c r="H353120" s="12"/>
    </row>
    <row r="353121" spans="8:8">
      <c r="H353121" s="12"/>
    </row>
    <row r="353122" spans="8:8">
      <c r="H353122" s="12"/>
    </row>
    <row r="353123" spans="8:8">
      <c r="H353123" s="12"/>
    </row>
    <row r="353124" spans="8:8">
      <c r="H353124" s="12"/>
    </row>
    <row r="353125" spans="8:8">
      <c r="H353125" s="12"/>
    </row>
    <row r="353126" spans="8:8">
      <c r="H353126" s="12"/>
    </row>
    <row r="353127" spans="8:8">
      <c r="H353127" s="12"/>
    </row>
    <row r="353128" spans="8:8">
      <c r="H353128" s="12"/>
    </row>
    <row r="353129" spans="8:8">
      <c r="H353129" s="12"/>
    </row>
    <row r="353130" spans="8:8">
      <c r="H353130" s="12"/>
    </row>
    <row r="353131" spans="8:8">
      <c r="H353131" s="12"/>
    </row>
    <row r="353132" spans="8:8">
      <c r="H353132" s="12"/>
    </row>
    <row r="353133" spans="8:8">
      <c r="H353133" s="12"/>
    </row>
    <row r="353134" spans="8:8">
      <c r="H353134" s="12"/>
    </row>
    <row r="353135" spans="8:8">
      <c r="H353135" s="12"/>
    </row>
    <row r="353136" spans="8:8">
      <c r="H353136" s="12"/>
    </row>
    <row r="353137" spans="8:8">
      <c r="H353137" s="12"/>
    </row>
    <row r="353138" spans="8:8">
      <c r="H353138" s="12"/>
    </row>
    <row r="353139" spans="8:8">
      <c r="H353139" s="12"/>
    </row>
    <row r="353140" spans="8:8">
      <c r="H353140" s="12"/>
    </row>
    <row r="353141" spans="8:8">
      <c r="H353141" s="12"/>
    </row>
    <row r="353142" spans="8:8">
      <c r="H353142" s="12"/>
    </row>
    <row r="353143" spans="8:8">
      <c r="H353143" s="12"/>
    </row>
    <row r="353144" spans="8:8">
      <c r="H353144" s="12"/>
    </row>
    <row r="353145" spans="8:8">
      <c r="H353145" s="12"/>
    </row>
    <row r="353146" spans="8:8">
      <c r="H353146" s="12"/>
    </row>
    <row r="353147" spans="8:8">
      <c r="H353147" s="12"/>
    </row>
    <row r="353148" spans="8:8">
      <c r="H353148" s="12"/>
    </row>
    <row r="353149" spans="8:8">
      <c r="H353149" s="12"/>
    </row>
    <row r="353150" spans="8:8">
      <c r="H353150" s="12"/>
    </row>
    <row r="353151" spans="8:8">
      <c r="H353151" s="12"/>
    </row>
    <row r="353152" spans="8:8">
      <c r="H353152" s="12"/>
    </row>
    <row r="353153" spans="8:8">
      <c r="H353153" s="12"/>
    </row>
    <row r="353154" spans="8:8">
      <c r="H353154" s="12"/>
    </row>
    <row r="353155" spans="8:8">
      <c r="H353155" s="12"/>
    </row>
    <row r="353156" spans="8:8">
      <c r="H353156" s="12"/>
    </row>
    <row r="353157" spans="8:8">
      <c r="H353157" s="12"/>
    </row>
    <row r="353158" spans="8:8">
      <c r="H353158" s="12"/>
    </row>
    <row r="353159" spans="8:8">
      <c r="H353159" s="12"/>
    </row>
    <row r="353160" spans="8:8">
      <c r="H353160" s="12"/>
    </row>
    <row r="353161" spans="8:8">
      <c r="H353161" s="12"/>
    </row>
    <row r="353162" spans="8:8">
      <c r="H353162" s="12"/>
    </row>
    <row r="353163" spans="8:8">
      <c r="H353163" s="12"/>
    </row>
    <row r="353164" spans="8:8">
      <c r="H353164" s="12"/>
    </row>
    <row r="353165" spans="8:8">
      <c r="H353165" s="12"/>
    </row>
    <row r="353166" spans="8:8">
      <c r="H353166" s="12"/>
    </row>
    <row r="353167" spans="8:8">
      <c r="H353167" s="12"/>
    </row>
    <row r="353168" spans="8:8">
      <c r="H353168" s="12"/>
    </row>
    <row r="353169" spans="8:8">
      <c r="H353169" s="12"/>
    </row>
    <row r="353170" spans="8:8">
      <c r="H353170" s="12"/>
    </row>
    <row r="353171" spans="8:8">
      <c r="H353171" s="12"/>
    </row>
    <row r="353172" spans="8:8">
      <c r="H353172" s="12"/>
    </row>
    <row r="353173" spans="8:8">
      <c r="H353173" s="12"/>
    </row>
    <row r="353174" spans="8:8">
      <c r="H353174" s="12"/>
    </row>
    <row r="353175" spans="8:8">
      <c r="H353175" s="12"/>
    </row>
    <row r="353176" spans="8:8">
      <c r="H353176" s="12"/>
    </row>
    <row r="353177" spans="8:8">
      <c r="H353177" s="12"/>
    </row>
    <row r="353178" spans="8:8">
      <c r="H353178" s="12"/>
    </row>
    <row r="353179" spans="8:8">
      <c r="H353179" s="12"/>
    </row>
    <row r="353180" spans="8:8">
      <c r="H353180" s="12"/>
    </row>
    <row r="353181" spans="8:8">
      <c r="H353181" s="12"/>
    </row>
    <row r="353182" spans="8:8">
      <c r="H353182" s="12"/>
    </row>
    <row r="353183" spans="8:8">
      <c r="H353183" s="12"/>
    </row>
    <row r="353184" spans="8:8">
      <c r="H353184" s="12"/>
    </row>
    <row r="353185" spans="8:8">
      <c r="H353185" s="12"/>
    </row>
    <row r="353186" spans="8:8">
      <c r="H353186" s="12"/>
    </row>
    <row r="353187" spans="8:8">
      <c r="H353187" s="12"/>
    </row>
    <row r="353188" spans="8:8">
      <c r="H353188" s="12"/>
    </row>
    <row r="353189" spans="8:8">
      <c r="H353189" s="12"/>
    </row>
    <row r="353190" spans="8:8">
      <c r="H353190" s="12"/>
    </row>
    <row r="353191" spans="8:8">
      <c r="H353191" s="12"/>
    </row>
    <row r="353192" spans="8:8">
      <c r="H353192" s="12"/>
    </row>
    <row r="353193" spans="8:8">
      <c r="H353193" s="12"/>
    </row>
    <row r="353194" spans="8:8">
      <c r="H353194" s="12"/>
    </row>
    <row r="353195" spans="8:8">
      <c r="H353195" s="12"/>
    </row>
    <row r="353196" spans="8:8">
      <c r="H353196" s="12"/>
    </row>
    <row r="353197" spans="8:8">
      <c r="H353197" s="12"/>
    </row>
    <row r="353198" spans="8:8">
      <c r="H353198" s="12"/>
    </row>
    <row r="353199" spans="8:8">
      <c r="H353199" s="12"/>
    </row>
    <row r="353200" spans="8:8">
      <c r="H353200" s="12"/>
    </row>
    <row r="353201" spans="8:8">
      <c r="H353201" s="12"/>
    </row>
    <row r="353202" spans="8:8">
      <c r="H353202" s="12"/>
    </row>
    <row r="353203" spans="8:8">
      <c r="H353203" s="12"/>
    </row>
    <row r="353204" spans="8:8">
      <c r="H353204" s="12"/>
    </row>
    <row r="353205" spans="8:8">
      <c r="H353205" s="12"/>
    </row>
    <row r="353206" spans="8:8">
      <c r="H353206" s="12"/>
    </row>
    <row r="353207" spans="8:8">
      <c r="H353207" s="12"/>
    </row>
    <row r="353208" spans="8:8">
      <c r="H353208" s="12"/>
    </row>
    <row r="353209" spans="8:8">
      <c r="H353209" s="12"/>
    </row>
    <row r="353210" spans="8:8">
      <c r="H353210" s="12"/>
    </row>
    <row r="353211" spans="8:8">
      <c r="H353211" s="12"/>
    </row>
    <row r="353212" spans="8:8">
      <c r="H353212" s="12"/>
    </row>
    <row r="353213" spans="8:8">
      <c r="H353213" s="12"/>
    </row>
    <row r="353214" spans="8:8">
      <c r="H353214" s="12"/>
    </row>
    <row r="353215" spans="8:8">
      <c r="H353215" s="12"/>
    </row>
    <row r="353216" spans="8:8">
      <c r="H353216" s="12"/>
    </row>
    <row r="353217" spans="8:8">
      <c r="H353217" s="12"/>
    </row>
    <row r="353218" spans="8:8">
      <c r="H353218" s="12"/>
    </row>
    <row r="353219" spans="8:8">
      <c r="H353219" s="12"/>
    </row>
    <row r="353220" spans="8:8">
      <c r="H353220" s="12"/>
    </row>
    <row r="353221" spans="8:8">
      <c r="H353221" s="12"/>
    </row>
    <row r="353222" spans="8:8">
      <c r="H353222" s="12"/>
    </row>
    <row r="353223" spans="8:8">
      <c r="H353223" s="12"/>
    </row>
    <row r="353224" spans="8:8">
      <c r="H353224" s="12"/>
    </row>
    <row r="353225" spans="8:8">
      <c r="H353225" s="12"/>
    </row>
    <row r="353226" spans="8:8">
      <c r="H353226" s="12"/>
    </row>
    <row r="353227" spans="8:8">
      <c r="H353227" s="12"/>
    </row>
    <row r="353228" spans="8:8">
      <c r="H353228" s="12"/>
    </row>
    <row r="353229" spans="8:8">
      <c r="H353229" s="12"/>
    </row>
    <row r="353230" spans="8:8">
      <c r="H353230" s="12"/>
    </row>
    <row r="353231" spans="8:8">
      <c r="H353231" s="12"/>
    </row>
    <row r="353232" spans="8:8">
      <c r="H353232" s="12"/>
    </row>
    <row r="353233" spans="8:8">
      <c r="H353233" s="12"/>
    </row>
    <row r="353234" spans="8:8">
      <c r="H353234" s="12"/>
    </row>
    <row r="353235" spans="8:8">
      <c r="H353235" s="12"/>
    </row>
    <row r="353236" spans="8:8">
      <c r="H353236" s="12"/>
    </row>
    <row r="353237" spans="8:8">
      <c r="H353237" s="12"/>
    </row>
    <row r="353238" spans="8:8">
      <c r="H353238" s="12"/>
    </row>
    <row r="353239" spans="8:8">
      <c r="H353239" s="12"/>
    </row>
    <row r="353240" spans="8:8">
      <c r="H353240" s="12"/>
    </row>
    <row r="353241" spans="8:8">
      <c r="H353241" s="12"/>
    </row>
    <row r="353242" spans="8:8">
      <c r="H353242" s="12"/>
    </row>
    <row r="353243" spans="8:8">
      <c r="H353243" s="12"/>
    </row>
    <row r="353244" spans="8:8">
      <c r="H353244" s="12"/>
    </row>
    <row r="353245" spans="8:8">
      <c r="H353245" s="12"/>
    </row>
    <row r="353246" spans="8:8">
      <c r="H353246" s="12"/>
    </row>
    <row r="353247" spans="8:8">
      <c r="H353247" s="12"/>
    </row>
    <row r="353248" spans="8:8">
      <c r="H353248" s="12"/>
    </row>
    <row r="353249" spans="8:8">
      <c r="H353249" s="12"/>
    </row>
    <row r="353250" spans="8:8">
      <c r="H353250" s="12"/>
    </row>
    <row r="353251" spans="8:8">
      <c r="H353251" s="12"/>
    </row>
    <row r="353252" spans="8:8">
      <c r="H353252" s="12"/>
    </row>
    <row r="353253" spans="8:8">
      <c r="H353253" s="12"/>
    </row>
    <row r="353254" spans="8:8">
      <c r="H353254" s="12"/>
    </row>
    <row r="353255" spans="8:8">
      <c r="H353255" s="12"/>
    </row>
    <row r="353256" spans="8:8">
      <c r="H353256" s="12"/>
    </row>
    <row r="353257" spans="8:8">
      <c r="H353257" s="12"/>
    </row>
    <row r="353258" spans="8:8">
      <c r="H353258" s="12"/>
    </row>
    <row r="353259" spans="8:8">
      <c r="H353259" s="12"/>
    </row>
    <row r="353260" spans="8:8">
      <c r="H353260" s="12"/>
    </row>
    <row r="353261" spans="8:8">
      <c r="H353261" s="12"/>
    </row>
    <row r="353262" spans="8:8">
      <c r="H353262" s="12"/>
    </row>
    <row r="353263" spans="8:8">
      <c r="H353263" s="12"/>
    </row>
    <row r="353264" spans="8:8">
      <c r="H353264" s="12"/>
    </row>
    <row r="353265" spans="8:8">
      <c r="H353265" s="12"/>
    </row>
    <row r="353266" spans="8:8">
      <c r="H353266" s="12"/>
    </row>
    <row r="353267" spans="8:8">
      <c r="H353267" s="12"/>
    </row>
    <row r="353268" spans="8:8">
      <c r="H353268" s="12"/>
    </row>
    <row r="353269" spans="8:8">
      <c r="H353269" s="12"/>
    </row>
    <row r="353270" spans="8:8">
      <c r="H353270" s="12"/>
    </row>
    <row r="353271" spans="8:8">
      <c r="H353271" s="12"/>
    </row>
    <row r="353272" spans="8:8">
      <c r="H353272" s="12"/>
    </row>
    <row r="353273" spans="8:8">
      <c r="H353273" s="12"/>
    </row>
    <row r="353274" spans="8:8">
      <c r="H353274" s="12"/>
    </row>
    <row r="353275" spans="8:8">
      <c r="H353275" s="12"/>
    </row>
    <row r="353276" spans="8:8">
      <c r="H353276" s="12"/>
    </row>
    <row r="353277" spans="8:8">
      <c r="H353277" s="12"/>
    </row>
    <row r="353278" spans="8:8">
      <c r="H353278" s="12"/>
    </row>
    <row r="353279" spans="8:8">
      <c r="H353279" s="12"/>
    </row>
    <row r="353280" spans="8:8">
      <c r="H353280" s="12"/>
    </row>
    <row r="353281" spans="8:8">
      <c r="H353281" s="12"/>
    </row>
    <row r="353282" spans="8:8">
      <c r="H353282" s="12"/>
    </row>
    <row r="353283" spans="8:8">
      <c r="H353283" s="12"/>
    </row>
    <row r="353284" spans="8:8">
      <c r="H353284" s="12"/>
    </row>
    <row r="353285" spans="8:8">
      <c r="H353285" s="12"/>
    </row>
    <row r="353286" spans="8:8">
      <c r="H353286" s="12"/>
    </row>
    <row r="353287" spans="8:8">
      <c r="H353287" s="12"/>
    </row>
    <row r="353288" spans="8:8">
      <c r="H353288" s="12"/>
    </row>
    <row r="353289" spans="8:8">
      <c r="H353289" s="12"/>
    </row>
    <row r="353290" spans="8:8">
      <c r="H353290" s="12"/>
    </row>
    <row r="353291" spans="8:8">
      <c r="H353291" s="12"/>
    </row>
    <row r="353292" spans="8:8">
      <c r="H353292" s="12"/>
    </row>
    <row r="353293" spans="8:8">
      <c r="H353293" s="12"/>
    </row>
    <row r="353294" spans="8:8">
      <c r="H353294" s="12"/>
    </row>
    <row r="353295" spans="8:8">
      <c r="H353295" s="12"/>
    </row>
    <row r="353296" spans="8:8">
      <c r="H353296" s="12"/>
    </row>
    <row r="353297" spans="8:8">
      <c r="H353297" s="12"/>
    </row>
    <row r="353298" spans="8:8">
      <c r="H353298" s="12"/>
    </row>
    <row r="353299" spans="8:8">
      <c r="H353299" s="12"/>
    </row>
    <row r="353300" spans="8:8">
      <c r="H353300" s="12"/>
    </row>
    <row r="353301" spans="8:8">
      <c r="H353301" s="12"/>
    </row>
    <row r="353302" spans="8:8">
      <c r="H353302" s="12"/>
    </row>
    <row r="353303" spans="8:8">
      <c r="H353303" s="12"/>
    </row>
    <row r="353304" spans="8:8">
      <c r="H353304" s="12"/>
    </row>
    <row r="353305" spans="8:8">
      <c r="H353305" s="12"/>
    </row>
    <row r="353306" spans="8:8">
      <c r="H353306" s="12"/>
    </row>
    <row r="353307" spans="8:8">
      <c r="H353307" s="12"/>
    </row>
    <row r="353308" spans="8:8">
      <c r="H353308" s="12"/>
    </row>
    <row r="353309" spans="8:8">
      <c r="H353309" s="12"/>
    </row>
    <row r="353310" spans="8:8">
      <c r="H353310" s="12"/>
    </row>
    <row r="353311" spans="8:8">
      <c r="H353311" s="12"/>
    </row>
    <row r="353312" spans="8:8">
      <c r="H353312" s="12"/>
    </row>
    <row r="353313" spans="8:8">
      <c r="H353313" s="12"/>
    </row>
    <row r="353314" spans="8:8">
      <c r="H353314" s="12"/>
    </row>
    <row r="353315" spans="8:8">
      <c r="H353315" s="12"/>
    </row>
    <row r="353316" spans="8:8">
      <c r="H353316" s="12"/>
    </row>
    <row r="353317" spans="8:8">
      <c r="H353317" s="12"/>
    </row>
    <row r="353318" spans="8:8">
      <c r="H353318" s="12"/>
    </row>
    <row r="353319" spans="8:8">
      <c r="H353319" s="12"/>
    </row>
    <row r="353320" spans="8:8">
      <c r="H353320" s="12"/>
    </row>
    <row r="353321" spans="8:8">
      <c r="H353321" s="12"/>
    </row>
    <row r="353322" spans="8:8">
      <c r="H353322" s="12"/>
    </row>
    <row r="353323" spans="8:8">
      <c r="H353323" s="12"/>
    </row>
    <row r="353324" spans="8:8">
      <c r="H353324" s="12"/>
    </row>
    <row r="353325" spans="8:8">
      <c r="H353325" s="12"/>
    </row>
    <row r="353326" spans="8:8">
      <c r="H353326" s="12"/>
    </row>
    <row r="353327" spans="8:8">
      <c r="H353327" s="12"/>
    </row>
    <row r="353328" spans="8:8">
      <c r="H353328" s="12"/>
    </row>
    <row r="353329" spans="8:8">
      <c r="H353329" s="12"/>
    </row>
    <row r="353330" spans="8:8">
      <c r="H353330" s="12"/>
    </row>
    <row r="353331" spans="8:8">
      <c r="H353331" s="12"/>
    </row>
    <row r="353332" spans="8:8">
      <c r="H353332" s="12"/>
    </row>
    <row r="353333" spans="8:8">
      <c r="H353333" s="12"/>
    </row>
    <row r="353334" spans="8:8">
      <c r="H353334" s="12"/>
    </row>
    <row r="353335" spans="8:8">
      <c r="H353335" s="12"/>
    </row>
    <row r="353336" spans="8:8">
      <c r="H353336" s="12"/>
    </row>
    <row r="353337" spans="8:8">
      <c r="H353337" s="12"/>
    </row>
    <row r="353338" spans="8:8">
      <c r="H353338" s="12"/>
    </row>
    <row r="353339" spans="8:8">
      <c r="H353339" s="12"/>
    </row>
    <row r="353340" spans="8:8">
      <c r="H353340" s="12"/>
    </row>
    <row r="353341" spans="8:8">
      <c r="H353341" s="12"/>
    </row>
    <row r="353342" spans="8:8">
      <c r="H353342" s="12"/>
    </row>
    <row r="353343" spans="8:8">
      <c r="H353343" s="12"/>
    </row>
    <row r="353344" spans="8:8">
      <c r="H353344" s="12"/>
    </row>
    <row r="353345" spans="8:8">
      <c r="H353345" s="12"/>
    </row>
    <row r="353346" spans="8:8">
      <c r="H353346" s="12"/>
    </row>
    <row r="353347" spans="8:8">
      <c r="H353347" s="12"/>
    </row>
    <row r="353348" spans="8:8">
      <c r="H353348" s="12"/>
    </row>
    <row r="353349" spans="8:8">
      <c r="H353349" s="12"/>
    </row>
    <row r="353350" spans="8:8">
      <c r="H353350" s="12"/>
    </row>
    <row r="353351" spans="8:8">
      <c r="H353351" s="12"/>
    </row>
    <row r="353352" spans="8:8">
      <c r="H353352" s="12"/>
    </row>
    <row r="353353" spans="8:8">
      <c r="H353353" s="12"/>
    </row>
    <row r="353354" spans="8:8">
      <c r="H353354" s="12"/>
    </row>
    <row r="353355" spans="8:8">
      <c r="H353355" s="12"/>
    </row>
    <row r="353356" spans="8:8">
      <c r="H353356" s="12"/>
    </row>
    <row r="353357" spans="8:8">
      <c r="H353357" s="12"/>
    </row>
    <row r="353358" spans="8:8">
      <c r="H353358" s="12"/>
    </row>
    <row r="353359" spans="8:8">
      <c r="H353359" s="12"/>
    </row>
    <row r="353360" spans="8:8">
      <c r="H353360" s="12"/>
    </row>
    <row r="353361" spans="8:8">
      <c r="H353361" s="12"/>
    </row>
    <row r="353362" spans="8:8">
      <c r="H353362" s="12"/>
    </row>
    <row r="353363" spans="8:8">
      <c r="H353363" s="12"/>
    </row>
    <row r="353364" spans="8:8">
      <c r="H353364" s="12"/>
    </row>
    <row r="353365" spans="8:8">
      <c r="H353365" s="12"/>
    </row>
    <row r="353366" spans="8:8">
      <c r="H353366" s="12"/>
    </row>
    <row r="353367" spans="8:8">
      <c r="H353367" s="12"/>
    </row>
    <row r="353368" spans="8:8">
      <c r="H353368" s="12"/>
    </row>
    <row r="353369" spans="8:8">
      <c r="H353369" s="12"/>
    </row>
    <row r="353370" spans="8:8">
      <c r="H353370" s="12"/>
    </row>
    <row r="353371" spans="8:8">
      <c r="H353371" s="12"/>
    </row>
    <row r="353372" spans="8:8">
      <c r="H353372" s="12"/>
    </row>
    <row r="353373" spans="8:8">
      <c r="H353373" s="12"/>
    </row>
    <row r="353374" spans="8:8">
      <c r="H353374" s="12"/>
    </row>
    <row r="353375" spans="8:8">
      <c r="H353375" s="12"/>
    </row>
    <row r="353376" spans="8:8">
      <c r="H353376" s="12"/>
    </row>
    <row r="353377" spans="8:8">
      <c r="H353377" s="12"/>
    </row>
    <row r="353378" spans="8:8">
      <c r="H353378" s="12"/>
    </row>
    <row r="353379" spans="8:8">
      <c r="H353379" s="12"/>
    </row>
    <row r="353380" spans="8:8">
      <c r="H353380" s="12"/>
    </row>
    <row r="353381" spans="8:8">
      <c r="H353381" s="12"/>
    </row>
    <row r="353382" spans="8:8">
      <c r="H353382" s="12"/>
    </row>
    <row r="353383" spans="8:8">
      <c r="H353383" s="12"/>
    </row>
    <row r="353384" spans="8:8">
      <c r="H353384" s="12"/>
    </row>
    <row r="353385" spans="8:8">
      <c r="H353385" s="12"/>
    </row>
    <row r="353386" spans="8:8">
      <c r="H353386" s="12"/>
    </row>
    <row r="353387" spans="8:8">
      <c r="H353387" s="12"/>
    </row>
    <row r="353388" spans="8:8">
      <c r="H353388" s="12"/>
    </row>
    <row r="353389" spans="8:8">
      <c r="H353389" s="12"/>
    </row>
    <row r="353390" spans="8:8">
      <c r="H353390" s="12"/>
    </row>
    <row r="353391" spans="8:8">
      <c r="H353391" s="12"/>
    </row>
    <row r="353392" spans="8:8">
      <c r="H353392" s="12"/>
    </row>
    <row r="353393" spans="8:8">
      <c r="H353393" s="12"/>
    </row>
    <row r="353394" spans="8:8">
      <c r="H353394" s="12"/>
    </row>
    <row r="353395" spans="8:8">
      <c r="H353395" s="12"/>
    </row>
    <row r="353396" spans="8:8">
      <c r="H353396" s="12"/>
    </row>
    <row r="353397" spans="8:8">
      <c r="H353397" s="12"/>
    </row>
    <row r="353398" spans="8:8">
      <c r="H353398" s="12"/>
    </row>
    <row r="353399" spans="8:8">
      <c r="H353399" s="12"/>
    </row>
    <row r="353400" spans="8:8">
      <c r="H353400" s="12"/>
    </row>
    <row r="353401" spans="8:8">
      <c r="H353401" s="12"/>
    </row>
    <row r="353402" spans="8:8">
      <c r="H353402" s="12"/>
    </row>
    <row r="353403" spans="8:8">
      <c r="H353403" s="12"/>
    </row>
    <row r="353404" spans="8:8">
      <c r="H353404" s="12"/>
    </row>
    <row r="353405" spans="8:8">
      <c r="H353405" s="12"/>
    </row>
    <row r="353406" spans="8:8">
      <c r="H353406" s="12"/>
    </row>
    <row r="353407" spans="8:8">
      <c r="H353407" s="12"/>
    </row>
    <row r="353408" spans="8:8">
      <c r="H353408" s="12"/>
    </row>
    <row r="353409" spans="8:8">
      <c r="H353409" s="12"/>
    </row>
    <row r="353410" spans="8:8">
      <c r="H353410" s="12"/>
    </row>
    <row r="353411" spans="8:8">
      <c r="H353411" s="12"/>
    </row>
    <row r="353412" spans="8:8">
      <c r="H353412" s="12"/>
    </row>
    <row r="353413" spans="8:8">
      <c r="H353413" s="12"/>
    </row>
    <row r="353414" spans="8:8">
      <c r="H353414" s="12"/>
    </row>
    <row r="353415" spans="8:8">
      <c r="H353415" s="12"/>
    </row>
    <row r="353416" spans="8:8">
      <c r="H353416" s="12"/>
    </row>
    <row r="353417" spans="8:8">
      <c r="H353417" s="12"/>
    </row>
    <row r="353418" spans="8:8">
      <c r="H353418" s="12"/>
    </row>
    <row r="353419" spans="8:8">
      <c r="H353419" s="12"/>
    </row>
    <row r="353420" spans="8:8">
      <c r="H353420" s="12"/>
    </row>
    <row r="353421" spans="8:8">
      <c r="H353421" s="12"/>
    </row>
    <row r="353422" spans="8:8">
      <c r="H353422" s="12"/>
    </row>
    <row r="353423" spans="8:8">
      <c r="H353423" s="12"/>
    </row>
    <row r="353424" spans="8:8">
      <c r="H353424" s="12"/>
    </row>
    <row r="353425" spans="8:8">
      <c r="H353425" s="12"/>
    </row>
    <row r="353426" spans="8:8">
      <c r="H353426" s="12"/>
    </row>
    <row r="353427" spans="8:8">
      <c r="H353427" s="12"/>
    </row>
    <row r="353428" spans="8:8">
      <c r="H353428" s="12"/>
    </row>
    <row r="353429" spans="8:8">
      <c r="H353429" s="12"/>
    </row>
    <row r="353430" spans="8:8">
      <c r="H353430" s="12"/>
    </row>
    <row r="353431" spans="8:8">
      <c r="H353431" s="12"/>
    </row>
    <row r="353432" spans="8:8">
      <c r="H353432" s="12"/>
    </row>
    <row r="353433" spans="8:8">
      <c r="H353433" s="12"/>
    </row>
    <row r="353434" spans="8:8">
      <c r="H353434" s="12"/>
    </row>
    <row r="353435" spans="8:8">
      <c r="H353435" s="12"/>
    </row>
    <row r="353436" spans="8:8">
      <c r="H353436" s="12"/>
    </row>
    <row r="353437" spans="8:8">
      <c r="H353437" s="12"/>
    </row>
    <row r="353438" spans="8:8">
      <c r="H353438" s="12"/>
    </row>
    <row r="353439" spans="8:8">
      <c r="H353439" s="12"/>
    </row>
    <row r="353440" spans="8:8">
      <c r="H353440" s="12"/>
    </row>
    <row r="353441" spans="8:8">
      <c r="H353441" s="12"/>
    </row>
    <row r="353442" spans="8:8">
      <c r="H353442" s="12"/>
    </row>
    <row r="353443" spans="8:8">
      <c r="H353443" s="12"/>
    </row>
    <row r="353444" spans="8:8">
      <c r="H353444" s="12"/>
    </row>
    <row r="353445" spans="8:8">
      <c r="H353445" s="12"/>
    </row>
    <row r="353446" spans="8:8">
      <c r="H353446" s="12"/>
    </row>
    <row r="353447" spans="8:8">
      <c r="H353447" s="12"/>
    </row>
    <row r="353448" spans="8:8">
      <c r="H353448" s="12"/>
    </row>
    <row r="353449" spans="8:8">
      <c r="H353449" s="12"/>
    </row>
    <row r="353450" spans="8:8">
      <c r="H353450" s="12"/>
    </row>
    <row r="353451" spans="8:8">
      <c r="H353451" s="12"/>
    </row>
    <row r="353452" spans="8:8">
      <c r="H353452" s="12"/>
    </row>
    <row r="353453" spans="8:8">
      <c r="H353453" s="12"/>
    </row>
    <row r="353454" spans="8:8">
      <c r="H353454" s="12"/>
    </row>
    <row r="353455" spans="8:8">
      <c r="H353455" s="12"/>
    </row>
    <row r="353456" spans="8:8">
      <c r="H353456" s="12"/>
    </row>
    <row r="353457" spans="8:8">
      <c r="H353457" s="12"/>
    </row>
    <row r="353458" spans="8:8">
      <c r="H353458" s="12"/>
    </row>
    <row r="353459" spans="8:8">
      <c r="H353459" s="12"/>
    </row>
    <row r="353460" spans="8:8">
      <c r="H353460" s="12"/>
    </row>
    <row r="353461" spans="8:8">
      <c r="H353461" s="12"/>
    </row>
    <row r="353462" spans="8:8">
      <c r="H353462" s="12"/>
    </row>
    <row r="353463" spans="8:8">
      <c r="H353463" s="12"/>
    </row>
    <row r="353464" spans="8:8">
      <c r="H353464" s="12"/>
    </row>
    <row r="353465" spans="8:8">
      <c r="H353465" s="12"/>
    </row>
    <row r="353466" spans="8:8">
      <c r="H353466" s="12"/>
    </row>
    <row r="353467" spans="8:8">
      <c r="H353467" s="12"/>
    </row>
    <row r="353468" spans="8:8">
      <c r="H353468" s="12"/>
    </row>
    <row r="353469" spans="8:8">
      <c r="H353469" s="12"/>
    </row>
    <row r="353470" spans="8:8">
      <c r="H353470" s="12"/>
    </row>
    <row r="353471" spans="8:8">
      <c r="H353471" s="12"/>
    </row>
    <row r="353472" spans="8:8">
      <c r="H353472" s="12"/>
    </row>
    <row r="353473" spans="8:8">
      <c r="H353473" s="12"/>
    </row>
    <row r="353474" spans="8:8">
      <c r="H353474" s="12"/>
    </row>
    <row r="353475" spans="8:8">
      <c r="H353475" s="12"/>
    </row>
    <row r="353476" spans="8:8">
      <c r="H353476" s="12"/>
    </row>
    <row r="353477" spans="8:8">
      <c r="H353477" s="12"/>
    </row>
    <row r="353478" spans="8:8">
      <c r="H353478" s="12"/>
    </row>
    <row r="353479" spans="8:8">
      <c r="H353479" s="12"/>
    </row>
    <row r="353480" spans="8:8">
      <c r="H353480" s="12"/>
    </row>
    <row r="353481" spans="8:8">
      <c r="H353481" s="12"/>
    </row>
    <row r="353482" spans="8:8">
      <c r="H353482" s="12"/>
    </row>
    <row r="353483" spans="8:8">
      <c r="H353483" s="12"/>
    </row>
    <row r="353484" spans="8:8">
      <c r="H353484" s="12"/>
    </row>
    <row r="353485" spans="8:8">
      <c r="H353485" s="12"/>
    </row>
    <row r="353486" spans="8:8">
      <c r="H353486" s="12"/>
    </row>
    <row r="353487" spans="8:8">
      <c r="H353487" s="12"/>
    </row>
    <row r="353488" spans="8:8">
      <c r="H353488" s="12"/>
    </row>
    <row r="353489" spans="8:8">
      <c r="H353489" s="12"/>
    </row>
    <row r="353490" spans="8:8">
      <c r="H353490" s="12"/>
    </row>
    <row r="353491" spans="8:8">
      <c r="H353491" s="12"/>
    </row>
    <row r="353492" spans="8:8">
      <c r="H353492" s="12"/>
    </row>
    <row r="353493" spans="8:8">
      <c r="H353493" s="12"/>
    </row>
    <row r="353494" spans="8:8">
      <c r="H353494" s="12"/>
    </row>
    <row r="353495" spans="8:8">
      <c r="H353495" s="12"/>
    </row>
    <row r="353496" spans="8:8">
      <c r="H353496" s="12"/>
    </row>
    <row r="353497" spans="8:8">
      <c r="H353497" s="12"/>
    </row>
    <row r="353498" spans="8:8">
      <c r="H353498" s="12"/>
    </row>
    <row r="353499" spans="8:8">
      <c r="H353499" s="12"/>
    </row>
    <row r="353500" spans="8:8">
      <c r="H353500" s="12"/>
    </row>
    <row r="353501" spans="8:8">
      <c r="H353501" s="12"/>
    </row>
    <row r="353502" spans="8:8">
      <c r="H353502" s="12"/>
    </row>
    <row r="353503" spans="8:8">
      <c r="H353503" s="12"/>
    </row>
    <row r="353504" spans="8:8">
      <c r="H353504" s="12"/>
    </row>
    <row r="353505" spans="8:8">
      <c r="H353505" s="12"/>
    </row>
    <row r="353506" spans="8:8">
      <c r="H353506" s="12"/>
    </row>
    <row r="353507" spans="8:8">
      <c r="H353507" s="12"/>
    </row>
    <row r="353508" spans="8:8">
      <c r="H353508" s="12"/>
    </row>
    <row r="353509" spans="8:8">
      <c r="H353509" s="12"/>
    </row>
    <row r="353510" spans="8:8">
      <c r="H353510" s="12"/>
    </row>
    <row r="353511" spans="8:8">
      <c r="H353511" s="12"/>
    </row>
    <row r="353512" spans="8:8">
      <c r="H353512" s="12"/>
    </row>
    <row r="353513" spans="8:8">
      <c r="H353513" s="12"/>
    </row>
    <row r="353514" spans="8:8">
      <c r="H353514" s="12"/>
    </row>
    <row r="353515" spans="8:8">
      <c r="H353515" s="12"/>
    </row>
    <row r="353516" spans="8:8">
      <c r="H353516" s="12"/>
    </row>
    <row r="353517" spans="8:8">
      <c r="H353517" s="12"/>
    </row>
    <row r="353518" spans="8:8">
      <c r="H353518" s="12"/>
    </row>
    <row r="353519" spans="8:8">
      <c r="H353519" s="12"/>
    </row>
    <row r="353520" spans="8:8">
      <c r="H353520" s="12"/>
    </row>
    <row r="353521" spans="8:8">
      <c r="H353521" s="12"/>
    </row>
    <row r="353522" spans="8:8">
      <c r="H353522" s="12"/>
    </row>
    <row r="353523" spans="8:8">
      <c r="H353523" s="12"/>
    </row>
    <row r="353524" spans="8:8">
      <c r="H353524" s="12"/>
    </row>
    <row r="353525" spans="8:8">
      <c r="H353525" s="12"/>
    </row>
    <row r="353526" spans="8:8">
      <c r="H353526" s="12"/>
    </row>
    <row r="353527" spans="8:8">
      <c r="H353527" s="12"/>
    </row>
    <row r="353528" spans="8:8">
      <c r="H353528" s="12"/>
    </row>
    <row r="353529" spans="8:8">
      <c r="H353529" s="12"/>
    </row>
    <row r="353530" spans="8:8">
      <c r="H353530" s="12"/>
    </row>
    <row r="353531" spans="8:8">
      <c r="H353531" s="12"/>
    </row>
    <row r="353532" spans="8:8">
      <c r="H353532" s="12"/>
    </row>
    <row r="353533" spans="8:8">
      <c r="H353533" s="12"/>
    </row>
    <row r="353534" spans="8:8">
      <c r="H353534" s="12"/>
    </row>
    <row r="353535" spans="8:8">
      <c r="H353535" s="12"/>
    </row>
    <row r="353536" spans="8:8">
      <c r="H353536" s="12"/>
    </row>
    <row r="353537" spans="8:8">
      <c r="H353537" s="12"/>
    </row>
    <row r="353538" spans="8:8">
      <c r="H353538" s="12"/>
    </row>
    <row r="353539" spans="8:8">
      <c r="H353539" s="12"/>
    </row>
    <row r="353540" spans="8:8">
      <c r="H353540" s="12"/>
    </row>
    <row r="353541" spans="8:8">
      <c r="H353541" s="12"/>
    </row>
    <row r="353542" spans="8:8">
      <c r="H353542" s="12"/>
    </row>
    <row r="353543" spans="8:8">
      <c r="H353543" s="12"/>
    </row>
    <row r="353544" spans="8:8">
      <c r="H353544" s="12"/>
    </row>
    <row r="353545" spans="8:8">
      <c r="H353545" s="12"/>
    </row>
    <row r="353546" spans="8:8">
      <c r="H353546" s="12"/>
    </row>
    <row r="353547" spans="8:8">
      <c r="H353547" s="12"/>
    </row>
    <row r="353548" spans="8:8">
      <c r="H353548" s="12"/>
    </row>
    <row r="353549" spans="8:8">
      <c r="H353549" s="12"/>
    </row>
    <row r="353550" spans="8:8">
      <c r="H353550" s="12"/>
    </row>
    <row r="353551" spans="8:8">
      <c r="H353551" s="12"/>
    </row>
    <row r="353552" spans="8:8">
      <c r="H353552" s="12"/>
    </row>
    <row r="353553" spans="8:8">
      <c r="H353553" s="12"/>
    </row>
    <row r="353554" spans="8:8">
      <c r="H353554" s="12"/>
    </row>
    <row r="353555" spans="8:8">
      <c r="H353555" s="12"/>
    </row>
    <row r="353556" spans="8:8">
      <c r="H353556" s="12"/>
    </row>
    <row r="353557" spans="8:8">
      <c r="H353557" s="12"/>
    </row>
    <row r="353558" spans="8:8">
      <c r="H353558" s="12"/>
    </row>
    <row r="353559" spans="8:8">
      <c r="H353559" s="12"/>
    </row>
    <row r="353560" spans="8:8">
      <c r="H353560" s="12"/>
    </row>
    <row r="353561" spans="8:8">
      <c r="H353561" s="12"/>
    </row>
    <row r="353562" spans="8:8">
      <c r="H353562" s="12"/>
    </row>
    <row r="353563" spans="8:8">
      <c r="H353563" s="12"/>
    </row>
    <row r="353564" spans="8:8">
      <c r="H353564" s="12"/>
    </row>
    <row r="353565" spans="8:8">
      <c r="H353565" s="12"/>
    </row>
    <row r="353566" spans="8:8">
      <c r="H353566" s="12"/>
    </row>
    <row r="353567" spans="8:8">
      <c r="H353567" s="12"/>
    </row>
    <row r="353568" spans="8:8">
      <c r="H353568" s="12"/>
    </row>
    <row r="353569" spans="8:8">
      <c r="H353569" s="12"/>
    </row>
    <row r="353570" spans="8:8">
      <c r="H353570" s="12"/>
    </row>
    <row r="353571" spans="8:8">
      <c r="H353571" s="12"/>
    </row>
    <row r="353572" spans="8:8">
      <c r="H353572" s="12"/>
    </row>
    <row r="353573" spans="8:8">
      <c r="H353573" s="12"/>
    </row>
    <row r="353574" spans="8:8">
      <c r="H353574" s="12"/>
    </row>
    <row r="353575" spans="8:8">
      <c r="H353575" s="12"/>
    </row>
    <row r="353576" spans="8:8">
      <c r="H353576" s="12"/>
    </row>
    <row r="353577" spans="8:8">
      <c r="H353577" s="12"/>
    </row>
    <row r="353578" spans="8:8">
      <c r="H353578" s="12"/>
    </row>
    <row r="353579" spans="8:8">
      <c r="H353579" s="12"/>
    </row>
    <row r="353580" spans="8:8">
      <c r="H353580" s="12"/>
    </row>
    <row r="353581" spans="8:8">
      <c r="H353581" s="12"/>
    </row>
    <row r="353582" spans="8:8">
      <c r="H353582" s="12"/>
    </row>
    <row r="353583" spans="8:8">
      <c r="H353583" s="12"/>
    </row>
    <row r="353584" spans="8:8">
      <c r="H353584" s="12"/>
    </row>
    <row r="353585" spans="8:8">
      <c r="H353585" s="12"/>
    </row>
    <row r="353586" spans="8:8">
      <c r="H353586" s="12"/>
    </row>
    <row r="353587" spans="8:8">
      <c r="H353587" s="12"/>
    </row>
    <row r="353588" spans="8:8">
      <c r="H353588" s="12"/>
    </row>
    <row r="353589" spans="8:8">
      <c r="H353589" s="12"/>
    </row>
    <row r="353590" spans="8:8">
      <c r="H353590" s="12"/>
    </row>
    <row r="353591" spans="8:8">
      <c r="H353591" s="12"/>
    </row>
    <row r="353592" spans="8:8">
      <c r="H353592" s="12"/>
    </row>
    <row r="353593" spans="8:8">
      <c r="H353593" s="12"/>
    </row>
    <row r="353594" spans="8:8">
      <c r="H353594" s="12"/>
    </row>
    <row r="353595" spans="8:8">
      <c r="H353595" s="12"/>
    </row>
    <row r="353596" spans="8:8">
      <c r="H353596" s="12"/>
    </row>
    <row r="353597" spans="8:8">
      <c r="H353597" s="12"/>
    </row>
    <row r="353598" spans="8:8">
      <c r="H353598" s="12"/>
    </row>
    <row r="353599" spans="8:8">
      <c r="H353599" s="12"/>
    </row>
    <row r="353600" spans="8:8">
      <c r="H353600" s="12"/>
    </row>
    <row r="353601" spans="8:8">
      <c r="H353601" s="12"/>
    </row>
    <row r="353602" spans="8:8">
      <c r="H353602" s="12"/>
    </row>
    <row r="353603" spans="8:8">
      <c r="H353603" s="12"/>
    </row>
    <row r="353604" spans="8:8">
      <c r="H353604" s="12"/>
    </row>
    <row r="353605" spans="8:8">
      <c r="H353605" s="12"/>
    </row>
    <row r="353606" spans="8:8">
      <c r="H353606" s="12"/>
    </row>
    <row r="353607" spans="8:8">
      <c r="H353607" s="12"/>
    </row>
    <row r="353608" spans="8:8">
      <c r="H353608" s="12"/>
    </row>
    <row r="353609" spans="8:8">
      <c r="H353609" s="12"/>
    </row>
    <row r="353610" spans="8:8">
      <c r="H353610" s="12"/>
    </row>
    <row r="353611" spans="8:8">
      <c r="H353611" s="12"/>
    </row>
    <row r="353612" spans="8:8">
      <c r="H353612" s="12"/>
    </row>
    <row r="353613" spans="8:8">
      <c r="H353613" s="12"/>
    </row>
    <row r="353614" spans="8:8">
      <c r="H353614" s="12"/>
    </row>
    <row r="353615" spans="8:8">
      <c r="H353615" s="12"/>
    </row>
    <row r="353616" spans="8:8">
      <c r="H353616" s="12"/>
    </row>
    <row r="353617" spans="8:8">
      <c r="H353617" s="12"/>
    </row>
    <row r="353618" spans="8:8">
      <c r="H353618" s="12"/>
    </row>
    <row r="353619" spans="8:8">
      <c r="H353619" s="12"/>
    </row>
    <row r="353620" spans="8:8">
      <c r="H353620" s="12"/>
    </row>
    <row r="353621" spans="8:8">
      <c r="H353621" s="12"/>
    </row>
    <row r="353622" spans="8:8">
      <c r="H353622" s="12"/>
    </row>
    <row r="353623" spans="8:8">
      <c r="H353623" s="12"/>
    </row>
    <row r="353624" spans="8:8">
      <c r="H353624" s="12"/>
    </row>
    <row r="353625" spans="8:8">
      <c r="H353625" s="12"/>
    </row>
    <row r="353626" spans="8:8">
      <c r="H353626" s="12"/>
    </row>
    <row r="353627" spans="8:8">
      <c r="H353627" s="12"/>
    </row>
    <row r="353628" spans="8:8">
      <c r="H353628" s="12"/>
    </row>
    <row r="353629" spans="8:8">
      <c r="H353629" s="12"/>
    </row>
    <row r="353630" spans="8:8">
      <c r="H353630" s="12"/>
    </row>
    <row r="353631" spans="8:8">
      <c r="H353631" s="12"/>
    </row>
    <row r="353632" spans="8:8">
      <c r="H353632" s="12"/>
    </row>
    <row r="353633" spans="8:8">
      <c r="H353633" s="12"/>
    </row>
    <row r="353634" spans="8:8">
      <c r="H353634" s="12"/>
    </row>
    <row r="353635" spans="8:8">
      <c r="H353635" s="12"/>
    </row>
    <row r="353636" spans="8:8">
      <c r="H353636" s="12"/>
    </row>
    <row r="353637" spans="8:8">
      <c r="H353637" s="12"/>
    </row>
    <row r="353638" spans="8:8">
      <c r="H353638" s="12"/>
    </row>
    <row r="353639" spans="8:8">
      <c r="H353639" s="12"/>
    </row>
    <row r="353640" spans="8:8">
      <c r="H353640" s="12"/>
    </row>
    <row r="353641" spans="8:8">
      <c r="H353641" s="12"/>
    </row>
    <row r="353642" spans="8:8">
      <c r="H353642" s="12"/>
    </row>
    <row r="353643" spans="8:8">
      <c r="H353643" s="12"/>
    </row>
    <row r="353644" spans="8:8">
      <c r="H353644" s="12"/>
    </row>
    <row r="353645" spans="8:8">
      <c r="H353645" s="12"/>
    </row>
    <row r="353646" spans="8:8">
      <c r="H353646" s="12"/>
    </row>
    <row r="353647" spans="8:8">
      <c r="H353647" s="12"/>
    </row>
    <row r="353648" spans="8:8">
      <c r="H353648" s="12"/>
    </row>
    <row r="353649" spans="8:8">
      <c r="H353649" s="12"/>
    </row>
    <row r="353650" spans="8:8">
      <c r="H353650" s="12"/>
    </row>
    <row r="353651" spans="8:8">
      <c r="H353651" s="12"/>
    </row>
    <row r="353652" spans="8:8">
      <c r="H353652" s="12"/>
    </row>
    <row r="353653" spans="8:8">
      <c r="H353653" s="12"/>
    </row>
    <row r="353654" spans="8:8">
      <c r="H353654" s="12"/>
    </row>
    <row r="353655" spans="8:8">
      <c r="H353655" s="12"/>
    </row>
    <row r="353656" spans="8:8">
      <c r="H353656" s="12"/>
    </row>
    <row r="353657" spans="8:8">
      <c r="H353657" s="12"/>
    </row>
    <row r="353658" spans="8:8">
      <c r="H353658" s="12"/>
    </row>
    <row r="353659" spans="8:8">
      <c r="H353659" s="12"/>
    </row>
    <row r="353660" spans="8:8">
      <c r="H353660" s="12"/>
    </row>
    <row r="353661" spans="8:8">
      <c r="H353661" s="12"/>
    </row>
    <row r="353662" spans="8:8">
      <c r="H353662" s="12"/>
    </row>
    <row r="353663" spans="8:8">
      <c r="H353663" s="12"/>
    </row>
    <row r="353664" spans="8:8">
      <c r="H353664" s="12"/>
    </row>
    <row r="353665" spans="8:8">
      <c r="H353665" s="12"/>
    </row>
    <row r="353666" spans="8:8">
      <c r="H353666" s="12"/>
    </row>
    <row r="353667" spans="8:8">
      <c r="H353667" s="12"/>
    </row>
    <row r="353668" spans="8:8">
      <c r="H353668" s="12"/>
    </row>
    <row r="353669" spans="8:8">
      <c r="H353669" s="12"/>
    </row>
    <row r="353670" spans="8:8">
      <c r="H353670" s="12"/>
    </row>
    <row r="353671" spans="8:8">
      <c r="H353671" s="12"/>
    </row>
    <row r="353672" spans="8:8">
      <c r="H353672" s="12"/>
    </row>
    <row r="353673" spans="8:8">
      <c r="H353673" s="12"/>
    </row>
    <row r="353674" spans="8:8">
      <c r="H353674" s="12"/>
    </row>
    <row r="353675" spans="8:8">
      <c r="H353675" s="12"/>
    </row>
    <row r="353676" spans="8:8">
      <c r="H353676" s="12"/>
    </row>
    <row r="353677" spans="8:8">
      <c r="H353677" s="12"/>
    </row>
    <row r="353678" spans="8:8">
      <c r="H353678" s="12"/>
    </row>
    <row r="353679" spans="8:8">
      <c r="H353679" s="12"/>
    </row>
    <row r="353680" spans="8:8">
      <c r="H353680" s="12"/>
    </row>
    <row r="353681" spans="8:8">
      <c r="H353681" s="12"/>
    </row>
    <row r="353682" spans="8:8">
      <c r="H353682" s="12"/>
    </row>
    <row r="353683" spans="8:8">
      <c r="H353683" s="12"/>
    </row>
    <row r="353684" spans="8:8">
      <c r="H353684" s="12"/>
    </row>
    <row r="353685" spans="8:8">
      <c r="H353685" s="12"/>
    </row>
    <row r="353686" spans="8:8">
      <c r="H353686" s="12"/>
    </row>
    <row r="353687" spans="8:8">
      <c r="H353687" s="12"/>
    </row>
    <row r="353688" spans="8:8">
      <c r="H353688" s="12"/>
    </row>
    <row r="353689" spans="8:8">
      <c r="H353689" s="12"/>
    </row>
    <row r="353690" spans="8:8">
      <c r="H353690" s="12"/>
    </row>
    <row r="353691" spans="8:8">
      <c r="H353691" s="12"/>
    </row>
    <row r="353692" spans="8:8">
      <c r="H353692" s="12"/>
    </row>
    <row r="353693" spans="8:8">
      <c r="H353693" s="12"/>
    </row>
    <row r="353694" spans="8:8">
      <c r="H353694" s="12"/>
    </row>
    <row r="353695" spans="8:8">
      <c r="H353695" s="12"/>
    </row>
    <row r="353696" spans="8:8">
      <c r="H353696" s="12"/>
    </row>
    <row r="353697" spans="8:8">
      <c r="H353697" s="12"/>
    </row>
    <row r="353698" spans="8:8">
      <c r="H353698" s="12"/>
    </row>
    <row r="353699" spans="8:8">
      <c r="H353699" s="12"/>
    </row>
    <row r="353700" spans="8:8">
      <c r="H353700" s="12"/>
    </row>
    <row r="353701" spans="8:8">
      <c r="H353701" s="12"/>
    </row>
    <row r="353702" spans="8:8">
      <c r="H353702" s="12"/>
    </row>
    <row r="353703" spans="8:8">
      <c r="H353703" s="12"/>
    </row>
    <row r="353704" spans="8:8">
      <c r="H353704" s="12"/>
    </row>
    <row r="353705" spans="8:8">
      <c r="H353705" s="12"/>
    </row>
    <row r="353706" spans="8:8">
      <c r="H353706" s="12"/>
    </row>
    <row r="353707" spans="8:8">
      <c r="H353707" s="12"/>
    </row>
    <row r="353708" spans="8:8">
      <c r="H353708" s="12"/>
    </row>
    <row r="353709" spans="8:8">
      <c r="H353709" s="12"/>
    </row>
    <row r="353710" spans="8:8">
      <c r="H353710" s="12"/>
    </row>
    <row r="353711" spans="8:8">
      <c r="H353711" s="12"/>
    </row>
    <row r="353712" spans="8:8">
      <c r="H353712" s="12"/>
    </row>
    <row r="353713" spans="8:8">
      <c r="H353713" s="12"/>
    </row>
    <row r="353714" spans="8:8">
      <c r="H353714" s="12"/>
    </row>
    <row r="353715" spans="8:8">
      <c r="H353715" s="12"/>
    </row>
    <row r="353716" spans="8:8">
      <c r="H353716" s="12"/>
    </row>
    <row r="353717" spans="8:8">
      <c r="H353717" s="12"/>
    </row>
    <row r="353718" spans="8:8">
      <c r="H353718" s="12"/>
    </row>
    <row r="353719" spans="8:8">
      <c r="H353719" s="12"/>
    </row>
    <row r="353720" spans="8:8">
      <c r="H353720" s="12"/>
    </row>
    <row r="353721" spans="8:8">
      <c r="H353721" s="12"/>
    </row>
    <row r="353722" spans="8:8">
      <c r="H353722" s="12"/>
    </row>
    <row r="353723" spans="8:8">
      <c r="H353723" s="12"/>
    </row>
    <row r="353724" spans="8:8">
      <c r="H353724" s="12"/>
    </row>
    <row r="353725" spans="8:8">
      <c r="H353725" s="12"/>
    </row>
    <row r="353726" spans="8:8">
      <c r="H353726" s="12"/>
    </row>
    <row r="353727" spans="8:8">
      <c r="H353727" s="12"/>
    </row>
    <row r="353728" spans="8:8">
      <c r="H353728" s="12"/>
    </row>
    <row r="353729" spans="8:8">
      <c r="H353729" s="12"/>
    </row>
    <row r="353730" spans="8:8">
      <c r="H353730" s="12"/>
    </row>
    <row r="353731" spans="8:8">
      <c r="H353731" s="12"/>
    </row>
    <row r="353732" spans="8:8">
      <c r="H353732" s="12"/>
    </row>
    <row r="353733" spans="8:8">
      <c r="H353733" s="12"/>
    </row>
    <row r="353734" spans="8:8">
      <c r="H353734" s="12"/>
    </row>
    <row r="353735" spans="8:8">
      <c r="H353735" s="12"/>
    </row>
    <row r="353736" spans="8:8">
      <c r="H353736" s="12"/>
    </row>
    <row r="353737" spans="8:8">
      <c r="H353737" s="12"/>
    </row>
    <row r="353738" spans="8:8">
      <c r="H353738" s="12"/>
    </row>
    <row r="353739" spans="8:8">
      <c r="H353739" s="12"/>
    </row>
    <row r="353740" spans="8:8">
      <c r="H353740" s="12"/>
    </row>
    <row r="353741" spans="8:8">
      <c r="H353741" s="12"/>
    </row>
    <row r="353742" spans="8:8">
      <c r="H353742" s="12"/>
    </row>
    <row r="353743" spans="8:8">
      <c r="H353743" s="12"/>
    </row>
    <row r="353744" spans="8:8">
      <c r="H353744" s="12"/>
    </row>
    <row r="353745" spans="8:8">
      <c r="H353745" s="12"/>
    </row>
    <row r="353746" spans="8:8">
      <c r="H353746" s="12"/>
    </row>
    <row r="353747" spans="8:8">
      <c r="H353747" s="12"/>
    </row>
    <row r="353748" spans="8:8">
      <c r="H353748" s="12"/>
    </row>
    <row r="353749" spans="8:8">
      <c r="H353749" s="12"/>
    </row>
    <row r="353750" spans="8:8">
      <c r="H353750" s="12"/>
    </row>
    <row r="353751" spans="8:8">
      <c r="H353751" s="12"/>
    </row>
    <row r="353752" spans="8:8">
      <c r="H353752" s="12"/>
    </row>
    <row r="353753" spans="8:8">
      <c r="H353753" s="12"/>
    </row>
    <row r="353754" spans="8:8">
      <c r="H353754" s="12"/>
    </row>
    <row r="353755" spans="8:8">
      <c r="H353755" s="12"/>
    </row>
    <row r="353756" spans="8:8">
      <c r="H353756" s="12"/>
    </row>
    <row r="353757" spans="8:8">
      <c r="H353757" s="12"/>
    </row>
    <row r="353758" spans="8:8">
      <c r="H353758" s="12"/>
    </row>
    <row r="353759" spans="8:8">
      <c r="H353759" s="12"/>
    </row>
    <row r="353760" spans="8:8">
      <c r="H353760" s="12"/>
    </row>
    <row r="353761" spans="8:8">
      <c r="H353761" s="12"/>
    </row>
    <row r="353762" spans="8:8">
      <c r="H353762" s="12"/>
    </row>
    <row r="353763" spans="8:8">
      <c r="H353763" s="12"/>
    </row>
    <row r="353764" spans="8:8">
      <c r="H353764" s="12"/>
    </row>
    <row r="353765" spans="8:8">
      <c r="H353765" s="12"/>
    </row>
    <row r="353766" spans="8:8">
      <c r="H353766" s="12"/>
    </row>
    <row r="353767" spans="8:8">
      <c r="H353767" s="12"/>
    </row>
    <row r="353768" spans="8:8">
      <c r="H353768" s="12"/>
    </row>
    <row r="353769" spans="8:8">
      <c r="H353769" s="12"/>
    </row>
    <row r="353770" spans="8:8">
      <c r="H353770" s="12"/>
    </row>
    <row r="353771" spans="8:8">
      <c r="H353771" s="12"/>
    </row>
    <row r="353772" spans="8:8">
      <c r="H353772" s="12"/>
    </row>
    <row r="353773" spans="8:8">
      <c r="H353773" s="12"/>
    </row>
    <row r="353774" spans="8:8">
      <c r="H353774" s="12"/>
    </row>
    <row r="353775" spans="8:8">
      <c r="H353775" s="12"/>
    </row>
    <row r="353776" spans="8:8">
      <c r="H353776" s="12"/>
    </row>
    <row r="353777" spans="8:8">
      <c r="H353777" s="12"/>
    </row>
    <row r="353778" spans="8:8">
      <c r="H353778" s="12"/>
    </row>
    <row r="353779" spans="8:8">
      <c r="H353779" s="12"/>
    </row>
    <row r="353780" spans="8:8">
      <c r="H353780" s="12"/>
    </row>
    <row r="353781" spans="8:8">
      <c r="H353781" s="12"/>
    </row>
    <row r="353782" spans="8:8">
      <c r="H353782" s="12"/>
    </row>
    <row r="353783" spans="8:8">
      <c r="H353783" s="12"/>
    </row>
    <row r="353784" spans="8:8">
      <c r="H353784" s="12"/>
    </row>
    <row r="353785" spans="8:8">
      <c r="H353785" s="12"/>
    </row>
    <row r="353786" spans="8:8">
      <c r="H353786" s="12"/>
    </row>
    <row r="353787" spans="8:8">
      <c r="H353787" s="12"/>
    </row>
    <row r="353788" spans="8:8">
      <c r="H353788" s="12"/>
    </row>
    <row r="353789" spans="8:8">
      <c r="H353789" s="12"/>
    </row>
    <row r="353790" spans="8:8">
      <c r="H353790" s="12"/>
    </row>
    <row r="353791" spans="8:8">
      <c r="H353791" s="12"/>
    </row>
    <row r="353792" spans="8:8">
      <c r="H353792" s="12"/>
    </row>
    <row r="353793" spans="8:8">
      <c r="H353793" s="12"/>
    </row>
    <row r="353794" spans="8:8">
      <c r="H353794" s="12"/>
    </row>
    <row r="353795" spans="8:8">
      <c r="H353795" s="12"/>
    </row>
    <row r="353796" spans="8:8">
      <c r="H353796" s="12"/>
    </row>
    <row r="353797" spans="8:8">
      <c r="H353797" s="12"/>
    </row>
    <row r="353798" spans="8:8">
      <c r="H353798" s="12"/>
    </row>
    <row r="353799" spans="8:8">
      <c r="H353799" s="12"/>
    </row>
    <row r="353800" spans="8:8">
      <c r="H353800" s="12"/>
    </row>
    <row r="353801" spans="8:8">
      <c r="H353801" s="12"/>
    </row>
    <row r="353802" spans="8:8">
      <c r="H353802" s="12"/>
    </row>
    <row r="353803" spans="8:8">
      <c r="H353803" s="12"/>
    </row>
    <row r="353804" spans="8:8">
      <c r="H353804" s="12"/>
    </row>
    <row r="353805" spans="8:8">
      <c r="H353805" s="12"/>
    </row>
    <row r="353806" spans="8:8">
      <c r="H353806" s="12"/>
    </row>
    <row r="353807" spans="8:8">
      <c r="H353807" s="12"/>
    </row>
    <row r="353808" spans="8:8">
      <c r="H353808" s="12"/>
    </row>
    <row r="353809" spans="8:8">
      <c r="H353809" s="12"/>
    </row>
    <row r="353810" spans="8:8">
      <c r="H353810" s="12"/>
    </row>
    <row r="353811" spans="8:8">
      <c r="H353811" s="12"/>
    </row>
    <row r="353812" spans="8:8">
      <c r="H353812" s="12"/>
    </row>
    <row r="353813" spans="8:8">
      <c r="H353813" s="12"/>
    </row>
    <row r="353814" spans="8:8">
      <c r="H353814" s="12"/>
    </row>
    <row r="353815" spans="8:8">
      <c r="H353815" s="12"/>
    </row>
    <row r="353816" spans="8:8">
      <c r="H353816" s="12"/>
    </row>
    <row r="353817" spans="8:8">
      <c r="H353817" s="12"/>
    </row>
    <row r="353818" spans="8:8">
      <c r="H353818" s="12"/>
    </row>
    <row r="353819" spans="8:8">
      <c r="H353819" s="12"/>
    </row>
    <row r="353820" spans="8:8">
      <c r="H353820" s="12"/>
    </row>
    <row r="353821" spans="8:8">
      <c r="H353821" s="12"/>
    </row>
    <row r="353822" spans="8:8">
      <c r="H353822" s="12"/>
    </row>
    <row r="353823" spans="8:8">
      <c r="H353823" s="12"/>
    </row>
    <row r="353824" spans="8:8">
      <c r="H353824" s="12"/>
    </row>
    <row r="353825" spans="8:8">
      <c r="H353825" s="12"/>
    </row>
    <row r="353826" spans="8:8">
      <c r="H353826" s="12"/>
    </row>
    <row r="353827" spans="8:8">
      <c r="H353827" s="12"/>
    </row>
    <row r="353828" spans="8:8">
      <c r="H353828" s="12"/>
    </row>
    <row r="353829" spans="8:8">
      <c r="H353829" s="12"/>
    </row>
    <row r="353830" spans="8:8">
      <c r="H353830" s="12"/>
    </row>
    <row r="353831" spans="8:8">
      <c r="H353831" s="12"/>
    </row>
    <row r="353832" spans="8:8">
      <c r="H353832" s="12"/>
    </row>
    <row r="353833" spans="8:8">
      <c r="H353833" s="12"/>
    </row>
    <row r="353834" spans="8:8">
      <c r="H353834" s="12"/>
    </row>
    <row r="353835" spans="8:8">
      <c r="H353835" s="12"/>
    </row>
    <row r="353836" spans="8:8">
      <c r="H353836" s="12"/>
    </row>
    <row r="353837" spans="8:8">
      <c r="H353837" s="12"/>
    </row>
    <row r="353838" spans="8:8">
      <c r="H353838" s="12"/>
    </row>
    <row r="353839" spans="8:8">
      <c r="H353839" s="12"/>
    </row>
    <row r="353840" spans="8:8">
      <c r="H353840" s="12"/>
    </row>
    <row r="353841" spans="8:8">
      <c r="H353841" s="12"/>
    </row>
    <row r="353842" spans="8:8">
      <c r="H353842" s="12"/>
    </row>
    <row r="353843" spans="8:8">
      <c r="H353843" s="12"/>
    </row>
    <row r="353844" spans="8:8">
      <c r="H353844" s="12"/>
    </row>
    <row r="353845" spans="8:8">
      <c r="H353845" s="12"/>
    </row>
    <row r="353846" spans="8:8">
      <c r="H353846" s="12"/>
    </row>
    <row r="353847" spans="8:8">
      <c r="H353847" s="12"/>
    </row>
    <row r="353848" spans="8:8">
      <c r="H353848" s="12"/>
    </row>
    <row r="353849" spans="8:8">
      <c r="H353849" s="12"/>
    </row>
    <row r="353850" spans="8:8">
      <c r="H353850" s="12"/>
    </row>
    <row r="353851" spans="8:8">
      <c r="H353851" s="12"/>
    </row>
    <row r="353852" spans="8:8">
      <c r="H353852" s="12"/>
    </row>
    <row r="353853" spans="8:8">
      <c r="H353853" s="12"/>
    </row>
    <row r="353854" spans="8:8">
      <c r="H353854" s="12"/>
    </row>
    <row r="353855" spans="8:8">
      <c r="H353855" s="12"/>
    </row>
    <row r="353856" spans="8:8">
      <c r="H353856" s="12"/>
    </row>
    <row r="353857" spans="8:8">
      <c r="H353857" s="12"/>
    </row>
    <row r="353858" spans="8:8">
      <c r="H353858" s="12"/>
    </row>
    <row r="353859" spans="8:8">
      <c r="H353859" s="12"/>
    </row>
    <row r="353860" spans="8:8">
      <c r="H353860" s="12"/>
    </row>
    <row r="353861" spans="8:8">
      <c r="H353861" s="12"/>
    </row>
    <row r="353862" spans="8:8">
      <c r="H353862" s="12"/>
    </row>
    <row r="353863" spans="8:8">
      <c r="H353863" s="12"/>
    </row>
    <row r="353864" spans="8:8">
      <c r="H353864" s="12"/>
    </row>
    <row r="353865" spans="8:8">
      <c r="H353865" s="12"/>
    </row>
    <row r="353866" spans="8:8">
      <c r="H353866" s="12"/>
    </row>
    <row r="353867" spans="8:8">
      <c r="H353867" s="12"/>
    </row>
    <row r="353868" spans="8:8">
      <c r="H353868" s="12"/>
    </row>
    <row r="353869" spans="8:8">
      <c r="H353869" s="12"/>
    </row>
    <row r="353870" spans="8:8">
      <c r="H353870" s="12"/>
    </row>
    <row r="353871" spans="8:8">
      <c r="H353871" s="12"/>
    </row>
    <row r="353872" spans="8:8">
      <c r="H353872" s="12"/>
    </row>
    <row r="353873" spans="8:8">
      <c r="H353873" s="12"/>
    </row>
    <row r="353874" spans="8:8">
      <c r="H353874" s="12"/>
    </row>
    <row r="353875" spans="8:8">
      <c r="H353875" s="12"/>
    </row>
    <row r="353876" spans="8:8">
      <c r="H353876" s="12"/>
    </row>
    <row r="353877" spans="8:8">
      <c r="H353877" s="12"/>
    </row>
    <row r="353878" spans="8:8">
      <c r="H353878" s="12"/>
    </row>
    <row r="353879" spans="8:8">
      <c r="H353879" s="12"/>
    </row>
    <row r="353880" spans="8:8">
      <c r="H353880" s="12"/>
    </row>
    <row r="353881" spans="8:8">
      <c r="H353881" s="12"/>
    </row>
    <row r="353882" spans="8:8">
      <c r="H353882" s="12"/>
    </row>
    <row r="353883" spans="8:8">
      <c r="H353883" s="12"/>
    </row>
    <row r="353884" spans="8:8">
      <c r="H353884" s="12"/>
    </row>
    <row r="353885" spans="8:8">
      <c r="H353885" s="12"/>
    </row>
    <row r="353886" spans="8:8">
      <c r="H353886" s="12"/>
    </row>
    <row r="353887" spans="8:8">
      <c r="H353887" s="12"/>
    </row>
    <row r="353888" spans="8:8">
      <c r="H353888" s="12"/>
    </row>
    <row r="353889" spans="8:8">
      <c r="H353889" s="12"/>
    </row>
    <row r="353890" spans="8:8">
      <c r="H353890" s="12"/>
    </row>
    <row r="353891" spans="8:8">
      <c r="H353891" s="12"/>
    </row>
    <row r="353892" spans="8:8">
      <c r="H353892" s="12"/>
    </row>
    <row r="353893" spans="8:8">
      <c r="H353893" s="12"/>
    </row>
    <row r="353894" spans="8:8">
      <c r="H353894" s="12"/>
    </row>
    <row r="353895" spans="8:8">
      <c r="H353895" s="12"/>
    </row>
    <row r="353896" spans="8:8">
      <c r="H353896" s="12"/>
    </row>
    <row r="353897" spans="8:8">
      <c r="H353897" s="12"/>
    </row>
    <row r="353898" spans="8:8">
      <c r="H353898" s="12"/>
    </row>
    <row r="353899" spans="8:8">
      <c r="H353899" s="12"/>
    </row>
    <row r="353900" spans="8:8">
      <c r="H353900" s="12"/>
    </row>
    <row r="353901" spans="8:8">
      <c r="H353901" s="12"/>
    </row>
    <row r="353902" spans="8:8">
      <c r="H353902" s="12"/>
    </row>
    <row r="353903" spans="8:8">
      <c r="H353903" s="12"/>
    </row>
    <row r="353904" spans="8:8">
      <c r="H353904" s="12"/>
    </row>
    <row r="353905" spans="8:8">
      <c r="H353905" s="12"/>
    </row>
    <row r="353906" spans="8:8">
      <c r="H353906" s="12"/>
    </row>
    <row r="353907" spans="8:8">
      <c r="H353907" s="12"/>
    </row>
    <row r="353908" spans="8:8">
      <c r="H353908" s="12"/>
    </row>
    <row r="353909" spans="8:8">
      <c r="H353909" s="12"/>
    </row>
    <row r="353910" spans="8:8">
      <c r="H353910" s="12"/>
    </row>
    <row r="353911" spans="8:8">
      <c r="H353911" s="12"/>
    </row>
    <row r="353912" spans="8:8">
      <c r="H353912" s="12"/>
    </row>
    <row r="353913" spans="8:8">
      <c r="H353913" s="12"/>
    </row>
    <row r="353914" spans="8:8">
      <c r="H353914" s="12"/>
    </row>
    <row r="353915" spans="8:8">
      <c r="H353915" s="12"/>
    </row>
    <row r="353916" spans="8:8">
      <c r="H353916" s="12"/>
    </row>
    <row r="353917" spans="8:8">
      <c r="H353917" s="12"/>
    </row>
    <row r="353918" spans="8:8">
      <c r="H353918" s="12"/>
    </row>
    <row r="353919" spans="8:8">
      <c r="H353919" s="12"/>
    </row>
    <row r="353920" spans="8:8">
      <c r="H353920" s="12"/>
    </row>
    <row r="353921" spans="8:8">
      <c r="H353921" s="12"/>
    </row>
    <row r="353922" spans="8:8">
      <c r="H353922" s="12"/>
    </row>
    <row r="353923" spans="8:8">
      <c r="H353923" s="12"/>
    </row>
    <row r="353924" spans="8:8">
      <c r="H353924" s="12"/>
    </row>
    <row r="353925" spans="8:8">
      <c r="H353925" s="12"/>
    </row>
    <row r="353926" spans="8:8">
      <c r="H353926" s="12"/>
    </row>
    <row r="353927" spans="8:8">
      <c r="H353927" s="12"/>
    </row>
    <row r="353928" spans="8:8">
      <c r="H353928" s="12"/>
    </row>
    <row r="353929" spans="8:8">
      <c r="H353929" s="12"/>
    </row>
    <row r="353930" spans="8:8">
      <c r="H353930" s="12"/>
    </row>
    <row r="353931" spans="8:8">
      <c r="H353931" s="12"/>
    </row>
    <row r="353932" spans="8:8">
      <c r="H353932" s="12"/>
    </row>
    <row r="353933" spans="8:8">
      <c r="H353933" s="12"/>
    </row>
    <row r="353934" spans="8:8">
      <c r="H353934" s="12"/>
    </row>
    <row r="353935" spans="8:8">
      <c r="H353935" s="12"/>
    </row>
    <row r="353936" spans="8:8">
      <c r="H353936" s="12"/>
    </row>
    <row r="353937" spans="8:8">
      <c r="H353937" s="12"/>
    </row>
    <row r="353938" spans="8:8">
      <c r="H353938" s="12"/>
    </row>
    <row r="353939" spans="8:8">
      <c r="H353939" s="12"/>
    </row>
    <row r="353940" spans="8:8">
      <c r="H353940" s="12"/>
    </row>
    <row r="353941" spans="8:8">
      <c r="H353941" s="12"/>
    </row>
    <row r="353942" spans="8:8">
      <c r="H353942" s="12"/>
    </row>
    <row r="353943" spans="8:8">
      <c r="H353943" s="12"/>
    </row>
    <row r="353944" spans="8:8">
      <c r="H353944" s="12"/>
    </row>
    <row r="353945" spans="8:8">
      <c r="H353945" s="12"/>
    </row>
    <row r="353946" spans="8:8">
      <c r="H353946" s="12"/>
    </row>
    <row r="353947" spans="8:8">
      <c r="H353947" s="12"/>
    </row>
    <row r="353948" spans="8:8">
      <c r="H353948" s="12"/>
    </row>
    <row r="353949" spans="8:8">
      <c r="H353949" s="12"/>
    </row>
    <row r="353950" spans="8:8">
      <c r="H353950" s="12"/>
    </row>
    <row r="353951" spans="8:8">
      <c r="H353951" s="12"/>
    </row>
    <row r="353952" spans="8:8">
      <c r="H353952" s="12"/>
    </row>
    <row r="353953" spans="8:8">
      <c r="H353953" s="12"/>
    </row>
    <row r="353954" spans="8:8">
      <c r="H353954" s="12"/>
    </row>
    <row r="353955" spans="8:8">
      <c r="H353955" s="12"/>
    </row>
    <row r="353956" spans="8:8">
      <c r="H353956" s="12"/>
    </row>
    <row r="353957" spans="8:8">
      <c r="H353957" s="12"/>
    </row>
    <row r="353958" spans="8:8">
      <c r="H353958" s="12"/>
    </row>
    <row r="353959" spans="8:8">
      <c r="H353959" s="12"/>
    </row>
    <row r="353960" spans="8:8">
      <c r="H353960" s="12"/>
    </row>
    <row r="353961" spans="8:8">
      <c r="H353961" s="12"/>
    </row>
    <row r="353962" spans="8:8">
      <c r="H353962" s="12"/>
    </row>
    <row r="353963" spans="8:8">
      <c r="H353963" s="12"/>
    </row>
    <row r="353964" spans="8:8">
      <c r="H353964" s="12"/>
    </row>
    <row r="353965" spans="8:8">
      <c r="H353965" s="12"/>
    </row>
    <row r="353966" spans="8:8">
      <c r="H353966" s="12"/>
    </row>
    <row r="353967" spans="8:8">
      <c r="H353967" s="12"/>
    </row>
    <row r="353968" spans="8:8">
      <c r="H353968" s="12"/>
    </row>
    <row r="353969" spans="8:8">
      <c r="H353969" s="12"/>
    </row>
    <row r="353970" spans="8:8">
      <c r="H353970" s="12"/>
    </row>
    <row r="353971" spans="8:8">
      <c r="H353971" s="12"/>
    </row>
    <row r="353972" spans="8:8">
      <c r="H353972" s="12"/>
    </row>
    <row r="353973" spans="8:8">
      <c r="H353973" s="12"/>
    </row>
    <row r="353974" spans="8:8">
      <c r="H353974" s="12"/>
    </row>
    <row r="353975" spans="8:8">
      <c r="H353975" s="12"/>
    </row>
    <row r="353976" spans="8:8">
      <c r="H353976" s="12"/>
    </row>
    <row r="353977" spans="8:8">
      <c r="H353977" s="12"/>
    </row>
    <row r="353978" spans="8:8">
      <c r="H353978" s="12"/>
    </row>
    <row r="353979" spans="8:8">
      <c r="H353979" s="12"/>
    </row>
    <row r="353980" spans="8:8">
      <c r="H353980" s="12"/>
    </row>
    <row r="353981" spans="8:8">
      <c r="H353981" s="12"/>
    </row>
    <row r="353982" spans="8:8">
      <c r="H353982" s="12"/>
    </row>
    <row r="353983" spans="8:8">
      <c r="H353983" s="12"/>
    </row>
    <row r="353984" spans="8:8">
      <c r="H353984" s="12"/>
    </row>
    <row r="353985" spans="8:8">
      <c r="H353985" s="12"/>
    </row>
    <row r="353986" spans="8:8">
      <c r="H353986" s="12"/>
    </row>
    <row r="353987" spans="8:8">
      <c r="H353987" s="12"/>
    </row>
    <row r="353988" spans="8:8">
      <c r="H353988" s="12"/>
    </row>
    <row r="353989" spans="8:8">
      <c r="H353989" s="12"/>
    </row>
    <row r="353990" spans="8:8">
      <c r="H353990" s="12"/>
    </row>
    <row r="353991" spans="8:8">
      <c r="H353991" s="12"/>
    </row>
    <row r="353992" spans="8:8">
      <c r="H353992" s="12"/>
    </row>
    <row r="353993" spans="8:8">
      <c r="H353993" s="12"/>
    </row>
    <row r="353994" spans="8:8">
      <c r="H353994" s="12"/>
    </row>
    <row r="353995" spans="8:8">
      <c r="H353995" s="12"/>
    </row>
    <row r="353996" spans="8:8">
      <c r="H353996" s="12"/>
    </row>
    <row r="353997" spans="8:8">
      <c r="H353997" s="12"/>
    </row>
    <row r="353998" spans="8:8">
      <c r="H353998" s="12"/>
    </row>
    <row r="353999" spans="8:8">
      <c r="H353999" s="12"/>
    </row>
    <row r="354000" spans="8:8">
      <c r="H354000" s="12"/>
    </row>
    <row r="354001" spans="8:8">
      <c r="H354001" s="12"/>
    </row>
    <row r="354002" spans="8:8">
      <c r="H354002" s="12"/>
    </row>
    <row r="354003" spans="8:8">
      <c r="H354003" s="12"/>
    </row>
    <row r="354004" spans="8:8">
      <c r="H354004" s="12"/>
    </row>
    <row r="354005" spans="8:8">
      <c r="H354005" s="12"/>
    </row>
    <row r="354006" spans="8:8">
      <c r="H354006" s="12"/>
    </row>
    <row r="354007" spans="8:8">
      <c r="H354007" s="12"/>
    </row>
    <row r="354008" spans="8:8">
      <c r="H354008" s="12"/>
    </row>
    <row r="354009" spans="8:8">
      <c r="H354009" s="12"/>
    </row>
    <row r="354010" spans="8:8">
      <c r="H354010" s="12"/>
    </row>
    <row r="354011" spans="8:8">
      <c r="H354011" s="12"/>
    </row>
    <row r="354012" spans="8:8">
      <c r="H354012" s="12"/>
    </row>
    <row r="354013" spans="8:8">
      <c r="H354013" s="12"/>
    </row>
    <row r="354014" spans="8:8">
      <c r="H354014" s="12"/>
    </row>
    <row r="354015" spans="8:8">
      <c r="H354015" s="12"/>
    </row>
    <row r="354016" spans="8:8">
      <c r="H354016" s="12"/>
    </row>
    <row r="354017" spans="8:8">
      <c r="H354017" s="12"/>
    </row>
    <row r="354018" spans="8:8">
      <c r="H354018" s="12"/>
    </row>
    <row r="354019" spans="8:8">
      <c r="H354019" s="12"/>
    </row>
    <row r="354020" spans="8:8">
      <c r="H354020" s="12"/>
    </row>
    <row r="354021" spans="8:8">
      <c r="H354021" s="12"/>
    </row>
    <row r="354022" spans="8:8">
      <c r="H354022" s="12"/>
    </row>
    <row r="354023" spans="8:8">
      <c r="H354023" s="12"/>
    </row>
    <row r="354024" spans="8:8">
      <c r="H354024" s="12"/>
    </row>
    <row r="354025" spans="8:8">
      <c r="H354025" s="12"/>
    </row>
    <row r="354026" spans="8:8">
      <c r="H354026" s="12"/>
    </row>
    <row r="354027" spans="8:8">
      <c r="H354027" s="12"/>
    </row>
    <row r="354028" spans="8:8">
      <c r="H354028" s="12"/>
    </row>
    <row r="354029" spans="8:8">
      <c r="H354029" s="12"/>
    </row>
    <row r="354030" spans="8:8">
      <c r="H354030" s="12"/>
    </row>
    <row r="354031" spans="8:8">
      <c r="H354031" s="12"/>
    </row>
    <row r="354032" spans="8:8">
      <c r="H354032" s="12"/>
    </row>
    <row r="354033" spans="8:8">
      <c r="H354033" s="12"/>
    </row>
    <row r="354034" spans="8:8">
      <c r="H354034" s="12"/>
    </row>
    <row r="354035" spans="8:8">
      <c r="H354035" s="12"/>
    </row>
    <row r="354036" spans="8:8">
      <c r="H354036" s="12"/>
    </row>
    <row r="354037" spans="8:8">
      <c r="H354037" s="12"/>
    </row>
    <row r="354038" spans="8:8">
      <c r="H354038" s="12"/>
    </row>
    <row r="354039" spans="8:8">
      <c r="H354039" s="12"/>
    </row>
    <row r="354040" spans="8:8">
      <c r="H354040" s="12"/>
    </row>
    <row r="354041" spans="8:8">
      <c r="H354041" s="12"/>
    </row>
    <row r="354042" spans="8:8">
      <c r="H354042" s="12"/>
    </row>
    <row r="354043" spans="8:8">
      <c r="H354043" s="12"/>
    </row>
    <row r="354044" spans="8:8">
      <c r="H354044" s="12"/>
    </row>
    <row r="354045" spans="8:8">
      <c r="H354045" s="12"/>
    </row>
    <row r="354046" spans="8:8">
      <c r="H354046" s="12"/>
    </row>
    <row r="354047" spans="8:8">
      <c r="H354047" s="12"/>
    </row>
    <row r="354048" spans="8:8">
      <c r="H354048" s="12"/>
    </row>
    <row r="354049" spans="8:8">
      <c r="H354049" s="12"/>
    </row>
    <row r="354050" spans="8:8">
      <c r="H354050" s="12"/>
    </row>
    <row r="354051" spans="8:8">
      <c r="H354051" s="12"/>
    </row>
    <row r="354052" spans="8:8">
      <c r="H354052" s="12"/>
    </row>
    <row r="354053" spans="8:8">
      <c r="H354053" s="12"/>
    </row>
    <row r="354054" spans="8:8">
      <c r="H354054" s="12"/>
    </row>
    <row r="354055" spans="8:8">
      <c r="H354055" s="12"/>
    </row>
    <row r="354056" spans="8:8">
      <c r="H354056" s="12"/>
    </row>
    <row r="354057" spans="8:8">
      <c r="H354057" s="12"/>
    </row>
    <row r="354058" spans="8:8">
      <c r="H354058" s="12"/>
    </row>
    <row r="354059" spans="8:8">
      <c r="H354059" s="12"/>
    </row>
    <row r="354060" spans="8:8">
      <c r="H354060" s="12"/>
    </row>
    <row r="354061" spans="8:8">
      <c r="H354061" s="12"/>
    </row>
    <row r="354062" spans="8:8">
      <c r="H354062" s="12"/>
    </row>
    <row r="354063" spans="8:8">
      <c r="H354063" s="12"/>
    </row>
    <row r="354064" spans="8:8">
      <c r="H354064" s="12"/>
    </row>
    <row r="354065" spans="8:8">
      <c r="H354065" s="12"/>
    </row>
    <row r="354066" spans="8:8">
      <c r="H354066" s="12"/>
    </row>
    <row r="354067" spans="8:8">
      <c r="H354067" s="12"/>
    </row>
    <row r="354068" spans="8:8">
      <c r="H354068" s="12"/>
    </row>
    <row r="354069" spans="8:8">
      <c r="H354069" s="12"/>
    </row>
    <row r="354070" spans="8:8">
      <c r="H354070" s="12"/>
    </row>
    <row r="354071" spans="8:8">
      <c r="H354071" s="12"/>
    </row>
    <row r="354072" spans="8:8">
      <c r="H354072" s="12"/>
    </row>
    <row r="354073" spans="8:8">
      <c r="H354073" s="12"/>
    </row>
    <row r="354074" spans="8:8">
      <c r="H354074" s="12"/>
    </row>
    <row r="354075" spans="8:8">
      <c r="H354075" s="12"/>
    </row>
    <row r="354076" spans="8:8">
      <c r="H354076" s="12"/>
    </row>
    <row r="354077" spans="8:8">
      <c r="H354077" s="12"/>
    </row>
    <row r="354078" spans="8:8">
      <c r="H354078" s="12"/>
    </row>
    <row r="354079" spans="8:8">
      <c r="H354079" s="12"/>
    </row>
    <row r="354080" spans="8:8">
      <c r="H354080" s="12"/>
    </row>
    <row r="354081" spans="8:8">
      <c r="H354081" s="12"/>
    </row>
    <row r="354082" spans="8:8">
      <c r="H354082" s="12"/>
    </row>
    <row r="354083" spans="8:8">
      <c r="H354083" s="12"/>
    </row>
    <row r="354084" spans="8:8">
      <c r="H354084" s="12"/>
    </row>
    <row r="354085" spans="8:8">
      <c r="H354085" s="12"/>
    </row>
    <row r="354086" spans="8:8">
      <c r="H354086" s="12"/>
    </row>
    <row r="354087" spans="8:8">
      <c r="H354087" s="12"/>
    </row>
    <row r="354088" spans="8:8">
      <c r="H354088" s="12"/>
    </row>
    <row r="354089" spans="8:8">
      <c r="H354089" s="12"/>
    </row>
    <row r="354090" spans="8:8">
      <c r="H354090" s="12"/>
    </row>
    <row r="354091" spans="8:8">
      <c r="H354091" s="12"/>
    </row>
    <row r="354092" spans="8:8">
      <c r="H354092" s="12"/>
    </row>
    <row r="354093" spans="8:8">
      <c r="H354093" s="12"/>
    </row>
    <row r="354094" spans="8:8">
      <c r="H354094" s="12"/>
    </row>
    <row r="354095" spans="8:8">
      <c r="H354095" s="12"/>
    </row>
    <row r="354096" spans="8:8">
      <c r="H354096" s="12"/>
    </row>
    <row r="354097" spans="8:8">
      <c r="H354097" s="12"/>
    </row>
    <row r="354098" spans="8:8">
      <c r="H354098" s="12"/>
    </row>
    <row r="354099" spans="8:8">
      <c r="H354099" s="12"/>
    </row>
    <row r="354100" spans="8:8">
      <c r="H354100" s="12"/>
    </row>
    <row r="354101" spans="8:8">
      <c r="H354101" s="12"/>
    </row>
    <row r="354102" spans="8:8">
      <c r="H354102" s="12"/>
    </row>
    <row r="354103" spans="8:8">
      <c r="H354103" s="12"/>
    </row>
    <row r="354104" spans="8:8">
      <c r="H354104" s="12"/>
    </row>
    <row r="354105" spans="8:8">
      <c r="H354105" s="12"/>
    </row>
    <row r="354106" spans="8:8">
      <c r="H354106" s="12"/>
    </row>
    <row r="354107" spans="8:8">
      <c r="H354107" s="12"/>
    </row>
    <row r="354108" spans="8:8">
      <c r="H354108" s="12"/>
    </row>
    <row r="354109" spans="8:8">
      <c r="H354109" s="12"/>
    </row>
    <row r="354110" spans="8:8">
      <c r="H354110" s="12"/>
    </row>
    <row r="354111" spans="8:8">
      <c r="H354111" s="12"/>
    </row>
    <row r="354112" spans="8:8">
      <c r="H354112" s="12"/>
    </row>
    <row r="354113" spans="8:8">
      <c r="H354113" s="12"/>
    </row>
    <row r="354114" spans="8:8">
      <c r="H354114" s="12"/>
    </row>
    <row r="354115" spans="8:8">
      <c r="H354115" s="12"/>
    </row>
    <row r="354116" spans="8:8">
      <c r="H354116" s="12"/>
    </row>
    <row r="354117" spans="8:8">
      <c r="H354117" s="12"/>
    </row>
    <row r="354118" spans="8:8">
      <c r="H354118" s="12"/>
    </row>
    <row r="354119" spans="8:8">
      <c r="H354119" s="12"/>
    </row>
    <row r="354120" spans="8:8">
      <c r="H354120" s="12"/>
    </row>
    <row r="354121" spans="8:8">
      <c r="H354121" s="12"/>
    </row>
    <row r="354122" spans="8:8">
      <c r="H354122" s="12"/>
    </row>
    <row r="354123" spans="8:8">
      <c r="H354123" s="12"/>
    </row>
    <row r="354124" spans="8:8">
      <c r="H354124" s="12"/>
    </row>
    <row r="354125" spans="8:8">
      <c r="H354125" s="12"/>
    </row>
    <row r="354126" spans="8:8">
      <c r="H354126" s="12"/>
    </row>
    <row r="354127" spans="8:8">
      <c r="H354127" s="12"/>
    </row>
    <row r="354128" spans="8:8">
      <c r="H354128" s="12"/>
    </row>
    <row r="354129" spans="8:8">
      <c r="H354129" s="12"/>
    </row>
    <row r="354130" spans="8:8">
      <c r="H354130" s="12"/>
    </row>
    <row r="354131" spans="8:8">
      <c r="H354131" s="12"/>
    </row>
    <row r="354132" spans="8:8">
      <c r="H354132" s="12"/>
    </row>
    <row r="354133" spans="8:8">
      <c r="H354133" s="12"/>
    </row>
    <row r="354134" spans="8:8">
      <c r="H354134" s="12"/>
    </row>
    <row r="354135" spans="8:8">
      <c r="H354135" s="12"/>
    </row>
    <row r="354136" spans="8:8">
      <c r="H354136" s="12"/>
    </row>
    <row r="354137" spans="8:8">
      <c r="H354137" s="12"/>
    </row>
    <row r="354138" spans="8:8">
      <c r="H354138" s="12"/>
    </row>
    <row r="354139" spans="8:8">
      <c r="H354139" s="12"/>
    </row>
    <row r="354140" spans="8:8">
      <c r="H354140" s="12"/>
    </row>
    <row r="354141" spans="8:8">
      <c r="H354141" s="12"/>
    </row>
    <row r="354142" spans="8:8">
      <c r="H354142" s="12"/>
    </row>
    <row r="354143" spans="8:8">
      <c r="H354143" s="12"/>
    </row>
    <row r="354144" spans="8:8">
      <c r="H354144" s="12"/>
    </row>
    <row r="354145" spans="8:8">
      <c r="H354145" s="12"/>
    </row>
    <row r="354146" spans="8:8">
      <c r="H354146" s="12"/>
    </row>
    <row r="354147" spans="8:8">
      <c r="H354147" s="12"/>
    </row>
    <row r="354148" spans="8:8">
      <c r="H354148" s="12"/>
    </row>
    <row r="354149" spans="8:8">
      <c r="H354149" s="12"/>
    </row>
    <row r="354150" spans="8:8">
      <c r="H354150" s="12"/>
    </row>
    <row r="354151" spans="8:8">
      <c r="H354151" s="12"/>
    </row>
    <row r="354152" spans="8:8">
      <c r="H354152" s="12"/>
    </row>
    <row r="354153" spans="8:8">
      <c r="H354153" s="12"/>
    </row>
    <row r="354154" spans="8:8">
      <c r="H354154" s="12"/>
    </row>
    <row r="354155" spans="8:8">
      <c r="H354155" s="12"/>
    </row>
    <row r="354156" spans="8:8">
      <c r="H354156" s="12"/>
    </row>
    <row r="354157" spans="8:8">
      <c r="H354157" s="12"/>
    </row>
    <row r="354158" spans="8:8">
      <c r="H354158" s="12"/>
    </row>
    <row r="354159" spans="8:8">
      <c r="H354159" s="12"/>
    </row>
    <row r="354160" spans="8:8">
      <c r="H354160" s="12"/>
    </row>
    <row r="354161" spans="8:8">
      <c r="H354161" s="12"/>
    </row>
    <row r="354162" spans="8:8">
      <c r="H354162" s="12"/>
    </row>
    <row r="354163" spans="8:8">
      <c r="H354163" s="12"/>
    </row>
    <row r="354164" spans="8:8">
      <c r="H354164" s="12"/>
    </row>
    <row r="354165" spans="8:8">
      <c r="H354165" s="12"/>
    </row>
    <row r="354166" spans="8:8">
      <c r="H354166" s="12"/>
    </row>
    <row r="354167" spans="8:8">
      <c r="H354167" s="12"/>
    </row>
    <row r="354168" spans="8:8">
      <c r="H354168" s="12"/>
    </row>
    <row r="354169" spans="8:8">
      <c r="H354169" s="12"/>
    </row>
    <row r="354170" spans="8:8">
      <c r="H354170" s="12"/>
    </row>
    <row r="354171" spans="8:8">
      <c r="H354171" s="12"/>
    </row>
    <row r="354172" spans="8:8">
      <c r="H354172" s="12"/>
    </row>
    <row r="354173" spans="8:8">
      <c r="H354173" s="12"/>
    </row>
    <row r="354174" spans="8:8">
      <c r="H354174" s="12"/>
    </row>
    <row r="354175" spans="8:8">
      <c r="H354175" s="12"/>
    </row>
    <row r="354176" spans="8:8">
      <c r="H354176" s="12"/>
    </row>
    <row r="354177" spans="8:8">
      <c r="H354177" s="12"/>
    </row>
    <row r="354178" spans="8:8">
      <c r="H354178" s="12"/>
    </row>
    <row r="354179" spans="8:8">
      <c r="H354179" s="12"/>
    </row>
    <row r="354180" spans="8:8">
      <c r="H354180" s="12"/>
    </row>
    <row r="354181" spans="8:8">
      <c r="H354181" s="12"/>
    </row>
    <row r="354182" spans="8:8">
      <c r="H354182" s="12"/>
    </row>
    <row r="354183" spans="8:8">
      <c r="H354183" s="12"/>
    </row>
    <row r="354184" spans="8:8">
      <c r="H354184" s="12"/>
    </row>
    <row r="354185" spans="8:8">
      <c r="H354185" s="12"/>
    </row>
    <row r="354186" spans="8:8">
      <c r="H354186" s="12"/>
    </row>
    <row r="354187" spans="8:8">
      <c r="H354187" s="12"/>
    </row>
    <row r="354188" spans="8:8">
      <c r="H354188" s="12"/>
    </row>
    <row r="354189" spans="8:8">
      <c r="H354189" s="12"/>
    </row>
    <row r="354190" spans="8:8">
      <c r="H354190" s="12"/>
    </row>
    <row r="354191" spans="8:8">
      <c r="H354191" s="12"/>
    </row>
    <row r="354192" spans="8:8">
      <c r="H354192" s="12"/>
    </row>
    <row r="354193" spans="8:8">
      <c r="H354193" s="12"/>
    </row>
    <row r="354194" spans="8:8">
      <c r="H354194" s="12"/>
    </row>
    <row r="354195" spans="8:8">
      <c r="H354195" s="12"/>
    </row>
    <row r="354196" spans="8:8">
      <c r="H354196" s="12"/>
    </row>
    <row r="354197" spans="8:8">
      <c r="H354197" s="12"/>
    </row>
    <row r="354198" spans="8:8">
      <c r="H354198" s="12"/>
    </row>
    <row r="354199" spans="8:8">
      <c r="H354199" s="12"/>
    </row>
    <row r="354200" spans="8:8">
      <c r="H354200" s="12"/>
    </row>
    <row r="354201" spans="8:8">
      <c r="H354201" s="12"/>
    </row>
    <row r="354202" spans="8:8">
      <c r="H354202" s="12"/>
    </row>
    <row r="354203" spans="8:8">
      <c r="H354203" s="12"/>
    </row>
    <row r="354204" spans="8:8">
      <c r="H354204" s="12"/>
    </row>
    <row r="354205" spans="8:8">
      <c r="H354205" s="12"/>
    </row>
    <row r="354206" spans="8:8">
      <c r="H354206" s="12"/>
    </row>
    <row r="354207" spans="8:8">
      <c r="H354207" s="12"/>
    </row>
    <row r="354208" spans="8:8">
      <c r="H354208" s="12"/>
    </row>
    <row r="354209" spans="8:8">
      <c r="H354209" s="12"/>
    </row>
    <row r="354210" spans="8:8">
      <c r="H354210" s="12"/>
    </row>
    <row r="354211" spans="8:8">
      <c r="H354211" s="12"/>
    </row>
    <row r="354212" spans="8:8">
      <c r="H354212" s="12"/>
    </row>
    <row r="354213" spans="8:8">
      <c r="H354213" s="12"/>
    </row>
    <row r="354214" spans="8:8">
      <c r="H354214" s="12"/>
    </row>
    <row r="354215" spans="8:8">
      <c r="H354215" s="12"/>
    </row>
    <row r="354216" spans="8:8">
      <c r="H354216" s="12"/>
    </row>
    <row r="354217" spans="8:8">
      <c r="H354217" s="12"/>
    </row>
    <row r="354218" spans="8:8">
      <c r="H354218" s="12"/>
    </row>
    <row r="354219" spans="8:8">
      <c r="H354219" s="12"/>
    </row>
    <row r="354220" spans="8:8">
      <c r="H354220" s="12"/>
    </row>
    <row r="354221" spans="8:8">
      <c r="H354221" s="12"/>
    </row>
    <row r="354222" spans="8:8">
      <c r="H354222" s="12"/>
    </row>
    <row r="354223" spans="8:8">
      <c r="H354223" s="12"/>
    </row>
    <row r="354224" spans="8:8">
      <c r="H354224" s="12"/>
    </row>
    <row r="354225" spans="8:8">
      <c r="H354225" s="12"/>
    </row>
    <row r="354226" spans="8:8">
      <c r="H354226" s="12"/>
    </row>
    <row r="354227" spans="8:8">
      <c r="H354227" s="12"/>
    </row>
    <row r="354228" spans="8:8">
      <c r="H354228" s="12"/>
    </row>
    <row r="354229" spans="8:8">
      <c r="H354229" s="12"/>
    </row>
    <row r="354230" spans="8:8">
      <c r="H354230" s="12"/>
    </row>
    <row r="354231" spans="8:8">
      <c r="H354231" s="12"/>
    </row>
    <row r="354232" spans="8:8">
      <c r="H354232" s="12"/>
    </row>
    <row r="354233" spans="8:8">
      <c r="H354233" s="12"/>
    </row>
    <row r="354234" spans="8:8">
      <c r="H354234" s="12"/>
    </row>
    <row r="354235" spans="8:8">
      <c r="H354235" s="12"/>
    </row>
    <row r="354236" spans="8:8">
      <c r="H354236" s="12"/>
    </row>
    <row r="354237" spans="8:8">
      <c r="H354237" s="12"/>
    </row>
    <row r="354238" spans="8:8">
      <c r="H354238" s="12"/>
    </row>
    <row r="354239" spans="8:8">
      <c r="H354239" s="12"/>
    </row>
    <row r="354240" spans="8:8">
      <c r="H354240" s="12"/>
    </row>
    <row r="354241" spans="8:8">
      <c r="H354241" s="12"/>
    </row>
    <row r="354242" spans="8:8">
      <c r="H354242" s="12"/>
    </row>
    <row r="354243" spans="8:8">
      <c r="H354243" s="12"/>
    </row>
    <row r="354244" spans="8:8">
      <c r="H354244" s="12"/>
    </row>
    <row r="354245" spans="8:8">
      <c r="H354245" s="12"/>
    </row>
    <row r="354246" spans="8:8">
      <c r="H354246" s="12"/>
    </row>
    <row r="354247" spans="8:8">
      <c r="H354247" s="12"/>
    </row>
    <row r="354248" spans="8:8">
      <c r="H354248" s="12"/>
    </row>
    <row r="354249" spans="8:8">
      <c r="H354249" s="12"/>
    </row>
    <row r="354250" spans="8:8">
      <c r="H354250" s="12"/>
    </row>
    <row r="354251" spans="8:8">
      <c r="H354251" s="12"/>
    </row>
    <row r="354252" spans="8:8">
      <c r="H354252" s="12"/>
    </row>
    <row r="354253" spans="8:8">
      <c r="H354253" s="12"/>
    </row>
    <row r="354254" spans="8:8">
      <c r="H354254" s="12"/>
    </row>
    <row r="354255" spans="8:8">
      <c r="H354255" s="12"/>
    </row>
    <row r="354256" spans="8:8">
      <c r="H354256" s="12"/>
    </row>
    <row r="354257" spans="8:8">
      <c r="H354257" s="12"/>
    </row>
    <row r="354258" spans="8:8">
      <c r="H354258" s="12"/>
    </row>
    <row r="354259" spans="8:8">
      <c r="H354259" s="12"/>
    </row>
    <row r="354260" spans="8:8">
      <c r="H354260" s="12"/>
    </row>
    <row r="354261" spans="8:8">
      <c r="H354261" s="12"/>
    </row>
    <row r="354262" spans="8:8">
      <c r="H354262" s="12"/>
    </row>
    <row r="354263" spans="8:8">
      <c r="H354263" s="12"/>
    </row>
    <row r="354264" spans="8:8">
      <c r="H354264" s="12"/>
    </row>
    <row r="354265" spans="8:8">
      <c r="H354265" s="12"/>
    </row>
    <row r="354266" spans="8:8">
      <c r="H354266" s="12"/>
    </row>
    <row r="354267" spans="8:8">
      <c r="H354267" s="12"/>
    </row>
    <row r="354268" spans="8:8">
      <c r="H354268" s="12"/>
    </row>
    <row r="354269" spans="8:8">
      <c r="H354269" s="12"/>
    </row>
    <row r="354270" spans="8:8">
      <c r="H354270" s="12"/>
    </row>
    <row r="354271" spans="8:8">
      <c r="H354271" s="12"/>
    </row>
    <row r="354272" spans="8:8">
      <c r="H354272" s="12"/>
    </row>
    <row r="354273" spans="8:8">
      <c r="H354273" s="12"/>
    </row>
    <row r="354274" spans="8:8">
      <c r="H354274" s="12"/>
    </row>
    <row r="354275" spans="8:8">
      <c r="H354275" s="12"/>
    </row>
    <row r="354276" spans="8:8">
      <c r="H354276" s="12"/>
    </row>
    <row r="354277" spans="8:8">
      <c r="H354277" s="12"/>
    </row>
    <row r="354278" spans="8:8">
      <c r="H354278" s="12"/>
    </row>
    <row r="354279" spans="8:8">
      <c r="H354279" s="12"/>
    </row>
    <row r="354280" spans="8:8">
      <c r="H354280" s="12"/>
    </row>
    <row r="354281" spans="8:8">
      <c r="H354281" s="12"/>
    </row>
    <row r="354282" spans="8:8">
      <c r="H354282" s="12"/>
    </row>
    <row r="354283" spans="8:8">
      <c r="H354283" s="12"/>
    </row>
    <row r="354284" spans="8:8">
      <c r="H354284" s="12"/>
    </row>
    <row r="354285" spans="8:8">
      <c r="H354285" s="12"/>
    </row>
    <row r="354286" spans="8:8">
      <c r="H354286" s="12"/>
    </row>
    <row r="354287" spans="8:8">
      <c r="H354287" s="12"/>
    </row>
    <row r="354288" spans="8:8">
      <c r="H354288" s="12"/>
    </row>
    <row r="354289" spans="8:8">
      <c r="H354289" s="12"/>
    </row>
    <row r="354290" spans="8:8">
      <c r="H354290" s="12"/>
    </row>
    <row r="354291" spans="8:8">
      <c r="H354291" s="12"/>
    </row>
    <row r="354292" spans="8:8">
      <c r="H354292" s="12"/>
    </row>
    <row r="354293" spans="8:8">
      <c r="H354293" s="12"/>
    </row>
    <row r="354294" spans="8:8">
      <c r="H354294" s="12"/>
    </row>
    <row r="354295" spans="8:8">
      <c r="H354295" s="12"/>
    </row>
    <row r="354296" spans="8:8">
      <c r="H354296" s="12"/>
    </row>
    <row r="354297" spans="8:8">
      <c r="H354297" s="12"/>
    </row>
    <row r="354298" spans="8:8">
      <c r="H354298" s="12"/>
    </row>
    <row r="354299" spans="8:8">
      <c r="H354299" s="12"/>
    </row>
    <row r="354300" spans="8:8">
      <c r="H354300" s="12"/>
    </row>
    <row r="354301" spans="8:8">
      <c r="H354301" s="12"/>
    </row>
    <row r="354302" spans="8:8">
      <c r="H354302" s="12"/>
    </row>
    <row r="354303" spans="8:8">
      <c r="H354303" s="12"/>
    </row>
    <row r="354304" spans="8:8">
      <c r="H354304" s="12"/>
    </row>
    <row r="354305" spans="8:8">
      <c r="H354305" s="12"/>
    </row>
    <row r="354306" spans="8:8">
      <c r="H354306" s="12"/>
    </row>
    <row r="354307" spans="8:8">
      <c r="H354307" s="12"/>
    </row>
    <row r="354308" spans="8:8">
      <c r="H354308" s="12"/>
    </row>
    <row r="354309" spans="8:8">
      <c r="H354309" s="12"/>
    </row>
    <row r="354310" spans="8:8">
      <c r="H354310" s="12"/>
    </row>
    <row r="354311" spans="8:8">
      <c r="H354311" s="12"/>
    </row>
    <row r="354312" spans="8:8">
      <c r="H354312" s="12"/>
    </row>
    <row r="354313" spans="8:8">
      <c r="H354313" s="12"/>
    </row>
    <row r="354314" spans="8:8">
      <c r="H354314" s="12"/>
    </row>
    <row r="354315" spans="8:8">
      <c r="H354315" s="12"/>
    </row>
    <row r="354316" spans="8:8">
      <c r="H354316" s="12"/>
    </row>
    <row r="354317" spans="8:8">
      <c r="H354317" s="12"/>
    </row>
    <row r="354318" spans="8:8">
      <c r="H354318" s="12"/>
    </row>
    <row r="354319" spans="8:8">
      <c r="H354319" s="12"/>
    </row>
    <row r="354320" spans="8:8">
      <c r="H354320" s="12"/>
    </row>
    <row r="354321" spans="8:8">
      <c r="H354321" s="12"/>
    </row>
    <row r="354322" spans="8:8">
      <c r="H354322" s="12"/>
    </row>
    <row r="354323" spans="8:8">
      <c r="H354323" s="12"/>
    </row>
    <row r="354324" spans="8:8">
      <c r="H354324" s="12"/>
    </row>
    <row r="354325" spans="8:8">
      <c r="H354325" s="12"/>
    </row>
    <row r="354326" spans="8:8">
      <c r="H354326" s="12"/>
    </row>
    <row r="354327" spans="8:8">
      <c r="H354327" s="12"/>
    </row>
    <row r="354328" spans="8:8">
      <c r="H354328" s="12"/>
    </row>
    <row r="354329" spans="8:8">
      <c r="H354329" s="12"/>
    </row>
    <row r="354330" spans="8:8">
      <c r="H354330" s="12"/>
    </row>
    <row r="354331" spans="8:8">
      <c r="H354331" s="12"/>
    </row>
    <row r="354332" spans="8:8">
      <c r="H354332" s="12"/>
    </row>
    <row r="354333" spans="8:8">
      <c r="H354333" s="12"/>
    </row>
    <row r="354334" spans="8:8">
      <c r="H354334" s="12"/>
    </row>
    <row r="354335" spans="8:8">
      <c r="H354335" s="12"/>
    </row>
    <row r="354336" spans="8:8">
      <c r="H354336" s="12"/>
    </row>
    <row r="354337" spans="8:8">
      <c r="H354337" s="12"/>
    </row>
    <row r="354338" spans="8:8">
      <c r="H354338" s="12"/>
    </row>
    <row r="354339" spans="8:8">
      <c r="H354339" s="12"/>
    </row>
    <row r="354340" spans="8:8">
      <c r="H354340" s="12"/>
    </row>
    <row r="354341" spans="8:8">
      <c r="H354341" s="12"/>
    </row>
    <row r="354342" spans="8:8">
      <c r="H354342" s="12"/>
    </row>
    <row r="354343" spans="8:8">
      <c r="H354343" s="12"/>
    </row>
    <row r="354344" spans="8:8">
      <c r="H354344" s="12"/>
    </row>
    <row r="354345" spans="8:8">
      <c r="H354345" s="12"/>
    </row>
    <row r="354346" spans="8:8">
      <c r="H354346" s="12"/>
    </row>
    <row r="354347" spans="8:8">
      <c r="H354347" s="12"/>
    </row>
    <row r="354348" spans="8:8">
      <c r="H354348" s="12"/>
    </row>
    <row r="354349" spans="8:8">
      <c r="H354349" s="12"/>
    </row>
    <row r="354350" spans="8:8">
      <c r="H354350" s="12"/>
    </row>
    <row r="354351" spans="8:8">
      <c r="H354351" s="12"/>
    </row>
    <row r="354352" spans="8:8">
      <c r="H354352" s="12"/>
    </row>
    <row r="354353" spans="8:8">
      <c r="H354353" s="12"/>
    </row>
    <row r="354354" spans="8:8">
      <c r="H354354" s="12"/>
    </row>
    <row r="354355" spans="8:8">
      <c r="H354355" s="12"/>
    </row>
    <row r="354356" spans="8:8">
      <c r="H354356" s="12"/>
    </row>
    <row r="354357" spans="8:8">
      <c r="H354357" s="12"/>
    </row>
    <row r="354358" spans="8:8">
      <c r="H354358" s="12"/>
    </row>
    <row r="354359" spans="8:8">
      <c r="H354359" s="12"/>
    </row>
    <row r="354360" spans="8:8">
      <c r="H354360" s="12"/>
    </row>
    <row r="354361" spans="8:8">
      <c r="H354361" s="12"/>
    </row>
    <row r="354362" spans="8:8">
      <c r="H354362" s="12"/>
    </row>
    <row r="354363" spans="8:8">
      <c r="H354363" s="12"/>
    </row>
    <row r="354364" spans="8:8">
      <c r="H354364" s="12"/>
    </row>
    <row r="354365" spans="8:8">
      <c r="H354365" s="12"/>
    </row>
    <row r="354366" spans="8:8">
      <c r="H354366" s="12"/>
    </row>
    <row r="354367" spans="8:8">
      <c r="H354367" s="12"/>
    </row>
    <row r="354368" spans="8:8">
      <c r="H354368" s="12"/>
    </row>
    <row r="354369" spans="8:8">
      <c r="H354369" s="12"/>
    </row>
    <row r="354370" spans="8:8">
      <c r="H354370" s="12"/>
    </row>
    <row r="354371" spans="8:8">
      <c r="H354371" s="12"/>
    </row>
    <row r="354372" spans="8:8">
      <c r="H354372" s="12"/>
    </row>
    <row r="354373" spans="8:8">
      <c r="H354373" s="12"/>
    </row>
    <row r="354374" spans="8:8">
      <c r="H354374" s="12"/>
    </row>
    <row r="354375" spans="8:8">
      <c r="H354375" s="12"/>
    </row>
    <row r="354376" spans="8:8">
      <c r="H354376" s="12"/>
    </row>
    <row r="354377" spans="8:8">
      <c r="H354377" s="12"/>
    </row>
    <row r="354378" spans="8:8">
      <c r="H354378" s="12"/>
    </row>
    <row r="354379" spans="8:8">
      <c r="H354379" s="12"/>
    </row>
    <row r="354380" spans="8:8">
      <c r="H354380" s="12"/>
    </row>
    <row r="354381" spans="8:8">
      <c r="H354381" s="12"/>
    </row>
    <row r="354382" spans="8:8">
      <c r="H354382" s="12"/>
    </row>
    <row r="354383" spans="8:8">
      <c r="H354383" s="12"/>
    </row>
    <row r="354384" spans="8:8">
      <c r="H354384" s="12"/>
    </row>
    <row r="354385" spans="8:8">
      <c r="H354385" s="12"/>
    </row>
    <row r="354386" spans="8:8">
      <c r="H354386" s="12"/>
    </row>
    <row r="354387" spans="8:8">
      <c r="H354387" s="12"/>
    </row>
    <row r="354388" spans="8:8">
      <c r="H354388" s="12"/>
    </row>
    <row r="354389" spans="8:8">
      <c r="H354389" s="12"/>
    </row>
    <row r="354390" spans="8:8">
      <c r="H354390" s="12"/>
    </row>
    <row r="354391" spans="8:8">
      <c r="H354391" s="12"/>
    </row>
    <row r="354392" spans="8:8">
      <c r="H354392" s="12"/>
    </row>
    <row r="354393" spans="8:8">
      <c r="H354393" s="12"/>
    </row>
    <row r="354394" spans="8:8">
      <c r="H354394" s="12"/>
    </row>
    <row r="354395" spans="8:8">
      <c r="H354395" s="12"/>
    </row>
    <row r="354396" spans="8:8">
      <c r="H354396" s="12"/>
    </row>
    <row r="354397" spans="8:8">
      <c r="H354397" s="12"/>
    </row>
    <row r="354398" spans="8:8">
      <c r="H354398" s="12"/>
    </row>
    <row r="354399" spans="8:8">
      <c r="H354399" s="12"/>
    </row>
    <row r="354400" spans="8:8">
      <c r="H354400" s="12"/>
    </row>
    <row r="354401" spans="8:8">
      <c r="H354401" s="12"/>
    </row>
    <row r="354402" spans="8:8">
      <c r="H354402" s="12"/>
    </row>
    <row r="354403" spans="8:8">
      <c r="H354403" s="12"/>
    </row>
    <row r="354404" spans="8:8">
      <c r="H354404" s="12"/>
    </row>
    <row r="354405" spans="8:8">
      <c r="H354405" s="12"/>
    </row>
    <row r="354406" spans="8:8">
      <c r="H354406" s="12"/>
    </row>
    <row r="354407" spans="8:8">
      <c r="H354407" s="12"/>
    </row>
    <row r="354408" spans="8:8">
      <c r="H354408" s="12"/>
    </row>
    <row r="354409" spans="8:8">
      <c r="H354409" s="12"/>
    </row>
    <row r="354410" spans="8:8">
      <c r="H354410" s="12"/>
    </row>
    <row r="354411" spans="8:8">
      <c r="H354411" s="12"/>
    </row>
    <row r="354412" spans="8:8">
      <c r="H354412" s="12"/>
    </row>
    <row r="354413" spans="8:8">
      <c r="H354413" s="12"/>
    </row>
    <row r="354414" spans="8:8">
      <c r="H354414" s="12"/>
    </row>
    <row r="354415" spans="8:8">
      <c r="H354415" s="12"/>
    </row>
    <row r="354416" spans="8:8">
      <c r="H354416" s="12"/>
    </row>
    <row r="354417" spans="8:8">
      <c r="H354417" s="12"/>
    </row>
    <row r="354418" spans="8:8">
      <c r="H354418" s="12"/>
    </row>
    <row r="354419" spans="8:8">
      <c r="H354419" s="12"/>
    </row>
    <row r="354420" spans="8:8">
      <c r="H354420" s="12"/>
    </row>
    <row r="354421" spans="8:8">
      <c r="H354421" s="12"/>
    </row>
    <row r="354422" spans="8:8">
      <c r="H354422" s="12"/>
    </row>
    <row r="354423" spans="8:8">
      <c r="H354423" s="12"/>
    </row>
    <row r="354424" spans="8:8">
      <c r="H354424" s="12"/>
    </row>
    <row r="354425" spans="8:8">
      <c r="H354425" s="12"/>
    </row>
    <row r="354426" spans="8:8">
      <c r="H354426" s="12"/>
    </row>
    <row r="354427" spans="8:8">
      <c r="H354427" s="12"/>
    </row>
    <row r="354428" spans="8:8">
      <c r="H354428" s="12"/>
    </row>
    <row r="354429" spans="8:8">
      <c r="H354429" s="12"/>
    </row>
    <row r="354430" spans="8:8">
      <c r="H354430" s="12"/>
    </row>
    <row r="354431" spans="8:8">
      <c r="H354431" s="12"/>
    </row>
    <row r="354432" spans="8:8">
      <c r="H354432" s="12"/>
    </row>
    <row r="354433" spans="8:8">
      <c r="H354433" s="12"/>
    </row>
    <row r="354434" spans="8:8">
      <c r="H354434" s="12"/>
    </row>
    <row r="354435" spans="8:8">
      <c r="H354435" s="12"/>
    </row>
    <row r="354436" spans="8:8">
      <c r="H354436" s="12"/>
    </row>
    <row r="354437" spans="8:8">
      <c r="H354437" s="12"/>
    </row>
    <row r="354438" spans="8:8">
      <c r="H354438" s="12"/>
    </row>
    <row r="354439" spans="8:8">
      <c r="H354439" s="12"/>
    </row>
    <row r="354440" spans="8:8">
      <c r="H354440" s="12"/>
    </row>
    <row r="354441" spans="8:8">
      <c r="H354441" s="12"/>
    </row>
    <row r="354442" spans="8:8">
      <c r="H354442" s="12"/>
    </row>
    <row r="354443" spans="8:8">
      <c r="H354443" s="12"/>
    </row>
    <row r="354444" spans="8:8">
      <c r="H354444" s="12"/>
    </row>
    <row r="354445" spans="8:8">
      <c r="H354445" s="12"/>
    </row>
    <row r="354446" spans="8:8">
      <c r="H354446" s="12"/>
    </row>
    <row r="354447" spans="8:8">
      <c r="H354447" s="12"/>
    </row>
    <row r="354448" spans="8:8">
      <c r="H354448" s="12"/>
    </row>
    <row r="354449" spans="8:8">
      <c r="H354449" s="12"/>
    </row>
    <row r="354450" spans="8:8">
      <c r="H354450" s="12"/>
    </row>
    <row r="354451" spans="8:8">
      <c r="H354451" s="12"/>
    </row>
    <row r="354452" spans="8:8">
      <c r="H354452" s="12"/>
    </row>
    <row r="354453" spans="8:8">
      <c r="H354453" s="12"/>
    </row>
    <row r="354454" spans="8:8">
      <c r="H354454" s="12"/>
    </row>
    <row r="354455" spans="8:8">
      <c r="H354455" s="12"/>
    </row>
    <row r="354456" spans="8:8">
      <c r="H354456" s="12"/>
    </row>
    <row r="354457" spans="8:8">
      <c r="H354457" s="12"/>
    </row>
    <row r="354458" spans="8:8">
      <c r="H354458" s="12"/>
    </row>
    <row r="354459" spans="8:8">
      <c r="H354459" s="12"/>
    </row>
    <row r="354460" spans="8:8">
      <c r="H354460" s="12"/>
    </row>
    <row r="354461" spans="8:8">
      <c r="H354461" s="12"/>
    </row>
    <row r="354462" spans="8:8">
      <c r="H354462" s="12"/>
    </row>
    <row r="354463" spans="8:8">
      <c r="H354463" s="12"/>
    </row>
    <row r="354464" spans="8:8">
      <c r="H354464" s="12"/>
    </row>
    <row r="354465" spans="8:8">
      <c r="H354465" s="12"/>
    </row>
    <row r="354466" spans="8:8">
      <c r="H354466" s="12"/>
    </row>
    <row r="354467" spans="8:8">
      <c r="H354467" s="12"/>
    </row>
    <row r="354468" spans="8:8">
      <c r="H354468" s="12"/>
    </row>
    <row r="354469" spans="8:8">
      <c r="H354469" s="12"/>
    </row>
    <row r="354470" spans="8:8">
      <c r="H354470" s="12"/>
    </row>
    <row r="354471" spans="8:8">
      <c r="H354471" s="12"/>
    </row>
    <row r="354472" spans="8:8">
      <c r="H354472" s="12"/>
    </row>
    <row r="354473" spans="8:8">
      <c r="H354473" s="12"/>
    </row>
    <row r="354474" spans="8:8">
      <c r="H354474" s="12"/>
    </row>
    <row r="354475" spans="8:8">
      <c r="H354475" s="12"/>
    </row>
    <row r="354476" spans="8:8">
      <c r="H354476" s="12"/>
    </row>
    <row r="354477" spans="8:8">
      <c r="H354477" s="12"/>
    </row>
    <row r="354478" spans="8:8">
      <c r="H354478" s="12"/>
    </row>
    <row r="354479" spans="8:8">
      <c r="H354479" s="12"/>
    </row>
    <row r="354480" spans="8:8">
      <c r="H354480" s="12"/>
    </row>
    <row r="354481" spans="8:8">
      <c r="H354481" s="12"/>
    </row>
    <row r="354482" spans="8:8">
      <c r="H354482" s="12"/>
    </row>
    <row r="354483" spans="8:8">
      <c r="H354483" s="12"/>
    </row>
    <row r="354484" spans="8:8">
      <c r="H354484" s="12"/>
    </row>
    <row r="354485" spans="8:8">
      <c r="H354485" s="12"/>
    </row>
    <row r="354486" spans="8:8">
      <c r="H354486" s="12"/>
    </row>
    <row r="354487" spans="8:8">
      <c r="H354487" s="12"/>
    </row>
    <row r="354488" spans="8:8">
      <c r="H354488" s="12"/>
    </row>
    <row r="354489" spans="8:8">
      <c r="H354489" s="12"/>
    </row>
    <row r="354490" spans="8:8">
      <c r="H354490" s="12"/>
    </row>
    <row r="354491" spans="8:8">
      <c r="H354491" s="12"/>
    </row>
    <row r="354492" spans="8:8">
      <c r="H354492" s="12"/>
    </row>
    <row r="354493" spans="8:8">
      <c r="H354493" s="12"/>
    </row>
    <row r="354494" spans="8:8">
      <c r="H354494" s="12"/>
    </row>
    <row r="354495" spans="8:8">
      <c r="H354495" s="12"/>
    </row>
    <row r="354496" spans="8:8">
      <c r="H354496" s="12"/>
    </row>
    <row r="354497" spans="8:8">
      <c r="H354497" s="12"/>
    </row>
    <row r="354498" spans="8:8">
      <c r="H354498" s="12"/>
    </row>
    <row r="354499" spans="8:8">
      <c r="H354499" s="12"/>
    </row>
    <row r="354500" spans="8:8">
      <c r="H354500" s="12"/>
    </row>
    <row r="354501" spans="8:8">
      <c r="H354501" s="12"/>
    </row>
    <row r="354502" spans="8:8">
      <c r="H354502" s="12"/>
    </row>
    <row r="354503" spans="8:8">
      <c r="H354503" s="12"/>
    </row>
    <row r="354504" spans="8:8">
      <c r="H354504" s="12"/>
    </row>
    <row r="354505" spans="8:8">
      <c r="H354505" s="12"/>
    </row>
    <row r="354506" spans="8:8">
      <c r="H354506" s="12"/>
    </row>
    <row r="354507" spans="8:8">
      <c r="H354507" s="12"/>
    </row>
    <row r="354508" spans="8:8">
      <c r="H354508" s="12"/>
    </row>
    <row r="354509" spans="8:8">
      <c r="H354509" s="12"/>
    </row>
    <row r="354510" spans="8:8">
      <c r="H354510" s="12"/>
    </row>
    <row r="354511" spans="8:8">
      <c r="H354511" s="12"/>
    </row>
    <row r="354512" spans="8:8">
      <c r="H354512" s="12"/>
    </row>
    <row r="354513" spans="8:8">
      <c r="H354513" s="12"/>
    </row>
    <row r="354514" spans="8:8">
      <c r="H354514" s="12"/>
    </row>
    <row r="354515" spans="8:8">
      <c r="H354515" s="12"/>
    </row>
    <row r="354516" spans="8:8">
      <c r="H354516" s="12"/>
    </row>
    <row r="354517" spans="8:8">
      <c r="H354517" s="12"/>
    </row>
    <row r="354518" spans="8:8">
      <c r="H354518" s="12"/>
    </row>
    <row r="354519" spans="8:8">
      <c r="H354519" s="12"/>
    </row>
    <row r="354520" spans="8:8">
      <c r="H354520" s="12"/>
    </row>
    <row r="354521" spans="8:8">
      <c r="H354521" s="12"/>
    </row>
    <row r="354522" spans="8:8">
      <c r="H354522" s="12"/>
    </row>
    <row r="354523" spans="8:8">
      <c r="H354523" s="12"/>
    </row>
    <row r="354524" spans="8:8">
      <c r="H354524" s="12"/>
    </row>
    <row r="354525" spans="8:8">
      <c r="H354525" s="12"/>
    </row>
    <row r="354526" spans="8:8">
      <c r="H354526" s="12"/>
    </row>
    <row r="354527" spans="8:8">
      <c r="H354527" s="12"/>
    </row>
    <row r="354528" spans="8:8">
      <c r="H354528" s="12"/>
    </row>
    <row r="354529" spans="8:8">
      <c r="H354529" s="12"/>
    </row>
    <row r="354530" spans="8:8">
      <c r="H354530" s="12"/>
    </row>
    <row r="354531" spans="8:8">
      <c r="H354531" s="12"/>
    </row>
    <row r="354532" spans="8:8">
      <c r="H354532" s="12"/>
    </row>
    <row r="354533" spans="8:8">
      <c r="H354533" s="12"/>
    </row>
    <row r="354534" spans="8:8">
      <c r="H354534" s="12"/>
    </row>
    <row r="354535" spans="8:8">
      <c r="H354535" s="12"/>
    </row>
    <row r="354536" spans="8:8">
      <c r="H354536" s="12"/>
    </row>
    <row r="354537" spans="8:8">
      <c r="H354537" s="12"/>
    </row>
    <row r="354538" spans="8:8">
      <c r="H354538" s="12"/>
    </row>
    <row r="354539" spans="8:8">
      <c r="H354539" s="12"/>
    </row>
    <row r="354540" spans="8:8">
      <c r="H354540" s="12"/>
    </row>
    <row r="354541" spans="8:8">
      <c r="H354541" s="12"/>
    </row>
    <row r="354542" spans="8:8">
      <c r="H354542" s="12"/>
    </row>
    <row r="354543" spans="8:8">
      <c r="H354543" s="12"/>
    </row>
    <row r="354544" spans="8:8">
      <c r="H354544" s="12"/>
    </row>
    <row r="354545" spans="8:8">
      <c r="H354545" s="12"/>
    </row>
    <row r="354546" spans="8:8">
      <c r="H354546" s="12"/>
    </row>
    <row r="354547" spans="8:8">
      <c r="H354547" s="12"/>
    </row>
    <row r="354548" spans="8:8">
      <c r="H354548" s="12"/>
    </row>
    <row r="354549" spans="8:8">
      <c r="H354549" s="12"/>
    </row>
    <row r="354550" spans="8:8">
      <c r="H354550" s="12"/>
    </row>
    <row r="354551" spans="8:8">
      <c r="H354551" s="12"/>
    </row>
    <row r="354552" spans="8:8">
      <c r="H354552" s="12"/>
    </row>
    <row r="354553" spans="8:8">
      <c r="H354553" s="12"/>
    </row>
    <row r="354554" spans="8:8">
      <c r="H354554" s="12"/>
    </row>
    <row r="354555" spans="8:8">
      <c r="H354555" s="12"/>
    </row>
    <row r="354556" spans="8:8">
      <c r="H354556" s="12"/>
    </row>
    <row r="354557" spans="8:8">
      <c r="H354557" s="12"/>
    </row>
    <row r="354558" spans="8:8">
      <c r="H354558" s="12"/>
    </row>
    <row r="354559" spans="8:8">
      <c r="H354559" s="12"/>
    </row>
    <row r="354560" spans="8:8">
      <c r="H354560" s="12"/>
    </row>
    <row r="354561" spans="8:8">
      <c r="H354561" s="12"/>
    </row>
    <row r="354562" spans="8:8">
      <c r="H354562" s="12"/>
    </row>
    <row r="354563" spans="8:8">
      <c r="H354563" s="12"/>
    </row>
    <row r="354564" spans="8:8">
      <c r="H354564" s="12"/>
    </row>
    <row r="354565" spans="8:8">
      <c r="H354565" s="12"/>
    </row>
    <row r="354566" spans="8:8">
      <c r="H354566" s="12"/>
    </row>
    <row r="354567" spans="8:8">
      <c r="H354567" s="12"/>
    </row>
    <row r="354568" spans="8:8">
      <c r="H354568" s="12"/>
    </row>
    <row r="354569" spans="8:8">
      <c r="H354569" s="12"/>
    </row>
    <row r="354570" spans="8:8">
      <c r="H354570" s="12"/>
    </row>
    <row r="354571" spans="8:8">
      <c r="H354571" s="12"/>
    </row>
    <row r="354572" spans="8:8">
      <c r="H354572" s="12"/>
    </row>
    <row r="354573" spans="8:8">
      <c r="H354573" s="12"/>
    </row>
    <row r="354574" spans="8:8">
      <c r="H354574" s="12"/>
    </row>
    <row r="354575" spans="8:8">
      <c r="H354575" s="12"/>
    </row>
    <row r="354576" spans="8:8">
      <c r="H354576" s="12"/>
    </row>
    <row r="354577" spans="8:8">
      <c r="H354577" s="12"/>
    </row>
    <row r="354578" spans="8:8">
      <c r="H354578" s="12"/>
    </row>
    <row r="354579" spans="8:8">
      <c r="H354579" s="12"/>
    </row>
    <row r="354580" spans="8:8">
      <c r="H354580" s="12"/>
    </row>
    <row r="354581" spans="8:8">
      <c r="H354581" s="12"/>
    </row>
    <row r="354582" spans="8:8">
      <c r="H354582" s="12"/>
    </row>
    <row r="354583" spans="8:8">
      <c r="H354583" s="12"/>
    </row>
    <row r="354584" spans="8:8">
      <c r="H354584" s="12"/>
    </row>
    <row r="354585" spans="8:8">
      <c r="H354585" s="12"/>
    </row>
    <row r="354586" spans="8:8">
      <c r="H354586" s="12"/>
    </row>
    <row r="354587" spans="8:8">
      <c r="H354587" s="12"/>
    </row>
    <row r="354588" spans="8:8">
      <c r="H354588" s="12"/>
    </row>
    <row r="354589" spans="8:8">
      <c r="H354589" s="12"/>
    </row>
    <row r="354590" spans="8:8">
      <c r="H354590" s="12"/>
    </row>
    <row r="354591" spans="8:8">
      <c r="H354591" s="12"/>
    </row>
    <row r="354592" spans="8:8">
      <c r="H354592" s="12"/>
    </row>
    <row r="354593" spans="8:8">
      <c r="H354593" s="12"/>
    </row>
    <row r="354594" spans="8:8">
      <c r="H354594" s="12"/>
    </row>
    <row r="354595" spans="8:8">
      <c r="H354595" s="12"/>
    </row>
    <row r="354596" spans="8:8">
      <c r="H354596" s="12"/>
    </row>
    <row r="354597" spans="8:8">
      <c r="H354597" s="12"/>
    </row>
    <row r="354598" spans="8:8">
      <c r="H354598" s="12"/>
    </row>
    <row r="354599" spans="8:8">
      <c r="H354599" s="12"/>
    </row>
    <row r="354600" spans="8:8">
      <c r="H354600" s="12"/>
    </row>
    <row r="354601" spans="8:8">
      <c r="H354601" s="12"/>
    </row>
    <row r="354602" spans="8:8">
      <c r="H354602" s="12"/>
    </row>
    <row r="354603" spans="8:8">
      <c r="H354603" s="12"/>
    </row>
    <row r="354604" spans="8:8">
      <c r="H354604" s="12"/>
    </row>
    <row r="354605" spans="8:8">
      <c r="H354605" s="12"/>
    </row>
    <row r="354606" spans="8:8">
      <c r="H354606" s="12"/>
    </row>
    <row r="354607" spans="8:8">
      <c r="H354607" s="12"/>
    </row>
    <row r="354608" spans="8:8">
      <c r="H354608" s="12"/>
    </row>
    <row r="354609" spans="8:8">
      <c r="H354609" s="12"/>
    </row>
    <row r="354610" spans="8:8">
      <c r="H354610" s="12"/>
    </row>
    <row r="354611" spans="8:8">
      <c r="H354611" s="12"/>
    </row>
    <row r="354612" spans="8:8">
      <c r="H354612" s="12"/>
    </row>
    <row r="354613" spans="8:8">
      <c r="H354613" s="12"/>
    </row>
    <row r="354614" spans="8:8">
      <c r="H354614" s="12"/>
    </row>
    <row r="354615" spans="8:8">
      <c r="H354615" s="12"/>
    </row>
    <row r="354616" spans="8:8">
      <c r="H354616" s="12"/>
    </row>
    <row r="354617" spans="8:8">
      <c r="H354617" s="12"/>
    </row>
    <row r="354618" spans="8:8">
      <c r="H354618" s="12"/>
    </row>
    <row r="354619" spans="8:8">
      <c r="H354619" s="12"/>
    </row>
    <row r="354620" spans="8:8">
      <c r="H354620" s="12"/>
    </row>
    <row r="354621" spans="8:8">
      <c r="H354621" s="12"/>
    </row>
    <row r="354622" spans="8:8">
      <c r="H354622" s="12"/>
    </row>
    <row r="354623" spans="8:8">
      <c r="H354623" s="12"/>
    </row>
    <row r="354624" spans="8:8">
      <c r="H354624" s="12"/>
    </row>
    <row r="354625" spans="8:8">
      <c r="H354625" s="12"/>
    </row>
    <row r="354626" spans="8:8">
      <c r="H354626" s="12"/>
    </row>
    <row r="354627" spans="8:8">
      <c r="H354627" s="12"/>
    </row>
    <row r="354628" spans="8:8">
      <c r="H354628" s="12"/>
    </row>
    <row r="354629" spans="8:8">
      <c r="H354629" s="12"/>
    </row>
    <row r="354630" spans="8:8">
      <c r="H354630" s="12"/>
    </row>
    <row r="354631" spans="8:8">
      <c r="H354631" s="12"/>
    </row>
    <row r="354632" spans="8:8">
      <c r="H354632" s="12"/>
    </row>
    <row r="354633" spans="8:8">
      <c r="H354633" s="12"/>
    </row>
    <row r="354634" spans="8:8">
      <c r="H354634" s="12"/>
    </row>
    <row r="354635" spans="8:8">
      <c r="H354635" s="12"/>
    </row>
    <row r="354636" spans="8:8">
      <c r="H354636" s="12"/>
    </row>
    <row r="354637" spans="8:8">
      <c r="H354637" s="12"/>
    </row>
    <row r="354638" spans="8:8">
      <c r="H354638" s="12"/>
    </row>
    <row r="354639" spans="8:8">
      <c r="H354639" s="12"/>
    </row>
    <row r="354640" spans="8:8">
      <c r="H354640" s="12"/>
    </row>
    <row r="354641" spans="8:8">
      <c r="H354641" s="12"/>
    </row>
    <row r="354642" spans="8:8">
      <c r="H354642" s="12"/>
    </row>
    <row r="354643" spans="8:8">
      <c r="H354643" s="12"/>
    </row>
    <row r="354644" spans="8:8">
      <c r="H354644" s="12"/>
    </row>
    <row r="354645" spans="8:8">
      <c r="H354645" s="12"/>
    </row>
    <row r="354646" spans="8:8">
      <c r="H354646" s="12"/>
    </row>
    <row r="354647" spans="8:8">
      <c r="H354647" s="12"/>
    </row>
    <row r="354648" spans="8:8">
      <c r="H354648" s="12"/>
    </row>
    <row r="354649" spans="8:8">
      <c r="H354649" s="12"/>
    </row>
    <row r="354650" spans="8:8">
      <c r="H354650" s="12"/>
    </row>
    <row r="354651" spans="8:8">
      <c r="H354651" s="12"/>
    </row>
    <row r="354652" spans="8:8">
      <c r="H354652" s="12"/>
    </row>
    <row r="354653" spans="8:8">
      <c r="H354653" s="12"/>
    </row>
    <row r="354654" spans="8:8">
      <c r="H354654" s="12"/>
    </row>
    <row r="354655" spans="8:8">
      <c r="H354655" s="12"/>
    </row>
    <row r="354656" spans="8:8">
      <c r="H354656" s="12"/>
    </row>
    <row r="354657" spans="8:8">
      <c r="H354657" s="12"/>
    </row>
    <row r="354658" spans="8:8">
      <c r="H354658" s="12"/>
    </row>
    <row r="354659" spans="8:8">
      <c r="H354659" s="12"/>
    </row>
    <row r="354660" spans="8:8">
      <c r="H354660" s="12"/>
    </row>
    <row r="354661" spans="8:8">
      <c r="H354661" s="12"/>
    </row>
    <row r="354662" spans="8:8">
      <c r="H354662" s="12"/>
    </row>
    <row r="354663" spans="8:8">
      <c r="H354663" s="12"/>
    </row>
    <row r="354664" spans="8:8">
      <c r="H354664" s="12"/>
    </row>
    <row r="354665" spans="8:8">
      <c r="H354665" s="12"/>
    </row>
    <row r="354666" spans="8:8">
      <c r="H354666" s="12"/>
    </row>
    <row r="354667" spans="8:8">
      <c r="H354667" s="12"/>
    </row>
    <row r="354668" spans="8:8">
      <c r="H354668" s="12"/>
    </row>
    <row r="354669" spans="8:8">
      <c r="H354669" s="12"/>
    </row>
    <row r="354670" spans="8:8">
      <c r="H354670" s="12"/>
    </row>
    <row r="354671" spans="8:8">
      <c r="H354671" s="12"/>
    </row>
    <row r="354672" spans="8:8">
      <c r="H354672" s="12"/>
    </row>
    <row r="354673" spans="8:8">
      <c r="H354673" s="12"/>
    </row>
    <row r="354674" spans="8:8">
      <c r="H354674" s="12"/>
    </row>
    <row r="354675" spans="8:8">
      <c r="H354675" s="12"/>
    </row>
    <row r="354676" spans="8:8">
      <c r="H354676" s="12"/>
    </row>
    <row r="354677" spans="8:8">
      <c r="H354677" s="12"/>
    </row>
    <row r="354678" spans="8:8">
      <c r="H354678" s="12"/>
    </row>
    <row r="354679" spans="8:8">
      <c r="H354679" s="12"/>
    </row>
    <row r="354680" spans="8:8">
      <c r="H354680" s="12"/>
    </row>
    <row r="354681" spans="8:8">
      <c r="H354681" s="12"/>
    </row>
    <row r="354682" spans="8:8">
      <c r="H354682" s="12"/>
    </row>
    <row r="354683" spans="8:8">
      <c r="H354683" s="12"/>
    </row>
    <row r="354684" spans="8:8">
      <c r="H354684" s="12"/>
    </row>
    <row r="354685" spans="8:8">
      <c r="H354685" s="12"/>
    </row>
    <row r="354686" spans="8:8">
      <c r="H354686" s="12"/>
    </row>
    <row r="354687" spans="8:8">
      <c r="H354687" s="12"/>
    </row>
    <row r="354688" spans="8:8">
      <c r="H354688" s="12"/>
    </row>
    <row r="354689" spans="8:8">
      <c r="H354689" s="12"/>
    </row>
    <row r="354690" spans="8:8">
      <c r="H354690" s="12"/>
    </row>
    <row r="354691" spans="8:8">
      <c r="H354691" s="12"/>
    </row>
    <row r="354692" spans="8:8">
      <c r="H354692" s="12"/>
    </row>
    <row r="354693" spans="8:8">
      <c r="H354693" s="12"/>
    </row>
    <row r="354694" spans="8:8">
      <c r="H354694" s="12"/>
    </row>
    <row r="354695" spans="8:8">
      <c r="H354695" s="12"/>
    </row>
    <row r="354696" spans="8:8">
      <c r="H354696" s="12"/>
    </row>
    <row r="354697" spans="8:8">
      <c r="H354697" s="12"/>
    </row>
    <row r="354698" spans="8:8">
      <c r="H354698" s="12"/>
    </row>
    <row r="354699" spans="8:8">
      <c r="H354699" s="12"/>
    </row>
    <row r="354700" spans="8:8">
      <c r="H354700" s="12"/>
    </row>
    <row r="354701" spans="8:8">
      <c r="H354701" s="12"/>
    </row>
    <row r="354702" spans="8:8">
      <c r="H354702" s="12"/>
    </row>
    <row r="354703" spans="8:8">
      <c r="H354703" s="12"/>
    </row>
    <row r="354704" spans="8:8">
      <c r="H354704" s="12"/>
    </row>
    <row r="354705" spans="8:8">
      <c r="H354705" s="12"/>
    </row>
    <row r="354706" spans="8:8">
      <c r="H354706" s="12"/>
    </row>
    <row r="354707" spans="8:8">
      <c r="H354707" s="12"/>
    </row>
    <row r="354708" spans="8:8">
      <c r="H354708" s="12"/>
    </row>
    <row r="354709" spans="8:8">
      <c r="H354709" s="12"/>
    </row>
    <row r="354710" spans="8:8">
      <c r="H354710" s="12"/>
    </row>
    <row r="354711" spans="8:8">
      <c r="H354711" s="12"/>
    </row>
    <row r="354712" spans="8:8">
      <c r="H354712" s="12"/>
    </row>
    <row r="354713" spans="8:8">
      <c r="H354713" s="12"/>
    </row>
    <row r="354714" spans="8:8">
      <c r="H354714" s="12"/>
    </row>
    <row r="354715" spans="8:8">
      <c r="H354715" s="12"/>
    </row>
    <row r="354716" spans="8:8">
      <c r="H354716" s="12"/>
    </row>
    <row r="354717" spans="8:8">
      <c r="H354717" s="12"/>
    </row>
    <row r="354718" spans="8:8">
      <c r="H354718" s="12"/>
    </row>
    <row r="354719" spans="8:8">
      <c r="H354719" s="12"/>
    </row>
    <row r="354720" spans="8:8">
      <c r="H354720" s="12"/>
    </row>
    <row r="354721" spans="8:8">
      <c r="H354721" s="12"/>
    </row>
    <row r="354722" spans="8:8">
      <c r="H354722" s="12"/>
    </row>
    <row r="354723" spans="8:8">
      <c r="H354723" s="12"/>
    </row>
    <row r="354724" spans="8:8">
      <c r="H354724" s="12"/>
    </row>
    <row r="354725" spans="8:8">
      <c r="H354725" s="12"/>
    </row>
    <row r="354726" spans="8:8">
      <c r="H354726" s="12"/>
    </row>
    <row r="354727" spans="8:8">
      <c r="H354727" s="12"/>
    </row>
    <row r="354728" spans="8:8">
      <c r="H354728" s="12"/>
    </row>
    <row r="354729" spans="8:8">
      <c r="H354729" s="12"/>
    </row>
    <row r="354730" spans="8:8">
      <c r="H354730" s="12"/>
    </row>
    <row r="354731" spans="8:8">
      <c r="H354731" s="12"/>
    </row>
    <row r="354732" spans="8:8">
      <c r="H354732" s="12"/>
    </row>
    <row r="354733" spans="8:8">
      <c r="H354733" s="12"/>
    </row>
    <row r="354734" spans="8:8">
      <c r="H354734" s="12"/>
    </row>
    <row r="354735" spans="8:8">
      <c r="H354735" s="12"/>
    </row>
    <row r="354736" spans="8:8">
      <c r="H354736" s="12"/>
    </row>
    <row r="354737" spans="8:8">
      <c r="H354737" s="12"/>
    </row>
    <row r="354738" spans="8:8">
      <c r="H354738" s="12"/>
    </row>
    <row r="354739" spans="8:8">
      <c r="H354739" s="12"/>
    </row>
    <row r="354740" spans="8:8">
      <c r="H354740" s="12"/>
    </row>
    <row r="354741" spans="8:8">
      <c r="H354741" s="12"/>
    </row>
    <row r="354742" spans="8:8">
      <c r="H354742" s="12"/>
    </row>
    <row r="354743" spans="8:8">
      <c r="H354743" s="12"/>
    </row>
    <row r="354744" spans="8:8">
      <c r="H354744" s="12"/>
    </row>
    <row r="354745" spans="8:8">
      <c r="H354745" s="12"/>
    </row>
    <row r="354746" spans="8:8">
      <c r="H354746" s="12"/>
    </row>
    <row r="354747" spans="8:8">
      <c r="H354747" s="12"/>
    </row>
    <row r="354748" spans="8:8">
      <c r="H354748" s="12"/>
    </row>
    <row r="354749" spans="8:8">
      <c r="H354749" s="12"/>
    </row>
    <row r="354750" spans="8:8">
      <c r="H354750" s="12"/>
    </row>
    <row r="354751" spans="8:8">
      <c r="H354751" s="12"/>
    </row>
    <row r="354752" spans="8:8">
      <c r="H354752" s="12"/>
    </row>
    <row r="354753" spans="8:8">
      <c r="H354753" s="12"/>
    </row>
    <row r="354754" spans="8:8">
      <c r="H354754" s="12"/>
    </row>
    <row r="354755" spans="8:8">
      <c r="H354755" s="12"/>
    </row>
    <row r="354756" spans="8:8">
      <c r="H354756" s="12"/>
    </row>
    <row r="354757" spans="8:8">
      <c r="H354757" s="12"/>
    </row>
    <row r="354758" spans="8:8">
      <c r="H354758" s="12"/>
    </row>
    <row r="354759" spans="8:8">
      <c r="H354759" s="12"/>
    </row>
    <row r="354760" spans="8:8">
      <c r="H354760" s="12"/>
    </row>
    <row r="354761" spans="8:8">
      <c r="H354761" s="12"/>
    </row>
    <row r="354762" spans="8:8">
      <c r="H354762" s="12"/>
    </row>
    <row r="354763" spans="8:8">
      <c r="H354763" s="12"/>
    </row>
    <row r="354764" spans="8:8">
      <c r="H354764" s="12"/>
    </row>
    <row r="354765" spans="8:8">
      <c r="H354765" s="12"/>
    </row>
    <row r="354766" spans="8:8">
      <c r="H354766" s="12"/>
    </row>
    <row r="354767" spans="8:8">
      <c r="H354767" s="12"/>
    </row>
    <row r="354768" spans="8:8">
      <c r="H354768" s="12"/>
    </row>
    <row r="354769" spans="8:8">
      <c r="H354769" s="12"/>
    </row>
    <row r="354770" spans="8:8">
      <c r="H354770" s="12"/>
    </row>
    <row r="354771" spans="8:8">
      <c r="H354771" s="12"/>
    </row>
    <row r="354772" spans="8:8">
      <c r="H354772" s="12"/>
    </row>
    <row r="354773" spans="8:8">
      <c r="H354773" s="12"/>
    </row>
    <row r="354774" spans="8:8">
      <c r="H354774" s="12"/>
    </row>
    <row r="354775" spans="8:8">
      <c r="H354775" s="12"/>
    </row>
    <row r="354776" spans="8:8">
      <c r="H354776" s="12"/>
    </row>
    <row r="354777" spans="8:8">
      <c r="H354777" s="12"/>
    </row>
    <row r="354778" spans="8:8">
      <c r="H354778" s="12"/>
    </row>
    <row r="354779" spans="8:8">
      <c r="H354779" s="12"/>
    </row>
    <row r="354780" spans="8:8">
      <c r="H354780" s="12"/>
    </row>
    <row r="354781" spans="8:8">
      <c r="H354781" s="12"/>
    </row>
    <row r="354782" spans="8:8">
      <c r="H354782" s="12"/>
    </row>
    <row r="354783" spans="8:8">
      <c r="H354783" s="12"/>
    </row>
    <row r="354784" spans="8:8">
      <c r="H354784" s="12"/>
    </row>
    <row r="354785" spans="8:8">
      <c r="H354785" s="12"/>
    </row>
    <row r="354786" spans="8:8">
      <c r="H354786" s="12"/>
    </row>
    <row r="354787" spans="8:8">
      <c r="H354787" s="12"/>
    </row>
    <row r="354788" spans="8:8">
      <c r="H354788" s="12"/>
    </row>
    <row r="354789" spans="8:8">
      <c r="H354789" s="12"/>
    </row>
    <row r="354790" spans="8:8">
      <c r="H354790" s="12"/>
    </row>
    <row r="354791" spans="8:8">
      <c r="H354791" s="12"/>
    </row>
    <row r="354792" spans="8:8">
      <c r="H354792" s="12"/>
    </row>
    <row r="354793" spans="8:8">
      <c r="H354793" s="12"/>
    </row>
    <row r="354794" spans="8:8">
      <c r="H354794" s="12"/>
    </row>
    <row r="354795" spans="8:8">
      <c r="H354795" s="12"/>
    </row>
    <row r="354796" spans="8:8">
      <c r="H354796" s="12"/>
    </row>
    <row r="354797" spans="8:8">
      <c r="H354797" s="12"/>
    </row>
    <row r="354798" spans="8:8">
      <c r="H354798" s="12"/>
    </row>
    <row r="354799" spans="8:8">
      <c r="H354799" s="12"/>
    </row>
    <row r="354800" spans="8:8">
      <c r="H354800" s="12"/>
    </row>
    <row r="354801" spans="8:8">
      <c r="H354801" s="12"/>
    </row>
    <row r="354802" spans="8:8">
      <c r="H354802" s="12"/>
    </row>
    <row r="354803" spans="8:8">
      <c r="H354803" s="12"/>
    </row>
    <row r="354804" spans="8:8">
      <c r="H354804" s="12"/>
    </row>
    <row r="354805" spans="8:8">
      <c r="H354805" s="12"/>
    </row>
    <row r="354806" spans="8:8">
      <c r="H354806" s="12"/>
    </row>
    <row r="354807" spans="8:8">
      <c r="H354807" s="12"/>
    </row>
    <row r="354808" spans="8:8">
      <c r="H354808" s="12"/>
    </row>
    <row r="354809" spans="8:8">
      <c r="H354809" s="12"/>
    </row>
    <row r="354810" spans="8:8">
      <c r="H354810" s="12"/>
    </row>
    <row r="354811" spans="8:8">
      <c r="H354811" s="12"/>
    </row>
    <row r="354812" spans="8:8">
      <c r="H354812" s="12"/>
    </row>
    <row r="354813" spans="8:8">
      <c r="H354813" s="12"/>
    </row>
    <row r="354814" spans="8:8">
      <c r="H354814" s="12"/>
    </row>
    <row r="354815" spans="8:8">
      <c r="H354815" s="12"/>
    </row>
    <row r="354816" spans="8:8">
      <c r="H354816" s="12"/>
    </row>
    <row r="354817" spans="8:8">
      <c r="H354817" s="12"/>
    </row>
    <row r="354818" spans="8:8">
      <c r="H354818" s="12"/>
    </row>
    <row r="354819" spans="8:8">
      <c r="H354819" s="12"/>
    </row>
    <row r="354820" spans="8:8">
      <c r="H354820" s="12"/>
    </row>
    <row r="354821" spans="8:8">
      <c r="H354821" s="12"/>
    </row>
    <row r="354822" spans="8:8">
      <c r="H354822" s="12"/>
    </row>
    <row r="354823" spans="8:8">
      <c r="H354823" s="12"/>
    </row>
    <row r="354824" spans="8:8">
      <c r="H354824" s="12"/>
    </row>
    <row r="354825" spans="8:8">
      <c r="H354825" s="12"/>
    </row>
    <row r="354826" spans="8:8">
      <c r="H354826" s="12"/>
    </row>
    <row r="354827" spans="8:8">
      <c r="H354827" s="12"/>
    </row>
    <row r="354828" spans="8:8">
      <c r="H354828" s="12"/>
    </row>
    <row r="354829" spans="8:8">
      <c r="H354829" s="12"/>
    </row>
    <row r="354830" spans="8:8">
      <c r="H354830" s="12"/>
    </row>
    <row r="354831" spans="8:8">
      <c r="H354831" s="12"/>
    </row>
    <row r="354832" spans="8:8">
      <c r="H354832" s="12"/>
    </row>
    <row r="354833" spans="8:8">
      <c r="H354833" s="12"/>
    </row>
    <row r="354834" spans="8:8">
      <c r="H354834" s="12"/>
    </row>
    <row r="354835" spans="8:8">
      <c r="H354835" s="12"/>
    </row>
    <row r="354836" spans="8:8">
      <c r="H354836" s="12"/>
    </row>
    <row r="354837" spans="8:8">
      <c r="H354837" s="12"/>
    </row>
    <row r="354838" spans="8:8">
      <c r="H354838" s="12"/>
    </row>
    <row r="354839" spans="8:8">
      <c r="H354839" s="12"/>
    </row>
    <row r="354840" spans="8:8">
      <c r="H354840" s="12"/>
    </row>
    <row r="354841" spans="8:8">
      <c r="H354841" s="12"/>
    </row>
    <row r="354842" spans="8:8">
      <c r="H354842" s="12"/>
    </row>
    <row r="354843" spans="8:8">
      <c r="H354843" s="12"/>
    </row>
    <row r="354844" spans="8:8">
      <c r="H354844" s="12"/>
    </row>
    <row r="354845" spans="8:8">
      <c r="H354845" s="12"/>
    </row>
    <row r="354846" spans="8:8">
      <c r="H354846" s="12"/>
    </row>
    <row r="354847" spans="8:8">
      <c r="H354847" s="12"/>
    </row>
    <row r="354848" spans="8:8">
      <c r="H354848" s="12"/>
    </row>
    <row r="354849" spans="8:8">
      <c r="H354849" s="12"/>
    </row>
    <row r="354850" spans="8:8">
      <c r="H354850" s="12"/>
    </row>
    <row r="354851" spans="8:8">
      <c r="H354851" s="12"/>
    </row>
    <row r="354852" spans="8:8">
      <c r="H354852" s="12"/>
    </row>
    <row r="354853" spans="8:8">
      <c r="H354853" s="12"/>
    </row>
    <row r="354854" spans="8:8">
      <c r="H354854" s="12"/>
    </row>
    <row r="354855" spans="8:8">
      <c r="H354855" s="12"/>
    </row>
    <row r="354856" spans="8:8">
      <c r="H354856" s="12"/>
    </row>
    <row r="354857" spans="8:8">
      <c r="H354857" s="12"/>
    </row>
    <row r="354858" spans="8:8">
      <c r="H354858" s="12"/>
    </row>
    <row r="354859" spans="8:8">
      <c r="H354859" s="12"/>
    </row>
    <row r="354860" spans="8:8">
      <c r="H354860" s="12"/>
    </row>
    <row r="354861" spans="8:8">
      <c r="H354861" s="12"/>
    </row>
    <row r="354862" spans="8:8">
      <c r="H354862" s="12"/>
    </row>
    <row r="354863" spans="8:8">
      <c r="H354863" s="12"/>
    </row>
    <row r="354864" spans="8:8">
      <c r="H354864" s="12"/>
    </row>
    <row r="354865" spans="8:8">
      <c r="H354865" s="12"/>
    </row>
    <row r="354866" spans="8:8">
      <c r="H354866" s="12"/>
    </row>
    <row r="354867" spans="8:8">
      <c r="H354867" s="12"/>
    </row>
    <row r="354868" spans="8:8">
      <c r="H354868" s="12"/>
    </row>
    <row r="354869" spans="8:8">
      <c r="H354869" s="12"/>
    </row>
    <row r="354870" spans="8:8">
      <c r="H354870" s="12"/>
    </row>
    <row r="354871" spans="8:8">
      <c r="H354871" s="12"/>
    </row>
    <row r="354872" spans="8:8">
      <c r="H354872" s="12"/>
    </row>
    <row r="354873" spans="8:8">
      <c r="H354873" s="12"/>
    </row>
    <row r="354874" spans="8:8">
      <c r="H354874" s="12"/>
    </row>
    <row r="354875" spans="8:8">
      <c r="H354875" s="12"/>
    </row>
    <row r="354876" spans="8:8">
      <c r="H354876" s="12"/>
    </row>
    <row r="354877" spans="8:8">
      <c r="H354877" s="12"/>
    </row>
    <row r="354878" spans="8:8">
      <c r="H354878" s="12"/>
    </row>
    <row r="354879" spans="8:8">
      <c r="H354879" s="12"/>
    </row>
    <row r="354880" spans="8:8">
      <c r="H354880" s="12"/>
    </row>
    <row r="354881" spans="8:8">
      <c r="H354881" s="12"/>
    </row>
    <row r="354882" spans="8:8">
      <c r="H354882" s="12"/>
    </row>
    <row r="354883" spans="8:8">
      <c r="H354883" s="12"/>
    </row>
    <row r="354884" spans="8:8">
      <c r="H354884" s="12"/>
    </row>
    <row r="354885" spans="8:8">
      <c r="H354885" s="12"/>
    </row>
    <row r="354886" spans="8:8">
      <c r="H354886" s="12"/>
    </row>
    <row r="354887" spans="8:8">
      <c r="H354887" s="12"/>
    </row>
    <row r="354888" spans="8:8">
      <c r="H354888" s="12"/>
    </row>
    <row r="354889" spans="8:8">
      <c r="H354889" s="12"/>
    </row>
    <row r="354890" spans="8:8">
      <c r="H354890" s="12"/>
    </row>
    <row r="354891" spans="8:8">
      <c r="H354891" s="12"/>
    </row>
    <row r="354892" spans="8:8">
      <c r="H354892" s="12"/>
    </row>
    <row r="354893" spans="8:8">
      <c r="H354893" s="12"/>
    </row>
    <row r="354894" spans="8:8">
      <c r="H354894" s="12"/>
    </row>
    <row r="354895" spans="8:8">
      <c r="H354895" s="12"/>
    </row>
    <row r="354896" spans="8:8">
      <c r="H354896" s="12"/>
    </row>
    <row r="354897" spans="8:8">
      <c r="H354897" s="12"/>
    </row>
    <row r="354898" spans="8:8">
      <c r="H354898" s="12"/>
    </row>
    <row r="354899" spans="8:8">
      <c r="H354899" s="12"/>
    </row>
    <row r="354900" spans="8:8">
      <c r="H354900" s="12"/>
    </row>
    <row r="354901" spans="8:8">
      <c r="H354901" s="12"/>
    </row>
    <row r="354902" spans="8:8">
      <c r="H354902" s="12"/>
    </row>
    <row r="354903" spans="8:8">
      <c r="H354903" s="12"/>
    </row>
    <row r="354904" spans="8:8">
      <c r="H354904" s="12"/>
    </row>
    <row r="354905" spans="8:8">
      <c r="H354905" s="12"/>
    </row>
    <row r="354906" spans="8:8">
      <c r="H354906" s="12"/>
    </row>
    <row r="354907" spans="8:8">
      <c r="H354907" s="12"/>
    </row>
    <row r="354908" spans="8:8">
      <c r="H354908" s="12"/>
    </row>
    <row r="354909" spans="8:8">
      <c r="H354909" s="12"/>
    </row>
    <row r="354910" spans="8:8">
      <c r="H354910" s="12"/>
    </row>
    <row r="354911" spans="8:8">
      <c r="H354911" s="12"/>
    </row>
    <row r="354912" spans="8:8">
      <c r="H354912" s="12"/>
    </row>
    <row r="354913" spans="8:8">
      <c r="H354913" s="12"/>
    </row>
    <row r="354914" spans="8:8">
      <c r="H354914" s="12"/>
    </row>
    <row r="354915" spans="8:8">
      <c r="H354915" s="12"/>
    </row>
    <row r="354916" spans="8:8">
      <c r="H354916" s="12"/>
    </row>
    <row r="354917" spans="8:8">
      <c r="H354917" s="12"/>
    </row>
    <row r="354918" spans="8:8">
      <c r="H354918" s="12"/>
    </row>
    <row r="354919" spans="8:8">
      <c r="H354919" s="12"/>
    </row>
    <row r="354920" spans="8:8">
      <c r="H354920" s="12"/>
    </row>
    <row r="354921" spans="8:8">
      <c r="H354921" s="12"/>
    </row>
    <row r="354922" spans="8:8">
      <c r="H354922" s="12"/>
    </row>
    <row r="354923" spans="8:8">
      <c r="H354923" s="12"/>
    </row>
    <row r="354924" spans="8:8">
      <c r="H354924" s="12"/>
    </row>
    <row r="354925" spans="8:8">
      <c r="H354925" s="12"/>
    </row>
    <row r="354926" spans="8:8">
      <c r="H354926" s="12"/>
    </row>
    <row r="354927" spans="8:8">
      <c r="H354927" s="12"/>
    </row>
    <row r="354928" spans="8:8">
      <c r="H354928" s="12"/>
    </row>
    <row r="354929" spans="8:8">
      <c r="H354929" s="12"/>
    </row>
    <row r="354930" spans="8:8">
      <c r="H354930" s="12"/>
    </row>
    <row r="354931" spans="8:8">
      <c r="H354931" s="12"/>
    </row>
    <row r="354932" spans="8:8">
      <c r="H354932" s="12"/>
    </row>
    <row r="354933" spans="8:8">
      <c r="H354933" s="12"/>
    </row>
    <row r="354934" spans="8:8">
      <c r="H354934" s="12"/>
    </row>
    <row r="354935" spans="8:8">
      <c r="H354935" s="12"/>
    </row>
    <row r="354936" spans="8:8">
      <c r="H354936" s="12"/>
    </row>
    <row r="354937" spans="8:8">
      <c r="H354937" s="12"/>
    </row>
    <row r="354938" spans="8:8">
      <c r="H354938" s="12"/>
    </row>
    <row r="354939" spans="8:8">
      <c r="H354939" s="12"/>
    </row>
    <row r="354940" spans="8:8">
      <c r="H354940" s="12"/>
    </row>
    <row r="354941" spans="8:8">
      <c r="H354941" s="12"/>
    </row>
    <row r="354942" spans="8:8">
      <c r="H354942" s="12"/>
    </row>
    <row r="354943" spans="8:8">
      <c r="H354943" s="12"/>
    </row>
    <row r="354944" spans="8:8">
      <c r="H354944" s="12"/>
    </row>
    <row r="354945" spans="8:8">
      <c r="H354945" s="12"/>
    </row>
    <row r="354946" spans="8:8">
      <c r="H354946" s="12"/>
    </row>
    <row r="354947" spans="8:8">
      <c r="H354947" s="12"/>
    </row>
    <row r="354948" spans="8:8">
      <c r="H354948" s="12"/>
    </row>
    <row r="354949" spans="8:8">
      <c r="H354949" s="12"/>
    </row>
    <row r="354950" spans="8:8">
      <c r="H354950" s="12"/>
    </row>
    <row r="354951" spans="8:8">
      <c r="H354951" s="12"/>
    </row>
    <row r="354952" spans="8:8">
      <c r="H354952" s="12"/>
    </row>
    <row r="354953" spans="8:8">
      <c r="H354953" s="12"/>
    </row>
    <row r="354954" spans="8:8">
      <c r="H354954" s="12"/>
    </row>
    <row r="354955" spans="8:8">
      <c r="H354955" s="12"/>
    </row>
    <row r="354956" spans="8:8">
      <c r="H354956" s="12"/>
    </row>
    <row r="354957" spans="8:8">
      <c r="H354957" s="12"/>
    </row>
    <row r="354958" spans="8:8">
      <c r="H354958" s="12"/>
    </row>
    <row r="354959" spans="8:8">
      <c r="H354959" s="12"/>
    </row>
    <row r="354960" spans="8:8">
      <c r="H354960" s="12"/>
    </row>
    <row r="354961" spans="8:8">
      <c r="H354961" s="12"/>
    </row>
    <row r="354962" spans="8:8">
      <c r="H354962" s="12"/>
    </row>
    <row r="354963" spans="8:8">
      <c r="H354963" s="12"/>
    </row>
    <row r="354964" spans="8:8">
      <c r="H354964" s="12"/>
    </row>
    <row r="354965" spans="8:8">
      <c r="H354965" s="12"/>
    </row>
    <row r="354966" spans="8:8">
      <c r="H354966" s="12"/>
    </row>
    <row r="354967" spans="8:8">
      <c r="H354967" s="12"/>
    </row>
    <row r="354968" spans="8:8">
      <c r="H354968" s="12"/>
    </row>
    <row r="354969" spans="8:8">
      <c r="H354969" s="12"/>
    </row>
    <row r="354970" spans="8:8">
      <c r="H354970" s="12"/>
    </row>
    <row r="354971" spans="8:8">
      <c r="H354971" s="12"/>
    </row>
    <row r="354972" spans="8:8">
      <c r="H354972" s="12"/>
    </row>
    <row r="354973" spans="8:8">
      <c r="H354973" s="12"/>
    </row>
    <row r="354974" spans="8:8">
      <c r="H354974" s="12"/>
    </row>
    <row r="354975" spans="8:8">
      <c r="H354975" s="12"/>
    </row>
    <row r="354976" spans="8:8">
      <c r="H354976" s="12"/>
    </row>
    <row r="354977" spans="8:8">
      <c r="H354977" s="12"/>
    </row>
    <row r="354978" spans="8:8">
      <c r="H354978" s="12"/>
    </row>
    <row r="354979" spans="8:8">
      <c r="H354979" s="12"/>
    </row>
    <row r="354980" spans="8:8">
      <c r="H354980" s="12"/>
    </row>
    <row r="354981" spans="8:8">
      <c r="H354981" s="12"/>
    </row>
    <row r="354982" spans="8:8">
      <c r="H354982" s="12"/>
    </row>
    <row r="354983" spans="8:8">
      <c r="H354983" s="12"/>
    </row>
    <row r="354984" spans="8:8">
      <c r="H354984" s="12"/>
    </row>
    <row r="354985" spans="8:8">
      <c r="H354985" s="12"/>
    </row>
    <row r="354986" spans="8:8">
      <c r="H354986" s="12"/>
    </row>
    <row r="354987" spans="8:8">
      <c r="H354987" s="12"/>
    </row>
    <row r="354988" spans="8:8">
      <c r="H354988" s="12"/>
    </row>
    <row r="354989" spans="8:8">
      <c r="H354989" s="12"/>
    </row>
    <row r="354990" spans="8:8">
      <c r="H354990" s="12"/>
    </row>
    <row r="354991" spans="8:8">
      <c r="H354991" s="12"/>
    </row>
    <row r="354992" spans="8:8">
      <c r="H354992" s="12"/>
    </row>
    <row r="354993" spans="8:8">
      <c r="H354993" s="12"/>
    </row>
    <row r="354994" spans="8:8">
      <c r="H354994" s="12"/>
    </row>
    <row r="354995" spans="8:8">
      <c r="H354995" s="12"/>
    </row>
    <row r="354996" spans="8:8">
      <c r="H354996" s="12"/>
    </row>
    <row r="354997" spans="8:8">
      <c r="H354997" s="12"/>
    </row>
    <row r="354998" spans="8:8">
      <c r="H354998" s="12"/>
    </row>
    <row r="354999" spans="8:8">
      <c r="H354999" s="12"/>
    </row>
    <row r="355000" spans="8:8">
      <c r="H355000" s="12"/>
    </row>
    <row r="355001" spans="8:8">
      <c r="H355001" s="12"/>
    </row>
    <row r="355002" spans="8:8">
      <c r="H355002" s="12"/>
    </row>
    <row r="355003" spans="8:8">
      <c r="H355003" s="12"/>
    </row>
    <row r="355004" spans="8:8">
      <c r="H355004" s="12"/>
    </row>
    <row r="355005" spans="8:8">
      <c r="H355005" s="12"/>
    </row>
    <row r="355006" spans="8:8">
      <c r="H355006" s="12"/>
    </row>
    <row r="355007" spans="8:8">
      <c r="H355007" s="12"/>
    </row>
    <row r="355008" spans="8:8">
      <c r="H355008" s="12"/>
    </row>
    <row r="355009" spans="8:8">
      <c r="H355009" s="12"/>
    </row>
    <row r="355010" spans="8:8">
      <c r="H355010" s="12"/>
    </row>
    <row r="355011" spans="8:8">
      <c r="H355011" s="12"/>
    </row>
    <row r="355012" spans="8:8">
      <c r="H355012" s="12"/>
    </row>
    <row r="355013" spans="8:8">
      <c r="H355013" s="12"/>
    </row>
    <row r="355014" spans="8:8">
      <c r="H355014" s="12"/>
    </row>
    <row r="355015" spans="8:8">
      <c r="H355015" s="12"/>
    </row>
    <row r="355016" spans="8:8">
      <c r="H355016" s="12"/>
    </row>
    <row r="355017" spans="8:8">
      <c r="H355017" s="12"/>
    </row>
    <row r="355018" spans="8:8">
      <c r="H355018" s="12"/>
    </row>
    <row r="355019" spans="8:8">
      <c r="H355019" s="12"/>
    </row>
    <row r="355020" spans="8:8">
      <c r="H355020" s="12"/>
    </row>
    <row r="355021" spans="8:8">
      <c r="H355021" s="12"/>
    </row>
    <row r="355022" spans="8:8">
      <c r="H355022" s="12"/>
    </row>
    <row r="355023" spans="8:8">
      <c r="H355023" s="12"/>
    </row>
    <row r="355024" spans="8:8">
      <c r="H355024" s="12"/>
    </row>
    <row r="355025" spans="8:8">
      <c r="H355025" s="12"/>
    </row>
    <row r="355026" spans="8:8">
      <c r="H355026" s="12"/>
    </row>
    <row r="355027" spans="8:8">
      <c r="H355027" s="12"/>
    </row>
    <row r="355028" spans="8:8">
      <c r="H355028" s="12"/>
    </row>
    <row r="355029" spans="8:8">
      <c r="H355029" s="12"/>
    </row>
    <row r="355030" spans="8:8">
      <c r="H355030" s="12"/>
    </row>
    <row r="355031" spans="8:8">
      <c r="H355031" s="12"/>
    </row>
    <row r="355032" spans="8:8">
      <c r="H355032" s="12"/>
    </row>
    <row r="355033" spans="8:8">
      <c r="H355033" s="12"/>
    </row>
    <row r="355034" spans="8:8">
      <c r="H355034" s="12"/>
    </row>
    <row r="355035" spans="8:8">
      <c r="H355035" s="12"/>
    </row>
    <row r="355036" spans="8:8">
      <c r="H355036" s="12"/>
    </row>
    <row r="355037" spans="8:8">
      <c r="H355037" s="12"/>
    </row>
    <row r="355038" spans="8:8">
      <c r="H355038" s="12"/>
    </row>
    <row r="355039" spans="8:8">
      <c r="H355039" s="12"/>
    </row>
    <row r="355040" spans="8:8">
      <c r="H355040" s="12"/>
    </row>
    <row r="355041" spans="8:8">
      <c r="H355041" s="12"/>
    </row>
    <row r="355042" spans="8:8">
      <c r="H355042" s="12"/>
    </row>
    <row r="355043" spans="8:8">
      <c r="H355043" s="12"/>
    </row>
    <row r="355044" spans="8:8">
      <c r="H355044" s="12"/>
    </row>
    <row r="355045" spans="8:8">
      <c r="H355045" s="12"/>
    </row>
    <row r="355046" spans="8:8">
      <c r="H355046" s="12"/>
    </row>
    <row r="355047" spans="8:8">
      <c r="H355047" s="12"/>
    </row>
    <row r="355048" spans="8:8">
      <c r="H355048" s="12"/>
    </row>
    <row r="355049" spans="8:8">
      <c r="H355049" s="12"/>
    </row>
    <row r="355050" spans="8:8">
      <c r="H355050" s="12"/>
    </row>
    <row r="355051" spans="8:8">
      <c r="H355051" s="12"/>
    </row>
    <row r="355052" spans="8:8">
      <c r="H355052" s="12"/>
    </row>
    <row r="355053" spans="8:8">
      <c r="H355053" s="12"/>
    </row>
    <row r="355054" spans="8:8">
      <c r="H355054" s="12"/>
    </row>
    <row r="355055" spans="8:8">
      <c r="H355055" s="12"/>
    </row>
    <row r="355056" spans="8:8">
      <c r="H355056" s="12"/>
    </row>
    <row r="355057" spans="8:8">
      <c r="H355057" s="12"/>
    </row>
    <row r="355058" spans="8:8">
      <c r="H355058" s="12"/>
    </row>
    <row r="355059" spans="8:8">
      <c r="H355059" s="12"/>
    </row>
    <row r="355060" spans="8:8">
      <c r="H355060" s="12"/>
    </row>
    <row r="355061" spans="8:8">
      <c r="H355061" s="12"/>
    </row>
    <row r="355062" spans="8:8">
      <c r="H355062" s="12"/>
    </row>
    <row r="355063" spans="8:8">
      <c r="H355063" s="12"/>
    </row>
    <row r="355064" spans="8:8">
      <c r="H355064" s="12"/>
    </row>
    <row r="355065" spans="8:8">
      <c r="H355065" s="12"/>
    </row>
    <row r="355066" spans="8:8">
      <c r="H355066" s="12"/>
    </row>
    <row r="355067" spans="8:8">
      <c r="H355067" s="12"/>
    </row>
    <row r="355068" spans="8:8">
      <c r="H355068" s="12"/>
    </row>
    <row r="355069" spans="8:8">
      <c r="H355069" s="12"/>
    </row>
    <row r="355070" spans="8:8">
      <c r="H355070" s="12"/>
    </row>
    <row r="355071" spans="8:8">
      <c r="H355071" s="12"/>
    </row>
    <row r="355072" spans="8:8">
      <c r="H355072" s="12"/>
    </row>
    <row r="355073" spans="8:8">
      <c r="H355073" s="12"/>
    </row>
    <row r="355074" spans="8:8">
      <c r="H355074" s="12"/>
    </row>
    <row r="355075" spans="8:8">
      <c r="H355075" s="12"/>
    </row>
    <row r="355076" spans="8:8">
      <c r="H355076" s="12"/>
    </row>
    <row r="355077" spans="8:8">
      <c r="H355077" s="12"/>
    </row>
    <row r="355078" spans="8:8">
      <c r="H355078" s="12"/>
    </row>
    <row r="355079" spans="8:8">
      <c r="H355079" s="12"/>
    </row>
    <row r="355080" spans="8:8">
      <c r="H355080" s="12"/>
    </row>
    <row r="355081" spans="8:8">
      <c r="H355081" s="12"/>
    </row>
    <row r="355082" spans="8:8">
      <c r="H355082" s="12"/>
    </row>
    <row r="355083" spans="8:8">
      <c r="H355083" s="12"/>
    </row>
    <row r="355084" spans="8:8">
      <c r="H355084" s="12"/>
    </row>
    <row r="355085" spans="8:8">
      <c r="H355085" s="12"/>
    </row>
    <row r="355086" spans="8:8">
      <c r="H355086" s="12"/>
    </row>
    <row r="355087" spans="8:8">
      <c r="H355087" s="12"/>
    </row>
    <row r="355088" spans="8:8">
      <c r="H355088" s="12"/>
    </row>
    <row r="355089" spans="8:8">
      <c r="H355089" s="12"/>
    </row>
    <row r="355090" spans="8:8">
      <c r="H355090" s="12"/>
    </row>
    <row r="355091" spans="8:8">
      <c r="H355091" s="12"/>
    </row>
    <row r="355092" spans="8:8">
      <c r="H355092" s="12"/>
    </row>
    <row r="355093" spans="8:8">
      <c r="H355093" s="12"/>
    </row>
    <row r="355094" spans="8:8">
      <c r="H355094" s="12"/>
    </row>
    <row r="355095" spans="8:8">
      <c r="H355095" s="12"/>
    </row>
    <row r="355096" spans="8:8">
      <c r="H355096" s="12"/>
    </row>
    <row r="355097" spans="8:8">
      <c r="H355097" s="12"/>
    </row>
    <row r="355098" spans="8:8">
      <c r="H355098" s="12"/>
    </row>
    <row r="355099" spans="8:8">
      <c r="H355099" s="12"/>
    </row>
    <row r="355100" spans="8:8">
      <c r="H355100" s="12"/>
    </row>
    <row r="355101" spans="8:8">
      <c r="H355101" s="12"/>
    </row>
    <row r="355102" spans="8:8">
      <c r="H355102" s="12"/>
    </row>
    <row r="355103" spans="8:8">
      <c r="H355103" s="12"/>
    </row>
    <row r="355104" spans="8:8">
      <c r="H355104" s="12"/>
    </row>
    <row r="355105" spans="8:8">
      <c r="H355105" s="12"/>
    </row>
    <row r="355106" spans="8:8">
      <c r="H355106" s="12"/>
    </row>
    <row r="355107" spans="8:8">
      <c r="H355107" s="12"/>
    </row>
    <row r="355108" spans="8:8">
      <c r="H355108" s="12"/>
    </row>
    <row r="355109" spans="8:8">
      <c r="H355109" s="12"/>
    </row>
    <row r="355110" spans="8:8">
      <c r="H355110" s="12"/>
    </row>
    <row r="355111" spans="8:8">
      <c r="H355111" s="12"/>
    </row>
    <row r="355112" spans="8:8">
      <c r="H355112" s="12"/>
    </row>
    <row r="355113" spans="8:8">
      <c r="H355113" s="12"/>
    </row>
    <row r="355114" spans="8:8">
      <c r="H355114" s="12"/>
    </row>
    <row r="355115" spans="8:8">
      <c r="H355115" s="12"/>
    </row>
    <row r="355116" spans="8:8">
      <c r="H355116" s="12"/>
    </row>
    <row r="355117" spans="8:8">
      <c r="H355117" s="12"/>
    </row>
    <row r="355118" spans="8:8">
      <c r="H355118" s="12"/>
    </row>
    <row r="355119" spans="8:8">
      <c r="H355119" s="12"/>
    </row>
    <row r="355120" spans="8:8">
      <c r="H355120" s="12"/>
    </row>
    <row r="355121" spans="8:8">
      <c r="H355121" s="12"/>
    </row>
    <row r="355122" spans="8:8">
      <c r="H355122" s="12"/>
    </row>
    <row r="355123" spans="8:8">
      <c r="H355123" s="12"/>
    </row>
    <row r="355124" spans="8:8">
      <c r="H355124" s="12"/>
    </row>
    <row r="355125" spans="8:8">
      <c r="H355125" s="12"/>
    </row>
    <row r="355126" spans="8:8">
      <c r="H355126" s="12"/>
    </row>
    <row r="355127" spans="8:8">
      <c r="H355127" s="12"/>
    </row>
    <row r="355128" spans="8:8">
      <c r="H355128" s="12"/>
    </row>
    <row r="355129" spans="8:8">
      <c r="H355129" s="12"/>
    </row>
    <row r="355130" spans="8:8">
      <c r="H355130" s="12"/>
    </row>
    <row r="355131" spans="8:8">
      <c r="H355131" s="12"/>
    </row>
    <row r="355132" spans="8:8">
      <c r="H355132" s="12"/>
    </row>
    <row r="355133" spans="8:8">
      <c r="H355133" s="12"/>
    </row>
    <row r="355134" spans="8:8">
      <c r="H355134" s="12"/>
    </row>
    <row r="355135" spans="8:8">
      <c r="H355135" s="12"/>
    </row>
    <row r="355136" spans="8:8">
      <c r="H355136" s="12"/>
    </row>
    <row r="355137" spans="8:8">
      <c r="H355137" s="12"/>
    </row>
    <row r="355138" spans="8:8">
      <c r="H355138" s="12"/>
    </row>
    <row r="355139" spans="8:8">
      <c r="H355139" s="12"/>
    </row>
    <row r="355140" spans="8:8">
      <c r="H355140" s="12"/>
    </row>
    <row r="355141" spans="8:8">
      <c r="H355141" s="12"/>
    </row>
    <row r="355142" spans="8:8">
      <c r="H355142" s="12"/>
    </row>
    <row r="355143" spans="8:8">
      <c r="H355143" s="12"/>
    </row>
    <row r="355144" spans="8:8">
      <c r="H355144" s="12"/>
    </row>
    <row r="355145" spans="8:8">
      <c r="H355145" s="12"/>
    </row>
    <row r="355146" spans="8:8">
      <c r="H355146" s="12"/>
    </row>
    <row r="355147" spans="8:8">
      <c r="H355147" s="12"/>
    </row>
    <row r="355148" spans="8:8">
      <c r="H355148" s="12"/>
    </row>
    <row r="355149" spans="8:8">
      <c r="H355149" s="12"/>
    </row>
    <row r="355150" spans="8:8">
      <c r="H355150" s="12"/>
    </row>
    <row r="355151" spans="8:8">
      <c r="H355151" s="12"/>
    </row>
    <row r="355152" spans="8:8">
      <c r="H355152" s="12"/>
    </row>
    <row r="355153" spans="8:8">
      <c r="H355153" s="12"/>
    </row>
    <row r="355154" spans="8:8">
      <c r="H355154" s="12"/>
    </row>
    <row r="355155" spans="8:8">
      <c r="H355155" s="12"/>
    </row>
    <row r="355156" spans="8:8">
      <c r="H355156" s="12"/>
    </row>
    <row r="355157" spans="8:8">
      <c r="H355157" s="12"/>
    </row>
    <row r="355158" spans="8:8">
      <c r="H355158" s="12"/>
    </row>
    <row r="355159" spans="8:8">
      <c r="H355159" s="12"/>
    </row>
    <row r="355160" spans="8:8">
      <c r="H355160" s="12"/>
    </row>
    <row r="355161" spans="8:8">
      <c r="H355161" s="12"/>
    </row>
    <row r="355162" spans="8:8">
      <c r="H355162" s="12"/>
    </row>
    <row r="355163" spans="8:8">
      <c r="H355163" s="12"/>
    </row>
    <row r="355164" spans="8:8">
      <c r="H355164" s="12"/>
    </row>
    <row r="355165" spans="8:8">
      <c r="H355165" s="12"/>
    </row>
    <row r="355166" spans="8:8">
      <c r="H355166" s="12"/>
    </row>
    <row r="355167" spans="8:8">
      <c r="H355167" s="12"/>
    </row>
    <row r="355168" spans="8:8">
      <c r="H355168" s="12"/>
    </row>
    <row r="355169" spans="8:8">
      <c r="H355169" s="12"/>
    </row>
    <row r="355170" spans="8:8">
      <c r="H355170" s="12"/>
    </row>
    <row r="355171" spans="8:8">
      <c r="H355171" s="12"/>
    </row>
    <row r="355172" spans="8:8">
      <c r="H355172" s="12"/>
    </row>
    <row r="355173" spans="8:8">
      <c r="H355173" s="12"/>
    </row>
    <row r="355174" spans="8:8">
      <c r="H355174" s="12"/>
    </row>
    <row r="355175" spans="8:8">
      <c r="H355175" s="12"/>
    </row>
    <row r="355176" spans="8:8">
      <c r="H355176" s="12"/>
    </row>
    <row r="355177" spans="8:8">
      <c r="H355177" s="12"/>
    </row>
    <row r="355178" spans="8:8">
      <c r="H355178" s="12"/>
    </row>
    <row r="355179" spans="8:8">
      <c r="H355179" s="12"/>
    </row>
    <row r="355180" spans="8:8">
      <c r="H355180" s="12"/>
    </row>
    <row r="355181" spans="8:8">
      <c r="H355181" s="12"/>
    </row>
    <row r="355182" spans="8:8">
      <c r="H355182" s="12"/>
    </row>
    <row r="355183" spans="8:8">
      <c r="H355183" s="12"/>
    </row>
    <row r="355184" spans="8:8">
      <c r="H355184" s="12"/>
    </row>
    <row r="355185" spans="8:8">
      <c r="H355185" s="12"/>
    </row>
    <row r="355186" spans="8:8">
      <c r="H355186" s="12"/>
    </row>
    <row r="355187" spans="8:8">
      <c r="H355187" s="12"/>
    </row>
    <row r="355188" spans="8:8">
      <c r="H355188" s="12"/>
    </row>
    <row r="355189" spans="8:8">
      <c r="H355189" s="12"/>
    </row>
    <row r="355190" spans="8:8">
      <c r="H355190" s="12"/>
    </row>
    <row r="355191" spans="8:8">
      <c r="H355191" s="12"/>
    </row>
    <row r="355192" spans="8:8">
      <c r="H355192" s="12"/>
    </row>
    <row r="355193" spans="8:8">
      <c r="H355193" s="12"/>
    </row>
    <row r="355194" spans="8:8">
      <c r="H355194" s="12"/>
    </row>
    <row r="355195" spans="8:8">
      <c r="H355195" s="12"/>
    </row>
    <row r="355196" spans="8:8">
      <c r="H355196" s="12"/>
    </row>
    <row r="355197" spans="8:8">
      <c r="H355197" s="12"/>
    </row>
    <row r="355198" spans="8:8">
      <c r="H355198" s="12"/>
    </row>
    <row r="355199" spans="8:8">
      <c r="H355199" s="12"/>
    </row>
    <row r="355200" spans="8:8">
      <c r="H355200" s="12"/>
    </row>
    <row r="355201" spans="8:8">
      <c r="H355201" s="12"/>
    </row>
    <row r="355202" spans="8:8">
      <c r="H355202" s="12"/>
    </row>
    <row r="355203" spans="8:8">
      <c r="H355203" s="12"/>
    </row>
    <row r="355204" spans="8:8">
      <c r="H355204" s="12"/>
    </row>
    <row r="355205" spans="8:8">
      <c r="H355205" s="12"/>
    </row>
    <row r="355206" spans="8:8">
      <c r="H355206" s="12"/>
    </row>
    <row r="355207" spans="8:8">
      <c r="H355207" s="12"/>
    </row>
    <row r="355208" spans="8:8">
      <c r="H355208" s="12"/>
    </row>
    <row r="355209" spans="8:8">
      <c r="H355209" s="12"/>
    </row>
    <row r="355210" spans="8:8">
      <c r="H355210" s="12"/>
    </row>
    <row r="355211" spans="8:8">
      <c r="H355211" s="12"/>
    </row>
    <row r="355212" spans="8:8">
      <c r="H355212" s="12"/>
    </row>
    <row r="355213" spans="8:8">
      <c r="H355213" s="12"/>
    </row>
    <row r="355214" spans="8:8">
      <c r="H355214" s="12"/>
    </row>
    <row r="355215" spans="8:8">
      <c r="H355215" s="12"/>
    </row>
    <row r="355216" spans="8:8">
      <c r="H355216" s="12"/>
    </row>
    <row r="355217" spans="8:8">
      <c r="H355217" s="12"/>
    </row>
    <row r="355218" spans="8:8">
      <c r="H355218" s="12"/>
    </row>
    <row r="355219" spans="8:8">
      <c r="H355219" s="12"/>
    </row>
    <row r="355220" spans="8:8">
      <c r="H355220" s="12"/>
    </row>
    <row r="355221" spans="8:8">
      <c r="H355221" s="12"/>
    </row>
    <row r="355222" spans="8:8">
      <c r="H355222" s="12"/>
    </row>
    <row r="355223" spans="8:8">
      <c r="H355223" s="12"/>
    </row>
    <row r="355224" spans="8:8">
      <c r="H355224" s="12"/>
    </row>
    <row r="355225" spans="8:8">
      <c r="H355225" s="12"/>
    </row>
    <row r="355226" spans="8:8">
      <c r="H355226" s="12"/>
    </row>
    <row r="355227" spans="8:8">
      <c r="H355227" s="12"/>
    </row>
    <row r="355228" spans="8:8">
      <c r="H355228" s="12"/>
    </row>
    <row r="355229" spans="8:8">
      <c r="H355229" s="12"/>
    </row>
    <row r="355230" spans="8:8">
      <c r="H355230" s="12"/>
    </row>
    <row r="355231" spans="8:8">
      <c r="H355231" s="12"/>
    </row>
    <row r="355232" spans="8:8">
      <c r="H355232" s="12"/>
    </row>
    <row r="355233" spans="8:8">
      <c r="H355233" s="12"/>
    </row>
    <row r="355234" spans="8:8">
      <c r="H355234" s="12"/>
    </row>
    <row r="355235" spans="8:8">
      <c r="H355235" s="12"/>
    </row>
    <row r="355236" spans="8:8">
      <c r="H355236" s="12"/>
    </row>
    <row r="355237" spans="8:8">
      <c r="H355237" s="12"/>
    </row>
    <row r="355238" spans="8:8">
      <c r="H355238" s="12"/>
    </row>
    <row r="355239" spans="8:8">
      <c r="H355239" s="12"/>
    </row>
    <row r="355240" spans="8:8">
      <c r="H355240" s="12"/>
    </row>
    <row r="355241" spans="8:8">
      <c r="H355241" s="12"/>
    </row>
    <row r="355242" spans="8:8">
      <c r="H355242" s="12"/>
    </row>
    <row r="355243" spans="8:8">
      <c r="H355243" s="12"/>
    </row>
    <row r="355244" spans="8:8">
      <c r="H355244" s="12"/>
    </row>
    <row r="355245" spans="8:8">
      <c r="H355245" s="12"/>
    </row>
    <row r="355246" spans="8:8">
      <c r="H355246" s="12"/>
    </row>
    <row r="355247" spans="8:8">
      <c r="H355247" s="12"/>
    </row>
    <row r="355248" spans="8:8">
      <c r="H355248" s="12"/>
    </row>
    <row r="355249" spans="8:8">
      <c r="H355249" s="12"/>
    </row>
    <row r="355250" spans="8:8">
      <c r="H355250" s="12"/>
    </row>
    <row r="355251" spans="8:8">
      <c r="H355251" s="12"/>
    </row>
    <row r="355252" spans="8:8">
      <c r="H355252" s="12"/>
    </row>
    <row r="355253" spans="8:8">
      <c r="H355253" s="12"/>
    </row>
    <row r="355254" spans="8:8">
      <c r="H355254" s="12"/>
    </row>
    <row r="355255" spans="8:8">
      <c r="H355255" s="12"/>
    </row>
    <row r="355256" spans="8:8">
      <c r="H355256" s="12"/>
    </row>
    <row r="355257" spans="8:8">
      <c r="H355257" s="12"/>
    </row>
    <row r="355258" spans="8:8">
      <c r="H355258" s="12"/>
    </row>
    <row r="355259" spans="8:8">
      <c r="H355259" s="12"/>
    </row>
    <row r="355260" spans="8:8">
      <c r="H355260" s="12"/>
    </row>
    <row r="355261" spans="8:8">
      <c r="H355261" s="12"/>
    </row>
    <row r="355262" spans="8:8">
      <c r="H355262" s="12"/>
    </row>
    <row r="355263" spans="8:8">
      <c r="H355263" s="12"/>
    </row>
    <row r="355264" spans="8:8">
      <c r="H355264" s="12"/>
    </row>
    <row r="355265" spans="8:8">
      <c r="H355265" s="12"/>
    </row>
    <row r="355266" spans="8:8">
      <c r="H355266" s="12"/>
    </row>
    <row r="355267" spans="8:8">
      <c r="H355267" s="12"/>
    </row>
    <row r="355268" spans="8:8">
      <c r="H355268" s="12"/>
    </row>
    <row r="355269" spans="8:8">
      <c r="H355269" s="12"/>
    </row>
    <row r="355270" spans="8:8">
      <c r="H355270" s="12"/>
    </row>
    <row r="355271" spans="8:8">
      <c r="H355271" s="12"/>
    </row>
    <row r="355272" spans="8:8">
      <c r="H355272" s="12"/>
    </row>
    <row r="355273" spans="8:8">
      <c r="H355273" s="12"/>
    </row>
    <row r="355274" spans="8:8">
      <c r="H355274" s="12"/>
    </row>
    <row r="355275" spans="8:8">
      <c r="H355275" s="12"/>
    </row>
    <row r="355276" spans="8:8">
      <c r="H355276" s="12"/>
    </row>
    <row r="355277" spans="8:8">
      <c r="H355277" s="12"/>
    </row>
    <row r="355278" spans="8:8">
      <c r="H355278" s="12"/>
    </row>
    <row r="355279" spans="8:8">
      <c r="H355279" s="12"/>
    </row>
    <row r="355280" spans="8:8">
      <c r="H355280" s="12"/>
    </row>
    <row r="355281" spans="8:8">
      <c r="H355281" s="12"/>
    </row>
    <row r="355282" spans="8:8">
      <c r="H355282" s="12"/>
    </row>
    <row r="355283" spans="8:8">
      <c r="H355283" s="12"/>
    </row>
    <row r="355284" spans="8:8">
      <c r="H355284" s="12"/>
    </row>
    <row r="355285" spans="8:8">
      <c r="H355285" s="12"/>
    </row>
    <row r="355286" spans="8:8">
      <c r="H355286" s="12"/>
    </row>
    <row r="355287" spans="8:8">
      <c r="H355287" s="12"/>
    </row>
    <row r="355288" spans="8:8">
      <c r="H355288" s="12"/>
    </row>
    <row r="355289" spans="8:8">
      <c r="H355289" s="12"/>
    </row>
    <row r="355290" spans="8:8">
      <c r="H355290" s="12"/>
    </row>
    <row r="355291" spans="8:8">
      <c r="H355291" s="12"/>
    </row>
    <row r="355292" spans="8:8">
      <c r="H355292" s="12"/>
    </row>
    <row r="355293" spans="8:8">
      <c r="H355293" s="12"/>
    </row>
    <row r="355294" spans="8:8">
      <c r="H355294" s="12"/>
    </row>
    <row r="355295" spans="8:8">
      <c r="H355295" s="12"/>
    </row>
    <row r="355296" spans="8:8">
      <c r="H355296" s="12"/>
    </row>
    <row r="355297" spans="8:8">
      <c r="H355297" s="12"/>
    </row>
    <row r="355298" spans="8:8">
      <c r="H355298" s="12"/>
    </row>
    <row r="355299" spans="8:8">
      <c r="H355299" s="12"/>
    </row>
    <row r="355300" spans="8:8">
      <c r="H355300" s="12"/>
    </row>
    <row r="355301" spans="8:8">
      <c r="H355301" s="12"/>
    </row>
    <row r="355302" spans="8:8">
      <c r="H355302" s="12"/>
    </row>
    <row r="355303" spans="8:8">
      <c r="H355303" s="12"/>
    </row>
    <row r="355304" spans="8:8">
      <c r="H355304" s="12"/>
    </row>
    <row r="355305" spans="8:8">
      <c r="H355305" s="12"/>
    </row>
    <row r="355306" spans="8:8">
      <c r="H355306" s="12"/>
    </row>
    <row r="355307" spans="8:8">
      <c r="H355307" s="12"/>
    </row>
    <row r="355308" spans="8:8">
      <c r="H355308" s="12"/>
    </row>
    <row r="355309" spans="8:8">
      <c r="H355309" s="12"/>
    </row>
    <row r="355310" spans="8:8">
      <c r="H355310" s="12"/>
    </row>
    <row r="355311" spans="8:8">
      <c r="H355311" s="12"/>
    </row>
    <row r="355312" spans="8:8">
      <c r="H355312" s="12"/>
    </row>
    <row r="355313" spans="8:8">
      <c r="H355313" s="12"/>
    </row>
    <row r="355314" spans="8:8">
      <c r="H355314" s="12"/>
    </row>
    <row r="355315" spans="8:8">
      <c r="H355315" s="12"/>
    </row>
    <row r="355316" spans="8:8">
      <c r="H355316" s="12"/>
    </row>
    <row r="355317" spans="8:8">
      <c r="H355317" s="12"/>
    </row>
    <row r="355318" spans="8:8">
      <c r="H355318" s="12"/>
    </row>
    <row r="355319" spans="8:8">
      <c r="H355319" s="12"/>
    </row>
    <row r="355320" spans="8:8">
      <c r="H355320" s="12"/>
    </row>
    <row r="355321" spans="8:8">
      <c r="H355321" s="12"/>
    </row>
    <row r="355322" spans="8:8">
      <c r="H355322" s="12"/>
    </row>
    <row r="355323" spans="8:8">
      <c r="H355323" s="12"/>
    </row>
    <row r="355324" spans="8:8">
      <c r="H355324" s="12"/>
    </row>
    <row r="355325" spans="8:8">
      <c r="H355325" s="12"/>
    </row>
    <row r="355326" spans="8:8">
      <c r="H355326" s="12"/>
    </row>
    <row r="355327" spans="8:8">
      <c r="H355327" s="12"/>
    </row>
    <row r="355328" spans="8:8">
      <c r="H355328" s="12"/>
    </row>
    <row r="355329" spans="8:8">
      <c r="H355329" s="12"/>
    </row>
    <row r="355330" spans="8:8">
      <c r="H355330" s="12"/>
    </row>
    <row r="355331" spans="8:8">
      <c r="H355331" s="12"/>
    </row>
    <row r="355332" spans="8:8">
      <c r="H355332" s="12"/>
    </row>
    <row r="355333" spans="8:8">
      <c r="H355333" s="12"/>
    </row>
    <row r="355334" spans="8:8">
      <c r="H355334" s="12"/>
    </row>
    <row r="355335" spans="8:8">
      <c r="H355335" s="12"/>
    </row>
    <row r="355336" spans="8:8">
      <c r="H355336" s="12"/>
    </row>
    <row r="355337" spans="8:8">
      <c r="H355337" s="12"/>
    </row>
    <row r="355338" spans="8:8">
      <c r="H355338" s="12"/>
    </row>
    <row r="355339" spans="8:8">
      <c r="H355339" s="12"/>
    </row>
    <row r="355340" spans="8:8">
      <c r="H355340" s="12"/>
    </row>
    <row r="355341" spans="8:8">
      <c r="H355341" s="12"/>
    </row>
    <row r="355342" spans="8:8">
      <c r="H355342" s="12"/>
    </row>
    <row r="355343" spans="8:8">
      <c r="H355343" s="12"/>
    </row>
    <row r="355344" spans="8:8">
      <c r="H355344" s="12"/>
    </row>
    <row r="355345" spans="8:8">
      <c r="H355345" s="12"/>
    </row>
    <row r="355346" spans="8:8">
      <c r="H355346" s="12"/>
    </row>
    <row r="355347" spans="8:8">
      <c r="H355347" s="12"/>
    </row>
    <row r="355348" spans="8:8">
      <c r="H355348" s="12"/>
    </row>
    <row r="355349" spans="8:8">
      <c r="H355349" s="12"/>
    </row>
    <row r="355350" spans="8:8">
      <c r="H355350" s="12"/>
    </row>
    <row r="355351" spans="8:8">
      <c r="H355351" s="12"/>
    </row>
    <row r="355352" spans="8:8">
      <c r="H355352" s="12"/>
    </row>
    <row r="355353" spans="8:8">
      <c r="H355353" s="12"/>
    </row>
    <row r="355354" spans="8:8">
      <c r="H355354" s="12"/>
    </row>
    <row r="355355" spans="8:8">
      <c r="H355355" s="12"/>
    </row>
    <row r="355356" spans="8:8">
      <c r="H355356" s="12"/>
    </row>
    <row r="355357" spans="8:8">
      <c r="H355357" s="12"/>
    </row>
    <row r="355358" spans="8:8">
      <c r="H355358" s="12"/>
    </row>
    <row r="355359" spans="8:8">
      <c r="H355359" s="12"/>
    </row>
    <row r="355360" spans="8:8">
      <c r="H355360" s="12"/>
    </row>
    <row r="355361" spans="8:8">
      <c r="H355361" s="12"/>
    </row>
    <row r="355362" spans="8:8">
      <c r="H355362" s="12"/>
    </row>
    <row r="355363" spans="8:8">
      <c r="H355363" s="12"/>
    </row>
    <row r="355364" spans="8:8">
      <c r="H355364" s="12"/>
    </row>
    <row r="355365" spans="8:8">
      <c r="H355365" s="12"/>
    </row>
    <row r="355366" spans="8:8">
      <c r="H355366" s="12"/>
    </row>
    <row r="355367" spans="8:8">
      <c r="H355367" s="12"/>
    </row>
    <row r="355368" spans="8:8">
      <c r="H355368" s="12"/>
    </row>
    <row r="355369" spans="8:8">
      <c r="H355369" s="12"/>
    </row>
    <row r="355370" spans="8:8">
      <c r="H355370" s="12"/>
    </row>
    <row r="355371" spans="8:8">
      <c r="H355371" s="12"/>
    </row>
    <row r="355372" spans="8:8">
      <c r="H355372" s="12"/>
    </row>
    <row r="355373" spans="8:8">
      <c r="H355373" s="12"/>
    </row>
    <row r="355374" spans="8:8">
      <c r="H355374" s="12"/>
    </row>
    <row r="355375" spans="8:8">
      <c r="H355375" s="12"/>
    </row>
    <row r="355376" spans="8:8">
      <c r="H355376" s="12"/>
    </row>
    <row r="355377" spans="8:8">
      <c r="H355377" s="12"/>
    </row>
    <row r="355378" spans="8:8">
      <c r="H355378" s="12"/>
    </row>
    <row r="355379" spans="8:8">
      <c r="H355379" s="12"/>
    </row>
    <row r="355380" spans="8:8">
      <c r="H355380" s="12"/>
    </row>
    <row r="355381" spans="8:8">
      <c r="H355381" s="12"/>
    </row>
    <row r="355382" spans="8:8">
      <c r="H355382" s="12"/>
    </row>
    <row r="355383" spans="8:8">
      <c r="H355383" s="12"/>
    </row>
    <row r="355384" spans="8:8">
      <c r="H355384" s="12"/>
    </row>
    <row r="355385" spans="8:8">
      <c r="H355385" s="12"/>
    </row>
    <row r="355386" spans="8:8">
      <c r="H355386" s="12"/>
    </row>
    <row r="355387" spans="8:8">
      <c r="H355387" s="12"/>
    </row>
    <row r="355388" spans="8:8">
      <c r="H355388" s="12"/>
    </row>
    <row r="355389" spans="8:8">
      <c r="H355389" s="12"/>
    </row>
    <row r="355390" spans="8:8">
      <c r="H355390" s="12"/>
    </row>
    <row r="355391" spans="8:8">
      <c r="H355391" s="12"/>
    </row>
    <row r="355392" spans="8:8">
      <c r="H355392" s="12"/>
    </row>
    <row r="355393" spans="8:8">
      <c r="H355393" s="12"/>
    </row>
    <row r="355394" spans="8:8">
      <c r="H355394" s="12"/>
    </row>
    <row r="355395" spans="8:8">
      <c r="H355395" s="12"/>
    </row>
    <row r="355396" spans="8:8">
      <c r="H355396" s="12"/>
    </row>
    <row r="355397" spans="8:8">
      <c r="H355397" s="12"/>
    </row>
    <row r="355398" spans="8:8">
      <c r="H355398" s="12"/>
    </row>
    <row r="355399" spans="8:8">
      <c r="H355399" s="12"/>
    </row>
    <row r="355400" spans="8:8">
      <c r="H355400" s="12"/>
    </row>
    <row r="355401" spans="8:8">
      <c r="H355401" s="12"/>
    </row>
    <row r="355402" spans="8:8">
      <c r="H355402" s="12"/>
    </row>
    <row r="355403" spans="8:8">
      <c r="H355403" s="12"/>
    </row>
    <row r="355404" spans="8:8">
      <c r="H355404" s="12"/>
    </row>
    <row r="355405" spans="8:8">
      <c r="H355405" s="12"/>
    </row>
    <row r="355406" spans="8:8">
      <c r="H355406" s="12"/>
    </row>
    <row r="355407" spans="8:8">
      <c r="H355407" s="12"/>
    </row>
    <row r="355408" spans="8:8">
      <c r="H355408" s="12"/>
    </row>
    <row r="355409" spans="8:8">
      <c r="H355409" s="12"/>
    </row>
    <row r="355410" spans="8:8">
      <c r="H355410" s="12"/>
    </row>
    <row r="355411" spans="8:8">
      <c r="H355411" s="12"/>
    </row>
    <row r="355412" spans="8:8">
      <c r="H355412" s="12"/>
    </row>
    <row r="355413" spans="8:8">
      <c r="H355413" s="12"/>
    </row>
    <row r="355414" spans="8:8">
      <c r="H355414" s="12"/>
    </row>
    <row r="355415" spans="8:8">
      <c r="H355415" s="12"/>
    </row>
    <row r="355416" spans="8:8">
      <c r="H355416" s="12"/>
    </row>
    <row r="355417" spans="8:8">
      <c r="H355417" s="12"/>
    </row>
    <row r="355418" spans="8:8">
      <c r="H355418" s="12"/>
    </row>
    <row r="355419" spans="8:8">
      <c r="H355419" s="12"/>
    </row>
    <row r="355420" spans="8:8">
      <c r="H355420" s="12"/>
    </row>
    <row r="355421" spans="8:8">
      <c r="H355421" s="12"/>
    </row>
    <row r="355422" spans="8:8">
      <c r="H355422" s="12"/>
    </row>
    <row r="355423" spans="8:8">
      <c r="H355423" s="12"/>
    </row>
    <row r="355424" spans="8:8">
      <c r="H355424" s="12"/>
    </row>
    <row r="355425" spans="8:8">
      <c r="H355425" s="12"/>
    </row>
    <row r="355426" spans="8:8">
      <c r="H355426" s="12"/>
    </row>
    <row r="355427" spans="8:8">
      <c r="H355427" s="12"/>
    </row>
    <row r="355428" spans="8:8">
      <c r="H355428" s="12"/>
    </row>
    <row r="355429" spans="8:8">
      <c r="H355429" s="12"/>
    </row>
    <row r="355430" spans="8:8">
      <c r="H355430" s="12"/>
    </row>
    <row r="355431" spans="8:8">
      <c r="H355431" s="12"/>
    </row>
    <row r="355432" spans="8:8">
      <c r="H355432" s="12"/>
    </row>
    <row r="355433" spans="8:8">
      <c r="H355433" s="12"/>
    </row>
    <row r="355434" spans="8:8">
      <c r="H355434" s="12"/>
    </row>
    <row r="355435" spans="8:8">
      <c r="H355435" s="12"/>
    </row>
    <row r="355436" spans="8:8">
      <c r="H355436" s="12"/>
    </row>
    <row r="355437" spans="8:8">
      <c r="H355437" s="12"/>
    </row>
    <row r="355438" spans="8:8">
      <c r="H355438" s="12"/>
    </row>
    <row r="355439" spans="8:8">
      <c r="H355439" s="12"/>
    </row>
    <row r="355440" spans="8:8">
      <c r="H355440" s="12"/>
    </row>
    <row r="355441" spans="8:8">
      <c r="H355441" s="12"/>
    </row>
    <row r="355442" spans="8:8">
      <c r="H355442" s="12"/>
    </row>
    <row r="355443" spans="8:8">
      <c r="H355443" s="12"/>
    </row>
    <row r="355444" spans="8:8">
      <c r="H355444" s="12"/>
    </row>
    <row r="355445" spans="8:8">
      <c r="H355445" s="12"/>
    </row>
    <row r="355446" spans="8:8">
      <c r="H355446" s="12"/>
    </row>
    <row r="355447" spans="8:8">
      <c r="H355447" s="12"/>
    </row>
    <row r="355448" spans="8:8">
      <c r="H355448" s="12"/>
    </row>
    <row r="355449" spans="8:8">
      <c r="H355449" s="12"/>
    </row>
    <row r="355450" spans="8:8">
      <c r="H355450" s="12"/>
    </row>
    <row r="355451" spans="8:8">
      <c r="H355451" s="12"/>
    </row>
    <row r="355452" spans="8:8">
      <c r="H355452" s="12"/>
    </row>
    <row r="355453" spans="8:8">
      <c r="H355453" s="12"/>
    </row>
    <row r="355454" spans="8:8">
      <c r="H355454" s="12"/>
    </row>
    <row r="355455" spans="8:8">
      <c r="H355455" s="12"/>
    </row>
    <row r="355456" spans="8:8">
      <c r="H355456" s="12"/>
    </row>
    <row r="355457" spans="8:8">
      <c r="H355457" s="12"/>
    </row>
    <row r="355458" spans="8:8">
      <c r="H355458" s="12"/>
    </row>
    <row r="355459" spans="8:8">
      <c r="H355459" s="12"/>
    </row>
    <row r="355460" spans="8:8">
      <c r="H355460" s="12"/>
    </row>
    <row r="355461" spans="8:8">
      <c r="H355461" s="12"/>
    </row>
    <row r="355462" spans="8:8">
      <c r="H355462" s="12"/>
    </row>
    <row r="355463" spans="8:8">
      <c r="H355463" s="12"/>
    </row>
    <row r="355464" spans="8:8">
      <c r="H355464" s="12"/>
    </row>
    <row r="355465" spans="8:8">
      <c r="H355465" s="12"/>
    </row>
    <row r="355466" spans="8:8">
      <c r="H355466" s="12"/>
    </row>
    <row r="355467" spans="8:8">
      <c r="H355467" s="12"/>
    </row>
    <row r="355468" spans="8:8">
      <c r="H355468" s="12"/>
    </row>
    <row r="355469" spans="8:8">
      <c r="H355469" s="12"/>
    </row>
    <row r="355470" spans="8:8">
      <c r="H355470" s="12"/>
    </row>
    <row r="355471" spans="8:8">
      <c r="H355471" s="12"/>
    </row>
    <row r="355472" spans="8:8">
      <c r="H355472" s="12"/>
    </row>
    <row r="355473" spans="8:8">
      <c r="H355473" s="12"/>
    </row>
    <row r="355474" spans="8:8">
      <c r="H355474" s="12"/>
    </row>
    <row r="355475" spans="8:8">
      <c r="H355475" s="12"/>
    </row>
    <row r="355476" spans="8:8">
      <c r="H355476" s="12"/>
    </row>
    <row r="355477" spans="8:8">
      <c r="H355477" s="12"/>
    </row>
    <row r="355478" spans="8:8">
      <c r="H355478" s="12"/>
    </row>
    <row r="355479" spans="8:8">
      <c r="H355479" s="12"/>
    </row>
    <row r="355480" spans="8:8">
      <c r="H355480" s="12"/>
    </row>
    <row r="355481" spans="8:8">
      <c r="H355481" s="12"/>
    </row>
    <row r="355482" spans="8:8">
      <c r="H355482" s="12"/>
    </row>
    <row r="355483" spans="8:8">
      <c r="H355483" s="12"/>
    </row>
    <row r="355484" spans="8:8">
      <c r="H355484" s="12"/>
    </row>
    <row r="355485" spans="8:8">
      <c r="H355485" s="12"/>
    </row>
    <row r="355486" spans="8:8">
      <c r="H355486" s="12"/>
    </row>
    <row r="355487" spans="8:8">
      <c r="H355487" s="12"/>
    </row>
    <row r="355488" spans="8:8">
      <c r="H355488" s="12"/>
    </row>
    <row r="355489" spans="8:8">
      <c r="H355489" s="12"/>
    </row>
    <row r="355490" spans="8:8">
      <c r="H355490" s="12"/>
    </row>
    <row r="355491" spans="8:8">
      <c r="H355491" s="12"/>
    </row>
    <row r="355492" spans="8:8">
      <c r="H355492" s="12"/>
    </row>
    <row r="355493" spans="8:8">
      <c r="H355493" s="12"/>
    </row>
    <row r="355494" spans="8:8">
      <c r="H355494" s="12"/>
    </row>
    <row r="355495" spans="8:8">
      <c r="H355495" s="12"/>
    </row>
    <row r="355496" spans="8:8">
      <c r="H355496" s="12"/>
    </row>
    <row r="355497" spans="8:8">
      <c r="H355497" s="12"/>
    </row>
    <row r="355498" spans="8:8">
      <c r="H355498" s="12"/>
    </row>
    <row r="355499" spans="8:8">
      <c r="H355499" s="12"/>
    </row>
    <row r="355500" spans="8:8">
      <c r="H355500" s="12"/>
    </row>
    <row r="355501" spans="8:8">
      <c r="H355501" s="12"/>
    </row>
    <row r="355502" spans="8:8">
      <c r="H355502" s="12"/>
    </row>
    <row r="355503" spans="8:8">
      <c r="H355503" s="12"/>
    </row>
    <row r="355504" spans="8:8">
      <c r="H355504" s="12"/>
    </row>
    <row r="355505" spans="8:8">
      <c r="H355505" s="12"/>
    </row>
    <row r="355506" spans="8:8">
      <c r="H355506" s="12"/>
    </row>
    <row r="355507" spans="8:8">
      <c r="H355507" s="12"/>
    </row>
    <row r="355508" spans="8:8">
      <c r="H355508" s="12"/>
    </row>
    <row r="355509" spans="8:8">
      <c r="H355509" s="12"/>
    </row>
    <row r="355510" spans="8:8">
      <c r="H355510" s="12"/>
    </row>
    <row r="355511" spans="8:8">
      <c r="H355511" s="12"/>
    </row>
    <row r="355512" spans="8:8">
      <c r="H355512" s="12"/>
    </row>
    <row r="355513" spans="8:8">
      <c r="H355513" s="12"/>
    </row>
    <row r="355514" spans="8:8">
      <c r="H355514" s="12"/>
    </row>
    <row r="355515" spans="8:8">
      <c r="H355515" s="12"/>
    </row>
    <row r="355516" spans="8:8">
      <c r="H355516" s="12"/>
    </row>
    <row r="355517" spans="8:8">
      <c r="H355517" s="12"/>
    </row>
    <row r="355518" spans="8:8">
      <c r="H355518" s="12"/>
    </row>
    <row r="355519" spans="8:8">
      <c r="H355519" s="12"/>
    </row>
    <row r="355520" spans="8:8">
      <c r="H355520" s="12"/>
    </row>
    <row r="355521" spans="8:8">
      <c r="H355521" s="12"/>
    </row>
    <row r="355522" spans="8:8">
      <c r="H355522" s="12"/>
    </row>
    <row r="355523" spans="8:8">
      <c r="H355523" s="12"/>
    </row>
    <row r="355524" spans="8:8">
      <c r="H355524" s="12"/>
    </row>
    <row r="355525" spans="8:8">
      <c r="H355525" s="12"/>
    </row>
    <row r="355526" spans="8:8">
      <c r="H355526" s="12"/>
    </row>
    <row r="355527" spans="8:8">
      <c r="H355527" s="12"/>
    </row>
    <row r="355528" spans="8:8">
      <c r="H355528" s="12"/>
    </row>
    <row r="355529" spans="8:8">
      <c r="H355529" s="12"/>
    </row>
    <row r="355530" spans="8:8">
      <c r="H355530" s="12"/>
    </row>
    <row r="355531" spans="8:8">
      <c r="H355531" s="12"/>
    </row>
    <row r="355532" spans="8:8">
      <c r="H355532" s="12"/>
    </row>
    <row r="355533" spans="8:8">
      <c r="H355533" s="12"/>
    </row>
    <row r="355534" spans="8:8">
      <c r="H355534" s="12"/>
    </row>
    <row r="355535" spans="8:8">
      <c r="H355535" s="12"/>
    </row>
    <row r="355536" spans="8:8">
      <c r="H355536" s="12"/>
    </row>
    <row r="355537" spans="8:8">
      <c r="H355537" s="12"/>
    </row>
    <row r="355538" spans="8:8">
      <c r="H355538" s="12"/>
    </row>
    <row r="355539" spans="8:8">
      <c r="H355539" s="12"/>
    </row>
    <row r="355540" spans="8:8">
      <c r="H355540" s="12"/>
    </row>
    <row r="355541" spans="8:8">
      <c r="H355541" s="12"/>
    </row>
    <row r="355542" spans="8:8">
      <c r="H355542" s="12"/>
    </row>
    <row r="355543" spans="8:8">
      <c r="H355543" s="12"/>
    </row>
    <row r="355544" spans="8:8">
      <c r="H355544" s="12"/>
    </row>
    <row r="355545" spans="8:8">
      <c r="H355545" s="12"/>
    </row>
    <row r="355546" spans="8:8">
      <c r="H355546" s="12"/>
    </row>
    <row r="355547" spans="8:8">
      <c r="H355547" s="12"/>
    </row>
    <row r="355548" spans="8:8">
      <c r="H355548" s="12"/>
    </row>
    <row r="355549" spans="8:8">
      <c r="H355549" s="12"/>
    </row>
    <row r="355550" spans="8:8">
      <c r="H355550" s="12"/>
    </row>
    <row r="355551" spans="8:8">
      <c r="H355551" s="12"/>
    </row>
    <row r="355552" spans="8:8">
      <c r="H355552" s="12"/>
    </row>
    <row r="355553" spans="8:8">
      <c r="H355553" s="12"/>
    </row>
    <row r="355554" spans="8:8">
      <c r="H355554" s="12"/>
    </row>
    <row r="355555" spans="8:8">
      <c r="H355555" s="12"/>
    </row>
    <row r="355556" spans="8:8">
      <c r="H355556" s="12"/>
    </row>
    <row r="355557" spans="8:8">
      <c r="H355557" s="12"/>
    </row>
    <row r="355558" spans="8:8">
      <c r="H355558" s="12"/>
    </row>
    <row r="355559" spans="8:8">
      <c r="H355559" s="12"/>
    </row>
    <row r="355560" spans="8:8">
      <c r="H355560" s="12"/>
    </row>
    <row r="355561" spans="8:8">
      <c r="H355561" s="12"/>
    </row>
    <row r="355562" spans="8:8">
      <c r="H355562" s="12"/>
    </row>
    <row r="355563" spans="8:8">
      <c r="H355563" s="12"/>
    </row>
    <row r="355564" spans="8:8">
      <c r="H355564" s="12"/>
    </row>
    <row r="355565" spans="8:8">
      <c r="H355565" s="12"/>
    </row>
    <row r="355566" spans="8:8">
      <c r="H355566" s="12"/>
    </row>
    <row r="355567" spans="8:8">
      <c r="H355567" s="12"/>
    </row>
    <row r="355568" spans="8:8">
      <c r="H355568" s="12"/>
    </row>
    <row r="355569" spans="8:8">
      <c r="H355569" s="12"/>
    </row>
    <row r="355570" spans="8:8">
      <c r="H355570" s="12"/>
    </row>
    <row r="355571" spans="8:8">
      <c r="H355571" s="12"/>
    </row>
    <row r="355572" spans="8:8">
      <c r="H355572" s="12"/>
    </row>
    <row r="355573" spans="8:8">
      <c r="H355573" s="12"/>
    </row>
    <row r="355574" spans="8:8">
      <c r="H355574" s="12"/>
    </row>
    <row r="355575" spans="8:8">
      <c r="H355575" s="12"/>
    </row>
    <row r="355576" spans="8:8">
      <c r="H355576" s="12"/>
    </row>
    <row r="355577" spans="8:8">
      <c r="H355577" s="12"/>
    </row>
    <row r="355578" spans="8:8">
      <c r="H355578" s="12"/>
    </row>
    <row r="355579" spans="8:8">
      <c r="H355579" s="12"/>
    </row>
    <row r="355580" spans="8:8">
      <c r="H355580" s="12"/>
    </row>
    <row r="355581" spans="8:8">
      <c r="H355581" s="12"/>
    </row>
    <row r="355582" spans="8:8">
      <c r="H355582" s="12"/>
    </row>
    <row r="355583" spans="8:8">
      <c r="H355583" s="12"/>
    </row>
    <row r="355584" spans="8:8">
      <c r="H355584" s="12"/>
    </row>
    <row r="355585" spans="8:8">
      <c r="H355585" s="12"/>
    </row>
    <row r="355586" spans="8:8">
      <c r="H355586" s="12"/>
    </row>
    <row r="355587" spans="8:8">
      <c r="H355587" s="12"/>
    </row>
    <row r="355588" spans="8:8">
      <c r="H355588" s="12"/>
    </row>
    <row r="355589" spans="8:8">
      <c r="H355589" s="12"/>
    </row>
    <row r="355590" spans="8:8">
      <c r="H355590" s="12"/>
    </row>
    <row r="355591" spans="8:8">
      <c r="H355591" s="12"/>
    </row>
    <row r="355592" spans="8:8">
      <c r="H355592" s="12"/>
    </row>
    <row r="355593" spans="8:8">
      <c r="H355593" s="12"/>
    </row>
    <row r="355594" spans="8:8">
      <c r="H355594" s="12"/>
    </row>
    <row r="355595" spans="8:8">
      <c r="H355595" s="12"/>
    </row>
    <row r="355596" spans="8:8">
      <c r="H355596" s="12"/>
    </row>
    <row r="355597" spans="8:8">
      <c r="H355597" s="12"/>
    </row>
    <row r="355598" spans="8:8">
      <c r="H355598" s="12"/>
    </row>
    <row r="355599" spans="8:8">
      <c r="H355599" s="12"/>
    </row>
    <row r="355600" spans="8:8">
      <c r="H355600" s="12"/>
    </row>
    <row r="355601" spans="8:8">
      <c r="H355601" s="12"/>
    </row>
    <row r="355602" spans="8:8">
      <c r="H355602" s="12"/>
    </row>
    <row r="355603" spans="8:8">
      <c r="H355603" s="12"/>
    </row>
    <row r="355604" spans="8:8">
      <c r="H355604" s="12"/>
    </row>
    <row r="355605" spans="8:8">
      <c r="H355605" s="12"/>
    </row>
    <row r="355606" spans="8:8">
      <c r="H355606" s="12"/>
    </row>
    <row r="355607" spans="8:8">
      <c r="H355607" s="12"/>
    </row>
    <row r="355608" spans="8:8">
      <c r="H355608" s="12"/>
    </row>
    <row r="355609" spans="8:8">
      <c r="H355609" s="12"/>
    </row>
    <row r="355610" spans="8:8">
      <c r="H355610" s="12"/>
    </row>
    <row r="355611" spans="8:8">
      <c r="H355611" s="12"/>
    </row>
    <row r="355612" spans="8:8">
      <c r="H355612" s="12"/>
    </row>
    <row r="355613" spans="8:8">
      <c r="H355613" s="12"/>
    </row>
    <row r="355614" spans="8:8">
      <c r="H355614" s="12"/>
    </row>
    <row r="355615" spans="8:8">
      <c r="H355615" s="12"/>
    </row>
    <row r="355616" spans="8:8">
      <c r="H355616" s="12"/>
    </row>
    <row r="355617" spans="8:8">
      <c r="H355617" s="12"/>
    </row>
    <row r="355618" spans="8:8">
      <c r="H355618" s="12"/>
    </row>
    <row r="355619" spans="8:8">
      <c r="H355619" s="12"/>
    </row>
    <row r="355620" spans="8:8">
      <c r="H355620" s="12"/>
    </row>
    <row r="355621" spans="8:8">
      <c r="H355621" s="12"/>
    </row>
    <row r="355622" spans="8:8">
      <c r="H355622" s="12"/>
    </row>
    <row r="355623" spans="8:8">
      <c r="H355623" s="12"/>
    </row>
    <row r="355624" spans="8:8">
      <c r="H355624" s="12"/>
    </row>
    <row r="355625" spans="8:8">
      <c r="H355625" s="12"/>
    </row>
    <row r="355626" spans="8:8">
      <c r="H355626" s="12"/>
    </row>
    <row r="355627" spans="8:8">
      <c r="H355627" s="12"/>
    </row>
    <row r="355628" spans="8:8">
      <c r="H355628" s="12"/>
    </row>
    <row r="355629" spans="8:8">
      <c r="H355629" s="12"/>
    </row>
    <row r="355630" spans="8:8">
      <c r="H355630" s="12"/>
    </row>
    <row r="355631" spans="8:8">
      <c r="H355631" s="12"/>
    </row>
    <row r="355632" spans="8:8">
      <c r="H355632" s="12"/>
    </row>
    <row r="355633" spans="8:8">
      <c r="H355633" s="12"/>
    </row>
    <row r="355634" spans="8:8">
      <c r="H355634" s="12"/>
    </row>
    <row r="355635" spans="8:8">
      <c r="H355635" s="12"/>
    </row>
    <row r="355636" spans="8:8">
      <c r="H355636" s="12"/>
    </row>
    <row r="355637" spans="8:8">
      <c r="H355637" s="12"/>
    </row>
    <row r="355638" spans="8:8">
      <c r="H355638" s="12"/>
    </row>
    <row r="355639" spans="8:8">
      <c r="H355639" s="12"/>
    </row>
    <row r="355640" spans="8:8">
      <c r="H355640" s="12"/>
    </row>
    <row r="355641" spans="8:8">
      <c r="H355641" s="12"/>
    </row>
    <row r="355642" spans="8:8">
      <c r="H355642" s="12"/>
    </row>
    <row r="355643" spans="8:8">
      <c r="H355643" s="12"/>
    </row>
    <row r="355644" spans="8:8">
      <c r="H355644" s="12"/>
    </row>
    <row r="355645" spans="8:8">
      <c r="H355645" s="12"/>
    </row>
    <row r="355646" spans="8:8">
      <c r="H355646" s="12"/>
    </row>
    <row r="355647" spans="8:8">
      <c r="H355647" s="12"/>
    </row>
    <row r="355648" spans="8:8">
      <c r="H355648" s="12"/>
    </row>
    <row r="355649" spans="8:8">
      <c r="H355649" s="12"/>
    </row>
    <row r="355650" spans="8:8">
      <c r="H355650" s="12"/>
    </row>
    <row r="355651" spans="8:8">
      <c r="H355651" s="12"/>
    </row>
    <row r="355652" spans="8:8">
      <c r="H355652" s="12"/>
    </row>
    <row r="355653" spans="8:8">
      <c r="H355653" s="12"/>
    </row>
    <row r="355654" spans="8:8">
      <c r="H355654" s="12"/>
    </row>
    <row r="355655" spans="8:8">
      <c r="H355655" s="12"/>
    </row>
    <row r="355656" spans="8:8">
      <c r="H355656" s="12"/>
    </row>
    <row r="355657" spans="8:8">
      <c r="H355657" s="12"/>
    </row>
    <row r="355658" spans="8:8">
      <c r="H355658" s="12"/>
    </row>
    <row r="355659" spans="8:8">
      <c r="H355659" s="12"/>
    </row>
    <row r="355660" spans="8:8">
      <c r="H355660" s="12"/>
    </row>
    <row r="355661" spans="8:8">
      <c r="H355661" s="12"/>
    </row>
    <row r="355662" spans="8:8">
      <c r="H355662" s="12"/>
    </row>
    <row r="355663" spans="8:8">
      <c r="H355663" s="12"/>
    </row>
    <row r="355664" spans="8:8">
      <c r="H355664" s="12"/>
    </row>
    <row r="355665" spans="8:8">
      <c r="H355665" s="12"/>
    </row>
    <row r="355666" spans="8:8">
      <c r="H355666" s="12"/>
    </row>
    <row r="355667" spans="8:8">
      <c r="H355667" s="12"/>
    </row>
    <row r="355668" spans="8:8">
      <c r="H355668" s="12"/>
    </row>
    <row r="355669" spans="8:8">
      <c r="H355669" s="12"/>
    </row>
    <row r="355670" spans="8:8">
      <c r="H355670" s="12"/>
    </row>
    <row r="355671" spans="8:8">
      <c r="H355671" s="12"/>
    </row>
    <row r="355672" spans="8:8">
      <c r="H355672" s="12"/>
    </row>
    <row r="355673" spans="8:8">
      <c r="H355673" s="12"/>
    </row>
    <row r="355674" spans="8:8">
      <c r="H355674" s="12"/>
    </row>
    <row r="355675" spans="8:8">
      <c r="H355675" s="12"/>
    </row>
    <row r="355676" spans="8:8">
      <c r="H355676" s="12"/>
    </row>
    <row r="355677" spans="8:8">
      <c r="H355677" s="12"/>
    </row>
    <row r="355678" spans="8:8">
      <c r="H355678" s="12"/>
    </row>
    <row r="355679" spans="8:8">
      <c r="H355679" s="12"/>
    </row>
    <row r="355680" spans="8:8">
      <c r="H355680" s="12"/>
    </row>
    <row r="355681" spans="8:8">
      <c r="H355681" s="12"/>
    </row>
    <row r="355682" spans="8:8">
      <c r="H355682" s="12"/>
    </row>
    <row r="355683" spans="8:8">
      <c r="H355683" s="12"/>
    </row>
    <row r="355684" spans="8:8">
      <c r="H355684" s="12"/>
    </row>
    <row r="355685" spans="8:8">
      <c r="H355685" s="12"/>
    </row>
    <row r="355686" spans="8:8">
      <c r="H355686" s="12"/>
    </row>
    <row r="355687" spans="8:8">
      <c r="H355687" s="12"/>
    </row>
    <row r="355688" spans="8:8">
      <c r="H355688" s="12"/>
    </row>
    <row r="355689" spans="8:8">
      <c r="H355689" s="12"/>
    </row>
    <row r="355690" spans="8:8">
      <c r="H355690" s="12"/>
    </row>
    <row r="355691" spans="8:8">
      <c r="H355691" s="12"/>
    </row>
    <row r="355692" spans="8:8">
      <c r="H355692" s="12"/>
    </row>
    <row r="355693" spans="8:8">
      <c r="H355693" s="12"/>
    </row>
    <row r="355694" spans="8:8">
      <c r="H355694" s="12"/>
    </row>
    <row r="355695" spans="8:8">
      <c r="H355695" s="12"/>
    </row>
    <row r="355696" spans="8:8">
      <c r="H355696" s="12"/>
    </row>
    <row r="355697" spans="8:8">
      <c r="H355697" s="12"/>
    </row>
    <row r="355698" spans="8:8">
      <c r="H355698" s="12"/>
    </row>
    <row r="355699" spans="8:8">
      <c r="H355699" s="12"/>
    </row>
    <row r="355700" spans="8:8">
      <c r="H355700" s="12"/>
    </row>
    <row r="355701" spans="8:8">
      <c r="H355701" s="12"/>
    </row>
    <row r="355702" spans="8:8">
      <c r="H355702" s="12"/>
    </row>
    <row r="355703" spans="8:8">
      <c r="H355703" s="12"/>
    </row>
    <row r="355704" spans="8:8">
      <c r="H355704" s="12"/>
    </row>
    <row r="355705" spans="8:8">
      <c r="H355705" s="12"/>
    </row>
    <row r="355706" spans="8:8">
      <c r="H355706" s="12"/>
    </row>
    <row r="355707" spans="8:8">
      <c r="H355707" s="12"/>
    </row>
    <row r="355708" spans="8:8">
      <c r="H355708" s="12"/>
    </row>
    <row r="355709" spans="8:8">
      <c r="H355709" s="12"/>
    </row>
    <row r="355710" spans="8:8">
      <c r="H355710" s="12"/>
    </row>
    <row r="355711" spans="8:8">
      <c r="H355711" s="12"/>
    </row>
    <row r="355712" spans="8:8">
      <c r="H355712" s="12"/>
    </row>
    <row r="355713" spans="8:8">
      <c r="H355713" s="12"/>
    </row>
    <row r="355714" spans="8:8">
      <c r="H355714" s="12"/>
    </row>
    <row r="355715" spans="8:8">
      <c r="H355715" s="12"/>
    </row>
    <row r="355716" spans="8:8">
      <c r="H355716" s="12"/>
    </row>
    <row r="355717" spans="8:8">
      <c r="H355717" s="12"/>
    </row>
    <row r="355718" spans="8:8">
      <c r="H355718" s="12"/>
    </row>
    <row r="355719" spans="8:8">
      <c r="H355719" s="12"/>
    </row>
    <row r="355720" spans="8:8">
      <c r="H355720" s="12"/>
    </row>
    <row r="355721" spans="8:8">
      <c r="H355721" s="12"/>
    </row>
    <row r="355722" spans="8:8">
      <c r="H355722" s="12"/>
    </row>
    <row r="355723" spans="8:8">
      <c r="H355723" s="12"/>
    </row>
    <row r="355724" spans="8:8">
      <c r="H355724" s="12"/>
    </row>
    <row r="355725" spans="8:8">
      <c r="H355725" s="12"/>
    </row>
    <row r="355726" spans="8:8">
      <c r="H355726" s="12"/>
    </row>
    <row r="355727" spans="8:8">
      <c r="H355727" s="12"/>
    </row>
    <row r="355728" spans="8:8">
      <c r="H355728" s="12"/>
    </row>
    <row r="355729" spans="8:8">
      <c r="H355729" s="12"/>
    </row>
    <row r="355730" spans="8:8">
      <c r="H355730" s="12"/>
    </row>
    <row r="355731" spans="8:8">
      <c r="H355731" s="12"/>
    </row>
    <row r="355732" spans="8:8">
      <c r="H355732" s="12"/>
    </row>
    <row r="355733" spans="8:8">
      <c r="H355733" s="12"/>
    </row>
    <row r="355734" spans="8:8">
      <c r="H355734" s="12"/>
    </row>
    <row r="355735" spans="8:8">
      <c r="H355735" s="12"/>
    </row>
    <row r="355736" spans="8:8">
      <c r="H355736" s="12"/>
    </row>
    <row r="355737" spans="8:8">
      <c r="H355737" s="12"/>
    </row>
    <row r="355738" spans="8:8">
      <c r="H355738" s="12"/>
    </row>
    <row r="355739" spans="8:8">
      <c r="H355739" s="12"/>
    </row>
    <row r="355740" spans="8:8">
      <c r="H355740" s="12"/>
    </row>
    <row r="355741" spans="8:8">
      <c r="H355741" s="12"/>
    </row>
    <row r="355742" spans="8:8">
      <c r="H355742" s="12"/>
    </row>
    <row r="355743" spans="8:8">
      <c r="H355743" s="12"/>
    </row>
    <row r="355744" spans="8:8">
      <c r="H355744" s="12"/>
    </row>
    <row r="355745" spans="8:8">
      <c r="H355745" s="12"/>
    </row>
    <row r="355746" spans="8:8">
      <c r="H355746" s="12"/>
    </row>
    <row r="355747" spans="8:8">
      <c r="H355747" s="12"/>
    </row>
    <row r="355748" spans="8:8">
      <c r="H355748" s="12"/>
    </row>
    <row r="355749" spans="8:8">
      <c r="H355749" s="12"/>
    </row>
    <row r="355750" spans="8:8">
      <c r="H355750" s="12"/>
    </row>
    <row r="355751" spans="8:8">
      <c r="H355751" s="12"/>
    </row>
    <row r="355752" spans="8:8">
      <c r="H355752" s="12"/>
    </row>
    <row r="355753" spans="8:8">
      <c r="H355753" s="12"/>
    </row>
    <row r="355754" spans="8:8">
      <c r="H355754" s="12"/>
    </row>
    <row r="355755" spans="8:8">
      <c r="H355755" s="12"/>
    </row>
    <row r="355756" spans="8:8">
      <c r="H355756" s="12"/>
    </row>
    <row r="355757" spans="8:8">
      <c r="H355757" s="12"/>
    </row>
    <row r="355758" spans="8:8">
      <c r="H355758" s="12"/>
    </row>
    <row r="355759" spans="8:8">
      <c r="H355759" s="12"/>
    </row>
    <row r="355760" spans="8:8">
      <c r="H355760" s="12"/>
    </row>
    <row r="355761" spans="8:8">
      <c r="H355761" s="12"/>
    </row>
    <row r="355762" spans="8:8">
      <c r="H355762" s="12"/>
    </row>
    <row r="355763" spans="8:8">
      <c r="H355763" s="12"/>
    </row>
    <row r="355764" spans="8:8">
      <c r="H355764" s="12"/>
    </row>
    <row r="355765" spans="8:8">
      <c r="H355765" s="12"/>
    </row>
    <row r="355766" spans="8:8">
      <c r="H355766" s="12"/>
    </row>
    <row r="355767" spans="8:8">
      <c r="H355767" s="12"/>
    </row>
    <row r="355768" spans="8:8">
      <c r="H355768" s="12"/>
    </row>
    <row r="355769" spans="8:8">
      <c r="H355769" s="12"/>
    </row>
    <row r="355770" spans="8:8">
      <c r="H355770" s="12"/>
    </row>
    <row r="355771" spans="8:8">
      <c r="H355771" s="12"/>
    </row>
    <row r="355772" spans="8:8">
      <c r="H355772" s="12"/>
    </row>
    <row r="355773" spans="8:8">
      <c r="H355773" s="12"/>
    </row>
    <row r="355774" spans="8:8">
      <c r="H355774" s="12"/>
    </row>
    <row r="355775" spans="8:8">
      <c r="H355775" s="12"/>
    </row>
    <row r="355776" spans="8:8">
      <c r="H355776" s="12"/>
    </row>
    <row r="355777" spans="8:8">
      <c r="H355777" s="12"/>
    </row>
    <row r="355778" spans="8:8">
      <c r="H355778" s="12"/>
    </row>
    <row r="355779" spans="8:8">
      <c r="H355779" s="12"/>
    </row>
    <row r="355780" spans="8:8">
      <c r="H355780" s="12"/>
    </row>
    <row r="355781" spans="8:8">
      <c r="H355781" s="12"/>
    </row>
    <row r="355782" spans="8:8">
      <c r="H355782" s="12"/>
    </row>
    <row r="355783" spans="8:8">
      <c r="H355783" s="12"/>
    </row>
    <row r="355784" spans="8:8">
      <c r="H355784" s="12"/>
    </row>
    <row r="355785" spans="8:8">
      <c r="H355785" s="12"/>
    </row>
    <row r="355786" spans="8:8">
      <c r="H355786" s="12"/>
    </row>
    <row r="355787" spans="8:8">
      <c r="H355787" s="12"/>
    </row>
    <row r="355788" spans="8:8">
      <c r="H355788" s="12"/>
    </row>
    <row r="355789" spans="8:8">
      <c r="H355789" s="12"/>
    </row>
    <row r="355790" spans="8:8">
      <c r="H355790" s="12"/>
    </row>
    <row r="355791" spans="8:8">
      <c r="H355791" s="12"/>
    </row>
    <row r="355792" spans="8:8">
      <c r="H355792" s="12"/>
    </row>
    <row r="355793" spans="8:8">
      <c r="H355793" s="12"/>
    </row>
    <row r="355794" spans="8:8">
      <c r="H355794" s="12"/>
    </row>
    <row r="355795" spans="8:8">
      <c r="H355795" s="12"/>
    </row>
    <row r="355796" spans="8:8">
      <c r="H355796" s="12"/>
    </row>
    <row r="355797" spans="8:8">
      <c r="H355797" s="12"/>
    </row>
    <row r="355798" spans="8:8">
      <c r="H355798" s="12"/>
    </row>
    <row r="355799" spans="8:8">
      <c r="H355799" s="12"/>
    </row>
    <row r="355800" spans="8:8">
      <c r="H355800" s="12"/>
    </row>
    <row r="355801" spans="8:8">
      <c r="H355801" s="12"/>
    </row>
    <row r="355802" spans="8:8">
      <c r="H355802" s="12"/>
    </row>
    <row r="355803" spans="8:8">
      <c r="H355803" s="12"/>
    </row>
    <row r="355804" spans="8:8">
      <c r="H355804" s="12"/>
    </row>
    <row r="355805" spans="8:8">
      <c r="H355805" s="12"/>
    </row>
    <row r="355806" spans="8:8">
      <c r="H355806" s="12"/>
    </row>
    <row r="355807" spans="8:8">
      <c r="H355807" s="12"/>
    </row>
    <row r="355808" spans="8:8">
      <c r="H355808" s="12"/>
    </row>
    <row r="355809" spans="8:8">
      <c r="H355809" s="12"/>
    </row>
    <row r="355810" spans="8:8">
      <c r="H355810" s="12"/>
    </row>
    <row r="355811" spans="8:8">
      <c r="H355811" s="12"/>
    </row>
    <row r="355812" spans="8:8">
      <c r="H355812" s="12"/>
    </row>
    <row r="355813" spans="8:8">
      <c r="H355813" s="12"/>
    </row>
    <row r="355814" spans="8:8">
      <c r="H355814" s="12"/>
    </row>
    <row r="355815" spans="8:8">
      <c r="H355815" s="12"/>
    </row>
    <row r="355816" spans="8:8">
      <c r="H355816" s="12"/>
    </row>
    <row r="355817" spans="8:8">
      <c r="H355817" s="12"/>
    </row>
    <row r="355818" spans="8:8">
      <c r="H355818" s="12"/>
    </row>
    <row r="355819" spans="8:8">
      <c r="H355819" s="12"/>
    </row>
    <row r="355820" spans="8:8">
      <c r="H355820" s="12"/>
    </row>
    <row r="355821" spans="8:8">
      <c r="H355821" s="12"/>
    </row>
    <row r="355822" spans="8:8">
      <c r="H355822" s="12"/>
    </row>
    <row r="355823" spans="8:8">
      <c r="H355823" s="12"/>
    </row>
    <row r="355824" spans="8:8">
      <c r="H355824" s="12"/>
    </row>
    <row r="355825" spans="8:8">
      <c r="H355825" s="12"/>
    </row>
    <row r="355826" spans="8:8">
      <c r="H355826" s="12"/>
    </row>
    <row r="355827" spans="8:8">
      <c r="H355827" s="12"/>
    </row>
    <row r="355828" spans="8:8">
      <c r="H355828" s="12"/>
    </row>
    <row r="355829" spans="8:8">
      <c r="H355829" s="12"/>
    </row>
    <row r="355830" spans="8:8">
      <c r="H355830" s="12"/>
    </row>
    <row r="355831" spans="8:8">
      <c r="H355831" s="12"/>
    </row>
    <row r="355832" spans="8:8">
      <c r="H355832" s="12"/>
    </row>
    <row r="355833" spans="8:8">
      <c r="H355833" s="12"/>
    </row>
    <row r="355834" spans="8:8">
      <c r="H355834" s="12"/>
    </row>
    <row r="355835" spans="8:8">
      <c r="H355835" s="12"/>
    </row>
    <row r="355836" spans="8:8">
      <c r="H355836" s="12"/>
    </row>
    <row r="355837" spans="8:8">
      <c r="H355837" s="12"/>
    </row>
    <row r="355838" spans="8:8">
      <c r="H355838" s="12"/>
    </row>
    <row r="355839" spans="8:8">
      <c r="H355839" s="12"/>
    </row>
    <row r="355840" spans="8:8">
      <c r="H355840" s="12"/>
    </row>
    <row r="355841" spans="8:8">
      <c r="H355841" s="12"/>
    </row>
    <row r="355842" spans="8:8">
      <c r="H355842" s="12"/>
    </row>
    <row r="355843" spans="8:8">
      <c r="H355843" s="12"/>
    </row>
    <row r="355844" spans="8:8">
      <c r="H355844" s="12"/>
    </row>
    <row r="355845" spans="8:8">
      <c r="H355845" s="12"/>
    </row>
    <row r="355846" spans="8:8">
      <c r="H355846" s="12"/>
    </row>
    <row r="355847" spans="8:8">
      <c r="H355847" s="12"/>
    </row>
    <row r="355848" spans="8:8">
      <c r="H355848" s="12"/>
    </row>
    <row r="355849" spans="8:8">
      <c r="H355849" s="12"/>
    </row>
    <row r="355850" spans="8:8">
      <c r="H355850" s="12"/>
    </row>
    <row r="355851" spans="8:8">
      <c r="H355851" s="12"/>
    </row>
    <row r="355852" spans="8:8">
      <c r="H355852" s="12"/>
    </row>
    <row r="355853" spans="8:8">
      <c r="H355853" s="12"/>
    </row>
    <row r="355854" spans="8:8">
      <c r="H355854" s="12"/>
    </row>
    <row r="355855" spans="8:8">
      <c r="H355855" s="12"/>
    </row>
    <row r="355856" spans="8:8">
      <c r="H355856" s="12"/>
    </row>
    <row r="355857" spans="8:8">
      <c r="H355857" s="12"/>
    </row>
    <row r="355858" spans="8:8">
      <c r="H355858" s="12"/>
    </row>
    <row r="355859" spans="8:8">
      <c r="H355859" s="12"/>
    </row>
    <row r="355860" spans="8:8">
      <c r="H355860" s="12"/>
    </row>
    <row r="355861" spans="8:8">
      <c r="H355861" s="12"/>
    </row>
    <row r="355862" spans="8:8">
      <c r="H355862" s="12"/>
    </row>
    <row r="355863" spans="8:8">
      <c r="H355863" s="12"/>
    </row>
    <row r="355864" spans="8:8">
      <c r="H355864" s="12"/>
    </row>
    <row r="355865" spans="8:8">
      <c r="H355865" s="12"/>
    </row>
    <row r="355866" spans="8:8">
      <c r="H355866" s="12"/>
    </row>
    <row r="355867" spans="8:8">
      <c r="H355867" s="12"/>
    </row>
    <row r="355868" spans="8:8">
      <c r="H355868" s="12"/>
    </row>
    <row r="355869" spans="8:8">
      <c r="H355869" s="12"/>
    </row>
    <row r="355870" spans="8:8">
      <c r="H355870" s="12"/>
    </row>
    <row r="355871" spans="8:8">
      <c r="H355871" s="12"/>
    </row>
    <row r="355872" spans="8:8">
      <c r="H355872" s="12"/>
    </row>
    <row r="355873" spans="8:8">
      <c r="H355873" s="12"/>
    </row>
    <row r="355874" spans="8:8">
      <c r="H355874" s="12"/>
    </row>
    <row r="355875" spans="8:8">
      <c r="H355875" s="12"/>
    </row>
    <row r="355876" spans="8:8">
      <c r="H355876" s="12"/>
    </row>
    <row r="355877" spans="8:8">
      <c r="H355877" s="12"/>
    </row>
    <row r="355878" spans="8:8">
      <c r="H355878" s="12"/>
    </row>
    <row r="355879" spans="8:8">
      <c r="H355879" s="12"/>
    </row>
    <row r="355880" spans="8:8">
      <c r="H355880" s="12"/>
    </row>
    <row r="355881" spans="8:8">
      <c r="H355881" s="12"/>
    </row>
    <row r="355882" spans="8:8">
      <c r="H355882" s="12"/>
    </row>
    <row r="355883" spans="8:8">
      <c r="H355883" s="12"/>
    </row>
    <row r="355884" spans="8:8">
      <c r="H355884" s="12"/>
    </row>
    <row r="355885" spans="8:8">
      <c r="H355885" s="12"/>
    </row>
    <row r="355886" spans="8:8">
      <c r="H355886" s="12"/>
    </row>
    <row r="355887" spans="8:8">
      <c r="H355887" s="12"/>
    </row>
    <row r="355888" spans="8:8">
      <c r="H355888" s="12"/>
    </row>
    <row r="355889" spans="8:8">
      <c r="H355889" s="12"/>
    </row>
    <row r="355890" spans="8:8">
      <c r="H355890" s="12"/>
    </row>
    <row r="355891" spans="8:8">
      <c r="H355891" s="12"/>
    </row>
    <row r="355892" spans="8:8">
      <c r="H355892" s="12"/>
    </row>
    <row r="355893" spans="8:8">
      <c r="H355893" s="12"/>
    </row>
    <row r="355894" spans="8:8">
      <c r="H355894" s="12"/>
    </row>
    <row r="355895" spans="8:8">
      <c r="H355895" s="12"/>
    </row>
    <row r="355896" spans="8:8">
      <c r="H355896" s="12"/>
    </row>
    <row r="355897" spans="8:8">
      <c r="H355897" s="12"/>
    </row>
    <row r="355898" spans="8:8">
      <c r="H355898" s="12"/>
    </row>
    <row r="355899" spans="8:8">
      <c r="H355899" s="12"/>
    </row>
    <row r="355900" spans="8:8">
      <c r="H355900" s="12"/>
    </row>
    <row r="355901" spans="8:8">
      <c r="H355901" s="12"/>
    </row>
    <row r="355902" spans="8:8">
      <c r="H355902" s="12"/>
    </row>
    <row r="355903" spans="8:8">
      <c r="H355903" s="12"/>
    </row>
    <row r="355904" spans="8:8">
      <c r="H355904" s="12"/>
    </row>
    <row r="355905" spans="8:8">
      <c r="H355905" s="12"/>
    </row>
    <row r="355906" spans="8:8">
      <c r="H355906" s="12"/>
    </row>
    <row r="355907" spans="8:8">
      <c r="H355907" s="12"/>
    </row>
    <row r="355908" spans="8:8">
      <c r="H355908" s="12"/>
    </row>
    <row r="355909" spans="8:8">
      <c r="H355909" s="12"/>
    </row>
    <row r="355910" spans="8:8">
      <c r="H355910" s="12"/>
    </row>
    <row r="355911" spans="8:8">
      <c r="H355911" s="12"/>
    </row>
    <row r="355912" spans="8:8">
      <c r="H355912" s="12"/>
    </row>
    <row r="355913" spans="8:8">
      <c r="H355913" s="12"/>
    </row>
    <row r="355914" spans="8:8">
      <c r="H355914" s="12"/>
    </row>
    <row r="355915" spans="8:8">
      <c r="H355915" s="12"/>
    </row>
    <row r="355916" spans="8:8">
      <c r="H355916" s="12"/>
    </row>
    <row r="355917" spans="8:8">
      <c r="H355917" s="12"/>
    </row>
    <row r="355918" spans="8:8">
      <c r="H355918" s="12"/>
    </row>
    <row r="355919" spans="8:8">
      <c r="H355919" s="12"/>
    </row>
    <row r="355920" spans="8:8">
      <c r="H355920" s="12"/>
    </row>
    <row r="355921" spans="8:8">
      <c r="H355921" s="12"/>
    </row>
    <row r="355922" spans="8:8">
      <c r="H355922" s="12"/>
    </row>
    <row r="355923" spans="8:8">
      <c r="H355923" s="12"/>
    </row>
    <row r="355924" spans="8:8">
      <c r="H355924" s="12"/>
    </row>
    <row r="355925" spans="8:8">
      <c r="H355925" s="12"/>
    </row>
    <row r="355926" spans="8:8">
      <c r="H355926" s="12"/>
    </row>
    <row r="355927" spans="8:8">
      <c r="H355927" s="12"/>
    </row>
    <row r="355928" spans="8:8">
      <c r="H355928" s="12"/>
    </row>
    <row r="355929" spans="8:8">
      <c r="H355929" s="12"/>
    </row>
    <row r="355930" spans="8:8">
      <c r="H355930" s="12"/>
    </row>
    <row r="355931" spans="8:8">
      <c r="H355931" s="12"/>
    </row>
    <row r="355932" spans="8:8">
      <c r="H355932" s="12"/>
    </row>
    <row r="355933" spans="8:8">
      <c r="H355933" s="12"/>
    </row>
    <row r="355934" spans="8:8">
      <c r="H355934" s="12"/>
    </row>
    <row r="355935" spans="8:8">
      <c r="H355935" s="12"/>
    </row>
    <row r="355936" spans="8:8">
      <c r="H355936" s="12"/>
    </row>
    <row r="355937" spans="8:8">
      <c r="H355937" s="12"/>
    </row>
    <row r="355938" spans="8:8">
      <c r="H355938" s="12"/>
    </row>
    <row r="355939" spans="8:8">
      <c r="H355939" s="12"/>
    </row>
    <row r="355940" spans="8:8">
      <c r="H355940" s="12"/>
    </row>
    <row r="355941" spans="8:8">
      <c r="H355941" s="12"/>
    </row>
    <row r="355942" spans="8:8">
      <c r="H355942" s="12"/>
    </row>
    <row r="355943" spans="8:8">
      <c r="H355943" s="12"/>
    </row>
    <row r="355944" spans="8:8">
      <c r="H355944" s="12"/>
    </row>
    <row r="355945" spans="8:8">
      <c r="H355945" s="12"/>
    </row>
    <row r="355946" spans="8:8">
      <c r="H355946" s="12"/>
    </row>
    <row r="355947" spans="8:8">
      <c r="H355947" s="12"/>
    </row>
    <row r="355948" spans="8:8">
      <c r="H355948" s="12"/>
    </row>
    <row r="355949" spans="8:8">
      <c r="H355949" s="12"/>
    </row>
    <row r="355950" spans="8:8">
      <c r="H355950" s="12"/>
    </row>
    <row r="355951" spans="8:8">
      <c r="H355951" s="12"/>
    </row>
    <row r="355952" spans="8:8">
      <c r="H355952" s="12"/>
    </row>
    <row r="355953" spans="8:8">
      <c r="H355953" s="12"/>
    </row>
    <row r="355954" spans="8:8">
      <c r="H355954" s="12"/>
    </row>
    <row r="355955" spans="8:8">
      <c r="H355955" s="12"/>
    </row>
    <row r="355956" spans="8:8">
      <c r="H355956" s="12"/>
    </row>
    <row r="355957" spans="8:8">
      <c r="H355957" s="12"/>
    </row>
    <row r="355958" spans="8:8">
      <c r="H355958" s="12"/>
    </row>
    <row r="355959" spans="8:8">
      <c r="H355959" s="12"/>
    </row>
    <row r="355960" spans="8:8">
      <c r="H355960" s="12"/>
    </row>
    <row r="355961" spans="8:8">
      <c r="H355961" s="12"/>
    </row>
    <row r="355962" spans="8:8">
      <c r="H355962" s="12"/>
    </row>
    <row r="355963" spans="8:8">
      <c r="H355963" s="12"/>
    </row>
    <row r="355964" spans="8:8">
      <c r="H355964" s="12"/>
    </row>
    <row r="355965" spans="8:8">
      <c r="H355965" s="12"/>
    </row>
    <row r="355966" spans="8:8">
      <c r="H355966" s="12"/>
    </row>
    <row r="355967" spans="8:8">
      <c r="H355967" s="12"/>
    </row>
    <row r="355968" spans="8:8">
      <c r="H355968" s="12"/>
    </row>
    <row r="355969" spans="8:8">
      <c r="H355969" s="12"/>
    </row>
    <row r="355970" spans="8:8">
      <c r="H355970" s="12"/>
    </row>
    <row r="355971" spans="8:8">
      <c r="H355971" s="12"/>
    </row>
    <row r="355972" spans="8:8">
      <c r="H355972" s="12"/>
    </row>
    <row r="355973" spans="8:8">
      <c r="H355973" s="12"/>
    </row>
    <row r="355974" spans="8:8">
      <c r="H355974" s="12"/>
    </row>
    <row r="355975" spans="8:8">
      <c r="H355975" s="12"/>
    </row>
    <row r="355976" spans="8:8">
      <c r="H355976" s="12"/>
    </row>
    <row r="355977" spans="8:8">
      <c r="H355977" s="12"/>
    </row>
    <row r="355978" spans="8:8">
      <c r="H355978" s="12"/>
    </row>
    <row r="355979" spans="8:8">
      <c r="H355979" s="12"/>
    </row>
    <row r="355980" spans="8:8">
      <c r="H355980" s="12"/>
    </row>
    <row r="355981" spans="8:8">
      <c r="H355981" s="12"/>
    </row>
    <row r="355982" spans="8:8">
      <c r="H355982" s="12"/>
    </row>
    <row r="355983" spans="8:8">
      <c r="H355983" s="12"/>
    </row>
    <row r="355984" spans="8:8">
      <c r="H355984" s="12"/>
    </row>
    <row r="355985" spans="8:8">
      <c r="H355985" s="12"/>
    </row>
    <row r="355986" spans="8:8">
      <c r="H355986" s="12"/>
    </row>
    <row r="355987" spans="8:8">
      <c r="H355987" s="12"/>
    </row>
    <row r="355988" spans="8:8">
      <c r="H355988" s="12"/>
    </row>
    <row r="355989" spans="8:8">
      <c r="H355989" s="12"/>
    </row>
    <row r="355990" spans="8:8">
      <c r="H355990" s="12"/>
    </row>
    <row r="355991" spans="8:8">
      <c r="H355991" s="12"/>
    </row>
    <row r="355992" spans="8:8">
      <c r="H355992" s="12"/>
    </row>
    <row r="355993" spans="8:8">
      <c r="H355993" s="12"/>
    </row>
    <row r="355994" spans="8:8">
      <c r="H355994" s="12"/>
    </row>
    <row r="355995" spans="8:8">
      <c r="H355995" s="12"/>
    </row>
    <row r="355996" spans="8:8">
      <c r="H355996" s="12"/>
    </row>
    <row r="355997" spans="8:8">
      <c r="H355997" s="12"/>
    </row>
    <row r="355998" spans="8:8">
      <c r="H355998" s="12"/>
    </row>
    <row r="355999" spans="8:8">
      <c r="H355999" s="12"/>
    </row>
    <row r="356000" spans="8:8">
      <c r="H356000" s="12"/>
    </row>
    <row r="356001" spans="8:8">
      <c r="H356001" s="12"/>
    </row>
    <row r="356002" spans="8:8">
      <c r="H356002" s="12"/>
    </row>
    <row r="356003" spans="8:8">
      <c r="H356003" s="12"/>
    </row>
    <row r="356004" spans="8:8">
      <c r="H356004" s="12"/>
    </row>
    <row r="356005" spans="8:8">
      <c r="H356005" s="12"/>
    </row>
    <row r="356006" spans="8:8">
      <c r="H356006" s="12"/>
    </row>
    <row r="356007" spans="8:8">
      <c r="H356007" s="12"/>
    </row>
    <row r="356008" spans="8:8">
      <c r="H356008" s="12"/>
    </row>
    <row r="356009" spans="8:8">
      <c r="H356009" s="12"/>
    </row>
    <row r="356010" spans="8:8">
      <c r="H356010" s="12"/>
    </row>
    <row r="356011" spans="8:8">
      <c r="H356011" s="12"/>
    </row>
    <row r="356012" spans="8:8">
      <c r="H356012" s="12"/>
    </row>
    <row r="356013" spans="8:8">
      <c r="H356013" s="12"/>
    </row>
    <row r="356014" spans="8:8">
      <c r="H356014" s="12"/>
    </row>
    <row r="356015" spans="8:8">
      <c r="H356015" s="12"/>
    </row>
    <row r="356016" spans="8:8">
      <c r="H356016" s="12"/>
    </row>
    <row r="356017" spans="8:8">
      <c r="H356017" s="12"/>
    </row>
    <row r="356018" spans="8:8">
      <c r="H356018" s="12"/>
    </row>
    <row r="356019" spans="8:8">
      <c r="H356019" s="12"/>
    </row>
    <row r="356020" spans="8:8">
      <c r="H356020" s="12"/>
    </row>
    <row r="356021" spans="8:8">
      <c r="H356021" s="12"/>
    </row>
    <row r="356022" spans="8:8">
      <c r="H356022" s="12"/>
    </row>
    <row r="356023" spans="8:8">
      <c r="H356023" s="12"/>
    </row>
    <row r="356024" spans="8:8">
      <c r="H356024" s="12"/>
    </row>
    <row r="356025" spans="8:8">
      <c r="H356025" s="12"/>
    </row>
    <row r="356026" spans="8:8">
      <c r="H356026" s="12"/>
    </row>
    <row r="356027" spans="8:8">
      <c r="H356027" s="12"/>
    </row>
    <row r="356028" spans="8:8">
      <c r="H356028" s="12"/>
    </row>
    <row r="356029" spans="8:8">
      <c r="H356029" s="12"/>
    </row>
    <row r="356030" spans="8:8">
      <c r="H356030" s="12"/>
    </row>
    <row r="356031" spans="8:8">
      <c r="H356031" s="12"/>
    </row>
    <row r="356032" spans="8:8">
      <c r="H356032" s="12"/>
    </row>
    <row r="356033" spans="8:8">
      <c r="H356033" s="12"/>
    </row>
    <row r="356034" spans="8:8">
      <c r="H356034" s="12"/>
    </row>
    <row r="356035" spans="8:8">
      <c r="H356035" s="12"/>
    </row>
    <row r="356036" spans="8:8">
      <c r="H356036" s="12"/>
    </row>
    <row r="356037" spans="8:8">
      <c r="H356037" s="12"/>
    </row>
    <row r="356038" spans="8:8">
      <c r="H356038" s="12"/>
    </row>
    <row r="356039" spans="8:8">
      <c r="H356039" s="12"/>
    </row>
    <row r="356040" spans="8:8">
      <c r="H356040" s="12"/>
    </row>
    <row r="356041" spans="8:8">
      <c r="H356041" s="12"/>
    </row>
    <row r="356042" spans="8:8">
      <c r="H356042" s="12"/>
    </row>
    <row r="356043" spans="8:8">
      <c r="H356043" s="12"/>
    </row>
    <row r="356044" spans="8:8">
      <c r="H356044" s="12"/>
    </row>
    <row r="356045" spans="8:8">
      <c r="H356045" s="12"/>
    </row>
    <row r="356046" spans="8:8">
      <c r="H356046" s="12"/>
    </row>
    <row r="356047" spans="8:8">
      <c r="H356047" s="12"/>
    </row>
    <row r="356048" spans="8:8">
      <c r="H356048" s="12"/>
    </row>
    <row r="356049" spans="8:8">
      <c r="H356049" s="12"/>
    </row>
    <row r="356050" spans="8:8">
      <c r="H356050" s="12"/>
    </row>
    <row r="356051" spans="8:8">
      <c r="H356051" s="12"/>
    </row>
    <row r="356052" spans="8:8">
      <c r="H356052" s="12"/>
    </row>
    <row r="356053" spans="8:8">
      <c r="H356053" s="12"/>
    </row>
    <row r="356054" spans="8:8">
      <c r="H356054" s="12"/>
    </row>
    <row r="356055" spans="8:8">
      <c r="H356055" s="12"/>
    </row>
    <row r="356056" spans="8:8">
      <c r="H356056" s="12"/>
    </row>
    <row r="356057" spans="8:8">
      <c r="H356057" s="12"/>
    </row>
    <row r="356058" spans="8:8">
      <c r="H356058" s="12"/>
    </row>
    <row r="356059" spans="8:8">
      <c r="H356059" s="12"/>
    </row>
    <row r="356060" spans="8:8">
      <c r="H356060" s="12"/>
    </row>
    <row r="356061" spans="8:8">
      <c r="H356061" s="12"/>
    </row>
    <row r="356062" spans="8:8">
      <c r="H356062" s="12"/>
    </row>
    <row r="356063" spans="8:8">
      <c r="H356063" s="12"/>
    </row>
    <row r="356064" spans="8:8">
      <c r="H356064" s="12"/>
    </row>
    <row r="356065" spans="8:8">
      <c r="H356065" s="12"/>
    </row>
    <row r="356066" spans="8:8">
      <c r="H356066" s="12"/>
    </row>
    <row r="356067" spans="8:8">
      <c r="H356067" s="12"/>
    </row>
    <row r="356068" spans="8:8">
      <c r="H356068" s="12"/>
    </row>
    <row r="356069" spans="8:8">
      <c r="H356069" s="12"/>
    </row>
    <row r="356070" spans="8:8">
      <c r="H356070" s="12"/>
    </row>
    <row r="356071" spans="8:8">
      <c r="H356071" s="12"/>
    </row>
    <row r="356072" spans="8:8">
      <c r="H356072" s="12"/>
    </row>
    <row r="356073" spans="8:8">
      <c r="H356073" s="12"/>
    </row>
    <row r="356074" spans="8:8">
      <c r="H356074" s="12"/>
    </row>
    <row r="356075" spans="8:8">
      <c r="H356075" s="12"/>
    </row>
    <row r="356076" spans="8:8">
      <c r="H356076" s="12"/>
    </row>
    <row r="356077" spans="8:8">
      <c r="H356077" s="12"/>
    </row>
    <row r="356078" spans="8:8">
      <c r="H356078" s="12"/>
    </row>
    <row r="356079" spans="8:8">
      <c r="H356079" s="12"/>
    </row>
    <row r="356080" spans="8:8">
      <c r="H356080" s="12"/>
    </row>
    <row r="356081" spans="8:8">
      <c r="H356081" s="12"/>
    </row>
    <row r="356082" spans="8:8">
      <c r="H356082" s="12"/>
    </row>
    <row r="356083" spans="8:8">
      <c r="H356083" s="12"/>
    </row>
    <row r="356084" spans="8:8">
      <c r="H356084" s="12"/>
    </row>
    <row r="356085" spans="8:8">
      <c r="H356085" s="12"/>
    </row>
    <row r="356086" spans="8:8">
      <c r="H356086" s="12"/>
    </row>
    <row r="356087" spans="8:8">
      <c r="H356087" s="12"/>
    </row>
    <row r="356088" spans="8:8">
      <c r="H356088" s="12"/>
    </row>
    <row r="356089" spans="8:8">
      <c r="H356089" s="12"/>
    </row>
    <row r="356090" spans="8:8">
      <c r="H356090" s="12"/>
    </row>
    <row r="356091" spans="8:8">
      <c r="H356091" s="12"/>
    </row>
    <row r="356092" spans="8:8">
      <c r="H356092" s="12"/>
    </row>
    <row r="356093" spans="8:8">
      <c r="H356093" s="12"/>
    </row>
    <row r="356094" spans="8:8">
      <c r="H356094" s="12"/>
    </row>
    <row r="356095" spans="8:8">
      <c r="H356095" s="12"/>
    </row>
    <row r="356096" spans="8:8">
      <c r="H356096" s="12"/>
    </row>
    <row r="356097" spans="8:8">
      <c r="H356097" s="12"/>
    </row>
    <row r="356098" spans="8:8">
      <c r="H356098" s="12"/>
    </row>
    <row r="356099" spans="8:8">
      <c r="H356099" s="12"/>
    </row>
    <row r="356100" spans="8:8">
      <c r="H356100" s="12"/>
    </row>
    <row r="356101" spans="8:8">
      <c r="H356101" s="12"/>
    </row>
    <row r="356102" spans="8:8">
      <c r="H356102" s="12"/>
    </row>
    <row r="356103" spans="8:8">
      <c r="H356103" s="12"/>
    </row>
    <row r="356104" spans="8:8">
      <c r="H356104" s="12"/>
    </row>
    <row r="356105" spans="8:8">
      <c r="H356105" s="12"/>
    </row>
    <row r="356106" spans="8:8">
      <c r="H356106" s="12"/>
    </row>
    <row r="356107" spans="8:8">
      <c r="H356107" s="12"/>
    </row>
    <row r="356108" spans="8:8">
      <c r="H356108" s="12"/>
    </row>
    <row r="356109" spans="8:8">
      <c r="H356109" s="12"/>
    </row>
    <row r="356110" spans="8:8">
      <c r="H356110" s="12"/>
    </row>
    <row r="356111" spans="8:8">
      <c r="H356111" s="12"/>
    </row>
    <row r="356112" spans="8:8">
      <c r="H356112" s="12"/>
    </row>
    <row r="356113" spans="8:8">
      <c r="H356113" s="12"/>
    </row>
    <row r="356114" spans="8:8">
      <c r="H356114" s="12"/>
    </row>
    <row r="356115" spans="8:8">
      <c r="H356115" s="12"/>
    </row>
    <row r="356116" spans="8:8">
      <c r="H356116" s="12"/>
    </row>
    <row r="356117" spans="8:8">
      <c r="H356117" s="12"/>
    </row>
    <row r="356118" spans="8:8">
      <c r="H356118" s="12"/>
    </row>
    <row r="356119" spans="8:8">
      <c r="H356119" s="12"/>
    </row>
    <row r="356120" spans="8:8">
      <c r="H356120" s="12"/>
    </row>
    <row r="356121" spans="8:8">
      <c r="H356121" s="12"/>
    </row>
    <row r="356122" spans="8:8">
      <c r="H356122" s="12"/>
    </row>
    <row r="356123" spans="8:8">
      <c r="H356123" s="12"/>
    </row>
    <row r="356124" spans="8:8">
      <c r="H356124" s="12"/>
    </row>
    <row r="356125" spans="8:8">
      <c r="H356125" s="12"/>
    </row>
    <row r="356126" spans="8:8">
      <c r="H356126" s="12"/>
    </row>
    <row r="356127" spans="8:8">
      <c r="H356127" s="12"/>
    </row>
    <row r="356128" spans="8:8">
      <c r="H356128" s="12"/>
    </row>
    <row r="356129" spans="8:8">
      <c r="H356129" s="12"/>
    </row>
    <row r="356130" spans="8:8">
      <c r="H356130" s="12"/>
    </row>
    <row r="356131" spans="8:8">
      <c r="H356131" s="12"/>
    </row>
    <row r="356132" spans="8:8">
      <c r="H356132" s="12"/>
    </row>
    <row r="356133" spans="8:8">
      <c r="H356133" s="12"/>
    </row>
    <row r="356134" spans="8:8">
      <c r="H356134" s="12"/>
    </row>
    <row r="356135" spans="8:8">
      <c r="H356135" s="12"/>
    </row>
    <row r="356136" spans="8:8">
      <c r="H356136" s="12"/>
    </row>
    <row r="356137" spans="8:8">
      <c r="H356137" s="12"/>
    </row>
    <row r="356138" spans="8:8">
      <c r="H356138" s="12"/>
    </row>
    <row r="356139" spans="8:8">
      <c r="H356139" s="12"/>
    </row>
    <row r="356140" spans="8:8">
      <c r="H356140" s="12"/>
    </row>
    <row r="356141" spans="8:8">
      <c r="H356141" s="12"/>
    </row>
    <row r="356142" spans="8:8">
      <c r="H356142" s="12"/>
    </row>
    <row r="356143" spans="8:8">
      <c r="H356143" s="12"/>
    </row>
    <row r="356144" spans="8:8">
      <c r="H356144" s="12"/>
    </row>
    <row r="356145" spans="8:8">
      <c r="H356145" s="12"/>
    </row>
    <row r="356146" spans="8:8">
      <c r="H356146" s="12"/>
    </row>
    <row r="356147" spans="8:8">
      <c r="H356147" s="12"/>
    </row>
    <row r="356148" spans="8:8">
      <c r="H356148" s="12"/>
    </row>
    <row r="356149" spans="8:8">
      <c r="H356149" s="12"/>
    </row>
    <row r="356150" spans="8:8">
      <c r="H356150" s="12"/>
    </row>
    <row r="356151" spans="8:8">
      <c r="H356151" s="12"/>
    </row>
    <row r="356152" spans="8:8">
      <c r="H356152" s="12"/>
    </row>
    <row r="356153" spans="8:8">
      <c r="H356153" s="12"/>
    </row>
    <row r="356154" spans="8:8">
      <c r="H356154" s="12"/>
    </row>
    <row r="356155" spans="8:8">
      <c r="H356155" s="12"/>
    </row>
    <row r="356156" spans="8:8">
      <c r="H356156" s="12"/>
    </row>
    <row r="356157" spans="8:8">
      <c r="H356157" s="12"/>
    </row>
    <row r="356158" spans="8:8">
      <c r="H356158" s="12"/>
    </row>
    <row r="356159" spans="8:8">
      <c r="H356159" s="12"/>
    </row>
    <row r="356160" spans="8:8">
      <c r="H356160" s="12"/>
    </row>
    <row r="356161" spans="8:8">
      <c r="H356161" s="12"/>
    </row>
    <row r="356162" spans="8:8">
      <c r="H356162" s="12"/>
    </row>
    <row r="356163" spans="8:8">
      <c r="H356163" s="12"/>
    </row>
    <row r="356164" spans="8:8">
      <c r="H356164" s="12"/>
    </row>
    <row r="356165" spans="8:8">
      <c r="H356165" s="12"/>
    </row>
    <row r="356166" spans="8:8">
      <c r="H356166" s="12"/>
    </row>
    <row r="356167" spans="8:8">
      <c r="H356167" s="12"/>
    </row>
    <row r="356168" spans="8:8">
      <c r="H356168" s="12"/>
    </row>
    <row r="356169" spans="8:8">
      <c r="H356169" s="12"/>
    </row>
    <row r="356170" spans="8:8">
      <c r="H356170" s="12"/>
    </row>
    <row r="356171" spans="8:8">
      <c r="H356171" s="12"/>
    </row>
    <row r="356172" spans="8:8">
      <c r="H356172" s="12"/>
    </row>
    <row r="356173" spans="8:8">
      <c r="H356173" s="12"/>
    </row>
    <row r="356174" spans="8:8">
      <c r="H356174" s="12"/>
    </row>
    <row r="356175" spans="8:8">
      <c r="H356175" s="12"/>
    </row>
    <row r="356176" spans="8:8">
      <c r="H356176" s="12"/>
    </row>
    <row r="356177" spans="8:8">
      <c r="H356177" s="12"/>
    </row>
    <row r="356178" spans="8:8">
      <c r="H356178" s="12"/>
    </row>
    <row r="356179" spans="8:8">
      <c r="H356179" s="12"/>
    </row>
    <row r="356180" spans="8:8">
      <c r="H356180" s="12"/>
    </row>
    <row r="356181" spans="8:8">
      <c r="H356181" s="12"/>
    </row>
    <row r="356182" spans="8:8">
      <c r="H356182" s="12"/>
    </row>
    <row r="356183" spans="8:8">
      <c r="H356183" s="12"/>
    </row>
    <row r="356184" spans="8:8">
      <c r="H356184" s="12"/>
    </row>
    <row r="356185" spans="8:8">
      <c r="H356185" s="12"/>
    </row>
    <row r="356186" spans="8:8">
      <c r="H356186" s="12"/>
    </row>
    <row r="356187" spans="8:8">
      <c r="H356187" s="12"/>
    </row>
    <row r="356188" spans="8:8">
      <c r="H356188" s="12"/>
    </row>
    <row r="356189" spans="8:8">
      <c r="H356189" s="12"/>
    </row>
    <row r="356190" spans="8:8">
      <c r="H356190" s="12"/>
    </row>
    <row r="356191" spans="8:8">
      <c r="H356191" s="12"/>
    </row>
    <row r="356192" spans="8:8">
      <c r="H356192" s="12"/>
    </row>
    <row r="356193" spans="8:8">
      <c r="H356193" s="12"/>
    </row>
    <row r="356194" spans="8:8">
      <c r="H356194" s="12"/>
    </row>
    <row r="356195" spans="8:8">
      <c r="H356195" s="12"/>
    </row>
    <row r="356196" spans="8:8">
      <c r="H356196" s="12"/>
    </row>
    <row r="356197" spans="8:8">
      <c r="H356197" s="12"/>
    </row>
    <row r="356198" spans="8:8">
      <c r="H356198" s="12"/>
    </row>
    <row r="356199" spans="8:8">
      <c r="H356199" s="12"/>
    </row>
    <row r="356200" spans="8:8">
      <c r="H356200" s="12"/>
    </row>
    <row r="356201" spans="8:8">
      <c r="H356201" s="12"/>
    </row>
    <row r="356202" spans="8:8">
      <c r="H356202" s="12"/>
    </row>
    <row r="356203" spans="8:8">
      <c r="H356203" s="12"/>
    </row>
    <row r="356204" spans="8:8">
      <c r="H356204" s="12"/>
    </row>
    <row r="356205" spans="8:8">
      <c r="H356205" s="12"/>
    </row>
    <row r="356206" spans="8:8">
      <c r="H356206" s="12"/>
    </row>
    <row r="356207" spans="8:8">
      <c r="H356207" s="12"/>
    </row>
    <row r="356208" spans="8:8">
      <c r="H356208" s="12"/>
    </row>
    <row r="356209" spans="8:8">
      <c r="H356209" s="12"/>
    </row>
    <row r="356210" spans="8:8">
      <c r="H356210" s="12"/>
    </row>
    <row r="356211" spans="8:8">
      <c r="H356211" s="12"/>
    </row>
    <row r="356212" spans="8:8">
      <c r="H356212" s="12"/>
    </row>
    <row r="356213" spans="8:8">
      <c r="H356213" s="12"/>
    </row>
    <row r="356214" spans="8:8">
      <c r="H356214" s="12"/>
    </row>
    <row r="356215" spans="8:8">
      <c r="H356215" s="12"/>
    </row>
    <row r="356216" spans="8:8">
      <c r="H356216" s="12"/>
    </row>
    <row r="356217" spans="8:8">
      <c r="H356217" s="12"/>
    </row>
    <row r="356218" spans="8:8">
      <c r="H356218" s="12"/>
    </row>
    <row r="356219" spans="8:8">
      <c r="H356219" s="12"/>
    </row>
    <row r="356220" spans="8:8">
      <c r="H356220" s="12"/>
    </row>
    <row r="356221" spans="8:8">
      <c r="H356221" s="12"/>
    </row>
    <row r="356222" spans="8:8">
      <c r="H356222" s="12"/>
    </row>
    <row r="356223" spans="8:8">
      <c r="H356223" s="12"/>
    </row>
    <row r="356224" spans="8:8">
      <c r="H356224" s="12"/>
    </row>
    <row r="356225" spans="8:8">
      <c r="H356225" s="12"/>
    </row>
    <row r="356226" spans="8:8">
      <c r="H356226" s="12"/>
    </row>
    <row r="356227" spans="8:8">
      <c r="H356227" s="12"/>
    </row>
    <row r="356228" spans="8:8">
      <c r="H356228" s="12"/>
    </row>
    <row r="356229" spans="8:8">
      <c r="H356229" s="12"/>
    </row>
    <row r="356230" spans="8:8">
      <c r="H356230" s="12"/>
    </row>
    <row r="356231" spans="8:8">
      <c r="H356231" s="12"/>
    </row>
    <row r="356232" spans="8:8">
      <c r="H356232" s="12"/>
    </row>
    <row r="356233" spans="8:8">
      <c r="H356233" s="12"/>
    </row>
    <row r="356234" spans="8:8">
      <c r="H356234" s="12"/>
    </row>
    <row r="356235" spans="8:8">
      <c r="H356235" s="12"/>
    </row>
    <row r="356236" spans="8:8">
      <c r="H356236" s="12"/>
    </row>
    <row r="356237" spans="8:8">
      <c r="H356237" s="12"/>
    </row>
    <row r="356238" spans="8:8">
      <c r="H356238" s="12"/>
    </row>
    <row r="356239" spans="8:8">
      <c r="H356239" s="12"/>
    </row>
    <row r="356240" spans="8:8">
      <c r="H356240" s="12"/>
    </row>
    <row r="356241" spans="8:8">
      <c r="H356241" s="12"/>
    </row>
    <row r="356242" spans="8:8">
      <c r="H356242" s="12"/>
    </row>
    <row r="356243" spans="8:8">
      <c r="H356243" s="12"/>
    </row>
    <row r="356244" spans="8:8">
      <c r="H356244" s="12"/>
    </row>
    <row r="356245" spans="8:8">
      <c r="H356245" s="12"/>
    </row>
    <row r="356246" spans="8:8">
      <c r="H356246" s="12"/>
    </row>
    <row r="356247" spans="8:8">
      <c r="H356247" s="12"/>
    </row>
    <row r="356248" spans="8:8">
      <c r="H356248" s="12"/>
    </row>
    <row r="356249" spans="8:8">
      <c r="H356249" s="12"/>
    </row>
    <row r="356250" spans="8:8">
      <c r="H356250" s="12"/>
    </row>
    <row r="356251" spans="8:8">
      <c r="H356251" s="12"/>
    </row>
    <row r="356252" spans="8:8">
      <c r="H356252" s="12"/>
    </row>
    <row r="356253" spans="8:8">
      <c r="H356253" s="12"/>
    </row>
    <row r="356254" spans="8:8">
      <c r="H356254" s="12"/>
    </row>
    <row r="356255" spans="8:8">
      <c r="H356255" s="12"/>
    </row>
    <row r="356256" spans="8:8">
      <c r="H356256" s="12"/>
    </row>
    <row r="356257" spans="8:8">
      <c r="H356257" s="12"/>
    </row>
    <row r="356258" spans="8:8">
      <c r="H356258" s="12"/>
    </row>
    <row r="356259" spans="8:8">
      <c r="H356259" s="12"/>
    </row>
    <row r="356260" spans="8:8">
      <c r="H356260" s="12"/>
    </row>
    <row r="356261" spans="8:8">
      <c r="H356261" s="12"/>
    </row>
    <row r="356262" spans="8:8">
      <c r="H356262" s="12"/>
    </row>
    <row r="356263" spans="8:8">
      <c r="H356263" s="12"/>
    </row>
    <row r="356264" spans="8:8">
      <c r="H356264" s="12"/>
    </row>
    <row r="356265" spans="8:8">
      <c r="H356265" s="12"/>
    </row>
    <row r="356266" spans="8:8">
      <c r="H356266" s="12"/>
    </row>
    <row r="356267" spans="8:8">
      <c r="H356267" s="12"/>
    </row>
    <row r="356268" spans="8:8">
      <c r="H356268" s="12"/>
    </row>
    <row r="356269" spans="8:8">
      <c r="H356269" s="12"/>
    </row>
    <row r="356270" spans="8:8">
      <c r="H356270" s="12"/>
    </row>
    <row r="356271" spans="8:8">
      <c r="H356271" s="12"/>
    </row>
    <row r="356272" spans="8:8">
      <c r="H356272" s="12"/>
    </row>
    <row r="356273" spans="8:8">
      <c r="H356273" s="12"/>
    </row>
    <row r="356274" spans="8:8">
      <c r="H356274" s="12"/>
    </row>
    <row r="356275" spans="8:8">
      <c r="H356275" s="12"/>
    </row>
    <row r="356276" spans="8:8">
      <c r="H356276" s="12"/>
    </row>
    <row r="356277" spans="8:8">
      <c r="H356277" s="12"/>
    </row>
    <row r="356278" spans="8:8">
      <c r="H356278" s="12"/>
    </row>
    <row r="356279" spans="8:8">
      <c r="H356279" s="12"/>
    </row>
    <row r="356280" spans="8:8">
      <c r="H356280" s="12"/>
    </row>
    <row r="356281" spans="8:8">
      <c r="H356281" s="12"/>
    </row>
    <row r="356282" spans="8:8">
      <c r="H356282" s="12"/>
    </row>
    <row r="356283" spans="8:8">
      <c r="H356283" s="12"/>
    </row>
    <row r="356284" spans="8:8">
      <c r="H356284" s="12"/>
    </row>
    <row r="356285" spans="8:8">
      <c r="H356285" s="12"/>
    </row>
    <row r="356286" spans="8:8">
      <c r="H356286" s="12"/>
    </row>
    <row r="356287" spans="8:8">
      <c r="H356287" s="12"/>
    </row>
    <row r="356288" spans="8:8">
      <c r="H356288" s="12"/>
    </row>
    <row r="356289" spans="8:8">
      <c r="H356289" s="12"/>
    </row>
    <row r="356290" spans="8:8">
      <c r="H356290" s="12"/>
    </row>
    <row r="356291" spans="8:8">
      <c r="H356291" s="12"/>
    </row>
    <row r="356292" spans="8:8">
      <c r="H356292" s="12"/>
    </row>
    <row r="356293" spans="8:8">
      <c r="H356293" s="12"/>
    </row>
    <row r="356294" spans="8:8">
      <c r="H356294" s="12"/>
    </row>
    <row r="356295" spans="8:8">
      <c r="H356295" s="12"/>
    </row>
    <row r="356296" spans="8:8">
      <c r="H356296" s="12"/>
    </row>
    <row r="356297" spans="8:8">
      <c r="H356297" s="12"/>
    </row>
    <row r="356298" spans="8:8">
      <c r="H356298" s="12"/>
    </row>
    <row r="356299" spans="8:8">
      <c r="H356299" s="12"/>
    </row>
    <row r="356300" spans="8:8">
      <c r="H356300" s="12"/>
    </row>
    <row r="356301" spans="8:8">
      <c r="H356301" s="12"/>
    </row>
    <row r="356302" spans="8:8">
      <c r="H356302" s="12"/>
    </row>
    <row r="356303" spans="8:8">
      <c r="H356303" s="12"/>
    </row>
    <row r="356304" spans="8:8">
      <c r="H356304" s="12"/>
    </row>
    <row r="356305" spans="8:8">
      <c r="H356305" s="12"/>
    </row>
    <row r="356306" spans="8:8">
      <c r="H356306" s="12"/>
    </row>
    <row r="356307" spans="8:8">
      <c r="H356307" s="12"/>
    </row>
    <row r="356308" spans="8:8">
      <c r="H356308" s="12"/>
    </row>
    <row r="356309" spans="8:8">
      <c r="H356309" s="12"/>
    </row>
    <row r="356310" spans="8:8">
      <c r="H356310" s="12"/>
    </row>
    <row r="356311" spans="8:8">
      <c r="H356311" s="12"/>
    </row>
    <row r="356312" spans="8:8">
      <c r="H356312" s="12"/>
    </row>
    <row r="356313" spans="8:8">
      <c r="H356313" s="12"/>
    </row>
    <row r="356314" spans="8:8">
      <c r="H356314" s="12"/>
    </row>
    <row r="356315" spans="8:8">
      <c r="H356315" s="12"/>
    </row>
    <row r="356316" spans="8:8">
      <c r="H356316" s="12"/>
    </row>
    <row r="356317" spans="8:8">
      <c r="H356317" s="12"/>
    </row>
    <row r="356318" spans="8:8">
      <c r="H356318" s="12"/>
    </row>
    <row r="356319" spans="8:8">
      <c r="H356319" s="12"/>
    </row>
    <row r="356320" spans="8:8">
      <c r="H356320" s="12"/>
    </row>
    <row r="356321" spans="8:8">
      <c r="H356321" s="12"/>
    </row>
    <row r="356322" spans="8:8">
      <c r="H356322" s="12"/>
    </row>
    <row r="356323" spans="8:8">
      <c r="H356323" s="12"/>
    </row>
    <row r="356324" spans="8:8">
      <c r="H356324" s="12"/>
    </row>
    <row r="356325" spans="8:8">
      <c r="H356325" s="12"/>
    </row>
    <row r="356326" spans="8:8">
      <c r="H356326" s="12"/>
    </row>
    <row r="356327" spans="8:8">
      <c r="H356327" s="12"/>
    </row>
    <row r="356328" spans="8:8">
      <c r="H356328" s="12"/>
    </row>
    <row r="356329" spans="8:8">
      <c r="H356329" s="12"/>
    </row>
    <row r="356330" spans="8:8">
      <c r="H356330" s="12"/>
    </row>
    <row r="356331" spans="8:8">
      <c r="H356331" s="12"/>
    </row>
    <row r="356332" spans="8:8">
      <c r="H356332" s="12"/>
    </row>
    <row r="356333" spans="8:8">
      <c r="H356333" s="12"/>
    </row>
    <row r="356334" spans="8:8">
      <c r="H356334" s="12"/>
    </row>
    <row r="356335" spans="8:8">
      <c r="H356335" s="12"/>
    </row>
    <row r="356336" spans="8:8">
      <c r="H356336" s="12"/>
    </row>
    <row r="356337" spans="8:8">
      <c r="H356337" s="12"/>
    </row>
    <row r="356338" spans="8:8">
      <c r="H356338" s="12"/>
    </row>
    <row r="356339" spans="8:8">
      <c r="H356339" s="12"/>
    </row>
    <row r="356340" spans="8:8">
      <c r="H356340" s="12"/>
    </row>
    <row r="356341" spans="8:8">
      <c r="H356341" s="12"/>
    </row>
    <row r="356342" spans="8:8">
      <c r="H356342" s="12"/>
    </row>
    <row r="356343" spans="8:8">
      <c r="H356343" s="12"/>
    </row>
    <row r="356344" spans="8:8">
      <c r="H356344" s="12"/>
    </row>
    <row r="356345" spans="8:8">
      <c r="H356345" s="12"/>
    </row>
    <row r="356346" spans="8:8">
      <c r="H356346" s="12"/>
    </row>
    <row r="356347" spans="8:8">
      <c r="H356347" s="12"/>
    </row>
    <row r="356348" spans="8:8">
      <c r="H356348" s="12"/>
    </row>
    <row r="356349" spans="8:8">
      <c r="H356349" s="12"/>
    </row>
    <row r="356350" spans="8:8">
      <c r="H356350" s="12"/>
    </row>
    <row r="356351" spans="8:8">
      <c r="H356351" s="12"/>
    </row>
    <row r="356352" spans="8:8">
      <c r="H356352" s="12"/>
    </row>
    <row r="356353" spans="8:8">
      <c r="H356353" s="12"/>
    </row>
    <row r="356354" spans="8:8">
      <c r="H356354" s="12"/>
    </row>
    <row r="356355" spans="8:8">
      <c r="H356355" s="12"/>
    </row>
    <row r="356356" spans="8:8">
      <c r="H356356" s="12"/>
    </row>
    <row r="356357" spans="8:8">
      <c r="H356357" s="12"/>
    </row>
    <row r="356358" spans="8:8">
      <c r="H356358" s="12"/>
    </row>
    <row r="356359" spans="8:8">
      <c r="H356359" s="12"/>
    </row>
    <row r="356360" spans="8:8">
      <c r="H356360" s="12"/>
    </row>
    <row r="356361" spans="8:8">
      <c r="H356361" s="12"/>
    </row>
    <row r="356362" spans="8:8">
      <c r="H356362" s="12"/>
    </row>
    <row r="356363" spans="8:8">
      <c r="H356363" s="12"/>
    </row>
    <row r="356364" spans="8:8">
      <c r="H356364" s="12"/>
    </row>
    <row r="356365" spans="8:8">
      <c r="H356365" s="12"/>
    </row>
    <row r="356366" spans="8:8">
      <c r="H356366" s="12"/>
    </row>
    <row r="356367" spans="8:8">
      <c r="H356367" s="12"/>
    </row>
    <row r="356368" spans="8:8">
      <c r="H356368" s="12"/>
    </row>
    <row r="356369" spans="8:8">
      <c r="H356369" s="12"/>
    </row>
    <row r="356370" spans="8:8">
      <c r="H356370" s="12"/>
    </row>
    <row r="356371" spans="8:8">
      <c r="H356371" s="12"/>
    </row>
    <row r="356372" spans="8:8">
      <c r="H356372" s="12"/>
    </row>
    <row r="356373" spans="8:8">
      <c r="H356373" s="12"/>
    </row>
    <row r="356374" spans="8:8">
      <c r="H356374" s="12"/>
    </row>
    <row r="356375" spans="8:8">
      <c r="H356375" s="12"/>
    </row>
    <row r="356376" spans="8:8">
      <c r="H356376" s="12"/>
    </row>
    <row r="356377" spans="8:8">
      <c r="H356377" s="12"/>
    </row>
    <row r="356378" spans="8:8">
      <c r="H356378" s="12"/>
    </row>
    <row r="356379" spans="8:8">
      <c r="H356379" s="12"/>
    </row>
    <row r="356380" spans="8:8">
      <c r="H356380" s="12"/>
    </row>
    <row r="356381" spans="8:8">
      <c r="H356381" s="12"/>
    </row>
    <row r="356382" spans="8:8">
      <c r="H356382" s="12"/>
    </row>
    <row r="356383" spans="8:8">
      <c r="H356383" s="12"/>
    </row>
    <row r="356384" spans="8:8">
      <c r="H356384" s="12"/>
    </row>
    <row r="356385" spans="8:8">
      <c r="H356385" s="12"/>
    </row>
    <row r="356386" spans="8:8">
      <c r="H356386" s="12"/>
    </row>
    <row r="356387" spans="8:8">
      <c r="H356387" s="12"/>
    </row>
    <row r="356388" spans="8:8">
      <c r="H356388" s="12"/>
    </row>
    <row r="356389" spans="8:8">
      <c r="H356389" s="12"/>
    </row>
    <row r="356390" spans="8:8">
      <c r="H356390" s="12"/>
    </row>
    <row r="356391" spans="8:8">
      <c r="H356391" s="12"/>
    </row>
    <row r="356392" spans="8:8">
      <c r="H356392" s="12"/>
    </row>
    <row r="356393" spans="8:8">
      <c r="H356393" s="12"/>
    </row>
    <row r="356394" spans="8:8">
      <c r="H356394" s="12"/>
    </row>
    <row r="356395" spans="8:8">
      <c r="H356395" s="12"/>
    </row>
    <row r="356396" spans="8:8">
      <c r="H356396" s="12"/>
    </row>
    <row r="356397" spans="8:8">
      <c r="H356397" s="12"/>
    </row>
    <row r="356398" spans="8:8">
      <c r="H356398" s="12"/>
    </row>
    <row r="356399" spans="8:8">
      <c r="H356399" s="12"/>
    </row>
    <row r="356400" spans="8:8">
      <c r="H356400" s="12"/>
    </row>
    <row r="356401" spans="8:8">
      <c r="H356401" s="12"/>
    </row>
    <row r="356402" spans="8:8">
      <c r="H356402" s="12"/>
    </row>
    <row r="356403" spans="8:8">
      <c r="H356403" s="12"/>
    </row>
    <row r="356404" spans="8:8">
      <c r="H356404" s="12"/>
    </row>
    <row r="356405" spans="8:8">
      <c r="H356405" s="12"/>
    </row>
    <row r="356406" spans="8:8">
      <c r="H356406" s="12"/>
    </row>
    <row r="356407" spans="8:8">
      <c r="H356407" s="12"/>
    </row>
    <row r="356408" spans="8:8">
      <c r="H356408" s="12"/>
    </row>
    <row r="356409" spans="8:8">
      <c r="H356409" s="12"/>
    </row>
    <row r="356410" spans="8:8">
      <c r="H356410" s="12"/>
    </row>
    <row r="356411" spans="8:8">
      <c r="H356411" s="12"/>
    </row>
    <row r="356412" spans="8:8">
      <c r="H356412" s="12"/>
    </row>
    <row r="356413" spans="8:8">
      <c r="H356413" s="12"/>
    </row>
    <row r="356414" spans="8:8">
      <c r="H356414" s="12"/>
    </row>
    <row r="356415" spans="8:8">
      <c r="H356415" s="12"/>
    </row>
    <row r="356416" spans="8:8">
      <c r="H356416" s="12"/>
    </row>
    <row r="356417" spans="8:8">
      <c r="H356417" s="12"/>
    </row>
    <row r="356418" spans="8:8">
      <c r="H356418" s="12"/>
    </row>
    <row r="356419" spans="8:8">
      <c r="H356419" s="12"/>
    </row>
    <row r="356420" spans="8:8">
      <c r="H356420" s="12"/>
    </row>
    <row r="356421" spans="8:8">
      <c r="H356421" s="12"/>
    </row>
    <row r="356422" spans="8:8">
      <c r="H356422" s="12"/>
    </row>
    <row r="356423" spans="8:8">
      <c r="H356423" s="12"/>
    </row>
    <row r="356424" spans="8:8">
      <c r="H356424" s="12"/>
    </row>
    <row r="356425" spans="8:8">
      <c r="H356425" s="12"/>
    </row>
    <row r="356426" spans="8:8">
      <c r="H356426" s="12"/>
    </row>
    <row r="356427" spans="8:8">
      <c r="H356427" s="12"/>
    </row>
    <row r="356428" spans="8:8">
      <c r="H356428" s="12"/>
    </row>
    <row r="356429" spans="8:8">
      <c r="H356429" s="12"/>
    </row>
    <row r="356430" spans="8:8">
      <c r="H356430" s="12"/>
    </row>
    <row r="356431" spans="8:8">
      <c r="H356431" s="12"/>
    </row>
    <row r="356432" spans="8:8">
      <c r="H356432" s="12"/>
    </row>
    <row r="356433" spans="8:8">
      <c r="H356433" s="12"/>
    </row>
    <row r="356434" spans="8:8">
      <c r="H356434" s="12"/>
    </row>
    <row r="356435" spans="8:8">
      <c r="H356435" s="12"/>
    </row>
    <row r="356436" spans="8:8">
      <c r="H356436" s="12"/>
    </row>
    <row r="356437" spans="8:8">
      <c r="H356437" s="12"/>
    </row>
    <row r="356438" spans="8:8">
      <c r="H356438" s="12"/>
    </row>
    <row r="356439" spans="8:8">
      <c r="H356439" s="12"/>
    </row>
    <row r="356440" spans="8:8">
      <c r="H356440" s="12"/>
    </row>
    <row r="356441" spans="8:8">
      <c r="H356441" s="12"/>
    </row>
    <row r="356442" spans="8:8">
      <c r="H356442" s="12"/>
    </row>
    <row r="356443" spans="8:8">
      <c r="H356443" s="12"/>
    </row>
    <row r="356444" spans="8:8">
      <c r="H356444" s="12"/>
    </row>
    <row r="356445" spans="8:8">
      <c r="H356445" s="12"/>
    </row>
    <row r="356446" spans="8:8">
      <c r="H356446" s="12"/>
    </row>
    <row r="356447" spans="8:8">
      <c r="H356447" s="12"/>
    </row>
    <row r="356448" spans="8:8">
      <c r="H356448" s="12"/>
    </row>
    <row r="356449" spans="8:8">
      <c r="H356449" s="12"/>
    </row>
    <row r="356450" spans="8:8">
      <c r="H356450" s="12"/>
    </row>
    <row r="356451" spans="8:8">
      <c r="H356451" s="12"/>
    </row>
    <row r="356452" spans="8:8">
      <c r="H356452" s="12"/>
    </row>
    <row r="356453" spans="8:8">
      <c r="H356453" s="12"/>
    </row>
    <row r="356454" spans="8:8">
      <c r="H356454" s="12"/>
    </row>
    <row r="356455" spans="8:8">
      <c r="H356455" s="12"/>
    </row>
    <row r="356456" spans="8:8">
      <c r="H356456" s="12"/>
    </row>
    <row r="356457" spans="8:8">
      <c r="H356457" s="12"/>
    </row>
    <row r="356458" spans="8:8">
      <c r="H356458" s="12"/>
    </row>
    <row r="356459" spans="8:8">
      <c r="H356459" s="12"/>
    </row>
    <row r="356460" spans="8:8">
      <c r="H356460" s="12"/>
    </row>
    <row r="356461" spans="8:8">
      <c r="H356461" s="12"/>
    </row>
    <row r="356462" spans="8:8">
      <c r="H356462" s="12"/>
    </row>
    <row r="356463" spans="8:8">
      <c r="H356463" s="12"/>
    </row>
    <row r="356464" spans="8:8">
      <c r="H356464" s="12"/>
    </row>
    <row r="356465" spans="8:8">
      <c r="H356465" s="12"/>
    </row>
    <row r="356466" spans="8:8">
      <c r="H356466" s="12"/>
    </row>
    <row r="356467" spans="8:8">
      <c r="H356467" s="12"/>
    </row>
    <row r="356468" spans="8:8">
      <c r="H356468" s="12"/>
    </row>
    <row r="356469" spans="8:8">
      <c r="H356469" s="12"/>
    </row>
    <row r="356470" spans="8:8">
      <c r="H356470" s="12"/>
    </row>
    <row r="356471" spans="8:8">
      <c r="H356471" s="12"/>
    </row>
    <row r="356472" spans="8:8">
      <c r="H356472" s="12"/>
    </row>
    <row r="356473" spans="8:8">
      <c r="H356473" s="12"/>
    </row>
    <row r="356474" spans="8:8">
      <c r="H356474" s="12"/>
    </row>
    <row r="356475" spans="8:8">
      <c r="H356475" s="12"/>
    </row>
    <row r="356476" spans="8:8">
      <c r="H356476" s="12"/>
    </row>
    <row r="356477" spans="8:8">
      <c r="H356477" s="12"/>
    </row>
    <row r="356478" spans="8:8">
      <c r="H356478" s="12"/>
    </row>
    <row r="356479" spans="8:8">
      <c r="H356479" s="12"/>
    </row>
    <row r="356480" spans="8:8">
      <c r="H356480" s="12"/>
    </row>
    <row r="356481" spans="8:8">
      <c r="H356481" s="12"/>
    </row>
    <row r="356482" spans="8:8">
      <c r="H356482" s="12"/>
    </row>
    <row r="356483" spans="8:8">
      <c r="H356483" s="12"/>
    </row>
    <row r="356484" spans="8:8">
      <c r="H356484" s="12"/>
    </row>
    <row r="356485" spans="8:8">
      <c r="H356485" s="12"/>
    </row>
    <row r="356486" spans="8:8">
      <c r="H356486" s="12"/>
    </row>
    <row r="356487" spans="8:8">
      <c r="H356487" s="12"/>
    </row>
    <row r="356488" spans="8:8">
      <c r="H356488" s="12"/>
    </row>
    <row r="356489" spans="8:8">
      <c r="H356489" s="12"/>
    </row>
    <row r="356490" spans="8:8">
      <c r="H356490" s="12"/>
    </row>
    <row r="356491" spans="8:8">
      <c r="H356491" s="12"/>
    </row>
    <row r="356492" spans="8:8">
      <c r="H356492" s="12"/>
    </row>
    <row r="356493" spans="8:8">
      <c r="H356493" s="12"/>
    </row>
    <row r="356494" spans="8:8">
      <c r="H356494" s="12"/>
    </row>
    <row r="356495" spans="8:8">
      <c r="H356495" s="12"/>
    </row>
    <row r="356496" spans="8:8">
      <c r="H356496" s="12"/>
    </row>
    <row r="356497" spans="8:8">
      <c r="H356497" s="12"/>
    </row>
    <row r="356498" spans="8:8">
      <c r="H356498" s="12"/>
    </row>
    <row r="356499" spans="8:8">
      <c r="H356499" s="12"/>
    </row>
    <row r="356500" spans="8:8">
      <c r="H356500" s="12"/>
    </row>
    <row r="356501" spans="8:8">
      <c r="H356501" s="12"/>
    </row>
    <row r="356502" spans="8:8">
      <c r="H356502" s="12"/>
    </row>
    <row r="356503" spans="8:8">
      <c r="H356503" s="12"/>
    </row>
    <row r="356504" spans="8:8">
      <c r="H356504" s="12"/>
    </row>
    <row r="356505" spans="8:8">
      <c r="H356505" s="12"/>
    </row>
    <row r="356506" spans="8:8">
      <c r="H356506" s="12"/>
    </row>
    <row r="356507" spans="8:8">
      <c r="H356507" s="12"/>
    </row>
    <row r="356508" spans="8:8">
      <c r="H356508" s="12"/>
    </row>
    <row r="356509" spans="8:8">
      <c r="H356509" s="12"/>
    </row>
    <row r="356510" spans="8:8">
      <c r="H356510" s="12"/>
    </row>
    <row r="356511" spans="8:8">
      <c r="H356511" s="12"/>
    </row>
    <row r="356512" spans="8:8">
      <c r="H356512" s="12"/>
    </row>
    <row r="356513" spans="8:8">
      <c r="H356513" s="12"/>
    </row>
    <row r="356514" spans="8:8">
      <c r="H356514" s="12"/>
    </row>
    <row r="356515" spans="8:8">
      <c r="H356515" s="12"/>
    </row>
    <row r="356516" spans="8:8">
      <c r="H356516" s="12"/>
    </row>
    <row r="356517" spans="8:8">
      <c r="H356517" s="12"/>
    </row>
    <row r="356518" spans="8:8">
      <c r="H356518" s="12"/>
    </row>
    <row r="356519" spans="8:8">
      <c r="H356519" s="12"/>
    </row>
    <row r="356520" spans="8:8">
      <c r="H356520" s="12"/>
    </row>
    <row r="356521" spans="8:8">
      <c r="H356521" s="12"/>
    </row>
    <row r="356522" spans="8:8">
      <c r="H356522" s="12"/>
    </row>
    <row r="356523" spans="8:8">
      <c r="H356523" s="12"/>
    </row>
    <row r="356524" spans="8:8">
      <c r="H356524" s="12"/>
    </row>
    <row r="356525" spans="8:8">
      <c r="H356525" s="12"/>
    </row>
    <row r="356526" spans="8:8">
      <c r="H356526" s="12"/>
    </row>
    <row r="356527" spans="8:8">
      <c r="H356527" s="12"/>
    </row>
    <row r="356528" spans="8:8">
      <c r="H356528" s="12"/>
    </row>
    <row r="356529" spans="8:8">
      <c r="H356529" s="12"/>
    </row>
    <row r="356530" spans="8:8">
      <c r="H356530" s="12"/>
    </row>
    <row r="356531" spans="8:8">
      <c r="H356531" s="12"/>
    </row>
    <row r="356532" spans="8:8">
      <c r="H356532" s="12"/>
    </row>
    <row r="356533" spans="8:8">
      <c r="H356533" s="12"/>
    </row>
    <row r="356534" spans="8:8">
      <c r="H356534" s="12"/>
    </row>
    <row r="356535" spans="8:8">
      <c r="H356535" s="12"/>
    </row>
    <row r="356536" spans="8:8">
      <c r="H356536" s="12"/>
    </row>
    <row r="356537" spans="8:8">
      <c r="H356537" s="12"/>
    </row>
    <row r="356538" spans="8:8">
      <c r="H356538" s="12"/>
    </row>
    <row r="356539" spans="8:8">
      <c r="H356539" s="12"/>
    </row>
    <row r="356540" spans="8:8">
      <c r="H356540" s="12"/>
    </row>
    <row r="356541" spans="8:8">
      <c r="H356541" s="12"/>
    </row>
    <row r="356542" spans="8:8">
      <c r="H356542" s="12"/>
    </row>
    <row r="356543" spans="8:8">
      <c r="H356543" s="12"/>
    </row>
    <row r="356544" spans="8:8">
      <c r="H356544" s="12"/>
    </row>
    <row r="356545" spans="8:8">
      <c r="H356545" s="12"/>
    </row>
    <row r="356546" spans="8:8">
      <c r="H356546" s="12"/>
    </row>
    <row r="356547" spans="8:8">
      <c r="H356547" s="12"/>
    </row>
    <row r="356548" spans="8:8">
      <c r="H356548" s="12"/>
    </row>
    <row r="356549" spans="8:8">
      <c r="H356549" s="12"/>
    </row>
    <row r="356550" spans="8:8">
      <c r="H356550" s="12"/>
    </row>
    <row r="356551" spans="8:8">
      <c r="H356551" s="12"/>
    </row>
    <row r="356552" spans="8:8">
      <c r="H356552" s="12"/>
    </row>
    <row r="356553" spans="8:8">
      <c r="H356553" s="12"/>
    </row>
    <row r="356554" spans="8:8">
      <c r="H356554" s="12"/>
    </row>
    <row r="356555" spans="8:8">
      <c r="H356555" s="12"/>
    </row>
    <row r="356556" spans="8:8">
      <c r="H356556" s="12"/>
    </row>
    <row r="356557" spans="8:8">
      <c r="H356557" s="12"/>
    </row>
    <row r="356558" spans="8:8">
      <c r="H356558" s="12"/>
    </row>
    <row r="356559" spans="8:8">
      <c r="H356559" s="12"/>
    </row>
    <row r="356560" spans="8:8">
      <c r="H356560" s="12"/>
    </row>
    <row r="356561" spans="8:8">
      <c r="H356561" s="12"/>
    </row>
    <row r="356562" spans="8:8">
      <c r="H356562" s="12"/>
    </row>
    <row r="356563" spans="8:8">
      <c r="H356563" s="12"/>
    </row>
    <row r="356564" spans="8:8">
      <c r="H356564" s="12"/>
    </row>
    <row r="356565" spans="8:8">
      <c r="H356565" s="12"/>
    </row>
    <row r="356566" spans="8:8">
      <c r="H356566" s="12"/>
    </row>
    <row r="356567" spans="8:8">
      <c r="H356567" s="12"/>
    </row>
    <row r="356568" spans="8:8">
      <c r="H356568" s="12"/>
    </row>
    <row r="356569" spans="8:8">
      <c r="H356569" s="12"/>
    </row>
    <row r="356570" spans="8:8">
      <c r="H356570" s="12"/>
    </row>
    <row r="356571" spans="8:8">
      <c r="H356571" s="12"/>
    </row>
    <row r="356572" spans="8:8">
      <c r="H356572" s="12"/>
    </row>
    <row r="356573" spans="8:8">
      <c r="H356573" s="12"/>
    </row>
    <row r="356574" spans="8:8">
      <c r="H356574" s="12"/>
    </row>
    <row r="356575" spans="8:8">
      <c r="H356575" s="12"/>
    </row>
    <row r="356576" spans="8:8">
      <c r="H356576" s="12"/>
    </row>
    <row r="356577" spans="8:8">
      <c r="H356577" s="12"/>
    </row>
    <row r="356578" spans="8:8">
      <c r="H356578" s="12"/>
    </row>
    <row r="356579" spans="8:8">
      <c r="H356579" s="12"/>
    </row>
    <row r="356580" spans="8:8">
      <c r="H356580" s="12"/>
    </row>
    <row r="356581" spans="8:8">
      <c r="H356581" s="12"/>
    </row>
    <row r="356582" spans="8:8">
      <c r="H356582" s="12"/>
    </row>
    <row r="356583" spans="8:8">
      <c r="H356583" s="12"/>
    </row>
    <row r="356584" spans="8:8">
      <c r="H356584" s="12"/>
    </row>
    <row r="356585" spans="8:8">
      <c r="H356585" s="12"/>
    </row>
    <row r="356586" spans="8:8">
      <c r="H356586" s="12"/>
    </row>
    <row r="356587" spans="8:8">
      <c r="H356587" s="12"/>
    </row>
    <row r="356588" spans="8:8">
      <c r="H356588" s="12"/>
    </row>
    <row r="356589" spans="8:8">
      <c r="H356589" s="12"/>
    </row>
    <row r="356590" spans="8:8">
      <c r="H356590" s="12"/>
    </row>
    <row r="356591" spans="8:8">
      <c r="H356591" s="12"/>
    </row>
    <row r="356592" spans="8:8">
      <c r="H356592" s="12"/>
    </row>
    <row r="356593" spans="8:8">
      <c r="H356593" s="12"/>
    </row>
    <row r="356594" spans="8:8">
      <c r="H356594" s="12"/>
    </row>
    <row r="356595" spans="8:8">
      <c r="H356595" s="12"/>
    </row>
    <row r="356596" spans="8:8">
      <c r="H356596" s="12"/>
    </row>
    <row r="356597" spans="8:8">
      <c r="H356597" s="12"/>
    </row>
    <row r="356598" spans="8:8">
      <c r="H356598" s="12"/>
    </row>
    <row r="356599" spans="8:8">
      <c r="H356599" s="12"/>
    </row>
    <row r="356600" spans="8:8">
      <c r="H356600" s="12"/>
    </row>
    <row r="356601" spans="8:8">
      <c r="H356601" s="12"/>
    </row>
    <row r="356602" spans="8:8">
      <c r="H356602" s="12"/>
    </row>
    <row r="356603" spans="8:8">
      <c r="H356603" s="12"/>
    </row>
    <row r="356604" spans="8:8">
      <c r="H356604" s="12"/>
    </row>
    <row r="356605" spans="8:8">
      <c r="H356605" s="12"/>
    </row>
    <row r="356606" spans="8:8">
      <c r="H356606" s="12"/>
    </row>
    <row r="356607" spans="8:8">
      <c r="H356607" s="12"/>
    </row>
    <row r="356608" spans="8:8">
      <c r="H356608" s="12"/>
    </row>
    <row r="356609" spans="8:8">
      <c r="H356609" s="12"/>
    </row>
    <row r="356610" spans="8:8">
      <c r="H356610" s="12"/>
    </row>
    <row r="356611" spans="8:8">
      <c r="H356611" s="12"/>
    </row>
    <row r="356612" spans="8:8">
      <c r="H356612" s="12"/>
    </row>
    <row r="356613" spans="8:8">
      <c r="H356613" s="12"/>
    </row>
    <row r="356614" spans="8:8">
      <c r="H356614" s="12"/>
    </row>
    <row r="356615" spans="8:8">
      <c r="H356615" s="12"/>
    </row>
    <row r="356616" spans="8:8">
      <c r="H356616" s="12"/>
    </row>
    <row r="356617" spans="8:8">
      <c r="H356617" s="12"/>
    </row>
    <row r="356618" spans="8:8">
      <c r="H356618" s="12"/>
    </row>
    <row r="356619" spans="8:8">
      <c r="H356619" s="12"/>
    </row>
    <row r="356620" spans="8:8">
      <c r="H356620" s="12"/>
    </row>
    <row r="356621" spans="8:8">
      <c r="H356621" s="12"/>
    </row>
    <row r="356622" spans="8:8">
      <c r="H356622" s="12"/>
    </row>
    <row r="356623" spans="8:8">
      <c r="H356623" s="12"/>
    </row>
    <row r="356624" spans="8:8">
      <c r="H356624" s="12"/>
    </row>
    <row r="356625" spans="8:8">
      <c r="H356625" s="12"/>
    </row>
    <row r="356626" spans="8:8">
      <c r="H356626" s="12"/>
    </row>
    <row r="356627" spans="8:8">
      <c r="H356627" s="12"/>
    </row>
    <row r="356628" spans="8:8">
      <c r="H356628" s="12"/>
    </row>
    <row r="356629" spans="8:8">
      <c r="H356629" s="12"/>
    </row>
    <row r="356630" spans="8:8">
      <c r="H356630" s="12"/>
    </row>
    <row r="356631" spans="8:8">
      <c r="H356631" s="12"/>
    </row>
    <row r="356632" spans="8:8">
      <c r="H356632" s="12"/>
    </row>
    <row r="356633" spans="8:8">
      <c r="H356633" s="12"/>
    </row>
    <row r="356634" spans="8:8">
      <c r="H356634" s="12"/>
    </row>
    <row r="356635" spans="8:8">
      <c r="H356635" s="12"/>
    </row>
    <row r="356636" spans="8:8">
      <c r="H356636" s="12"/>
    </row>
    <row r="356637" spans="8:8">
      <c r="H356637" s="12"/>
    </row>
    <row r="356638" spans="8:8">
      <c r="H356638" s="12"/>
    </row>
    <row r="356639" spans="8:8">
      <c r="H356639" s="12"/>
    </row>
    <row r="356640" spans="8:8">
      <c r="H356640" s="12"/>
    </row>
    <row r="356641" spans="8:8">
      <c r="H356641" s="12"/>
    </row>
    <row r="356642" spans="8:8">
      <c r="H356642" s="12"/>
    </row>
    <row r="356643" spans="8:8">
      <c r="H356643" s="12"/>
    </row>
    <row r="356644" spans="8:8">
      <c r="H356644" s="12"/>
    </row>
    <row r="356645" spans="8:8">
      <c r="H356645" s="12"/>
    </row>
    <row r="356646" spans="8:8">
      <c r="H356646" s="12"/>
    </row>
    <row r="356647" spans="8:8">
      <c r="H356647" s="12"/>
    </row>
    <row r="356648" spans="8:8">
      <c r="H356648" s="12"/>
    </row>
    <row r="356649" spans="8:8">
      <c r="H356649" s="12"/>
    </row>
    <row r="356650" spans="8:8">
      <c r="H356650" s="12"/>
    </row>
    <row r="356651" spans="8:8">
      <c r="H356651" s="12"/>
    </row>
    <row r="356652" spans="8:8">
      <c r="H356652" s="12"/>
    </row>
    <row r="356653" spans="8:8">
      <c r="H356653" s="12"/>
    </row>
    <row r="356654" spans="8:8">
      <c r="H356654" s="12"/>
    </row>
    <row r="356655" spans="8:8">
      <c r="H356655" s="12"/>
    </row>
    <row r="356656" spans="8:8">
      <c r="H356656" s="12"/>
    </row>
    <row r="356657" spans="8:8">
      <c r="H356657" s="12"/>
    </row>
    <row r="356658" spans="8:8">
      <c r="H356658" s="12"/>
    </row>
    <row r="356659" spans="8:8">
      <c r="H356659" s="12"/>
    </row>
    <row r="356660" spans="8:8">
      <c r="H356660" s="12"/>
    </row>
    <row r="356661" spans="8:8">
      <c r="H356661" s="12"/>
    </row>
    <row r="356662" spans="8:8">
      <c r="H356662" s="12"/>
    </row>
    <row r="356663" spans="8:8">
      <c r="H356663" s="12"/>
    </row>
    <row r="356664" spans="8:8">
      <c r="H356664" s="12"/>
    </row>
    <row r="356665" spans="8:8">
      <c r="H356665" s="12"/>
    </row>
    <row r="356666" spans="8:8">
      <c r="H356666" s="12"/>
    </row>
    <row r="356667" spans="8:8">
      <c r="H356667" s="12"/>
    </row>
    <row r="356668" spans="8:8">
      <c r="H356668" s="12"/>
    </row>
    <row r="356669" spans="8:8">
      <c r="H356669" s="12"/>
    </row>
    <row r="356670" spans="8:8">
      <c r="H356670" s="12"/>
    </row>
    <row r="356671" spans="8:8">
      <c r="H356671" s="12"/>
    </row>
    <row r="356672" spans="8:8">
      <c r="H356672" s="12"/>
    </row>
    <row r="356673" spans="8:8">
      <c r="H356673" s="12"/>
    </row>
    <row r="356674" spans="8:8">
      <c r="H356674" s="12"/>
    </row>
    <row r="356675" spans="8:8">
      <c r="H356675" s="12"/>
    </row>
    <row r="356676" spans="8:8">
      <c r="H356676" s="12"/>
    </row>
    <row r="356677" spans="8:8">
      <c r="H356677" s="12"/>
    </row>
    <row r="356678" spans="8:8">
      <c r="H356678" s="12"/>
    </row>
    <row r="356679" spans="8:8">
      <c r="H356679" s="12"/>
    </row>
    <row r="356680" spans="8:8">
      <c r="H356680" s="12"/>
    </row>
    <row r="356681" spans="8:8">
      <c r="H356681" s="12"/>
    </row>
    <row r="356682" spans="8:8">
      <c r="H356682" s="12"/>
    </row>
    <row r="356683" spans="8:8">
      <c r="H356683" s="12"/>
    </row>
    <row r="356684" spans="8:8">
      <c r="H356684" s="12"/>
    </row>
    <row r="356685" spans="8:8">
      <c r="H356685" s="12"/>
    </row>
    <row r="356686" spans="8:8">
      <c r="H356686" s="12"/>
    </row>
    <row r="356687" spans="8:8">
      <c r="H356687" s="12"/>
    </row>
    <row r="356688" spans="8:8">
      <c r="H356688" s="12"/>
    </row>
    <row r="356689" spans="8:8">
      <c r="H356689" s="12"/>
    </row>
    <row r="356690" spans="8:8">
      <c r="H356690" s="12"/>
    </row>
    <row r="356691" spans="8:8">
      <c r="H356691" s="12"/>
    </row>
    <row r="356692" spans="8:8">
      <c r="H356692" s="12"/>
    </row>
    <row r="356693" spans="8:8">
      <c r="H356693" s="12"/>
    </row>
    <row r="356694" spans="8:8">
      <c r="H356694" s="12"/>
    </row>
    <row r="356695" spans="8:8">
      <c r="H356695" s="12"/>
    </row>
    <row r="356696" spans="8:8">
      <c r="H356696" s="12"/>
    </row>
    <row r="356697" spans="8:8">
      <c r="H356697" s="12"/>
    </row>
    <row r="356698" spans="8:8">
      <c r="H356698" s="12"/>
    </row>
    <row r="356699" spans="8:8">
      <c r="H356699" s="12"/>
    </row>
    <row r="356700" spans="8:8">
      <c r="H356700" s="12"/>
    </row>
    <row r="356701" spans="8:8">
      <c r="H356701" s="12"/>
    </row>
    <row r="356702" spans="8:8">
      <c r="H356702" s="12"/>
    </row>
    <row r="356703" spans="8:8">
      <c r="H356703" s="12"/>
    </row>
    <row r="356704" spans="8:8">
      <c r="H356704" s="12"/>
    </row>
    <row r="356705" spans="8:8">
      <c r="H356705" s="12"/>
    </row>
    <row r="356706" spans="8:8">
      <c r="H356706" s="12"/>
    </row>
    <row r="356707" spans="8:8">
      <c r="H356707" s="12"/>
    </row>
    <row r="356708" spans="8:8">
      <c r="H356708" s="12"/>
    </row>
    <row r="356709" spans="8:8">
      <c r="H356709" s="12"/>
    </row>
    <row r="356710" spans="8:8">
      <c r="H356710" s="12"/>
    </row>
    <row r="356711" spans="8:8">
      <c r="H356711" s="12"/>
    </row>
    <row r="356712" spans="8:8">
      <c r="H356712" s="12"/>
    </row>
    <row r="356713" spans="8:8">
      <c r="H356713" s="12"/>
    </row>
    <row r="356714" spans="8:8">
      <c r="H356714" s="12"/>
    </row>
    <row r="356715" spans="8:8">
      <c r="H356715" s="12"/>
    </row>
    <row r="356716" spans="8:8">
      <c r="H356716" s="12"/>
    </row>
    <row r="356717" spans="8:8">
      <c r="H356717" s="12"/>
    </row>
    <row r="356718" spans="8:8">
      <c r="H356718" s="12"/>
    </row>
    <row r="356719" spans="8:8">
      <c r="H356719" s="12"/>
    </row>
    <row r="356720" spans="8:8">
      <c r="H356720" s="12"/>
    </row>
    <row r="356721" spans="8:8">
      <c r="H356721" s="12"/>
    </row>
    <row r="356722" spans="8:8">
      <c r="H356722" s="12"/>
    </row>
    <row r="356723" spans="8:8">
      <c r="H356723" s="12"/>
    </row>
    <row r="356724" spans="8:8">
      <c r="H356724" s="12"/>
    </row>
    <row r="356725" spans="8:8">
      <c r="H356725" s="12"/>
    </row>
    <row r="356726" spans="8:8">
      <c r="H356726" s="12"/>
    </row>
    <row r="356727" spans="8:8">
      <c r="H356727" s="12"/>
    </row>
    <row r="356728" spans="8:8">
      <c r="H356728" s="12"/>
    </row>
    <row r="356729" spans="8:8">
      <c r="H356729" s="12"/>
    </row>
    <row r="356730" spans="8:8">
      <c r="H356730" s="12"/>
    </row>
    <row r="356731" spans="8:8">
      <c r="H356731" s="12"/>
    </row>
    <row r="356732" spans="8:8">
      <c r="H356732" s="12"/>
    </row>
    <row r="356733" spans="8:8">
      <c r="H356733" s="12"/>
    </row>
    <row r="356734" spans="8:8">
      <c r="H356734" s="12"/>
    </row>
    <row r="356735" spans="8:8">
      <c r="H356735" s="12"/>
    </row>
    <row r="356736" spans="8:8">
      <c r="H356736" s="12"/>
    </row>
    <row r="356737" spans="8:8">
      <c r="H356737" s="12"/>
    </row>
    <row r="356738" spans="8:8">
      <c r="H356738" s="12"/>
    </row>
    <row r="356739" spans="8:8">
      <c r="H356739" s="12"/>
    </row>
    <row r="356740" spans="8:8">
      <c r="H356740" s="12"/>
    </row>
    <row r="356741" spans="8:8">
      <c r="H356741" s="12"/>
    </row>
    <row r="356742" spans="8:8">
      <c r="H356742" s="12"/>
    </row>
    <row r="356743" spans="8:8">
      <c r="H356743" s="12"/>
    </row>
    <row r="356744" spans="8:8">
      <c r="H356744" s="12"/>
    </row>
    <row r="356745" spans="8:8">
      <c r="H356745" s="12"/>
    </row>
    <row r="356746" spans="8:8">
      <c r="H356746" s="12"/>
    </row>
    <row r="356747" spans="8:8">
      <c r="H356747" s="12"/>
    </row>
    <row r="356748" spans="8:8">
      <c r="H356748" s="12"/>
    </row>
    <row r="356749" spans="8:8">
      <c r="H356749" s="12"/>
    </row>
    <row r="356750" spans="8:8">
      <c r="H356750" s="12"/>
    </row>
    <row r="356751" spans="8:8">
      <c r="H356751" s="12"/>
    </row>
    <row r="356752" spans="8:8">
      <c r="H356752" s="12"/>
    </row>
    <row r="356753" spans="8:8">
      <c r="H356753" s="12"/>
    </row>
    <row r="356754" spans="8:8">
      <c r="H356754" s="12"/>
    </row>
    <row r="356755" spans="8:8">
      <c r="H356755" s="12"/>
    </row>
    <row r="356756" spans="8:8">
      <c r="H356756" s="12"/>
    </row>
    <row r="356757" spans="8:8">
      <c r="H356757" s="12"/>
    </row>
    <row r="356758" spans="8:8">
      <c r="H356758" s="12"/>
    </row>
    <row r="356759" spans="8:8">
      <c r="H356759" s="12"/>
    </row>
    <row r="356760" spans="8:8">
      <c r="H356760" s="12"/>
    </row>
    <row r="356761" spans="8:8">
      <c r="H356761" s="12"/>
    </row>
    <row r="356762" spans="8:8">
      <c r="H356762" s="12"/>
    </row>
    <row r="356763" spans="8:8">
      <c r="H356763" s="12"/>
    </row>
    <row r="356764" spans="8:8">
      <c r="H356764" s="12"/>
    </row>
    <row r="356765" spans="8:8">
      <c r="H356765" s="12"/>
    </row>
    <row r="356766" spans="8:8">
      <c r="H356766" s="12"/>
    </row>
    <row r="356767" spans="8:8">
      <c r="H356767" s="12"/>
    </row>
    <row r="356768" spans="8:8">
      <c r="H356768" s="12"/>
    </row>
    <row r="356769" spans="8:8">
      <c r="H356769" s="12"/>
    </row>
    <row r="356770" spans="8:8">
      <c r="H356770" s="12"/>
    </row>
    <row r="356771" spans="8:8">
      <c r="H356771" s="12"/>
    </row>
    <row r="356772" spans="8:8">
      <c r="H356772" s="12"/>
    </row>
    <row r="356773" spans="8:8">
      <c r="H356773" s="12"/>
    </row>
    <row r="356774" spans="8:8">
      <c r="H356774" s="12"/>
    </row>
    <row r="356775" spans="8:8">
      <c r="H356775" s="12"/>
    </row>
    <row r="356776" spans="8:8">
      <c r="H356776" s="12"/>
    </row>
    <row r="356777" spans="8:8">
      <c r="H356777" s="12"/>
    </row>
    <row r="356778" spans="8:8">
      <c r="H356778" s="12"/>
    </row>
    <row r="356779" spans="8:8">
      <c r="H356779" s="12"/>
    </row>
    <row r="356780" spans="8:8">
      <c r="H356780" s="12"/>
    </row>
    <row r="356781" spans="8:8">
      <c r="H356781" s="12"/>
    </row>
    <row r="356782" spans="8:8">
      <c r="H356782" s="12"/>
    </row>
    <row r="356783" spans="8:8">
      <c r="H356783" s="12"/>
    </row>
    <row r="356784" spans="8:8">
      <c r="H356784" s="12"/>
    </row>
    <row r="356785" spans="8:8">
      <c r="H356785" s="12"/>
    </row>
    <row r="356786" spans="8:8">
      <c r="H356786" s="12"/>
    </row>
    <row r="356787" spans="8:8">
      <c r="H356787" s="12"/>
    </row>
    <row r="356788" spans="8:8">
      <c r="H356788" s="12"/>
    </row>
    <row r="356789" spans="8:8">
      <c r="H356789" s="12"/>
    </row>
    <row r="356790" spans="8:8">
      <c r="H356790" s="12"/>
    </row>
    <row r="356791" spans="8:8">
      <c r="H356791" s="12"/>
    </row>
    <row r="356792" spans="8:8">
      <c r="H356792" s="12"/>
    </row>
    <row r="356793" spans="8:8">
      <c r="H356793" s="12"/>
    </row>
    <row r="356794" spans="8:8">
      <c r="H356794" s="12"/>
    </row>
    <row r="356795" spans="8:8">
      <c r="H356795" s="12"/>
    </row>
    <row r="356796" spans="8:8">
      <c r="H356796" s="12"/>
    </row>
    <row r="356797" spans="8:8">
      <c r="H356797" s="12"/>
    </row>
    <row r="356798" spans="8:8">
      <c r="H356798" s="12"/>
    </row>
    <row r="356799" spans="8:8">
      <c r="H356799" s="12"/>
    </row>
    <row r="356800" spans="8:8">
      <c r="H356800" s="12"/>
    </row>
    <row r="356801" spans="8:8">
      <c r="H356801" s="12"/>
    </row>
    <row r="356802" spans="8:8">
      <c r="H356802" s="12"/>
    </row>
    <row r="356803" spans="8:8">
      <c r="H356803" s="12"/>
    </row>
    <row r="356804" spans="8:8">
      <c r="H356804" s="12"/>
    </row>
    <row r="356805" spans="8:8">
      <c r="H356805" s="12"/>
    </row>
    <row r="356806" spans="8:8">
      <c r="H356806" s="12"/>
    </row>
    <row r="356807" spans="8:8">
      <c r="H356807" s="12"/>
    </row>
    <row r="356808" spans="8:8">
      <c r="H356808" s="12"/>
    </row>
    <row r="356809" spans="8:8">
      <c r="H356809" s="12"/>
    </row>
    <row r="356810" spans="8:8">
      <c r="H356810" s="12"/>
    </row>
    <row r="356811" spans="8:8">
      <c r="H356811" s="12"/>
    </row>
    <row r="356812" spans="8:8">
      <c r="H356812" s="12"/>
    </row>
    <row r="356813" spans="8:8">
      <c r="H356813" s="12"/>
    </row>
    <row r="356814" spans="8:8">
      <c r="H356814" s="12"/>
    </row>
    <row r="356815" spans="8:8">
      <c r="H356815" s="12"/>
    </row>
    <row r="356816" spans="8:8">
      <c r="H356816" s="12"/>
    </row>
    <row r="356817" spans="8:8">
      <c r="H356817" s="12"/>
    </row>
    <row r="356818" spans="8:8">
      <c r="H356818" s="12"/>
    </row>
    <row r="356819" spans="8:8">
      <c r="H356819" s="12"/>
    </row>
    <row r="356820" spans="8:8">
      <c r="H356820" s="12"/>
    </row>
    <row r="356821" spans="8:8">
      <c r="H356821" s="12"/>
    </row>
    <row r="356822" spans="8:8">
      <c r="H356822" s="12"/>
    </row>
    <row r="356823" spans="8:8">
      <c r="H356823" s="12"/>
    </row>
    <row r="356824" spans="8:8">
      <c r="H356824" s="12"/>
    </row>
    <row r="356825" spans="8:8">
      <c r="H356825" s="12"/>
    </row>
    <row r="356826" spans="8:8">
      <c r="H356826" s="12"/>
    </row>
    <row r="356827" spans="8:8">
      <c r="H356827" s="12"/>
    </row>
    <row r="356828" spans="8:8">
      <c r="H356828" s="12"/>
    </row>
    <row r="356829" spans="8:8">
      <c r="H356829" s="12"/>
    </row>
    <row r="356830" spans="8:8">
      <c r="H356830" s="12"/>
    </row>
    <row r="356831" spans="8:8">
      <c r="H356831" s="12"/>
    </row>
    <row r="356832" spans="8:8">
      <c r="H356832" s="12"/>
    </row>
    <row r="356833" spans="8:8">
      <c r="H356833" s="12"/>
    </row>
    <row r="356834" spans="8:8">
      <c r="H356834" s="12"/>
    </row>
    <row r="356835" spans="8:8">
      <c r="H356835" s="12"/>
    </row>
    <row r="356836" spans="8:8">
      <c r="H356836" s="12"/>
    </row>
    <row r="356837" spans="8:8">
      <c r="H356837" s="12"/>
    </row>
    <row r="356838" spans="8:8">
      <c r="H356838" s="12"/>
    </row>
    <row r="356839" spans="8:8">
      <c r="H356839" s="12"/>
    </row>
    <row r="356840" spans="8:8">
      <c r="H356840" s="12"/>
    </row>
    <row r="356841" spans="8:8">
      <c r="H356841" s="12"/>
    </row>
    <row r="356842" spans="8:8">
      <c r="H356842" s="12"/>
    </row>
    <row r="356843" spans="8:8">
      <c r="H356843" s="12"/>
    </row>
    <row r="356844" spans="8:8">
      <c r="H356844" s="12"/>
    </row>
    <row r="356845" spans="8:8">
      <c r="H356845" s="12"/>
    </row>
    <row r="356846" spans="8:8">
      <c r="H356846" s="12"/>
    </row>
    <row r="356847" spans="8:8">
      <c r="H356847" s="12"/>
    </row>
    <row r="356848" spans="8:8">
      <c r="H356848" s="12"/>
    </row>
    <row r="356849" spans="8:8">
      <c r="H356849" s="12"/>
    </row>
    <row r="356850" spans="8:8">
      <c r="H356850" s="12"/>
    </row>
    <row r="356851" spans="8:8">
      <c r="H356851" s="12"/>
    </row>
    <row r="356852" spans="8:8">
      <c r="H356852" s="12"/>
    </row>
    <row r="356853" spans="8:8">
      <c r="H356853" s="12"/>
    </row>
    <row r="356854" spans="8:8">
      <c r="H356854" s="12"/>
    </row>
    <row r="356855" spans="8:8">
      <c r="H356855" s="12"/>
    </row>
    <row r="356856" spans="8:8">
      <c r="H356856" s="12"/>
    </row>
    <row r="356857" spans="8:8">
      <c r="H356857" s="12"/>
    </row>
    <row r="356858" spans="8:8">
      <c r="H356858" s="12"/>
    </row>
    <row r="356859" spans="8:8">
      <c r="H356859" s="12"/>
    </row>
    <row r="356860" spans="8:8">
      <c r="H356860" s="12"/>
    </row>
    <row r="356861" spans="8:8">
      <c r="H356861" s="12"/>
    </row>
    <row r="356862" spans="8:8">
      <c r="H356862" s="12"/>
    </row>
    <row r="356863" spans="8:8">
      <c r="H356863" s="12"/>
    </row>
    <row r="356864" spans="8:8">
      <c r="H356864" s="12"/>
    </row>
    <row r="356865" spans="8:8">
      <c r="H356865" s="12"/>
    </row>
    <row r="356866" spans="8:8">
      <c r="H356866" s="12"/>
    </row>
    <row r="356867" spans="8:8">
      <c r="H356867" s="12"/>
    </row>
    <row r="356868" spans="8:8">
      <c r="H356868" s="12"/>
    </row>
    <row r="356869" spans="8:8">
      <c r="H356869" s="12"/>
    </row>
    <row r="356870" spans="8:8">
      <c r="H356870" s="12"/>
    </row>
    <row r="356871" spans="8:8">
      <c r="H356871" s="12"/>
    </row>
    <row r="356872" spans="8:8">
      <c r="H356872" s="12"/>
    </row>
    <row r="356873" spans="8:8">
      <c r="H356873" s="12"/>
    </row>
    <row r="356874" spans="8:8">
      <c r="H356874" s="12"/>
    </row>
    <row r="356875" spans="8:8">
      <c r="H356875" s="12"/>
    </row>
    <row r="356876" spans="8:8">
      <c r="H356876" s="12"/>
    </row>
    <row r="356877" spans="8:8">
      <c r="H356877" s="12"/>
    </row>
    <row r="356878" spans="8:8">
      <c r="H356878" s="12"/>
    </row>
    <row r="356879" spans="8:8">
      <c r="H356879" s="12"/>
    </row>
    <row r="356880" spans="8:8">
      <c r="H356880" s="12"/>
    </row>
    <row r="356881" spans="8:8">
      <c r="H356881" s="12"/>
    </row>
    <row r="356882" spans="8:8">
      <c r="H356882" s="12"/>
    </row>
    <row r="356883" spans="8:8">
      <c r="H356883" s="12"/>
    </row>
    <row r="356884" spans="8:8">
      <c r="H356884" s="12"/>
    </row>
    <row r="356885" spans="8:8">
      <c r="H356885" s="12"/>
    </row>
    <row r="356886" spans="8:8">
      <c r="H356886" s="12"/>
    </row>
    <row r="356887" spans="8:8">
      <c r="H356887" s="12"/>
    </row>
    <row r="356888" spans="8:8">
      <c r="H356888" s="12"/>
    </row>
    <row r="356889" spans="8:8">
      <c r="H356889" s="12"/>
    </row>
    <row r="356890" spans="8:8">
      <c r="H356890" s="12"/>
    </row>
    <row r="356891" spans="8:8">
      <c r="H356891" s="12"/>
    </row>
    <row r="356892" spans="8:8">
      <c r="H356892" s="12"/>
    </row>
    <row r="356893" spans="8:8">
      <c r="H356893" s="12"/>
    </row>
    <row r="356894" spans="8:8">
      <c r="H356894" s="12"/>
    </row>
    <row r="356895" spans="8:8">
      <c r="H356895" s="12"/>
    </row>
    <row r="356896" spans="8:8">
      <c r="H356896" s="12"/>
    </row>
    <row r="356897" spans="8:8">
      <c r="H356897" s="12"/>
    </row>
    <row r="356898" spans="8:8">
      <c r="H356898" s="12"/>
    </row>
    <row r="356899" spans="8:8">
      <c r="H356899" s="12"/>
    </row>
    <row r="356900" spans="8:8">
      <c r="H356900" s="12"/>
    </row>
    <row r="356901" spans="8:8">
      <c r="H356901" s="12"/>
    </row>
    <row r="356902" spans="8:8">
      <c r="H356902" s="12"/>
    </row>
    <row r="356903" spans="8:8">
      <c r="H356903" s="12"/>
    </row>
    <row r="356904" spans="8:8">
      <c r="H356904" s="12"/>
    </row>
    <row r="356905" spans="8:8">
      <c r="H356905" s="12"/>
    </row>
    <row r="356906" spans="8:8">
      <c r="H356906" s="12"/>
    </row>
    <row r="356907" spans="8:8">
      <c r="H356907" s="12"/>
    </row>
    <row r="356908" spans="8:8">
      <c r="H356908" s="12"/>
    </row>
    <row r="356909" spans="8:8">
      <c r="H356909" s="12"/>
    </row>
    <row r="356910" spans="8:8">
      <c r="H356910" s="12"/>
    </row>
    <row r="356911" spans="8:8">
      <c r="H356911" s="12"/>
    </row>
    <row r="356912" spans="8:8">
      <c r="H356912" s="12"/>
    </row>
    <row r="356913" spans="8:8">
      <c r="H356913" s="12"/>
    </row>
    <row r="356914" spans="8:8">
      <c r="H356914" s="12"/>
    </row>
    <row r="356915" spans="8:8">
      <c r="H356915" s="12"/>
    </row>
    <row r="356916" spans="8:8">
      <c r="H356916" s="12"/>
    </row>
    <row r="356917" spans="8:8">
      <c r="H356917" s="12"/>
    </row>
    <row r="356918" spans="8:8">
      <c r="H356918" s="12"/>
    </row>
    <row r="356919" spans="8:8">
      <c r="H356919" s="12"/>
    </row>
    <row r="356920" spans="8:8">
      <c r="H356920" s="12"/>
    </row>
    <row r="356921" spans="8:8">
      <c r="H356921" s="12"/>
    </row>
    <row r="356922" spans="8:8">
      <c r="H356922" s="12"/>
    </row>
    <row r="356923" spans="8:8">
      <c r="H356923" s="12"/>
    </row>
    <row r="356924" spans="8:8">
      <c r="H356924" s="12"/>
    </row>
    <row r="356925" spans="8:8">
      <c r="H356925" s="12"/>
    </row>
    <row r="356926" spans="8:8">
      <c r="H356926" s="12"/>
    </row>
    <row r="356927" spans="8:8">
      <c r="H356927" s="12"/>
    </row>
    <row r="356928" spans="8:8">
      <c r="H356928" s="12"/>
    </row>
    <row r="356929" spans="8:8">
      <c r="H356929" s="12"/>
    </row>
    <row r="356930" spans="8:8">
      <c r="H356930" s="12"/>
    </row>
    <row r="356931" spans="8:8">
      <c r="H356931" s="12"/>
    </row>
    <row r="356932" spans="8:8">
      <c r="H356932" s="12"/>
    </row>
    <row r="356933" spans="8:8">
      <c r="H356933" s="12"/>
    </row>
    <row r="356934" spans="8:8">
      <c r="H356934" s="12"/>
    </row>
    <row r="356935" spans="8:8">
      <c r="H356935" s="12"/>
    </row>
    <row r="356936" spans="8:8">
      <c r="H356936" s="12"/>
    </row>
    <row r="356937" spans="8:8">
      <c r="H356937" s="12"/>
    </row>
    <row r="356938" spans="8:8">
      <c r="H356938" s="12"/>
    </row>
    <row r="356939" spans="8:8">
      <c r="H356939" s="12"/>
    </row>
    <row r="356940" spans="8:8">
      <c r="H356940" s="12"/>
    </row>
    <row r="356941" spans="8:8">
      <c r="H356941" s="12"/>
    </row>
    <row r="356942" spans="8:8">
      <c r="H356942" s="12"/>
    </row>
    <row r="356943" spans="8:8">
      <c r="H356943" s="12"/>
    </row>
    <row r="356944" spans="8:8">
      <c r="H356944" s="12"/>
    </row>
    <row r="356945" spans="8:8">
      <c r="H356945" s="12"/>
    </row>
    <row r="356946" spans="8:8">
      <c r="H356946" s="12"/>
    </row>
    <row r="356947" spans="8:8">
      <c r="H356947" s="12"/>
    </row>
    <row r="356948" spans="8:8">
      <c r="H356948" s="12"/>
    </row>
    <row r="356949" spans="8:8">
      <c r="H356949" s="12"/>
    </row>
    <row r="356950" spans="8:8">
      <c r="H356950" s="12"/>
    </row>
    <row r="356951" spans="8:8">
      <c r="H356951" s="12"/>
    </row>
    <row r="356952" spans="8:8">
      <c r="H356952" s="12"/>
    </row>
    <row r="356953" spans="8:8">
      <c r="H356953" s="12"/>
    </row>
    <row r="356954" spans="8:8">
      <c r="H356954" s="12"/>
    </row>
    <row r="356955" spans="8:8">
      <c r="H356955" s="12"/>
    </row>
    <row r="356956" spans="8:8">
      <c r="H356956" s="12"/>
    </row>
    <row r="356957" spans="8:8">
      <c r="H356957" s="12"/>
    </row>
    <row r="356958" spans="8:8">
      <c r="H356958" s="12"/>
    </row>
    <row r="356959" spans="8:8">
      <c r="H356959" s="12"/>
    </row>
    <row r="356960" spans="8:8">
      <c r="H356960" s="12"/>
    </row>
    <row r="356961" spans="8:8">
      <c r="H356961" s="12"/>
    </row>
    <row r="356962" spans="8:8">
      <c r="H356962" s="12"/>
    </row>
    <row r="356963" spans="8:8">
      <c r="H356963" s="12"/>
    </row>
    <row r="356964" spans="8:8">
      <c r="H356964" s="12"/>
    </row>
    <row r="356965" spans="8:8">
      <c r="H356965" s="12"/>
    </row>
    <row r="356966" spans="8:8">
      <c r="H356966" s="12"/>
    </row>
    <row r="356967" spans="8:8">
      <c r="H356967" s="12"/>
    </row>
    <row r="356968" spans="8:8">
      <c r="H356968" s="12"/>
    </row>
    <row r="356969" spans="8:8">
      <c r="H356969" s="12"/>
    </row>
    <row r="356970" spans="8:8">
      <c r="H356970" s="12"/>
    </row>
    <row r="356971" spans="8:8">
      <c r="H356971" s="12"/>
    </row>
    <row r="356972" spans="8:8">
      <c r="H356972" s="12"/>
    </row>
    <row r="356973" spans="8:8">
      <c r="H356973" s="12"/>
    </row>
    <row r="356974" spans="8:8">
      <c r="H356974" s="12"/>
    </row>
    <row r="356975" spans="8:8">
      <c r="H356975" s="12"/>
    </row>
    <row r="356976" spans="8:8">
      <c r="H356976" s="12"/>
    </row>
    <row r="356977" spans="8:8">
      <c r="H356977" s="12"/>
    </row>
    <row r="356978" spans="8:8">
      <c r="H356978" s="12"/>
    </row>
    <row r="356979" spans="8:8">
      <c r="H356979" s="12"/>
    </row>
    <row r="356980" spans="8:8">
      <c r="H356980" s="12"/>
    </row>
    <row r="356981" spans="8:8">
      <c r="H356981" s="12"/>
    </row>
    <row r="356982" spans="8:8">
      <c r="H356982" s="12"/>
    </row>
    <row r="356983" spans="8:8">
      <c r="H356983" s="12"/>
    </row>
    <row r="356984" spans="8:8">
      <c r="H356984" s="12"/>
    </row>
    <row r="356985" spans="8:8">
      <c r="H356985" s="12"/>
    </row>
    <row r="356986" spans="8:8">
      <c r="H356986" s="12"/>
    </row>
    <row r="356987" spans="8:8">
      <c r="H356987" s="12"/>
    </row>
    <row r="356988" spans="8:8">
      <c r="H356988" s="12"/>
    </row>
    <row r="356989" spans="8:8">
      <c r="H356989" s="12"/>
    </row>
    <row r="356990" spans="8:8">
      <c r="H356990" s="12"/>
    </row>
    <row r="356991" spans="8:8">
      <c r="H356991" s="12"/>
    </row>
    <row r="356992" spans="8:8">
      <c r="H356992" s="12"/>
    </row>
    <row r="356993" spans="8:8">
      <c r="H356993" s="12"/>
    </row>
    <row r="356994" spans="8:8">
      <c r="H356994" s="12"/>
    </row>
    <row r="356995" spans="8:8">
      <c r="H356995" s="12"/>
    </row>
    <row r="356996" spans="8:8">
      <c r="H356996" s="12"/>
    </row>
    <row r="356997" spans="8:8">
      <c r="H356997" s="12"/>
    </row>
    <row r="356998" spans="8:8">
      <c r="H356998" s="12"/>
    </row>
    <row r="356999" spans="8:8">
      <c r="H356999" s="12"/>
    </row>
    <row r="357000" spans="8:8">
      <c r="H357000" s="12"/>
    </row>
    <row r="357001" spans="8:8">
      <c r="H357001" s="12"/>
    </row>
    <row r="357002" spans="8:8">
      <c r="H357002" s="12"/>
    </row>
    <row r="357003" spans="8:8">
      <c r="H357003" s="12"/>
    </row>
    <row r="357004" spans="8:8">
      <c r="H357004" s="12"/>
    </row>
    <row r="357005" spans="8:8">
      <c r="H357005" s="12"/>
    </row>
    <row r="357006" spans="8:8">
      <c r="H357006" s="12"/>
    </row>
    <row r="357007" spans="8:8">
      <c r="H357007" s="12"/>
    </row>
    <row r="357008" spans="8:8">
      <c r="H357008" s="12"/>
    </row>
    <row r="357009" spans="8:8">
      <c r="H357009" s="12"/>
    </row>
    <row r="357010" spans="8:8">
      <c r="H357010" s="12"/>
    </row>
    <row r="357011" spans="8:8">
      <c r="H357011" s="12"/>
    </row>
    <row r="357012" spans="8:8">
      <c r="H357012" s="12"/>
    </row>
    <row r="357013" spans="8:8">
      <c r="H357013" s="12"/>
    </row>
    <row r="357014" spans="8:8">
      <c r="H357014" s="12"/>
    </row>
    <row r="357015" spans="8:8">
      <c r="H357015" s="12"/>
    </row>
    <row r="357016" spans="8:8">
      <c r="H357016" s="12"/>
    </row>
    <row r="357017" spans="8:8">
      <c r="H357017" s="12"/>
    </row>
    <row r="357018" spans="8:8">
      <c r="H357018" s="12"/>
    </row>
    <row r="357019" spans="8:8">
      <c r="H357019" s="12"/>
    </row>
    <row r="357020" spans="8:8">
      <c r="H357020" s="12"/>
    </row>
    <row r="357021" spans="8:8">
      <c r="H357021" s="12"/>
    </row>
    <row r="357022" spans="8:8">
      <c r="H357022" s="12"/>
    </row>
    <row r="357023" spans="8:8">
      <c r="H357023" s="12"/>
    </row>
    <row r="357024" spans="8:8">
      <c r="H357024" s="12"/>
    </row>
    <row r="357025" spans="8:8">
      <c r="H357025" s="12"/>
    </row>
    <row r="357026" spans="8:8">
      <c r="H357026" s="12"/>
    </row>
    <row r="357027" spans="8:8">
      <c r="H357027" s="12"/>
    </row>
    <row r="357028" spans="8:8">
      <c r="H357028" s="12"/>
    </row>
    <row r="357029" spans="8:8">
      <c r="H357029" s="12"/>
    </row>
    <row r="357030" spans="8:8">
      <c r="H357030" s="12"/>
    </row>
    <row r="357031" spans="8:8">
      <c r="H357031" s="12"/>
    </row>
    <row r="357032" spans="8:8">
      <c r="H357032" s="12"/>
    </row>
    <row r="357033" spans="8:8">
      <c r="H357033" s="12"/>
    </row>
    <row r="357034" spans="8:8">
      <c r="H357034" s="12"/>
    </row>
    <row r="357035" spans="8:8">
      <c r="H357035" s="12"/>
    </row>
    <row r="357036" spans="8:8">
      <c r="H357036" s="12"/>
    </row>
    <row r="357037" spans="8:8">
      <c r="H357037" s="12"/>
    </row>
    <row r="357038" spans="8:8">
      <c r="H357038" s="12"/>
    </row>
    <row r="357039" spans="8:8">
      <c r="H357039" s="12"/>
    </row>
    <row r="357040" spans="8:8">
      <c r="H357040" s="12"/>
    </row>
    <row r="357041" spans="8:8">
      <c r="H357041" s="12"/>
    </row>
    <row r="357042" spans="8:8">
      <c r="H357042" s="12"/>
    </row>
    <row r="357043" spans="8:8">
      <c r="H357043" s="12"/>
    </row>
    <row r="357044" spans="8:8">
      <c r="H357044" s="12"/>
    </row>
    <row r="357045" spans="8:8">
      <c r="H357045" s="12"/>
    </row>
    <row r="357046" spans="8:8">
      <c r="H357046" s="12"/>
    </row>
    <row r="357047" spans="8:8">
      <c r="H357047" s="12"/>
    </row>
    <row r="357048" spans="8:8">
      <c r="H357048" s="12"/>
    </row>
    <row r="357049" spans="8:8">
      <c r="H357049" s="12"/>
    </row>
    <row r="357050" spans="8:8">
      <c r="H357050" s="12"/>
    </row>
    <row r="357051" spans="8:8">
      <c r="H357051" s="12"/>
    </row>
    <row r="357052" spans="8:8">
      <c r="H357052" s="12"/>
    </row>
    <row r="357053" spans="8:8">
      <c r="H357053" s="12"/>
    </row>
    <row r="357054" spans="8:8">
      <c r="H357054" s="12"/>
    </row>
    <row r="357055" spans="8:8">
      <c r="H357055" s="12"/>
    </row>
    <row r="357056" spans="8:8">
      <c r="H357056" s="12"/>
    </row>
    <row r="357057" spans="8:8">
      <c r="H357057" s="12"/>
    </row>
    <row r="357058" spans="8:8">
      <c r="H357058" s="12"/>
    </row>
    <row r="357059" spans="8:8">
      <c r="H357059" s="12"/>
    </row>
    <row r="357060" spans="8:8">
      <c r="H357060" s="12"/>
    </row>
    <row r="357061" spans="8:8">
      <c r="H357061" s="12"/>
    </row>
    <row r="357062" spans="8:8">
      <c r="H357062" s="12"/>
    </row>
    <row r="357063" spans="8:8">
      <c r="H357063" s="12"/>
    </row>
    <row r="357064" spans="8:8">
      <c r="H357064" s="12"/>
    </row>
    <row r="357065" spans="8:8">
      <c r="H357065" s="12"/>
    </row>
    <row r="357066" spans="8:8">
      <c r="H357066" s="12"/>
    </row>
    <row r="357067" spans="8:8">
      <c r="H357067" s="12"/>
    </row>
    <row r="357068" spans="8:8">
      <c r="H357068" s="12"/>
    </row>
    <row r="357069" spans="8:8">
      <c r="H357069" s="12"/>
    </row>
    <row r="357070" spans="8:8">
      <c r="H357070" s="12"/>
    </row>
    <row r="357071" spans="8:8">
      <c r="H357071" s="12"/>
    </row>
    <row r="357072" spans="8:8">
      <c r="H357072" s="12"/>
    </row>
    <row r="357073" spans="8:8">
      <c r="H357073" s="12"/>
    </row>
    <row r="357074" spans="8:8">
      <c r="H357074" s="12"/>
    </row>
    <row r="357075" spans="8:8">
      <c r="H357075" s="12"/>
    </row>
    <row r="357076" spans="8:8">
      <c r="H357076" s="12"/>
    </row>
    <row r="357077" spans="8:8">
      <c r="H357077" s="12"/>
    </row>
    <row r="357078" spans="8:8">
      <c r="H357078" s="12"/>
    </row>
    <row r="357079" spans="8:8">
      <c r="H357079" s="12"/>
    </row>
    <row r="357080" spans="8:8">
      <c r="H357080" s="12"/>
    </row>
    <row r="357081" spans="8:8">
      <c r="H357081" s="12"/>
    </row>
    <row r="357082" spans="8:8">
      <c r="H357082" s="12"/>
    </row>
    <row r="357083" spans="8:8">
      <c r="H357083" s="12"/>
    </row>
    <row r="357084" spans="8:8">
      <c r="H357084" s="12"/>
    </row>
    <row r="357085" spans="8:8">
      <c r="H357085" s="12"/>
    </row>
    <row r="357086" spans="8:8">
      <c r="H357086" s="12"/>
    </row>
    <row r="357087" spans="8:8">
      <c r="H357087" s="12"/>
    </row>
    <row r="357088" spans="8:8">
      <c r="H357088" s="12"/>
    </row>
    <row r="357089" spans="8:8">
      <c r="H357089" s="12"/>
    </row>
    <row r="357090" spans="8:8">
      <c r="H357090" s="12"/>
    </row>
    <row r="357091" spans="8:8">
      <c r="H357091" s="12"/>
    </row>
    <row r="357092" spans="8:8">
      <c r="H357092" s="12"/>
    </row>
    <row r="357093" spans="8:8">
      <c r="H357093" s="12"/>
    </row>
    <row r="357094" spans="8:8">
      <c r="H357094" s="12"/>
    </row>
    <row r="357095" spans="8:8">
      <c r="H357095" s="12"/>
    </row>
    <row r="357096" spans="8:8">
      <c r="H357096" s="12"/>
    </row>
    <row r="357097" spans="8:8">
      <c r="H357097" s="12"/>
    </row>
    <row r="357098" spans="8:8">
      <c r="H357098" s="12"/>
    </row>
    <row r="357099" spans="8:8">
      <c r="H357099" s="12"/>
    </row>
    <row r="357100" spans="8:8">
      <c r="H357100" s="12"/>
    </row>
    <row r="357101" spans="8:8">
      <c r="H357101" s="12"/>
    </row>
    <row r="357102" spans="8:8">
      <c r="H357102" s="12"/>
    </row>
    <row r="357103" spans="8:8">
      <c r="H357103" s="12"/>
    </row>
    <row r="357104" spans="8:8">
      <c r="H357104" s="12"/>
    </row>
    <row r="357105" spans="8:8">
      <c r="H357105" s="12"/>
    </row>
    <row r="357106" spans="8:8">
      <c r="H357106" s="12"/>
    </row>
    <row r="357107" spans="8:8">
      <c r="H357107" s="12"/>
    </row>
    <row r="357108" spans="8:8">
      <c r="H357108" s="12"/>
    </row>
    <row r="357109" spans="8:8">
      <c r="H357109" s="12"/>
    </row>
    <row r="357110" spans="8:8">
      <c r="H357110" s="12"/>
    </row>
    <row r="357111" spans="8:8">
      <c r="H357111" s="12"/>
    </row>
    <row r="357112" spans="8:8">
      <c r="H357112" s="12"/>
    </row>
    <row r="357113" spans="8:8">
      <c r="H357113" s="12"/>
    </row>
    <row r="357114" spans="8:8">
      <c r="H357114" s="12"/>
    </row>
    <row r="357115" spans="8:8">
      <c r="H357115" s="12"/>
    </row>
    <row r="357116" spans="8:8">
      <c r="H357116" s="12"/>
    </row>
    <row r="357117" spans="8:8">
      <c r="H357117" s="12"/>
    </row>
    <row r="357118" spans="8:8">
      <c r="H357118" s="12"/>
    </row>
    <row r="357119" spans="8:8">
      <c r="H357119" s="12"/>
    </row>
    <row r="357120" spans="8:8">
      <c r="H357120" s="12"/>
    </row>
    <row r="357121" spans="8:8">
      <c r="H357121" s="12"/>
    </row>
    <row r="357122" spans="8:8">
      <c r="H357122" s="12"/>
    </row>
    <row r="357123" spans="8:8">
      <c r="H357123" s="12"/>
    </row>
    <row r="357124" spans="8:8">
      <c r="H357124" s="12"/>
    </row>
    <row r="357125" spans="8:8">
      <c r="H357125" s="12"/>
    </row>
    <row r="357126" spans="8:8">
      <c r="H357126" s="12"/>
    </row>
    <row r="357127" spans="8:8">
      <c r="H357127" s="12"/>
    </row>
    <row r="357128" spans="8:8">
      <c r="H357128" s="12"/>
    </row>
    <row r="357129" spans="8:8">
      <c r="H357129" s="12"/>
    </row>
    <row r="357130" spans="8:8">
      <c r="H357130" s="12"/>
    </row>
    <row r="357131" spans="8:8">
      <c r="H357131" s="12"/>
    </row>
    <row r="357132" spans="8:8">
      <c r="H357132" s="12"/>
    </row>
    <row r="357133" spans="8:8">
      <c r="H357133" s="12"/>
    </row>
    <row r="357134" spans="8:8">
      <c r="H357134" s="12"/>
    </row>
    <row r="357135" spans="8:8">
      <c r="H357135" s="12"/>
    </row>
    <row r="357136" spans="8:8">
      <c r="H357136" s="12"/>
    </row>
    <row r="357137" spans="8:8">
      <c r="H357137" s="12"/>
    </row>
    <row r="357138" spans="8:8">
      <c r="H357138" s="12"/>
    </row>
    <row r="357139" spans="8:8">
      <c r="H357139" s="12"/>
    </row>
    <row r="357140" spans="8:8">
      <c r="H357140" s="12"/>
    </row>
    <row r="357141" spans="8:8">
      <c r="H357141" s="12"/>
    </row>
    <row r="357142" spans="8:8">
      <c r="H357142" s="12"/>
    </row>
    <row r="357143" spans="8:8">
      <c r="H357143" s="12"/>
    </row>
    <row r="357144" spans="8:8">
      <c r="H357144" s="12"/>
    </row>
    <row r="357145" spans="8:8">
      <c r="H357145" s="12"/>
    </row>
    <row r="357146" spans="8:8">
      <c r="H357146" s="12"/>
    </row>
    <row r="357147" spans="8:8">
      <c r="H357147" s="12"/>
    </row>
    <row r="357148" spans="8:8">
      <c r="H357148" s="12"/>
    </row>
    <row r="357149" spans="8:8">
      <c r="H357149" s="12"/>
    </row>
    <row r="357150" spans="8:8">
      <c r="H357150" s="12"/>
    </row>
    <row r="357151" spans="8:8">
      <c r="H357151" s="12"/>
    </row>
    <row r="357152" spans="8:8">
      <c r="H357152" s="12"/>
    </row>
    <row r="357153" spans="8:8">
      <c r="H357153" s="12"/>
    </row>
    <row r="357154" spans="8:8">
      <c r="H357154" s="12"/>
    </row>
    <row r="357155" spans="8:8">
      <c r="H357155" s="12"/>
    </row>
    <row r="357156" spans="8:8">
      <c r="H357156" s="12"/>
    </row>
    <row r="357157" spans="8:8">
      <c r="H357157" s="12"/>
    </row>
    <row r="357158" spans="8:8">
      <c r="H357158" s="12"/>
    </row>
    <row r="357159" spans="8:8">
      <c r="H357159" s="12"/>
    </row>
    <row r="357160" spans="8:8">
      <c r="H357160" s="12"/>
    </row>
    <row r="357161" spans="8:8">
      <c r="H357161" s="12"/>
    </row>
    <row r="357162" spans="8:8">
      <c r="H357162" s="12"/>
    </row>
    <row r="357163" spans="8:8">
      <c r="H357163" s="12"/>
    </row>
    <row r="357164" spans="8:8">
      <c r="H357164" s="12"/>
    </row>
    <row r="357165" spans="8:8">
      <c r="H357165" s="12"/>
    </row>
    <row r="357166" spans="8:8">
      <c r="H357166" s="12"/>
    </row>
    <row r="357167" spans="8:8">
      <c r="H357167" s="12"/>
    </row>
    <row r="357168" spans="8:8">
      <c r="H357168" s="12"/>
    </row>
    <row r="357169" spans="8:8">
      <c r="H357169" s="12"/>
    </row>
    <row r="357170" spans="8:8">
      <c r="H357170" s="12"/>
    </row>
    <row r="357171" spans="8:8">
      <c r="H357171" s="12"/>
    </row>
    <row r="357172" spans="8:8">
      <c r="H357172" s="12"/>
    </row>
    <row r="357173" spans="8:8">
      <c r="H357173" s="12"/>
    </row>
    <row r="357174" spans="8:8">
      <c r="H357174" s="12"/>
    </row>
    <row r="357175" spans="8:8">
      <c r="H357175" s="12"/>
    </row>
    <row r="357176" spans="8:8">
      <c r="H357176" s="12"/>
    </row>
    <row r="357177" spans="8:8">
      <c r="H357177" s="12"/>
    </row>
    <row r="357178" spans="8:8">
      <c r="H357178" s="12"/>
    </row>
    <row r="357179" spans="8:8">
      <c r="H357179" s="12"/>
    </row>
    <row r="357180" spans="8:8">
      <c r="H357180" s="12"/>
    </row>
    <row r="357181" spans="8:8">
      <c r="H357181" s="12"/>
    </row>
    <row r="357182" spans="8:8">
      <c r="H357182" s="12"/>
    </row>
    <row r="357183" spans="8:8">
      <c r="H357183" s="12"/>
    </row>
    <row r="357184" spans="8:8">
      <c r="H357184" s="12"/>
    </row>
    <row r="357185" spans="8:8">
      <c r="H357185" s="12"/>
    </row>
    <row r="357186" spans="8:8">
      <c r="H357186" s="12"/>
    </row>
    <row r="357187" spans="8:8">
      <c r="H357187" s="12"/>
    </row>
    <row r="357188" spans="8:8">
      <c r="H357188" s="12"/>
    </row>
    <row r="357189" spans="8:8">
      <c r="H357189" s="12"/>
    </row>
    <row r="357190" spans="8:8">
      <c r="H357190" s="12"/>
    </row>
    <row r="357191" spans="8:8">
      <c r="H357191" s="12"/>
    </row>
    <row r="357192" spans="8:8">
      <c r="H357192" s="12"/>
    </row>
    <row r="357193" spans="8:8">
      <c r="H357193" s="12"/>
    </row>
    <row r="357194" spans="8:8">
      <c r="H357194" s="12"/>
    </row>
    <row r="357195" spans="8:8">
      <c r="H357195" s="12"/>
    </row>
    <row r="357196" spans="8:8">
      <c r="H357196" s="12"/>
    </row>
    <row r="357197" spans="8:8">
      <c r="H357197" s="12"/>
    </row>
    <row r="357198" spans="8:8">
      <c r="H357198" s="12"/>
    </row>
    <row r="357199" spans="8:8">
      <c r="H357199" s="12"/>
    </row>
    <row r="357200" spans="8:8">
      <c r="H357200" s="12"/>
    </row>
    <row r="357201" spans="8:8">
      <c r="H357201" s="12"/>
    </row>
    <row r="357202" spans="8:8">
      <c r="H357202" s="12"/>
    </row>
    <row r="357203" spans="8:8">
      <c r="H357203" s="12"/>
    </row>
    <row r="357204" spans="8:8">
      <c r="H357204" s="12"/>
    </row>
    <row r="357205" spans="8:8">
      <c r="H357205" s="12"/>
    </row>
    <row r="357206" spans="8:8">
      <c r="H357206" s="12"/>
    </row>
    <row r="357207" spans="8:8">
      <c r="H357207" s="12"/>
    </row>
    <row r="357208" spans="8:8">
      <c r="H357208" s="12"/>
    </row>
    <row r="357209" spans="8:8">
      <c r="H357209" s="12"/>
    </row>
    <row r="357210" spans="8:8">
      <c r="H357210" s="12"/>
    </row>
    <row r="357211" spans="8:8">
      <c r="H357211" s="12"/>
    </row>
    <row r="357212" spans="8:8">
      <c r="H357212" s="12"/>
    </row>
    <row r="357213" spans="8:8">
      <c r="H357213" s="12"/>
    </row>
    <row r="357214" spans="8:8">
      <c r="H357214" s="12"/>
    </row>
    <row r="357215" spans="8:8">
      <c r="H357215" s="12"/>
    </row>
    <row r="357216" spans="8:8">
      <c r="H357216" s="12"/>
    </row>
    <row r="357217" spans="8:8">
      <c r="H357217" s="12"/>
    </row>
    <row r="357218" spans="8:8">
      <c r="H357218" s="12"/>
    </row>
    <row r="357219" spans="8:8">
      <c r="H357219" s="12"/>
    </row>
    <row r="357220" spans="8:8">
      <c r="H357220" s="12"/>
    </row>
    <row r="357221" spans="8:8">
      <c r="H357221" s="12"/>
    </row>
    <row r="357222" spans="8:8">
      <c r="H357222" s="12"/>
    </row>
    <row r="357223" spans="8:8">
      <c r="H357223" s="12"/>
    </row>
    <row r="357224" spans="8:8">
      <c r="H357224" s="12"/>
    </row>
    <row r="357225" spans="8:8">
      <c r="H357225" s="12"/>
    </row>
    <row r="357226" spans="8:8">
      <c r="H357226" s="12"/>
    </row>
    <row r="357227" spans="8:8">
      <c r="H357227" s="12"/>
    </row>
    <row r="357228" spans="8:8">
      <c r="H357228" s="12"/>
    </row>
    <row r="357229" spans="8:8">
      <c r="H357229" s="12"/>
    </row>
    <row r="357230" spans="8:8">
      <c r="H357230" s="12"/>
    </row>
    <row r="357231" spans="8:8">
      <c r="H357231" s="12"/>
    </row>
    <row r="357232" spans="8:8">
      <c r="H357232" s="12"/>
    </row>
    <row r="357233" spans="8:8">
      <c r="H357233" s="12"/>
    </row>
    <row r="357234" spans="8:8">
      <c r="H357234" s="12"/>
    </row>
    <row r="357235" spans="8:8">
      <c r="H357235" s="12"/>
    </row>
    <row r="357236" spans="8:8">
      <c r="H357236" s="12"/>
    </row>
    <row r="357237" spans="8:8">
      <c r="H357237" s="12"/>
    </row>
    <row r="357238" spans="8:8">
      <c r="H357238" s="12"/>
    </row>
    <row r="357239" spans="8:8">
      <c r="H357239" s="12"/>
    </row>
    <row r="357240" spans="8:8">
      <c r="H357240" s="12"/>
    </row>
    <row r="357241" spans="8:8">
      <c r="H357241" s="12"/>
    </row>
    <row r="357242" spans="8:8">
      <c r="H357242" s="12"/>
    </row>
    <row r="357243" spans="8:8">
      <c r="H357243" s="12"/>
    </row>
    <row r="357244" spans="8:8">
      <c r="H357244" s="12"/>
    </row>
    <row r="357245" spans="8:8">
      <c r="H357245" s="12"/>
    </row>
    <row r="357246" spans="8:8">
      <c r="H357246" s="12"/>
    </row>
    <row r="357247" spans="8:8">
      <c r="H357247" s="12"/>
    </row>
    <row r="357248" spans="8:8">
      <c r="H357248" s="12"/>
    </row>
    <row r="357249" spans="8:8">
      <c r="H357249" s="12"/>
    </row>
    <row r="357250" spans="8:8">
      <c r="H357250" s="12"/>
    </row>
    <row r="357251" spans="8:8">
      <c r="H357251" s="12"/>
    </row>
    <row r="357252" spans="8:8">
      <c r="H357252" s="12"/>
    </row>
    <row r="357253" spans="8:8">
      <c r="H357253" s="12"/>
    </row>
    <row r="357254" spans="8:8">
      <c r="H357254" s="12"/>
    </row>
    <row r="357255" spans="8:8">
      <c r="H357255" s="12"/>
    </row>
    <row r="357256" spans="8:8">
      <c r="H357256" s="12"/>
    </row>
    <row r="357257" spans="8:8">
      <c r="H357257" s="12"/>
    </row>
    <row r="357258" spans="8:8">
      <c r="H357258" s="12"/>
    </row>
    <row r="357259" spans="8:8">
      <c r="H357259" s="12"/>
    </row>
    <row r="357260" spans="8:8">
      <c r="H357260" s="12"/>
    </row>
    <row r="357261" spans="8:8">
      <c r="H357261" s="12"/>
    </row>
    <row r="357262" spans="8:8">
      <c r="H357262" s="12"/>
    </row>
    <row r="357263" spans="8:8">
      <c r="H357263" s="12"/>
    </row>
    <row r="357264" spans="8:8">
      <c r="H357264" s="12"/>
    </row>
    <row r="357265" spans="8:8">
      <c r="H357265" s="12"/>
    </row>
    <row r="357266" spans="8:8">
      <c r="H357266" s="12"/>
    </row>
    <row r="357267" spans="8:8">
      <c r="H357267" s="12"/>
    </row>
    <row r="357268" spans="8:8">
      <c r="H357268" s="12"/>
    </row>
    <row r="357269" spans="8:8">
      <c r="H357269" s="12"/>
    </row>
    <row r="357270" spans="8:8">
      <c r="H357270" s="12"/>
    </row>
    <row r="357271" spans="8:8">
      <c r="H357271" s="12"/>
    </row>
    <row r="357272" spans="8:8">
      <c r="H357272" s="12"/>
    </row>
    <row r="357273" spans="8:8">
      <c r="H357273" s="12"/>
    </row>
    <row r="357274" spans="8:8">
      <c r="H357274" s="12"/>
    </row>
    <row r="357275" spans="8:8">
      <c r="H357275" s="12"/>
    </row>
    <row r="357276" spans="8:8">
      <c r="H357276" s="12"/>
    </row>
    <row r="357277" spans="8:8">
      <c r="H357277" s="12"/>
    </row>
    <row r="357278" spans="8:8">
      <c r="H357278" s="12"/>
    </row>
    <row r="357279" spans="8:8">
      <c r="H357279" s="12"/>
    </row>
    <row r="357280" spans="8:8">
      <c r="H357280" s="12"/>
    </row>
    <row r="357281" spans="8:8">
      <c r="H357281" s="12"/>
    </row>
    <row r="357282" spans="8:8">
      <c r="H357282" s="12"/>
    </row>
    <row r="357283" spans="8:8">
      <c r="H357283" s="12"/>
    </row>
    <row r="357284" spans="8:8">
      <c r="H357284" s="12"/>
    </row>
    <row r="357285" spans="8:8">
      <c r="H357285" s="12"/>
    </row>
    <row r="357286" spans="8:8">
      <c r="H357286" s="12"/>
    </row>
    <row r="357287" spans="8:8">
      <c r="H357287" s="12"/>
    </row>
    <row r="357288" spans="8:8">
      <c r="H357288" s="12"/>
    </row>
    <row r="357289" spans="8:8">
      <c r="H357289" s="12"/>
    </row>
    <row r="357290" spans="8:8">
      <c r="H357290" s="12"/>
    </row>
    <row r="357291" spans="8:8">
      <c r="H357291" s="12"/>
    </row>
    <row r="357292" spans="8:8">
      <c r="H357292" s="12"/>
    </row>
    <row r="357293" spans="8:8">
      <c r="H357293" s="12"/>
    </row>
    <row r="357294" spans="8:8">
      <c r="H357294" s="12"/>
    </row>
    <row r="357295" spans="8:8">
      <c r="H357295" s="12"/>
    </row>
    <row r="357296" spans="8:8">
      <c r="H357296" s="12"/>
    </row>
    <row r="357297" spans="8:8">
      <c r="H357297" s="12"/>
    </row>
    <row r="357298" spans="8:8">
      <c r="H357298" s="12"/>
    </row>
    <row r="357299" spans="8:8">
      <c r="H357299" s="12"/>
    </row>
    <row r="357300" spans="8:8">
      <c r="H357300" s="12"/>
    </row>
    <row r="357301" spans="8:8">
      <c r="H357301" s="12"/>
    </row>
    <row r="357302" spans="8:8">
      <c r="H357302" s="12"/>
    </row>
    <row r="357303" spans="8:8">
      <c r="H357303" s="12"/>
    </row>
    <row r="357304" spans="8:8">
      <c r="H357304" s="12"/>
    </row>
    <row r="357305" spans="8:8">
      <c r="H357305" s="12"/>
    </row>
    <row r="357306" spans="8:8">
      <c r="H357306" s="12"/>
    </row>
    <row r="357307" spans="8:8">
      <c r="H357307" s="12"/>
    </row>
    <row r="357308" spans="8:8">
      <c r="H357308" s="12"/>
    </row>
    <row r="357309" spans="8:8">
      <c r="H357309" s="12"/>
    </row>
    <row r="357310" spans="8:8">
      <c r="H357310" s="12"/>
    </row>
    <row r="357311" spans="8:8">
      <c r="H357311" s="12"/>
    </row>
    <row r="357312" spans="8:8">
      <c r="H357312" s="12"/>
    </row>
    <row r="357313" spans="8:8">
      <c r="H357313" s="12"/>
    </row>
    <row r="357314" spans="8:8">
      <c r="H357314" s="12"/>
    </row>
    <row r="357315" spans="8:8">
      <c r="H357315" s="12"/>
    </row>
    <row r="357316" spans="8:8">
      <c r="H357316" s="12"/>
    </row>
    <row r="357317" spans="8:8">
      <c r="H357317" s="12"/>
    </row>
    <row r="357318" spans="8:8">
      <c r="H357318" s="12"/>
    </row>
    <row r="357319" spans="8:8">
      <c r="H357319" s="12"/>
    </row>
    <row r="357320" spans="8:8">
      <c r="H357320" s="12"/>
    </row>
    <row r="357321" spans="8:8">
      <c r="H357321" s="12"/>
    </row>
    <row r="357322" spans="8:8">
      <c r="H357322" s="12"/>
    </row>
    <row r="357323" spans="8:8">
      <c r="H357323" s="12"/>
    </row>
    <row r="357324" spans="8:8">
      <c r="H357324" s="12"/>
    </row>
    <row r="357325" spans="8:8">
      <c r="H357325" s="12"/>
    </row>
    <row r="357326" spans="8:8">
      <c r="H357326" s="12"/>
    </row>
    <row r="357327" spans="8:8">
      <c r="H357327" s="12"/>
    </row>
    <row r="357328" spans="8:8">
      <c r="H357328" s="12"/>
    </row>
    <row r="357329" spans="8:8">
      <c r="H357329" s="12"/>
    </row>
    <row r="357330" spans="8:8">
      <c r="H357330" s="12"/>
    </row>
    <row r="357331" spans="8:8">
      <c r="H357331" s="12"/>
    </row>
    <row r="357332" spans="8:8">
      <c r="H357332" s="12"/>
    </row>
    <row r="357333" spans="8:8">
      <c r="H357333" s="12"/>
    </row>
    <row r="357334" spans="8:8">
      <c r="H357334" s="12"/>
    </row>
    <row r="357335" spans="8:8">
      <c r="H357335" s="12"/>
    </row>
    <row r="357336" spans="8:8">
      <c r="H357336" s="12"/>
    </row>
    <row r="357337" spans="8:8">
      <c r="H357337" s="12"/>
    </row>
    <row r="357338" spans="8:8">
      <c r="H357338" s="12"/>
    </row>
    <row r="357339" spans="8:8">
      <c r="H357339" s="12"/>
    </row>
    <row r="357340" spans="8:8">
      <c r="H357340" s="12"/>
    </row>
    <row r="357341" spans="8:8">
      <c r="H357341" s="12"/>
    </row>
    <row r="357342" spans="8:8">
      <c r="H357342" s="12"/>
    </row>
    <row r="357343" spans="8:8">
      <c r="H357343" s="12"/>
    </row>
    <row r="357344" spans="8:8">
      <c r="H357344" s="12"/>
    </row>
    <row r="357345" spans="8:8">
      <c r="H357345" s="12"/>
    </row>
    <row r="357346" spans="8:8">
      <c r="H357346" s="12"/>
    </row>
    <row r="357347" spans="8:8">
      <c r="H357347" s="12"/>
    </row>
    <row r="357348" spans="8:8">
      <c r="H357348" s="12"/>
    </row>
    <row r="357349" spans="8:8">
      <c r="H357349" s="12"/>
    </row>
    <row r="357350" spans="8:8">
      <c r="H357350" s="12"/>
    </row>
    <row r="357351" spans="8:8">
      <c r="H357351" s="12"/>
    </row>
    <row r="357352" spans="8:8">
      <c r="H357352" s="12"/>
    </row>
    <row r="357353" spans="8:8">
      <c r="H357353" s="12"/>
    </row>
    <row r="357354" spans="8:8">
      <c r="H357354" s="12"/>
    </row>
    <row r="357355" spans="8:8">
      <c r="H357355" s="12"/>
    </row>
    <row r="357356" spans="8:8">
      <c r="H357356" s="12"/>
    </row>
    <row r="357357" spans="8:8">
      <c r="H357357" s="12"/>
    </row>
    <row r="357358" spans="8:8">
      <c r="H357358" s="12"/>
    </row>
    <row r="357359" spans="8:8">
      <c r="H357359" s="12"/>
    </row>
    <row r="357360" spans="8:8">
      <c r="H357360" s="12"/>
    </row>
    <row r="357361" spans="8:8">
      <c r="H357361" s="12"/>
    </row>
    <row r="357362" spans="8:8">
      <c r="H357362" s="12"/>
    </row>
    <row r="357363" spans="8:8">
      <c r="H357363" s="12"/>
    </row>
    <row r="357364" spans="8:8">
      <c r="H357364" s="12"/>
    </row>
    <row r="357365" spans="8:8">
      <c r="H357365" s="12"/>
    </row>
    <row r="357366" spans="8:8">
      <c r="H357366" s="12"/>
    </row>
    <row r="357367" spans="8:8">
      <c r="H357367" s="12"/>
    </row>
    <row r="357368" spans="8:8">
      <c r="H357368" s="12"/>
    </row>
    <row r="357369" spans="8:8">
      <c r="H357369" s="12"/>
    </row>
    <row r="357370" spans="8:8">
      <c r="H357370" s="12"/>
    </row>
    <row r="357371" spans="8:8">
      <c r="H357371" s="12"/>
    </row>
    <row r="357372" spans="8:8">
      <c r="H357372" s="12"/>
    </row>
    <row r="357373" spans="8:8">
      <c r="H357373" s="12"/>
    </row>
    <row r="357374" spans="8:8">
      <c r="H357374" s="12"/>
    </row>
    <row r="357375" spans="8:8">
      <c r="H357375" s="12"/>
    </row>
    <row r="357376" spans="8:8">
      <c r="H357376" s="12"/>
    </row>
    <row r="357377" spans="8:8">
      <c r="H357377" s="12"/>
    </row>
    <row r="357378" spans="8:8">
      <c r="H357378" s="12"/>
    </row>
    <row r="357379" spans="8:8">
      <c r="H357379" s="12"/>
    </row>
    <row r="357380" spans="8:8">
      <c r="H357380" s="12"/>
    </row>
    <row r="357381" spans="8:8">
      <c r="H357381" s="12"/>
    </row>
    <row r="357382" spans="8:8">
      <c r="H357382" s="12"/>
    </row>
    <row r="357383" spans="8:8">
      <c r="H357383" s="12"/>
    </row>
    <row r="357384" spans="8:8">
      <c r="H357384" s="12"/>
    </row>
    <row r="357385" spans="8:8">
      <c r="H357385" s="12"/>
    </row>
    <row r="357386" spans="8:8">
      <c r="H357386" s="12"/>
    </row>
    <row r="357387" spans="8:8">
      <c r="H357387" s="12"/>
    </row>
    <row r="357388" spans="8:8">
      <c r="H357388" s="12"/>
    </row>
    <row r="357389" spans="8:8">
      <c r="H357389" s="12"/>
    </row>
    <row r="357390" spans="8:8">
      <c r="H357390" s="12"/>
    </row>
    <row r="357391" spans="8:8">
      <c r="H357391" s="12"/>
    </row>
    <row r="357392" spans="8:8">
      <c r="H357392" s="12"/>
    </row>
    <row r="357393" spans="8:8">
      <c r="H357393" s="12"/>
    </row>
    <row r="357394" spans="8:8">
      <c r="H357394" s="12"/>
    </row>
    <row r="357395" spans="8:8">
      <c r="H357395" s="12"/>
    </row>
    <row r="357396" spans="8:8">
      <c r="H357396" s="12"/>
    </row>
    <row r="357397" spans="8:8">
      <c r="H357397" s="12"/>
    </row>
    <row r="357398" spans="8:8">
      <c r="H357398" s="12"/>
    </row>
    <row r="357399" spans="8:8">
      <c r="H357399" s="12"/>
    </row>
    <row r="357400" spans="8:8">
      <c r="H357400" s="12"/>
    </row>
    <row r="357401" spans="8:8">
      <c r="H357401" s="12"/>
    </row>
    <row r="357402" spans="8:8">
      <c r="H357402" s="12"/>
    </row>
    <row r="357403" spans="8:8">
      <c r="H357403" s="12"/>
    </row>
    <row r="357404" spans="8:8">
      <c r="H357404" s="12"/>
    </row>
    <row r="357405" spans="8:8">
      <c r="H357405" s="12"/>
    </row>
    <row r="357406" spans="8:8">
      <c r="H357406" s="12"/>
    </row>
    <row r="357407" spans="8:8">
      <c r="H357407" s="12"/>
    </row>
    <row r="357408" spans="8:8">
      <c r="H357408" s="12"/>
    </row>
    <row r="357409" spans="8:8">
      <c r="H357409" s="12"/>
    </row>
    <row r="357410" spans="8:8">
      <c r="H357410" s="12"/>
    </row>
    <row r="357411" spans="8:8">
      <c r="H357411" s="12"/>
    </row>
    <row r="357412" spans="8:8">
      <c r="H357412" s="12"/>
    </row>
    <row r="357413" spans="8:8">
      <c r="H357413" s="12"/>
    </row>
    <row r="357414" spans="8:8">
      <c r="H357414" s="12"/>
    </row>
    <row r="357415" spans="8:8">
      <c r="H357415" s="12"/>
    </row>
    <row r="357416" spans="8:8">
      <c r="H357416" s="12"/>
    </row>
    <row r="357417" spans="8:8">
      <c r="H357417" s="12"/>
    </row>
    <row r="357418" spans="8:8">
      <c r="H357418" s="12"/>
    </row>
    <row r="357419" spans="8:8">
      <c r="H357419" s="12"/>
    </row>
    <row r="357420" spans="8:8">
      <c r="H357420" s="12"/>
    </row>
    <row r="357421" spans="8:8">
      <c r="H357421" s="12"/>
    </row>
    <row r="357422" spans="8:8">
      <c r="H357422" s="12"/>
    </row>
    <row r="357423" spans="8:8">
      <c r="H357423" s="12"/>
    </row>
    <row r="357424" spans="8:8">
      <c r="H357424" s="12"/>
    </row>
    <row r="357425" spans="8:8">
      <c r="H357425" s="12"/>
    </row>
    <row r="357426" spans="8:8">
      <c r="H357426" s="12"/>
    </row>
    <row r="357427" spans="8:8">
      <c r="H357427" s="12"/>
    </row>
    <row r="357428" spans="8:8">
      <c r="H357428" s="12"/>
    </row>
    <row r="357429" spans="8:8">
      <c r="H357429" s="12"/>
    </row>
    <row r="357430" spans="8:8">
      <c r="H357430" s="12"/>
    </row>
    <row r="357431" spans="8:8">
      <c r="H357431" s="12"/>
    </row>
    <row r="357432" spans="8:8">
      <c r="H357432" s="12"/>
    </row>
    <row r="357433" spans="8:8">
      <c r="H357433" s="12"/>
    </row>
    <row r="357434" spans="8:8">
      <c r="H357434" s="12"/>
    </row>
    <row r="357435" spans="8:8">
      <c r="H357435" s="12"/>
    </row>
    <row r="357436" spans="8:8">
      <c r="H357436" s="12"/>
    </row>
    <row r="357437" spans="8:8">
      <c r="H357437" s="12"/>
    </row>
    <row r="357438" spans="8:8">
      <c r="H357438" s="12"/>
    </row>
    <row r="357439" spans="8:8">
      <c r="H357439" s="12"/>
    </row>
    <row r="357440" spans="8:8">
      <c r="H357440" s="12"/>
    </row>
    <row r="357441" spans="8:8">
      <c r="H357441" s="12"/>
    </row>
    <row r="357442" spans="8:8">
      <c r="H357442" s="12"/>
    </row>
    <row r="357443" spans="8:8">
      <c r="H357443" s="12"/>
    </row>
    <row r="357444" spans="8:8">
      <c r="H357444" s="12"/>
    </row>
    <row r="357445" spans="8:8">
      <c r="H357445" s="12"/>
    </row>
    <row r="357446" spans="8:8">
      <c r="H357446" s="12"/>
    </row>
    <row r="357447" spans="8:8">
      <c r="H357447" s="12"/>
    </row>
    <row r="357448" spans="8:8">
      <c r="H357448" s="12"/>
    </row>
    <row r="357449" spans="8:8">
      <c r="H357449" s="12"/>
    </row>
    <row r="357450" spans="8:8">
      <c r="H357450" s="12"/>
    </row>
    <row r="357451" spans="8:8">
      <c r="H357451" s="12"/>
    </row>
    <row r="357452" spans="8:8">
      <c r="H357452" s="12"/>
    </row>
    <row r="357453" spans="8:8">
      <c r="H357453" s="12"/>
    </row>
    <row r="357454" spans="8:8">
      <c r="H357454" s="12"/>
    </row>
    <row r="357455" spans="8:8">
      <c r="H357455" s="12"/>
    </row>
    <row r="357456" spans="8:8">
      <c r="H357456" s="12"/>
    </row>
    <row r="357457" spans="8:8">
      <c r="H357457" s="12"/>
    </row>
    <row r="357458" spans="8:8">
      <c r="H357458" s="12"/>
    </row>
    <row r="357459" spans="8:8">
      <c r="H357459" s="12"/>
    </row>
    <row r="357460" spans="8:8">
      <c r="H357460" s="12"/>
    </row>
    <row r="357461" spans="8:8">
      <c r="H357461" s="12"/>
    </row>
    <row r="357462" spans="8:8">
      <c r="H357462" s="12"/>
    </row>
    <row r="357463" spans="8:8">
      <c r="H357463" s="12"/>
    </row>
    <row r="357464" spans="8:8">
      <c r="H357464" s="12"/>
    </row>
    <row r="357465" spans="8:8">
      <c r="H357465" s="12"/>
    </row>
    <row r="357466" spans="8:8">
      <c r="H357466" s="12"/>
    </row>
    <row r="357467" spans="8:8">
      <c r="H357467" s="12"/>
    </row>
    <row r="357468" spans="8:8">
      <c r="H357468" s="12"/>
    </row>
    <row r="357469" spans="8:8">
      <c r="H357469" s="12"/>
    </row>
    <row r="357470" spans="8:8">
      <c r="H357470" s="12"/>
    </row>
    <row r="357471" spans="8:8">
      <c r="H357471" s="12"/>
    </row>
    <row r="357472" spans="8:8">
      <c r="H357472" s="12"/>
    </row>
    <row r="357473" spans="8:8">
      <c r="H357473" s="12"/>
    </row>
    <row r="357474" spans="8:8">
      <c r="H357474" s="12"/>
    </row>
    <row r="357475" spans="8:8">
      <c r="H357475" s="12"/>
    </row>
    <row r="357476" spans="8:8">
      <c r="H357476" s="12"/>
    </row>
    <row r="357477" spans="8:8">
      <c r="H357477" s="12"/>
    </row>
    <row r="357478" spans="8:8">
      <c r="H357478" s="12"/>
    </row>
    <row r="357479" spans="8:8">
      <c r="H357479" s="12"/>
    </row>
    <row r="357480" spans="8:8">
      <c r="H357480" s="12"/>
    </row>
    <row r="357481" spans="8:8">
      <c r="H357481" s="12"/>
    </row>
    <row r="357482" spans="8:8">
      <c r="H357482" s="12"/>
    </row>
    <row r="357483" spans="8:8">
      <c r="H357483" s="12"/>
    </row>
    <row r="357484" spans="8:8">
      <c r="H357484" s="12"/>
    </row>
    <row r="357485" spans="8:8">
      <c r="H357485" s="12"/>
    </row>
    <row r="357486" spans="8:8">
      <c r="H357486" s="12"/>
    </row>
    <row r="357487" spans="8:8">
      <c r="H357487" s="12"/>
    </row>
    <row r="357488" spans="8:8">
      <c r="H357488" s="12"/>
    </row>
    <row r="357489" spans="8:8">
      <c r="H357489" s="12"/>
    </row>
    <row r="357490" spans="8:8">
      <c r="H357490" s="12"/>
    </row>
    <row r="357491" spans="8:8">
      <c r="H357491" s="12"/>
    </row>
    <row r="357492" spans="8:8">
      <c r="H357492" s="12"/>
    </row>
    <row r="357493" spans="8:8">
      <c r="H357493" s="12"/>
    </row>
    <row r="357494" spans="8:8">
      <c r="H357494" s="12"/>
    </row>
    <row r="357495" spans="8:8">
      <c r="H357495" s="12"/>
    </row>
    <row r="357496" spans="8:8">
      <c r="H357496" s="12"/>
    </row>
    <row r="357497" spans="8:8">
      <c r="H357497" s="12"/>
    </row>
    <row r="357498" spans="8:8">
      <c r="H357498" s="12"/>
    </row>
    <row r="357499" spans="8:8">
      <c r="H357499" s="12"/>
    </row>
    <row r="357500" spans="8:8">
      <c r="H357500" s="12"/>
    </row>
    <row r="357501" spans="8:8">
      <c r="H357501" s="12"/>
    </row>
    <row r="357502" spans="8:8">
      <c r="H357502" s="12"/>
    </row>
    <row r="357503" spans="8:8">
      <c r="H357503" s="12"/>
    </row>
    <row r="357504" spans="8:8">
      <c r="H357504" s="12"/>
    </row>
    <row r="357505" spans="8:8">
      <c r="H357505" s="12"/>
    </row>
    <row r="357506" spans="8:8">
      <c r="H357506" s="12"/>
    </row>
    <row r="357507" spans="8:8">
      <c r="H357507" s="12"/>
    </row>
    <row r="357508" spans="8:8">
      <c r="H357508" s="12"/>
    </row>
    <row r="357509" spans="8:8">
      <c r="H357509" s="12"/>
    </row>
    <row r="357510" spans="8:8">
      <c r="H357510" s="12"/>
    </row>
    <row r="357511" spans="8:8">
      <c r="H357511" s="12"/>
    </row>
    <row r="357512" spans="8:8">
      <c r="H357512" s="12"/>
    </row>
    <row r="357513" spans="8:8">
      <c r="H357513" s="12"/>
    </row>
    <row r="357514" spans="8:8">
      <c r="H357514" s="12"/>
    </row>
    <row r="357515" spans="8:8">
      <c r="H357515" s="12"/>
    </row>
    <row r="357516" spans="8:8">
      <c r="H357516" s="12"/>
    </row>
    <row r="357517" spans="8:8">
      <c r="H357517" s="12"/>
    </row>
    <row r="357518" spans="8:8">
      <c r="H357518" s="12"/>
    </row>
    <row r="357519" spans="8:8">
      <c r="H357519" s="12"/>
    </row>
    <row r="357520" spans="8:8">
      <c r="H357520" s="12"/>
    </row>
    <row r="357521" spans="8:8">
      <c r="H357521" s="12"/>
    </row>
    <row r="357522" spans="8:8">
      <c r="H357522" s="12"/>
    </row>
    <row r="357523" spans="8:8">
      <c r="H357523" s="12"/>
    </row>
    <row r="357524" spans="8:8">
      <c r="H357524" s="12"/>
    </row>
    <row r="357525" spans="8:8">
      <c r="H357525" s="12"/>
    </row>
    <row r="357526" spans="8:8">
      <c r="H357526" s="12"/>
    </row>
    <row r="357527" spans="8:8">
      <c r="H357527" s="12"/>
    </row>
    <row r="357528" spans="8:8">
      <c r="H357528" s="12"/>
    </row>
    <row r="357529" spans="8:8">
      <c r="H357529" s="12"/>
    </row>
    <row r="357530" spans="8:8">
      <c r="H357530" s="12"/>
    </row>
    <row r="357531" spans="8:8">
      <c r="H357531" s="12"/>
    </row>
    <row r="357532" spans="8:8">
      <c r="H357532" s="12"/>
    </row>
    <row r="357533" spans="8:8">
      <c r="H357533" s="12"/>
    </row>
    <row r="357534" spans="8:8">
      <c r="H357534" s="12"/>
    </row>
    <row r="357535" spans="8:8">
      <c r="H357535" s="12"/>
    </row>
    <row r="357536" spans="8:8">
      <c r="H357536" s="12"/>
    </row>
    <row r="357537" spans="8:8">
      <c r="H357537" s="12"/>
    </row>
    <row r="357538" spans="8:8">
      <c r="H357538" s="12"/>
    </row>
    <row r="357539" spans="8:8">
      <c r="H357539" s="12"/>
    </row>
    <row r="357540" spans="8:8">
      <c r="H357540" s="12"/>
    </row>
    <row r="357541" spans="8:8">
      <c r="H357541" s="12"/>
    </row>
    <row r="357542" spans="8:8">
      <c r="H357542" s="12"/>
    </row>
    <row r="357543" spans="8:8">
      <c r="H357543" s="12"/>
    </row>
    <row r="357544" spans="8:8">
      <c r="H357544" s="12"/>
    </row>
    <row r="357545" spans="8:8">
      <c r="H357545" s="12"/>
    </row>
    <row r="357546" spans="8:8">
      <c r="H357546" s="12"/>
    </row>
    <row r="357547" spans="8:8">
      <c r="H357547" s="12"/>
    </row>
    <row r="357548" spans="8:8">
      <c r="H357548" s="12"/>
    </row>
    <row r="357549" spans="8:8">
      <c r="H357549" s="12"/>
    </row>
    <row r="357550" spans="8:8">
      <c r="H357550" s="12"/>
    </row>
    <row r="357551" spans="8:8">
      <c r="H357551" s="12"/>
    </row>
    <row r="357552" spans="8:8">
      <c r="H357552" s="12"/>
    </row>
    <row r="357553" spans="8:8">
      <c r="H357553" s="12"/>
    </row>
    <row r="357554" spans="8:8">
      <c r="H357554" s="12"/>
    </row>
    <row r="357555" spans="8:8">
      <c r="H357555" s="12"/>
    </row>
    <row r="357556" spans="8:8">
      <c r="H357556" s="12"/>
    </row>
    <row r="357557" spans="8:8">
      <c r="H357557" s="12"/>
    </row>
    <row r="357558" spans="8:8">
      <c r="H357558" s="12"/>
    </row>
    <row r="357559" spans="8:8">
      <c r="H357559" s="12"/>
    </row>
    <row r="357560" spans="8:8">
      <c r="H357560" s="12"/>
    </row>
    <row r="357561" spans="8:8">
      <c r="H357561" s="12"/>
    </row>
    <row r="357562" spans="8:8">
      <c r="H357562" s="12"/>
    </row>
    <row r="357563" spans="8:8">
      <c r="H357563" s="12"/>
    </row>
    <row r="357564" spans="8:8">
      <c r="H357564" s="12"/>
    </row>
    <row r="357565" spans="8:8">
      <c r="H357565" s="12"/>
    </row>
    <row r="357566" spans="8:8">
      <c r="H357566" s="12"/>
    </row>
    <row r="357567" spans="8:8">
      <c r="H357567" s="12"/>
    </row>
    <row r="357568" spans="8:8">
      <c r="H357568" s="12"/>
    </row>
    <row r="357569" spans="8:8">
      <c r="H357569" s="12"/>
    </row>
    <row r="357570" spans="8:8">
      <c r="H357570" s="12"/>
    </row>
    <row r="357571" spans="8:8">
      <c r="H357571" s="12"/>
    </row>
    <row r="357572" spans="8:8">
      <c r="H357572" s="12"/>
    </row>
    <row r="357573" spans="8:8">
      <c r="H357573" s="12"/>
    </row>
    <row r="357574" spans="8:8">
      <c r="H357574" s="12"/>
    </row>
    <row r="357575" spans="8:8">
      <c r="H357575" s="12"/>
    </row>
    <row r="357576" spans="8:8">
      <c r="H357576" s="12"/>
    </row>
    <row r="357577" spans="8:8">
      <c r="H357577" s="12"/>
    </row>
    <row r="357578" spans="8:8">
      <c r="H357578" s="12"/>
    </row>
    <row r="357579" spans="8:8">
      <c r="H357579" s="12"/>
    </row>
    <row r="357580" spans="8:8">
      <c r="H357580" s="12"/>
    </row>
    <row r="357581" spans="8:8">
      <c r="H357581" s="12"/>
    </row>
    <row r="357582" spans="8:8">
      <c r="H357582" s="12"/>
    </row>
    <row r="357583" spans="8:8">
      <c r="H357583" s="12"/>
    </row>
    <row r="357584" spans="8:8">
      <c r="H357584" s="12"/>
    </row>
    <row r="357585" spans="8:8">
      <c r="H357585" s="12"/>
    </row>
    <row r="357586" spans="8:8">
      <c r="H357586" s="12"/>
    </row>
    <row r="357587" spans="8:8">
      <c r="H357587" s="12"/>
    </row>
    <row r="357588" spans="8:8">
      <c r="H357588" s="12"/>
    </row>
    <row r="357589" spans="8:8">
      <c r="H357589" s="12"/>
    </row>
    <row r="357590" spans="8:8">
      <c r="H357590" s="12"/>
    </row>
    <row r="357591" spans="8:8">
      <c r="H357591" s="12"/>
    </row>
    <row r="357592" spans="8:8">
      <c r="H357592" s="12"/>
    </row>
    <row r="357593" spans="8:8">
      <c r="H357593" s="12"/>
    </row>
    <row r="357594" spans="8:8">
      <c r="H357594" s="12"/>
    </row>
    <row r="357595" spans="8:8">
      <c r="H357595" s="12"/>
    </row>
    <row r="357596" spans="8:8">
      <c r="H357596" s="12"/>
    </row>
    <row r="357597" spans="8:8">
      <c r="H357597" s="12"/>
    </row>
    <row r="357598" spans="8:8">
      <c r="H357598" s="12"/>
    </row>
    <row r="357599" spans="8:8">
      <c r="H357599" s="12"/>
    </row>
    <row r="357600" spans="8:8">
      <c r="H357600" s="12"/>
    </row>
    <row r="357601" spans="8:8">
      <c r="H357601" s="12"/>
    </row>
    <row r="357602" spans="8:8">
      <c r="H357602" s="12"/>
    </row>
    <row r="357603" spans="8:8">
      <c r="H357603" s="12"/>
    </row>
    <row r="357604" spans="8:8">
      <c r="H357604" s="12"/>
    </row>
    <row r="357605" spans="8:8">
      <c r="H357605" s="12"/>
    </row>
    <row r="357606" spans="8:8">
      <c r="H357606" s="12"/>
    </row>
    <row r="357607" spans="8:8">
      <c r="H357607" s="12"/>
    </row>
    <row r="357608" spans="8:8">
      <c r="H357608" s="12"/>
    </row>
    <row r="357609" spans="8:8">
      <c r="H357609" s="12"/>
    </row>
    <row r="357610" spans="8:8">
      <c r="H357610" s="12"/>
    </row>
    <row r="357611" spans="8:8">
      <c r="H357611" s="12"/>
    </row>
    <row r="357612" spans="8:8">
      <c r="H357612" s="12"/>
    </row>
    <row r="357613" spans="8:8">
      <c r="H357613" s="12"/>
    </row>
    <row r="357614" spans="8:8">
      <c r="H357614" s="12"/>
    </row>
    <row r="357615" spans="8:8">
      <c r="H357615" s="12"/>
    </row>
    <row r="357616" spans="8:8">
      <c r="H357616" s="12"/>
    </row>
    <row r="357617" spans="8:8">
      <c r="H357617" s="12"/>
    </row>
    <row r="357618" spans="8:8">
      <c r="H357618" s="12"/>
    </row>
    <row r="357619" spans="8:8">
      <c r="H357619" s="12"/>
    </row>
    <row r="357620" spans="8:8">
      <c r="H357620" s="12"/>
    </row>
    <row r="357621" spans="8:8">
      <c r="H357621" s="12"/>
    </row>
    <row r="357622" spans="8:8">
      <c r="H357622" s="12"/>
    </row>
    <row r="357623" spans="8:8">
      <c r="H357623" s="12"/>
    </row>
    <row r="357624" spans="8:8">
      <c r="H357624" s="12"/>
    </row>
    <row r="357625" spans="8:8">
      <c r="H357625" s="12"/>
    </row>
    <row r="357626" spans="8:8">
      <c r="H357626" s="12"/>
    </row>
    <row r="357627" spans="8:8">
      <c r="H357627" s="12"/>
    </row>
    <row r="357628" spans="8:8">
      <c r="H357628" s="12"/>
    </row>
    <row r="357629" spans="8:8">
      <c r="H357629" s="12"/>
    </row>
    <row r="357630" spans="8:8">
      <c r="H357630" s="12"/>
    </row>
    <row r="357631" spans="8:8">
      <c r="H357631" s="12"/>
    </row>
    <row r="357632" spans="8:8">
      <c r="H357632" s="12"/>
    </row>
    <row r="357633" spans="8:8">
      <c r="H357633" s="12"/>
    </row>
    <row r="357634" spans="8:8">
      <c r="H357634" s="12"/>
    </row>
    <row r="357635" spans="8:8">
      <c r="H357635" s="12"/>
    </row>
    <row r="357636" spans="8:8">
      <c r="H357636" s="12"/>
    </row>
    <row r="357637" spans="8:8">
      <c r="H357637" s="12"/>
    </row>
    <row r="357638" spans="8:8">
      <c r="H357638" s="12"/>
    </row>
    <row r="357639" spans="8:8">
      <c r="H357639" s="12"/>
    </row>
    <row r="357640" spans="8:8">
      <c r="H357640" s="12"/>
    </row>
    <row r="357641" spans="8:8">
      <c r="H357641" s="12"/>
    </row>
    <row r="357642" spans="8:8">
      <c r="H357642" s="12"/>
    </row>
    <row r="357643" spans="8:8">
      <c r="H357643" s="12"/>
    </row>
    <row r="357644" spans="8:8">
      <c r="H357644" s="12"/>
    </row>
    <row r="357645" spans="8:8">
      <c r="H357645" s="12"/>
    </row>
    <row r="357646" spans="8:8">
      <c r="H357646" s="12"/>
    </row>
    <row r="357647" spans="8:8">
      <c r="H357647" s="12"/>
    </row>
    <row r="357648" spans="8:8">
      <c r="H357648" s="12"/>
    </row>
    <row r="357649" spans="8:8">
      <c r="H357649" s="12"/>
    </row>
    <row r="357650" spans="8:8">
      <c r="H357650" s="12"/>
    </row>
    <row r="357651" spans="8:8">
      <c r="H357651" s="12"/>
    </row>
    <row r="357652" spans="8:8">
      <c r="H357652" s="12"/>
    </row>
    <row r="357653" spans="8:8">
      <c r="H357653" s="12"/>
    </row>
    <row r="357654" spans="8:8">
      <c r="H357654" s="12"/>
    </row>
    <row r="357655" spans="8:8">
      <c r="H357655" s="12"/>
    </row>
    <row r="357656" spans="8:8">
      <c r="H357656" s="12"/>
    </row>
    <row r="357657" spans="8:8">
      <c r="H357657" s="12"/>
    </row>
    <row r="357658" spans="8:8">
      <c r="H357658" s="12"/>
    </row>
    <row r="357659" spans="8:8">
      <c r="H357659" s="12"/>
    </row>
    <row r="357660" spans="8:8">
      <c r="H357660" s="12"/>
    </row>
    <row r="357661" spans="8:8">
      <c r="H357661" s="12"/>
    </row>
    <row r="357662" spans="8:8">
      <c r="H357662" s="12"/>
    </row>
    <row r="357663" spans="8:8">
      <c r="H357663" s="12"/>
    </row>
    <row r="357664" spans="8:8">
      <c r="H357664" s="12"/>
    </row>
    <row r="357665" spans="8:8">
      <c r="H357665" s="12"/>
    </row>
    <row r="357666" spans="8:8">
      <c r="H357666" s="12"/>
    </row>
    <row r="357667" spans="8:8">
      <c r="H357667" s="12"/>
    </row>
    <row r="357668" spans="8:8">
      <c r="H357668" s="12"/>
    </row>
    <row r="357669" spans="8:8">
      <c r="H357669" s="12"/>
    </row>
    <row r="357670" spans="8:8">
      <c r="H357670" s="12"/>
    </row>
    <row r="357671" spans="8:8">
      <c r="H357671" s="12"/>
    </row>
    <row r="357672" spans="8:8">
      <c r="H357672" s="12"/>
    </row>
    <row r="357673" spans="8:8">
      <c r="H357673" s="12"/>
    </row>
    <row r="357674" spans="8:8">
      <c r="H357674" s="12"/>
    </row>
    <row r="357675" spans="8:8">
      <c r="H357675" s="12"/>
    </row>
    <row r="357676" spans="8:8">
      <c r="H357676" s="12"/>
    </row>
    <row r="357677" spans="8:8">
      <c r="H357677" s="12"/>
    </row>
    <row r="357678" spans="8:8">
      <c r="H357678" s="12"/>
    </row>
    <row r="357679" spans="8:8">
      <c r="H357679" s="12"/>
    </row>
    <row r="357680" spans="8:8">
      <c r="H357680" s="12"/>
    </row>
    <row r="357681" spans="8:8">
      <c r="H357681" s="12"/>
    </row>
    <row r="357682" spans="8:8">
      <c r="H357682" s="12"/>
    </row>
    <row r="357683" spans="8:8">
      <c r="H357683" s="12"/>
    </row>
    <row r="357684" spans="8:8">
      <c r="H357684" s="12"/>
    </row>
    <row r="357685" spans="8:8">
      <c r="H357685" s="12"/>
    </row>
    <row r="357686" spans="8:8">
      <c r="H357686" s="12"/>
    </row>
    <row r="357687" spans="8:8">
      <c r="H357687" s="12"/>
    </row>
    <row r="357688" spans="8:8">
      <c r="H357688" s="12"/>
    </row>
    <row r="357689" spans="8:8">
      <c r="H357689" s="12"/>
    </row>
    <row r="357690" spans="8:8">
      <c r="H357690" s="12"/>
    </row>
    <row r="357691" spans="8:8">
      <c r="H357691" s="12"/>
    </row>
    <row r="357692" spans="8:8">
      <c r="H357692" s="12"/>
    </row>
    <row r="357693" spans="8:8">
      <c r="H357693" s="12"/>
    </row>
    <row r="357694" spans="8:8">
      <c r="H357694" s="12"/>
    </row>
    <row r="357695" spans="8:8">
      <c r="H357695" s="12"/>
    </row>
    <row r="357696" spans="8:8">
      <c r="H357696" s="12"/>
    </row>
    <row r="357697" spans="8:8">
      <c r="H357697" s="12"/>
    </row>
    <row r="357698" spans="8:8">
      <c r="H357698" s="12"/>
    </row>
    <row r="357699" spans="8:8">
      <c r="H357699" s="12"/>
    </row>
    <row r="357700" spans="8:8">
      <c r="H357700" s="12"/>
    </row>
    <row r="357701" spans="8:8">
      <c r="H357701" s="12"/>
    </row>
    <row r="357702" spans="8:8">
      <c r="H357702" s="12"/>
    </row>
    <row r="357703" spans="8:8">
      <c r="H357703" s="12"/>
    </row>
    <row r="357704" spans="8:8">
      <c r="H357704" s="12"/>
    </row>
    <row r="357705" spans="8:8">
      <c r="H357705" s="12"/>
    </row>
    <row r="357706" spans="8:8">
      <c r="H357706" s="12"/>
    </row>
    <row r="357707" spans="8:8">
      <c r="H357707" s="12"/>
    </row>
    <row r="357708" spans="8:8">
      <c r="H357708" s="12"/>
    </row>
    <row r="357709" spans="8:8">
      <c r="H357709" s="12"/>
    </row>
    <row r="357710" spans="8:8">
      <c r="H357710" s="12"/>
    </row>
    <row r="357711" spans="8:8">
      <c r="H357711" s="12"/>
    </row>
    <row r="357712" spans="8:8">
      <c r="H357712" s="12"/>
    </row>
    <row r="357713" spans="8:8">
      <c r="H357713" s="12"/>
    </row>
    <row r="357714" spans="8:8">
      <c r="H357714" s="12"/>
    </row>
    <row r="357715" spans="8:8">
      <c r="H357715" s="12"/>
    </row>
    <row r="357716" spans="8:8">
      <c r="H357716" s="12"/>
    </row>
    <row r="357717" spans="8:8">
      <c r="H357717" s="12"/>
    </row>
    <row r="357718" spans="8:8">
      <c r="H357718" s="12"/>
    </row>
    <row r="357719" spans="8:8">
      <c r="H357719" s="12"/>
    </row>
    <row r="357720" spans="8:8">
      <c r="H357720" s="12"/>
    </row>
    <row r="357721" spans="8:8">
      <c r="H357721" s="12"/>
    </row>
    <row r="357722" spans="8:8">
      <c r="H357722" s="12"/>
    </row>
    <row r="357723" spans="8:8">
      <c r="H357723" s="12"/>
    </row>
    <row r="357724" spans="8:8">
      <c r="H357724" s="12"/>
    </row>
    <row r="357725" spans="8:8">
      <c r="H357725" s="12"/>
    </row>
    <row r="357726" spans="8:8">
      <c r="H357726" s="12"/>
    </row>
    <row r="357727" spans="8:8">
      <c r="H357727" s="12"/>
    </row>
    <row r="357728" spans="8:8">
      <c r="H357728" s="12"/>
    </row>
    <row r="357729" spans="8:8">
      <c r="H357729" s="12"/>
    </row>
    <row r="357730" spans="8:8">
      <c r="H357730" s="12"/>
    </row>
    <row r="357731" spans="8:8">
      <c r="H357731" s="12"/>
    </row>
    <row r="357732" spans="8:8">
      <c r="H357732" s="12"/>
    </row>
    <row r="357733" spans="8:8">
      <c r="H357733" s="12"/>
    </row>
    <row r="357734" spans="8:8">
      <c r="H357734" s="12"/>
    </row>
    <row r="357735" spans="8:8">
      <c r="H357735" s="12"/>
    </row>
    <row r="357736" spans="8:8">
      <c r="H357736" s="12"/>
    </row>
    <row r="357737" spans="8:8">
      <c r="H357737" s="12"/>
    </row>
    <row r="357738" spans="8:8">
      <c r="H357738" s="12"/>
    </row>
    <row r="357739" spans="8:8">
      <c r="H357739" s="12"/>
    </row>
    <row r="357740" spans="8:8">
      <c r="H357740" s="12"/>
    </row>
    <row r="357741" spans="8:8">
      <c r="H357741" s="12"/>
    </row>
    <row r="357742" spans="8:8">
      <c r="H357742" s="12"/>
    </row>
    <row r="357743" spans="8:8">
      <c r="H357743" s="12"/>
    </row>
    <row r="357744" spans="8:8">
      <c r="H357744" s="12"/>
    </row>
    <row r="357745" spans="8:8">
      <c r="H357745" s="12"/>
    </row>
    <row r="357746" spans="8:8">
      <c r="H357746" s="12"/>
    </row>
    <row r="357747" spans="8:8">
      <c r="H357747" s="12"/>
    </row>
    <row r="357748" spans="8:8">
      <c r="H357748" s="12"/>
    </row>
    <row r="357749" spans="8:8">
      <c r="H357749" s="12"/>
    </row>
    <row r="357750" spans="8:8">
      <c r="H357750" s="12"/>
    </row>
    <row r="357751" spans="8:8">
      <c r="H357751" s="12"/>
    </row>
    <row r="357752" spans="8:8">
      <c r="H357752" s="12"/>
    </row>
    <row r="357753" spans="8:8">
      <c r="H357753" s="12"/>
    </row>
    <row r="357754" spans="8:8">
      <c r="H357754" s="12"/>
    </row>
    <row r="357755" spans="8:8">
      <c r="H357755" s="12"/>
    </row>
    <row r="357756" spans="8:8">
      <c r="H357756" s="12"/>
    </row>
    <row r="357757" spans="8:8">
      <c r="H357757" s="12"/>
    </row>
    <row r="357758" spans="8:8">
      <c r="H357758" s="12"/>
    </row>
    <row r="357759" spans="8:8">
      <c r="H357759" s="12"/>
    </row>
    <row r="357760" spans="8:8">
      <c r="H357760" s="12"/>
    </row>
    <row r="357761" spans="8:8">
      <c r="H357761" s="12"/>
    </row>
    <row r="357762" spans="8:8">
      <c r="H357762" s="12"/>
    </row>
    <row r="357763" spans="8:8">
      <c r="H357763" s="12"/>
    </row>
    <row r="357764" spans="8:8">
      <c r="H357764" s="12"/>
    </row>
    <row r="357765" spans="8:8">
      <c r="H357765" s="12"/>
    </row>
    <row r="357766" spans="8:8">
      <c r="H357766" s="12"/>
    </row>
    <row r="357767" spans="8:8">
      <c r="H357767" s="12"/>
    </row>
    <row r="357768" spans="8:8">
      <c r="H357768" s="12"/>
    </row>
    <row r="357769" spans="8:8">
      <c r="H357769" s="12"/>
    </row>
    <row r="357770" spans="8:8">
      <c r="H357770" s="12"/>
    </row>
    <row r="357771" spans="8:8">
      <c r="H357771" s="12"/>
    </row>
    <row r="357772" spans="8:8">
      <c r="H357772" s="12"/>
    </row>
    <row r="357773" spans="8:8">
      <c r="H357773" s="12"/>
    </row>
    <row r="357774" spans="8:8">
      <c r="H357774" s="12"/>
    </row>
    <row r="357775" spans="8:8">
      <c r="H357775" s="12"/>
    </row>
    <row r="357776" spans="8:8">
      <c r="H357776" s="12"/>
    </row>
    <row r="357777" spans="8:8">
      <c r="H357777" s="12"/>
    </row>
    <row r="357778" spans="8:8">
      <c r="H357778" s="12"/>
    </row>
    <row r="357779" spans="8:8">
      <c r="H357779" s="12"/>
    </row>
    <row r="357780" spans="8:8">
      <c r="H357780" s="12"/>
    </row>
    <row r="357781" spans="8:8">
      <c r="H357781" s="12"/>
    </row>
    <row r="357782" spans="8:8">
      <c r="H357782" s="12"/>
    </row>
    <row r="357783" spans="8:8">
      <c r="H357783" s="12"/>
    </row>
    <row r="357784" spans="8:8">
      <c r="H357784" s="12"/>
    </row>
    <row r="357785" spans="8:8">
      <c r="H357785" s="12"/>
    </row>
    <row r="357786" spans="8:8">
      <c r="H357786" s="12"/>
    </row>
    <row r="357787" spans="8:8">
      <c r="H357787" s="12"/>
    </row>
    <row r="357788" spans="8:8">
      <c r="H357788" s="12"/>
    </row>
    <row r="357789" spans="8:8">
      <c r="H357789" s="12"/>
    </row>
    <row r="357790" spans="8:8">
      <c r="H357790" s="12"/>
    </row>
    <row r="357791" spans="8:8">
      <c r="H357791" s="12"/>
    </row>
    <row r="357792" spans="8:8">
      <c r="H357792" s="12"/>
    </row>
    <row r="357793" spans="8:8">
      <c r="H357793" s="12"/>
    </row>
    <row r="357794" spans="8:8">
      <c r="H357794" s="12"/>
    </row>
    <row r="357795" spans="8:8">
      <c r="H357795" s="12"/>
    </row>
    <row r="357796" spans="8:8">
      <c r="H357796" s="12"/>
    </row>
    <row r="357797" spans="8:8">
      <c r="H357797" s="12"/>
    </row>
    <row r="357798" spans="8:8">
      <c r="H357798" s="12"/>
    </row>
    <row r="357799" spans="8:8">
      <c r="H357799" s="12"/>
    </row>
    <row r="357800" spans="8:8">
      <c r="H357800" s="12"/>
    </row>
    <row r="357801" spans="8:8">
      <c r="H357801" s="12"/>
    </row>
    <row r="357802" spans="8:8">
      <c r="H357802" s="12"/>
    </row>
    <row r="357803" spans="8:8">
      <c r="H357803" s="12"/>
    </row>
    <row r="357804" spans="8:8">
      <c r="H357804" s="12"/>
    </row>
    <row r="357805" spans="8:8">
      <c r="H357805" s="12"/>
    </row>
    <row r="357806" spans="8:8">
      <c r="H357806" s="12"/>
    </row>
    <row r="357807" spans="8:8">
      <c r="H357807" s="12"/>
    </row>
    <row r="357808" spans="8:8">
      <c r="H357808" s="12"/>
    </row>
    <row r="357809" spans="8:8">
      <c r="H357809" s="12"/>
    </row>
    <row r="357810" spans="8:8">
      <c r="H357810" s="12"/>
    </row>
    <row r="357811" spans="8:8">
      <c r="H357811" s="12"/>
    </row>
    <row r="357812" spans="8:8">
      <c r="H357812" s="12"/>
    </row>
    <row r="357813" spans="8:8">
      <c r="H357813" s="12"/>
    </row>
    <row r="357814" spans="8:8">
      <c r="H357814" s="12"/>
    </row>
    <row r="357815" spans="8:8">
      <c r="H357815" s="12"/>
    </row>
    <row r="357816" spans="8:8">
      <c r="H357816" s="12"/>
    </row>
    <row r="357817" spans="8:8">
      <c r="H357817" s="12"/>
    </row>
    <row r="357818" spans="8:8">
      <c r="H357818" s="12"/>
    </row>
    <row r="357819" spans="8:8">
      <c r="H357819" s="12"/>
    </row>
    <row r="357820" spans="8:8">
      <c r="H357820" s="12"/>
    </row>
    <row r="357821" spans="8:8">
      <c r="H357821" s="12"/>
    </row>
    <row r="357822" spans="8:8">
      <c r="H357822" s="12"/>
    </row>
    <row r="357823" spans="8:8">
      <c r="H357823" s="12"/>
    </row>
    <row r="357824" spans="8:8">
      <c r="H357824" s="12"/>
    </row>
    <row r="357825" spans="8:8">
      <c r="H357825" s="12"/>
    </row>
    <row r="357826" spans="8:8">
      <c r="H357826" s="12"/>
    </row>
    <row r="357827" spans="8:8">
      <c r="H357827" s="12"/>
    </row>
    <row r="357828" spans="8:8">
      <c r="H357828" s="12"/>
    </row>
    <row r="357829" spans="8:8">
      <c r="H357829" s="12"/>
    </row>
    <row r="357830" spans="8:8">
      <c r="H357830" s="12"/>
    </row>
    <row r="357831" spans="8:8">
      <c r="H357831" s="12"/>
    </row>
    <row r="357832" spans="8:8">
      <c r="H357832" s="12"/>
    </row>
    <row r="357833" spans="8:8">
      <c r="H357833" s="12"/>
    </row>
    <row r="357834" spans="8:8">
      <c r="H357834" s="12"/>
    </row>
    <row r="357835" spans="8:8">
      <c r="H357835" s="12"/>
    </row>
    <row r="357836" spans="8:8">
      <c r="H357836" s="12"/>
    </row>
    <row r="357837" spans="8:8">
      <c r="H357837" s="12"/>
    </row>
    <row r="357838" spans="8:8">
      <c r="H357838" s="12"/>
    </row>
    <row r="357839" spans="8:8">
      <c r="H357839" s="12"/>
    </row>
    <row r="357840" spans="8:8">
      <c r="H357840" s="12"/>
    </row>
    <row r="357841" spans="8:8">
      <c r="H357841" s="12"/>
    </row>
    <row r="357842" spans="8:8">
      <c r="H357842" s="12"/>
    </row>
    <row r="357843" spans="8:8">
      <c r="H357843" s="12"/>
    </row>
    <row r="357844" spans="8:8">
      <c r="H357844" s="12"/>
    </row>
    <row r="357845" spans="8:8">
      <c r="H357845" s="12"/>
    </row>
    <row r="357846" spans="8:8">
      <c r="H357846" s="12"/>
    </row>
    <row r="357847" spans="8:8">
      <c r="H357847" s="12"/>
    </row>
    <row r="357848" spans="8:8">
      <c r="H357848" s="12"/>
    </row>
    <row r="357849" spans="8:8">
      <c r="H357849" s="12"/>
    </row>
    <row r="357850" spans="8:8">
      <c r="H357850" s="12"/>
    </row>
    <row r="357851" spans="8:8">
      <c r="H357851" s="12"/>
    </row>
    <row r="357852" spans="8:8">
      <c r="H357852" s="12"/>
    </row>
    <row r="357853" spans="8:8">
      <c r="H357853" s="12"/>
    </row>
    <row r="357854" spans="8:8">
      <c r="H357854" s="12"/>
    </row>
    <row r="357855" spans="8:8">
      <c r="H357855" s="12"/>
    </row>
    <row r="357856" spans="8:8">
      <c r="H357856" s="12"/>
    </row>
    <row r="357857" spans="8:8">
      <c r="H357857" s="12"/>
    </row>
    <row r="357858" spans="8:8">
      <c r="H357858" s="12"/>
    </row>
    <row r="357859" spans="8:8">
      <c r="H357859" s="12"/>
    </row>
    <row r="357860" spans="8:8">
      <c r="H357860" s="12"/>
    </row>
    <row r="357861" spans="8:8">
      <c r="H357861" s="12"/>
    </row>
    <row r="357862" spans="8:8">
      <c r="H357862" s="12"/>
    </row>
    <row r="357863" spans="8:8">
      <c r="H357863" s="12"/>
    </row>
    <row r="357864" spans="8:8">
      <c r="H357864" s="12"/>
    </row>
    <row r="357865" spans="8:8">
      <c r="H357865" s="12"/>
    </row>
    <row r="357866" spans="8:8">
      <c r="H357866" s="12"/>
    </row>
    <row r="357867" spans="8:8">
      <c r="H357867" s="12"/>
    </row>
    <row r="357868" spans="8:8">
      <c r="H357868" s="12"/>
    </row>
    <row r="357869" spans="8:8">
      <c r="H357869" s="12"/>
    </row>
    <row r="357870" spans="8:8">
      <c r="H357870" s="12"/>
    </row>
    <row r="357871" spans="8:8">
      <c r="H357871" s="12"/>
    </row>
    <row r="357872" spans="8:8">
      <c r="H357872" s="12"/>
    </row>
    <row r="357873" spans="8:8">
      <c r="H357873" s="12"/>
    </row>
    <row r="357874" spans="8:8">
      <c r="H357874" s="12"/>
    </row>
    <row r="357875" spans="8:8">
      <c r="H357875" s="12"/>
    </row>
    <row r="357876" spans="8:8">
      <c r="H357876" s="12"/>
    </row>
    <row r="357877" spans="8:8">
      <c r="H357877" s="12"/>
    </row>
    <row r="357878" spans="8:8">
      <c r="H357878" s="12"/>
    </row>
    <row r="357879" spans="8:8">
      <c r="H357879" s="12"/>
    </row>
    <row r="357880" spans="8:8">
      <c r="H357880" s="12"/>
    </row>
    <row r="357881" spans="8:8">
      <c r="H357881" s="12"/>
    </row>
    <row r="357882" spans="8:8">
      <c r="H357882" s="12"/>
    </row>
    <row r="357883" spans="8:8">
      <c r="H357883" s="12"/>
    </row>
    <row r="357884" spans="8:8">
      <c r="H357884" s="12"/>
    </row>
    <row r="357885" spans="8:8">
      <c r="H357885" s="12"/>
    </row>
    <row r="357886" spans="8:8">
      <c r="H357886" s="12"/>
    </row>
    <row r="357887" spans="8:8">
      <c r="H357887" s="12"/>
    </row>
    <row r="357888" spans="8:8">
      <c r="H357888" s="12"/>
    </row>
    <row r="357889" spans="8:8">
      <c r="H357889" s="12"/>
    </row>
    <row r="357890" spans="8:8">
      <c r="H357890" s="12"/>
    </row>
    <row r="357891" spans="8:8">
      <c r="H357891" s="12"/>
    </row>
    <row r="357892" spans="8:8">
      <c r="H357892" s="12"/>
    </row>
    <row r="357893" spans="8:8">
      <c r="H357893" s="12"/>
    </row>
    <row r="357894" spans="8:8">
      <c r="H357894" s="12"/>
    </row>
    <row r="357895" spans="8:8">
      <c r="H357895" s="12"/>
    </row>
    <row r="357896" spans="8:8">
      <c r="H357896" s="12"/>
    </row>
    <row r="357897" spans="8:8">
      <c r="H357897" s="12"/>
    </row>
    <row r="357898" spans="8:8">
      <c r="H357898" s="12"/>
    </row>
    <row r="357899" spans="8:8">
      <c r="H357899" s="12"/>
    </row>
    <row r="357900" spans="8:8">
      <c r="H357900" s="12"/>
    </row>
    <row r="357901" spans="8:8">
      <c r="H357901" s="12"/>
    </row>
    <row r="357902" spans="8:8">
      <c r="H357902" s="12"/>
    </row>
    <row r="357903" spans="8:8">
      <c r="H357903" s="12"/>
    </row>
    <row r="357904" spans="8:8">
      <c r="H357904" s="12"/>
    </row>
    <row r="357905" spans="8:8">
      <c r="H357905" s="12"/>
    </row>
    <row r="357906" spans="8:8">
      <c r="H357906" s="12"/>
    </row>
    <row r="357907" spans="8:8">
      <c r="H357907" s="12"/>
    </row>
    <row r="357908" spans="8:8">
      <c r="H357908" s="12"/>
    </row>
    <row r="357909" spans="8:8">
      <c r="H357909" s="12"/>
    </row>
    <row r="357910" spans="8:8">
      <c r="H357910" s="12"/>
    </row>
    <row r="357911" spans="8:8">
      <c r="H357911" s="12"/>
    </row>
    <row r="357912" spans="8:8">
      <c r="H357912" s="12"/>
    </row>
    <row r="357913" spans="8:8">
      <c r="H357913" s="12"/>
    </row>
    <row r="357914" spans="8:8">
      <c r="H357914" s="12"/>
    </row>
    <row r="357915" spans="8:8">
      <c r="H357915" s="12"/>
    </row>
    <row r="357916" spans="8:8">
      <c r="H357916" s="12"/>
    </row>
    <row r="357917" spans="8:8">
      <c r="H357917" s="12"/>
    </row>
    <row r="357918" spans="8:8">
      <c r="H357918" s="12"/>
    </row>
    <row r="357919" spans="8:8">
      <c r="H357919" s="12"/>
    </row>
    <row r="357920" spans="8:8">
      <c r="H357920" s="12"/>
    </row>
    <row r="357921" spans="8:8">
      <c r="H357921" s="12"/>
    </row>
    <row r="357922" spans="8:8">
      <c r="H357922" s="12"/>
    </row>
    <row r="357923" spans="8:8">
      <c r="H357923" s="12"/>
    </row>
    <row r="357924" spans="8:8">
      <c r="H357924" s="12"/>
    </row>
    <row r="357925" spans="8:8">
      <c r="H357925" s="12"/>
    </row>
    <row r="357926" spans="8:8">
      <c r="H357926" s="12"/>
    </row>
    <row r="357927" spans="8:8">
      <c r="H357927" s="12"/>
    </row>
    <row r="357928" spans="8:8">
      <c r="H357928" s="12"/>
    </row>
    <row r="357929" spans="8:8">
      <c r="H357929" s="12"/>
    </row>
    <row r="357930" spans="8:8">
      <c r="H357930" s="12"/>
    </row>
    <row r="357931" spans="8:8">
      <c r="H357931" s="12"/>
    </row>
    <row r="357932" spans="8:8">
      <c r="H357932" s="12"/>
    </row>
    <row r="357933" spans="8:8">
      <c r="H357933" s="12"/>
    </row>
    <row r="357934" spans="8:8">
      <c r="H357934" s="12"/>
    </row>
    <row r="357935" spans="8:8">
      <c r="H357935" s="12"/>
    </row>
    <row r="357936" spans="8:8">
      <c r="H357936" s="12"/>
    </row>
    <row r="357937" spans="8:8">
      <c r="H357937" s="12"/>
    </row>
    <row r="357938" spans="8:8">
      <c r="H357938" s="12"/>
    </row>
    <row r="357939" spans="8:8">
      <c r="H357939" s="12"/>
    </row>
    <row r="357940" spans="8:8">
      <c r="H357940" s="12"/>
    </row>
    <row r="357941" spans="8:8">
      <c r="H357941" s="12"/>
    </row>
    <row r="357942" spans="8:8">
      <c r="H357942" s="12"/>
    </row>
    <row r="357943" spans="8:8">
      <c r="H357943" s="12"/>
    </row>
    <row r="357944" spans="8:8">
      <c r="H357944" s="12"/>
    </row>
    <row r="357945" spans="8:8">
      <c r="H357945" s="12"/>
    </row>
    <row r="357946" spans="8:8">
      <c r="H357946" s="12"/>
    </row>
    <row r="357947" spans="8:8">
      <c r="H357947" s="12"/>
    </row>
    <row r="357948" spans="8:8">
      <c r="H357948" s="12"/>
    </row>
    <row r="357949" spans="8:8">
      <c r="H357949" s="12"/>
    </row>
    <row r="357950" spans="8:8">
      <c r="H357950" s="12"/>
    </row>
    <row r="357951" spans="8:8">
      <c r="H357951" s="12"/>
    </row>
    <row r="357952" spans="8:8">
      <c r="H357952" s="12"/>
    </row>
    <row r="357953" spans="8:8">
      <c r="H357953" s="12"/>
    </row>
    <row r="357954" spans="8:8">
      <c r="H357954" s="12"/>
    </row>
    <row r="357955" spans="8:8">
      <c r="H357955" s="12"/>
    </row>
    <row r="357956" spans="8:8">
      <c r="H357956" s="12"/>
    </row>
    <row r="357957" spans="8:8">
      <c r="H357957" s="12"/>
    </row>
    <row r="357958" spans="8:8">
      <c r="H357958" s="12"/>
    </row>
    <row r="357959" spans="8:8">
      <c r="H357959" s="12"/>
    </row>
    <row r="357960" spans="8:8">
      <c r="H357960" s="12"/>
    </row>
    <row r="357961" spans="8:8">
      <c r="H357961" s="12"/>
    </row>
    <row r="357962" spans="8:8">
      <c r="H357962" s="12"/>
    </row>
    <row r="357963" spans="8:8">
      <c r="H357963" s="12"/>
    </row>
    <row r="357964" spans="8:8">
      <c r="H357964" s="12"/>
    </row>
    <row r="357965" spans="8:8">
      <c r="H357965" s="12"/>
    </row>
    <row r="357966" spans="8:8">
      <c r="H357966" s="12"/>
    </row>
    <row r="357967" spans="8:8">
      <c r="H357967" s="12"/>
    </row>
    <row r="357968" spans="8:8">
      <c r="H357968" s="12"/>
    </row>
    <row r="357969" spans="8:8">
      <c r="H357969" s="12"/>
    </row>
    <row r="357970" spans="8:8">
      <c r="H357970" s="12"/>
    </row>
    <row r="357971" spans="8:8">
      <c r="H357971" s="12"/>
    </row>
    <row r="357972" spans="8:8">
      <c r="H357972" s="12"/>
    </row>
    <row r="357973" spans="8:8">
      <c r="H357973" s="12"/>
    </row>
    <row r="357974" spans="8:8">
      <c r="H357974" s="12"/>
    </row>
    <row r="357975" spans="8:8">
      <c r="H357975" s="12"/>
    </row>
    <row r="357976" spans="8:8">
      <c r="H357976" s="12"/>
    </row>
    <row r="357977" spans="8:8">
      <c r="H357977" s="12"/>
    </row>
    <row r="357978" spans="8:8">
      <c r="H357978" s="12"/>
    </row>
    <row r="357979" spans="8:8">
      <c r="H357979" s="12"/>
    </row>
    <row r="357980" spans="8:8">
      <c r="H357980" s="12"/>
    </row>
    <row r="357981" spans="8:8">
      <c r="H357981" s="12"/>
    </row>
    <row r="357982" spans="8:8">
      <c r="H357982" s="12"/>
    </row>
    <row r="357983" spans="8:8">
      <c r="H357983" s="12"/>
    </row>
    <row r="357984" spans="8:8">
      <c r="H357984" s="12"/>
    </row>
    <row r="357985" spans="8:8">
      <c r="H357985" s="12"/>
    </row>
    <row r="357986" spans="8:8">
      <c r="H357986" s="12"/>
    </row>
    <row r="357987" spans="8:8">
      <c r="H357987" s="12"/>
    </row>
    <row r="357988" spans="8:8">
      <c r="H357988" s="12"/>
    </row>
    <row r="357989" spans="8:8">
      <c r="H357989" s="12"/>
    </row>
    <row r="357990" spans="8:8">
      <c r="H357990" s="12"/>
    </row>
    <row r="357991" spans="8:8">
      <c r="H357991" s="12"/>
    </row>
    <row r="357992" spans="8:8">
      <c r="H357992" s="12"/>
    </row>
    <row r="357993" spans="8:8">
      <c r="H357993" s="12"/>
    </row>
    <row r="357994" spans="8:8">
      <c r="H357994" s="12"/>
    </row>
    <row r="357995" spans="8:8">
      <c r="H357995" s="12"/>
    </row>
    <row r="357996" spans="8:8">
      <c r="H357996" s="12"/>
    </row>
    <row r="357997" spans="8:8">
      <c r="H357997" s="12"/>
    </row>
    <row r="357998" spans="8:8">
      <c r="H357998" s="12"/>
    </row>
    <row r="357999" spans="8:8">
      <c r="H357999" s="12"/>
    </row>
    <row r="358000" spans="8:8">
      <c r="H358000" s="12"/>
    </row>
    <row r="358001" spans="8:8">
      <c r="H358001" s="12"/>
    </row>
    <row r="358002" spans="8:8">
      <c r="H358002" s="12"/>
    </row>
    <row r="358003" spans="8:8">
      <c r="H358003" s="12"/>
    </row>
    <row r="358004" spans="8:8">
      <c r="H358004" s="12"/>
    </row>
    <row r="358005" spans="8:8">
      <c r="H358005" s="12"/>
    </row>
    <row r="358006" spans="8:8">
      <c r="H358006" s="12"/>
    </row>
    <row r="358007" spans="8:8">
      <c r="H358007" s="12"/>
    </row>
    <row r="358008" spans="8:8">
      <c r="H358008" s="12"/>
    </row>
    <row r="358009" spans="8:8">
      <c r="H358009" s="12"/>
    </row>
    <row r="358010" spans="8:8">
      <c r="H358010" s="12"/>
    </row>
    <row r="358011" spans="8:8">
      <c r="H358011" s="12"/>
    </row>
    <row r="358012" spans="8:8">
      <c r="H358012" s="12"/>
    </row>
    <row r="358013" spans="8:8">
      <c r="H358013" s="12"/>
    </row>
    <row r="358014" spans="8:8">
      <c r="H358014" s="12"/>
    </row>
    <row r="358015" spans="8:8">
      <c r="H358015" s="12"/>
    </row>
    <row r="358016" spans="8:8">
      <c r="H358016" s="12"/>
    </row>
    <row r="358017" spans="8:8">
      <c r="H358017" s="12"/>
    </row>
    <row r="358018" spans="8:8">
      <c r="H358018" s="12"/>
    </row>
    <row r="358019" spans="8:8">
      <c r="H358019" s="12"/>
    </row>
    <row r="358020" spans="8:8">
      <c r="H358020" s="12"/>
    </row>
    <row r="358021" spans="8:8">
      <c r="H358021" s="12"/>
    </row>
    <row r="358022" spans="8:8">
      <c r="H358022" s="12"/>
    </row>
    <row r="358023" spans="8:8">
      <c r="H358023" s="12"/>
    </row>
    <row r="358024" spans="8:8">
      <c r="H358024" s="12"/>
    </row>
    <row r="358025" spans="8:8">
      <c r="H358025" s="12"/>
    </row>
    <row r="358026" spans="8:8">
      <c r="H358026" s="12"/>
    </row>
    <row r="358027" spans="8:8">
      <c r="H358027" s="12"/>
    </row>
    <row r="358028" spans="8:8">
      <c r="H358028" s="12"/>
    </row>
    <row r="358029" spans="8:8">
      <c r="H358029" s="12"/>
    </row>
    <row r="358030" spans="8:8">
      <c r="H358030" s="12"/>
    </row>
    <row r="358031" spans="8:8">
      <c r="H358031" s="12"/>
    </row>
    <row r="358032" spans="8:8">
      <c r="H358032" s="12"/>
    </row>
    <row r="358033" spans="8:8">
      <c r="H358033" s="12"/>
    </row>
    <row r="358034" spans="8:8">
      <c r="H358034" s="12"/>
    </row>
    <row r="358035" spans="8:8">
      <c r="H358035" s="12"/>
    </row>
    <row r="358036" spans="8:8">
      <c r="H358036" s="12"/>
    </row>
    <row r="358037" spans="8:8">
      <c r="H358037" s="12"/>
    </row>
    <row r="358038" spans="8:8">
      <c r="H358038" s="12"/>
    </row>
    <row r="358039" spans="8:8">
      <c r="H358039" s="12"/>
    </row>
    <row r="358040" spans="8:8">
      <c r="H358040" s="12"/>
    </row>
    <row r="358041" spans="8:8">
      <c r="H358041" s="12"/>
    </row>
    <row r="358042" spans="8:8">
      <c r="H358042" s="12"/>
    </row>
    <row r="358043" spans="8:8">
      <c r="H358043" s="12"/>
    </row>
    <row r="358044" spans="8:8">
      <c r="H358044" s="12"/>
    </row>
    <row r="358045" spans="8:8">
      <c r="H358045" s="12"/>
    </row>
    <row r="358046" spans="8:8">
      <c r="H358046" s="12"/>
    </row>
    <row r="358047" spans="8:8">
      <c r="H358047" s="12"/>
    </row>
    <row r="358048" spans="8:8">
      <c r="H358048" s="12"/>
    </row>
    <row r="358049" spans="8:8">
      <c r="H358049" s="12"/>
    </row>
    <row r="358050" spans="8:8">
      <c r="H358050" s="12"/>
    </row>
    <row r="358051" spans="8:8">
      <c r="H358051" s="12"/>
    </row>
    <row r="358052" spans="8:8">
      <c r="H358052" s="12"/>
    </row>
    <row r="358053" spans="8:8">
      <c r="H358053" s="12"/>
    </row>
    <row r="358054" spans="8:8">
      <c r="H358054" s="12"/>
    </row>
    <row r="358055" spans="8:8">
      <c r="H358055" s="12"/>
    </row>
    <row r="358056" spans="8:8">
      <c r="H358056" s="12"/>
    </row>
    <row r="358057" spans="8:8">
      <c r="H358057" s="12"/>
    </row>
    <row r="358058" spans="8:8">
      <c r="H358058" s="12"/>
    </row>
    <row r="358059" spans="8:8">
      <c r="H358059" s="12"/>
    </row>
    <row r="358060" spans="8:8">
      <c r="H358060" s="12"/>
    </row>
    <row r="358061" spans="8:8">
      <c r="H358061" s="12"/>
    </row>
    <row r="358062" spans="8:8">
      <c r="H358062" s="12"/>
    </row>
    <row r="358063" spans="8:8">
      <c r="H358063" s="12"/>
    </row>
    <row r="358064" spans="8:8">
      <c r="H358064" s="12"/>
    </row>
    <row r="358065" spans="8:8">
      <c r="H358065" s="12"/>
    </row>
    <row r="358066" spans="8:8">
      <c r="H358066" s="12"/>
    </row>
    <row r="358067" spans="8:8">
      <c r="H358067" s="12"/>
    </row>
    <row r="358068" spans="8:8">
      <c r="H358068" s="12"/>
    </row>
    <row r="358069" spans="8:8">
      <c r="H358069" s="12"/>
    </row>
    <row r="358070" spans="8:8">
      <c r="H358070" s="12"/>
    </row>
    <row r="358071" spans="8:8">
      <c r="H358071" s="12"/>
    </row>
    <row r="358072" spans="8:8">
      <c r="H358072" s="12"/>
    </row>
    <row r="358073" spans="8:8">
      <c r="H358073" s="12"/>
    </row>
    <row r="358074" spans="8:8">
      <c r="H358074" s="12"/>
    </row>
    <row r="358075" spans="8:8">
      <c r="H358075" s="12"/>
    </row>
    <row r="358076" spans="8:8">
      <c r="H358076" s="12"/>
    </row>
    <row r="358077" spans="8:8">
      <c r="H358077" s="12"/>
    </row>
    <row r="358078" spans="8:8">
      <c r="H358078" s="12"/>
    </row>
    <row r="358079" spans="8:8">
      <c r="H358079" s="12"/>
    </row>
    <row r="358080" spans="8:8">
      <c r="H358080" s="12"/>
    </row>
    <row r="358081" spans="8:8">
      <c r="H358081" s="12"/>
    </row>
    <row r="358082" spans="8:8">
      <c r="H358082" s="12"/>
    </row>
    <row r="358083" spans="8:8">
      <c r="H358083" s="12"/>
    </row>
    <row r="358084" spans="8:8">
      <c r="H358084" s="12"/>
    </row>
    <row r="358085" spans="8:8">
      <c r="H358085" s="12"/>
    </row>
    <row r="358086" spans="8:8">
      <c r="H358086" s="12"/>
    </row>
    <row r="358087" spans="8:8">
      <c r="H358087" s="12"/>
    </row>
    <row r="358088" spans="8:8">
      <c r="H358088" s="12"/>
    </row>
    <row r="358089" spans="8:8">
      <c r="H358089" s="12"/>
    </row>
    <row r="358090" spans="8:8">
      <c r="H358090" s="12"/>
    </row>
    <row r="358091" spans="8:8">
      <c r="H358091" s="12"/>
    </row>
    <row r="358092" spans="8:8">
      <c r="H358092" s="12"/>
    </row>
    <row r="358093" spans="8:8">
      <c r="H358093" s="12"/>
    </row>
    <row r="358094" spans="8:8">
      <c r="H358094" s="12"/>
    </row>
    <row r="358095" spans="8:8">
      <c r="H358095" s="12"/>
    </row>
    <row r="358096" spans="8:8">
      <c r="H358096" s="12"/>
    </row>
    <row r="358097" spans="8:8">
      <c r="H358097" s="12"/>
    </row>
    <row r="358098" spans="8:8">
      <c r="H358098" s="12"/>
    </row>
    <row r="358099" spans="8:8">
      <c r="H358099" s="12"/>
    </row>
    <row r="358100" spans="8:8">
      <c r="H358100" s="12"/>
    </row>
    <row r="358101" spans="8:8">
      <c r="H358101" s="12"/>
    </row>
    <row r="358102" spans="8:8">
      <c r="H358102" s="12"/>
    </row>
    <row r="358103" spans="8:8">
      <c r="H358103" s="12"/>
    </row>
    <row r="358104" spans="8:8">
      <c r="H358104" s="12"/>
    </row>
    <row r="358105" spans="8:8">
      <c r="H358105" s="12"/>
    </row>
    <row r="358106" spans="8:8">
      <c r="H358106" s="12"/>
    </row>
    <row r="358107" spans="8:8">
      <c r="H358107" s="12"/>
    </row>
    <row r="358108" spans="8:8">
      <c r="H358108" s="12"/>
    </row>
    <row r="358109" spans="8:8">
      <c r="H358109" s="12"/>
    </row>
    <row r="358110" spans="8:8">
      <c r="H358110" s="12"/>
    </row>
    <row r="358111" spans="8:8">
      <c r="H358111" s="12"/>
    </row>
    <row r="358112" spans="8:8">
      <c r="H358112" s="12"/>
    </row>
    <row r="358113" spans="8:8">
      <c r="H358113" s="12"/>
    </row>
    <row r="358114" spans="8:8">
      <c r="H358114" s="12"/>
    </row>
    <row r="358115" spans="8:8">
      <c r="H358115" s="12"/>
    </row>
    <row r="358116" spans="8:8">
      <c r="H358116" s="12"/>
    </row>
    <row r="358117" spans="8:8">
      <c r="H358117" s="12"/>
    </row>
    <row r="358118" spans="8:8">
      <c r="H358118" s="12"/>
    </row>
    <row r="358119" spans="8:8">
      <c r="H358119" s="12"/>
    </row>
    <row r="358120" spans="8:8">
      <c r="H358120" s="12"/>
    </row>
    <row r="358121" spans="8:8">
      <c r="H358121" s="12"/>
    </row>
    <row r="358122" spans="8:8">
      <c r="H358122" s="12"/>
    </row>
    <row r="358123" spans="8:8">
      <c r="H358123" s="12"/>
    </row>
    <row r="358124" spans="8:8">
      <c r="H358124" s="12"/>
    </row>
    <row r="358125" spans="8:8">
      <c r="H358125" s="12"/>
    </row>
    <row r="358126" spans="8:8">
      <c r="H358126" s="12"/>
    </row>
    <row r="358127" spans="8:8">
      <c r="H358127" s="12"/>
    </row>
    <row r="358128" spans="8:8">
      <c r="H358128" s="12"/>
    </row>
    <row r="358129" spans="8:8">
      <c r="H358129" s="12"/>
    </row>
    <row r="358130" spans="8:8">
      <c r="H358130" s="12"/>
    </row>
    <row r="358131" spans="8:8">
      <c r="H358131" s="12"/>
    </row>
    <row r="358132" spans="8:8">
      <c r="H358132" s="12"/>
    </row>
    <row r="358133" spans="8:8">
      <c r="H358133" s="12"/>
    </row>
    <row r="358134" spans="8:8">
      <c r="H358134" s="12"/>
    </row>
    <row r="358135" spans="8:8">
      <c r="H358135" s="12"/>
    </row>
    <row r="358136" spans="8:8">
      <c r="H358136" s="12"/>
    </row>
    <row r="358137" spans="8:8">
      <c r="H358137" s="12"/>
    </row>
    <row r="358138" spans="8:8">
      <c r="H358138" s="12"/>
    </row>
    <row r="358139" spans="8:8">
      <c r="H358139" s="12"/>
    </row>
    <row r="358140" spans="8:8">
      <c r="H358140" s="12"/>
    </row>
    <row r="358141" spans="8:8">
      <c r="H358141" s="12"/>
    </row>
    <row r="358142" spans="8:8">
      <c r="H358142" s="12"/>
    </row>
    <row r="358143" spans="8:8">
      <c r="H358143" s="12"/>
    </row>
    <row r="358144" spans="8:8">
      <c r="H358144" s="12"/>
    </row>
    <row r="358145" spans="8:8">
      <c r="H358145" s="12"/>
    </row>
    <row r="358146" spans="8:8">
      <c r="H358146" s="12"/>
    </row>
    <row r="358147" spans="8:8">
      <c r="H358147" s="12"/>
    </row>
    <row r="358148" spans="8:8">
      <c r="H358148" s="12"/>
    </row>
    <row r="358149" spans="8:8">
      <c r="H358149" s="12"/>
    </row>
    <row r="358150" spans="8:8">
      <c r="H358150" s="12"/>
    </row>
    <row r="358151" spans="8:8">
      <c r="H358151" s="12"/>
    </row>
    <row r="358152" spans="8:8">
      <c r="H358152" s="12"/>
    </row>
    <row r="358153" spans="8:8">
      <c r="H358153" s="12"/>
    </row>
    <row r="358154" spans="8:8">
      <c r="H358154" s="12"/>
    </row>
    <row r="358155" spans="8:8">
      <c r="H358155" s="12"/>
    </row>
    <row r="358156" spans="8:8">
      <c r="H358156" s="12"/>
    </row>
    <row r="358157" spans="8:8">
      <c r="H358157" s="12"/>
    </row>
    <row r="358158" spans="8:8">
      <c r="H358158" s="12"/>
    </row>
    <row r="358159" spans="8:8">
      <c r="H358159" s="12"/>
    </row>
    <row r="358160" spans="8:8">
      <c r="H358160" s="12"/>
    </row>
    <row r="358161" spans="8:8">
      <c r="H358161" s="12"/>
    </row>
    <row r="358162" spans="8:8">
      <c r="H358162" s="12"/>
    </row>
    <row r="358163" spans="8:8">
      <c r="H358163" s="12"/>
    </row>
    <row r="358164" spans="8:8">
      <c r="H358164" s="12"/>
    </row>
    <row r="358165" spans="8:8">
      <c r="H358165" s="12"/>
    </row>
    <row r="358166" spans="8:8">
      <c r="H358166" s="12"/>
    </row>
    <row r="358167" spans="8:8">
      <c r="H358167" s="12"/>
    </row>
    <row r="358168" spans="8:8">
      <c r="H358168" s="12"/>
    </row>
    <row r="358169" spans="8:8">
      <c r="H358169" s="12"/>
    </row>
    <row r="358170" spans="8:8">
      <c r="H358170" s="12"/>
    </row>
    <row r="358171" spans="8:8">
      <c r="H358171" s="12"/>
    </row>
    <row r="358172" spans="8:8">
      <c r="H358172" s="12"/>
    </row>
    <row r="358173" spans="8:8">
      <c r="H358173" s="12"/>
    </row>
    <row r="358174" spans="8:8">
      <c r="H358174" s="12"/>
    </row>
    <row r="358175" spans="8:8">
      <c r="H358175" s="12"/>
    </row>
    <row r="358176" spans="8:8">
      <c r="H358176" s="12"/>
    </row>
    <row r="358177" spans="8:8">
      <c r="H358177" s="12"/>
    </row>
    <row r="358178" spans="8:8">
      <c r="H358178" s="12"/>
    </row>
    <row r="358179" spans="8:8">
      <c r="H358179" s="12"/>
    </row>
    <row r="358180" spans="8:8">
      <c r="H358180" s="12"/>
    </row>
    <row r="358181" spans="8:8">
      <c r="H358181" s="12"/>
    </row>
    <row r="358182" spans="8:8">
      <c r="H358182" s="12"/>
    </row>
    <row r="358183" spans="8:8">
      <c r="H358183" s="12"/>
    </row>
    <row r="358184" spans="8:8">
      <c r="H358184" s="12"/>
    </row>
    <row r="358185" spans="8:8">
      <c r="H358185" s="12"/>
    </row>
    <row r="358186" spans="8:8">
      <c r="H358186" s="12"/>
    </row>
    <row r="358187" spans="8:8">
      <c r="H358187" s="12"/>
    </row>
    <row r="358188" spans="8:8">
      <c r="H358188" s="12"/>
    </row>
    <row r="358189" spans="8:8">
      <c r="H358189" s="12"/>
    </row>
    <row r="358190" spans="8:8">
      <c r="H358190" s="12"/>
    </row>
    <row r="358191" spans="8:8">
      <c r="H358191" s="12"/>
    </row>
    <row r="358192" spans="8:8">
      <c r="H358192" s="12"/>
    </row>
    <row r="358193" spans="8:8">
      <c r="H358193" s="12"/>
    </row>
    <row r="358194" spans="8:8">
      <c r="H358194" s="12"/>
    </row>
    <row r="358195" spans="8:8">
      <c r="H358195" s="12"/>
    </row>
    <row r="358196" spans="8:8">
      <c r="H358196" s="12"/>
    </row>
    <row r="358197" spans="8:8">
      <c r="H358197" s="12"/>
    </row>
    <row r="358198" spans="8:8">
      <c r="H358198" s="12"/>
    </row>
    <row r="358199" spans="8:8">
      <c r="H358199" s="12"/>
    </row>
    <row r="358200" spans="8:8">
      <c r="H358200" s="12"/>
    </row>
    <row r="358201" spans="8:8">
      <c r="H358201" s="12"/>
    </row>
    <row r="358202" spans="8:8">
      <c r="H358202" s="12"/>
    </row>
    <row r="358203" spans="8:8">
      <c r="H358203" s="12"/>
    </row>
    <row r="358204" spans="8:8">
      <c r="H358204" s="12"/>
    </row>
    <row r="358205" spans="8:8">
      <c r="H358205" s="12"/>
    </row>
    <row r="358206" spans="8:8">
      <c r="H358206" s="12"/>
    </row>
    <row r="358207" spans="8:8">
      <c r="H358207" s="12"/>
    </row>
    <row r="358208" spans="8:8">
      <c r="H358208" s="12"/>
    </row>
    <row r="358209" spans="8:8">
      <c r="H358209" s="12"/>
    </row>
    <row r="358210" spans="8:8">
      <c r="H358210" s="12"/>
    </row>
    <row r="358211" spans="8:8">
      <c r="H358211" s="12"/>
    </row>
    <row r="358212" spans="8:8">
      <c r="H358212" s="12"/>
    </row>
    <row r="358213" spans="8:8">
      <c r="H358213" s="12"/>
    </row>
    <row r="358214" spans="8:8">
      <c r="H358214" s="12"/>
    </row>
    <row r="358215" spans="8:8">
      <c r="H358215" s="12"/>
    </row>
    <row r="358216" spans="8:8">
      <c r="H358216" s="12"/>
    </row>
    <row r="358217" spans="8:8">
      <c r="H358217" s="12"/>
    </row>
    <row r="358218" spans="8:8">
      <c r="H358218" s="12"/>
    </row>
    <row r="358219" spans="8:8">
      <c r="H358219" s="12"/>
    </row>
    <row r="358220" spans="8:8">
      <c r="H358220" s="12"/>
    </row>
    <row r="358221" spans="8:8">
      <c r="H358221" s="12"/>
    </row>
    <row r="358222" spans="8:8">
      <c r="H358222" s="12"/>
    </row>
    <row r="358223" spans="8:8">
      <c r="H358223" s="12"/>
    </row>
    <row r="358224" spans="8:8">
      <c r="H358224" s="12"/>
    </row>
    <row r="358225" spans="8:8">
      <c r="H358225" s="12"/>
    </row>
    <row r="358226" spans="8:8">
      <c r="H358226" s="12"/>
    </row>
    <row r="358227" spans="8:8">
      <c r="H358227" s="12"/>
    </row>
    <row r="358228" spans="8:8">
      <c r="H358228" s="12"/>
    </row>
    <row r="358229" spans="8:8">
      <c r="H358229" s="12"/>
    </row>
    <row r="358230" spans="8:8">
      <c r="H358230" s="12"/>
    </row>
    <row r="358231" spans="8:8">
      <c r="H358231" s="12"/>
    </row>
    <row r="358232" spans="8:8">
      <c r="H358232" s="12"/>
    </row>
    <row r="358233" spans="8:8">
      <c r="H358233" s="12"/>
    </row>
    <row r="358234" spans="8:8">
      <c r="H358234" s="12"/>
    </row>
    <row r="358235" spans="8:8">
      <c r="H358235" s="12"/>
    </row>
    <row r="358236" spans="8:8">
      <c r="H358236" s="12"/>
    </row>
    <row r="358237" spans="8:8">
      <c r="H358237" s="12"/>
    </row>
    <row r="358238" spans="8:8">
      <c r="H358238" s="12"/>
    </row>
    <row r="358239" spans="8:8">
      <c r="H358239" s="12"/>
    </row>
    <row r="358240" spans="8:8">
      <c r="H358240" s="12"/>
    </row>
    <row r="358241" spans="8:8">
      <c r="H358241" s="12"/>
    </row>
    <row r="358242" spans="8:8">
      <c r="H358242" s="12"/>
    </row>
    <row r="358243" spans="8:8">
      <c r="H358243" s="12"/>
    </row>
    <row r="358244" spans="8:8">
      <c r="H358244" s="12"/>
    </row>
    <row r="358245" spans="8:8">
      <c r="H358245" s="12"/>
    </row>
    <row r="358246" spans="8:8">
      <c r="H358246" s="12"/>
    </row>
    <row r="358247" spans="8:8">
      <c r="H358247" s="12"/>
    </row>
    <row r="358248" spans="8:8">
      <c r="H358248" s="12"/>
    </row>
    <row r="358249" spans="8:8">
      <c r="H358249" s="12"/>
    </row>
    <row r="358250" spans="8:8">
      <c r="H358250" s="12"/>
    </row>
    <row r="358251" spans="8:8">
      <c r="H358251" s="12"/>
    </row>
    <row r="358252" spans="8:8">
      <c r="H358252" s="12"/>
    </row>
    <row r="358253" spans="8:8">
      <c r="H358253" s="12"/>
    </row>
    <row r="358254" spans="8:8">
      <c r="H358254" s="12"/>
    </row>
    <row r="358255" spans="8:8">
      <c r="H358255" s="12"/>
    </row>
    <row r="358256" spans="8:8">
      <c r="H358256" s="12"/>
    </row>
    <row r="358257" spans="8:8">
      <c r="H358257" s="12"/>
    </row>
    <row r="358258" spans="8:8">
      <c r="H358258" s="12"/>
    </row>
    <row r="358259" spans="8:8">
      <c r="H358259" s="12"/>
    </row>
    <row r="358260" spans="8:8">
      <c r="H358260" s="12"/>
    </row>
    <row r="358261" spans="8:8">
      <c r="H358261" s="12"/>
    </row>
    <row r="358262" spans="8:8">
      <c r="H358262" s="12"/>
    </row>
    <row r="358263" spans="8:8">
      <c r="H358263" s="12"/>
    </row>
    <row r="358264" spans="8:8">
      <c r="H358264" s="12"/>
    </row>
    <row r="358265" spans="8:8">
      <c r="H358265" s="12"/>
    </row>
    <row r="358266" spans="8:8">
      <c r="H358266" s="12"/>
    </row>
    <row r="358267" spans="8:8">
      <c r="H358267" s="12"/>
    </row>
    <row r="358268" spans="8:8">
      <c r="H358268" s="12"/>
    </row>
    <row r="358269" spans="8:8">
      <c r="H358269" s="12"/>
    </row>
    <row r="358270" spans="8:8">
      <c r="H358270" s="12"/>
    </row>
    <row r="358271" spans="8:8">
      <c r="H358271" s="12"/>
    </row>
    <row r="358272" spans="8:8">
      <c r="H358272" s="12"/>
    </row>
    <row r="358273" spans="8:8">
      <c r="H358273" s="12"/>
    </row>
    <row r="358274" spans="8:8">
      <c r="H358274" s="12"/>
    </row>
    <row r="358275" spans="8:8">
      <c r="H358275" s="12"/>
    </row>
    <row r="358276" spans="8:8">
      <c r="H358276" s="12"/>
    </row>
    <row r="358277" spans="8:8">
      <c r="H358277" s="12"/>
    </row>
    <row r="358278" spans="8:8">
      <c r="H358278" s="12"/>
    </row>
    <row r="358279" spans="8:8">
      <c r="H358279" s="12"/>
    </row>
    <row r="358280" spans="8:8">
      <c r="H358280" s="12"/>
    </row>
    <row r="358281" spans="8:8">
      <c r="H358281" s="12"/>
    </row>
    <row r="358282" spans="8:8">
      <c r="H358282" s="12"/>
    </row>
    <row r="358283" spans="8:8">
      <c r="H358283" s="12"/>
    </row>
    <row r="358284" spans="8:8">
      <c r="H358284" s="12"/>
    </row>
    <row r="358285" spans="8:8">
      <c r="H358285" s="12"/>
    </row>
    <row r="358286" spans="8:8">
      <c r="H358286" s="12"/>
    </row>
    <row r="358287" spans="8:8">
      <c r="H358287" s="12"/>
    </row>
    <row r="358288" spans="8:8">
      <c r="H358288" s="12"/>
    </row>
    <row r="358289" spans="8:8">
      <c r="H358289" s="12"/>
    </row>
    <row r="358290" spans="8:8">
      <c r="H358290" s="12"/>
    </row>
    <row r="358291" spans="8:8">
      <c r="H358291" s="12"/>
    </row>
    <row r="358292" spans="8:8">
      <c r="H358292" s="12"/>
    </row>
    <row r="358293" spans="8:8">
      <c r="H358293" s="12"/>
    </row>
    <row r="358294" spans="8:8">
      <c r="H358294" s="12"/>
    </row>
    <row r="358295" spans="8:8">
      <c r="H358295" s="12"/>
    </row>
    <row r="358296" spans="8:8">
      <c r="H358296" s="12"/>
    </row>
    <row r="358297" spans="8:8">
      <c r="H358297" s="12"/>
    </row>
    <row r="358298" spans="8:8">
      <c r="H358298" s="12"/>
    </row>
    <row r="358299" spans="8:8">
      <c r="H358299" s="12"/>
    </row>
    <row r="358300" spans="8:8">
      <c r="H358300" s="12"/>
    </row>
    <row r="358301" spans="8:8">
      <c r="H358301" s="12"/>
    </row>
    <row r="358302" spans="8:8">
      <c r="H358302" s="12"/>
    </row>
    <row r="358303" spans="8:8">
      <c r="H358303" s="12"/>
    </row>
    <row r="358304" spans="8:8">
      <c r="H358304" s="12"/>
    </row>
    <row r="358305" spans="8:8">
      <c r="H358305" s="12"/>
    </row>
    <row r="358306" spans="8:8">
      <c r="H358306" s="12"/>
    </row>
    <row r="358307" spans="8:8">
      <c r="H358307" s="12"/>
    </row>
    <row r="358308" spans="8:8">
      <c r="H358308" s="12"/>
    </row>
    <row r="358309" spans="8:8">
      <c r="H358309" s="12"/>
    </row>
    <row r="358310" spans="8:8">
      <c r="H358310" s="12"/>
    </row>
    <row r="358311" spans="8:8">
      <c r="H358311" s="12"/>
    </row>
    <row r="358312" spans="8:8">
      <c r="H358312" s="12"/>
    </row>
    <row r="358313" spans="8:8">
      <c r="H358313" s="12"/>
    </row>
    <row r="358314" spans="8:8">
      <c r="H358314" s="12"/>
    </row>
    <row r="358315" spans="8:8">
      <c r="H358315" s="12"/>
    </row>
    <row r="358316" spans="8:8">
      <c r="H358316" s="12"/>
    </row>
    <row r="358317" spans="8:8">
      <c r="H358317" s="12"/>
    </row>
    <row r="358318" spans="8:8">
      <c r="H358318" s="12"/>
    </row>
    <row r="358319" spans="8:8">
      <c r="H358319" s="12"/>
    </row>
    <row r="358320" spans="8:8">
      <c r="H358320" s="12"/>
    </row>
    <row r="358321" spans="8:8">
      <c r="H358321" s="12"/>
    </row>
    <row r="358322" spans="8:8">
      <c r="H358322" s="12"/>
    </row>
    <row r="358323" spans="8:8">
      <c r="H358323" s="12"/>
    </row>
    <row r="358324" spans="8:8">
      <c r="H358324" s="12"/>
    </row>
    <row r="358325" spans="8:8">
      <c r="H358325" s="12"/>
    </row>
    <row r="358326" spans="8:8">
      <c r="H358326" s="12"/>
    </row>
    <row r="358327" spans="8:8">
      <c r="H358327" s="12"/>
    </row>
    <row r="358328" spans="8:8">
      <c r="H358328" s="12"/>
    </row>
    <row r="358329" spans="8:8">
      <c r="H358329" s="12"/>
    </row>
    <row r="358330" spans="8:8">
      <c r="H358330" s="12"/>
    </row>
    <row r="358331" spans="8:8">
      <c r="H358331" s="12"/>
    </row>
    <row r="358332" spans="8:8">
      <c r="H358332" s="12"/>
    </row>
    <row r="358333" spans="8:8">
      <c r="H358333" s="12"/>
    </row>
    <row r="358334" spans="8:8">
      <c r="H358334" s="12"/>
    </row>
    <row r="358335" spans="8:8">
      <c r="H358335" s="12"/>
    </row>
    <row r="358336" spans="8:8">
      <c r="H358336" s="12"/>
    </row>
    <row r="358337" spans="8:8">
      <c r="H358337" s="12"/>
    </row>
    <row r="358338" spans="8:8">
      <c r="H358338" s="12"/>
    </row>
    <row r="358339" spans="8:8">
      <c r="H358339" s="12"/>
    </row>
    <row r="358340" spans="8:8">
      <c r="H358340" s="12"/>
    </row>
    <row r="358341" spans="8:8">
      <c r="H358341" s="12"/>
    </row>
    <row r="358342" spans="8:8">
      <c r="H358342" s="12"/>
    </row>
    <row r="358343" spans="8:8">
      <c r="H358343" s="12"/>
    </row>
    <row r="358344" spans="8:8">
      <c r="H358344" s="12"/>
    </row>
    <row r="358345" spans="8:8">
      <c r="H358345" s="12"/>
    </row>
    <row r="358346" spans="8:8">
      <c r="H358346" s="12"/>
    </row>
    <row r="358347" spans="8:8">
      <c r="H358347" s="12"/>
    </row>
    <row r="358348" spans="8:8">
      <c r="H358348" s="12"/>
    </row>
    <row r="358349" spans="8:8">
      <c r="H358349" s="12"/>
    </row>
    <row r="358350" spans="8:8">
      <c r="H358350" s="12"/>
    </row>
    <row r="358351" spans="8:8">
      <c r="H358351" s="12"/>
    </row>
    <row r="358352" spans="8:8">
      <c r="H358352" s="12"/>
    </row>
    <row r="358353" spans="8:8">
      <c r="H358353" s="12"/>
    </row>
    <row r="358354" spans="8:8">
      <c r="H358354" s="12"/>
    </row>
    <row r="358355" spans="8:8">
      <c r="H358355" s="12"/>
    </row>
    <row r="358356" spans="8:8">
      <c r="H358356" s="12"/>
    </row>
    <row r="358357" spans="8:8">
      <c r="H358357" s="12"/>
    </row>
    <row r="358358" spans="8:8">
      <c r="H358358" s="12"/>
    </row>
    <row r="358359" spans="8:8">
      <c r="H358359" s="12"/>
    </row>
    <row r="358360" spans="8:8">
      <c r="H358360" s="12"/>
    </row>
    <row r="358361" spans="8:8">
      <c r="H358361" s="12"/>
    </row>
    <row r="358362" spans="8:8">
      <c r="H358362" s="12"/>
    </row>
    <row r="358363" spans="8:8">
      <c r="H358363" s="12"/>
    </row>
    <row r="358364" spans="8:8">
      <c r="H358364" s="12"/>
    </row>
    <row r="358365" spans="8:8">
      <c r="H358365" s="12"/>
    </row>
    <row r="358366" spans="8:8">
      <c r="H358366" s="12"/>
    </row>
    <row r="358367" spans="8:8">
      <c r="H358367" s="12"/>
    </row>
    <row r="358368" spans="8:8">
      <c r="H358368" s="12"/>
    </row>
    <row r="358369" spans="8:8">
      <c r="H358369" s="12"/>
    </row>
    <row r="358370" spans="8:8">
      <c r="H358370" s="12"/>
    </row>
    <row r="358371" spans="8:8">
      <c r="H358371" s="12"/>
    </row>
    <row r="358372" spans="8:8">
      <c r="H358372" s="12"/>
    </row>
    <row r="358373" spans="8:8">
      <c r="H358373" s="12"/>
    </row>
    <row r="358374" spans="8:8">
      <c r="H358374" s="12"/>
    </row>
    <row r="358375" spans="8:8">
      <c r="H358375" s="12"/>
    </row>
    <row r="358376" spans="8:8">
      <c r="H358376" s="12"/>
    </row>
    <row r="358377" spans="8:8">
      <c r="H358377" s="12"/>
    </row>
    <row r="358378" spans="8:8">
      <c r="H358378" s="12"/>
    </row>
    <row r="358379" spans="8:8">
      <c r="H358379" s="12"/>
    </row>
    <row r="358380" spans="8:8">
      <c r="H358380" s="12"/>
    </row>
    <row r="358381" spans="8:8">
      <c r="H358381" s="12"/>
    </row>
    <row r="358382" spans="8:8">
      <c r="H358382" s="12"/>
    </row>
    <row r="358383" spans="8:8">
      <c r="H358383" s="12"/>
    </row>
    <row r="358384" spans="8:8">
      <c r="H358384" s="12"/>
    </row>
    <row r="358385" spans="8:8">
      <c r="H358385" s="12"/>
    </row>
    <row r="358386" spans="8:8">
      <c r="H358386" s="12"/>
    </row>
    <row r="358387" spans="8:8">
      <c r="H358387" s="12"/>
    </row>
    <row r="358388" spans="8:8">
      <c r="H358388" s="12"/>
    </row>
    <row r="358389" spans="8:8">
      <c r="H358389" s="12"/>
    </row>
    <row r="358390" spans="8:8">
      <c r="H358390" s="12"/>
    </row>
    <row r="358391" spans="8:8">
      <c r="H358391" s="12"/>
    </row>
    <row r="358392" spans="8:8">
      <c r="H358392" s="12"/>
    </row>
    <row r="358393" spans="8:8">
      <c r="H358393" s="12"/>
    </row>
    <row r="358394" spans="8:8">
      <c r="H358394" s="12"/>
    </row>
    <row r="358395" spans="8:8">
      <c r="H358395" s="12"/>
    </row>
    <row r="358396" spans="8:8">
      <c r="H358396" s="12"/>
    </row>
    <row r="358397" spans="8:8">
      <c r="H358397" s="12"/>
    </row>
    <row r="358398" spans="8:8">
      <c r="H358398" s="12"/>
    </row>
    <row r="358399" spans="8:8">
      <c r="H358399" s="12"/>
    </row>
    <row r="358400" spans="8:8">
      <c r="H358400" s="12"/>
    </row>
    <row r="358401" spans="8:8">
      <c r="H358401" s="12"/>
    </row>
    <row r="358402" spans="8:8">
      <c r="H358402" s="12"/>
    </row>
    <row r="358403" spans="8:8">
      <c r="H358403" s="12"/>
    </row>
    <row r="358404" spans="8:8">
      <c r="H358404" s="12"/>
    </row>
    <row r="358405" spans="8:8">
      <c r="H358405" s="12"/>
    </row>
    <row r="358406" spans="8:8">
      <c r="H358406" s="12"/>
    </row>
    <row r="358407" spans="8:8">
      <c r="H358407" s="12"/>
    </row>
    <row r="358408" spans="8:8">
      <c r="H358408" s="12"/>
    </row>
    <row r="358409" spans="8:8">
      <c r="H358409" s="12"/>
    </row>
    <row r="358410" spans="8:8">
      <c r="H358410" s="12"/>
    </row>
    <row r="358411" spans="8:8">
      <c r="H358411" s="12"/>
    </row>
    <row r="358412" spans="8:8">
      <c r="H358412" s="12"/>
    </row>
    <row r="358413" spans="8:8">
      <c r="H358413" s="12"/>
    </row>
    <row r="358414" spans="8:8">
      <c r="H358414" s="12"/>
    </row>
    <row r="358415" spans="8:8">
      <c r="H358415" s="12"/>
    </row>
    <row r="358416" spans="8:8">
      <c r="H358416" s="12"/>
    </row>
    <row r="358417" spans="8:8">
      <c r="H358417" s="12"/>
    </row>
    <row r="358418" spans="8:8">
      <c r="H358418" s="12"/>
    </row>
    <row r="358419" spans="8:8">
      <c r="H358419" s="12"/>
    </row>
    <row r="358420" spans="8:8">
      <c r="H358420" s="12"/>
    </row>
    <row r="358421" spans="8:8">
      <c r="H358421" s="12"/>
    </row>
    <row r="358422" spans="8:8">
      <c r="H358422" s="12"/>
    </row>
    <row r="358423" spans="8:8">
      <c r="H358423" s="12"/>
    </row>
    <row r="358424" spans="8:8">
      <c r="H358424" s="12"/>
    </row>
    <row r="358425" spans="8:8">
      <c r="H358425" s="12"/>
    </row>
    <row r="358426" spans="8:8">
      <c r="H358426" s="12"/>
    </row>
    <row r="358427" spans="8:8">
      <c r="H358427" s="12"/>
    </row>
    <row r="358428" spans="8:8">
      <c r="H358428" s="12"/>
    </row>
    <row r="358429" spans="8:8">
      <c r="H358429" s="12"/>
    </row>
    <row r="358430" spans="8:8">
      <c r="H358430" s="12"/>
    </row>
    <row r="358431" spans="8:8">
      <c r="H358431" s="12"/>
    </row>
    <row r="358432" spans="8:8">
      <c r="H358432" s="12"/>
    </row>
    <row r="358433" spans="8:8">
      <c r="H358433" s="12"/>
    </row>
    <row r="358434" spans="8:8">
      <c r="H358434" s="12"/>
    </row>
    <row r="358435" spans="8:8">
      <c r="H358435" s="12"/>
    </row>
    <row r="358436" spans="8:8">
      <c r="H358436" s="12"/>
    </row>
    <row r="358437" spans="8:8">
      <c r="H358437" s="12"/>
    </row>
    <row r="358438" spans="8:8">
      <c r="H358438" s="12"/>
    </row>
    <row r="358439" spans="8:8">
      <c r="H358439" s="12"/>
    </row>
    <row r="358440" spans="8:8">
      <c r="H358440" s="12"/>
    </row>
    <row r="358441" spans="8:8">
      <c r="H358441" s="12"/>
    </row>
    <row r="358442" spans="8:8">
      <c r="H358442" s="12"/>
    </row>
    <row r="358443" spans="8:8">
      <c r="H358443" s="12"/>
    </row>
    <row r="358444" spans="8:8">
      <c r="H358444" s="12"/>
    </row>
    <row r="358445" spans="8:8">
      <c r="H358445" s="12"/>
    </row>
    <row r="358446" spans="8:8">
      <c r="H358446" s="12"/>
    </row>
    <row r="358447" spans="8:8">
      <c r="H358447" s="12"/>
    </row>
    <row r="358448" spans="8:8">
      <c r="H358448" s="12"/>
    </row>
    <row r="358449" spans="8:8">
      <c r="H358449" s="12"/>
    </row>
    <row r="358450" spans="8:8">
      <c r="H358450" s="12"/>
    </row>
    <row r="358451" spans="8:8">
      <c r="H358451" s="12"/>
    </row>
    <row r="358452" spans="8:8">
      <c r="H358452" s="12"/>
    </row>
    <row r="358453" spans="8:8">
      <c r="H358453" s="12"/>
    </row>
    <row r="358454" spans="8:8">
      <c r="H358454" s="12"/>
    </row>
    <row r="358455" spans="8:8">
      <c r="H358455" s="12"/>
    </row>
    <row r="358456" spans="8:8">
      <c r="H358456" s="12"/>
    </row>
    <row r="358457" spans="8:8">
      <c r="H358457" s="12"/>
    </row>
    <row r="358458" spans="8:8">
      <c r="H358458" s="12"/>
    </row>
    <row r="358459" spans="8:8">
      <c r="H358459" s="12"/>
    </row>
    <row r="358460" spans="8:8">
      <c r="H358460" s="12"/>
    </row>
    <row r="358461" spans="8:8">
      <c r="H358461" s="12"/>
    </row>
    <row r="358462" spans="8:8">
      <c r="H358462" s="12"/>
    </row>
    <row r="358463" spans="8:8">
      <c r="H358463" s="12"/>
    </row>
    <row r="358464" spans="8:8">
      <c r="H358464" s="12"/>
    </row>
    <row r="358465" spans="8:8">
      <c r="H358465" s="12"/>
    </row>
    <row r="358466" spans="8:8">
      <c r="H358466" s="12"/>
    </row>
    <row r="358467" spans="8:8">
      <c r="H358467" s="12"/>
    </row>
    <row r="358468" spans="8:8">
      <c r="H358468" s="12"/>
    </row>
    <row r="358469" spans="8:8">
      <c r="H358469" s="12"/>
    </row>
    <row r="358470" spans="8:8">
      <c r="H358470" s="12"/>
    </row>
    <row r="358471" spans="8:8">
      <c r="H358471" s="12"/>
    </row>
    <row r="358472" spans="8:8">
      <c r="H358472" s="12"/>
    </row>
    <row r="358473" spans="8:8">
      <c r="H358473" s="12"/>
    </row>
    <row r="358474" spans="8:8">
      <c r="H358474" s="12"/>
    </row>
    <row r="358475" spans="8:8">
      <c r="H358475" s="12"/>
    </row>
    <row r="358476" spans="8:8">
      <c r="H358476" s="12"/>
    </row>
    <row r="358477" spans="8:8">
      <c r="H358477" s="12"/>
    </row>
    <row r="358478" spans="8:8">
      <c r="H358478" s="12"/>
    </row>
    <row r="358479" spans="8:8">
      <c r="H358479" s="12"/>
    </row>
    <row r="358480" spans="8:8">
      <c r="H358480" s="12"/>
    </row>
    <row r="358481" spans="8:8">
      <c r="H358481" s="12"/>
    </row>
    <row r="358482" spans="8:8">
      <c r="H358482" s="12"/>
    </row>
    <row r="358483" spans="8:8">
      <c r="H358483" s="12"/>
    </row>
    <row r="358484" spans="8:8">
      <c r="H358484" s="12"/>
    </row>
    <row r="358485" spans="8:8">
      <c r="H358485" s="12"/>
    </row>
    <row r="358486" spans="8:8">
      <c r="H358486" s="12"/>
    </row>
    <row r="358487" spans="8:8">
      <c r="H358487" s="12"/>
    </row>
    <row r="358488" spans="8:8">
      <c r="H358488" s="12"/>
    </row>
    <row r="358489" spans="8:8">
      <c r="H358489" s="12"/>
    </row>
    <row r="358490" spans="8:8">
      <c r="H358490" s="12"/>
    </row>
    <row r="358491" spans="8:8">
      <c r="H358491" s="12"/>
    </row>
    <row r="358492" spans="8:8">
      <c r="H358492" s="12"/>
    </row>
    <row r="358493" spans="8:8">
      <c r="H358493" s="12"/>
    </row>
    <row r="358494" spans="8:8">
      <c r="H358494" s="12"/>
    </row>
    <row r="358495" spans="8:8">
      <c r="H358495" s="12"/>
    </row>
    <row r="358496" spans="8:8">
      <c r="H358496" s="12"/>
    </row>
    <row r="358497" spans="8:8">
      <c r="H358497" s="12"/>
    </row>
    <row r="358498" spans="8:8">
      <c r="H358498" s="12"/>
    </row>
    <row r="358499" spans="8:8">
      <c r="H358499" s="12"/>
    </row>
    <row r="358500" spans="8:8">
      <c r="H358500" s="12"/>
    </row>
    <row r="358501" spans="8:8">
      <c r="H358501" s="12"/>
    </row>
    <row r="358502" spans="8:8">
      <c r="H358502" s="12"/>
    </row>
    <row r="358503" spans="8:8">
      <c r="H358503" s="12"/>
    </row>
    <row r="358504" spans="8:8">
      <c r="H358504" s="12"/>
    </row>
    <row r="358505" spans="8:8">
      <c r="H358505" s="12"/>
    </row>
    <row r="358506" spans="8:8">
      <c r="H358506" s="12"/>
    </row>
    <row r="358507" spans="8:8">
      <c r="H358507" s="12"/>
    </row>
    <row r="358508" spans="8:8">
      <c r="H358508" s="12"/>
    </row>
    <row r="358509" spans="8:8">
      <c r="H358509" s="12"/>
    </row>
    <row r="358510" spans="8:8">
      <c r="H358510" s="12"/>
    </row>
    <row r="358511" spans="8:8">
      <c r="H358511" s="12"/>
    </row>
    <row r="358512" spans="8:8">
      <c r="H358512" s="12"/>
    </row>
    <row r="358513" spans="8:8">
      <c r="H358513" s="12"/>
    </row>
    <row r="358514" spans="8:8">
      <c r="H358514" s="12"/>
    </row>
    <row r="358515" spans="8:8">
      <c r="H358515" s="12"/>
    </row>
    <row r="358516" spans="8:8">
      <c r="H358516" s="12"/>
    </row>
    <row r="358517" spans="8:8">
      <c r="H358517" s="12"/>
    </row>
    <row r="358518" spans="8:8">
      <c r="H358518" s="12"/>
    </row>
    <row r="358519" spans="8:8">
      <c r="H358519" s="12"/>
    </row>
    <row r="358520" spans="8:8">
      <c r="H358520" s="12"/>
    </row>
    <row r="358521" spans="8:8">
      <c r="H358521" s="12"/>
    </row>
    <row r="358522" spans="8:8">
      <c r="H358522" s="12"/>
    </row>
    <row r="358523" spans="8:8">
      <c r="H358523" s="12"/>
    </row>
    <row r="358524" spans="8:8">
      <c r="H358524" s="12"/>
    </row>
    <row r="358525" spans="8:8">
      <c r="H358525" s="12"/>
    </row>
    <row r="358526" spans="8:8">
      <c r="H358526" s="12"/>
    </row>
    <row r="358527" spans="8:8">
      <c r="H358527" s="12"/>
    </row>
    <row r="358528" spans="8:8">
      <c r="H358528" s="12"/>
    </row>
    <row r="358529" spans="8:8">
      <c r="H358529" s="12"/>
    </row>
    <row r="358530" spans="8:8">
      <c r="H358530" s="12"/>
    </row>
    <row r="358531" spans="8:8">
      <c r="H358531" s="12"/>
    </row>
    <row r="358532" spans="8:8">
      <c r="H358532" s="12"/>
    </row>
    <row r="358533" spans="8:8">
      <c r="H358533" s="12"/>
    </row>
    <row r="358534" spans="8:8">
      <c r="H358534" s="12"/>
    </row>
    <row r="358535" spans="8:8">
      <c r="H358535" s="12"/>
    </row>
    <row r="358536" spans="8:8">
      <c r="H358536" s="12"/>
    </row>
    <row r="358537" spans="8:8">
      <c r="H358537" s="12"/>
    </row>
    <row r="358538" spans="8:8">
      <c r="H358538" s="12"/>
    </row>
    <row r="358539" spans="8:8">
      <c r="H358539" s="12"/>
    </row>
    <row r="358540" spans="8:8">
      <c r="H358540" s="12"/>
    </row>
    <row r="358541" spans="8:8">
      <c r="H358541" s="12"/>
    </row>
    <row r="358542" spans="8:8">
      <c r="H358542" s="12"/>
    </row>
    <row r="358543" spans="8:8">
      <c r="H358543" s="12"/>
    </row>
    <row r="358544" spans="8:8">
      <c r="H358544" s="12"/>
    </row>
    <row r="358545" spans="8:8">
      <c r="H358545" s="12"/>
    </row>
    <row r="358546" spans="8:8">
      <c r="H358546" s="12"/>
    </row>
    <row r="358547" spans="8:8">
      <c r="H358547" s="12"/>
    </row>
    <row r="358548" spans="8:8">
      <c r="H358548" s="12"/>
    </row>
    <row r="358549" spans="8:8">
      <c r="H358549" s="12"/>
    </row>
    <row r="358550" spans="8:8">
      <c r="H358550" s="12"/>
    </row>
    <row r="358551" spans="8:8">
      <c r="H358551" s="12"/>
    </row>
    <row r="358552" spans="8:8">
      <c r="H358552" s="12"/>
    </row>
    <row r="358553" spans="8:8">
      <c r="H358553" s="12"/>
    </row>
    <row r="358554" spans="8:8">
      <c r="H358554" s="12"/>
    </row>
    <row r="358555" spans="8:8">
      <c r="H358555" s="12"/>
    </row>
    <row r="358556" spans="8:8">
      <c r="H358556" s="12"/>
    </row>
    <row r="358557" spans="8:8">
      <c r="H358557" s="12"/>
    </row>
    <row r="358558" spans="8:8">
      <c r="H358558" s="12"/>
    </row>
    <row r="358559" spans="8:8">
      <c r="H358559" s="12"/>
    </row>
    <row r="358560" spans="8:8">
      <c r="H358560" s="12"/>
    </row>
    <row r="358561" spans="8:8">
      <c r="H358561" s="12"/>
    </row>
    <row r="358562" spans="8:8">
      <c r="H358562" s="12"/>
    </row>
    <row r="358563" spans="8:8">
      <c r="H358563" s="12"/>
    </row>
    <row r="358564" spans="8:8">
      <c r="H358564" s="12"/>
    </row>
    <row r="358565" spans="8:8">
      <c r="H358565" s="12"/>
    </row>
    <row r="358566" spans="8:8">
      <c r="H358566" s="12"/>
    </row>
    <row r="358567" spans="8:8">
      <c r="H358567" s="12"/>
    </row>
    <row r="358568" spans="8:8">
      <c r="H358568" s="12"/>
    </row>
    <row r="358569" spans="8:8">
      <c r="H358569" s="12"/>
    </row>
    <row r="358570" spans="8:8">
      <c r="H358570" s="12"/>
    </row>
    <row r="358571" spans="8:8">
      <c r="H358571" s="12"/>
    </row>
    <row r="358572" spans="8:8">
      <c r="H358572" s="12"/>
    </row>
    <row r="358573" spans="8:8">
      <c r="H358573" s="12"/>
    </row>
    <row r="358574" spans="8:8">
      <c r="H358574" s="12"/>
    </row>
    <row r="358575" spans="8:8">
      <c r="H358575" s="12"/>
    </row>
    <row r="358576" spans="8:8">
      <c r="H358576" s="12"/>
    </row>
    <row r="358577" spans="8:8">
      <c r="H358577" s="12"/>
    </row>
    <row r="358578" spans="8:8">
      <c r="H358578" s="12"/>
    </row>
    <row r="358579" spans="8:8">
      <c r="H358579" s="12"/>
    </row>
    <row r="358580" spans="8:8">
      <c r="H358580" s="12"/>
    </row>
    <row r="358581" spans="8:8">
      <c r="H358581" s="12"/>
    </row>
    <row r="358582" spans="8:8">
      <c r="H358582" s="12"/>
    </row>
    <row r="358583" spans="8:8">
      <c r="H358583" s="12"/>
    </row>
    <row r="358584" spans="8:8">
      <c r="H358584" s="12"/>
    </row>
    <row r="358585" spans="8:8">
      <c r="H358585" s="12"/>
    </row>
    <row r="358586" spans="8:8">
      <c r="H358586" s="12"/>
    </row>
    <row r="358587" spans="8:8">
      <c r="H358587" s="12"/>
    </row>
    <row r="358588" spans="8:8">
      <c r="H358588" s="12"/>
    </row>
    <row r="358589" spans="8:8">
      <c r="H358589" s="12"/>
    </row>
    <row r="358590" spans="8:8">
      <c r="H358590" s="12"/>
    </row>
    <row r="358591" spans="8:8">
      <c r="H358591" s="12"/>
    </row>
    <row r="358592" spans="8:8">
      <c r="H358592" s="12"/>
    </row>
    <row r="358593" spans="8:8">
      <c r="H358593" s="12"/>
    </row>
    <row r="358594" spans="8:8">
      <c r="H358594" s="12"/>
    </row>
    <row r="358595" spans="8:8">
      <c r="H358595" s="12"/>
    </row>
    <row r="358596" spans="8:8">
      <c r="H358596" s="12"/>
    </row>
    <row r="358597" spans="8:8">
      <c r="H358597" s="12"/>
    </row>
    <row r="358598" spans="8:8">
      <c r="H358598" s="12"/>
    </row>
    <row r="358599" spans="8:8">
      <c r="H358599" s="12"/>
    </row>
    <row r="358600" spans="8:8">
      <c r="H358600" s="12"/>
    </row>
    <row r="358601" spans="8:8">
      <c r="H358601" s="12"/>
    </row>
    <row r="358602" spans="8:8">
      <c r="H358602" s="12"/>
    </row>
    <row r="358603" spans="8:8">
      <c r="H358603" s="12"/>
    </row>
    <row r="358604" spans="8:8">
      <c r="H358604" s="12"/>
    </row>
    <row r="358605" spans="8:8">
      <c r="H358605" s="12"/>
    </row>
    <row r="358606" spans="8:8">
      <c r="H358606" s="12"/>
    </row>
    <row r="358607" spans="8:8">
      <c r="H358607" s="12"/>
    </row>
    <row r="358608" spans="8:8">
      <c r="H358608" s="12"/>
    </row>
    <row r="358609" spans="8:8">
      <c r="H358609" s="12"/>
    </row>
    <row r="358610" spans="8:8">
      <c r="H358610" s="12"/>
    </row>
    <row r="358611" spans="8:8">
      <c r="H358611" s="12"/>
    </row>
    <row r="358612" spans="8:8">
      <c r="H358612" s="12"/>
    </row>
    <row r="358613" spans="8:8">
      <c r="H358613" s="12"/>
    </row>
    <row r="358614" spans="8:8">
      <c r="H358614" s="12"/>
    </row>
    <row r="358615" spans="8:8">
      <c r="H358615" s="12"/>
    </row>
    <row r="358616" spans="8:8">
      <c r="H358616" s="12"/>
    </row>
    <row r="358617" spans="8:8">
      <c r="H358617" s="12"/>
    </row>
    <row r="358618" spans="8:8">
      <c r="H358618" s="12"/>
    </row>
    <row r="358619" spans="8:8">
      <c r="H358619" s="12"/>
    </row>
    <row r="358620" spans="8:8">
      <c r="H358620" s="12"/>
    </row>
    <row r="358621" spans="8:8">
      <c r="H358621" s="12"/>
    </row>
    <row r="358622" spans="8:8">
      <c r="H358622" s="12"/>
    </row>
    <row r="358623" spans="8:8">
      <c r="H358623" s="12"/>
    </row>
    <row r="358624" spans="8:8">
      <c r="H358624" s="12"/>
    </row>
    <row r="358625" spans="8:8">
      <c r="H358625" s="12"/>
    </row>
    <row r="358626" spans="8:8">
      <c r="H358626" s="12"/>
    </row>
    <row r="358627" spans="8:8">
      <c r="H358627" s="12"/>
    </row>
    <row r="358628" spans="8:8">
      <c r="H358628" s="12"/>
    </row>
    <row r="358629" spans="8:8">
      <c r="H358629" s="12"/>
    </row>
    <row r="358630" spans="8:8">
      <c r="H358630" s="12"/>
    </row>
    <row r="358631" spans="8:8">
      <c r="H358631" s="12"/>
    </row>
    <row r="358632" spans="8:8">
      <c r="H358632" s="12"/>
    </row>
    <row r="358633" spans="8:8">
      <c r="H358633" s="12"/>
    </row>
    <row r="358634" spans="8:8">
      <c r="H358634" s="12"/>
    </row>
    <row r="358635" spans="8:8">
      <c r="H358635" s="12"/>
    </row>
    <row r="358636" spans="8:8">
      <c r="H358636" s="12"/>
    </row>
    <row r="358637" spans="8:8">
      <c r="H358637" s="12"/>
    </row>
    <row r="358638" spans="8:8">
      <c r="H358638" s="12"/>
    </row>
    <row r="358639" spans="8:8">
      <c r="H358639" s="12"/>
    </row>
    <row r="358640" spans="8:8">
      <c r="H358640" s="12"/>
    </row>
    <row r="358641" spans="8:8">
      <c r="H358641" s="12"/>
    </row>
    <row r="358642" spans="8:8">
      <c r="H358642" s="12"/>
    </row>
    <row r="358643" spans="8:8">
      <c r="H358643" s="12"/>
    </row>
    <row r="358644" spans="8:8">
      <c r="H358644" s="12"/>
    </row>
    <row r="358645" spans="8:8">
      <c r="H358645" s="12"/>
    </row>
    <row r="358646" spans="8:8">
      <c r="H358646" s="12"/>
    </row>
    <row r="358647" spans="8:8">
      <c r="H358647" s="12"/>
    </row>
    <row r="358648" spans="8:8">
      <c r="H358648" s="12"/>
    </row>
    <row r="358649" spans="8:8">
      <c r="H358649" s="12"/>
    </row>
    <row r="358650" spans="8:8">
      <c r="H358650" s="12"/>
    </row>
    <row r="358651" spans="8:8">
      <c r="H358651" s="12"/>
    </row>
    <row r="358652" spans="8:8">
      <c r="H358652" s="12"/>
    </row>
    <row r="358653" spans="8:8">
      <c r="H358653" s="12"/>
    </row>
    <row r="358654" spans="8:8">
      <c r="H358654" s="12"/>
    </row>
    <row r="358655" spans="8:8">
      <c r="H358655" s="12"/>
    </row>
    <row r="358656" spans="8:8">
      <c r="H358656" s="12"/>
    </row>
    <row r="358657" spans="8:8">
      <c r="H358657" s="12"/>
    </row>
    <row r="358658" spans="8:8">
      <c r="H358658" s="12"/>
    </row>
    <row r="358659" spans="8:8">
      <c r="H358659" s="12"/>
    </row>
    <row r="358660" spans="8:8">
      <c r="H358660" s="12"/>
    </row>
    <row r="358661" spans="8:8">
      <c r="H358661" s="12"/>
    </row>
    <row r="358662" spans="8:8">
      <c r="H358662" s="12"/>
    </row>
    <row r="358663" spans="8:8">
      <c r="H358663" s="12"/>
    </row>
    <row r="358664" spans="8:8">
      <c r="H358664" s="12"/>
    </row>
    <row r="358665" spans="8:8">
      <c r="H358665" s="12"/>
    </row>
    <row r="358666" spans="8:8">
      <c r="H358666" s="12"/>
    </row>
    <row r="358667" spans="8:8">
      <c r="H358667" s="12"/>
    </row>
    <row r="358668" spans="8:8">
      <c r="H358668" s="12"/>
    </row>
    <row r="358669" spans="8:8">
      <c r="H358669" s="12"/>
    </row>
    <row r="358670" spans="8:8">
      <c r="H358670" s="12"/>
    </row>
    <row r="358671" spans="8:8">
      <c r="H358671" s="12"/>
    </row>
    <row r="358672" spans="8:8">
      <c r="H358672" s="12"/>
    </row>
    <row r="358673" spans="8:8">
      <c r="H358673" s="12"/>
    </row>
    <row r="358674" spans="8:8">
      <c r="H358674" s="12"/>
    </row>
    <row r="358675" spans="8:8">
      <c r="H358675" s="12"/>
    </row>
    <row r="358676" spans="8:8">
      <c r="H358676" s="12"/>
    </row>
    <row r="358677" spans="8:8">
      <c r="H358677" s="12"/>
    </row>
    <row r="358678" spans="8:8">
      <c r="H358678" s="12"/>
    </row>
    <row r="358679" spans="8:8">
      <c r="H358679" s="12"/>
    </row>
    <row r="358680" spans="8:8">
      <c r="H358680" s="12"/>
    </row>
    <row r="358681" spans="8:8">
      <c r="H358681" s="12"/>
    </row>
    <row r="358682" spans="8:8">
      <c r="H358682" s="12"/>
    </row>
    <row r="358683" spans="8:8">
      <c r="H358683" s="12"/>
    </row>
    <row r="358684" spans="8:8">
      <c r="H358684" s="12"/>
    </row>
    <row r="358685" spans="8:8">
      <c r="H358685" s="12"/>
    </row>
    <row r="358686" spans="8:8">
      <c r="H358686" s="12"/>
    </row>
    <row r="358687" spans="8:8">
      <c r="H358687" s="12"/>
    </row>
    <row r="358688" spans="8:8">
      <c r="H358688" s="12"/>
    </row>
    <row r="358689" spans="8:8">
      <c r="H358689" s="12"/>
    </row>
    <row r="358690" spans="8:8">
      <c r="H358690" s="12"/>
    </row>
    <row r="358691" spans="8:8">
      <c r="H358691" s="12"/>
    </row>
    <row r="358692" spans="8:8">
      <c r="H358692" s="12"/>
    </row>
    <row r="358693" spans="8:8">
      <c r="H358693" s="12"/>
    </row>
    <row r="358694" spans="8:8">
      <c r="H358694" s="12"/>
    </row>
    <row r="358695" spans="8:8">
      <c r="H358695" s="12"/>
    </row>
    <row r="358696" spans="8:8">
      <c r="H358696" s="12"/>
    </row>
    <row r="358697" spans="8:8">
      <c r="H358697" s="12"/>
    </row>
    <row r="358698" spans="8:8">
      <c r="H358698" s="12"/>
    </row>
    <row r="358699" spans="8:8">
      <c r="H358699" s="12"/>
    </row>
    <row r="358700" spans="8:8">
      <c r="H358700" s="12"/>
    </row>
    <row r="358701" spans="8:8">
      <c r="H358701" s="12"/>
    </row>
    <row r="358702" spans="8:8">
      <c r="H358702" s="12"/>
    </row>
    <row r="358703" spans="8:8">
      <c r="H358703" s="12"/>
    </row>
    <row r="358704" spans="8:8">
      <c r="H358704" s="12"/>
    </row>
    <row r="358705" spans="8:8">
      <c r="H358705" s="12"/>
    </row>
    <row r="358706" spans="8:8">
      <c r="H358706" s="12"/>
    </row>
    <row r="358707" spans="8:8">
      <c r="H358707" s="12"/>
    </row>
    <row r="358708" spans="8:8">
      <c r="H358708" s="12"/>
    </row>
    <row r="358709" spans="8:8">
      <c r="H358709" s="12"/>
    </row>
    <row r="358710" spans="8:8">
      <c r="H358710" s="12"/>
    </row>
    <row r="358711" spans="8:8">
      <c r="H358711" s="12"/>
    </row>
    <row r="358712" spans="8:8">
      <c r="H358712" s="12"/>
    </row>
    <row r="358713" spans="8:8">
      <c r="H358713" s="12"/>
    </row>
    <row r="358714" spans="8:8">
      <c r="H358714" s="12"/>
    </row>
    <row r="358715" spans="8:8">
      <c r="H358715" s="12"/>
    </row>
    <row r="358716" spans="8:8">
      <c r="H358716" s="12"/>
    </row>
    <row r="358717" spans="8:8">
      <c r="H358717" s="12"/>
    </row>
    <row r="358718" spans="8:8">
      <c r="H358718" s="12"/>
    </row>
    <row r="358719" spans="8:8">
      <c r="H358719" s="12"/>
    </row>
    <row r="358720" spans="8:8">
      <c r="H358720" s="12"/>
    </row>
    <row r="358721" spans="8:8">
      <c r="H358721" s="12"/>
    </row>
    <row r="358722" spans="8:8">
      <c r="H358722" s="12"/>
    </row>
    <row r="358723" spans="8:8">
      <c r="H358723" s="12"/>
    </row>
    <row r="358724" spans="8:8">
      <c r="H358724" s="12"/>
    </row>
    <row r="358725" spans="8:8">
      <c r="H358725" s="12"/>
    </row>
    <row r="358726" spans="8:8">
      <c r="H358726" s="12"/>
    </row>
    <row r="358727" spans="8:8">
      <c r="H358727" s="12"/>
    </row>
    <row r="358728" spans="8:8">
      <c r="H358728" s="12"/>
    </row>
    <row r="358729" spans="8:8">
      <c r="H358729" s="12"/>
    </row>
    <row r="358730" spans="8:8">
      <c r="H358730" s="12"/>
    </row>
    <row r="358731" spans="8:8">
      <c r="H358731" s="12"/>
    </row>
    <row r="358732" spans="8:8">
      <c r="H358732" s="12"/>
    </row>
    <row r="358733" spans="8:8">
      <c r="H358733" s="12"/>
    </row>
    <row r="358734" spans="8:8">
      <c r="H358734" s="12"/>
    </row>
    <row r="358735" spans="8:8">
      <c r="H358735" s="12"/>
    </row>
    <row r="358736" spans="8:8">
      <c r="H358736" s="12"/>
    </row>
    <row r="358737" spans="8:8">
      <c r="H358737" s="12"/>
    </row>
    <row r="358738" spans="8:8">
      <c r="H358738" s="12"/>
    </row>
    <row r="358739" spans="8:8">
      <c r="H358739" s="12"/>
    </row>
    <row r="358740" spans="8:8">
      <c r="H358740" s="12"/>
    </row>
    <row r="358741" spans="8:8">
      <c r="H358741" s="12"/>
    </row>
    <row r="358742" spans="8:8">
      <c r="H358742" s="12"/>
    </row>
    <row r="358743" spans="8:8">
      <c r="H358743" s="12"/>
    </row>
    <row r="358744" spans="8:8">
      <c r="H358744" s="12"/>
    </row>
    <row r="358745" spans="8:8">
      <c r="H358745" s="12"/>
    </row>
    <row r="358746" spans="8:8">
      <c r="H358746" s="12"/>
    </row>
    <row r="358747" spans="8:8">
      <c r="H358747" s="12"/>
    </row>
    <row r="358748" spans="8:8">
      <c r="H358748" s="12"/>
    </row>
    <row r="358749" spans="8:8">
      <c r="H358749" s="12"/>
    </row>
    <row r="358750" spans="8:8">
      <c r="H358750" s="12"/>
    </row>
    <row r="358751" spans="8:8">
      <c r="H358751" s="12"/>
    </row>
    <row r="358752" spans="8:8">
      <c r="H358752" s="12"/>
    </row>
    <row r="358753" spans="8:8">
      <c r="H358753" s="12"/>
    </row>
    <row r="358754" spans="8:8">
      <c r="H358754" s="12"/>
    </row>
    <row r="358755" spans="8:8">
      <c r="H358755" s="12"/>
    </row>
    <row r="358756" spans="8:8">
      <c r="H358756" s="12"/>
    </row>
    <row r="358757" spans="8:8">
      <c r="H358757" s="12"/>
    </row>
    <row r="358758" spans="8:8">
      <c r="H358758" s="12"/>
    </row>
    <row r="358759" spans="8:8">
      <c r="H358759" s="12"/>
    </row>
    <row r="358760" spans="8:8">
      <c r="H358760" s="12"/>
    </row>
    <row r="358761" spans="8:8">
      <c r="H358761" s="12"/>
    </row>
    <row r="358762" spans="8:8">
      <c r="H358762" s="12"/>
    </row>
    <row r="358763" spans="8:8">
      <c r="H358763" s="12"/>
    </row>
    <row r="358764" spans="8:8">
      <c r="H358764" s="12"/>
    </row>
    <row r="358765" spans="8:8">
      <c r="H358765" s="12"/>
    </row>
    <row r="358766" spans="8:8">
      <c r="H358766" s="12"/>
    </row>
    <row r="358767" spans="8:8">
      <c r="H358767" s="12"/>
    </row>
    <row r="358768" spans="8:8">
      <c r="H358768" s="12"/>
    </row>
    <row r="358769" spans="8:8">
      <c r="H358769" s="12"/>
    </row>
    <row r="358770" spans="8:8">
      <c r="H358770" s="12"/>
    </row>
    <row r="358771" spans="8:8">
      <c r="H358771" s="12"/>
    </row>
    <row r="358772" spans="8:8">
      <c r="H358772" s="12"/>
    </row>
    <row r="358773" spans="8:8">
      <c r="H358773" s="12"/>
    </row>
    <row r="358774" spans="8:8">
      <c r="H358774" s="12"/>
    </row>
    <row r="358775" spans="8:8">
      <c r="H358775" s="12"/>
    </row>
    <row r="358776" spans="8:8">
      <c r="H358776" s="12"/>
    </row>
    <row r="358777" spans="8:8">
      <c r="H358777" s="12"/>
    </row>
    <row r="358778" spans="8:8">
      <c r="H358778" s="12"/>
    </row>
    <row r="358779" spans="8:8">
      <c r="H358779" s="12"/>
    </row>
    <row r="358780" spans="8:8">
      <c r="H358780" s="12"/>
    </row>
    <row r="358781" spans="8:8">
      <c r="H358781" s="12"/>
    </row>
    <row r="358782" spans="8:8">
      <c r="H358782" s="12"/>
    </row>
    <row r="358783" spans="8:8">
      <c r="H358783" s="12"/>
    </row>
    <row r="358784" spans="8:8">
      <c r="H358784" s="12"/>
    </row>
    <row r="358785" spans="8:8">
      <c r="H358785" s="12"/>
    </row>
    <row r="358786" spans="8:8">
      <c r="H358786" s="12"/>
    </row>
    <row r="358787" spans="8:8">
      <c r="H358787" s="12"/>
    </row>
    <row r="358788" spans="8:8">
      <c r="H358788" s="12"/>
    </row>
    <row r="358789" spans="8:8">
      <c r="H358789" s="12"/>
    </row>
    <row r="358790" spans="8:8">
      <c r="H358790" s="12"/>
    </row>
    <row r="358791" spans="8:8">
      <c r="H358791" s="12"/>
    </row>
    <row r="358792" spans="8:8">
      <c r="H358792" s="12"/>
    </row>
    <row r="358793" spans="8:8">
      <c r="H358793" s="12"/>
    </row>
    <row r="358794" spans="8:8">
      <c r="H358794" s="12"/>
    </row>
    <row r="358795" spans="8:8">
      <c r="H358795" s="12"/>
    </row>
    <row r="358796" spans="8:8">
      <c r="H358796" s="12"/>
    </row>
    <row r="358797" spans="8:8">
      <c r="H358797" s="12"/>
    </row>
    <row r="358798" spans="8:8">
      <c r="H358798" s="12"/>
    </row>
    <row r="358799" spans="8:8">
      <c r="H358799" s="12"/>
    </row>
    <row r="358800" spans="8:8">
      <c r="H358800" s="12"/>
    </row>
    <row r="358801" spans="8:8">
      <c r="H358801" s="12"/>
    </row>
    <row r="358802" spans="8:8">
      <c r="H358802" s="12"/>
    </row>
    <row r="358803" spans="8:8">
      <c r="H358803" s="12"/>
    </row>
    <row r="358804" spans="8:8">
      <c r="H358804" s="12"/>
    </row>
    <row r="358805" spans="8:8">
      <c r="H358805" s="12"/>
    </row>
    <row r="358806" spans="8:8">
      <c r="H358806" s="12"/>
    </row>
    <row r="358807" spans="8:8">
      <c r="H358807" s="12"/>
    </row>
    <row r="358808" spans="8:8">
      <c r="H358808" s="12"/>
    </row>
    <row r="358809" spans="8:8">
      <c r="H358809" s="12"/>
    </row>
    <row r="358810" spans="8:8">
      <c r="H358810" s="12"/>
    </row>
    <row r="358811" spans="8:8">
      <c r="H358811" s="12"/>
    </row>
    <row r="358812" spans="8:8">
      <c r="H358812" s="12"/>
    </row>
    <row r="358813" spans="8:8">
      <c r="H358813" s="12"/>
    </row>
    <row r="358814" spans="8:8">
      <c r="H358814" s="12"/>
    </row>
    <row r="358815" spans="8:8">
      <c r="H358815" s="12"/>
    </row>
    <row r="358816" spans="8:8">
      <c r="H358816" s="12"/>
    </row>
    <row r="358817" spans="8:8">
      <c r="H358817" s="12"/>
    </row>
    <row r="358818" spans="8:8">
      <c r="H358818" s="12"/>
    </row>
    <row r="358819" spans="8:8">
      <c r="H358819" s="12"/>
    </row>
    <row r="358820" spans="8:8">
      <c r="H358820" s="12"/>
    </row>
    <row r="358821" spans="8:8">
      <c r="H358821" s="12"/>
    </row>
    <row r="358822" spans="8:8">
      <c r="H358822" s="12"/>
    </row>
    <row r="358823" spans="8:8">
      <c r="H358823" s="12"/>
    </row>
    <row r="358824" spans="8:8">
      <c r="H358824" s="12"/>
    </row>
    <row r="358825" spans="8:8">
      <c r="H358825" s="12"/>
    </row>
    <row r="358826" spans="8:8">
      <c r="H358826" s="12"/>
    </row>
    <row r="358827" spans="8:8">
      <c r="H358827" s="12"/>
    </row>
    <row r="358828" spans="8:8">
      <c r="H358828" s="12"/>
    </row>
    <row r="358829" spans="8:8">
      <c r="H358829" s="12"/>
    </row>
    <row r="358830" spans="8:8">
      <c r="H358830" s="12"/>
    </row>
    <row r="358831" spans="8:8">
      <c r="H358831" s="12"/>
    </row>
    <row r="358832" spans="8:8">
      <c r="H358832" s="12"/>
    </row>
    <row r="358833" spans="8:8">
      <c r="H358833" s="12"/>
    </row>
    <row r="358834" spans="8:8">
      <c r="H358834" s="12"/>
    </row>
    <row r="358835" spans="8:8">
      <c r="H358835" s="12"/>
    </row>
    <row r="358836" spans="8:8">
      <c r="H358836" s="12"/>
    </row>
    <row r="358837" spans="8:8">
      <c r="H358837" s="12"/>
    </row>
    <row r="358838" spans="8:8">
      <c r="H358838" s="12"/>
    </row>
    <row r="358839" spans="8:8">
      <c r="H358839" s="12"/>
    </row>
    <row r="358840" spans="8:8">
      <c r="H358840" s="12"/>
    </row>
    <row r="358841" spans="8:8">
      <c r="H358841" s="12"/>
    </row>
    <row r="358842" spans="8:8">
      <c r="H358842" s="12"/>
    </row>
    <row r="358843" spans="8:8">
      <c r="H358843" s="12"/>
    </row>
    <row r="358844" spans="8:8">
      <c r="H358844" s="12"/>
    </row>
    <row r="358845" spans="8:8">
      <c r="H358845" s="12"/>
    </row>
    <row r="358846" spans="8:8">
      <c r="H358846" s="12"/>
    </row>
    <row r="358847" spans="8:8">
      <c r="H358847" s="12"/>
    </row>
    <row r="358848" spans="8:8">
      <c r="H358848" s="12"/>
    </row>
    <row r="358849" spans="8:8">
      <c r="H358849" s="12"/>
    </row>
    <row r="358850" spans="8:8">
      <c r="H358850" s="12"/>
    </row>
    <row r="358851" spans="8:8">
      <c r="H358851" s="12"/>
    </row>
    <row r="358852" spans="8:8">
      <c r="H358852" s="12"/>
    </row>
    <row r="358853" spans="8:8">
      <c r="H358853" s="12"/>
    </row>
    <row r="358854" spans="8:8">
      <c r="H358854" s="12"/>
    </row>
    <row r="358855" spans="8:8">
      <c r="H358855" s="12"/>
    </row>
    <row r="358856" spans="8:8">
      <c r="H358856" s="12"/>
    </row>
    <row r="358857" spans="8:8">
      <c r="H358857" s="12"/>
    </row>
    <row r="358858" spans="8:8">
      <c r="H358858" s="12"/>
    </row>
    <row r="358859" spans="8:8">
      <c r="H358859" s="12"/>
    </row>
    <row r="358860" spans="8:8">
      <c r="H358860" s="12"/>
    </row>
    <row r="358861" spans="8:8">
      <c r="H358861" s="12"/>
    </row>
    <row r="358862" spans="8:8">
      <c r="H358862" s="12"/>
    </row>
    <row r="358863" spans="8:8">
      <c r="H358863" s="12"/>
    </row>
    <row r="358864" spans="8:8">
      <c r="H358864" s="12"/>
    </row>
    <row r="358865" spans="8:8">
      <c r="H358865" s="12"/>
    </row>
    <row r="358866" spans="8:8">
      <c r="H358866" s="12"/>
    </row>
    <row r="358867" spans="8:8">
      <c r="H358867" s="12"/>
    </row>
    <row r="358868" spans="8:8">
      <c r="H358868" s="12"/>
    </row>
    <row r="358869" spans="8:8">
      <c r="H358869" s="12"/>
    </row>
    <row r="358870" spans="8:8">
      <c r="H358870" s="12"/>
    </row>
    <row r="358871" spans="8:8">
      <c r="H358871" s="12"/>
    </row>
    <row r="358872" spans="8:8">
      <c r="H358872" s="12"/>
    </row>
    <row r="358873" spans="8:8">
      <c r="H358873" s="12"/>
    </row>
    <row r="358874" spans="8:8">
      <c r="H358874" s="12"/>
    </row>
    <row r="358875" spans="8:8">
      <c r="H358875" s="12"/>
    </row>
    <row r="358876" spans="8:8">
      <c r="H358876" s="12"/>
    </row>
    <row r="358877" spans="8:8">
      <c r="H358877" s="12"/>
    </row>
    <row r="358878" spans="8:8">
      <c r="H358878" s="12"/>
    </row>
    <row r="358879" spans="8:8">
      <c r="H358879" s="12"/>
    </row>
    <row r="358880" spans="8:8">
      <c r="H358880" s="12"/>
    </row>
    <row r="358881" spans="8:8">
      <c r="H358881" s="12"/>
    </row>
    <row r="358882" spans="8:8">
      <c r="H358882" s="12"/>
    </row>
    <row r="358883" spans="8:8">
      <c r="H358883" s="12"/>
    </row>
    <row r="358884" spans="8:8">
      <c r="H358884" s="12"/>
    </row>
    <row r="358885" spans="8:8">
      <c r="H358885" s="12"/>
    </row>
    <row r="358886" spans="8:8">
      <c r="H358886" s="12"/>
    </row>
    <row r="358887" spans="8:8">
      <c r="H358887" s="12"/>
    </row>
    <row r="358888" spans="8:8">
      <c r="H358888" s="12"/>
    </row>
    <row r="358889" spans="8:8">
      <c r="H358889" s="12"/>
    </row>
    <row r="358890" spans="8:8">
      <c r="H358890" s="12"/>
    </row>
    <row r="358891" spans="8:8">
      <c r="H358891" s="12"/>
    </row>
    <row r="358892" spans="8:8">
      <c r="H358892" s="12"/>
    </row>
    <row r="358893" spans="8:8">
      <c r="H358893" s="12"/>
    </row>
    <row r="358894" spans="8:8">
      <c r="H358894" s="12"/>
    </row>
    <row r="358895" spans="8:8">
      <c r="H358895" s="12"/>
    </row>
    <row r="358896" spans="8:8">
      <c r="H358896" s="12"/>
    </row>
    <row r="358897" spans="8:8">
      <c r="H358897" s="12"/>
    </row>
    <row r="358898" spans="8:8">
      <c r="H358898" s="12"/>
    </row>
    <row r="358899" spans="8:8">
      <c r="H358899" s="12"/>
    </row>
    <row r="358900" spans="8:8">
      <c r="H358900" s="12"/>
    </row>
    <row r="358901" spans="8:8">
      <c r="H358901" s="12"/>
    </row>
    <row r="358902" spans="8:8">
      <c r="H358902" s="12"/>
    </row>
    <row r="358903" spans="8:8">
      <c r="H358903" s="12"/>
    </row>
    <row r="358904" spans="8:8">
      <c r="H358904" s="12"/>
    </row>
    <row r="358905" spans="8:8">
      <c r="H358905" s="12"/>
    </row>
    <row r="358906" spans="8:8">
      <c r="H358906" s="12"/>
    </row>
    <row r="358907" spans="8:8">
      <c r="H358907" s="12"/>
    </row>
    <row r="358908" spans="8:8">
      <c r="H358908" s="12"/>
    </row>
    <row r="358909" spans="8:8">
      <c r="H358909" s="12"/>
    </row>
    <row r="358910" spans="8:8">
      <c r="H358910" s="12"/>
    </row>
    <row r="358911" spans="8:8">
      <c r="H358911" s="12"/>
    </row>
    <row r="358912" spans="8:8">
      <c r="H358912" s="12"/>
    </row>
    <row r="358913" spans="8:8">
      <c r="H358913" s="12"/>
    </row>
    <row r="358914" spans="8:8">
      <c r="H358914" s="12"/>
    </row>
    <row r="358915" spans="8:8">
      <c r="H358915" s="12"/>
    </row>
    <row r="358916" spans="8:8">
      <c r="H358916" s="12"/>
    </row>
    <row r="358917" spans="8:8">
      <c r="H358917" s="12"/>
    </row>
    <row r="358918" spans="8:8">
      <c r="H358918" s="12"/>
    </row>
    <row r="358919" spans="8:8">
      <c r="H358919" s="12"/>
    </row>
    <row r="358920" spans="8:8">
      <c r="H358920" s="12"/>
    </row>
    <row r="358921" spans="8:8">
      <c r="H358921" s="12"/>
    </row>
    <row r="358922" spans="8:8">
      <c r="H358922" s="12"/>
    </row>
    <row r="358923" spans="8:8">
      <c r="H358923" s="12"/>
    </row>
    <row r="358924" spans="8:8">
      <c r="H358924" s="12"/>
    </row>
    <row r="358925" spans="8:8">
      <c r="H358925" s="12"/>
    </row>
    <row r="358926" spans="8:8">
      <c r="H358926" s="12"/>
    </row>
    <row r="358927" spans="8:8">
      <c r="H358927" s="12"/>
    </row>
    <row r="358928" spans="8:8">
      <c r="H358928" s="12"/>
    </row>
    <row r="358929" spans="8:8">
      <c r="H358929" s="12"/>
    </row>
    <row r="358930" spans="8:8">
      <c r="H358930" s="12"/>
    </row>
    <row r="358931" spans="8:8">
      <c r="H358931" s="12"/>
    </row>
    <row r="358932" spans="8:8">
      <c r="H358932" s="12"/>
    </row>
    <row r="358933" spans="8:8">
      <c r="H358933" s="12"/>
    </row>
    <row r="358934" spans="8:8">
      <c r="H358934" s="12"/>
    </row>
    <row r="358935" spans="8:8">
      <c r="H358935" s="12"/>
    </row>
    <row r="358936" spans="8:8">
      <c r="H358936" s="12"/>
    </row>
    <row r="358937" spans="8:8">
      <c r="H358937" s="12"/>
    </row>
    <row r="358938" spans="8:8">
      <c r="H358938" s="12"/>
    </row>
    <row r="358939" spans="8:8">
      <c r="H358939" s="12"/>
    </row>
    <row r="358940" spans="8:8">
      <c r="H358940" s="12"/>
    </row>
    <row r="358941" spans="8:8">
      <c r="H358941" s="12"/>
    </row>
    <row r="358942" spans="8:8">
      <c r="H358942" s="12"/>
    </row>
    <row r="358943" spans="8:8">
      <c r="H358943" s="12"/>
    </row>
    <row r="358944" spans="8:8">
      <c r="H358944" s="12"/>
    </row>
    <row r="358945" spans="8:8">
      <c r="H358945" s="12"/>
    </row>
    <row r="358946" spans="8:8">
      <c r="H358946" s="12"/>
    </row>
    <row r="358947" spans="8:8">
      <c r="H358947" s="12"/>
    </row>
    <row r="358948" spans="8:8">
      <c r="H358948" s="12"/>
    </row>
    <row r="358949" spans="8:8">
      <c r="H358949" s="12"/>
    </row>
    <row r="358950" spans="8:8">
      <c r="H358950" s="12"/>
    </row>
    <row r="358951" spans="8:8">
      <c r="H358951" s="12"/>
    </row>
    <row r="358952" spans="8:8">
      <c r="H358952" s="12"/>
    </row>
    <row r="358953" spans="8:8">
      <c r="H358953" s="12"/>
    </row>
    <row r="358954" spans="8:8">
      <c r="H358954" s="12"/>
    </row>
    <row r="358955" spans="8:8">
      <c r="H358955" s="12"/>
    </row>
    <row r="358956" spans="8:8">
      <c r="H358956" s="12"/>
    </row>
    <row r="358957" spans="8:8">
      <c r="H358957" s="12"/>
    </row>
    <row r="358958" spans="8:8">
      <c r="H358958" s="12"/>
    </row>
    <row r="358959" spans="8:8">
      <c r="H358959" s="12"/>
    </row>
    <row r="358960" spans="8:8">
      <c r="H358960" s="12"/>
    </row>
    <row r="358961" spans="8:8">
      <c r="H358961" s="12"/>
    </row>
    <row r="358962" spans="8:8">
      <c r="H358962" s="12"/>
    </row>
    <row r="358963" spans="8:8">
      <c r="H358963" s="12"/>
    </row>
    <row r="358964" spans="8:8">
      <c r="H358964" s="12"/>
    </row>
    <row r="358965" spans="8:8">
      <c r="H358965" s="12"/>
    </row>
    <row r="358966" spans="8:8">
      <c r="H358966" s="12"/>
    </row>
    <row r="358967" spans="8:8">
      <c r="H358967" s="12"/>
    </row>
    <row r="358968" spans="8:8">
      <c r="H358968" s="12"/>
    </row>
    <row r="358969" spans="8:8">
      <c r="H358969" s="12"/>
    </row>
    <row r="358970" spans="8:8">
      <c r="H358970" s="12"/>
    </row>
    <row r="358971" spans="8:8">
      <c r="H358971" s="12"/>
    </row>
    <row r="358972" spans="8:8">
      <c r="H358972" s="12"/>
    </row>
    <row r="358973" spans="8:8">
      <c r="H358973" s="12"/>
    </row>
    <row r="358974" spans="8:8">
      <c r="H358974" s="12"/>
    </row>
    <row r="358975" spans="8:8">
      <c r="H358975" s="12"/>
    </row>
    <row r="358976" spans="8:8">
      <c r="H358976" s="12"/>
    </row>
    <row r="358977" spans="8:8">
      <c r="H358977" s="12"/>
    </row>
    <row r="358978" spans="8:8">
      <c r="H358978" s="12"/>
    </row>
    <row r="358979" spans="8:8">
      <c r="H358979" s="12"/>
    </row>
    <row r="358980" spans="8:8">
      <c r="H358980" s="12"/>
    </row>
    <row r="358981" spans="8:8">
      <c r="H358981" s="12"/>
    </row>
    <row r="358982" spans="8:8">
      <c r="H358982" s="12"/>
    </row>
    <row r="358983" spans="8:8">
      <c r="H358983" s="12"/>
    </row>
    <row r="358984" spans="8:8">
      <c r="H358984" s="12"/>
    </row>
    <row r="358985" spans="8:8">
      <c r="H358985" s="12"/>
    </row>
    <row r="358986" spans="8:8">
      <c r="H358986" s="12"/>
    </row>
    <row r="358987" spans="8:8">
      <c r="H358987" s="12"/>
    </row>
    <row r="358988" spans="8:8">
      <c r="H358988" s="12"/>
    </row>
    <row r="358989" spans="8:8">
      <c r="H358989" s="12"/>
    </row>
    <row r="358990" spans="8:8">
      <c r="H358990" s="12"/>
    </row>
    <row r="358991" spans="8:8">
      <c r="H358991" s="12"/>
    </row>
    <row r="358992" spans="8:8">
      <c r="H358992" s="12"/>
    </row>
    <row r="358993" spans="8:8">
      <c r="H358993" s="12"/>
    </row>
    <row r="358994" spans="8:8">
      <c r="H358994" s="12"/>
    </row>
    <row r="358995" spans="8:8">
      <c r="H358995" s="12"/>
    </row>
    <row r="358996" spans="8:8">
      <c r="H358996" s="12"/>
    </row>
    <row r="358997" spans="8:8">
      <c r="H358997" s="12"/>
    </row>
    <row r="358998" spans="8:8">
      <c r="H358998" s="12"/>
    </row>
    <row r="358999" spans="8:8">
      <c r="H358999" s="12"/>
    </row>
    <row r="359000" spans="8:8">
      <c r="H359000" s="12"/>
    </row>
    <row r="359001" spans="8:8">
      <c r="H359001" s="12"/>
    </row>
    <row r="359002" spans="8:8">
      <c r="H359002" s="12"/>
    </row>
    <row r="359003" spans="8:8">
      <c r="H359003" s="12"/>
    </row>
    <row r="359004" spans="8:8">
      <c r="H359004" s="12"/>
    </row>
    <row r="359005" spans="8:8">
      <c r="H359005" s="12"/>
    </row>
    <row r="359006" spans="8:8">
      <c r="H359006" s="12"/>
    </row>
    <row r="359007" spans="8:8">
      <c r="H359007" s="12"/>
    </row>
    <row r="359008" spans="8:8">
      <c r="H359008" s="12"/>
    </row>
    <row r="359009" spans="8:8">
      <c r="H359009" s="12"/>
    </row>
    <row r="359010" spans="8:8">
      <c r="H359010" s="12"/>
    </row>
    <row r="359011" spans="8:8">
      <c r="H359011" s="12"/>
    </row>
    <row r="359012" spans="8:8">
      <c r="H359012" s="12"/>
    </row>
    <row r="359013" spans="8:8">
      <c r="H359013" s="12"/>
    </row>
    <row r="359014" spans="8:8">
      <c r="H359014" s="12"/>
    </row>
    <row r="359015" spans="8:8">
      <c r="H359015" s="12"/>
    </row>
    <row r="359016" spans="8:8">
      <c r="H359016" s="12"/>
    </row>
    <row r="359017" spans="8:8">
      <c r="H359017" s="12"/>
    </row>
    <row r="359018" spans="8:8">
      <c r="H359018" s="12"/>
    </row>
    <row r="359019" spans="8:8">
      <c r="H359019" s="12"/>
    </row>
    <row r="359020" spans="8:8">
      <c r="H359020" s="12"/>
    </row>
    <row r="359021" spans="8:8">
      <c r="H359021" s="12"/>
    </row>
    <row r="359022" spans="8:8">
      <c r="H359022" s="12"/>
    </row>
    <row r="359023" spans="8:8">
      <c r="H359023" s="12"/>
    </row>
    <row r="359024" spans="8:8">
      <c r="H359024" s="12"/>
    </row>
    <row r="359025" spans="8:8">
      <c r="H359025" s="12"/>
    </row>
    <row r="359026" spans="8:8">
      <c r="H359026" s="12"/>
    </row>
    <row r="359027" spans="8:8">
      <c r="H359027" s="12"/>
    </row>
    <row r="359028" spans="8:8">
      <c r="H359028" s="12"/>
    </row>
    <row r="359029" spans="8:8">
      <c r="H359029" s="12"/>
    </row>
    <row r="359030" spans="8:8">
      <c r="H359030" s="12"/>
    </row>
    <row r="359031" spans="8:8">
      <c r="H359031" s="12"/>
    </row>
    <row r="359032" spans="8:8">
      <c r="H359032" s="12"/>
    </row>
    <row r="359033" spans="8:8">
      <c r="H359033" s="12"/>
    </row>
    <row r="359034" spans="8:8">
      <c r="H359034" s="12"/>
    </row>
    <row r="359035" spans="8:8">
      <c r="H359035" s="12"/>
    </row>
    <row r="359036" spans="8:8">
      <c r="H359036" s="12"/>
    </row>
    <row r="359037" spans="8:8">
      <c r="H359037" s="12"/>
    </row>
    <row r="359038" spans="8:8">
      <c r="H359038" s="12"/>
    </row>
    <row r="359039" spans="8:8">
      <c r="H359039" s="12"/>
    </row>
    <row r="359040" spans="8:8">
      <c r="H359040" s="12"/>
    </row>
    <row r="359041" spans="8:8">
      <c r="H359041" s="12"/>
    </row>
    <row r="359042" spans="8:8">
      <c r="H359042" s="12"/>
    </row>
    <row r="359043" spans="8:8">
      <c r="H359043" s="12"/>
    </row>
    <row r="359044" spans="8:8">
      <c r="H359044" s="12"/>
    </row>
    <row r="359045" spans="8:8">
      <c r="H359045" s="12"/>
    </row>
    <row r="359046" spans="8:8">
      <c r="H359046" s="12"/>
    </row>
    <row r="359047" spans="8:8">
      <c r="H359047" s="12"/>
    </row>
    <row r="359048" spans="8:8">
      <c r="H359048" s="12"/>
    </row>
    <row r="359049" spans="8:8">
      <c r="H359049" s="12"/>
    </row>
    <row r="359050" spans="8:8">
      <c r="H359050" s="12"/>
    </row>
    <row r="359051" spans="8:8">
      <c r="H359051" s="12"/>
    </row>
    <row r="359052" spans="8:8">
      <c r="H359052" s="12"/>
    </row>
    <row r="359053" spans="8:8">
      <c r="H359053" s="12"/>
    </row>
    <row r="359054" spans="8:8">
      <c r="H359054" s="12"/>
    </row>
    <row r="359055" spans="8:8">
      <c r="H359055" s="12"/>
    </row>
    <row r="359056" spans="8:8">
      <c r="H359056" s="12"/>
    </row>
    <row r="359057" spans="8:8">
      <c r="H359057" s="12"/>
    </row>
    <row r="359058" spans="8:8">
      <c r="H359058" s="12"/>
    </row>
    <row r="359059" spans="8:8">
      <c r="H359059" s="12"/>
    </row>
    <row r="359060" spans="8:8">
      <c r="H359060" s="12"/>
    </row>
    <row r="359061" spans="8:8">
      <c r="H359061" s="12"/>
    </row>
    <row r="359062" spans="8:8">
      <c r="H359062" s="12"/>
    </row>
    <row r="359063" spans="8:8">
      <c r="H359063" s="12"/>
    </row>
    <row r="359064" spans="8:8">
      <c r="H359064" s="12"/>
    </row>
    <row r="359065" spans="8:8">
      <c r="H359065" s="12"/>
    </row>
    <row r="359066" spans="8:8">
      <c r="H359066" s="12"/>
    </row>
    <row r="359067" spans="8:8">
      <c r="H359067" s="12"/>
    </row>
    <row r="359068" spans="8:8">
      <c r="H359068" s="12"/>
    </row>
    <row r="359069" spans="8:8">
      <c r="H359069" s="12"/>
    </row>
    <row r="359070" spans="8:8">
      <c r="H359070" s="12"/>
    </row>
    <row r="359071" spans="8:8">
      <c r="H359071" s="12"/>
    </row>
    <row r="359072" spans="8:8">
      <c r="H359072" s="12"/>
    </row>
    <row r="359073" spans="8:8">
      <c r="H359073" s="12"/>
    </row>
    <row r="359074" spans="8:8">
      <c r="H359074" s="12"/>
    </row>
    <row r="359075" spans="8:8">
      <c r="H359075" s="12"/>
    </row>
    <row r="359076" spans="8:8">
      <c r="H359076" s="12"/>
    </row>
    <row r="359077" spans="8:8">
      <c r="H359077" s="12"/>
    </row>
    <row r="359078" spans="8:8">
      <c r="H359078" s="12"/>
    </row>
    <row r="359079" spans="8:8">
      <c r="H359079" s="12"/>
    </row>
    <row r="359080" spans="8:8">
      <c r="H359080" s="12"/>
    </row>
    <row r="359081" spans="8:8">
      <c r="H359081" s="12"/>
    </row>
    <row r="359082" spans="8:8">
      <c r="H359082" s="12"/>
    </row>
    <row r="359083" spans="8:8">
      <c r="H359083" s="12"/>
    </row>
    <row r="359084" spans="8:8">
      <c r="H359084" s="12"/>
    </row>
    <row r="359085" spans="8:8">
      <c r="H359085" s="12"/>
    </row>
    <row r="359086" spans="8:8">
      <c r="H359086" s="12"/>
    </row>
    <row r="359087" spans="8:8">
      <c r="H359087" s="12"/>
    </row>
    <row r="359088" spans="8:8">
      <c r="H359088" s="12"/>
    </row>
    <row r="359089" spans="8:8">
      <c r="H359089" s="12"/>
    </row>
    <row r="359090" spans="8:8">
      <c r="H359090" s="12"/>
    </row>
    <row r="359091" spans="8:8">
      <c r="H359091" s="12"/>
    </row>
    <row r="359092" spans="8:8">
      <c r="H359092" s="12"/>
    </row>
    <row r="359093" spans="8:8">
      <c r="H359093" s="12"/>
    </row>
    <row r="359094" spans="8:8">
      <c r="H359094" s="12"/>
    </row>
    <row r="359095" spans="8:8">
      <c r="H359095" s="12"/>
    </row>
    <row r="359096" spans="8:8">
      <c r="H359096" s="12"/>
    </row>
    <row r="359097" spans="8:8">
      <c r="H359097" s="12"/>
    </row>
    <row r="359098" spans="8:8">
      <c r="H359098" s="12"/>
    </row>
    <row r="359099" spans="8:8">
      <c r="H359099" s="12"/>
    </row>
    <row r="359100" spans="8:8">
      <c r="H359100" s="12"/>
    </row>
    <row r="359101" spans="8:8">
      <c r="H359101" s="12"/>
    </row>
    <row r="359102" spans="8:8">
      <c r="H359102" s="12"/>
    </row>
    <row r="359103" spans="8:8">
      <c r="H359103" s="12"/>
    </row>
    <row r="359104" spans="8:8">
      <c r="H359104" s="12"/>
    </row>
    <row r="359105" spans="8:8">
      <c r="H359105" s="12"/>
    </row>
    <row r="359106" spans="8:8">
      <c r="H359106" s="12"/>
    </row>
    <row r="359107" spans="8:8">
      <c r="H359107" s="12"/>
    </row>
    <row r="359108" spans="8:8">
      <c r="H359108" s="12"/>
    </row>
    <row r="359109" spans="8:8">
      <c r="H359109" s="12"/>
    </row>
    <row r="359110" spans="8:8">
      <c r="H359110" s="12"/>
    </row>
    <row r="359111" spans="8:8">
      <c r="H359111" s="12"/>
    </row>
    <row r="359112" spans="8:8">
      <c r="H359112" s="12"/>
    </row>
    <row r="359113" spans="8:8">
      <c r="H359113" s="12"/>
    </row>
    <row r="359114" spans="8:8">
      <c r="H359114" s="12"/>
    </row>
    <row r="359115" spans="8:8">
      <c r="H359115" s="12"/>
    </row>
    <row r="359116" spans="8:8">
      <c r="H359116" s="12"/>
    </row>
    <row r="359117" spans="8:8">
      <c r="H359117" s="12"/>
    </row>
    <row r="359118" spans="8:8">
      <c r="H359118" s="12"/>
    </row>
    <row r="359119" spans="8:8">
      <c r="H359119" s="12"/>
    </row>
    <row r="359120" spans="8:8">
      <c r="H359120" s="12"/>
    </row>
    <row r="359121" spans="8:8">
      <c r="H359121" s="12"/>
    </row>
    <row r="359122" spans="8:8">
      <c r="H359122" s="12"/>
    </row>
    <row r="359123" spans="8:8">
      <c r="H359123" s="12"/>
    </row>
    <row r="359124" spans="8:8">
      <c r="H359124" s="12"/>
    </row>
    <row r="359125" spans="8:8">
      <c r="H359125" s="12"/>
    </row>
    <row r="359126" spans="8:8">
      <c r="H359126" s="12"/>
    </row>
    <row r="359127" spans="8:8">
      <c r="H359127" s="12"/>
    </row>
    <row r="359128" spans="8:8">
      <c r="H359128" s="12"/>
    </row>
    <row r="359129" spans="8:8">
      <c r="H359129" s="12"/>
    </row>
    <row r="359130" spans="8:8">
      <c r="H359130" s="12"/>
    </row>
    <row r="359131" spans="8:8">
      <c r="H359131" s="12"/>
    </row>
    <row r="359132" spans="8:8">
      <c r="H359132" s="12"/>
    </row>
    <row r="359133" spans="8:8">
      <c r="H359133" s="12"/>
    </row>
    <row r="359134" spans="8:8">
      <c r="H359134" s="12"/>
    </row>
    <row r="359135" spans="8:8">
      <c r="H359135" s="12"/>
    </row>
    <row r="359136" spans="8:8">
      <c r="H359136" s="12"/>
    </row>
    <row r="359137" spans="8:8">
      <c r="H359137" s="12"/>
    </row>
    <row r="359138" spans="8:8">
      <c r="H359138" s="12"/>
    </row>
    <row r="359139" spans="8:8">
      <c r="H359139" s="12"/>
    </row>
    <row r="359140" spans="8:8">
      <c r="H359140" s="12"/>
    </row>
    <row r="359141" spans="8:8">
      <c r="H359141" s="12"/>
    </row>
    <row r="359142" spans="8:8">
      <c r="H359142" s="12"/>
    </row>
    <row r="359143" spans="8:8">
      <c r="H359143" s="12"/>
    </row>
    <row r="359144" spans="8:8">
      <c r="H359144" s="12"/>
    </row>
    <row r="359145" spans="8:8">
      <c r="H359145" s="12"/>
    </row>
    <row r="359146" spans="8:8">
      <c r="H359146" s="12"/>
    </row>
    <row r="359147" spans="8:8">
      <c r="H359147" s="12"/>
    </row>
    <row r="359148" spans="8:8">
      <c r="H359148" s="12"/>
    </row>
    <row r="359149" spans="8:8">
      <c r="H359149" s="12"/>
    </row>
    <row r="359150" spans="8:8">
      <c r="H359150" s="12"/>
    </row>
    <row r="359151" spans="8:8">
      <c r="H359151" s="12"/>
    </row>
    <row r="359152" spans="8:8">
      <c r="H359152" s="12"/>
    </row>
    <row r="359153" spans="8:8">
      <c r="H359153" s="12"/>
    </row>
    <row r="359154" spans="8:8">
      <c r="H359154" s="12"/>
    </row>
    <row r="359155" spans="8:8">
      <c r="H359155" s="12"/>
    </row>
    <row r="359156" spans="8:8">
      <c r="H359156" s="12"/>
    </row>
    <row r="359157" spans="8:8">
      <c r="H359157" s="12"/>
    </row>
    <row r="359158" spans="8:8">
      <c r="H359158" s="12"/>
    </row>
    <row r="359159" spans="8:8">
      <c r="H359159" s="12"/>
    </row>
    <row r="359160" spans="8:8">
      <c r="H359160" s="12"/>
    </row>
    <row r="359161" spans="8:8">
      <c r="H359161" s="12"/>
    </row>
    <row r="359162" spans="8:8">
      <c r="H359162" s="12"/>
    </row>
    <row r="359163" spans="8:8">
      <c r="H359163" s="12"/>
    </row>
    <row r="359164" spans="8:8">
      <c r="H359164" s="12"/>
    </row>
    <row r="359165" spans="8:8">
      <c r="H359165" s="12"/>
    </row>
    <row r="359166" spans="8:8">
      <c r="H359166" s="12"/>
    </row>
    <row r="359167" spans="8:8">
      <c r="H359167" s="12"/>
    </row>
    <row r="359168" spans="8:8">
      <c r="H359168" s="12"/>
    </row>
    <row r="359169" spans="8:8">
      <c r="H359169" s="12"/>
    </row>
    <row r="359170" spans="8:8">
      <c r="H359170" s="12"/>
    </row>
    <row r="359171" spans="8:8">
      <c r="H359171" s="12"/>
    </row>
    <row r="359172" spans="8:8">
      <c r="H359172" s="12"/>
    </row>
    <row r="359173" spans="8:8">
      <c r="H359173" s="12"/>
    </row>
    <row r="359174" spans="8:8">
      <c r="H359174" s="12"/>
    </row>
    <row r="359175" spans="8:8">
      <c r="H359175" s="12"/>
    </row>
    <row r="359176" spans="8:8">
      <c r="H359176" s="12"/>
    </row>
    <row r="359177" spans="8:8">
      <c r="H359177" s="12"/>
    </row>
    <row r="359178" spans="8:8">
      <c r="H359178" s="12"/>
    </row>
    <row r="359179" spans="8:8">
      <c r="H359179" s="12"/>
    </row>
    <row r="359180" spans="8:8">
      <c r="H359180" s="12"/>
    </row>
    <row r="359181" spans="8:8">
      <c r="H359181" s="12"/>
    </row>
    <row r="359182" spans="8:8">
      <c r="H359182" s="12"/>
    </row>
    <row r="359183" spans="8:8">
      <c r="H359183" s="12"/>
    </row>
    <row r="359184" spans="8:8">
      <c r="H359184" s="12"/>
    </row>
    <row r="359185" spans="8:8">
      <c r="H359185" s="12"/>
    </row>
    <row r="359186" spans="8:8">
      <c r="H359186" s="12"/>
    </row>
    <row r="359187" spans="8:8">
      <c r="H359187" s="12"/>
    </row>
    <row r="359188" spans="8:8">
      <c r="H359188" s="12"/>
    </row>
    <row r="359189" spans="8:8">
      <c r="H359189" s="12"/>
    </row>
    <row r="359190" spans="8:8">
      <c r="H359190" s="12"/>
    </row>
    <row r="359191" spans="8:8">
      <c r="H359191" s="12"/>
    </row>
    <row r="359192" spans="8:8">
      <c r="H359192" s="12"/>
    </row>
    <row r="359193" spans="8:8">
      <c r="H359193" s="12"/>
    </row>
    <row r="359194" spans="8:8">
      <c r="H359194" s="12"/>
    </row>
    <row r="359195" spans="8:8">
      <c r="H359195" s="12"/>
    </row>
    <row r="359196" spans="8:8">
      <c r="H359196" s="12"/>
    </row>
    <row r="359197" spans="8:8">
      <c r="H359197" s="12"/>
    </row>
    <row r="359198" spans="8:8">
      <c r="H359198" s="12"/>
    </row>
    <row r="359199" spans="8:8">
      <c r="H359199" s="12"/>
    </row>
    <row r="359200" spans="8:8">
      <c r="H359200" s="12"/>
    </row>
    <row r="359201" spans="8:8">
      <c r="H359201" s="12"/>
    </row>
    <row r="359202" spans="8:8">
      <c r="H359202" s="12"/>
    </row>
    <row r="359203" spans="8:8">
      <c r="H359203" s="12"/>
    </row>
    <row r="359204" spans="8:8">
      <c r="H359204" s="12"/>
    </row>
    <row r="359205" spans="8:8">
      <c r="H359205" s="12"/>
    </row>
    <row r="359206" spans="8:8">
      <c r="H359206" s="12"/>
    </row>
    <row r="359207" spans="8:8">
      <c r="H359207" s="12"/>
    </row>
    <row r="359208" spans="8:8">
      <c r="H359208" s="12"/>
    </row>
    <row r="359209" spans="8:8">
      <c r="H359209" s="12"/>
    </row>
    <row r="359210" spans="8:8">
      <c r="H359210" s="12"/>
    </row>
    <row r="359211" spans="8:8">
      <c r="H359211" s="12"/>
    </row>
    <row r="359212" spans="8:8">
      <c r="H359212" s="12"/>
    </row>
    <row r="359213" spans="8:8">
      <c r="H359213" s="12"/>
    </row>
    <row r="359214" spans="8:8">
      <c r="H359214" s="12"/>
    </row>
    <row r="359215" spans="8:8">
      <c r="H359215" s="12"/>
    </row>
    <row r="359216" spans="8:8">
      <c r="H359216" s="12"/>
    </row>
    <row r="359217" spans="8:8">
      <c r="H359217" s="12"/>
    </row>
    <row r="359218" spans="8:8">
      <c r="H359218" s="12"/>
    </row>
    <row r="359219" spans="8:8">
      <c r="H359219" s="12"/>
    </row>
    <row r="359220" spans="8:8">
      <c r="H359220" s="12"/>
    </row>
    <row r="359221" spans="8:8">
      <c r="H359221" s="12"/>
    </row>
    <row r="359222" spans="8:8">
      <c r="H359222" s="12"/>
    </row>
    <row r="359223" spans="8:8">
      <c r="H359223" s="12"/>
    </row>
    <row r="359224" spans="8:8">
      <c r="H359224" s="12"/>
    </row>
    <row r="359225" spans="8:8">
      <c r="H359225" s="12"/>
    </row>
    <row r="359226" spans="8:8">
      <c r="H359226" s="12"/>
    </row>
    <row r="359227" spans="8:8">
      <c r="H359227" s="12"/>
    </row>
    <row r="359228" spans="8:8">
      <c r="H359228" s="12"/>
    </row>
    <row r="359229" spans="8:8">
      <c r="H359229" s="12"/>
    </row>
    <row r="359230" spans="8:8">
      <c r="H359230" s="12"/>
    </row>
    <row r="359231" spans="8:8">
      <c r="H359231" s="12"/>
    </row>
    <row r="359232" spans="8:8">
      <c r="H359232" s="12"/>
    </row>
    <row r="359233" spans="8:8">
      <c r="H359233" s="12"/>
    </row>
    <row r="359234" spans="8:8">
      <c r="H359234" s="12"/>
    </row>
    <row r="359235" spans="8:8">
      <c r="H359235" s="12"/>
    </row>
    <row r="359236" spans="8:8">
      <c r="H359236" s="12"/>
    </row>
    <row r="359237" spans="8:8">
      <c r="H359237" s="12"/>
    </row>
    <row r="359238" spans="8:8">
      <c r="H359238" s="12"/>
    </row>
    <row r="359239" spans="8:8">
      <c r="H359239" s="12"/>
    </row>
    <row r="359240" spans="8:8">
      <c r="H359240" s="12"/>
    </row>
    <row r="359241" spans="8:8">
      <c r="H359241" s="12"/>
    </row>
    <row r="359242" spans="8:8">
      <c r="H359242" s="12"/>
    </row>
    <row r="359243" spans="8:8">
      <c r="H359243" s="12"/>
    </row>
    <row r="359244" spans="8:8">
      <c r="H359244" s="12"/>
    </row>
    <row r="359245" spans="8:8">
      <c r="H359245" s="12"/>
    </row>
    <row r="359246" spans="8:8">
      <c r="H359246" s="12"/>
    </row>
    <row r="359247" spans="8:8">
      <c r="H359247" s="12"/>
    </row>
    <row r="359248" spans="8:8">
      <c r="H359248" s="12"/>
    </row>
    <row r="359249" spans="8:8">
      <c r="H359249" s="12"/>
    </row>
    <row r="359250" spans="8:8">
      <c r="H359250" s="12"/>
    </row>
    <row r="359251" spans="8:8">
      <c r="H359251" s="12"/>
    </row>
    <row r="359252" spans="8:8">
      <c r="H359252" s="12"/>
    </row>
    <row r="359253" spans="8:8">
      <c r="H359253" s="12"/>
    </row>
    <row r="359254" spans="8:8">
      <c r="H359254" s="12"/>
    </row>
    <row r="359255" spans="8:8">
      <c r="H359255" s="12"/>
    </row>
    <row r="359256" spans="8:8">
      <c r="H359256" s="12"/>
    </row>
    <row r="359257" spans="8:8">
      <c r="H359257" s="12"/>
    </row>
    <row r="359258" spans="8:8">
      <c r="H359258" s="12"/>
    </row>
    <row r="359259" spans="8:8">
      <c r="H359259" s="12"/>
    </row>
    <row r="359260" spans="8:8">
      <c r="H359260" s="12"/>
    </row>
    <row r="359261" spans="8:8">
      <c r="H359261" s="12"/>
    </row>
    <row r="359262" spans="8:8">
      <c r="H359262" s="12"/>
    </row>
    <row r="359263" spans="8:8">
      <c r="H359263" s="12"/>
    </row>
    <row r="359264" spans="8:8">
      <c r="H359264" s="12"/>
    </row>
    <row r="359265" spans="8:8">
      <c r="H359265" s="12"/>
    </row>
    <row r="359266" spans="8:8">
      <c r="H359266" s="12"/>
    </row>
    <row r="359267" spans="8:8">
      <c r="H359267" s="12"/>
    </row>
    <row r="359268" spans="8:8">
      <c r="H359268" s="12"/>
    </row>
    <row r="359269" spans="8:8">
      <c r="H359269" s="12"/>
    </row>
    <row r="359270" spans="8:8">
      <c r="H359270" s="12"/>
    </row>
    <row r="359271" spans="8:8">
      <c r="H359271" s="12"/>
    </row>
    <row r="359272" spans="8:8">
      <c r="H359272" s="12"/>
    </row>
    <row r="359273" spans="8:8">
      <c r="H359273" s="12"/>
    </row>
    <row r="359274" spans="8:8">
      <c r="H359274" s="12"/>
    </row>
    <row r="359275" spans="8:8">
      <c r="H359275" s="12"/>
    </row>
    <row r="359276" spans="8:8">
      <c r="H359276" s="12"/>
    </row>
    <row r="359277" spans="8:8">
      <c r="H359277" s="12"/>
    </row>
    <row r="359278" spans="8:8">
      <c r="H359278" s="12"/>
    </row>
    <row r="359279" spans="8:8">
      <c r="H359279" s="12"/>
    </row>
    <row r="359280" spans="8:8">
      <c r="H359280" s="12"/>
    </row>
    <row r="359281" spans="8:8">
      <c r="H359281" s="12"/>
    </row>
    <row r="359282" spans="8:8">
      <c r="H359282" s="12"/>
    </row>
    <row r="359283" spans="8:8">
      <c r="H359283" s="12"/>
    </row>
    <row r="359284" spans="8:8">
      <c r="H359284" s="12"/>
    </row>
    <row r="359285" spans="8:8">
      <c r="H359285" s="12"/>
    </row>
    <row r="359286" spans="8:8">
      <c r="H359286" s="12"/>
    </row>
    <row r="359287" spans="8:8">
      <c r="H359287" s="12"/>
    </row>
    <row r="359288" spans="8:8">
      <c r="H359288" s="12"/>
    </row>
    <row r="359289" spans="8:8">
      <c r="H359289" s="12"/>
    </row>
    <row r="359290" spans="8:8">
      <c r="H359290" s="12"/>
    </row>
    <row r="359291" spans="8:8">
      <c r="H359291" s="12"/>
    </row>
    <row r="359292" spans="8:8">
      <c r="H359292" s="12"/>
    </row>
    <row r="359293" spans="8:8">
      <c r="H359293" s="12"/>
    </row>
    <row r="359294" spans="8:8">
      <c r="H359294" s="12"/>
    </row>
    <row r="359295" spans="8:8">
      <c r="H359295" s="12"/>
    </row>
    <row r="359296" spans="8:8">
      <c r="H359296" s="12"/>
    </row>
    <row r="359297" spans="8:8">
      <c r="H359297" s="12"/>
    </row>
    <row r="359298" spans="8:8">
      <c r="H359298" s="12"/>
    </row>
    <row r="359299" spans="8:8">
      <c r="H359299" s="12"/>
    </row>
    <row r="359300" spans="8:8">
      <c r="H359300" s="12"/>
    </row>
    <row r="359301" spans="8:8">
      <c r="H359301" s="12"/>
    </row>
    <row r="359302" spans="8:8">
      <c r="H359302" s="12"/>
    </row>
    <row r="359303" spans="8:8">
      <c r="H359303" s="12"/>
    </row>
    <row r="359304" spans="8:8">
      <c r="H359304" s="12"/>
    </row>
    <row r="359305" spans="8:8">
      <c r="H359305" s="12"/>
    </row>
    <row r="359306" spans="8:8">
      <c r="H359306" s="12"/>
    </row>
    <row r="359307" spans="8:8">
      <c r="H359307" s="12"/>
    </row>
    <row r="359308" spans="8:8">
      <c r="H359308" s="12"/>
    </row>
    <row r="359309" spans="8:8">
      <c r="H359309" s="12"/>
    </row>
    <row r="359310" spans="8:8">
      <c r="H359310" s="12"/>
    </row>
    <row r="359311" spans="8:8">
      <c r="H359311" s="12"/>
    </row>
    <row r="359312" spans="8:8">
      <c r="H359312" s="12"/>
    </row>
    <row r="359313" spans="8:8">
      <c r="H359313" s="12"/>
    </row>
    <row r="359314" spans="8:8">
      <c r="H359314" s="12"/>
    </row>
    <row r="359315" spans="8:8">
      <c r="H359315" s="12"/>
    </row>
    <row r="359316" spans="8:8">
      <c r="H359316" s="12"/>
    </row>
    <row r="359317" spans="8:8">
      <c r="H359317" s="12"/>
    </row>
    <row r="359318" spans="8:8">
      <c r="H359318" s="12"/>
    </row>
    <row r="359319" spans="8:8">
      <c r="H359319" s="12"/>
    </row>
    <row r="359320" spans="8:8">
      <c r="H359320" s="12"/>
    </row>
    <row r="359321" spans="8:8">
      <c r="H359321" s="12"/>
    </row>
    <row r="359322" spans="8:8">
      <c r="H359322" s="12"/>
    </row>
    <row r="359323" spans="8:8">
      <c r="H359323" s="12"/>
    </row>
    <row r="359324" spans="8:8">
      <c r="H359324" s="12"/>
    </row>
    <row r="359325" spans="8:8">
      <c r="H359325" s="12"/>
    </row>
    <row r="359326" spans="8:8">
      <c r="H359326" s="12"/>
    </row>
    <row r="359327" spans="8:8">
      <c r="H359327" s="12"/>
    </row>
    <row r="359328" spans="8:8">
      <c r="H359328" s="12"/>
    </row>
    <row r="359329" spans="8:8">
      <c r="H359329" s="12"/>
    </row>
    <row r="359330" spans="8:8">
      <c r="H359330" s="12"/>
    </row>
    <row r="359331" spans="8:8">
      <c r="H359331" s="12"/>
    </row>
    <row r="359332" spans="8:8">
      <c r="H359332" s="12"/>
    </row>
    <row r="359333" spans="8:8">
      <c r="H359333" s="12"/>
    </row>
    <row r="359334" spans="8:8">
      <c r="H359334" s="12"/>
    </row>
    <row r="359335" spans="8:8">
      <c r="H359335" s="12"/>
    </row>
    <row r="359336" spans="8:8">
      <c r="H359336" s="12"/>
    </row>
    <row r="359337" spans="8:8">
      <c r="H359337" s="12"/>
    </row>
    <row r="359338" spans="8:8">
      <c r="H359338" s="12"/>
    </row>
    <row r="359339" spans="8:8">
      <c r="H359339" s="12"/>
    </row>
    <row r="359340" spans="8:8">
      <c r="H359340" s="12"/>
    </row>
    <row r="359341" spans="8:8">
      <c r="H359341" s="12"/>
    </row>
    <row r="359342" spans="8:8">
      <c r="H359342" s="12"/>
    </row>
    <row r="359343" spans="8:8">
      <c r="H359343" s="12"/>
    </row>
    <row r="359344" spans="8:8">
      <c r="H359344" s="12"/>
    </row>
    <row r="359345" spans="8:8">
      <c r="H359345" s="12"/>
    </row>
    <row r="359346" spans="8:8">
      <c r="H359346" s="12"/>
    </row>
    <row r="359347" spans="8:8">
      <c r="H359347" s="12"/>
    </row>
    <row r="359348" spans="8:8">
      <c r="H359348" s="12"/>
    </row>
    <row r="359349" spans="8:8">
      <c r="H359349" s="12"/>
    </row>
    <row r="359350" spans="8:8">
      <c r="H359350" s="12"/>
    </row>
    <row r="359351" spans="8:8">
      <c r="H359351" s="12"/>
    </row>
    <row r="359352" spans="8:8">
      <c r="H359352" s="12"/>
    </row>
    <row r="359353" spans="8:8">
      <c r="H359353" s="12"/>
    </row>
    <row r="359354" spans="8:8">
      <c r="H359354" s="12"/>
    </row>
    <row r="359355" spans="8:8">
      <c r="H359355" s="12"/>
    </row>
    <row r="359356" spans="8:8">
      <c r="H359356" s="12"/>
    </row>
    <row r="359357" spans="8:8">
      <c r="H359357" s="12"/>
    </row>
    <row r="359358" spans="8:8">
      <c r="H359358" s="12"/>
    </row>
    <row r="359359" spans="8:8">
      <c r="H359359" s="12"/>
    </row>
    <row r="359360" spans="8:8">
      <c r="H359360" s="12"/>
    </row>
    <row r="359361" spans="8:8">
      <c r="H359361" s="12"/>
    </row>
    <row r="359362" spans="8:8">
      <c r="H359362" s="12"/>
    </row>
    <row r="359363" spans="8:8">
      <c r="H359363" s="12"/>
    </row>
    <row r="359364" spans="8:8">
      <c r="H359364" s="12"/>
    </row>
    <row r="359365" spans="8:8">
      <c r="H359365" s="12"/>
    </row>
    <row r="359366" spans="8:8">
      <c r="H359366" s="12"/>
    </row>
    <row r="359367" spans="8:8">
      <c r="H359367" s="12"/>
    </row>
    <row r="359368" spans="8:8">
      <c r="H359368" s="12"/>
    </row>
    <row r="359369" spans="8:8">
      <c r="H359369" s="12"/>
    </row>
    <row r="359370" spans="8:8">
      <c r="H359370" s="12"/>
    </row>
    <row r="359371" spans="8:8">
      <c r="H359371" s="12"/>
    </row>
    <row r="359372" spans="8:8">
      <c r="H359372" s="12"/>
    </row>
    <row r="359373" spans="8:8">
      <c r="H359373" s="12"/>
    </row>
    <row r="359374" spans="8:8">
      <c r="H359374" s="12"/>
    </row>
    <row r="359375" spans="8:8">
      <c r="H359375" s="12"/>
    </row>
    <row r="359376" spans="8:8">
      <c r="H359376" s="12"/>
    </row>
    <row r="359377" spans="8:8">
      <c r="H359377" s="12"/>
    </row>
    <row r="359378" spans="8:8">
      <c r="H359378" s="12"/>
    </row>
    <row r="359379" spans="8:8">
      <c r="H359379" s="12"/>
    </row>
    <row r="359380" spans="8:8">
      <c r="H359380" s="12"/>
    </row>
    <row r="359381" spans="8:8">
      <c r="H359381" s="12"/>
    </row>
    <row r="359382" spans="8:8">
      <c r="H359382" s="12"/>
    </row>
    <row r="359383" spans="8:8">
      <c r="H359383" s="12"/>
    </row>
    <row r="359384" spans="8:8">
      <c r="H359384" s="12"/>
    </row>
    <row r="359385" spans="8:8">
      <c r="H359385" s="12"/>
    </row>
    <row r="359386" spans="8:8">
      <c r="H359386" s="12"/>
    </row>
    <row r="359387" spans="8:8">
      <c r="H359387" s="12"/>
    </row>
    <row r="359388" spans="8:8">
      <c r="H359388" s="12"/>
    </row>
    <row r="359389" spans="8:8">
      <c r="H359389" s="12"/>
    </row>
    <row r="359390" spans="8:8">
      <c r="H359390" s="12"/>
    </row>
    <row r="359391" spans="8:8">
      <c r="H359391" s="12"/>
    </row>
    <row r="359392" spans="8:8">
      <c r="H359392" s="12"/>
    </row>
    <row r="359393" spans="8:8">
      <c r="H359393" s="12"/>
    </row>
    <row r="359394" spans="8:8">
      <c r="H359394" s="12"/>
    </row>
    <row r="359395" spans="8:8">
      <c r="H359395" s="12"/>
    </row>
    <row r="359396" spans="8:8">
      <c r="H359396" s="12"/>
    </row>
    <row r="359397" spans="8:8">
      <c r="H359397" s="12"/>
    </row>
    <row r="359398" spans="8:8">
      <c r="H359398" s="12"/>
    </row>
    <row r="359399" spans="8:8">
      <c r="H359399" s="12"/>
    </row>
    <row r="359400" spans="8:8">
      <c r="H359400" s="12"/>
    </row>
    <row r="359401" spans="8:8">
      <c r="H359401" s="12"/>
    </row>
    <row r="359402" spans="8:8">
      <c r="H359402" s="12"/>
    </row>
    <row r="359403" spans="8:8">
      <c r="H359403" s="12"/>
    </row>
    <row r="359404" spans="8:8">
      <c r="H359404" s="12"/>
    </row>
    <row r="359405" spans="8:8">
      <c r="H359405" s="12"/>
    </row>
    <row r="359406" spans="8:8">
      <c r="H359406" s="12"/>
    </row>
    <row r="359407" spans="8:8">
      <c r="H359407" s="12"/>
    </row>
    <row r="359408" spans="8:8">
      <c r="H359408" s="12"/>
    </row>
    <row r="359409" spans="8:8">
      <c r="H359409" s="12"/>
    </row>
    <row r="359410" spans="8:8">
      <c r="H359410" s="12"/>
    </row>
    <row r="359411" spans="8:8">
      <c r="H359411" s="12"/>
    </row>
    <row r="359412" spans="8:8">
      <c r="H359412" s="12"/>
    </row>
    <row r="359413" spans="8:8">
      <c r="H359413" s="12"/>
    </row>
    <row r="359414" spans="8:8">
      <c r="H359414" s="12"/>
    </row>
    <row r="359415" spans="8:8">
      <c r="H359415" s="12"/>
    </row>
    <row r="359416" spans="8:8">
      <c r="H359416" s="12"/>
    </row>
    <row r="359417" spans="8:8">
      <c r="H359417" s="12"/>
    </row>
    <row r="359418" spans="8:8">
      <c r="H359418" s="12"/>
    </row>
    <row r="359419" spans="8:8">
      <c r="H359419" s="12"/>
    </row>
    <row r="359420" spans="8:8">
      <c r="H359420" s="12"/>
    </row>
    <row r="359421" spans="8:8">
      <c r="H359421" s="12"/>
    </row>
    <row r="359422" spans="8:8">
      <c r="H359422" s="12"/>
    </row>
    <row r="359423" spans="8:8">
      <c r="H359423" s="12"/>
    </row>
    <row r="359424" spans="8:8">
      <c r="H359424" s="12"/>
    </row>
    <row r="359425" spans="8:8">
      <c r="H359425" s="12"/>
    </row>
    <row r="359426" spans="8:8">
      <c r="H359426" s="12"/>
    </row>
    <row r="359427" spans="8:8">
      <c r="H359427" s="12"/>
    </row>
    <row r="359428" spans="8:8">
      <c r="H359428" s="12"/>
    </row>
    <row r="359429" spans="8:8">
      <c r="H359429" s="12"/>
    </row>
    <row r="359430" spans="8:8">
      <c r="H359430" s="12"/>
    </row>
    <row r="359431" spans="8:8">
      <c r="H359431" s="12"/>
    </row>
    <row r="359432" spans="8:8">
      <c r="H359432" s="12"/>
    </row>
    <row r="359433" spans="8:8">
      <c r="H359433" s="12"/>
    </row>
    <row r="359434" spans="8:8">
      <c r="H359434" s="12"/>
    </row>
    <row r="359435" spans="8:8">
      <c r="H359435" s="12"/>
    </row>
    <row r="359436" spans="8:8">
      <c r="H359436" s="12"/>
    </row>
    <row r="359437" spans="8:8">
      <c r="H359437" s="12"/>
    </row>
    <row r="359438" spans="8:8">
      <c r="H359438" s="12"/>
    </row>
    <row r="359439" spans="8:8">
      <c r="H359439" s="12"/>
    </row>
    <row r="359440" spans="8:8">
      <c r="H359440" s="12"/>
    </row>
    <row r="359441" spans="8:8">
      <c r="H359441" s="12"/>
    </row>
    <row r="359442" spans="8:8">
      <c r="H359442" s="12"/>
    </row>
    <row r="359443" spans="8:8">
      <c r="H359443" s="12"/>
    </row>
    <row r="359444" spans="8:8">
      <c r="H359444" s="12"/>
    </row>
    <row r="359445" spans="8:8">
      <c r="H359445" s="12"/>
    </row>
    <row r="359446" spans="8:8">
      <c r="H359446" s="12"/>
    </row>
    <row r="359447" spans="8:8">
      <c r="H359447" s="12"/>
    </row>
    <row r="359448" spans="8:8">
      <c r="H359448" s="12"/>
    </row>
    <row r="359449" spans="8:8">
      <c r="H359449" s="12"/>
    </row>
    <row r="359450" spans="8:8">
      <c r="H359450" s="12"/>
    </row>
    <row r="359451" spans="8:8">
      <c r="H359451" s="12"/>
    </row>
    <row r="359452" spans="8:8">
      <c r="H359452" s="12"/>
    </row>
    <row r="359453" spans="8:8">
      <c r="H359453" s="12"/>
    </row>
    <row r="359454" spans="8:8">
      <c r="H359454" s="12"/>
    </row>
    <row r="359455" spans="8:8">
      <c r="H359455" s="12"/>
    </row>
    <row r="359456" spans="8:8">
      <c r="H359456" s="12"/>
    </row>
    <row r="359457" spans="8:8">
      <c r="H359457" s="12"/>
    </row>
    <row r="359458" spans="8:8">
      <c r="H359458" s="12"/>
    </row>
    <row r="359459" spans="8:8">
      <c r="H359459" s="12"/>
    </row>
    <row r="359460" spans="8:8">
      <c r="H359460" s="12"/>
    </row>
    <row r="359461" spans="8:8">
      <c r="H359461" s="12"/>
    </row>
    <row r="359462" spans="8:8">
      <c r="H359462" s="12"/>
    </row>
    <row r="359463" spans="8:8">
      <c r="H359463" s="12"/>
    </row>
    <row r="359464" spans="8:8">
      <c r="H359464" s="12"/>
    </row>
    <row r="359465" spans="8:8">
      <c r="H359465" s="12"/>
    </row>
    <row r="359466" spans="8:8">
      <c r="H359466" s="12"/>
    </row>
    <row r="359467" spans="8:8">
      <c r="H359467" s="12"/>
    </row>
    <row r="359468" spans="8:8">
      <c r="H359468" s="12"/>
    </row>
    <row r="359469" spans="8:8">
      <c r="H359469" s="12"/>
    </row>
    <row r="359470" spans="8:8">
      <c r="H359470" s="12"/>
    </row>
    <row r="359471" spans="8:8">
      <c r="H359471" s="12"/>
    </row>
    <row r="359472" spans="8:8">
      <c r="H359472" s="12"/>
    </row>
    <row r="359473" spans="8:8">
      <c r="H359473" s="12"/>
    </row>
    <row r="359474" spans="8:8">
      <c r="H359474" s="12"/>
    </row>
    <row r="359475" spans="8:8">
      <c r="H359475" s="12"/>
    </row>
    <row r="359476" spans="8:8">
      <c r="H359476" s="12"/>
    </row>
    <row r="359477" spans="8:8">
      <c r="H359477" s="12"/>
    </row>
    <row r="359478" spans="8:8">
      <c r="H359478" s="12"/>
    </row>
    <row r="359479" spans="8:8">
      <c r="H359479" s="12"/>
    </row>
    <row r="359480" spans="8:8">
      <c r="H359480" s="12"/>
    </row>
    <row r="359481" spans="8:8">
      <c r="H359481" s="12"/>
    </row>
    <row r="359482" spans="8:8">
      <c r="H359482" s="12"/>
    </row>
    <row r="359483" spans="8:8">
      <c r="H359483" s="12"/>
    </row>
    <row r="359484" spans="8:8">
      <c r="H359484" s="12"/>
    </row>
    <row r="359485" spans="8:8">
      <c r="H359485" s="12"/>
    </row>
    <row r="359486" spans="8:8">
      <c r="H359486" s="12"/>
    </row>
    <row r="359487" spans="8:8">
      <c r="H359487" s="12"/>
    </row>
    <row r="359488" spans="8:8">
      <c r="H359488" s="12"/>
    </row>
    <row r="359489" spans="8:8">
      <c r="H359489" s="12"/>
    </row>
    <row r="359490" spans="8:8">
      <c r="H359490" s="12"/>
    </row>
    <row r="359491" spans="8:8">
      <c r="H359491" s="12"/>
    </row>
    <row r="359492" spans="8:8">
      <c r="H359492" s="12"/>
    </row>
    <row r="359493" spans="8:8">
      <c r="H359493" s="12"/>
    </row>
    <row r="359494" spans="8:8">
      <c r="H359494" s="12"/>
    </row>
    <row r="359495" spans="8:8">
      <c r="H359495" s="12"/>
    </row>
    <row r="359496" spans="8:8">
      <c r="H359496" s="12"/>
    </row>
    <row r="359497" spans="8:8">
      <c r="H359497" s="12"/>
    </row>
    <row r="359498" spans="8:8">
      <c r="H359498" s="12"/>
    </row>
    <row r="359499" spans="8:8">
      <c r="H359499" s="12"/>
    </row>
    <row r="359500" spans="8:8">
      <c r="H359500" s="12"/>
    </row>
    <row r="359501" spans="8:8">
      <c r="H359501" s="12"/>
    </row>
    <row r="359502" spans="8:8">
      <c r="H359502" s="12"/>
    </row>
    <row r="359503" spans="8:8">
      <c r="H359503" s="12"/>
    </row>
    <row r="359504" spans="8:8">
      <c r="H359504" s="12"/>
    </row>
    <row r="359505" spans="8:8">
      <c r="H359505" s="12"/>
    </row>
    <row r="359506" spans="8:8">
      <c r="H359506" s="12"/>
    </row>
    <row r="359507" spans="8:8">
      <c r="H359507" s="12"/>
    </row>
    <row r="359508" spans="8:8">
      <c r="H359508" s="12"/>
    </row>
    <row r="359509" spans="8:8">
      <c r="H359509" s="12"/>
    </row>
    <row r="359510" spans="8:8">
      <c r="H359510" s="12"/>
    </row>
    <row r="359511" spans="8:8">
      <c r="H359511" s="12"/>
    </row>
    <row r="359512" spans="8:8">
      <c r="H359512" s="12"/>
    </row>
    <row r="359513" spans="8:8">
      <c r="H359513" s="12"/>
    </row>
    <row r="359514" spans="8:8">
      <c r="H359514" s="12"/>
    </row>
    <row r="359515" spans="8:8">
      <c r="H359515" s="12"/>
    </row>
    <row r="359516" spans="8:8">
      <c r="H359516" s="12"/>
    </row>
    <row r="359517" spans="8:8">
      <c r="H359517" s="12"/>
    </row>
    <row r="359518" spans="8:8">
      <c r="H359518" s="12"/>
    </row>
    <row r="359519" spans="8:8">
      <c r="H359519" s="12"/>
    </row>
    <row r="359520" spans="8:8">
      <c r="H359520" s="12"/>
    </row>
    <row r="359521" spans="8:8">
      <c r="H359521" s="12"/>
    </row>
    <row r="359522" spans="8:8">
      <c r="H359522" s="12"/>
    </row>
    <row r="359523" spans="8:8">
      <c r="H359523" s="12"/>
    </row>
    <row r="359524" spans="8:8">
      <c r="H359524" s="12"/>
    </row>
    <row r="359525" spans="8:8">
      <c r="H359525" s="12"/>
    </row>
    <row r="359526" spans="8:8">
      <c r="H359526" s="12"/>
    </row>
    <row r="359527" spans="8:8">
      <c r="H359527" s="12"/>
    </row>
    <row r="359528" spans="8:8">
      <c r="H359528" s="12"/>
    </row>
    <row r="359529" spans="8:8">
      <c r="H359529" s="12"/>
    </row>
    <row r="359530" spans="8:8">
      <c r="H359530" s="12"/>
    </row>
    <row r="359531" spans="8:8">
      <c r="H359531" s="12"/>
    </row>
    <row r="359532" spans="8:8">
      <c r="H359532" s="12"/>
    </row>
    <row r="359533" spans="8:8">
      <c r="H359533" s="12"/>
    </row>
    <row r="359534" spans="8:8">
      <c r="H359534" s="12"/>
    </row>
    <row r="359535" spans="8:8">
      <c r="H359535" s="12"/>
    </row>
    <row r="359536" spans="8:8">
      <c r="H359536" s="12"/>
    </row>
    <row r="359537" spans="8:8">
      <c r="H359537" s="12"/>
    </row>
    <row r="359538" spans="8:8">
      <c r="H359538" s="12"/>
    </row>
    <row r="359539" spans="8:8">
      <c r="H359539" s="12"/>
    </row>
    <row r="359540" spans="8:8">
      <c r="H359540" s="12"/>
    </row>
    <row r="359541" spans="8:8">
      <c r="H359541" s="12"/>
    </row>
    <row r="359542" spans="8:8">
      <c r="H359542" s="12"/>
    </row>
    <row r="359543" spans="8:8">
      <c r="H359543" s="12"/>
    </row>
    <row r="359544" spans="8:8">
      <c r="H359544" s="12"/>
    </row>
    <row r="359545" spans="8:8">
      <c r="H359545" s="12"/>
    </row>
    <row r="359546" spans="8:8">
      <c r="H359546" s="12"/>
    </row>
    <row r="359547" spans="8:8">
      <c r="H359547" s="12"/>
    </row>
    <row r="359548" spans="8:8">
      <c r="H359548" s="12"/>
    </row>
    <row r="359549" spans="8:8">
      <c r="H359549" s="12"/>
    </row>
    <row r="359550" spans="8:8">
      <c r="H359550" s="12"/>
    </row>
    <row r="359551" spans="8:8">
      <c r="H359551" s="12"/>
    </row>
    <row r="359552" spans="8:8">
      <c r="H359552" s="12"/>
    </row>
    <row r="359553" spans="8:8">
      <c r="H359553" s="12"/>
    </row>
    <row r="359554" spans="8:8">
      <c r="H359554" s="12"/>
    </row>
    <row r="359555" spans="8:8">
      <c r="H359555" s="12"/>
    </row>
    <row r="359556" spans="8:8">
      <c r="H359556" s="12"/>
    </row>
    <row r="359557" spans="8:8">
      <c r="H359557" s="12"/>
    </row>
    <row r="359558" spans="8:8">
      <c r="H359558" s="12"/>
    </row>
    <row r="359559" spans="8:8">
      <c r="H359559" s="12"/>
    </row>
    <row r="359560" spans="8:8">
      <c r="H359560" s="12"/>
    </row>
    <row r="359561" spans="8:8">
      <c r="H359561" s="12"/>
    </row>
    <row r="359562" spans="8:8">
      <c r="H359562" s="12"/>
    </row>
    <row r="359563" spans="8:8">
      <c r="H359563" s="12"/>
    </row>
    <row r="359564" spans="8:8">
      <c r="H359564" s="12"/>
    </row>
    <row r="359565" spans="8:8">
      <c r="H359565" s="12"/>
    </row>
    <row r="359566" spans="8:8">
      <c r="H359566" s="12"/>
    </row>
    <row r="359567" spans="8:8">
      <c r="H359567" s="12"/>
    </row>
    <row r="359568" spans="8:8">
      <c r="H359568" s="12"/>
    </row>
    <row r="359569" spans="8:8">
      <c r="H359569" s="12"/>
    </row>
    <row r="359570" spans="8:8">
      <c r="H359570" s="12"/>
    </row>
    <row r="359571" spans="8:8">
      <c r="H359571" s="12"/>
    </row>
    <row r="359572" spans="8:8">
      <c r="H359572" s="12"/>
    </row>
    <row r="359573" spans="8:8">
      <c r="H359573" s="12"/>
    </row>
    <row r="359574" spans="8:8">
      <c r="H359574" s="12"/>
    </row>
    <row r="359575" spans="8:8">
      <c r="H359575" s="12"/>
    </row>
    <row r="359576" spans="8:8">
      <c r="H359576" s="12"/>
    </row>
    <row r="359577" spans="8:8">
      <c r="H359577" s="12"/>
    </row>
    <row r="359578" spans="8:8">
      <c r="H359578" s="12"/>
    </row>
    <row r="359579" spans="8:8">
      <c r="H359579" s="12"/>
    </row>
    <row r="359580" spans="8:8">
      <c r="H359580" s="12"/>
    </row>
    <row r="359581" spans="8:8">
      <c r="H359581" s="12"/>
    </row>
    <row r="359582" spans="8:8">
      <c r="H359582" s="12"/>
    </row>
    <row r="359583" spans="8:8">
      <c r="H359583" s="12"/>
    </row>
    <row r="359584" spans="8:8">
      <c r="H359584" s="12"/>
    </row>
    <row r="359585" spans="8:8">
      <c r="H359585" s="12"/>
    </row>
    <row r="359586" spans="8:8">
      <c r="H359586" s="12"/>
    </row>
    <row r="359587" spans="8:8">
      <c r="H359587" s="12"/>
    </row>
    <row r="359588" spans="8:8">
      <c r="H359588" s="12"/>
    </row>
    <row r="359589" spans="8:8">
      <c r="H359589" s="12"/>
    </row>
    <row r="359590" spans="8:8">
      <c r="H359590" s="12"/>
    </row>
    <row r="359591" spans="8:8">
      <c r="H359591" s="12"/>
    </row>
    <row r="359592" spans="8:8">
      <c r="H359592" s="12"/>
    </row>
    <row r="359593" spans="8:8">
      <c r="H359593" s="12"/>
    </row>
    <row r="359594" spans="8:8">
      <c r="H359594" s="12"/>
    </row>
    <row r="359595" spans="8:8">
      <c r="H359595" s="12"/>
    </row>
    <row r="359596" spans="8:8">
      <c r="H359596" s="12"/>
    </row>
    <row r="359597" spans="8:8">
      <c r="H359597" s="12"/>
    </row>
    <row r="359598" spans="8:8">
      <c r="H359598" s="12"/>
    </row>
    <row r="359599" spans="8:8">
      <c r="H359599" s="12"/>
    </row>
    <row r="359600" spans="8:8">
      <c r="H359600" s="12"/>
    </row>
    <row r="359601" spans="8:8">
      <c r="H359601" s="12"/>
    </row>
    <row r="359602" spans="8:8">
      <c r="H359602" s="12"/>
    </row>
    <row r="359603" spans="8:8">
      <c r="H359603" s="12"/>
    </row>
    <row r="359604" spans="8:8">
      <c r="H359604" s="12"/>
    </row>
    <row r="359605" spans="8:8">
      <c r="H359605" s="12"/>
    </row>
    <row r="359606" spans="8:8">
      <c r="H359606" s="12"/>
    </row>
    <row r="359607" spans="8:8">
      <c r="H359607" s="12"/>
    </row>
    <row r="359608" spans="8:8">
      <c r="H359608" s="12"/>
    </row>
    <row r="359609" spans="8:8">
      <c r="H359609" s="12"/>
    </row>
    <row r="359610" spans="8:8">
      <c r="H359610" s="12"/>
    </row>
    <row r="359611" spans="8:8">
      <c r="H359611" s="12"/>
    </row>
    <row r="359612" spans="8:8">
      <c r="H359612" s="12"/>
    </row>
    <row r="359613" spans="8:8">
      <c r="H359613" s="12"/>
    </row>
    <row r="359614" spans="8:8">
      <c r="H359614" s="12"/>
    </row>
    <row r="359615" spans="8:8">
      <c r="H359615" s="12"/>
    </row>
    <row r="359616" spans="8:8">
      <c r="H359616" s="12"/>
    </row>
    <row r="359617" spans="8:8">
      <c r="H359617" s="12"/>
    </row>
    <row r="359618" spans="8:8">
      <c r="H359618" s="12"/>
    </row>
    <row r="359619" spans="8:8">
      <c r="H359619" s="12"/>
    </row>
    <row r="359620" spans="8:8">
      <c r="H359620" s="12"/>
    </row>
    <row r="359621" spans="8:8">
      <c r="H359621" s="12"/>
    </row>
    <row r="359622" spans="8:8">
      <c r="H359622" s="12"/>
    </row>
    <row r="359623" spans="8:8">
      <c r="H359623" s="12"/>
    </row>
    <row r="359624" spans="8:8">
      <c r="H359624" s="12"/>
    </row>
    <row r="359625" spans="8:8">
      <c r="H359625" s="12"/>
    </row>
    <row r="359626" spans="8:8">
      <c r="H359626" s="12"/>
    </row>
    <row r="359627" spans="8:8">
      <c r="H359627" s="12"/>
    </row>
    <row r="359628" spans="8:8">
      <c r="H359628" s="12"/>
    </row>
    <row r="359629" spans="8:8">
      <c r="H359629" s="12"/>
    </row>
    <row r="359630" spans="8:8">
      <c r="H359630" s="12"/>
    </row>
    <row r="359631" spans="8:8">
      <c r="H359631" s="12"/>
    </row>
    <row r="359632" spans="8:8">
      <c r="H359632" s="12"/>
    </row>
    <row r="359633" spans="8:8">
      <c r="H359633" s="12"/>
    </row>
    <row r="359634" spans="8:8">
      <c r="H359634" s="12"/>
    </row>
    <row r="359635" spans="8:8">
      <c r="H359635" s="12"/>
    </row>
    <row r="359636" spans="8:8">
      <c r="H359636" s="12"/>
    </row>
    <row r="359637" spans="8:8">
      <c r="H359637" s="12"/>
    </row>
    <row r="359638" spans="8:8">
      <c r="H359638" s="12"/>
    </row>
    <row r="359639" spans="8:8">
      <c r="H359639" s="12"/>
    </row>
    <row r="359640" spans="8:8">
      <c r="H359640" s="12"/>
    </row>
    <row r="359641" spans="8:8">
      <c r="H359641" s="12"/>
    </row>
    <row r="359642" spans="8:8">
      <c r="H359642" s="12"/>
    </row>
    <row r="359643" spans="8:8">
      <c r="H359643" s="12"/>
    </row>
    <row r="359644" spans="8:8">
      <c r="H359644" s="12"/>
    </row>
    <row r="359645" spans="8:8">
      <c r="H359645" s="12"/>
    </row>
    <row r="359646" spans="8:8">
      <c r="H359646" s="12"/>
    </row>
    <row r="359647" spans="8:8">
      <c r="H359647" s="12"/>
    </row>
    <row r="359648" spans="8:8">
      <c r="H359648" s="12"/>
    </row>
    <row r="359649" spans="8:8">
      <c r="H359649" s="12"/>
    </row>
    <row r="359650" spans="8:8">
      <c r="H359650" s="12"/>
    </row>
    <row r="359651" spans="8:8">
      <c r="H359651" s="12"/>
    </row>
    <row r="359652" spans="8:8">
      <c r="H359652" s="12"/>
    </row>
    <row r="359653" spans="8:8">
      <c r="H359653" s="12"/>
    </row>
    <row r="359654" spans="8:8">
      <c r="H359654" s="12"/>
    </row>
    <row r="359655" spans="8:8">
      <c r="H359655" s="12"/>
    </row>
    <row r="359656" spans="8:8">
      <c r="H359656" s="12"/>
    </row>
    <row r="359657" spans="8:8">
      <c r="H359657" s="12"/>
    </row>
    <row r="359658" spans="8:8">
      <c r="H359658" s="12"/>
    </row>
    <row r="359659" spans="8:8">
      <c r="H359659" s="12"/>
    </row>
    <row r="359660" spans="8:8">
      <c r="H359660" s="12"/>
    </row>
    <row r="359661" spans="8:8">
      <c r="H359661" s="12"/>
    </row>
    <row r="359662" spans="8:8">
      <c r="H359662" s="12"/>
    </row>
    <row r="359663" spans="8:8">
      <c r="H359663" s="12"/>
    </row>
    <row r="359664" spans="8:8">
      <c r="H359664" s="12"/>
    </row>
    <row r="359665" spans="8:8">
      <c r="H359665" s="12"/>
    </row>
    <row r="359666" spans="8:8">
      <c r="H359666" s="12"/>
    </row>
    <row r="359667" spans="8:8">
      <c r="H359667" s="12"/>
    </row>
    <row r="359668" spans="8:8">
      <c r="H359668" s="12"/>
    </row>
    <row r="359669" spans="8:8">
      <c r="H359669" s="12"/>
    </row>
    <row r="359670" spans="8:8">
      <c r="H359670" s="12"/>
    </row>
    <row r="359671" spans="8:8">
      <c r="H359671" s="12"/>
    </row>
    <row r="359672" spans="8:8">
      <c r="H359672" s="12"/>
    </row>
    <row r="359673" spans="8:8">
      <c r="H359673" s="12"/>
    </row>
    <row r="359674" spans="8:8">
      <c r="H359674" s="12"/>
    </row>
    <row r="359675" spans="8:8">
      <c r="H359675" s="12"/>
    </row>
    <row r="359676" spans="8:8">
      <c r="H359676" s="12"/>
    </row>
    <row r="359677" spans="8:8">
      <c r="H359677" s="12"/>
    </row>
    <row r="359678" spans="8:8">
      <c r="H359678" s="12"/>
    </row>
    <row r="359679" spans="8:8">
      <c r="H359679" s="12"/>
    </row>
    <row r="359680" spans="8:8">
      <c r="H359680" s="12"/>
    </row>
    <row r="359681" spans="8:8">
      <c r="H359681" s="12"/>
    </row>
    <row r="359682" spans="8:8">
      <c r="H359682" s="12"/>
    </row>
    <row r="359683" spans="8:8">
      <c r="H359683" s="12"/>
    </row>
    <row r="359684" spans="8:8">
      <c r="H359684" s="12"/>
    </row>
    <row r="359685" spans="8:8">
      <c r="H359685" s="12"/>
    </row>
    <row r="359686" spans="8:8">
      <c r="H359686" s="12"/>
    </row>
    <row r="359687" spans="8:8">
      <c r="H359687" s="12"/>
    </row>
    <row r="359688" spans="8:8">
      <c r="H359688" s="12"/>
    </row>
    <row r="359689" spans="8:8">
      <c r="H359689" s="12"/>
    </row>
    <row r="359690" spans="8:8">
      <c r="H359690" s="12"/>
    </row>
    <row r="359691" spans="8:8">
      <c r="H359691" s="12"/>
    </row>
    <row r="359692" spans="8:8">
      <c r="H359692" s="12"/>
    </row>
    <row r="359693" spans="8:8">
      <c r="H359693" s="12"/>
    </row>
    <row r="359694" spans="8:8">
      <c r="H359694" s="12"/>
    </row>
    <row r="359695" spans="8:8">
      <c r="H359695" s="12"/>
    </row>
    <row r="359696" spans="8:8">
      <c r="H359696" s="12"/>
    </row>
    <row r="359697" spans="8:8">
      <c r="H359697" s="12"/>
    </row>
    <row r="359698" spans="8:8">
      <c r="H359698" s="12"/>
    </row>
    <row r="359699" spans="8:8">
      <c r="H359699" s="12"/>
    </row>
    <row r="359700" spans="8:8">
      <c r="H359700" s="12"/>
    </row>
    <row r="359701" spans="8:8">
      <c r="H359701" s="12"/>
    </row>
    <row r="359702" spans="8:8">
      <c r="H359702" s="12"/>
    </row>
    <row r="359703" spans="8:8">
      <c r="H359703" s="12"/>
    </row>
    <row r="359704" spans="8:8">
      <c r="H359704" s="12"/>
    </row>
    <row r="359705" spans="8:8">
      <c r="H359705" s="12"/>
    </row>
    <row r="359706" spans="8:8">
      <c r="H359706" s="12"/>
    </row>
    <row r="359707" spans="8:8">
      <c r="H359707" s="12"/>
    </row>
    <row r="359708" spans="8:8">
      <c r="H359708" s="12"/>
    </row>
    <row r="359709" spans="8:8">
      <c r="H359709" s="12"/>
    </row>
    <row r="359710" spans="8:8">
      <c r="H359710" s="12"/>
    </row>
    <row r="359711" spans="8:8">
      <c r="H359711" s="12"/>
    </row>
    <row r="359712" spans="8:8">
      <c r="H359712" s="12"/>
    </row>
    <row r="359713" spans="8:8">
      <c r="H359713" s="12"/>
    </row>
    <row r="359714" spans="8:8">
      <c r="H359714" s="12"/>
    </row>
    <row r="359715" spans="8:8">
      <c r="H359715" s="12"/>
    </row>
    <row r="359716" spans="8:8">
      <c r="H359716" s="12"/>
    </row>
    <row r="359717" spans="8:8">
      <c r="H359717" s="12"/>
    </row>
    <row r="359718" spans="8:8">
      <c r="H359718" s="12"/>
    </row>
    <row r="359719" spans="8:8">
      <c r="H359719" s="12"/>
    </row>
    <row r="359720" spans="8:8">
      <c r="H359720" s="12"/>
    </row>
    <row r="359721" spans="8:8">
      <c r="H359721" s="12"/>
    </row>
    <row r="359722" spans="8:8">
      <c r="H359722" s="12"/>
    </row>
    <row r="359723" spans="8:8">
      <c r="H359723" s="12"/>
    </row>
    <row r="359724" spans="8:8">
      <c r="H359724" s="12"/>
    </row>
    <row r="359725" spans="8:8">
      <c r="H359725" s="12"/>
    </row>
    <row r="359726" spans="8:8">
      <c r="H359726" s="12"/>
    </row>
    <row r="359727" spans="8:8">
      <c r="H359727" s="12"/>
    </row>
    <row r="359728" spans="8:8">
      <c r="H359728" s="12"/>
    </row>
    <row r="359729" spans="8:8">
      <c r="H359729" s="12"/>
    </row>
    <row r="359730" spans="8:8">
      <c r="H359730" s="12"/>
    </row>
    <row r="359731" spans="8:8">
      <c r="H359731" s="12"/>
    </row>
    <row r="359732" spans="8:8">
      <c r="H359732" s="12"/>
    </row>
    <row r="359733" spans="8:8">
      <c r="H359733" s="12"/>
    </row>
    <row r="359734" spans="8:8">
      <c r="H359734" s="12"/>
    </row>
    <row r="359735" spans="8:8">
      <c r="H359735" s="12"/>
    </row>
    <row r="359736" spans="8:8">
      <c r="H359736" s="12"/>
    </row>
    <row r="359737" spans="8:8">
      <c r="H359737" s="12"/>
    </row>
    <row r="359738" spans="8:8">
      <c r="H359738" s="12"/>
    </row>
    <row r="359739" spans="8:8">
      <c r="H359739" s="12"/>
    </row>
    <row r="359740" spans="8:8">
      <c r="H359740" s="12"/>
    </row>
    <row r="359741" spans="8:8">
      <c r="H359741" s="12"/>
    </row>
    <row r="359742" spans="8:8">
      <c r="H359742" s="12"/>
    </row>
    <row r="359743" spans="8:8">
      <c r="H359743" s="12"/>
    </row>
    <row r="359744" spans="8:8">
      <c r="H359744" s="12"/>
    </row>
    <row r="359745" spans="8:8">
      <c r="H359745" s="12"/>
    </row>
    <row r="359746" spans="8:8">
      <c r="H359746" s="12"/>
    </row>
    <row r="359747" spans="8:8">
      <c r="H359747" s="12"/>
    </row>
    <row r="359748" spans="8:8">
      <c r="H359748" s="12"/>
    </row>
    <row r="359749" spans="8:8">
      <c r="H359749" s="12"/>
    </row>
    <row r="359750" spans="8:8">
      <c r="H359750" s="12"/>
    </row>
    <row r="359751" spans="8:8">
      <c r="H359751" s="12"/>
    </row>
    <row r="359752" spans="8:8">
      <c r="H359752" s="12"/>
    </row>
    <row r="359753" spans="8:8">
      <c r="H359753" s="12"/>
    </row>
    <row r="359754" spans="8:8">
      <c r="H359754" s="12"/>
    </row>
    <row r="359755" spans="8:8">
      <c r="H359755" s="12"/>
    </row>
    <row r="359756" spans="8:8">
      <c r="H359756" s="12"/>
    </row>
    <row r="359757" spans="8:8">
      <c r="H359757" s="12"/>
    </row>
    <row r="359758" spans="8:8">
      <c r="H359758" s="12"/>
    </row>
    <row r="359759" spans="8:8">
      <c r="H359759" s="12"/>
    </row>
    <row r="359760" spans="8:8">
      <c r="H359760" s="12"/>
    </row>
    <row r="359761" spans="8:8">
      <c r="H359761" s="12"/>
    </row>
    <row r="359762" spans="8:8">
      <c r="H359762" s="12"/>
    </row>
    <row r="359763" spans="8:8">
      <c r="H359763" s="12"/>
    </row>
    <row r="359764" spans="8:8">
      <c r="H359764" s="12"/>
    </row>
    <row r="359765" spans="8:8">
      <c r="H359765" s="12"/>
    </row>
    <row r="359766" spans="8:8">
      <c r="H359766" s="12"/>
    </row>
    <row r="359767" spans="8:8">
      <c r="H359767" s="12"/>
    </row>
    <row r="359768" spans="8:8">
      <c r="H359768" s="12"/>
    </row>
    <row r="359769" spans="8:8">
      <c r="H359769" s="12"/>
    </row>
    <row r="359770" spans="8:8">
      <c r="H359770" s="12"/>
    </row>
    <row r="359771" spans="8:8">
      <c r="H359771" s="12"/>
    </row>
    <row r="359772" spans="8:8">
      <c r="H359772" s="12"/>
    </row>
    <row r="359773" spans="8:8">
      <c r="H359773" s="12"/>
    </row>
    <row r="359774" spans="8:8">
      <c r="H359774" s="12"/>
    </row>
    <row r="359775" spans="8:8">
      <c r="H359775" s="12"/>
    </row>
    <row r="359776" spans="8:8">
      <c r="H359776" s="12"/>
    </row>
    <row r="359777" spans="8:8">
      <c r="H359777" s="12"/>
    </row>
    <row r="359778" spans="8:8">
      <c r="H359778" s="12"/>
    </row>
    <row r="359779" spans="8:8">
      <c r="H359779" s="12"/>
    </row>
    <row r="359780" spans="8:8">
      <c r="H359780" s="12"/>
    </row>
    <row r="359781" spans="8:8">
      <c r="H359781" s="12"/>
    </row>
    <row r="359782" spans="8:8">
      <c r="H359782" s="12"/>
    </row>
    <row r="359783" spans="8:8">
      <c r="H359783" s="12"/>
    </row>
    <row r="359784" spans="8:8">
      <c r="H359784" s="12"/>
    </row>
    <row r="359785" spans="8:8">
      <c r="H359785" s="12"/>
    </row>
    <row r="359786" spans="8:8">
      <c r="H359786" s="12"/>
    </row>
    <row r="359787" spans="8:8">
      <c r="H359787" s="12"/>
    </row>
    <row r="359788" spans="8:8">
      <c r="H359788" s="12"/>
    </row>
    <row r="359789" spans="8:8">
      <c r="H359789" s="12"/>
    </row>
    <row r="359790" spans="8:8">
      <c r="H359790" s="12"/>
    </row>
    <row r="359791" spans="8:8">
      <c r="H359791" s="12"/>
    </row>
    <row r="359792" spans="8:8">
      <c r="H359792" s="12"/>
    </row>
    <row r="359793" spans="8:8">
      <c r="H359793" s="12"/>
    </row>
    <row r="359794" spans="8:8">
      <c r="H359794" s="12"/>
    </row>
    <row r="359795" spans="8:8">
      <c r="H359795" s="12"/>
    </row>
    <row r="359796" spans="8:8">
      <c r="H359796" s="12"/>
    </row>
    <row r="359797" spans="8:8">
      <c r="H359797" s="12"/>
    </row>
    <row r="359798" spans="8:8">
      <c r="H359798" s="12"/>
    </row>
    <row r="359799" spans="8:8">
      <c r="H359799" s="12"/>
    </row>
    <row r="359800" spans="8:8">
      <c r="H359800" s="12"/>
    </row>
    <row r="359801" spans="8:8">
      <c r="H359801" s="12"/>
    </row>
    <row r="359802" spans="8:8">
      <c r="H359802" s="12"/>
    </row>
    <row r="359803" spans="8:8">
      <c r="H359803" s="12"/>
    </row>
    <row r="359804" spans="8:8">
      <c r="H359804" s="12"/>
    </row>
    <row r="359805" spans="8:8">
      <c r="H359805" s="12"/>
    </row>
    <row r="359806" spans="8:8">
      <c r="H359806" s="12"/>
    </row>
    <row r="359807" spans="8:8">
      <c r="H359807" s="12"/>
    </row>
    <row r="359808" spans="8:8">
      <c r="H359808" s="12"/>
    </row>
    <row r="359809" spans="8:8">
      <c r="H359809" s="12"/>
    </row>
    <row r="359810" spans="8:8">
      <c r="H359810" s="12"/>
    </row>
    <row r="359811" spans="8:8">
      <c r="H359811" s="12"/>
    </row>
    <row r="359812" spans="8:8">
      <c r="H359812" s="12"/>
    </row>
    <row r="359813" spans="8:8">
      <c r="H359813" s="12"/>
    </row>
    <row r="359814" spans="8:8">
      <c r="H359814" s="12"/>
    </row>
    <row r="359815" spans="8:8">
      <c r="H359815" s="12"/>
    </row>
    <row r="359816" spans="8:8">
      <c r="H359816" s="12"/>
    </row>
    <row r="359817" spans="8:8">
      <c r="H359817" s="12"/>
    </row>
    <row r="359818" spans="8:8">
      <c r="H359818" s="12"/>
    </row>
    <row r="359819" spans="8:8">
      <c r="H359819" s="12"/>
    </row>
    <row r="359820" spans="8:8">
      <c r="H359820" s="12"/>
    </row>
    <row r="359821" spans="8:8">
      <c r="H359821" s="12"/>
    </row>
    <row r="359822" spans="8:8">
      <c r="H359822" s="12"/>
    </row>
    <row r="359823" spans="8:8">
      <c r="H359823" s="12"/>
    </row>
    <row r="359824" spans="8:8">
      <c r="H359824" s="12"/>
    </row>
    <row r="359825" spans="8:8">
      <c r="H359825" s="12"/>
    </row>
    <row r="359826" spans="8:8">
      <c r="H359826" s="12"/>
    </row>
    <row r="359827" spans="8:8">
      <c r="H359827" s="12"/>
    </row>
    <row r="359828" spans="8:8">
      <c r="H359828" s="12"/>
    </row>
    <row r="359829" spans="8:8">
      <c r="H359829" s="12"/>
    </row>
    <row r="359830" spans="8:8">
      <c r="H359830" s="12"/>
    </row>
    <row r="359831" spans="8:8">
      <c r="H359831" s="12"/>
    </row>
    <row r="359832" spans="8:8">
      <c r="H359832" s="12"/>
    </row>
    <row r="359833" spans="8:8">
      <c r="H359833" s="12"/>
    </row>
    <row r="359834" spans="8:8">
      <c r="H359834" s="12"/>
    </row>
    <row r="359835" spans="8:8">
      <c r="H359835" s="12"/>
    </row>
    <row r="359836" spans="8:8">
      <c r="H359836" s="12"/>
    </row>
    <row r="359837" spans="8:8">
      <c r="H359837" s="12"/>
    </row>
    <row r="359838" spans="8:8">
      <c r="H359838" s="12"/>
    </row>
    <row r="359839" spans="8:8">
      <c r="H359839" s="12"/>
    </row>
    <row r="359840" spans="8:8">
      <c r="H359840" s="12"/>
    </row>
    <row r="359841" spans="8:8">
      <c r="H359841" s="12"/>
    </row>
    <row r="359842" spans="8:8">
      <c r="H359842" s="12"/>
    </row>
    <row r="359843" spans="8:8">
      <c r="H359843" s="12"/>
    </row>
    <row r="359844" spans="8:8">
      <c r="H359844" s="12"/>
    </row>
    <row r="359845" spans="8:8">
      <c r="H359845" s="12"/>
    </row>
    <row r="359846" spans="8:8">
      <c r="H359846" s="12"/>
    </row>
    <row r="359847" spans="8:8">
      <c r="H359847" s="12"/>
    </row>
    <row r="359848" spans="8:8">
      <c r="H359848" s="12"/>
    </row>
    <row r="359849" spans="8:8">
      <c r="H359849" s="12"/>
    </row>
    <row r="359850" spans="8:8">
      <c r="H359850" s="12"/>
    </row>
    <row r="359851" spans="8:8">
      <c r="H359851" s="12"/>
    </row>
    <row r="359852" spans="8:8">
      <c r="H359852" s="12"/>
    </row>
    <row r="359853" spans="8:8">
      <c r="H359853" s="12"/>
    </row>
    <row r="359854" spans="8:8">
      <c r="H359854" s="12"/>
    </row>
    <row r="359855" spans="8:8">
      <c r="H359855" s="12"/>
    </row>
    <row r="359856" spans="8:8">
      <c r="H359856" s="12"/>
    </row>
    <row r="359857" spans="8:8">
      <c r="H359857" s="12"/>
    </row>
    <row r="359858" spans="8:8">
      <c r="H359858" s="12"/>
    </row>
    <row r="359859" spans="8:8">
      <c r="H359859" s="12"/>
    </row>
    <row r="359860" spans="8:8">
      <c r="H359860" s="12"/>
    </row>
    <row r="359861" spans="8:8">
      <c r="H359861" s="12"/>
    </row>
    <row r="359862" spans="8:8">
      <c r="H359862" s="12"/>
    </row>
    <row r="359863" spans="8:8">
      <c r="H359863" s="12"/>
    </row>
    <row r="359864" spans="8:8">
      <c r="H359864" s="12"/>
    </row>
    <row r="359865" spans="8:8">
      <c r="H359865" s="12"/>
    </row>
    <row r="359866" spans="8:8">
      <c r="H359866" s="12"/>
    </row>
    <row r="359867" spans="8:8">
      <c r="H359867" s="12"/>
    </row>
    <row r="359868" spans="8:8">
      <c r="H359868" s="12"/>
    </row>
    <row r="359869" spans="8:8">
      <c r="H359869" s="12"/>
    </row>
    <row r="359870" spans="8:8">
      <c r="H359870" s="12"/>
    </row>
    <row r="359871" spans="8:8">
      <c r="H359871" s="12"/>
    </row>
    <row r="359872" spans="8:8">
      <c r="H359872" s="12"/>
    </row>
    <row r="359873" spans="8:8">
      <c r="H359873" s="12"/>
    </row>
    <row r="359874" spans="8:8">
      <c r="H359874" s="12"/>
    </row>
    <row r="359875" spans="8:8">
      <c r="H359875" s="12"/>
    </row>
    <row r="359876" spans="8:8">
      <c r="H359876" s="12"/>
    </row>
    <row r="359877" spans="8:8">
      <c r="H359877" s="12"/>
    </row>
    <row r="359878" spans="8:8">
      <c r="H359878" s="12"/>
    </row>
    <row r="359879" spans="8:8">
      <c r="H359879" s="12"/>
    </row>
    <row r="359880" spans="8:8">
      <c r="H359880" s="12"/>
    </row>
    <row r="359881" spans="8:8">
      <c r="H359881" s="12"/>
    </row>
    <row r="359882" spans="8:8">
      <c r="H359882" s="12"/>
    </row>
    <row r="359883" spans="8:8">
      <c r="H359883" s="12"/>
    </row>
    <row r="359884" spans="8:8">
      <c r="H359884" s="12"/>
    </row>
    <row r="359885" spans="8:8">
      <c r="H359885" s="12"/>
    </row>
    <row r="359886" spans="8:8">
      <c r="H359886" s="12"/>
    </row>
    <row r="359887" spans="8:8">
      <c r="H359887" s="12"/>
    </row>
    <row r="359888" spans="8:8">
      <c r="H359888" s="12"/>
    </row>
    <row r="359889" spans="8:8">
      <c r="H359889" s="12"/>
    </row>
    <row r="359890" spans="8:8">
      <c r="H359890" s="12"/>
    </row>
    <row r="359891" spans="8:8">
      <c r="H359891" s="12"/>
    </row>
    <row r="359892" spans="8:8">
      <c r="H359892" s="12"/>
    </row>
    <row r="359893" spans="8:8">
      <c r="H359893" s="12"/>
    </row>
    <row r="359894" spans="8:8">
      <c r="H359894" s="12"/>
    </row>
    <row r="359895" spans="8:8">
      <c r="H359895" s="12"/>
    </row>
    <row r="359896" spans="8:8">
      <c r="H359896" s="12"/>
    </row>
    <row r="359897" spans="8:8">
      <c r="H359897" s="12"/>
    </row>
    <row r="359898" spans="8:8">
      <c r="H359898" s="12"/>
    </row>
    <row r="359899" spans="8:8">
      <c r="H359899" s="12"/>
    </row>
    <row r="359900" spans="8:8">
      <c r="H359900" s="12"/>
    </row>
    <row r="359901" spans="8:8">
      <c r="H359901" s="12"/>
    </row>
    <row r="359902" spans="8:8">
      <c r="H359902" s="12"/>
    </row>
    <row r="359903" spans="8:8">
      <c r="H359903" s="12"/>
    </row>
    <row r="359904" spans="8:8">
      <c r="H359904" s="12"/>
    </row>
    <row r="359905" spans="8:8">
      <c r="H359905" s="12"/>
    </row>
    <row r="359906" spans="8:8">
      <c r="H359906" s="12"/>
    </row>
    <row r="359907" spans="8:8">
      <c r="H359907" s="12"/>
    </row>
    <row r="359908" spans="8:8">
      <c r="H359908" s="12"/>
    </row>
    <row r="359909" spans="8:8">
      <c r="H359909" s="12"/>
    </row>
    <row r="359910" spans="8:8">
      <c r="H359910" s="12"/>
    </row>
    <row r="359911" spans="8:8">
      <c r="H359911" s="12"/>
    </row>
    <row r="359912" spans="8:8">
      <c r="H359912" s="12"/>
    </row>
    <row r="359913" spans="8:8">
      <c r="H359913" s="12"/>
    </row>
    <row r="359914" spans="8:8">
      <c r="H359914" s="12"/>
    </row>
    <row r="359915" spans="8:8">
      <c r="H359915" s="12"/>
    </row>
    <row r="359916" spans="8:8">
      <c r="H359916" s="12"/>
    </row>
    <row r="359917" spans="8:8">
      <c r="H359917" s="12"/>
    </row>
    <row r="359918" spans="8:8">
      <c r="H359918" s="12"/>
    </row>
    <row r="359919" spans="8:8">
      <c r="H359919" s="12"/>
    </row>
    <row r="359920" spans="8:8">
      <c r="H359920" s="12"/>
    </row>
    <row r="359921" spans="8:8">
      <c r="H359921" s="12"/>
    </row>
    <row r="359922" spans="8:8">
      <c r="H359922" s="12"/>
    </row>
    <row r="359923" spans="8:8">
      <c r="H359923" s="12"/>
    </row>
    <row r="359924" spans="8:8">
      <c r="H359924" s="12"/>
    </row>
    <row r="359925" spans="8:8">
      <c r="H359925" s="12"/>
    </row>
    <row r="359926" spans="8:8">
      <c r="H359926" s="12"/>
    </row>
    <row r="359927" spans="8:8">
      <c r="H359927" s="12"/>
    </row>
    <row r="359928" spans="8:8">
      <c r="H359928" s="12"/>
    </row>
    <row r="359929" spans="8:8">
      <c r="H359929" s="12"/>
    </row>
    <row r="359930" spans="8:8">
      <c r="H359930" s="12"/>
    </row>
    <row r="359931" spans="8:8">
      <c r="H359931" s="12"/>
    </row>
    <row r="359932" spans="8:8">
      <c r="H359932" s="12"/>
    </row>
    <row r="359933" spans="8:8">
      <c r="H359933" s="12"/>
    </row>
    <row r="359934" spans="8:8">
      <c r="H359934" s="12"/>
    </row>
    <row r="359935" spans="8:8">
      <c r="H359935" s="12"/>
    </row>
    <row r="359936" spans="8:8">
      <c r="H359936" s="12"/>
    </row>
    <row r="359937" spans="8:8">
      <c r="H359937" s="12"/>
    </row>
    <row r="359938" spans="8:8">
      <c r="H359938" s="12"/>
    </row>
    <row r="359939" spans="8:8">
      <c r="H359939" s="12"/>
    </row>
    <row r="359940" spans="8:8">
      <c r="H359940" s="12"/>
    </row>
    <row r="359941" spans="8:8">
      <c r="H359941" s="12"/>
    </row>
    <row r="359942" spans="8:8">
      <c r="H359942" s="12"/>
    </row>
    <row r="359943" spans="8:8">
      <c r="H359943" s="12"/>
    </row>
    <row r="359944" spans="8:8">
      <c r="H359944" s="12"/>
    </row>
    <row r="359945" spans="8:8">
      <c r="H359945" s="12"/>
    </row>
    <row r="359946" spans="8:8">
      <c r="H359946" s="12"/>
    </row>
    <row r="359947" spans="8:8">
      <c r="H359947" s="12"/>
    </row>
    <row r="359948" spans="8:8">
      <c r="H359948" s="12"/>
    </row>
    <row r="359949" spans="8:8">
      <c r="H359949" s="12"/>
    </row>
    <row r="359950" spans="8:8">
      <c r="H359950" s="12"/>
    </row>
    <row r="359951" spans="8:8">
      <c r="H359951" s="12"/>
    </row>
    <row r="359952" spans="8:8">
      <c r="H359952" s="12"/>
    </row>
    <row r="359953" spans="8:8">
      <c r="H359953" s="12"/>
    </row>
    <row r="359954" spans="8:8">
      <c r="H359954" s="12"/>
    </row>
    <row r="359955" spans="8:8">
      <c r="H359955" s="12"/>
    </row>
    <row r="359956" spans="8:8">
      <c r="H359956" s="12"/>
    </row>
    <row r="359957" spans="8:8">
      <c r="H359957" s="12"/>
    </row>
    <row r="359958" spans="8:8">
      <c r="H359958" s="12"/>
    </row>
    <row r="359959" spans="8:8">
      <c r="H359959" s="12"/>
    </row>
    <row r="359960" spans="8:8">
      <c r="H359960" s="12"/>
    </row>
    <row r="359961" spans="8:8">
      <c r="H359961" s="12"/>
    </row>
    <row r="359962" spans="8:8">
      <c r="H359962" s="12"/>
    </row>
    <row r="359963" spans="8:8">
      <c r="H359963" s="12"/>
    </row>
    <row r="359964" spans="8:8">
      <c r="H359964" s="12"/>
    </row>
    <row r="359965" spans="8:8">
      <c r="H359965" s="12"/>
    </row>
    <row r="359966" spans="8:8">
      <c r="H359966" s="12"/>
    </row>
    <row r="359967" spans="8:8">
      <c r="H359967" s="12"/>
    </row>
    <row r="359968" spans="8:8">
      <c r="H359968" s="12"/>
    </row>
    <row r="359969" spans="8:8">
      <c r="H359969" s="12"/>
    </row>
    <row r="359970" spans="8:8">
      <c r="H359970" s="12"/>
    </row>
    <row r="359971" spans="8:8">
      <c r="H359971" s="12"/>
    </row>
    <row r="359972" spans="8:8">
      <c r="H359972" s="12"/>
    </row>
    <row r="359973" spans="8:8">
      <c r="H359973" s="12"/>
    </row>
    <row r="359974" spans="8:8">
      <c r="H359974" s="12"/>
    </row>
    <row r="359975" spans="8:8">
      <c r="H359975" s="12"/>
    </row>
    <row r="359976" spans="8:8">
      <c r="H359976" s="12"/>
    </row>
    <row r="359977" spans="8:8">
      <c r="H359977" s="12"/>
    </row>
    <row r="359978" spans="8:8">
      <c r="H359978" s="12"/>
    </row>
    <row r="359979" spans="8:8">
      <c r="H359979" s="12"/>
    </row>
    <row r="359980" spans="8:8">
      <c r="H359980" s="12"/>
    </row>
    <row r="359981" spans="8:8">
      <c r="H359981" s="12"/>
    </row>
    <row r="359982" spans="8:8">
      <c r="H359982" s="12"/>
    </row>
    <row r="359983" spans="8:8">
      <c r="H359983" s="12"/>
    </row>
    <row r="359984" spans="8:8">
      <c r="H359984" s="12"/>
    </row>
    <row r="359985" spans="8:8">
      <c r="H359985" s="12"/>
    </row>
    <row r="359986" spans="8:8">
      <c r="H359986" s="12"/>
    </row>
    <row r="359987" spans="8:8">
      <c r="H359987" s="12"/>
    </row>
    <row r="359988" spans="8:8">
      <c r="H359988" s="12"/>
    </row>
    <row r="359989" spans="8:8">
      <c r="H359989" s="12"/>
    </row>
    <row r="359990" spans="8:8">
      <c r="H359990" s="12"/>
    </row>
    <row r="359991" spans="8:8">
      <c r="H359991" s="12"/>
    </row>
    <row r="359992" spans="8:8">
      <c r="H359992" s="12"/>
    </row>
    <row r="359993" spans="8:8">
      <c r="H359993" s="12"/>
    </row>
    <row r="359994" spans="8:8">
      <c r="H359994" s="12"/>
    </row>
    <row r="359995" spans="8:8">
      <c r="H359995" s="12"/>
    </row>
    <row r="359996" spans="8:8">
      <c r="H359996" s="12"/>
    </row>
    <row r="359997" spans="8:8">
      <c r="H359997" s="12"/>
    </row>
    <row r="359998" spans="8:8">
      <c r="H359998" s="12"/>
    </row>
    <row r="359999" spans="8:8">
      <c r="H359999" s="12"/>
    </row>
    <row r="360000" spans="8:8">
      <c r="H360000" s="12"/>
    </row>
    <row r="360001" spans="8:8">
      <c r="H360001" s="12"/>
    </row>
    <row r="360002" spans="8:8">
      <c r="H360002" s="12"/>
    </row>
    <row r="360003" spans="8:8">
      <c r="H360003" s="12"/>
    </row>
    <row r="360004" spans="8:8">
      <c r="H360004" s="12"/>
    </row>
    <row r="360005" spans="8:8">
      <c r="H360005" s="12"/>
    </row>
    <row r="360006" spans="8:8">
      <c r="H360006" s="12"/>
    </row>
    <row r="360007" spans="8:8">
      <c r="H360007" s="12"/>
    </row>
    <row r="360008" spans="8:8">
      <c r="H360008" s="12"/>
    </row>
    <row r="360009" spans="8:8">
      <c r="H360009" s="12"/>
    </row>
    <row r="360010" spans="8:8">
      <c r="H360010" s="12"/>
    </row>
    <row r="360011" spans="8:8">
      <c r="H360011" s="12"/>
    </row>
    <row r="360012" spans="8:8">
      <c r="H360012" s="12"/>
    </row>
    <row r="360013" spans="8:8">
      <c r="H360013" s="12"/>
    </row>
    <row r="360014" spans="8:8">
      <c r="H360014" s="12"/>
    </row>
    <row r="360015" spans="8:8">
      <c r="H360015" s="12"/>
    </row>
    <row r="360016" spans="8:8">
      <c r="H360016" s="12"/>
    </row>
    <row r="360017" spans="8:8">
      <c r="H360017" s="12"/>
    </row>
    <row r="360018" spans="8:8">
      <c r="H360018" s="12"/>
    </row>
    <row r="360019" spans="8:8">
      <c r="H360019" s="12"/>
    </row>
    <row r="360020" spans="8:8">
      <c r="H360020" s="12"/>
    </row>
    <row r="360021" spans="8:8">
      <c r="H360021" s="12"/>
    </row>
    <row r="360022" spans="8:8">
      <c r="H360022" s="12"/>
    </row>
    <row r="360023" spans="8:8">
      <c r="H360023" s="12"/>
    </row>
    <row r="360024" spans="8:8">
      <c r="H360024" s="12"/>
    </row>
    <row r="360025" spans="8:8">
      <c r="H360025" s="12"/>
    </row>
    <row r="360026" spans="8:8">
      <c r="H360026" s="12"/>
    </row>
    <row r="360027" spans="8:8">
      <c r="H360027" s="12"/>
    </row>
    <row r="360028" spans="8:8">
      <c r="H360028" s="12"/>
    </row>
    <row r="360029" spans="8:8">
      <c r="H360029" s="12"/>
    </row>
    <row r="360030" spans="8:8">
      <c r="H360030" s="12"/>
    </row>
    <row r="360031" spans="8:8">
      <c r="H360031" s="12"/>
    </row>
    <row r="360032" spans="8:8">
      <c r="H360032" s="12"/>
    </row>
    <row r="360033" spans="8:8">
      <c r="H360033" s="12"/>
    </row>
    <row r="360034" spans="8:8">
      <c r="H360034" s="12"/>
    </row>
    <row r="360035" spans="8:8">
      <c r="H360035" s="12"/>
    </row>
    <row r="360036" spans="8:8">
      <c r="H360036" s="12"/>
    </row>
    <row r="360037" spans="8:8">
      <c r="H360037" s="12"/>
    </row>
    <row r="360038" spans="8:8">
      <c r="H360038" s="12"/>
    </row>
    <row r="360039" spans="8:8">
      <c r="H360039" s="12"/>
    </row>
    <row r="360040" spans="8:8">
      <c r="H360040" s="12"/>
    </row>
    <row r="360041" spans="8:8">
      <c r="H360041" s="12"/>
    </row>
    <row r="360042" spans="8:8">
      <c r="H360042" s="12"/>
    </row>
    <row r="360043" spans="8:8">
      <c r="H360043" s="12"/>
    </row>
    <row r="360044" spans="8:8">
      <c r="H360044" s="12"/>
    </row>
    <row r="360045" spans="8:8">
      <c r="H360045" s="12"/>
    </row>
    <row r="360046" spans="8:8">
      <c r="H360046" s="12"/>
    </row>
    <row r="360047" spans="8:8">
      <c r="H360047" s="12"/>
    </row>
    <row r="360048" spans="8:8">
      <c r="H360048" s="12"/>
    </row>
    <row r="360049" spans="8:8">
      <c r="H360049" s="12"/>
    </row>
    <row r="360050" spans="8:8">
      <c r="H360050" s="12"/>
    </row>
    <row r="360051" spans="8:8">
      <c r="H360051" s="12"/>
    </row>
    <row r="360052" spans="8:8">
      <c r="H360052" s="12"/>
    </row>
    <row r="360053" spans="8:8">
      <c r="H360053" s="12"/>
    </row>
    <row r="360054" spans="8:8">
      <c r="H360054" s="12"/>
    </row>
    <row r="360055" spans="8:8">
      <c r="H360055" s="12"/>
    </row>
    <row r="360056" spans="8:8">
      <c r="H360056" s="12"/>
    </row>
    <row r="360057" spans="8:8">
      <c r="H360057" s="12"/>
    </row>
    <row r="360058" spans="8:8">
      <c r="H360058" s="12"/>
    </row>
    <row r="360059" spans="8:8">
      <c r="H360059" s="12"/>
    </row>
    <row r="360060" spans="8:8">
      <c r="H360060" s="12"/>
    </row>
    <row r="360061" spans="8:8">
      <c r="H360061" s="12"/>
    </row>
    <row r="360062" spans="8:8">
      <c r="H360062" s="12"/>
    </row>
    <row r="360063" spans="8:8">
      <c r="H360063" s="12"/>
    </row>
    <row r="360064" spans="8:8">
      <c r="H360064" s="12"/>
    </row>
    <row r="360065" spans="8:8">
      <c r="H360065" s="12"/>
    </row>
    <row r="360066" spans="8:8">
      <c r="H360066" s="12"/>
    </row>
    <row r="360067" spans="8:8">
      <c r="H360067" s="12"/>
    </row>
    <row r="360068" spans="8:8">
      <c r="H360068" s="12"/>
    </row>
    <row r="360069" spans="8:8">
      <c r="H360069" s="12"/>
    </row>
    <row r="360070" spans="8:8">
      <c r="H360070" s="12"/>
    </row>
    <row r="360071" spans="8:8">
      <c r="H360071" s="12"/>
    </row>
    <row r="360072" spans="8:8">
      <c r="H360072" s="12"/>
    </row>
    <row r="360073" spans="8:8">
      <c r="H360073" s="12"/>
    </row>
    <row r="360074" spans="8:8">
      <c r="H360074" s="12"/>
    </row>
    <row r="360075" spans="8:8">
      <c r="H360075" s="12"/>
    </row>
    <row r="360076" spans="8:8">
      <c r="H360076" s="12"/>
    </row>
    <row r="360077" spans="8:8">
      <c r="H360077" s="12"/>
    </row>
    <row r="360078" spans="8:8">
      <c r="H360078" s="12"/>
    </row>
    <row r="360079" spans="8:8">
      <c r="H360079" s="12"/>
    </row>
    <row r="360080" spans="8:8">
      <c r="H360080" s="12"/>
    </row>
    <row r="360081" spans="8:8">
      <c r="H360081" s="12"/>
    </row>
    <row r="360082" spans="8:8">
      <c r="H360082" s="12"/>
    </row>
    <row r="360083" spans="8:8">
      <c r="H360083" s="12"/>
    </row>
    <row r="360084" spans="8:8">
      <c r="H360084" s="12"/>
    </row>
    <row r="360085" spans="8:8">
      <c r="H360085" s="12"/>
    </row>
    <row r="360086" spans="8:8">
      <c r="H360086" s="12"/>
    </row>
    <row r="360087" spans="8:8">
      <c r="H360087" s="12"/>
    </row>
    <row r="360088" spans="8:8">
      <c r="H360088" s="12"/>
    </row>
    <row r="360089" spans="8:8">
      <c r="H360089" s="12"/>
    </row>
    <row r="360090" spans="8:8">
      <c r="H360090" s="12"/>
    </row>
    <row r="360091" spans="8:8">
      <c r="H360091" s="12"/>
    </row>
    <row r="360092" spans="8:8">
      <c r="H360092" s="12"/>
    </row>
    <row r="360093" spans="8:8">
      <c r="H360093" s="12"/>
    </row>
    <row r="360094" spans="8:8">
      <c r="H360094" s="12"/>
    </row>
    <row r="360095" spans="8:8">
      <c r="H360095" s="12"/>
    </row>
    <row r="360096" spans="8:8">
      <c r="H360096" s="12"/>
    </row>
    <row r="360097" spans="8:8">
      <c r="H360097" s="12"/>
    </row>
    <row r="360098" spans="8:8">
      <c r="H360098" s="12"/>
    </row>
    <row r="360099" spans="8:8">
      <c r="H360099" s="12"/>
    </row>
    <row r="360100" spans="8:8">
      <c r="H360100" s="12"/>
    </row>
    <row r="360101" spans="8:8">
      <c r="H360101" s="12"/>
    </row>
    <row r="360102" spans="8:8">
      <c r="H360102" s="12"/>
    </row>
    <row r="360103" spans="8:8">
      <c r="H360103" s="12"/>
    </row>
    <row r="360104" spans="8:8">
      <c r="H360104" s="12"/>
    </row>
    <row r="360105" spans="8:8">
      <c r="H360105" s="12"/>
    </row>
    <row r="360106" spans="8:8">
      <c r="H360106" s="12"/>
    </row>
    <row r="360107" spans="8:8">
      <c r="H360107" s="12"/>
    </row>
    <row r="360108" spans="8:8">
      <c r="H360108" s="12"/>
    </row>
    <row r="360109" spans="8:8">
      <c r="H360109" s="12"/>
    </row>
    <row r="360110" spans="8:8">
      <c r="H360110" s="12"/>
    </row>
    <row r="360111" spans="8:8">
      <c r="H360111" s="12"/>
    </row>
    <row r="360112" spans="8:8">
      <c r="H360112" s="12"/>
    </row>
    <row r="360113" spans="8:8">
      <c r="H360113" s="12"/>
    </row>
    <row r="360114" spans="8:8">
      <c r="H360114" s="12"/>
    </row>
    <row r="360115" spans="8:8">
      <c r="H360115" s="12"/>
    </row>
    <row r="360116" spans="8:8">
      <c r="H360116" s="12"/>
    </row>
    <row r="360117" spans="8:8">
      <c r="H360117" s="12"/>
    </row>
    <row r="360118" spans="8:8">
      <c r="H360118" s="12"/>
    </row>
    <row r="360119" spans="8:8">
      <c r="H360119" s="12"/>
    </row>
    <row r="360120" spans="8:8">
      <c r="H360120" s="12"/>
    </row>
    <row r="360121" spans="8:8">
      <c r="H360121" s="12"/>
    </row>
    <row r="360122" spans="8:8">
      <c r="H360122" s="12"/>
    </row>
    <row r="360123" spans="8:8">
      <c r="H360123" s="12"/>
    </row>
    <row r="360124" spans="8:8">
      <c r="H360124" s="12"/>
    </row>
    <row r="360125" spans="8:8">
      <c r="H360125" s="12"/>
    </row>
    <row r="360126" spans="8:8">
      <c r="H360126" s="12"/>
    </row>
    <row r="360127" spans="8:8">
      <c r="H360127" s="12"/>
    </row>
    <row r="360128" spans="8:8">
      <c r="H360128" s="12"/>
    </row>
    <row r="360129" spans="8:8">
      <c r="H360129" s="12"/>
    </row>
    <row r="360130" spans="8:8">
      <c r="H360130" s="12"/>
    </row>
    <row r="360131" spans="8:8">
      <c r="H360131" s="12"/>
    </row>
    <row r="360132" spans="8:8">
      <c r="H360132" s="12"/>
    </row>
    <row r="360133" spans="8:8">
      <c r="H360133" s="12"/>
    </row>
    <row r="360134" spans="8:8">
      <c r="H360134" s="12"/>
    </row>
    <row r="360135" spans="8:8">
      <c r="H360135" s="12"/>
    </row>
    <row r="360136" spans="8:8">
      <c r="H360136" s="12"/>
    </row>
    <row r="360137" spans="8:8">
      <c r="H360137" s="12"/>
    </row>
    <row r="360138" spans="8:8">
      <c r="H360138" s="12"/>
    </row>
    <row r="360139" spans="8:8">
      <c r="H360139" s="12"/>
    </row>
    <row r="360140" spans="8:8">
      <c r="H360140" s="12"/>
    </row>
    <row r="360141" spans="8:8">
      <c r="H360141" s="12"/>
    </row>
    <row r="360142" spans="8:8">
      <c r="H360142" s="12"/>
    </row>
    <row r="360143" spans="8:8">
      <c r="H360143" s="12"/>
    </row>
    <row r="360144" spans="8:8">
      <c r="H360144" s="12"/>
    </row>
    <row r="360145" spans="8:8">
      <c r="H360145" s="12"/>
    </row>
    <row r="360146" spans="8:8">
      <c r="H360146" s="12"/>
    </row>
    <row r="360147" spans="8:8">
      <c r="H360147" s="12"/>
    </row>
    <row r="360148" spans="8:8">
      <c r="H360148" s="12"/>
    </row>
    <row r="360149" spans="8:8">
      <c r="H360149" s="12"/>
    </row>
    <row r="360150" spans="8:8">
      <c r="H360150" s="12"/>
    </row>
    <row r="360151" spans="8:8">
      <c r="H360151" s="12"/>
    </row>
    <row r="360152" spans="8:8">
      <c r="H360152" s="12"/>
    </row>
    <row r="360153" spans="8:8">
      <c r="H360153" s="12"/>
    </row>
    <row r="360154" spans="8:8">
      <c r="H360154" s="12"/>
    </row>
    <row r="360155" spans="8:8">
      <c r="H360155" s="12"/>
    </row>
    <row r="360156" spans="8:8">
      <c r="H360156" s="12"/>
    </row>
    <row r="360157" spans="8:8">
      <c r="H360157" s="12"/>
    </row>
    <row r="360158" spans="8:8">
      <c r="H360158" s="12"/>
    </row>
    <row r="360159" spans="8:8">
      <c r="H360159" s="12"/>
    </row>
    <row r="360160" spans="8:8">
      <c r="H360160" s="12"/>
    </row>
    <row r="360161" spans="8:8">
      <c r="H360161" s="12"/>
    </row>
    <row r="360162" spans="8:8">
      <c r="H360162" s="12"/>
    </row>
    <row r="360163" spans="8:8">
      <c r="H360163" s="12"/>
    </row>
    <row r="360164" spans="8:8">
      <c r="H360164" s="12"/>
    </row>
    <row r="360165" spans="8:8">
      <c r="H360165" s="12"/>
    </row>
    <row r="360166" spans="8:8">
      <c r="H360166" s="12"/>
    </row>
    <row r="360167" spans="8:8">
      <c r="H360167" s="12"/>
    </row>
    <row r="360168" spans="8:8">
      <c r="H360168" s="12"/>
    </row>
    <row r="360169" spans="8:8">
      <c r="H360169" s="12"/>
    </row>
    <row r="360170" spans="8:8">
      <c r="H360170" s="12"/>
    </row>
    <row r="360171" spans="8:8">
      <c r="H360171" s="12"/>
    </row>
    <row r="360172" spans="8:8">
      <c r="H360172" s="12"/>
    </row>
    <row r="360173" spans="8:8">
      <c r="H360173" s="12"/>
    </row>
    <row r="360174" spans="8:8">
      <c r="H360174" s="12"/>
    </row>
    <row r="360175" spans="8:8">
      <c r="H360175" s="12"/>
    </row>
    <row r="360176" spans="8:8">
      <c r="H360176" s="12"/>
    </row>
    <row r="360177" spans="8:8">
      <c r="H360177" s="12"/>
    </row>
    <row r="360178" spans="8:8">
      <c r="H360178" s="12"/>
    </row>
    <row r="360179" spans="8:8">
      <c r="H360179" s="12"/>
    </row>
    <row r="360180" spans="8:8">
      <c r="H360180" s="12"/>
    </row>
    <row r="360181" spans="8:8">
      <c r="H360181" s="12"/>
    </row>
    <row r="360182" spans="8:8">
      <c r="H360182" s="12"/>
    </row>
    <row r="360183" spans="8:8">
      <c r="H360183" s="12"/>
    </row>
    <row r="360184" spans="8:8">
      <c r="H360184" s="12"/>
    </row>
    <row r="360185" spans="8:8">
      <c r="H360185" s="12"/>
    </row>
    <row r="360186" spans="8:8">
      <c r="H360186" s="12"/>
    </row>
    <row r="360187" spans="8:8">
      <c r="H360187" s="12"/>
    </row>
    <row r="360188" spans="8:8">
      <c r="H360188" s="12"/>
    </row>
    <row r="360189" spans="8:8">
      <c r="H360189" s="12"/>
    </row>
    <row r="360190" spans="8:8">
      <c r="H360190" s="12"/>
    </row>
    <row r="360191" spans="8:8">
      <c r="H360191" s="12"/>
    </row>
    <row r="360192" spans="8:8">
      <c r="H360192" s="12"/>
    </row>
    <row r="360193" spans="8:8">
      <c r="H360193" s="12"/>
    </row>
    <row r="360194" spans="8:8">
      <c r="H360194" s="12"/>
    </row>
    <row r="360195" spans="8:8">
      <c r="H360195" s="12"/>
    </row>
    <row r="360196" spans="8:8">
      <c r="H360196" s="12"/>
    </row>
    <row r="360197" spans="8:8">
      <c r="H360197" s="12"/>
    </row>
    <row r="360198" spans="8:8">
      <c r="H360198" s="12"/>
    </row>
    <row r="360199" spans="8:8">
      <c r="H360199" s="12"/>
    </row>
    <row r="360200" spans="8:8">
      <c r="H360200" s="12"/>
    </row>
    <row r="360201" spans="8:8">
      <c r="H360201" s="12"/>
    </row>
    <row r="360202" spans="8:8">
      <c r="H360202" s="12"/>
    </row>
    <row r="360203" spans="8:8">
      <c r="H360203" s="12"/>
    </row>
    <row r="360204" spans="8:8">
      <c r="H360204" s="12"/>
    </row>
    <row r="360205" spans="8:8">
      <c r="H360205" s="12"/>
    </row>
    <row r="360206" spans="8:8">
      <c r="H360206" s="12"/>
    </row>
    <row r="360207" spans="8:8">
      <c r="H360207" s="12"/>
    </row>
    <row r="360208" spans="8:8">
      <c r="H360208" s="12"/>
    </row>
    <row r="360209" spans="8:8">
      <c r="H360209" s="12"/>
    </row>
    <row r="360210" spans="8:8">
      <c r="H360210" s="12"/>
    </row>
    <row r="360211" spans="8:8">
      <c r="H360211" s="12"/>
    </row>
    <row r="360212" spans="8:8">
      <c r="H360212" s="12"/>
    </row>
    <row r="360213" spans="8:8">
      <c r="H360213" s="12"/>
    </row>
    <row r="360214" spans="8:8">
      <c r="H360214" s="12"/>
    </row>
    <row r="360215" spans="8:8">
      <c r="H360215" s="12"/>
    </row>
    <row r="360216" spans="8:8">
      <c r="H360216" s="12"/>
    </row>
    <row r="360217" spans="8:8">
      <c r="H360217" s="12"/>
    </row>
    <row r="360218" spans="8:8">
      <c r="H360218" s="12"/>
    </row>
    <row r="360219" spans="8:8">
      <c r="H360219" s="12"/>
    </row>
    <row r="360220" spans="8:8">
      <c r="H360220" s="12"/>
    </row>
    <row r="360221" spans="8:8">
      <c r="H360221" s="12"/>
    </row>
    <row r="360222" spans="8:8">
      <c r="H360222" s="12"/>
    </row>
    <row r="360223" spans="8:8">
      <c r="H360223" s="12"/>
    </row>
    <row r="360224" spans="8:8">
      <c r="H360224" s="12"/>
    </row>
    <row r="360225" spans="8:8">
      <c r="H360225" s="12"/>
    </row>
    <row r="360226" spans="8:8">
      <c r="H360226" s="12"/>
    </row>
    <row r="360227" spans="8:8">
      <c r="H360227" s="12"/>
    </row>
    <row r="360228" spans="8:8">
      <c r="H360228" s="12"/>
    </row>
    <row r="360229" spans="8:8">
      <c r="H360229" s="12"/>
    </row>
    <row r="360230" spans="8:8">
      <c r="H360230" s="12"/>
    </row>
    <row r="360231" spans="8:8">
      <c r="H360231" s="12"/>
    </row>
    <row r="360232" spans="8:8">
      <c r="H360232" s="12"/>
    </row>
    <row r="360233" spans="8:8">
      <c r="H360233" s="12"/>
    </row>
    <row r="360234" spans="8:8">
      <c r="H360234" s="12"/>
    </row>
    <row r="360235" spans="8:8">
      <c r="H360235" s="12"/>
    </row>
    <row r="360236" spans="8:8">
      <c r="H360236" s="12"/>
    </row>
    <row r="360237" spans="8:8">
      <c r="H360237" s="12"/>
    </row>
    <row r="360238" spans="8:8">
      <c r="H360238" s="12"/>
    </row>
    <row r="360239" spans="8:8">
      <c r="H360239" s="12"/>
    </row>
    <row r="360240" spans="8:8">
      <c r="H360240" s="12"/>
    </row>
    <row r="360241" spans="8:8">
      <c r="H360241" s="12"/>
    </row>
    <row r="360242" spans="8:8">
      <c r="H360242" s="12"/>
    </row>
    <row r="360243" spans="8:8">
      <c r="H360243" s="12"/>
    </row>
    <row r="360244" spans="8:8">
      <c r="H360244" s="12"/>
    </row>
    <row r="360245" spans="8:8">
      <c r="H360245" s="12"/>
    </row>
    <row r="360246" spans="8:8">
      <c r="H360246" s="12"/>
    </row>
    <row r="360247" spans="8:8">
      <c r="H360247" s="12"/>
    </row>
    <row r="360248" spans="8:8">
      <c r="H360248" s="12"/>
    </row>
    <row r="360249" spans="8:8">
      <c r="H360249" s="12"/>
    </row>
    <row r="360250" spans="8:8">
      <c r="H360250" s="12"/>
    </row>
    <row r="360251" spans="8:8">
      <c r="H360251" s="12"/>
    </row>
    <row r="360252" spans="8:8">
      <c r="H360252" s="12"/>
    </row>
    <row r="360253" spans="8:8">
      <c r="H360253" s="12"/>
    </row>
    <row r="360254" spans="8:8">
      <c r="H360254" s="12"/>
    </row>
    <row r="360255" spans="8:8">
      <c r="H360255" s="12"/>
    </row>
    <row r="360256" spans="8:8">
      <c r="H360256" s="12"/>
    </row>
    <row r="360257" spans="8:8">
      <c r="H360257" s="12"/>
    </row>
    <row r="360258" spans="8:8">
      <c r="H360258" s="12"/>
    </row>
    <row r="360259" spans="8:8">
      <c r="H360259" s="12"/>
    </row>
    <row r="360260" spans="8:8">
      <c r="H360260" s="12"/>
    </row>
    <row r="360261" spans="8:8">
      <c r="H360261" s="12"/>
    </row>
    <row r="360262" spans="8:8">
      <c r="H360262" s="12"/>
    </row>
    <row r="360263" spans="8:8">
      <c r="H360263" s="12"/>
    </row>
    <row r="360264" spans="8:8">
      <c r="H360264" s="12"/>
    </row>
    <row r="360265" spans="8:8">
      <c r="H360265" s="12"/>
    </row>
    <row r="360266" spans="8:8">
      <c r="H360266" s="12"/>
    </row>
    <row r="360267" spans="8:8">
      <c r="H360267" s="12"/>
    </row>
    <row r="360268" spans="8:8">
      <c r="H360268" s="12"/>
    </row>
    <row r="360269" spans="8:8">
      <c r="H360269" s="12"/>
    </row>
    <row r="360270" spans="8:8">
      <c r="H360270" s="12"/>
    </row>
    <row r="360271" spans="8:8">
      <c r="H360271" s="12"/>
    </row>
    <row r="360272" spans="8:8">
      <c r="H360272" s="12"/>
    </row>
    <row r="360273" spans="8:8">
      <c r="H360273" s="12"/>
    </row>
    <row r="360274" spans="8:8">
      <c r="H360274" s="12"/>
    </row>
    <row r="360275" spans="8:8">
      <c r="H360275" s="12"/>
    </row>
    <row r="360276" spans="8:8">
      <c r="H360276" s="12"/>
    </row>
    <row r="360277" spans="8:8">
      <c r="H360277" s="12"/>
    </row>
    <row r="360278" spans="8:8">
      <c r="H360278" s="12"/>
    </row>
    <row r="360279" spans="8:8">
      <c r="H360279" s="12"/>
    </row>
    <row r="360280" spans="8:8">
      <c r="H360280" s="12"/>
    </row>
    <row r="360281" spans="8:8">
      <c r="H360281" s="12"/>
    </row>
    <row r="360282" spans="8:8">
      <c r="H360282" s="12"/>
    </row>
    <row r="360283" spans="8:8">
      <c r="H360283" s="12"/>
    </row>
    <row r="360284" spans="8:8">
      <c r="H360284" s="12"/>
    </row>
    <row r="360285" spans="8:8">
      <c r="H360285" s="12"/>
    </row>
    <row r="360286" spans="8:8">
      <c r="H360286" s="12"/>
    </row>
    <row r="360287" spans="8:8">
      <c r="H360287" s="12"/>
    </row>
    <row r="360288" spans="8:8">
      <c r="H360288" s="12"/>
    </row>
    <row r="360289" spans="8:8">
      <c r="H360289" s="12"/>
    </row>
    <row r="360290" spans="8:8">
      <c r="H360290" s="12"/>
    </row>
    <row r="360291" spans="8:8">
      <c r="H360291" s="12"/>
    </row>
    <row r="360292" spans="8:8">
      <c r="H360292" s="12"/>
    </row>
    <row r="360293" spans="8:8">
      <c r="H360293" s="12"/>
    </row>
    <row r="360294" spans="8:8">
      <c r="H360294" s="12"/>
    </row>
    <row r="360295" spans="8:8">
      <c r="H360295" s="12"/>
    </row>
    <row r="360296" spans="8:8">
      <c r="H360296" s="12"/>
    </row>
    <row r="360297" spans="8:8">
      <c r="H360297" s="12"/>
    </row>
    <row r="360298" spans="8:8">
      <c r="H360298" s="12"/>
    </row>
    <row r="360299" spans="8:8">
      <c r="H360299" s="12"/>
    </row>
    <row r="360300" spans="8:8">
      <c r="H360300" s="12"/>
    </row>
    <row r="360301" spans="8:8">
      <c r="H360301" s="12"/>
    </row>
    <row r="360302" spans="8:8">
      <c r="H360302" s="12"/>
    </row>
    <row r="360303" spans="8:8">
      <c r="H360303" s="12"/>
    </row>
    <row r="360304" spans="8:8">
      <c r="H360304" s="12"/>
    </row>
    <row r="360305" spans="8:8">
      <c r="H360305" s="12"/>
    </row>
    <row r="360306" spans="8:8">
      <c r="H360306" s="12"/>
    </row>
    <row r="360307" spans="8:8">
      <c r="H360307" s="12"/>
    </row>
    <row r="360308" spans="8:8">
      <c r="H360308" s="12"/>
    </row>
    <row r="360309" spans="8:8">
      <c r="H360309" s="12"/>
    </row>
    <row r="360310" spans="8:8">
      <c r="H360310" s="12"/>
    </row>
    <row r="360311" spans="8:8">
      <c r="H360311" s="12"/>
    </row>
    <row r="360312" spans="8:8">
      <c r="H360312" s="12"/>
    </row>
    <row r="360313" spans="8:8">
      <c r="H360313" s="12"/>
    </row>
    <row r="360314" spans="8:8">
      <c r="H360314" s="12"/>
    </row>
    <row r="360315" spans="8:8">
      <c r="H360315" s="12"/>
    </row>
    <row r="360316" spans="8:8">
      <c r="H360316" s="12"/>
    </row>
    <row r="360317" spans="8:8">
      <c r="H360317" s="12"/>
    </row>
    <row r="360318" spans="8:8">
      <c r="H360318" s="12"/>
    </row>
    <row r="360319" spans="8:8">
      <c r="H360319" s="12"/>
    </row>
    <row r="360320" spans="8:8">
      <c r="H360320" s="12"/>
    </row>
    <row r="360321" spans="8:8">
      <c r="H360321" s="12"/>
    </row>
    <row r="360322" spans="8:8">
      <c r="H360322" s="12"/>
    </row>
    <row r="360323" spans="8:8">
      <c r="H360323" s="12"/>
    </row>
    <row r="360324" spans="8:8">
      <c r="H360324" s="12"/>
    </row>
    <row r="360325" spans="8:8">
      <c r="H360325" s="12"/>
    </row>
    <row r="360326" spans="8:8">
      <c r="H360326" s="12"/>
    </row>
    <row r="360327" spans="8:8">
      <c r="H360327" s="12"/>
    </row>
    <row r="360328" spans="8:8">
      <c r="H360328" s="12"/>
    </row>
    <row r="360329" spans="8:8">
      <c r="H360329" s="12"/>
    </row>
    <row r="360330" spans="8:8">
      <c r="H360330" s="12"/>
    </row>
    <row r="360331" spans="8:8">
      <c r="H360331" s="12"/>
    </row>
    <row r="360332" spans="8:8">
      <c r="H360332" s="12"/>
    </row>
    <row r="360333" spans="8:8">
      <c r="H360333" s="12"/>
    </row>
    <row r="360334" spans="8:8">
      <c r="H360334" s="12"/>
    </row>
    <row r="360335" spans="8:8">
      <c r="H360335" s="12"/>
    </row>
    <row r="360336" spans="8:8">
      <c r="H360336" s="12"/>
    </row>
    <row r="360337" spans="8:8">
      <c r="H360337" s="12"/>
    </row>
    <row r="360338" spans="8:8">
      <c r="H360338" s="12"/>
    </row>
    <row r="360339" spans="8:8">
      <c r="H360339" s="12"/>
    </row>
    <row r="360340" spans="8:8">
      <c r="H360340" s="12"/>
    </row>
    <row r="360341" spans="8:8">
      <c r="H360341" s="12"/>
    </row>
    <row r="360342" spans="8:8">
      <c r="H360342" s="12"/>
    </row>
    <row r="360343" spans="8:8">
      <c r="H360343" s="12"/>
    </row>
    <row r="360344" spans="8:8">
      <c r="H360344" s="12"/>
    </row>
    <row r="360345" spans="8:8">
      <c r="H360345" s="12"/>
    </row>
    <row r="360346" spans="8:8">
      <c r="H360346" s="12"/>
    </row>
    <row r="360347" spans="8:8">
      <c r="H360347" s="12"/>
    </row>
    <row r="360348" spans="8:8">
      <c r="H360348" s="12"/>
    </row>
    <row r="360349" spans="8:8">
      <c r="H360349" s="12"/>
    </row>
    <row r="360350" spans="8:8">
      <c r="H360350" s="12"/>
    </row>
    <row r="360351" spans="8:8">
      <c r="H360351" s="12"/>
    </row>
    <row r="360352" spans="8:8">
      <c r="H360352" s="12"/>
    </row>
    <row r="360353" spans="8:8">
      <c r="H360353" s="12"/>
    </row>
    <row r="360354" spans="8:8">
      <c r="H360354" s="12"/>
    </row>
    <row r="360355" spans="8:8">
      <c r="H360355" s="12"/>
    </row>
    <row r="360356" spans="8:8">
      <c r="H360356" s="12"/>
    </row>
    <row r="360357" spans="8:8">
      <c r="H360357" s="12"/>
    </row>
    <row r="360358" spans="8:8">
      <c r="H360358" s="12"/>
    </row>
    <row r="360359" spans="8:8">
      <c r="H360359" s="12"/>
    </row>
    <row r="360360" spans="8:8">
      <c r="H360360" s="12"/>
    </row>
    <row r="360361" spans="8:8">
      <c r="H360361" s="12"/>
    </row>
    <row r="360362" spans="8:8">
      <c r="H360362" s="12"/>
    </row>
    <row r="360363" spans="8:8">
      <c r="H360363" s="12"/>
    </row>
    <row r="360364" spans="8:8">
      <c r="H360364" s="12"/>
    </row>
    <row r="360365" spans="8:8">
      <c r="H360365" s="12"/>
    </row>
    <row r="360366" spans="8:8">
      <c r="H360366" s="12"/>
    </row>
    <row r="360367" spans="8:8">
      <c r="H360367" s="12"/>
    </row>
    <row r="360368" spans="8:8">
      <c r="H360368" s="12"/>
    </row>
    <row r="360369" spans="8:8">
      <c r="H360369" s="12"/>
    </row>
    <row r="360370" spans="8:8">
      <c r="H360370" s="12"/>
    </row>
    <row r="360371" spans="8:8">
      <c r="H360371" s="12"/>
    </row>
    <row r="360372" spans="8:8">
      <c r="H360372" s="12"/>
    </row>
    <row r="360373" spans="8:8">
      <c r="H360373" s="12"/>
    </row>
    <row r="360374" spans="8:8">
      <c r="H360374" s="12"/>
    </row>
    <row r="360375" spans="8:8">
      <c r="H360375" s="12"/>
    </row>
    <row r="360376" spans="8:8">
      <c r="H360376" s="12"/>
    </row>
    <row r="360377" spans="8:8">
      <c r="H360377" s="12"/>
    </row>
    <row r="360378" spans="8:8">
      <c r="H360378" s="12"/>
    </row>
    <row r="360379" spans="8:8">
      <c r="H360379" s="12"/>
    </row>
    <row r="360380" spans="8:8">
      <c r="H360380" s="12"/>
    </row>
    <row r="360381" spans="8:8">
      <c r="H360381" s="12"/>
    </row>
    <row r="360382" spans="8:8">
      <c r="H360382" s="12"/>
    </row>
    <row r="360383" spans="8:8">
      <c r="H360383" s="12"/>
    </row>
    <row r="360384" spans="8:8">
      <c r="H360384" s="12"/>
    </row>
    <row r="360385" spans="8:8">
      <c r="H360385" s="12"/>
    </row>
    <row r="360386" spans="8:8">
      <c r="H360386" s="12"/>
    </row>
    <row r="360387" spans="8:8">
      <c r="H360387" s="12"/>
    </row>
    <row r="360388" spans="8:8">
      <c r="H360388" s="12"/>
    </row>
    <row r="360389" spans="8:8">
      <c r="H360389" s="12"/>
    </row>
    <row r="360390" spans="8:8">
      <c r="H360390" s="12"/>
    </row>
    <row r="360391" spans="8:8">
      <c r="H360391" s="12"/>
    </row>
    <row r="360392" spans="8:8">
      <c r="H360392" s="12"/>
    </row>
    <row r="360393" spans="8:8">
      <c r="H360393" s="12"/>
    </row>
    <row r="360394" spans="8:8">
      <c r="H360394" s="12"/>
    </row>
    <row r="360395" spans="8:8">
      <c r="H360395" s="12"/>
    </row>
    <row r="360396" spans="8:8">
      <c r="H360396" s="12"/>
    </row>
    <row r="360397" spans="8:8">
      <c r="H360397" s="12"/>
    </row>
    <row r="360398" spans="8:8">
      <c r="H360398" s="12"/>
    </row>
    <row r="360399" spans="8:8">
      <c r="H360399" s="12"/>
    </row>
    <row r="360400" spans="8:8">
      <c r="H360400" s="12"/>
    </row>
    <row r="360401" spans="8:8">
      <c r="H360401" s="12"/>
    </row>
    <row r="360402" spans="8:8">
      <c r="H360402" s="12"/>
    </row>
    <row r="360403" spans="8:8">
      <c r="H360403" s="12"/>
    </row>
    <row r="360404" spans="8:8">
      <c r="H360404" s="12"/>
    </row>
    <row r="360405" spans="8:8">
      <c r="H360405" s="12"/>
    </row>
    <row r="360406" spans="8:8">
      <c r="H360406" s="12"/>
    </row>
    <row r="360407" spans="8:8">
      <c r="H360407" s="12"/>
    </row>
    <row r="360408" spans="8:8">
      <c r="H360408" s="12"/>
    </row>
    <row r="360409" spans="8:8">
      <c r="H360409" s="12"/>
    </row>
    <row r="360410" spans="8:8">
      <c r="H360410" s="12"/>
    </row>
    <row r="360411" spans="8:8">
      <c r="H360411" s="12"/>
    </row>
    <row r="360412" spans="8:8">
      <c r="H360412" s="12"/>
    </row>
    <row r="360413" spans="8:8">
      <c r="H360413" s="12"/>
    </row>
    <row r="360414" spans="8:8">
      <c r="H360414" s="12"/>
    </row>
    <row r="360415" spans="8:8">
      <c r="H360415" s="12"/>
    </row>
    <row r="360416" spans="8:8">
      <c r="H360416" s="12"/>
    </row>
    <row r="360417" spans="8:8">
      <c r="H360417" s="12"/>
    </row>
    <row r="360418" spans="8:8">
      <c r="H360418" s="12"/>
    </row>
    <row r="360419" spans="8:8">
      <c r="H360419" s="12"/>
    </row>
    <row r="360420" spans="8:8">
      <c r="H360420" s="12"/>
    </row>
    <row r="360421" spans="8:8">
      <c r="H360421" s="12"/>
    </row>
    <row r="360422" spans="8:8">
      <c r="H360422" s="12"/>
    </row>
    <row r="360423" spans="8:8">
      <c r="H360423" s="12"/>
    </row>
    <row r="360424" spans="8:8">
      <c r="H360424" s="12"/>
    </row>
    <row r="360425" spans="8:8">
      <c r="H360425" s="12"/>
    </row>
    <row r="360426" spans="8:8">
      <c r="H360426" s="12"/>
    </row>
    <row r="360427" spans="8:8">
      <c r="H360427" s="12"/>
    </row>
    <row r="360428" spans="8:8">
      <c r="H360428" s="12"/>
    </row>
    <row r="360429" spans="8:8">
      <c r="H360429" s="12"/>
    </row>
    <row r="360430" spans="8:8">
      <c r="H360430" s="12"/>
    </row>
    <row r="360431" spans="8:8">
      <c r="H360431" s="12"/>
    </row>
    <row r="360432" spans="8:8">
      <c r="H360432" s="12"/>
    </row>
    <row r="360433" spans="8:8">
      <c r="H360433" s="12"/>
    </row>
    <row r="360434" spans="8:8">
      <c r="H360434" s="12"/>
    </row>
    <row r="360435" spans="8:8">
      <c r="H360435" s="12"/>
    </row>
    <row r="360436" spans="8:8">
      <c r="H360436" s="12"/>
    </row>
    <row r="360437" spans="8:8">
      <c r="H360437" s="12"/>
    </row>
    <row r="360438" spans="8:8">
      <c r="H360438" s="12"/>
    </row>
    <row r="360439" spans="8:8">
      <c r="H360439" s="12"/>
    </row>
    <row r="360440" spans="8:8">
      <c r="H360440" s="12"/>
    </row>
    <row r="360441" spans="8:8">
      <c r="H360441" s="12"/>
    </row>
    <row r="360442" spans="8:8">
      <c r="H360442" s="12"/>
    </row>
    <row r="360443" spans="8:8">
      <c r="H360443" s="12"/>
    </row>
    <row r="360444" spans="8:8">
      <c r="H360444" s="12"/>
    </row>
    <row r="360445" spans="8:8">
      <c r="H360445" s="12"/>
    </row>
    <row r="360446" spans="8:8">
      <c r="H360446" s="12"/>
    </row>
    <row r="360447" spans="8:8">
      <c r="H360447" s="12"/>
    </row>
    <row r="360448" spans="8:8">
      <c r="H360448" s="12"/>
    </row>
    <row r="360449" spans="8:8">
      <c r="H360449" s="12"/>
    </row>
    <row r="360450" spans="8:8">
      <c r="H360450" s="12"/>
    </row>
    <row r="360451" spans="8:8">
      <c r="H360451" s="12"/>
    </row>
    <row r="360452" spans="8:8">
      <c r="H360452" s="12"/>
    </row>
    <row r="360453" spans="8:8">
      <c r="H360453" s="12"/>
    </row>
    <row r="360454" spans="8:8">
      <c r="H360454" s="12"/>
    </row>
    <row r="360455" spans="8:8">
      <c r="H360455" s="12"/>
    </row>
    <row r="360456" spans="8:8">
      <c r="H360456" s="12"/>
    </row>
    <row r="360457" spans="8:8">
      <c r="H360457" s="12"/>
    </row>
    <row r="360458" spans="8:8">
      <c r="H360458" s="12"/>
    </row>
    <row r="360459" spans="8:8">
      <c r="H360459" s="12"/>
    </row>
    <row r="360460" spans="8:8">
      <c r="H360460" s="12"/>
    </row>
    <row r="360461" spans="8:8">
      <c r="H360461" s="12"/>
    </row>
    <row r="360462" spans="8:8">
      <c r="H360462" s="12"/>
    </row>
    <row r="360463" spans="8:8">
      <c r="H360463" s="12"/>
    </row>
    <row r="360464" spans="8:8">
      <c r="H360464" s="12"/>
    </row>
    <row r="360465" spans="8:8">
      <c r="H360465" s="12"/>
    </row>
    <row r="360466" spans="8:8">
      <c r="H360466" s="12"/>
    </row>
    <row r="360467" spans="8:8">
      <c r="H360467" s="12"/>
    </row>
    <row r="360468" spans="8:8">
      <c r="H360468" s="12"/>
    </row>
    <row r="360469" spans="8:8">
      <c r="H360469" s="12"/>
    </row>
    <row r="360470" spans="8:8">
      <c r="H360470" s="12"/>
    </row>
    <row r="360471" spans="8:8">
      <c r="H360471" s="12"/>
    </row>
    <row r="360472" spans="8:8">
      <c r="H360472" s="12"/>
    </row>
    <row r="360473" spans="8:8">
      <c r="H360473" s="12"/>
    </row>
    <row r="360474" spans="8:8">
      <c r="H360474" s="12"/>
    </row>
    <row r="360475" spans="8:8">
      <c r="H360475" s="12"/>
    </row>
    <row r="360476" spans="8:8">
      <c r="H360476" s="12"/>
    </row>
    <row r="360477" spans="8:8">
      <c r="H360477" s="12"/>
    </row>
    <row r="360478" spans="8:8">
      <c r="H360478" s="12"/>
    </row>
    <row r="360479" spans="8:8">
      <c r="H360479" s="12"/>
    </row>
    <row r="360480" spans="8:8">
      <c r="H360480" s="12"/>
    </row>
    <row r="360481" spans="8:8">
      <c r="H360481" s="12"/>
    </row>
    <row r="360482" spans="8:8">
      <c r="H360482" s="12"/>
    </row>
    <row r="360483" spans="8:8">
      <c r="H360483" s="12"/>
    </row>
    <row r="360484" spans="8:8">
      <c r="H360484" s="12"/>
    </row>
    <row r="360485" spans="8:8">
      <c r="H360485" s="12"/>
    </row>
    <row r="360486" spans="8:8">
      <c r="H360486" s="12"/>
    </row>
    <row r="360487" spans="8:8">
      <c r="H360487" s="12"/>
    </row>
    <row r="360488" spans="8:8">
      <c r="H360488" s="12"/>
    </row>
    <row r="360489" spans="8:8">
      <c r="H360489" s="12"/>
    </row>
    <row r="360490" spans="8:8">
      <c r="H360490" s="12"/>
    </row>
    <row r="360491" spans="8:8">
      <c r="H360491" s="12"/>
    </row>
    <row r="360492" spans="8:8">
      <c r="H360492" s="12"/>
    </row>
    <row r="360493" spans="8:8">
      <c r="H360493" s="12"/>
    </row>
    <row r="360494" spans="8:8">
      <c r="H360494" s="12"/>
    </row>
    <row r="360495" spans="8:8">
      <c r="H360495" s="12"/>
    </row>
    <row r="360496" spans="8:8">
      <c r="H360496" s="12"/>
    </row>
    <row r="360497" spans="8:8">
      <c r="H360497" s="12"/>
    </row>
    <row r="360498" spans="8:8">
      <c r="H360498" s="12"/>
    </row>
    <row r="360499" spans="8:8">
      <c r="H360499" s="12"/>
    </row>
    <row r="360500" spans="8:8">
      <c r="H360500" s="12"/>
    </row>
    <row r="360501" spans="8:8">
      <c r="H360501" s="12"/>
    </row>
    <row r="360502" spans="8:8">
      <c r="H360502" s="12"/>
    </row>
    <row r="360503" spans="8:8">
      <c r="H360503" s="12"/>
    </row>
    <row r="360504" spans="8:8">
      <c r="H360504" s="12"/>
    </row>
    <row r="360505" spans="8:8">
      <c r="H360505" s="12"/>
    </row>
    <row r="360506" spans="8:8">
      <c r="H360506" s="12"/>
    </row>
    <row r="360507" spans="8:8">
      <c r="H360507" s="12"/>
    </row>
    <row r="360508" spans="8:8">
      <c r="H360508" s="12"/>
    </row>
    <row r="360509" spans="8:8">
      <c r="H360509" s="12"/>
    </row>
    <row r="360510" spans="8:8">
      <c r="H360510" s="12"/>
    </row>
    <row r="360511" spans="8:8">
      <c r="H360511" s="12"/>
    </row>
    <row r="360512" spans="8:8">
      <c r="H360512" s="12"/>
    </row>
    <row r="360513" spans="8:8">
      <c r="H360513" s="12"/>
    </row>
    <row r="360514" spans="8:8">
      <c r="H360514" s="12"/>
    </row>
    <row r="360515" spans="8:8">
      <c r="H360515" s="12"/>
    </row>
    <row r="360516" spans="8:8">
      <c r="H360516" s="12"/>
    </row>
    <row r="360517" spans="8:8">
      <c r="H360517" s="12"/>
    </row>
    <row r="360518" spans="8:8">
      <c r="H360518" s="12"/>
    </row>
    <row r="360519" spans="8:8">
      <c r="H360519" s="12"/>
    </row>
    <row r="360520" spans="8:8">
      <c r="H360520" s="12"/>
    </row>
    <row r="360521" spans="8:8">
      <c r="H360521" s="12"/>
    </row>
    <row r="360522" spans="8:8">
      <c r="H360522" s="12"/>
    </row>
    <row r="360523" spans="8:8">
      <c r="H360523" s="12"/>
    </row>
    <row r="360524" spans="8:8">
      <c r="H360524" s="12"/>
    </row>
    <row r="360525" spans="8:8">
      <c r="H360525" s="12"/>
    </row>
    <row r="360526" spans="8:8">
      <c r="H360526" s="12"/>
    </row>
    <row r="360527" spans="8:8">
      <c r="H360527" s="12"/>
    </row>
    <row r="360528" spans="8:8">
      <c r="H360528" s="12"/>
    </row>
    <row r="360529" spans="8:8">
      <c r="H360529" s="12"/>
    </row>
    <row r="360530" spans="8:8">
      <c r="H360530" s="12"/>
    </row>
    <row r="360531" spans="8:8">
      <c r="H360531" s="12"/>
    </row>
    <row r="360532" spans="8:8">
      <c r="H360532" s="12"/>
    </row>
    <row r="360533" spans="8:8">
      <c r="H360533" s="12"/>
    </row>
    <row r="360534" spans="8:8">
      <c r="H360534" s="12"/>
    </row>
    <row r="360535" spans="8:8">
      <c r="H360535" s="12"/>
    </row>
    <row r="360536" spans="8:8">
      <c r="H360536" s="12"/>
    </row>
    <row r="360537" spans="8:8">
      <c r="H360537" s="12"/>
    </row>
    <row r="360538" spans="8:8">
      <c r="H360538" s="12"/>
    </row>
    <row r="360539" spans="8:8">
      <c r="H360539" s="12"/>
    </row>
    <row r="360540" spans="8:8">
      <c r="H360540" s="12"/>
    </row>
    <row r="360541" spans="8:8">
      <c r="H360541" s="12"/>
    </row>
    <row r="360542" spans="8:8">
      <c r="H360542" s="12"/>
    </row>
    <row r="360543" spans="8:8">
      <c r="H360543" s="12"/>
    </row>
    <row r="360544" spans="8:8">
      <c r="H360544" s="12"/>
    </row>
    <row r="360545" spans="8:8">
      <c r="H360545" s="12"/>
    </row>
    <row r="360546" spans="8:8">
      <c r="H360546" s="12"/>
    </row>
    <row r="360547" spans="8:8">
      <c r="H360547" s="12"/>
    </row>
    <row r="360548" spans="8:8">
      <c r="H360548" s="12"/>
    </row>
    <row r="360549" spans="8:8">
      <c r="H360549" s="12"/>
    </row>
    <row r="360550" spans="8:8">
      <c r="H360550" s="12"/>
    </row>
    <row r="360551" spans="8:8">
      <c r="H360551" s="12"/>
    </row>
    <row r="360552" spans="8:8">
      <c r="H360552" s="12"/>
    </row>
    <row r="360553" spans="8:8">
      <c r="H360553" s="12"/>
    </row>
    <row r="360554" spans="8:8">
      <c r="H360554" s="12"/>
    </row>
    <row r="360555" spans="8:8">
      <c r="H360555" s="12"/>
    </row>
    <row r="360556" spans="8:8">
      <c r="H360556" s="12"/>
    </row>
    <row r="360557" spans="8:8">
      <c r="H360557" s="12"/>
    </row>
    <row r="360558" spans="8:8">
      <c r="H360558" s="12"/>
    </row>
    <row r="360559" spans="8:8">
      <c r="H360559" s="12"/>
    </row>
    <row r="360560" spans="8:8">
      <c r="H360560" s="12"/>
    </row>
    <row r="360561" spans="8:8">
      <c r="H360561" s="12"/>
    </row>
    <row r="360562" spans="8:8">
      <c r="H360562" s="12"/>
    </row>
    <row r="360563" spans="8:8">
      <c r="H360563" s="12"/>
    </row>
    <row r="360564" spans="8:8">
      <c r="H360564" s="12"/>
    </row>
    <row r="360565" spans="8:8">
      <c r="H360565" s="12"/>
    </row>
    <row r="360566" spans="8:8">
      <c r="H360566" s="12"/>
    </row>
    <row r="360567" spans="8:8">
      <c r="H360567" s="12"/>
    </row>
    <row r="360568" spans="8:8">
      <c r="H360568" s="12"/>
    </row>
    <row r="360569" spans="8:8">
      <c r="H360569" s="12"/>
    </row>
    <row r="360570" spans="8:8">
      <c r="H360570" s="12"/>
    </row>
    <row r="360571" spans="8:8">
      <c r="H360571" s="12"/>
    </row>
    <row r="360572" spans="8:8">
      <c r="H360572" s="12"/>
    </row>
    <row r="360573" spans="8:8">
      <c r="H360573" s="12"/>
    </row>
    <row r="360574" spans="8:8">
      <c r="H360574" s="12"/>
    </row>
    <row r="360575" spans="8:8">
      <c r="H360575" s="12"/>
    </row>
    <row r="360576" spans="8:8">
      <c r="H360576" s="12"/>
    </row>
    <row r="360577" spans="8:8">
      <c r="H360577" s="12"/>
    </row>
    <row r="360578" spans="8:8">
      <c r="H360578" s="12"/>
    </row>
    <row r="360579" spans="8:8">
      <c r="H360579" s="12"/>
    </row>
    <row r="360580" spans="8:8">
      <c r="H360580" s="12"/>
    </row>
    <row r="360581" spans="8:8">
      <c r="H360581" s="12"/>
    </row>
    <row r="360582" spans="8:8">
      <c r="H360582" s="12"/>
    </row>
    <row r="360583" spans="8:8">
      <c r="H360583" s="12"/>
    </row>
    <row r="360584" spans="8:8">
      <c r="H360584" s="12"/>
    </row>
    <row r="360585" spans="8:8">
      <c r="H360585" s="12"/>
    </row>
    <row r="360586" spans="8:8">
      <c r="H360586" s="12"/>
    </row>
    <row r="360587" spans="8:8">
      <c r="H360587" s="12"/>
    </row>
    <row r="360588" spans="8:8">
      <c r="H360588" s="12"/>
    </row>
    <row r="360589" spans="8:8">
      <c r="H360589" s="12"/>
    </row>
    <row r="360590" spans="8:8">
      <c r="H360590" s="12"/>
    </row>
    <row r="360591" spans="8:8">
      <c r="H360591" s="12"/>
    </row>
    <row r="360592" spans="8:8">
      <c r="H360592" s="12"/>
    </row>
    <row r="360593" spans="8:8">
      <c r="H360593" s="12"/>
    </row>
    <row r="360594" spans="8:8">
      <c r="H360594" s="12"/>
    </row>
    <row r="360595" spans="8:8">
      <c r="H360595" s="12"/>
    </row>
    <row r="360596" spans="8:8">
      <c r="H360596" s="12"/>
    </row>
    <row r="360597" spans="8:8">
      <c r="H360597" s="12"/>
    </row>
    <row r="360598" spans="8:8">
      <c r="H360598" s="12"/>
    </row>
    <row r="360599" spans="8:8">
      <c r="H360599" s="12"/>
    </row>
    <row r="360600" spans="8:8">
      <c r="H360600" s="12"/>
    </row>
    <row r="360601" spans="8:8">
      <c r="H360601" s="12"/>
    </row>
    <row r="360602" spans="8:8">
      <c r="H360602" s="12"/>
    </row>
    <row r="360603" spans="8:8">
      <c r="H360603" s="12"/>
    </row>
    <row r="360604" spans="8:8">
      <c r="H360604" s="12"/>
    </row>
    <row r="360605" spans="8:8">
      <c r="H360605" s="12"/>
    </row>
    <row r="360606" spans="8:8">
      <c r="H360606" s="12"/>
    </row>
    <row r="360607" spans="8:8">
      <c r="H360607" s="12"/>
    </row>
    <row r="360608" spans="8:8">
      <c r="H360608" s="12"/>
    </row>
    <row r="360609" spans="8:8">
      <c r="H360609" s="12"/>
    </row>
    <row r="360610" spans="8:8">
      <c r="H360610" s="12"/>
    </row>
    <row r="360611" spans="8:8">
      <c r="H360611" s="12"/>
    </row>
    <row r="360612" spans="8:8">
      <c r="H360612" s="12"/>
    </row>
    <row r="360613" spans="8:8">
      <c r="H360613" s="12"/>
    </row>
    <row r="360614" spans="8:8">
      <c r="H360614" s="12"/>
    </row>
    <row r="360615" spans="8:8">
      <c r="H360615" s="12"/>
    </row>
    <row r="360616" spans="8:8">
      <c r="H360616" s="12"/>
    </row>
    <row r="360617" spans="8:8">
      <c r="H360617" s="12"/>
    </row>
    <row r="360618" spans="8:8">
      <c r="H360618" s="12"/>
    </row>
    <row r="360619" spans="8:8">
      <c r="H360619" s="12"/>
    </row>
    <row r="360620" spans="8:8">
      <c r="H360620" s="12"/>
    </row>
    <row r="360621" spans="8:8">
      <c r="H360621" s="12"/>
    </row>
    <row r="360622" spans="8:8">
      <c r="H360622" s="12"/>
    </row>
    <row r="360623" spans="8:8">
      <c r="H360623" s="12"/>
    </row>
    <row r="360624" spans="8:8">
      <c r="H360624" s="12"/>
    </row>
    <row r="360625" spans="8:8">
      <c r="H360625" s="12"/>
    </row>
    <row r="360626" spans="8:8">
      <c r="H360626" s="12"/>
    </row>
    <row r="360627" spans="8:8">
      <c r="H360627" s="12"/>
    </row>
    <row r="360628" spans="8:8">
      <c r="H360628" s="12"/>
    </row>
    <row r="360629" spans="8:8">
      <c r="H360629" s="12"/>
    </row>
    <row r="360630" spans="8:8">
      <c r="H360630" s="12"/>
    </row>
    <row r="360631" spans="8:8">
      <c r="H360631" s="12"/>
    </row>
    <row r="360632" spans="8:8">
      <c r="H360632" s="12"/>
    </row>
    <row r="360633" spans="8:8">
      <c r="H360633" s="12"/>
    </row>
    <row r="360634" spans="8:8">
      <c r="H360634" s="12"/>
    </row>
    <row r="360635" spans="8:8">
      <c r="H360635" s="12"/>
    </row>
    <row r="360636" spans="8:8">
      <c r="H360636" s="12"/>
    </row>
    <row r="360637" spans="8:8">
      <c r="H360637" s="12"/>
    </row>
    <row r="360638" spans="8:8">
      <c r="H360638" s="12"/>
    </row>
    <row r="360639" spans="8:8">
      <c r="H360639" s="12"/>
    </row>
    <row r="360640" spans="8:8">
      <c r="H360640" s="12"/>
    </row>
    <row r="360641" spans="8:8">
      <c r="H360641" s="12"/>
    </row>
    <row r="360642" spans="8:8">
      <c r="H360642" s="12"/>
    </row>
    <row r="360643" spans="8:8">
      <c r="H360643" s="12"/>
    </row>
    <row r="360644" spans="8:8">
      <c r="H360644" s="12"/>
    </row>
    <row r="360645" spans="8:8">
      <c r="H360645" s="12"/>
    </row>
    <row r="360646" spans="8:8">
      <c r="H360646" s="12"/>
    </row>
    <row r="360647" spans="8:8">
      <c r="H360647" s="12"/>
    </row>
    <row r="360648" spans="8:8">
      <c r="H360648" s="12"/>
    </row>
    <row r="360649" spans="8:8">
      <c r="H360649" s="12"/>
    </row>
    <row r="360650" spans="8:8">
      <c r="H360650" s="12"/>
    </row>
    <row r="360651" spans="8:8">
      <c r="H360651" s="12"/>
    </row>
    <row r="360652" spans="8:8">
      <c r="H360652" s="12"/>
    </row>
    <row r="360653" spans="8:8">
      <c r="H360653" s="12"/>
    </row>
    <row r="360654" spans="8:8">
      <c r="H360654" s="12"/>
    </row>
    <row r="360655" spans="8:8">
      <c r="H360655" s="12"/>
    </row>
    <row r="360656" spans="8:8">
      <c r="H360656" s="12"/>
    </row>
    <row r="360657" spans="8:8">
      <c r="H360657" s="12"/>
    </row>
    <row r="360658" spans="8:8">
      <c r="H360658" s="12"/>
    </row>
    <row r="360659" spans="8:8">
      <c r="H360659" s="12"/>
    </row>
    <row r="360660" spans="8:8">
      <c r="H360660" s="12"/>
    </row>
    <row r="360661" spans="8:8">
      <c r="H360661" s="12"/>
    </row>
    <row r="360662" spans="8:8">
      <c r="H360662" s="12"/>
    </row>
    <row r="360663" spans="8:8">
      <c r="H360663" s="12"/>
    </row>
    <row r="360664" spans="8:8">
      <c r="H360664" s="12"/>
    </row>
    <row r="360665" spans="8:8">
      <c r="H360665" s="12"/>
    </row>
    <row r="360666" spans="8:8">
      <c r="H360666" s="12"/>
    </row>
    <row r="360667" spans="8:8">
      <c r="H360667" s="12"/>
    </row>
    <row r="360668" spans="8:8">
      <c r="H360668" s="12"/>
    </row>
    <row r="360669" spans="8:8">
      <c r="H360669" s="12"/>
    </row>
    <row r="360670" spans="8:8">
      <c r="H360670" s="12"/>
    </row>
    <row r="360671" spans="8:8">
      <c r="H360671" s="12"/>
    </row>
    <row r="360672" spans="8:8">
      <c r="H360672" s="12"/>
    </row>
    <row r="360673" spans="8:8">
      <c r="H360673" s="12"/>
    </row>
    <row r="360674" spans="8:8">
      <c r="H360674" s="12"/>
    </row>
    <row r="360675" spans="8:8">
      <c r="H360675" s="12"/>
    </row>
    <row r="360676" spans="8:8">
      <c r="H360676" s="12"/>
    </row>
    <row r="360677" spans="8:8">
      <c r="H360677" s="12"/>
    </row>
    <row r="360678" spans="8:8">
      <c r="H360678" s="12"/>
    </row>
    <row r="360679" spans="8:8">
      <c r="H360679" s="12"/>
    </row>
    <row r="360680" spans="8:8">
      <c r="H360680" s="12"/>
    </row>
    <row r="360681" spans="8:8">
      <c r="H360681" s="12"/>
    </row>
    <row r="360682" spans="8:8">
      <c r="H360682" s="12"/>
    </row>
    <row r="360683" spans="8:8">
      <c r="H360683" s="12"/>
    </row>
    <row r="360684" spans="8:8">
      <c r="H360684" s="12"/>
    </row>
    <row r="360685" spans="8:8">
      <c r="H360685" s="12"/>
    </row>
    <row r="360686" spans="8:8">
      <c r="H360686" s="12"/>
    </row>
    <row r="360687" spans="8:8">
      <c r="H360687" s="12"/>
    </row>
    <row r="360688" spans="8:8">
      <c r="H360688" s="12"/>
    </row>
    <row r="360689" spans="8:8">
      <c r="H360689" s="12"/>
    </row>
    <row r="360690" spans="8:8">
      <c r="H360690" s="12"/>
    </row>
    <row r="360691" spans="8:8">
      <c r="H360691" s="12"/>
    </row>
    <row r="360692" spans="8:8">
      <c r="H360692" s="12"/>
    </row>
    <row r="360693" spans="8:8">
      <c r="H360693" s="12"/>
    </row>
    <row r="360694" spans="8:8">
      <c r="H360694" s="12"/>
    </row>
    <row r="360695" spans="8:8">
      <c r="H360695" s="12"/>
    </row>
    <row r="360696" spans="8:8">
      <c r="H360696" s="12"/>
    </row>
    <row r="360697" spans="8:8">
      <c r="H360697" s="12"/>
    </row>
    <row r="360698" spans="8:8">
      <c r="H360698" s="12"/>
    </row>
    <row r="360699" spans="8:8">
      <c r="H360699" s="12"/>
    </row>
    <row r="360700" spans="8:8">
      <c r="H360700" s="12"/>
    </row>
    <row r="360701" spans="8:8">
      <c r="H360701" s="12"/>
    </row>
    <row r="360702" spans="8:8">
      <c r="H360702" s="12"/>
    </row>
    <row r="360703" spans="8:8">
      <c r="H360703" s="12"/>
    </row>
    <row r="360704" spans="8:8">
      <c r="H360704" s="12"/>
    </row>
    <row r="360705" spans="8:8">
      <c r="H360705" s="12"/>
    </row>
    <row r="360706" spans="8:8">
      <c r="H360706" s="12"/>
    </row>
    <row r="360707" spans="8:8">
      <c r="H360707" s="12"/>
    </row>
    <row r="360708" spans="8:8">
      <c r="H360708" s="12"/>
    </row>
    <row r="360709" spans="8:8">
      <c r="H360709" s="12"/>
    </row>
    <row r="360710" spans="8:8">
      <c r="H360710" s="12"/>
    </row>
    <row r="360711" spans="8:8">
      <c r="H360711" s="12"/>
    </row>
    <row r="360712" spans="8:8">
      <c r="H360712" s="12"/>
    </row>
    <row r="360713" spans="8:8">
      <c r="H360713" s="12"/>
    </row>
    <row r="360714" spans="8:8">
      <c r="H360714" s="12"/>
    </row>
    <row r="360715" spans="8:8">
      <c r="H360715" s="12"/>
    </row>
    <row r="360716" spans="8:8">
      <c r="H360716" s="12"/>
    </row>
    <row r="360717" spans="8:8">
      <c r="H360717" s="12"/>
    </row>
    <row r="360718" spans="8:8">
      <c r="H360718" s="12"/>
    </row>
    <row r="360719" spans="8:8">
      <c r="H360719" s="12"/>
    </row>
    <row r="360720" spans="8:8">
      <c r="H360720" s="12"/>
    </row>
    <row r="360721" spans="8:8">
      <c r="H360721" s="12"/>
    </row>
    <row r="360722" spans="8:8">
      <c r="H360722" s="12"/>
    </row>
    <row r="360723" spans="8:8">
      <c r="H360723" s="12"/>
    </row>
    <row r="360724" spans="8:8">
      <c r="H360724" s="12"/>
    </row>
    <row r="360725" spans="8:8">
      <c r="H360725" s="12"/>
    </row>
    <row r="360726" spans="8:8">
      <c r="H360726" s="12"/>
    </row>
    <row r="360727" spans="8:8">
      <c r="H360727" s="12"/>
    </row>
    <row r="360728" spans="8:8">
      <c r="H360728" s="12"/>
    </row>
    <row r="360729" spans="8:8">
      <c r="H360729" s="12"/>
    </row>
    <row r="360730" spans="8:8">
      <c r="H360730" s="12"/>
    </row>
    <row r="360731" spans="8:8">
      <c r="H360731" s="12"/>
    </row>
    <row r="360732" spans="8:8">
      <c r="H360732" s="12"/>
    </row>
    <row r="360733" spans="8:8">
      <c r="H360733" s="12"/>
    </row>
    <row r="360734" spans="8:8">
      <c r="H360734" s="12"/>
    </row>
    <row r="360735" spans="8:8">
      <c r="H360735" s="12"/>
    </row>
    <row r="360736" spans="8:8">
      <c r="H360736" s="12"/>
    </row>
    <row r="360737" spans="8:8">
      <c r="H360737" s="12"/>
    </row>
    <row r="360738" spans="8:8">
      <c r="H360738" s="12"/>
    </row>
    <row r="360739" spans="8:8">
      <c r="H360739" s="12"/>
    </row>
    <row r="360740" spans="8:8">
      <c r="H360740" s="12"/>
    </row>
    <row r="360741" spans="8:8">
      <c r="H360741" s="12"/>
    </row>
    <row r="360742" spans="8:8">
      <c r="H360742" s="12"/>
    </row>
    <row r="360743" spans="8:8">
      <c r="H360743" s="12"/>
    </row>
    <row r="360744" spans="8:8">
      <c r="H360744" s="12"/>
    </row>
    <row r="360745" spans="8:8">
      <c r="H360745" s="12"/>
    </row>
    <row r="360746" spans="8:8">
      <c r="H360746" s="12"/>
    </row>
    <row r="360747" spans="8:8">
      <c r="H360747" s="12"/>
    </row>
    <row r="360748" spans="8:8">
      <c r="H360748" s="12"/>
    </row>
    <row r="360749" spans="8:8">
      <c r="H360749" s="12"/>
    </row>
    <row r="360750" spans="8:8">
      <c r="H360750" s="12"/>
    </row>
    <row r="360751" spans="8:8">
      <c r="H360751" s="12"/>
    </row>
    <row r="360752" spans="8:8">
      <c r="H360752" s="12"/>
    </row>
    <row r="360753" spans="8:8">
      <c r="H360753" s="12"/>
    </row>
    <row r="360754" spans="8:8">
      <c r="H360754" s="12"/>
    </row>
    <row r="360755" spans="8:8">
      <c r="H360755" s="12"/>
    </row>
    <row r="360756" spans="8:8">
      <c r="H360756" s="12"/>
    </row>
    <row r="360757" spans="8:8">
      <c r="H360757" s="12"/>
    </row>
    <row r="360758" spans="8:8">
      <c r="H360758" s="12"/>
    </row>
    <row r="360759" spans="8:8">
      <c r="H360759" s="12"/>
    </row>
    <row r="360760" spans="8:8">
      <c r="H360760" s="12"/>
    </row>
    <row r="360761" spans="8:8">
      <c r="H360761" s="12"/>
    </row>
    <row r="360762" spans="8:8">
      <c r="H360762" s="12"/>
    </row>
    <row r="360763" spans="8:8">
      <c r="H360763" s="12"/>
    </row>
    <row r="360764" spans="8:8">
      <c r="H360764" s="12"/>
    </row>
    <row r="360765" spans="8:8">
      <c r="H360765" s="12"/>
    </row>
    <row r="360766" spans="8:8">
      <c r="H360766" s="12"/>
    </row>
    <row r="360767" spans="8:8">
      <c r="H360767" s="12"/>
    </row>
    <row r="360768" spans="8:8">
      <c r="H360768" s="12"/>
    </row>
    <row r="360769" spans="8:8">
      <c r="H360769" s="12"/>
    </row>
    <row r="360770" spans="8:8">
      <c r="H360770" s="12"/>
    </row>
    <row r="360771" spans="8:8">
      <c r="H360771" s="12"/>
    </row>
    <row r="360772" spans="8:8">
      <c r="H360772" s="12"/>
    </row>
    <row r="360773" spans="8:8">
      <c r="H360773" s="12"/>
    </row>
    <row r="360774" spans="8:8">
      <c r="H360774" s="12"/>
    </row>
    <row r="360775" spans="8:8">
      <c r="H360775" s="12"/>
    </row>
    <row r="360776" spans="8:8">
      <c r="H360776" s="12"/>
    </row>
    <row r="360777" spans="8:8">
      <c r="H360777" s="12"/>
    </row>
    <row r="360778" spans="8:8">
      <c r="H360778" s="12"/>
    </row>
    <row r="360779" spans="8:8">
      <c r="H360779" s="12"/>
    </row>
    <row r="360780" spans="8:8">
      <c r="H360780" s="12"/>
    </row>
    <row r="360781" spans="8:8">
      <c r="H360781" s="12"/>
    </row>
    <row r="360782" spans="8:8">
      <c r="H360782" s="12"/>
    </row>
    <row r="360783" spans="8:8">
      <c r="H360783" s="12"/>
    </row>
    <row r="360784" spans="8:8">
      <c r="H360784" s="12"/>
    </row>
    <row r="360785" spans="8:8">
      <c r="H360785" s="12"/>
    </row>
    <row r="360786" spans="8:8">
      <c r="H360786" s="12"/>
    </row>
    <row r="360787" spans="8:8">
      <c r="H360787" s="12"/>
    </row>
    <row r="360788" spans="8:8">
      <c r="H360788" s="12"/>
    </row>
    <row r="360789" spans="8:8">
      <c r="H360789" s="12"/>
    </row>
    <row r="360790" spans="8:8">
      <c r="H360790" s="12"/>
    </row>
    <row r="360791" spans="8:8">
      <c r="H360791" s="12"/>
    </row>
    <row r="360792" spans="8:8">
      <c r="H360792" s="12"/>
    </row>
    <row r="360793" spans="8:8">
      <c r="H360793" s="12"/>
    </row>
    <row r="360794" spans="8:8">
      <c r="H360794" s="12"/>
    </row>
    <row r="360795" spans="8:8">
      <c r="H360795" s="12"/>
    </row>
    <row r="360796" spans="8:8">
      <c r="H360796" s="12"/>
    </row>
    <row r="360797" spans="8:8">
      <c r="H360797" s="12"/>
    </row>
    <row r="360798" spans="8:8">
      <c r="H360798" s="12"/>
    </row>
    <row r="360799" spans="8:8">
      <c r="H360799" s="12"/>
    </row>
    <row r="360800" spans="8:8">
      <c r="H360800" s="12"/>
    </row>
    <row r="360801" spans="8:8">
      <c r="H360801" s="12"/>
    </row>
    <row r="360802" spans="8:8">
      <c r="H360802" s="12"/>
    </row>
    <row r="360803" spans="8:8">
      <c r="H360803" s="12"/>
    </row>
    <row r="360804" spans="8:8">
      <c r="H360804" s="12"/>
    </row>
    <row r="360805" spans="8:8">
      <c r="H360805" s="12"/>
    </row>
    <row r="360806" spans="8:8">
      <c r="H360806" s="12"/>
    </row>
    <row r="360807" spans="8:8">
      <c r="H360807" s="12"/>
    </row>
    <row r="360808" spans="8:8">
      <c r="H360808" s="12"/>
    </row>
    <row r="360809" spans="8:8">
      <c r="H360809" s="12"/>
    </row>
    <row r="360810" spans="8:8">
      <c r="H360810" s="12"/>
    </row>
    <row r="360811" spans="8:8">
      <c r="H360811" s="12"/>
    </row>
    <row r="360812" spans="8:8">
      <c r="H360812" s="12"/>
    </row>
    <row r="360813" spans="8:8">
      <c r="H360813" s="12"/>
    </row>
    <row r="360814" spans="8:8">
      <c r="H360814" s="12"/>
    </row>
    <row r="360815" spans="8:8">
      <c r="H360815" s="12"/>
    </row>
    <row r="360816" spans="8:8">
      <c r="H360816" s="12"/>
    </row>
    <row r="360817" spans="8:8">
      <c r="H360817" s="12"/>
    </row>
    <row r="360818" spans="8:8">
      <c r="H360818" s="12"/>
    </row>
    <row r="360819" spans="8:8">
      <c r="H360819" s="12"/>
    </row>
    <row r="360820" spans="8:8">
      <c r="H360820" s="12"/>
    </row>
    <row r="360821" spans="8:8">
      <c r="H360821" s="12"/>
    </row>
    <row r="360822" spans="8:8">
      <c r="H360822" s="12"/>
    </row>
    <row r="360823" spans="8:8">
      <c r="H360823" s="12"/>
    </row>
    <row r="360824" spans="8:8">
      <c r="H360824" s="12"/>
    </row>
    <row r="360825" spans="8:8">
      <c r="H360825" s="12"/>
    </row>
    <row r="360826" spans="8:8">
      <c r="H360826" s="12"/>
    </row>
    <row r="360827" spans="8:8">
      <c r="H360827" s="12"/>
    </row>
    <row r="360828" spans="8:8">
      <c r="H360828" s="12"/>
    </row>
    <row r="360829" spans="8:8">
      <c r="H360829" s="12"/>
    </row>
    <row r="360830" spans="8:8">
      <c r="H360830" s="12"/>
    </row>
    <row r="360831" spans="8:8">
      <c r="H360831" s="12"/>
    </row>
    <row r="360832" spans="8:8">
      <c r="H360832" s="12"/>
    </row>
    <row r="360833" spans="8:8">
      <c r="H360833" s="12"/>
    </row>
    <row r="360834" spans="8:8">
      <c r="H360834" s="12"/>
    </row>
    <row r="360835" spans="8:8">
      <c r="H360835" s="12"/>
    </row>
    <row r="360836" spans="8:8">
      <c r="H360836" s="12"/>
    </row>
    <row r="360837" spans="8:8">
      <c r="H360837" s="12"/>
    </row>
    <row r="360838" spans="8:8">
      <c r="H360838" s="12"/>
    </row>
    <row r="360839" spans="8:8">
      <c r="H360839" s="12"/>
    </row>
    <row r="360840" spans="8:8">
      <c r="H360840" s="12"/>
    </row>
    <row r="360841" spans="8:8">
      <c r="H360841" s="12"/>
    </row>
    <row r="360842" spans="8:8">
      <c r="H360842" s="12"/>
    </row>
    <row r="360843" spans="8:8">
      <c r="H360843" s="12"/>
    </row>
    <row r="360844" spans="8:8">
      <c r="H360844" s="12"/>
    </row>
    <row r="360845" spans="8:8">
      <c r="H360845" s="12"/>
    </row>
    <row r="360846" spans="8:8">
      <c r="H360846" s="12"/>
    </row>
    <row r="360847" spans="8:8">
      <c r="H360847" s="12"/>
    </row>
    <row r="360848" spans="8:8">
      <c r="H360848" s="12"/>
    </row>
    <row r="360849" spans="8:8">
      <c r="H360849" s="12"/>
    </row>
    <row r="360850" spans="8:8">
      <c r="H360850" s="12"/>
    </row>
    <row r="360851" spans="8:8">
      <c r="H360851" s="12"/>
    </row>
    <row r="360852" spans="8:8">
      <c r="H360852" s="12"/>
    </row>
    <row r="360853" spans="8:8">
      <c r="H360853" s="12"/>
    </row>
    <row r="360854" spans="8:8">
      <c r="H360854" s="12"/>
    </row>
    <row r="360855" spans="8:8">
      <c r="H360855" s="12"/>
    </row>
    <row r="360856" spans="8:8">
      <c r="H360856" s="12"/>
    </row>
    <row r="360857" spans="8:8">
      <c r="H360857" s="12"/>
    </row>
    <row r="360858" spans="8:8">
      <c r="H360858" s="12"/>
    </row>
    <row r="360859" spans="8:8">
      <c r="H360859" s="12"/>
    </row>
    <row r="360860" spans="8:8">
      <c r="H360860" s="12"/>
    </row>
    <row r="360861" spans="8:8">
      <c r="H360861" s="12"/>
    </row>
    <row r="360862" spans="8:8">
      <c r="H360862" s="12"/>
    </row>
    <row r="360863" spans="8:8">
      <c r="H360863" s="12"/>
    </row>
    <row r="360864" spans="8:8">
      <c r="H360864" s="12"/>
    </row>
    <row r="360865" spans="8:8">
      <c r="H360865" s="12"/>
    </row>
    <row r="360866" spans="8:8">
      <c r="H360866" s="12"/>
    </row>
    <row r="360867" spans="8:8">
      <c r="H360867" s="12"/>
    </row>
    <row r="360868" spans="8:8">
      <c r="H360868" s="12"/>
    </row>
    <row r="360869" spans="8:8">
      <c r="H360869" s="12"/>
    </row>
    <row r="360870" spans="8:8">
      <c r="H360870" s="12"/>
    </row>
    <row r="360871" spans="8:8">
      <c r="H360871" s="12"/>
    </row>
    <row r="360872" spans="8:8">
      <c r="H360872" s="12"/>
    </row>
    <row r="360873" spans="8:8">
      <c r="H360873" s="12"/>
    </row>
    <row r="360874" spans="8:8">
      <c r="H360874" s="12"/>
    </row>
    <row r="360875" spans="8:8">
      <c r="H360875" s="12"/>
    </row>
    <row r="360876" spans="8:8">
      <c r="H360876" s="12"/>
    </row>
    <row r="360877" spans="8:8">
      <c r="H360877" s="12"/>
    </row>
    <row r="360878" spans="8:8">
      <c r="H360878" s="12"/>
    </row>
    <row r="360879" spans="8:8">
      <c r="H360879" s="12"/>
    </row>
    <row r="360880" spans="8:8">
      <c r="H360880" s="12"/>
    </row>
    <row r="360881" spans="8:8">
      <c r="H360881" s="12"/>
    </row>
    <row r="360882" spans="8:8">
      <c r="H360882" s="12"/>
    </row>
    <row r="360883" spans="8:8">
      <c r="H360883" s="12"/>
    </row>
    <row r="360884" spans="8:8">
      <c r="H360884" s="12"/>
    </row>
    <row r="360885" spans="8:8">
      <c r="H360885" s="12"/>
    </row>
    <row r="360886" spans="8:8">
      <c r="H360886" s="12"/>
    </row>
    <row r="360887" spans="8:8">
      <c r="H360887" s="12"/>
    </row>
    <row r="360888" spans="8:8">
      <c r="H360888" s="12"/>
    </row>
    <row r="360889" spans="8:8">
      <c r="H360889" s="12"/>
    </row>
    <row r="360890" spans="8:8">
      <c r="H360890" s="12"/>
    </row>
    <row r="360891" spans="8:8">
      <c r="H360891" s="12"/>
    </row>
    <row r="360892" spans="8:8">
      <c r="H360892" s="12"/>
    </row>
    <row r="360893" spans="8:8">
      <c r="H360893" s="12"/>
    </row>
    <row r="360894" spans="8:8">
      <c r="H360894" s="12"/>
    </row>
    <row r="360895" spans="8:8">
      <c r="H360895" s="12"/>
    </row>
    <row r="360896" spans="8:8">
      <c r="H360896" s="12"/>
    </row>
    <row r="360897" spans="8:8">
      <c r="H360897" s="12"/>
    </row>
    <row r="360898" spans="8:8">
      <c r="H360898" s="12"/>
    </row>
    <row r="360899" spans="8:8">
      <c r="H360899" s="12"/>
    </row>
    <row r="360900" spans="8:8">
      <c r="H360900" s="12"/>
    </row>
    <row r="360901" spans="8:8">
      <c r="H360901" s="12"/>
    </row>
    <row r="360902" spans="8:8">
      <c r="H360902" s="12"/>
    </row>
    <row r="360903" spans="8:8">
      <c r="H360903" s="12"/>
    </row>
    <row r="360904" spans="8:8">
      <c r="H360904" s="12"/>
    </row>
    <row r="360905" spans="8:8">
      <c r="H360905" s="12"/>
    </row>
    <row r="360906" spans="8:8">
      <c r="H360906" s="12"/>
    </row>
    <row r="360907" spans="8:8">
      <c r="H360907" s="12"/>
    </row>
    <row r="360908" spans="8:8">
      <c r="H360908" s="12"/>
    </row>
    <row r="360909" spans="8:8">
      <c r="H360909" s="12"/>
    </row>
    <row r="360910" spans="8:8">
      <c r="H360910" s="12"/>
    </row>
    <row r="360911" spans="8:8">
      <c r="H360911" s="12"/>
    </row>
    <row r="360912" spans="8:8">
      <c r="H360912" s="12"/>
    </row>
    <row r="360913" spans="8:8">
      <c r="H360913" s="12"/>
    </row>
    <row r="360914" spans="8:8">
      <c r="H360914" s="12"/>
    </row>
    <row r="360915" spans="8:8">
      <c r="H360915" s="12"/>
    </row>
    <row r="360916" spans="8:8">
      <c r="H360916" s="12"/>
    </row>
    <row r="360917" spans="8:8">
      <c r="H360917" s="12"/>
    </row>
    <row r="360918" spans="8:8">
      <c r="H360918" s="12"/>
    </row>
    <row r="360919" spans="8:8">
      <c r="H360919" s="12"/>
    </row>
    <row r="360920" spans="8:8">
      <c r="H360920" s="12"/>
    </row>
    <row r="360921" spans="8:8">
      <c r="H360921" s="12"/>
    </row>
    <row r="360922" spans="8:8">
      <c r="H360922" s="12"/>
    </row>
    <row r="360923" spans="8:8">
      <c r="H360923" s="12"/>
    </row>
    <row r="360924" spans="8:8">
      <c r="H360924" s="12"/>
    </row>
    <row r="360925" spans="8:8">
      <c r="H360925" s="12"/>
    </row>
    <row r="360926" spans="8:8">
      <c r="H360926" s="12"/>
    </row>
    <row r="360927" spans="8:8">
      <c r="H360927" s="12"/>
    </row>
    <row r="360928" spans="8:8">
      <c r="H360928" s="12"/>
    </row>
    <row r="360929" spans="8:8">
      <c r="H360929" s="12"/>
    </row>
    <row r="360930" spans="8:8">
      <c r="H360930" s="12"/>
    </row>
    <row r="360931" spans="8:8">
      <c r="H360931" s="12"/>
    </row>
    <row r="360932" spans="8:8">
      <c r="H360932" s="12"/>
    </row>
    <row r="360933" spans="8:8">
      <c r="H360933" s="12"/>
    </row>
    <row r="360934" spans="8:8">
      <c r="H360934" s="12"/>
    </row>
    <row r="360935" spans="8:8">
      <c r="H360935" s="12"/>
    </row>
    <row r="360936" spans="8:8">
      <c r="H360936" s="12"/>
    </row>
    <row r="360937" spans="8:8">
      <c r="H360937" s="12"/>
    </row>
    <row r="360938" spans="8:8">
      <c r="H360938" s="12"/>
    </row>
    <row r="360939" spans="8:8">
      <c r="H360939" s="12"/>
    </row>
    <row r="360940" spans="8:8">
      <c r="H360940" s="12"/>
    </row>
    <row r="360941" spans="8:8">
      <c r="H360941" s="12"/>
    </row>
    <row r="360942" spans="8:8">
      <c r="H360942" s="12"/>
    </row>
    <row r="360943" spans="8:8">
      <c r="H360943" s="12"/>
    </row>
    <row r="360944" spans="8:8">
      <c r="H360944" s="12"/>
    </row>
    <row r="360945" spans="8:8">
      <c r="H360945" s="12"/>
    </row>
    <row r="360946" spans="8:8">
      <c r="H360946" s="12"/>
    </row>
    <row r="360947" spans="8:8">
      <c r="H360947" s="12"/>
    </row>
    <row r="360948" spans="8:8">
      <c r="H360948" s="12"/>
    </row>
    <row r="360949" spans="8:8">
      <c r="H360949" s="12"/>
    </row>
    <row r="360950" spans="8:8">
      <c r="H360950" s="12"/>
    </row>
    <row r="360951" spans="8:8">
      <c r="H360951" s="12"/>
    </row>
    <row r="360952" spans="8:8">
      <c r="H360952" s="12"/>
    </row>
    <row r="360953" spans="8:8">
      <c r="H360953" s="12"/>
    </row>
    <row r="360954" spans="8:8">
      <c r="H360954" s="12"/>
    </row>
    <row r="360955" spans="8:8">
      <c r="H360955" s="12"/>
    </row>
    <row r="360956" spans="8:8">
      <c r="H360956" s="12"/>
    </row>
    <row r="360957" spans="8:8">
      <c r="H360957" s="12"/>
    </row>
    <row r="360958" spans="8:8">
      <c r="H360958" s="12"/>
    </row>
    <row r="360959" spans="8:8">
      <c r="H360959" s="12"/>
    </row>
    <row r="360960" spans="8:8">
      <c r="H360960" s="12"/>
    </row>
    <row r="360961" spans="8:8">
      <c r="H360961" s="12"/>
    </row>
    <row r="360962" spans="8:8">
      <c r="H360962" s="12"/>
    </row>
    <row r="360963" spans="8:8">
      <c r="H360963" s="12"/>
    </row>
    <row r="360964" spans="8:8">
      <c r="H360964" s="12"/>
    </row>
    <row r="360965" spans="8:8">
      <c r="H360965" s="12"/>
    </row>
    <row r="360966" spans="8:8">
      <c r="H360966" s="12"/>
    </row>
    <row r="360967" spans="8:8">
      <c r="H360967" s="12"/>
    </row>
    <row r="360968" spans="8:8">
      <c r="H360968" s="12"/>
    </row>
    <row r="360969" spans="8:8">
      <c r="H360969" s="12"/>
    </row>
    <row r="360970" spans="8:8">
      <c r="H360970" s="12"/>
    </row>
    <row r="360971" spans="8:8">
      <c r="H360971" s="12"/>
    </row>
    <row r="360972" spans="8:8">
      <c r="H360972" s="12"/>
    </row>
    <row r="360973" spans="8:8">
      <c r="H360973" s="12"/>
    </row>
    <row r="360974" spans="8:8">
      <c r="H360974" s="12"/>
    </row>
    <row r="360975" spans="8:8">
      <c r="H360975" s="12"/>
    </row>
    <row r="360976" spans="8:8">
      <c r="H360976" s="12"/>
    </row>
    <row r="360977" spans="8:8">
      <c r="H360977" s="12"/>
    </row>
    <row r="360978" spans="8:8">
      <c r="H360978" s="12"/>
    </row>
    <row r="360979" spans="8:8">
      <c r="H360979" s="12"/>
    </row>
    <row r="360980" spans="8:8">
      <c r="H360980" s="12"/>
    </row>
    <row r="360981" spans="8:8">
      <c r="H360981" s="12"/>
    </row>
    <row r="360982" spans="8:8">
      <c r="H360982" s="12"/>
    </row>
    <row r="360983" spans="8:8">
      <c r="H360983" s="12"/>
    </row>
    <row r="360984" spans="8:8">
      <c r="H360984" s="12"/>
    </row>
    <row r="360985" spans="8:8">
      <c r="H360985" s="12"/>
    </row>
    <row r="360986" spans="8:8">
      <c r="H360986" s="12"/>
    </row>
    <row r="360987" spans="8:8">
      <c r="H360987" s="12"/>
    </row>
    <row r="360988" spans="8:8">
      <c r="H360988" s="12"/>
    </row>
    <row r="360989" spans="8:8">
      <c r="H360989" s="12"/>
    </row>
    <row r="360990" spans="8:8">
      <c r="H360990" s="12"/>
    </row>
    <row r="360991" spans="8:8">
      <c r="H360991" s="12"/>
    </row>
    <row r="360992" spans="8:8">
      <c r="H360992" s="12"/>
    </row>
    <row r="360993" spans="8:8">
      <c r="H360993" s="12"/>
    </row>
    <row r="360994" spans="8:8">
      <c r="H360994" s="12"/>
    </row>
    <row r="360995" spans="8:8">
      <c r="H360995" s="12"/>
    </row>
    <row r="360996" spans="8:8">
      <c r="H360996" s="12"/>
    </row>
    <row r="360997" spans="8:8">
      <c r="H360997" s="12"/>
    </row>
    <row r="360998" spans="8:8">
      <c r="H360998" s="12"/>
    </row>
    <row r="360999" spans="8:8">
      <c r="H360999" s="12"/>
    </row>
    <row r="361000" spans="8:8">
      <c r="H361000" s="12"/>
    </row>
    <row r="361001" spans="8:8">
      <c r="H361001" s="12"/>
    </row>
    <row r="361002" spans="8:8">
      <c r="H361002" s="12"/>
    </row>
    <row r="361003" spans="8:8">
      <c r="H361003" s="12"/>
    </row>
    <row r="361004" spans="8:8">
      <c r="H361004" s="12"/>
    </row>
    <row r="361005" spans="8:8">
      <c r="H361005" s="12"/>
    </row>
    <row r="361006" spans="8:8">
      <c r="H361006" s="12"/>
    </row>
    <row r="361007" spans="8:8">
      <c r="H361007" s="12"/>
    </row>
    <row r="361008" spans="8:8">
      <c r="H361008" s="12"/>
    </row>
    <row r="361009" spans="8:8">
      <c r="H361009" s="12"/>
    </row>
    <row r="361010" spans="8:8">
      <c r="H361010" s="12"/>
    </row>
    <row r="361011" spans="8:8">
      <c r="H361011" s="12"/>
    </row>
    <row r="361012" spans="8:8">
      <c r="H361012" s="12"/>
    </row>
    <row r="361013" spans="8:8">
      <c r="H361013" s="12"/>
    </row>
    <row r="361014" spans="8:8">
      <c r="H361014" s="12"/>
    </row>
    <row r="361015" spans="8:8">
      <c r="H361015" s="12"/>
    </row>
    <row r="361016" spans="8:8">
      <c r="H361016" s="12"/>
    </row>
    <row r="361017" spans="8:8">
      <c r="H361017" s="12"/>
    </row>
    <row r="361018" spans="8:8">
      <c r="H361018" s="12"/>
    </row>
    <row r="361019" spans="8:8">
      <c r="H361019" s="12"/>
    </row>
    <row r="361020" spans="8:8">
      <c r="H361020" s="12"/>
    </row>
    <row r="361021" spans="8:8">
      <c r="H361021" s="12"/>
    </row>
    <row r="361022" spans="8:8">
      <c r="H361022" s="12"/>
    </row>
    <row r="361023" spans="8:8">
      <c r="H361023" s="12"/>
    </row>
    <row r="361024" spans="8:8">
      <c r="H361024" s="12"/>
    </row>
    <row r="361025" spans="8:8">
      <c r="H361025" s="12"/>
    </row>
    <row r="361026" spans="8:8">
      <c r="H361026" s="12"/>
    </row>
    <row r="361027" spans="8:8">
      <c r="H361027" s="12"/>
    </row>
    <row r="361028" spans="8:8">
      <c r="H361028" s="12"/>
    </row>
    <row r="361029" spans="8:8">
      <c r="H361029" s="12"/>
    </row>
    <row r="361030" spans="8:8">
      <c r="H361030" s="12"/>
    </row>
    <row r="361031" spans="8:8">
      <c r="H361031" s="12"/>
    </row>
    <row r="361032" spans="8:8">
      <c r="H361032" s="12"/>
    </row>
    <row r="361033" spans="8:8">
      <c r="H361033" s="12"/>
    </row>
    <row r="361034" spans="8:8">
      <c r="H361034" s="12"/>
    </row>
    <row r="361035" spans="8:8">
      <c r="H361035" s="12"/>
    </row>
    <row r="361036" spans="8:8">
      <c r="H361036" s="12"/>
    </row>
    <row r="361037" spans="8:8">
      <c r="H361037" s="12"/>
    </row>
    <row r="361038" spans="8:8">
      <c r="H361038" s="12"/>
    </row>
    <row r="361039" spans="8:8">
      <c r="H361039" s="12"/>
    </row>
    <row r="361040" spans="8:8">
      <c r="H361040" s="12"/>
    </row>
    <row r="361041" spans="8:8">
      <c r="H361041" s="12"/>
    </row>
    <row r="361042" spans="8:8">
      <c r="H361042" s="12"/>
    </row>
    <row r="361043" spans="8:8">
      <c r="H361043" s="12"/>
    </row>
    <row r="361044" spans="8:8">
      <c r="H361044" s="12"/>
    </row>
    <row r="361045" spans="8:8">
      <c r="H361045" s="12"/>
    </row>
    <row r="361046" spans="8:8">
      <c r="H361046" s="12"/>
    </row>
    <row r="361047" spans="8:8">
      <c r="H361047" s="12"/>
    </row>
    <row r="361048" spans="8:8">
      <c r="H361048" s="12"/>
    </row>
    <row r="361049" spans="8:8">
      <c r="H361049" s="12"/>
    </row>
    <row r="361050" spans="8:8">
      <c r="H361050" s="12"/>
    </row>
    <row r="361051" spans="8:8">
      <c r="H361051" s="12"/>
    </row>
    <row r="361052" spans="8:8">
      <c r="H361052" s="12"/>
    </row>
    <row r="361053" spans="8:8">
      <c r="H361053" s="12"/>
    </row>
    <row r="361054" spans="8:8">
      <c r="H361054" s="12"/>
    </row>
    <row r="361055" spans="8:8">
      <c r="H361055" s="12"/>
    </row>
    <row r="361056" spans="8:8">
      <c r="H361056" s="12"/>
    </row>
    <row r="361057" spans="8:8">
      <c r="H361057" s="12"/>
    </row>
    <row r="361058" spans="8:8">
      <c r="H361058" s="12"/>
    </row>
    <row r="361059" spans="8:8">
      <c r="H361059" s="12"/>
    </row>
    <row r="361060" spans="8:8">
      <c r="H361060" s="12"/>
    </row>
    <row r="361061" spans="8:8">
      <c r="H361061" s="12"/>
    </row>
    <row r="361062" spans="8:8">
      <c r="H361062" s="12"/>
    </row>
    <row r="361063" spans="8:8">
      <c r="H361063" s="12"/>
    </row>
    <row r="361064" spans="8:8">
      <c r="H361064" s="12"/>
    </row>
    <row r="361065" spans="8:8">
      <c r="H361065" s="12"/>
    </row>
    <row r="361066" spans="8:8">
      <c r="H361066" s="12"/>
    </row>
    <row r="361067" spans="8:8">
      <c r="H361067" s="12"/>
    </row>
    <row r="361068" spans="8:8">
      <c r="H361068" s="12"/>
    </row>
    <row r="361069" spans="8:8">
      <c r="H361069" s="12"/>
    </row>
    <row r="361070" spans="8:8">
      <c r="H361070" s="12"/>
    </row>
    <row r="361071" spans="8:8">
      <c r="H361071" s="12"/>
    </row>
    <row r="361072" spans="8:8">
      <c r="H361072" s="12"/>
    </row>
    <row r="361073" spans="8:8">
      <c r="H361073" s="12"/>
    </row>
    <row r="361074" spans="8:8">
      <c r="H361074" s="12"/>
    </row>
    <row r="361075" spans="8:8">
      <c r="H361075" s="12"/>
    </row>
    <row r="361076" spans="8:8">
      <c r="H361076" s="12"/>
    </row>
    <row r="361077" spans="8:8">
      <c r="H361077" s="12"/>
    </row>
    <row r="361078" spans="8:8">
      <c r="H361078" s="12"/>
    </row>
    <row r="361079" spans="8:8">
      <c r="H361079" s="12"/>
    </row>
    <row r="361080" spans="8:8">
      <c r="H361080" s="12"/>
    </row>
    <row r="361081" spans="8:8">
      <c r="H361081" s="12"/>
    </row>
    <row r="361082" spans="8:8">
      <c r="H361082" s="12"/>
    </row>
    <row r="361083" spans="8:8">
      <c r="H361083" s="12"/>
    </row>
    <row r="361084" spans="8:8">
      <c r="H361084" s="12"/>
    </row>
    <row r="361085" spans="8:8">
      <c r="H361085" s="12"/>
    </row>
    <row r="361086" spans="8:8">
      <c r="H361086" s="12"/>
    </row>
    <row r="361087" spans="8:8">
      <c r="H361087" s="12"/>
    </row>
    <row r="361088" spans="8:8">
      <c r="H361088" s="12"/>
    </row>
    <row r="361089" spans="8:8">
      <c r="H361089" s="12"/>
    </row>
    <row r="361090" spans="8:8">
      <c r="H361090" s="12"/>
    </row>
    <row r="361091" spans="8:8">
      <c r="H361091" s="12"/>
    </row>
    <row r="361092" spans="8:8">
      <c r="H361092" s="12"/>
    </row>
    <row r="361093" spans="8:8">
      <c r="H361093" s="12"/>
    </row>
    <row r="361094" spans="8:8">
      <c r="H361094" s="12"/>
    </row>
    <row r="361095" spans="8:8">
      <c r="H361095" s="12"/>
    </row>
    <row r="361096" spans="8:8">
      <c r="H361096" s="12"/>
    </row>
    <row r="361097" spans="8:8">
      <c r="H361097" s="12"/>
    </row>
    <row r="361098" spans="8:8">
      <c r="H361098" s="12"/>
    </row>
    <row r="361099" spans="8:8">
      <c r="H361099" s="12"/>
    </row>
    <row r="361100" spans="8:8">
      <c r="H361100" s="12"/>
    </row>
    <row r="361101" spans="8:8">
      <c r="H361101" s="12"/>
    </row>
    <row r="361102" spans="8:8">
      <c r="H361102" s="12"/>
    </row>
    <row r="361103" spans="8:8">
      <c r="H361103" s="12"/>
    </row>
    <row r="361104" spans="8:8">
      <c r="H361104" s="12"/>
    </row>
    <row r="361105" spans="8:8">
      <c r="H361105" s="12"/>
    </row>
    <row r="361106" spans="8:8">
      <c r="H361106" s="12"/>
    </row>
    <row r="361107" spans="8:8">
      <c r="H361107" s="12"/>
    </row>
    <row r="361108" spans="8:8">
      <c r="H361108" s="12"/>
    </row>
    <row r="361109" spans="8:8">
      <c r="H361109" s="12"/>
    </row>
    <row r="361110" spans="8:8">
      <c r="H361110" s="12"/>
    </row>
    <row r="361111" spans="8:8">
      <c r="H361111" s="12"/>
    </row>
    <row r="361112" spans="8:8">
      <c r="H361112" s="12"/>
    </row>
    <row r="361113" spans="8:8">
      <c r="H361113" s="12"/>
    </row>
    <row r="361114" spans="8:8">
      <c r="H361114" s="12"/>
    </row>
    <row r="361115" spans="8:8">
      <c r="H361115" s="12"/>
    </row>
    <row r="361116" spans="8:8">
      <c r="H361116" s="12"/>
    </row>
    <row r="361117" spans="8:8">
      <c r="H361117" s="12"/>
    </row>
    <row r="361118" spans="8:8">
      <c r="H361118" s="12"/>
    </row>
    <row r="361119" spans="8:8">
      <c r="H361119" s="12"/>
    </row>
    <row r="361120" spans="8:8">
      <c r="H361120" s="12"/>
    </row>
    <row r="361121" spans="8:8">
      <c r="H361121" s="12"/>
    </row>
    <row r="361122" spans="8:8">
      <c r="H361122" s="12"/>
    </row>
    <row r="361123" spans="8:8">
      <c r="H361123" s="12"/>
    </row>
    <row r="361124" spans="8:8">
      <c r="H361124" s="12"/>
    </row>
    <row r="361125" spans="8:8">
      <c r="H361125" s="12"/>
    </row>
    <row r="361126" spans="8:8">
      <c r="H361126" s="12"/>
    </row>
    <row r="361127" spans="8:8">
      <c r="H361127" s="12"/>
    </row>
    <row r="361128" spans="8:8">
      <c r="H361128" s="12"/>
    </row>
    <row r="361129" spans="8:8">
      <c r="H361129" s="12"/>
    </row>
    <row r="361130" spans="8:8">
      <c r="H361130" s="12"/>
    </row>
    <row r="361131" spans="8:8">
      <c r="H361131" s="12"/>
    </row>
    <row r="361132" spans="8:8">
      <c r="H361132" s="12"/>
    </row>
    <row r="361133" spans="8:8">
      <c r="H361133" s="12"/>
    </row>
    <row r="361134" spans="8:8">
      <c r="H361134" s="12"/>
    </row>
    <row r="361135" spans="8:8">
      <c r="H361135" s="12"/>
    </row>
    <row r="361136" spans="8:8">
      <c r="H361136" s="12"/>
    </row>
    <row r="361137" spans="8:8">
      <c r="H361137" s="12"/>
    </row>
    <row r="361138" spans="8:8">
      <c r="H361138" s="12"/>
    </row>
    <row r="361139" spans="8:8">
      <c r="H361139" s="12"/>
    </row>
    <row r="361140" spans="8:8">
      <c r="H361140" s="12"/>
    </row>
    <row r="361141" spans="8:8">
      <c r="H361141" s="12"/>
    </row>
    <row r="361142" spans="8:8">
      <c r="H361142" s="12"/>
    </row>
    <row r="361143" spans="8:8">
      <c r="H361143" s="12"/>
    </row>
    <row r="361144" spans="8:8">
      <c r="H361144" s="12"/>
    </row>
    <row r="361145" spans="8:8">
      <c r="H361145" s="12"/>
    </row>
    <row r="361146" spans="8:8">
      <c r="H361146" s="12"/>
    </row>
    <row r="361147" spans="8:8">
      <c r="H361147" s="12"/>
    </row>
    <row r="361148" spans="8:8">
      <c r="H361148" s="12"/>
    </row>
    <row r="361149" spans="8:8">
      <c r="H361149" s="12"/>
    </row>
    <row r="361150" spans="8:8">
      <c r="H361150" s="12"/>
    </row>
    <row r="361151" spans="8:8">
      <c r="H361151" s="12"/>
    </row>
    <row r="361152" spans="8:8">
      <c r="H361152" s="12"/>
    </row>
    <row r="361153" spans="8:8">
      <c r="H361153" s="12"/>
    </row>
    <row r="361154" spans="8:8">
      <c r="H361154" s="12"/>
    </row>
    <row r="361155" spans="8:8">
      <c r="H361155" s="12"/>
    </row>
    <row r="361156" spans="8:8">
      <c r="H361156" s="12"/>
    </row>
    <row r="361157" spans="8:8">
      <c r="H361157" s="12"/>
    </row>
    <row r="361158" spans="8:8">
      <c r="H361158" s="12"/>
    </row>
    <row r="361159" spans="8:8">
      <c r="H361159" s="12"/>
    </row>
    <row r="361160" spans="8:8">
      <c r="H361160" s="12"/>
    </row>
    <row r="361161" spans="8:8">
      <c r="H361161" s="12"/>
    </row>
    <row r="361162" spans="8:8">
      <c r="H361162" s="12"/>
    </row>
    <row r="361163" spans="8:8">
      <c r="H361163" s="12"/>
    </row>
    <row r="361164" spans="8:8">
      <c r="H361164" s="12"/>
    </row>
    <row r="361165" spans="8:8">
      <c r="H361165" s="12"/>
    </row>
    <row r="361166" spans="8:8">
      <c r="H361166" s="12"/>
    </row>
    <row r="361167" spans="8:8">
      <c r="H361167" s="12"/>
    </row>
    <row r="361168" spans="8:8">
      <c r="H361168" s="12"/>
    </row>
    <row r="361169" spans="8:8">
      <c r="H361169" s="12"/>
    </row>
    <row r="361170" spans="8:8">
      <c r="H361170" s="12"/>
    </row>
    <row r="361171" spans="8:8">
      <c r="H361171" s="12"/>
    </row>
    <row r="361172" spans="8:8">
      <c r="H361172" s="12"/>
    </row>
    <row r="361173" spans="8:8">
      <c r="H361173" s="12"/>
    </row>
    <row r="361174" spans="8:8">
      <c r="H361174" s="12"/>
    </row>
    <row r="361175" spans="8:8">
      <c r="H361175" s="12"/>
    </row>
    <row r="361176" spans="8:8">
      <c r="H361176" s="12"/>
    </row>
    <row r="361177" spans="8:8">
      <c r="H361177" s="12"/>
    </row>
    <row r="361178" spans="8:8">
      <c r="H361178" s="12"/>
    </row>
    <row r="361179" spans="8:8">
      <c r="H361179" s="12"/>
    </row>
    <row r="361180" spans="8:8">
      <c r="H361180" s="12"/>
    </row>
    <row r="361181" spans="8:8">
      <c r="H361181" s="12"/>
    </row>
    <row r="361182" spans="8:8">
      <c r="H361182" s="12"/>
    </row>
    <row r="361183" spans="8:8">
      <c r="H361183" s="12"/>
    </row>
    <row r="361184" spans="8:8">
      <c r="H361184" s="12"/>
    </row>
    <row r="361185" spans="8:8">
      <c r="H361185" s="12"/>
    </row>
    <row r="361186" spans="8:8">
      <c r="H361186" s="12"/>
    </row>
    <row r="361187" spans="8:8">
      <c r="H361187" s="12"/>
    </row>
    <row r="361188" spans="8:8">
      <c r="H361188" s="12"/>
    </row>
    <row r="361189" spans="8:8">
      <c r="H361189" s="12"/>
    </row>
    <row r="361190" spans="8:8">
      <c r="H361190" s="12"/>
    </row>
    <row r="361191" spans="8:8">
      <c r="H361191" s="12"/>
    </row>
    <row r="361192" spans="8:8">
      <c r="H361192" s="12"/>
    </row>
    <row r="361193" spans="8:8">
      <c r="H361193" s="12"/>
    </row>
    <row r="361194" spans="8:8">
      <c r="H361194" s="12"/>
    </row>
    <row r="361195" spans="8:8">
      <c r="H361195" s="12"/>
    </row>
    <row r="361196" spans="8:8">
      <c r="H361196" s="12"/>
    </row>
    <row r="361197" spans="8:8">
      <c r="H361197" s="12"/>
    </row>
    <row r="361198" spans="8:8">
      <c r="H361198" s="12"/>
    </row>
    <row r="361199" spans="8:8">
      <c r="H361199" s="12"/>
    </row>
    <row r="361200" spans="8:8">
      <c r="H361200" s="12"/>
    </row>
    <row r="361201" spans="8:8">
      <c r="H361201" s="12"/>
    </row>
    <row r="361202" spans="8:8">
      <c r="H361202" s="12"/>
    </row>
    <row r="361203" spans="8:8">
      <c r="H361203" s="12"/>
    </row>
    <row r="361204" spans="8:8">
      <c r="H361204" s="12"/>
    </row>
    <row r="361205" spans="8:8">
      <c r="H361205" s="12"/>
    </row>
    <row r="361206" spans="8:8">
      <c r="H361206" s="12"/>
    </row>
    <row r="361207" spans="8:8">
      <c r="H361207" s="12"/>
    </row>
    <row r="361208" spans="8:8">
      <c r="H361208" s="12"/>
    </row>
    <row r="361209" spans="8:8">
      <c r="H361209" s="12"/>
    </row>
    <row r="361210" spans="8:8">
      <c r="H361210" s="12"/>
    </row>
    <row r="361211" spans="8:8">
      <c r="H361211" s="12"/>
    </row>
    <row r="361212" spans="8:8">
      <c r="H361212" s="12"/>
    </row>
    <row r="361213" spans="8:8">
      <c r="H361213" s="12"/>
    </row>
    <row r="361214" spans="8:8">
      <c r="H361214" s="12"/>
    </row>
    <row r="361215" spans="8:8">
      <c r="H361215" s="12"/>
    </row>
    <row r="361216" spans="8:8">
      <c r="H361216" s="12"/>
    </row>
    <row r="361217" spans="8:8">
      <c r="H361217" s="12"/>
    </row>
    <row r="361218" spans="8:8">
      <c r="H361218" s="12"/>
    </row>
    <row r="361219" spans="8:8">
      <c r="H361219" s="12"/>
    </row>
    <row r="361220" spans="8:8">
      <c r="H361220" s="12"/>
    </row>
    <row r="361221" spans="8:8">
      <c r="H361221" s="12"/>
    </row>
    <row r="361222" spans="8:8">
      <c r="H361222" s="12"/>
    </row>
    <row r="361223" spans="8:8">
      <c r="H361223" s="12"/>
    </row>
    <row r="361224" spans="8:8">
      <c r="H361224" s="12"/>
    </row>
    <row r="361225" spans="8:8">
      <c r="H361225" s="12"/>
    </row>
    <row r="361226" spans="8:8">
      <c r="H361226" s="12"/>
    </row>
    <row r="361227" spans="8:8">
      <c r="H361227" s="12"/>
    </row>
    <row r="361228" spans="8:8">
      <c r="H361228" s="12"/>
    </row>
    <row r="361229" spans="8:8">
      <c r="H361229" s="12"/>
    </row>
    <row r="361230" spans="8:8">
      <c r="H361230" s="12"/>
    </row>
    <row r="361231" spans="8:8">
      <c r="H361231" s="12"/>
    </row>
    <row r="361232" spans="8:8">
      <c r="H361232" s="12"/>
    </row>
    <row r="361233" spans="8:8">
      <c r="H361233" s="12"/>
    </row>
    <row r="361234" spans="8:8">
      <c r="H361234" s="12"/>
    </row>
    <row r="361235" spans="8:8">
      <c r="H361235" s="12"/>
    </row>
    <row r="361236" spans="8:8">
      <c r="H361236" s="12"/>
    </row>
    <row r="361237" spans="8:8">
      <c r="H361237" s="12"/>
    </row>
    <row r="361238" spans="8:8">
      <c r="H361238" s="12"/>
    </row>
    <row r="361239" spans="8:8">
      <c r="H361239" s="12"/>
    </row>
    <row r="361240" spans="8:8">
      <c r="H361240" s="12"/>
    </row>
    <row r="361241" spans="8:8">
      <c r="H361241" s="12"/>
    </row>
    <row r="361242" spans="8:8">
      <c r="H361242" s="12"/>
    </row>
    <row r="361243" spans="8:8">
      <c r="H361243" s="12"/>
    </row>
    <row r="361244" spans="8:8">
      <c r="H361244" s="12"/>
    </row>
    <row r="361245" spans="8:8">
      <c r="H361245" s="12"/>
    </row>
    <row r="361246" spans="8:8">
      <c r="H361246" s="12"/>
    </row>
    <row r="361247" spans="8:8">
      <c r="H361247" s="12"/>
    </row>
    <row r="361248" spans="8:8">
      <c r="H361248" s="12"/>
    </row>
    <row r="361249" spans="8:8">
      <c r="H361249" s="12"/>
    </row>
    <row r="361250" spans="8:8">
      <c r="H361250" s="12"/>
    </row>
    <row r="361251" spans="8:8">
      <c r="H361251" s="12"/>
    </row>
    <row r="361252" spans="8:8">
      <c r="H361252" s="12"/>
    </row>
    <row r="361253" spans="8:8">
      <c r="H361253" s="12"/>
    </row>
    <row r="361254" spans="8:8">
      <c r="H361254" s="12"/>
    </row>
    <row r="361255" spans="8:8">
      <c r="H361255" s="12"/>
    </row>
    <row r="361256" spans="8:8">
      <c r="H361256" s="12"/>
    </row>
    <row r="361257" spans="8:8">
      <c r="H361257" s="12"/>
    </row>
    <row r="361258" spans="8:8">
      <c r="H361258" s="12"/>
    </row>
    <row r="361259" spans="8:8">
      <c r="H361259" s="12"/>
    </row>
    <row r="361260" spans="8:8">
      <c r="H361260" s="12"/>
    </row>
    <row r="361261" spans="8:8">
      <c r="H361261" s="12"/>
    </row>
    <row r="361262" spans="8:8">
      <c r="H361262" s="12"/>
    </row>
    <row r="361263" spans="8:8">
      <c r="H361263" s="12"/>
    </row>
    <row r="361264" spans="8:8">
      <c r="H361264" s="12"/>
    </row>
    <row r="361265" spans="8:8">
      <c r="H361265" s="12"/>
    </row>
    <row r="361266" spans="8:8">
      <c r="H361266" s="12"/>
    </row>
    <row r="361267" spans="8:8">
      <c r="H361267" s="12"/>
    </row>
    <row r="361268" spans="8:8">
      <c r="H361268" s="12"/>
    </row>
    <row r="361269" spans="8:8">
      <c r="H361269" s="12"/>
    </row>
    <row r="361270" spans="8:8">
      <c r="H361270" s="12"/>
    </row>
    <row r="361271" spans="8:8">
      <c r="H361271" s="12"/>
    </row>
    <row r="361272" spans="8:8">
      <c r="H361272" s="12"/>
    </row>
    <row r="361273" spans="8:8">
      <c r="H361273" s="12"/>
    </row>
    <row r="361274" spans="8:8">
      <c r="H361274" s="12"/>
    </row>
    <row r="361275" spans="8:8">
      <c r="H361275" s="12"/>
    </row>
    <row r="361276" spans="8:8">
      <c r="H361276" s="12"/>
    </row>
    <row r="361277" spans="8:8">
      <c r="H361277" s="12"/>
    </row>
    <row r="361278" spans="8:8">
      <c r="H361278" s="12"/>
    </row>
    <row r="361279" spans="8:8">
      <c r="H361279" s="12"/>
    </row>
    <row r="361280" spans="8:8">
      <c r="H361280" s="12"/>
    </row>
    <row r="361281" spans="8:8">
      <c r="H361281" s="12"/>
    </row>
    <row r="361282" spans="8:8">
      <c r="H361282" s="12"/>
    </row>
    <row r="361283" spans="8:8">
      <c r="H361283" s="12"/>
    </row>
    <row r="361284" spans="8:8">
      <c r="H361284" s="12"/>
    </row>
    <row r="361285" spans="8:8">
      <c r="H361285" s="12"/>
    </row>
    <row r="361286" spans="8:8">
      <c r="H361286" s="12"/>
    </row>
    <row r="361287" spans="8:8">
      <c r="H361287" s="12"/>
    </row>
    <row r="361288" spans="8:8">
      <c r="H361288" s="12"/>
    </row>
    <row r="361289" spans="8:8">
      <c r="H361289" s="12"/>
    </row>
    <row r="361290" spans="8:8">
      <c r="H361290" s="12"/>
    </row>
    <row r="361291" spans="8:8">
      <c r="H361291" s="12"/>
    </row>
    <row r="361292" spans="8:8">
      <c r="H361292" s="12"/>
    </row>
    <row r="361293" spans="8:8">
      <c r="H361293" s="12"/>
    </row>
    <row r="361294" spans="8:8">
      <c r="H361294" s="12"/>
    </row>
    <row r="361295" spans="8:8">
      <c r="H361295" s="12"/>
    </row>
    <row r="361296" spans="8:8">
      <c r="H361296" s="12"/>
    </row>
    <row r="361297" spans="8:8">
      <c r="H361297" s="12"/>
    </row>
    <row r="361298" spans="8:8">
      <c r="H361298" s="12"/>
    </row>
    <row r="361299" spans="8:8">
      <c r="H361299" s="12"/>
    </row>
    <row r="361300" spans="8:8">
      <c r="H361300" s="12"/>
    </row>
    <row r="361301" spans="8:8">
      <c r="H361301" s="12"/>
    </row>
    <row r="361302" spans="8:8">
      <c r="H361302" s="12"/>
    </row>
    <row r="361303" spans="8:8">
      <c r="H361303" s="12"/>
    </row>
    <row r="361304" spans="8:8">
      <c r="H361304" s="12"/>
    </row>
    <row r="361305" spans="8:8">
      <c r="H361305" s="12"/>
    </row>
    <row r="361306" spans="8:8">
      <c r="H361306" s="12"/>
    </row>
    <row r="361307" spans="8:8">
      <c r="H361307" s="12"/>
    </row>
    <row r="361308" spans="8:8">
      <c r="H361308" s="12"/>
    </row>
    <row r="361309" spans="8:8">
      <c r="H361309" s="12"/>
    </row>
    <row r="361310" spans="8:8">
      <c r="H361310" s="12"/>
    </row>
    <row r="361311" spans="8:8">
      <c r="H361311" s="12"/>
    </row>
    <row r="361312" spans="8:8">
      <c r="H361312" s="12"/>
    </row>
    <row r="361313" spans="8:8">
      <c r="H361313" s="12"/>
    </row>
    <row r="361314" spans="8:8">
      <c r="H361314" s="12"/>
    </row>
    <row r="361315" spans="8:8">
      <c r="H361315" s="12"/>
    </row>
    <row r="361316" spans="8:8">
      <c r="H361316" s="12"/>
    </row>
    <row r="361317" spans="8:8">
      <c r="H361317" s="12"/>
    </row>
    <row r="361318" spans="8:8">
      <c r="H361318" s="12"/>
    </row>
    <row r="361319" spans="8:8">
      <c r="H361319" s="12"/>
    </row>
    <row r="361320" spans="8:8">
      <c r="H361320" s="12"/>
    </row>
    <row r="361321" spans="8:8">
      <c r="H361321" s="12"/>
    </row>
    <row r="361322" spans="8:8">
      <c r="H361322" s="12"/>
    </row>
    <row r="361323" spans="8:8">
      <c r="H361323" s="12"/>
    </row>
    <row r="361324" spans="8:8">
      <c r="H361324" s="12"/>
    </row>
    <row r="361325" spans="8:8">
      <c r="H361325" s="12"/>
    </row>
    <row r="361326" spans="8:8">
      <c r="H361326" s="12"/>
    </row>
    <row r="361327" spans="8:8">
      <c r="H361327" s="12"/>
    </row>
    <row r="361328" spans="8:8">
      <c r="H361328" s="12"/>
    </row>
    <row r="361329" spans="8:8">
      <c r="H361329" s="12"/>
    </row>
    <row r="361330" spans="8:8">
      <c r="H361330" s="12"/>
    </row>
    <row r="361331" spans="8:8">
      <c r="H361331" s="12"/>
    </row>
    <row r="361332" spans="8:8">
      <c r="H361332" s="12"/>
    </row>
    <row r="361333" spans="8:8">
      <c r="H361333" s="12"/>
    </row>
    <row r="361334" spans="8:8">
      <c r="H361334" s="12"/>
    </row>
    <row r="361335" spans="8:8">
      <c r="H361335" s="12"/>
    </row>
    <row r="361336" spans="8:8">
      <c r="H361336" s="12"/>
    </row>
    <row r="361337" spans="8:8">
      <c r="H361337" s="12"/>
    </row>
    <row r="361338" spans="8:8">
      <c r="H361338" s="12"/>
    </row>
    <row r="361339" spans="8:8">
      <c r="H361339" s="12"/>
    </row>
    <row r="361340" spans="8:8">
      <c r="H361340" s="12"/>
    </row>
    <row r="361341" spans="8:8">
      <c r="H361341" s="12"/>
    </row>
    <row r="361342" spans="8:8">
      <c r="H361342" s="12"/>
    </row>
    <row r="361343" spans="8:8">
      <c r="H361343" s="12"/>
    </row>
    <row r="361344" spans="8:8">
      <c r="H361344" s="12"/>
    </row>
    <row r="361345" spans="8:8">
      <c r="H361345" s="12"/>
    </row>
    <row r="361346" spans="8:8">
      <c r="H361346" s="12"/>
    </row>
    <row r="361347" spans="8:8">
      <c r="H361347" s="12"/>
    </row>
    <row r="361348" spans="8:8">
      <c r="H361348" s="12"/>
    </row>
    <row r="361349" spans="8:8">
      <c r="H361349" s="12"/>
    </row>
    <row r="361350" spans="8:8">
      <c r="H361350" s="12"/>
    </row>
    <row r="361351" spans="8:8">
      <c r="H361351" s="12"/>
    </row>
    <row r="361352" spans="8:8">
      <c r="H361352" s="12"/>
    </row>
    <row r="361353" spans="8:8">
      <c r="H361353" s="12"/>
    </row>
    <row r="361354" spans="8:8">
      <c r="H361354" s="12"/>
    </row>
    <row r="361355" spans="8:8">
      <c r="H361355" s="12"/>
    </row>
    <row r="361356" spans="8:8">
      <c r="H361356" s="12"/>
    </row>
    <row r="361357" spans="8:8">
      <c r="H361357" s="12"/>
    </row>
    <row r="361358" spans="8:8">
      <c r="H361358" s="12"/>
    </row>
    <row r="361359" spans="8:8">
      <c r="H361359" s="12"/>
    </row>
    <row r="361360" spans="8:8">
      <c r="H361360" s="12"/>
    </row>
    <row r="361361" spans="8:8">
      <c r="H361361" s="12"/>
    </row>
    <row r="361362" spans="8:8">
      <c r="H361362" s="12"/>
    </row>
    <row r="361363" spans="8:8">
      <c r="H361363" s="12"/>
    </row>
    <row r="361364" spans="8:8">
      <c r="H361364" s="12"/>
    </row>
    <row r="361365" spans="8:8">
      <c r="H361365" s="12"/>
    </row>
    <row r="361366" spans="8:8">
      <c r="H361366" s="12"/>
    </row>
    <row r="361367" spans="8:8">
      <c r="H361367" s="12"/>
    </row>
    <row r="361368" spans="8:8">
      <c r="H361368" s="12"/>
    </row>
    <row r="361369" spans="8:8">
      <c r="H361369" s="12"/>
    </row>
    <row r="361370" spans="8:8">
      <c r="H361370" s="12"/>
    </row>
    <row r="361371" spans="8:8">
      <c r="H361371" s="12"/>
    </row>
    <row r="361372" spans="8:8">
      <c r="H361372" s="12"/>
    </row>
    <row r="361373" spans="8:8">
      <c r="H361373" s="12"/>
    </row>
    <row r="361374" spans="8:8">
      <c r="H361374" s="12"/>
    </row>
    <row r="361375" spans="8:8">
      <c r="H361375" s="12"/>
    </row>
    <row r="361376" spans="8:8">
      <c r="H361376" s="12"/>
    </row>
    <row r="361377" spans="8:8">
      <c r="H361377" s="12"/>
    </row>
    <row r="361378" spans="8:8">
      <c r="H361378" s="12"/>
    </row>
    <row r="361379" spans="8:8">
      <c r="H361379" s="12"/>
    </row>
    <row r="361380" spans="8:8">
      <c r="H361380" s="12"/>
    </row>
    <row r="361381" spans="8:8">
      <c r="H361381" s="12"/>
    </row>
    <row r="361382" spans="8:8">
      <c r="H361382" s="12"/>
    </row>
    <row r="361383" spans="8:8">
      <c r="H361383" s="12"/>
    </row>
    <row r="361384" spans="8:8">
      <c r="H361384" s="12"/>
    </row>
    <row r="361385" spans="8:8">
      <c r="H361385" s="12"/>
    </row>
    <row r="361386" spans="8:8">
      <c r="H361386" s="12"/>
    </row>
    <row r="361387" spans="8:8">
      <c r="H361387" s="12"/>
    </row>
    <row r="361388" spans="8:8">
      <c r="H361388" s="12"/>
    </row>
    <row r="361389" spans="8:8">
      <c r="H361389" s="12"/>
    </row>
    <row r="361390" spans="8:8">
      <c r="H361390" s="12"/>
    </row>
    <row r="361391" spans="8:8">
      <c r="H361391" s="12"/>
    </row>
    <row r="361392" spans="8:8">
      <c r="H361392" s="12"/>
    </row>
    <row r="361393" spans="8:8">
      <c r="H361393" s="12"/>
    </row>
    <row r="361394" spans="8:8">
      <c r="H361394" s="12"/>
    </row>
    <row r="361395" spans="8:8">
      <c r="H361395" s="12"/>
    </row>
    <row r="361396" spans="8:8">
      <c r="H361396" s="12"/>
    </row>
    <row r="361397" spans="8:8">
      <c r="H361397" s="12"/>
    </row>
    <row r="361398" spans="8:8">
      <c r="H361398" s="12"/>
    </row>
    <row r="361399" spans="8:8">
      <c r="H361399" s="12"/>
    </row>
    <row r="361400" spans="8:8">
      <c r="H361400" s="12"/>
    </row>
    <row r="361401" spans="8:8">
      <c r="H361401" s="12"/>
    </row>
    <row r="361402" spans="8:8">
      <c r="H361402" s="12"/>
    </row>
    <row r="361403" spans="8:8">
      <c r="H361403" s="12"/>
    </row>
    <row r="361404" spans="8:8">
      <c r="H361404" s="12"/>
    </row>
    <row r="361405" spans="8:8">
      <c r="H361405" s="12"/>
    </row>
    <row r="361406" spans="8:8">
      <c r="H361406" s="12"/>
    </row>
    <row r="361407" spans="8:8">
      <c r="H361407" s="12"/>
    </row>
    <row r="361408" spans="8:8">
      <c r="H361408" s="12"/>
    </row>
    <row r="361409" spans="8:8">
      <c r="H361409" s="12"/>
    </row>
    <row r="361410" spans="8:8">
      <c r="H361410" s="12"/>
    </row>
    <row r="361411" spans="8:8">
      <c r="H361411" s="12"/>
    </row>
    <row r="361412" spans="8:8">
      <c r="H361412" s="12"/>
    </row>
    <row r="361413" spans="8:8">
      <c r="H361413" s="12"/>
    </row>
    <row r="361414" spans="8:8">
      <c r="H361414" s="12"/>
    </row>
    <row r="361415" spans="8:8">
      <c r="H361415" s="12"/>
    </row>
    <row r="361416" spans="8:8">
      <c r="H361416" s="12"/>
    </row>
    <row r="361417" spans="8:8">
      <c r="H361417" s="12"/>
    </row>
    <row r="361418" spans="8:8">
      <c r="H361418" s="12"/>
    </row>
    <row r="361419" spans="8:8">
      <c r="H361419" s="12"/>
    </row>
    <row r="361420" spans="8:8">
      <c r="H361420" s="12"/>
    </row>
    <row r="361421" spans="8:8">
      <c r="H361421" s="12"/>
    </row>
    <row r="361422" spans="8:8">
      <c r="H361422" s="12"/>
    </row>
    <row r="361423" spans="8:8">
      <c r="H361423" s="12"/>
    </row>
    <row r="361424" spans="8:8">
      <c r="H361424" s="12"/>
    </row>
    <row r="361425" spans="8:8">
      <c r="H361425" s="12"/>
    </row>
    <row r="361426" spans="8:8">
      <c r="H361426" s="12"/>
    </row>
    <row r="361427" spans="8:8">
      <c r="H361427" s="12"/>
    </row>
    <row r="361428" spans="8:8">
      <c r="H361428" s="12"/>
    </row>
    <row r="361429" spans="8:8">
      <c r="H361429" s="12"/>
    </row>
    <row r="361430" spans="8:8">
      <c r="H361430" s="12"/>
    </row>
    <row r="361431" spans="8:8">
      <c r="H361431" s="12"/>
    </row>
    <row r="361432" spans="8:8">
      <c r="H361432" s="12"/>
    </row>
    <row r="361433" spans="8:8">
      <c r="H361433" s="12"/>
    </row>
    <row r="361434" spans="8:8">
      <c r="H361434" s="12"/>
    </row>
    <row r="361435" spans="8:8">
      <c r="H361435" s="12"/>
    </row>
    <row r="361436" spans="8:8">
      <c r="H361436" s="12"/>
    </row>
    <row r="361437" spans="8:8">
      <c r="H361437" s="12"/>
    </row>
    <row r="361438" spans="8:8">
      <c r="H361438" s="12"/>
    </row>
    <row r="361439" spans="8:8">
      <c r="H361439" s="12"/>
    </row>
    <row r="361440" spans="8:8">
      <c r="H361440" s="12"/>
    </row>
    <row r="361441" spans="8:8">
      <c r="H361441" s="12"/>
    </row>
    <row r="361442" spans="8:8">
      <c r="H361442" s="12"/>
    </row>
    <row r="361443" spans="8:8">
      <c r="H361443" s="12"/>
    </row>
    <row r="361444" spans="8:8">
      <c r="H361444" s="12"/>
    </row>
    <row r="361445" spans="8:8">
      <c r="H361445" s="12"/>
    </row>
    <row r="361446" spans="8:8">
      <c r="H361446" s="12"/>
    </row>
    <row r="361447" spans="8:8">
      <c r="H361447" s="12"/>
    </row>
    <row r="361448" spans="8:8">
      <c r="H361448" s="12"/>
    </row>
    <row r="361449" spans="8:8">
      <c r="H361449" s="12"/>
    </row>
    <row r="361450" spans="8:8">
      <c r="H361450" s="12"/>
    </row>
    <row r="361451" spans="8:8">
      <c r="H361451" s="12"/>
    </row>
    <row r="361452" spans="8:8">
      <c r="H361452" s="12"/>
    </row>
    <row r="361453" spans="8:8">
      <c r="H361453" s="12"/>
    </row>
    <row r="361454" spans="8:8">
      <c r="H361454" s="12"/>
    </row>
    <row r="361455" spans="8:8">
      <c r="H361455" s="12"/>
    </row>
    <row r="361456" spans="8:8">
      <c r="H361456" s="12"/>
    </row>
    <row r="361457" spans="8:8">
      <c r="H361457" s="12"/>
    </row>
    <row r="361458" spans="8:8">
      <c r="H361458" s="12"/>
    </row>
    <row r="361459" spans="8:8">
      <c r="H361459" s="12"/>
    </row>
    <row r="361460" spans="8:8">
      <c r="H361460" s="12"/>
    </row>
    <row r="361461" spans="8:8">
      <c r="H361461" s="12"/>
    </row>
    <row r="361462" spans="8:8">
      <c r="H361462" s="12"/>
    </row>
    <row r="361463" spans="8:8">
      <c r="H361463" s="12"/>
    </row>
    <row r="361464" spans="8:8">
      <c r="H361464" s="12"/>
    </row>
    <row r="361465" spans="8:8">
      <c r="H361465" s="12"/>
    </row>
    <row r="361466" spans="8:8">
      <c r="H361466" s="12"/>
    </row>
    <row r="361467" spans="8:8">
      <c r="H361467" s="12"/>
    </row>
    <row r="361468" spans="8:8">
      <c r="H361468" s="12"/>
    </row>
    <row r="361469" spans="8:8">
      <c r="H361469" s="12"/>
    </row>
    <row r="361470" spans="8:8">
      <c r="H361470" s="12"/>
    </row>
    <row r="361471" spans="8:8">
      <c r="H361471" s="12"/>
    </row>
    <row r="361472" spans="8:8">
      <c r="H361472" s="12"/>
    </row>
    <row r="361473" spans="8:8">
      <c r="H361473" s="12"/>
    </row>
    <row r="361474" spans="8:8">
      <c r="H361474" s="12"/>
    </row>
    <row r="361475" spans="8:8">
      <c r="H361475" s="12"/>
    </row>
    <row r="361476" spans="8:8">
      <c r="H361476" s="12"/>
    </row>
    <row r="361477" spans="8:8">
      <c r="H361477" s="12"/>
    </row>
    <row r="361478" spans="8:8">
      <c r="H361478" s="12"/>
    </row>
    <row r="361479" spans="8:8">
      <c r="H361479" s="12"/>
    </row>
    <row r="361480" spans="8:8">
      <c r="H361480" s="12"/>
    </row>
    <row r="361481" spans="8:8">
      <c r="H361481" s="12"/>
    </row>
    <row r="361482" spans="8:8">
      <c r="H361482" s="12"/>
    </row>
    <row r="361483" spans="8:8">
      <c r="H361483" s="12"/>
    </row>
    <row r="361484" spans="8:8">
      <c r="H361484" s="12"/>
    </row>
    <row r="361485" spans="8:8">
      <c r="H361485" s="12"/>
    </row>
    <row r="361486" spans="8:8">
      <c r="H361486" s="12"/>
    </row>
    <row r="361487" spans="8:8">
      <c r="H361487" s="12"/>
    </row>
    <row r="361488" spans="8:8">
      <c r="H361488" s="12"/>
    </row>
    <row r="361489" spans="8:8">
      <c r="H361489" s="12"/>
    </row>
    <row r="361490" spans="8:8">
      <c r="H361490" s="12"/>
    </row>
    <row r="361491" spans="8:8">
      <c r="H361491" s="12"/>
    </row>
    <row r="361492" spans="8:8">
      <c r="H361492" s="12"/>
    </row>
    <row r="361493" spans="8:8">
      <c r="H361493" s="12"/>
    </row>
    <row r="361494" spans="8:8">
      <c r="H361494" s="12"/>
    </row>
    <row r="361495" spans="8:8">
      <c r="H361495" s="12"/>
    </row>
    <row r="361496" spans="8:8">
      <c r="H361496" s="12"/>
    </row>
    <row r="361497" spans="8:8">
      <c r="H361497" s="12"/>
    </row>
    <row r="361498" spans="8:8">
      <c r="H361498" s="12"/>
    </row>
    <row r="361499" spans="8:8">
      <c r="H361499" s="12"/>
    </row>
    <row r="361500" spans="8:8">
      <c r="H361500" s="12"/>
    </row>
    <row r="361501" spans="8:8">
      <c r="H361501" s="12"/>
    </row>
    <row r="361502" spans="8:8">
      <c r="H361502" s="12"/>
    </row>
    <row r="361503" spans="8:8">
      <c r="H361503" s="12"/>
    </row>
    <row r="361504" spans="8:8">
      <c r="H361504" s="12"/>
    </row>
    <row r="361505" spans="8:8">
      <c r="H361505" s="12"/>
    </row>
    <row r="361506" spans="8:8">
      <c r="H361506" s="12"/>
    </row>
    <row r="361507" spans="8:8">
      <c r="H361507" s="12"/>
    </row>
    <row r="361508" spans="8:8">
      <c r="H361508" s="12"/>
    </row>
    <row r="361509" spans="8:8">
      <c r="H361509" s="12"/>
    </row>
    <row r="361510" spans="8:8">
      <c r="H361510" s="12"/>
    </row>
    <row r="361511" spans="8:8">
      <c r="H361511" s="12"/>
    </row>
    <row r="361512" spans="8:8">
      <c r="H361512" s="12"/>
    </row>
    <row r="361513" spans="8:8">
      <c r="H361513" s="12"/>
    </row>
    <row r="361514" spans="8:8">
      <c r="H361514" s="12"/>
    </row>
    <row r="361515" spans="8:8">
      <c r="H361515" s="12"/>
    </row>
    <row r="361516" spans="8:8">
      <c r="H361516" s="12"/>
    </row>
    <row r="361517" spans="8:8">
      <c r="H361517" s="12"/>
    </row>
    <row r="361518" spans="8:8">
      <c r="H361518" s="12"/>
    </row>
    <row r="361519" spans="8:8">
      <c r="H361519" s="12"/>
    </row>
    <row r="361520" spans="8:8">
      <c r="H361520" s="12"/>
    </row>
    <row r="361521" spans="8:8">
      <c r="H361521" s="12"/>
    </row>
    <row r="361522" spans="8:8">
      <c r="H361522" s="12"/>
    </row>
    <row r="361523" spans="8:8">
      <c r="H361523" s="12"/>
    </row>
    <row r="361524" spans="8:8">
      <c r="H361524" s="12"/>
    </row>
    <row r="361525" spans="8:8">
      <c r="H361525" s="12"/>
    </row>
    <row r="361526" spans="8:8">
      <c r="H361526" s="12"/>
    </row>
    <row r="361527" spans="8:8">
      <c r="H361527" s="12"/>
    </row>
    <row r="361528" spans="8:8">
      <c r="H361528" s="12"/>
    </row>
    <row r="361529" spans="8:8">
      <c r="H361529" s="12"/>
    </row>
    <row r="361530" spans="8:8">
      <c r="H361530" s="12"/>
    </row>
    <row r="361531" spans="8:8">
      <c r="H361531" s="12"/>
    </row>
    <row r="361532" spans="8:8">
      <c r="H361532" s="12"/>
    </row>
    <row r="361533" spans="8:8">
      <c r="H361533" s="12"/>
    </row>
    <row r="361534" spans="8:8">
      <c r="H361534" s="12"/>
    </row>
    <row r="361535" spans="8:8">
      <c r="H361535" s="12"/>
    </row>
    <row r="361536" spans="8:8">
      <c r="H361536" s="12"/>
    </row>
    <row r="361537" spans="8:8">
      <c r="H361537" s="12"/>
    </row>
    <row r="361538" spans="8:8">
      <c r="H361538" s="12"/>
    </row>
    <row r="361539" spans="8:8">
      <c r="H361539" s="12"/>
    </row>
    <row r="361540" spans="8:8">
      <c r="H361540" s="12"/>
    </row>
    <row r="361541" spans="8:8">
      <c r="H361541" s="12"/>
    </row>
    <row r="361542" spans="8:8">
      <c r="H361542" s="12"/>
    </row>
    <row r="361543" spans="8:8">
      <c r="H361543" s="12"/>
    </row>
    <row r="361544" spans="8:8">
      <c r="H361544" s="12"/>
    </row>
    <row r="361545" spans="8:8">
      <c r="H361545" s="12"/>
    </row>
    <row r="361546" spans="8:8">
      <c r="H361546" s="12"/>
    </row>
    <row r="361547" spans="8:8">
      <c r="H361547" s="12"/>
    </row>
    <row r="361548" spans="8:8">
      <c r="H361548" s="12"/>
    </row>
    <row r="361549" spans="8:8">
      <c r="H361549" s="12"/>
    </row>
    <row r="361550" spans="8:8">
      <c r="H361550" s="12"/>
    </row>
    <row r="361551" spans="8:8">
      <c r="H361551" s="12"/>
    </row>
    <row r="361552" spans="8:8">
      <c r="H361552" s="12"/>
    </row>
    <row r="361553" spans="8:8">
      <c r="H361553" s="12"/>
    </row>
    <row r="361554" spans="8:8">
      <c r="H361554" s="12"/>
    </row>
    <row r="361555" spans="8:8">
      <c r="H361555" s="12"/>
    </row>
    <row r="361556" spans="8:8">
      <c r="H361556" s="12"/>
    </row>
    <row r="361557" spans="8:8">
      <c r="H361557" s="12"/>
    </row>
    <row r="361558" spans="8:8">
      <c r="H361558" s="12"/>
    </row>
    <row r="361559" spans="8:8">
      <c r="H361559" s="12"/>
    </row>
    <row r="361560" spans="8:8">
      <c r="H361560" s="12"/>
    </row>
    <row r="361561" spans="8:8">
      <c r="H361561" s="12"/>
    </row>
    <row r="361562" spans="8:8">
      <c r="H361562" s="12"/>
    </row>
    <row r="361563" spans="8:8">
      <c r="H361563" s="12"/>
    </row>
    <row r="361564" spans="8:8">
      <c r="H361564" s="12"/>
    </row>
    <row r="361565" spans="8:8">
      <c r="H361565" s="12"/>
    </row>
    <row r="361566" spans="8:8">
      <c r="H361566" s="12"/>
    </row>
    <row r="361567" spans="8:8">
      <c r="H361567" s="12"/>
    </row>
    <row r="361568" spans="8:8">
      <c r="H361568" s="12"/>
    </row>
    <row r="361569" spans="8:8">
      <c r="H361569" s="12"/>
    </row>
    <row r="361570" spans="8:8">
      <c r="H361570" s="12"/>
    </row>
    <row r="361571" spans="8:8">
      <c r="H361571" s="12"/>
    </row>
    <row r="361572" spans="8:8">
      <c r="H361572" s="12"/>
    </row>
    <row r="361573" spans="8:8">
      <c r="H361573" s="12"/>
    </row>
    <row r="361574" spans="8:8">
      <c r="H361574" s="12"/>
    </row>
    <row r="361575" spans="8:8">
      <c r="H361575" s="12"/>
    </row>
    <row r="361576" spans="8:8">
      <c r="H361576" s="12"/>
    </row>
    <row r="361577" spans="8:8">
      <c r="H361577" s="12"/>
    </row>
    <row r="361578" spans="8:8">
      <c r="H361578" s="12"/>
    </row>
    <row r="361579" spans="8:8">
      <c r="H361579" s="12"/>
    </row>
    <row r="361580" spans="8:8">
      <c r="H361580" s="12"/>
    </row>
    <row r="361581" spans="8:8">
      <c r="H361581" s="12"/>
    </row>
    <row r="361582" spans="8:8">
      <c r="H361582" s="12"/>
    </row>
    <row r="361583" spans="8:8">
      <c r="H361583" s="12"/>
    </row>
    <row r="361584" spans="8:8">
      <c r="H361584" s="12"/>
    </row>
    <row r="361585" spans="8:8">
      <c r="H361585" s="12"/>
    </row>
    <row r="361586" spans="8:8">
      <c r="H361586" s="12"/>
    </row>
    <row r="361587" spans="8:8">
      <c r="H361587" s="12"/>
    </row>
    <row r="361588" spans="8:8">
      <c r="H361588" s="12"/>
    </row>
    <row r="361589" spans="8:8">
      <c r="H361589" s="12"/>
    </row>
    <row r="361590" spans="8:8">
      <c r="H361590" s="12"/>
    </row>
    <row r="361591" spans="8:8">
      <c r="H361591" s="12"/>
    </row>
    <row r="361592" spans="8:8">
      <c r="H361592" s="12"/>
    </row>
    <row r="361593" spans="8:8">
      <c r="H361593" s="12"/>
    </row>
    <row r="361594" spans="8:8">
      <c r="H361594" s="12"/>
    </row>
    <row r="361595" spans="8:8">
      <c r="H361595" s="12"/>
    </row>
    <row r="361596" spans="8:8">
      <c r="H361596" s="12"/>
    </row>
    <row r="361597" spans="8:8">
      <c r="H361597" s="12"/>
    </row>
    <row r="361598" spans="8:8">
      <c r="H361598" s="12"/>
    </row>
    <row r="361599" spans="8:8">
      <c r="H361599" s="12"/>
    </row>
    <row r="361600" spans="8:8">
      <c r="H361600" s="12"/>
    </row>
    <row r="361601" spans="8:8">
      <c r="H361601" s="12"/>
    </row>
    <row r="361602" spans="8:8">
      <c r="H361602" s="12"/>
    </row>
    <row r="361603" spans="8:8">
      <c r="H361603" s="12"/>
    </row>
    <row r="361604" spans="8:8">
      <c r="H361604" s="12"/>
    </row>
    <row r="361605" spans="8:8">
      <c r="H361605" s="12"/>
    </row>
    <row r="361606" spans="8:8">
      <c r="H361606" s="12"/>
    </row>
    <row r="361607" spans="8:8">
      <c r="H361607" s="12"/>
    </row>
    <row r="361608" spans="8:8">
      <c r="H361608" s="12"/>
    </row>
    <row r="361609" spans="8:8">
      <c r="H361609" s="12"/>
    </row>
    <row r="361610" spans="8:8">
      <c r="H361610" s="12"/>
    </row>
    <row r="361611" spans="8:8">
      <c r="H361611" s="12"/>
    </row>
    <row r="361612" spans="8:8">
      <c r="H361612" s="12"/>
    </row>
    <row r="361613" spans="8:8">
      <c r="H361613" s="12"/>
    </row>
    <row r="361614" spans="8:8">
      <c r="H361614" s="12"/>
    </row>
    <row r="361615" spans="8:8">
      <c r="H361615" s="12"/>
    </row>
    <row r="361616" spans="8:8">
      <c r="H361616" s="12"/>
    </row>
    <row r="361617" spans="8:8">
      <c r="H361617" s="12"/>
    </row>
    <row r="361618" spans="8:8">
      <c r="H361618" s="12"/>
    </row>
    <row r="361619" spans="8:8">
      <c r="H361619" s="12"/>
    </row>
    <row r="361620" spans="8:8">
      <c r="H361620" s="12"/>
    </row>
    <row r="361621" spans="8:8">
      <c r="H361621" s="12"/>
    </row>
    <row r="361622" spans="8:8">
      <c r="H361622" s="12"/>
    </row>
    <row r="361623" spans="8:8">
      <c r="H361623" s="12"/>
    </row>
    <row r="361624" spans="8:8">
      <c r="H361624" s="12"/>
    </row>
    <row r="361625" spans="8:8">
      <c r="H361625" s="12"/>
    </row>
    <row r="361626" spans="8:8">
      <c r="H361626" s="12"/>
    </row>
    <row r="361627" spans="8:8">
      <c r="H361627" s="12"/>
    </row>
    <row r="361628" spans="8:8">
      <c r="H361628" s="12"/>
    </row>
    <row r="361629" spans="8:8">
      <c r="H361629" s="12"/>
    </row>
    <row r="361630" spans="8:8">
      <c r="H361630" s="12"/>
    </row>
    <row r="361631" spans="8:8">
      <c r="H361631" s="12"/>
    </row>
    <row r="361632" spans="8:8">
      <c r="H361632" s="12"/>
    </row>
    <row r="361633" spans="8:8">
      <c r="H361633" s="12"/>
    </row>
    <row r="361634" spans="8:8">
      <c r="H361634" s="12"/>
    </row>
    <row r="361635" spans="8:8">
      <c r="H361635" s="12"/>
    </row>
    <row r="361636" spans="8:8">
      <c r="H361636" s="12"/>
    </row>
    <row r="361637" spans="8:8">
      <c r="H361637" s="12"/>
    </row>
    <row r="361638" spans="8:8">
      <c r="H361638" s="12"/>
    </row>
    <row r="361639" spans="8:8">
      <c r="H361639" s="12"/>
    </row>
    <row r="361640" spans="8:8">
      <c r="H361640" s="12"/>
    </row>
    <row r="361641" spans="8:8">
      <c r="H361641" s="12"/>
    </row>
    <row r="361642" spans="8:8">
      <c r="H361642" s="12"/>
    </row>
    <row r="361643" spans="8:8">
      <c r="H361643" s="12"/>
    </row>
    <row r="361644" spans="8:8">
      <c r="H361644" s="12"/>
    </row>
    <row r="361645" spans="8:8">
      <c r="H361645" s="12"/>
    </row>
    <row r="361646" spans="8:8">
      <c r="H361646" s="12"/>
    </row>
    <row r="361647" spans="8:8">
      <c r="H361647" s="12"/>
    </row>
    <row r="361648" spans="8:8">
      <c r="H361648" s="12"/>
    </row>
    <row r="361649" spans="8:8">
      <c r="H361649" s="12"/>
    </row>
    <row r="361650" spans="8:8">
      <c r="H361650" s="12"/>
    </row>
    <row r="361651" spans="8:8">
      <c r="H361651" s="12"/>
    </row>
    <row r="361652" spans="8:8">
      <c r="H361652" s="12"/>
    </row>
    <row r="361653" spans="8:8">
      <c r="H361653" s="12"/>
    </row>
    <row r="361654" spans="8:8">
      <c r="H361654" s="12"/>
    </row>
    <row r="361655" spans="8:8">
      <c r="H361655" s="12"/>
    </row>
    <row r="361656" spans="8:8">
      <c r="H361656" s="12"/>
    </row>
    <row r="361657" spans="8:8">
      <c r="H361657" s="12"/>
    </row>
    <row r="361658" spans="8:8">
      <c r="H361658" s="12"/>
    </row>
    <row r="361659" spans="8:8">
      <c r="H361659" s="12"/>
    </row>
    <row r="361660" spans="8:8">
      <c r="H361660" s="12"/>
    </row>
    <row r="361661" spans="8:8">
      <c r="H361661" s="12"/>
    </row>
    <row r="361662" spans="8:8">
      <c r="H361662" s="12"/>
    </row>
    <row r="361663" spans="8:8">
      <c r="H361663" s="12"/>
    </row>
    <row r="361664" spans="8:8">
      <c r="H361664" s="12"/>
    </row>
    <row r="361665" spans="8:8">
      <c r="H361665" s="12"/>
    </row>
    <row r="361666" spans="8:8">
      <c r="H361666" s="12"/>
    </row>
    <row r="361667" spans="8:8">
      <c r="H361667" s="12"/>
    </row>
    <row r="361668" spans="8:8">
      <c r="H361668" s="12"/>
    </row>
    <row r="361669" spans="8:8">
      <c r="H361669" s="12"/>
    </row>
    <row r="361670" spans="8:8">
      <c r="H361670" s="12"/>
    </row>
    <row r="361671" spans="8:8">
      <c r="H361671" s="12"/>
    </row>
    <row r="361672" spans="8:8">
      <c r="H361672" s="12"/>
    </row>
    <row r="361673" spans="8:8">
      <c r="H361673" s="12"/>
    </row>
    <row r="361674" spans="8:8">
      <c r="H361674" s="12"/>
    </row>
    <row r="361675" spans="8:8">
      <c r="H361675" s="12"/>
    </row>
    <row r="361676" spans="8:8">
      <c r="H361676" s="12"/>
    </row>
    <row r="361677" spans="8:8">
      <c r="H361677" s="12"/>
    </row>
    <row r="361678" spans="8:8">
      <c r="H361678" s="12"/>
    </row>
    <row r="361679" spans="8:8">
      <c r="H361679" s="12"/>
    </row>
    <row r="361680" spans="8:8">
      <c r="H361680" s="12"/>
    </row>
    <row r="361681" spans="8:8">
      <c r="H361681" s="12"/>
    </row>
    <row r="361682" spans="8:8">
      <c r="H361682" s="12"/>
    </row>
    <row r="361683" spans="8:8">
      <c r="H361683" s="12"/>
    </row>
    <row r="361684" spans="8:8">
      <c r="H361684" s="12"/>
    </row>
    <row r="361685" spans="8:8">
      <c r="H361685" s="12"/>
    </row>
    <row r="361686" spans="8:8">
      <c r="H361686" s="12"/>
    </row>
    <row r="361687" spans="8:8">
      <c r="H361687" s="12"/>
    </row>
    <row r="361688" spans="8:8">
      <c r="H361688" s="12"/>
    </row>
    <row r="361689" spans="8:8">
      <c r="H361689" s="12"/>
    </row>
    <row r="361690" spans="8:8">
      <c r="H361690" s="12"/>
    </row>
    <row r="361691" spans="8:8">
      <c r="H361691" s="12"/>
    </row>
    <row r="361692" spans="8:8">
      <c r="H361692" s="12"/>
    </row>
    <row r="361693" spans="8:8">
      <c r="H361693" s="12"/>
    </row>
    <row r="361694" spans="8:8">
      <c r="H361694" s="12"/>
    </row>
    <row r="361695" spans="8:8">
      <c r="H361695" s="12"/>
    </row>
    <row r="361696" spans="8:8">
      <c r="H361696" s="12"/>
    </row>
    <row r="361697" spans="8:8">
      <c r="H361697" s="12"/>
    </row>
    <row r="361698" spans="8:8">
      <c r="H361698" s="12"/>
    </row>
    <row r="361699" spans="8:8">
      <c r="H361699" s="12"/>
    </row>
    <row r="361700" spans="8:8">
      <c r="H361700" s="12"/>
    </row>
    <row r="361701" spans="8:8">
      <c r="H361701" s="12"/>
    </row>
    <row r="361702" spans="8:8">
      <c r="H361702" s="12"/>
    </row>
    <row r="361703" spans="8:8">
      <c r="H361703" s="12"/>
    </row>
    <row r="361704" spans="8:8">
      <c r="H361704" s="12"/>
    </row>
    <row r="361705" spans="8:8">
      <c r="H361705" s="12"/>
    </row>
    <row r="361706" spans="8:8">
      <c r="H361706" s="12"/>
    </row>
    <row r="361707" spans="8:8">
      <c r="H361707" s="12"/>
    </row>
    <row r="361708" spans="8:8">
      <c r="H361708" s="12"/>
    </row>
    <row r="361709" spans="8:8">
      <c r="H361709" s="12"/>
    </row>
    <row r="361710" spans="8:8">
      <c r="H361710" s="12"/>
    </row>
    <row r="361711" spans="8:8">
      <c r="H361711" s="12"/>
    </row>
    <row r="361712" spans="8:8">
      <c r="H361712" s="12"/>
    </row>
    <row r="361713" spans="8:8">
      <c r="H361713" s="12"/>
    </row>
    <row r="361714" spans="8:8">
      <c r="H361714" s="12"/>
    </row>
    <row r="361715" spans="8:8">
      <c r="H361715" s="12"/>
    </row>
    <row r="361716" spans="8:8">
      <c r="H361716" s="12"/>
    </row>
    <row r="361717" spans="8:8">
      <c r="H361717" s="12"/>
    </row>
    <row r="361718" spans="8:8">
      <c r="H361718" s="12"/>
    </row>
    <row r="361719" spans="8:8">
      <c r="H361719" s="12"/>
    </row>
    <row r="361720" spans="8:8">
      <c r="H361720" s="12"/>
    </row>
    <row r="361721" spans="8:8">
      <c r="H361721" s="12"/>
    </row>
    <row r="361722" spans="8:8">
      <c r="H361722" s="12"/>
    </row>
    <row r="361723" spans="8:8">
      <c r="H361723" s="12"/>
    </row>
    <row r="361724" spans="8:8">
      <c r="H361724" s="12"/>
    </row>
    <row r="361725" spans="8:8">
      <c r="H361725" s="12"/>
    </row>
    <row r="361726" spans="8:8">
      <c r="H361726" s="12"/>
    </row>
    <row r="361727" spans="8:8">
      <c r="H361727" s="12"/>
    </row>
    <row r="361728" spans="8:8">
      <c r="H361728" s="12"/>
    </row>
    <row r="361729" spans="8:8">
      <c r="H361729" s="12"/>
    </row>
    <row r="361730" spans="8:8">
      <c r="H361730" s="12"/>
    </row>
    <row r="361731" spans="8:8">
      <c r="H361731" s="12"/>
    </row>
    <row r="361732" spans="8:8">
      <c r="H361732" s="12"/>
    </row>
    <row r="361733" spans="8:8">
      <c r="H361733" s="12"/>
    </row>
    <row r="361734" spans="8:8">
      <c r="H361734" s="12"/>
    </row>
    <row r="361735" spans="8:8">
      <c r="H361735" s="12"/>
    </row>
    <row r="361736" spans="8:8">
      <c r="H361736" s="12"/>
    </row>
    <row r="361737" spans="8:8">
      <c r="H361737" s="12"/>
    </row>
    <row r="361738" spans="8:8">
      <c r="H361738" s="12"/>
    </row>
    <row r="361739" spans="8:8">
      <c r="H361739" s="12"/>
    </row>
    <row r="361740" spans="8:8">
      <c r="H361740" s="12"/>
    </row>
    <row r="361741" spans="8:8">
      <c r="H361741" s="12"/>
    </row>
    <row r="361742" spans="8:8">
      <c r="H361742" s="12"/>
    </row>
    <row r="361743" spans="8:8">
      <c r="H361743" s="12"/>
    </row>
    <row r="361744" spans="8:8">
      <c r="H361744" s="12"/>
    </row>
    <row r="361745" spans="8:8">
      <c r="H361745" s="12"/>
    </row>
    <row r="361746" spans="8:8">
      <c r="H361746" s="12"/>
    </row>
    <row r="361747" spans="8:8">
      <c r="H361747" s="12"/>
    </row>
    <row r="361748" spans="8:8">
      <c r="H361748" s="12"/>
    </row>
    <row r="361749" spans="8:8">
      <c r="H361749" s="12"/>
    </row>
    <row r="361750" spans="8:8">
      <c r="H361750" s="12"/>
    </row>
    <row r="361751" spans="8:8">
      <c r="H361751" s="12"/>
    </row>
    <row r="361752" spans="8:8">
      <c r="H361752" s="12"/>
    </row>
    <row r="361753" spans="8:8">
      <c r="H361753" s="12"/>
    </row>
    <row r="361754" spans="8:8">
      <c r="H361754" s="12"/>
    </row>
    <row r="361755" spans="8:8">
      <c r="H361755" s="12"/>
    </row>
    <row r="361756" spans="8:8">
      <c r="H361756" s="12"/>
    </row>
    <row r="361757" spans="8:8">
      <c r="H361757" s="12"/>
    </row>
    <row r="361758" spans="8:8">
      <c r="H361758" s="12"/>
    </row>
    <row r="361759" spans="8:8">
      <c r="H361759" s="12"/>
    </row>
    <row r="361760" spans="8:8">
      <c r="H361760" s="12"/>
    </row>
    <row r="361761" spans="8:8">
      <c r="H361761" s="12"/>
    </row>
    <row r="361762" spans="8:8">
      <c r="H361762" s="12"/>
    </row>
    <row r="361763" spans="8:8">
      <c r="H361763" s="12"/>
    </row>
    <row r="361764" spans="8:8">
      <c r="H361764" s="12"/>
    </row>
    <row r="361765" spans="8:8">
      <c r="H361765" s="12"/>
    </row>
    <row r="361766" spans="8:8">
      <c r="H361766" s="12"/>
    </row>
    <row r="361767" spans="8:8">
      <c r="H361767" s="12"/>
    </row>
    <row r="361768" spans="8:8">
      <c r="H361768" s="12"/>
    </row>
    <row r="361769" spans="8:8">
      <c r="H361769" s="12"/>
    </row>
    <row r="361770" spans="8:8">
      <c r="H361770" s="12"/>
    </row>
    <row r="361771" spans="8:8">
      <c r="H361771" s="12"/>
    </row>
    <row r="361772" spans="8:8">
      <c r="H361772" s="12"/>
    </row>
    <row r="361773" spans="8:8">
      <c r="H361773" s="12"/>
    </row>
    <row r="361774" spans="8:8">
      <c r="H361774" s="12"/>
    </row>
    <row r="361775" spans="8:8">
      <c r="H361775" s="12"/>
    </row>
    <row r="361776" spans="8:8">
      <c r="H361776" s="12"/>
    </row>
    <row r="361777" spans="8:8">
      <c r="H361777" s="12"/>
    </row>
    <row r="361778" spans="8:8">
      <c r="H361778" s="12"/>
    </row>
    <row r="361779" spans="8:8">
      <c r="H361779" s="12"/>
    </row>
    <row r="361780" spans="8:8">
      <c r="H361780" s="12"/>
    </row>
    <row r="361781" spans="8:8">
      <c r="H361781" s="12"/>
    </row>
    <row r="361782" spans="8:8">
      <c r="H361782" s="12"/>
    </row>
    <row r="361783" spans="8:8">
      <c r="H361783" s="12"/>
    </row>
    <row r="361784" spans="8:8">
      <c r="H361784" s="12"/>
    </row>
    <row r="361785" spans="8:8">
      <c r="H361785" s="12"/>
    </row>
    <row r="361786" spans="8:8">
      <c r="H361786" s="12"/>
    </row>
    <row r="361787" spans="8:8">
      <c r="H361787" s="12"/>
    </row>
    <row r="361788" spans="8:8">
      <c r="H361788" s="12"/>
    </row>
    <row r="361789" spans="8:8">
      <c r="H361789" s="12"/>
    </row>
    <row r="361790" spans="8:8">
      <c r="H361790" s="12"/>
    </row>
    <row r="361791" spans="8:8">
      <c r="H361791" s="12"/>
    </row>
    <row r="361792" spans="8:8">
      <c r="H361792" s="12"/>
    </row>
    <row r="361793" spans="8:8">
      <c r="H361793" s="12"/>
    </row>
    <row r="361794" spans="8:8">
      <c r="H361794" s="12"/>
    </row>
    <row r="361795" spans="8:8">
      <c r="H361795" s="12"/>
    </row>
    <row r="361796" spans="8:8">
      <c r="H361796" s="12"/>
    </row>
    <row r="361797" spans="8:8">
      <c r="H361797" s="12"/>
    </row>
    <row r="361798" spans="8:8">
      <c r="H361798" s="12"/>
    </row>
    <row r="361799" spans="8:8">
      <c r="H361799" s="12"/>
    </row>
    <row r="361800" spans="8:8">
      <c r="H361800" s="12"/>
    </row>
    <row r="361801" spans="8:8">
      <c r="H361801" s="12"/>
    </row>
    <row r="361802" spans="8:8">
      <c r="H361802" s="12"/>
    </row>
    <row r="361803" spans="8:8">
      <c r="H361803" s="12"/>
    </row>
    <row r="361804" spans="8:8">
      <c r="H361804" s="12"/>
    </row>
    <row r="361805" spans="8:8">
      <c r="H361805" s="12"/>
    </row>
    <row r="361806" spans="8:8">
      <c r="H361806" s="12"/>
    </row>
    <row r="361807" spans="8:8">
      <c r="H361807" s="12"/>
    </row>
    <row r="361808" spans="8:8">
      <c r="H361808" s="12"/>
    </row>
    <row r="361809" spans="8:8">
      <c r="H361809" s="12"/>
    </row>
    <row r="361810" spans="8:8">
      <c r="H361810" s="12"/>
    </row>
    <row r="361811" spans="8:8">
      <c r="H361811" s="12"/>
    </row>
    <row r="361812" spans="8:8">
      <c r="H361812" s="12"/>
    </row>
    <row r="361813" spans="8:8">
      <c r="H361813" s="12"/>
    </row>
    <row r="361814" spans="8:8">
      <c r="H361814" s="12"/>
    </row>
    <row r="361815" spans="8:8">
      <c r="H361815" s="12"/>
    </row>
    <row r="361816" spans="8:8">
      <c r="H361816" s="12"/>
    </row>
    <row r="361817" spans="8:8">
      <c r="H361817" s="12"/>
    </row>
    <row r="361818" spans="8:8">
      <c r="H361818" s="12"/>
    </row>
    <row r="361819" spans="8:8">
      <c r="H361819" s="12"/>
    </row>
    <row r="361820" spans="8:8">
      <c r="H361820" s="12"/>
    </row>
    <row r="361821" spans="8:8">
      <c r="H361821" s="12"/>
    </row>
    <row r="361822" spans="8:8">
      <c r="H361822" s="12"/>
    </row>
    <row r="361823" spans="8:8">
      <c r="H361823" s="12"/>
    </row>
    <row r="361824" spans="8:8">
      <c r="H361824" s="12"/>
    </row>
    <row r="361825" spans="8:8">
      <c r="H361825" s="12"/>
    </row>
    <row r="361826" spans="8:8">
      <c r="H361826" s="12"/>
    </row>
    <row r="361827" spans="8:8">
      <c r="H361827" s="12"/>
    </row>
    <row r="361828" spans="8:8">
      <c r="H361828" s="12"/>
    </row>
    <row r="361829" spans="8:8">
      <c r="H361829" s="12"/>
    </row>
    <row r="361830" spans="8:8">
      <c r="H361830" s="12"/>
    </row>
    <row r="361831" spans="8:8">
      <c r="H361831" s="12"/>
    </row>
    <row r="361832" spans="8:8">
      <c r="H361832" s="12"/>
    </row>
    <row r="361833" spans="8:8">
      <c r="H361833" s="12"/>
    </row>
    <row r="361834" spans="8:8">
      <c r="H361834" s="12"/>
    </row>
    <row r="361835" spans="8:8">
      <c r="H361835" s="12"/>
    </row>
    <row r="361836" spans="8:8">
      <c r="H361836" s="12"/>
    </row>
    <row r="361837" spans="8:8">
      <c r="H361837" s="12"/>
    </row>
    <row r="361838" spans="8:8">
      <c r="H361838" s="12"/>
    </row>
    <row r="361839" spans="8:8">
      <c r="H361839" s="12"/>
    </row>
    <row r="361840" spans="8:8">
      <c r="H361840" s="12"/>
    </row>
    <row r="361841" spans="8:8">
      <c r="H361841" s="12"/>
    </row>
    <row r="361842" spans="8:8">
      <c r="H361842" s="12"/>
    </row>
    <row r="361843" spans="8:8">
      <c r="H361843" s="12"/>
    </row>
    <row r="361844" spans="8:8">
      <c r="H361844" s="12"/>
    </row>
    <row r="361845" spans="8:8">
      <c r="H361845" s="12"/>
    </row>
    <row r="361846" spans="8:8">
      <c r="H361846" s="12"/>
    </row>
    <row r="361847" spans="8:8">
      <c r="H361847" s="12"/>
    </row>
    <row r="361848" spans="8:8">
      <c r="H361848" s="12"/>
    </row>
    <row r="361849" spans="8:8">
      <c r="H361849" s="12"/>
    </row>
    <row r="361850" spans="8:8">
      <c r="H361850" s="12"/>
    </row>
    <row r="361851" spans="8:8">
      <c r="H361851" s="12"/>
    </row>
    <row r="361852" spans="8:8">
      <c r="H361852" s="12"/>
    </row>
    <row r="361853" spans="8:8">
      <c r="H361853" s="12"/>
    </row>
    <row r="361854" spans="8:8">
      <c r="H361854" s="12"/>
    </row>
    <row r="361855" spans="8:8">
      <c r="H361855" s="12"/>
    </row>
    <row r="361856" spans="8:8">
      <c r="H361856" s="12"/>
    </row>
    <row r="361857" spans="8:8">
      <c r="H361857" s="12"/>
    </row>
    <row r="361858" spans="8:8">
      <c r="H361858" s="12"/>
    </row>
    <row r="361859" spans="8:8">
      <c r="H361859" s="12"/>
    </row>
    <row r="361860" spans="8:8">
      <c r="H361860" s="12"/>
    </row>
    <row r="361861" spans="8:8">
      <c r="H361861" s="12"/>
    </row>
    <row r="361862" spans="8:8">
      <c r="H361862" s="12"/>
    </row>
    <row r="361863" spans="8:8">
      <c r="H361863" s="12"/>
    </row>
    <row r="361864" spans="8:8">
      <c r="H361864" s="12"/>
    </row>
    <row r="361865" spans="8:8">
      <c r="H361865" s="12"/>
    </row>
    <row r="361866" spans="8:8">
      <c r="H361866" s="12"/>
    </row>
    <row r="361867" spans="8:8">
      <c r="H361867" s="12"/>
    </row>
    <row r="361868" spans="8:8">
      <c r="H361868" s="12"/>
    </row>
    <row r="361869" spans="8:8">
      <c r="H361869" s="12"/>
    </row>
    <row r="361870" spans="8:8">
      <c r="H361870" s="12"/>
    </row>
    <row r="361871" spans="8:8">
      <c r="H361871" s="12"/>
    </row>
    <row r="361872" spans="8:8">
      <c r="H361872" s="12"/>
    </row>
    <row r="361873" spans="8:8">
      <c r="H361873" s="12"/>
    </row>
    <row r="361874" spans="8:8">
      <c r="H361874" s="12"/>
    </row>
    <row r="361875" spans="8:8">
      <c r="H361875" s="12"/>
    </row>
    <row r="361876" spans="8:8">
      <c r="H361876" s="12"/>
    </row>
    <row r="361877" spans="8:8">
      <c r="H361877" s="12"/>
    </row>
    <row r="361878" spans="8:8">
      <c r="H361878" s="12"/>
    </row>
    <row r="361879" spans="8:8">
      <c r="H361879" s="12"/>
    </row>
    <row r="361880" spans="8:8">
      <c r="H361880" s="12"/>
    </row>
    <row r="361881" spans="8:8">
      <c r="H361881" s="12"/>
    </row>
    <row r="361882" spans="8:8">
      <c r="H361882" s="12"/>
    </row>
    <row r="361883" spans="8:8">
      <c r="H361883" s="12"/>
    </row>
    <row r="361884" spans="8:8">
      <c r="H361884" s="12"/>
    </row>
    <row r="361885" spans="8:8">
      <c r="H361885" s="12"/>
    </row>
    <row r="361886" spans="8:8">
      <c r="H361886" s="12"/>
    </row>
    <row r="361887" spans="8:8">
      <c r="H361887" s="12"/>
    </row>
    <row r="361888" spans="8:8">
      <c r="H361888" s="12"/>
    </row>
    <row r="361889" spans="8:8">
      <c r="H361889" s="12"/>
    </row>
    <row r="361890" spans="8:8">
      <c r="H361890" s="12"/>
    </row>
    <row r="361891" spans="8:8">
      <c r="H361891" s="12"/>
    </row>
    <row r="361892" spans="8:8">
      <c r="H361892" s="12"/>
    </row>
    <row r="361893" spans="8:8">
      <c r="H361893" s="12"/>
    </row>
    <row r="361894" spans="8:8">
      <c r="H361894" s="12"/>
    </row>
    <row r="361895" spans="8:8">
      <c r="H361895" s="12"/>
    </row>
    <row r="361896" spans="8:8">
      <c r="H361896" s="12"/>
    </row>
    <row r="361897" spans="8:8">
      <c r="H361897" s="12"/>
    </row>
    <row r="361898" spans="8:8">
      <c r="H361898" s="12"/>
    </row>
    <row r="361899" spans="8:8">
      <c r="H361899" s="12"/>
    </row>
    <row r="361900" spans="8:8">
      <c r="H361900" s="12"/>
    </row>
    <row r="361901" spans="8:8">
      <c r="H361901" s="12"/>
    </row>
    <row r="361902" spans="8:8">
      <c r="H361902" s="12"/>
    </row>
    <row r="361903" spans="8:8">
      <c r="H361903" s="12"/>
    </row>
    <row r="361904" spans="8:8">
      <c r="H361904" s="12"/>
    </row>
    <row r="361905" spans="8:8">
      <c r="H361905" s="12"/>
    </row>
    <row r="361906" spans="8:8">
      <c r="H361906" s="12"/>
    </row>
    <row r="361907" spans="8:8">
      <c r="H361907" s="12"/>
    </row>
    <row r="361908" spans="8:8">
      <c r="H361908" s="12"/>
    </row>
    <row r="361909" spans="8:8">
      <c r="H361909" s="12"/>
    </row>
    <row r="361910" spans="8:8">
      <c r="H361910" s="12"/>
    </row>
    <row r="361911" spans="8:8">
      <c r="H361911" s="12"/>
    </row>
    <row r="361912" spans="8:8">
      <c r="H361912" s="12"/>
    </row>
    <row r="361913" spans="8:8">
      <c r="H361913" s="12"/>
    </row>
    <row r="361914" spans="8:8">
      <c r="H361914" s="12"/>
    </row>
    <row r="361915" spans="8:8">
      <c r="H361915" s="12"/>
    </row>
    <row r="361916" spans="8:8">
      <c r="H361916" s="12"/>
    </row>
    <row r="361917" spans="8:8">
      <c r="H361917" s="12"/>
    </row>
    <row r="361918" spans="8:8">
      <c r="H361918" s="12"/>
    </row>
    <row r="361919" spans="8:8">
      <c r="H361919" s="12"/>
    </row>
    <row r="361920" spans="8:8">
      <c r="H361920" s="12"/>
    </row>
    <row r="361921" spans="8:8">
      <c r="H361921" s="12"/>
    </row>
    <row r="361922" spans="8:8">
      <c r="H361922" s="12"/>
    </row>
    <row r="361923" spans="8:8">
      <c r="H361923" s="12"/>
    </row>
    <row r="361924" spans="8:8">
      <c r="H361924" s="12"/>
    </row>
    <row r="361925" spans="8:8">
      <c r="H361925" s="12"/>
    </row>
    <row r="361926" spans="8:8">
      <c r="H361926" s="12"/>
    </row>
    <row r="361927" spans="8:8">
      <c r="H361927" s="12"/>
    </row>
    <row r="361928" spans="8:8">
      <c r="H361928" s="12"/>
    </row>
    <row r="361929" spans="8:8">
      <c r="H361929" s="12"/>
    </row>
    <row r="361930" spans="8:8">
      <c r="H361930" s="12"/>
    </row>
    <row r="361931" spans="8:8">
      <c r="H361931" s="12"/>
    </row>
    <row r="361932" spans="8:8">
      <c r="H361932" s="12"/>
    </row>
    <row r="361933" spans="8:8">
      <c r="H361933" s="12"/>
    </row>
    <row r="361934" spans="8:8">
      <c r="H361934" s="12"/>
    </row>
    <row r="361935" spans="8:8">
      <c r="H361935" s="12"/>
    </row>
    <row r="361936" spans="8:8">
      <c r="H361936" s="12"/>
    </row>
    <row r="361937" spans="8:8">
      <c r="H361937" s="12"/>
    </row>
    <row r="361938" spans="8:8">
      <c r="H361938" s="12"/>
    </row>
    <row r="361939" spans="8:8">
      <c r="H361939" s="12"/>
    </row>
    <row r="361940" spans="8:8">
      <c r="H361940" s="12"/>
    </row>
    <row r="361941" spans="8:8">
      <c r="H361941" s="12"/>
    </row>
    <row r="361942" spans="8:8">
      <c r="H361942" s="12"/>
    </row>
    <row r="361943" spans="8:8">
      <c r="H361943" s="12"/>
    </row>
    <row r="361944" spans="8:8">
      <c r="H361944" s="12"/>
    </row>
    <row r="361945" spans="8:8">
      <c r="H361945" s="12"/>
    </row>
    <row r="361946" spans="8:8">
      <c r="H361946" s="12"/>
    </row>
    <row r="361947" spans="8:8">
      <c r="H361947" s="12"/>
    </row>
    <row r="361948" spans="8:8">
      <c r="H361948" s="12"/>
    </row>
    <row r="361949" spans="8:8">
      <c r="H361949" s="12"/>
    </row>
    <row r="361950" spans="8:8">
      <c r="H361950" s="12"/>
    </row>
    <row r="361951" spans="8:8">
      <c r="H361951" s="12"/>
    </row>
    <row r="361952" spans="8:8">
      <c r="H361952" s="12"/>
    </row>
    <row r="361953" spans="8:8">
      <c r="H361953" s="12"/>
    </row>
    <row r="361954" spans="8:8">
      <c r="H361954" s="12"/>
    </row>
    <row r="361955" spans="8:8">
      <c r="H361955" s="12"/>
    </row>
    <row r="361956" spans="8:8">
      <c r="H361956" s="12"/>
    </row>
    <row r="361957" spans="8:8">
      <c r="H361957" s="12"/>
    </row>
    <row r="361958" spans="8:8">
      <c r="H361958" s="12"/>
    </row>
    <row r="361959" spans="8:8">
      <c r="H361959" s="12"/>
    </row>
    <row r="361960" spans="8:8">
      <c r="H361960" s="12"/>
    </row>
    <row r="361961" spans="8:8">
      <c r="H361961" s="12"/>
    </row>
    <row r="361962" spans="8:8">
      <c r="H361962" s="12"/>
    </row>
    <row r="361963" spans="8:8">
      <c r="H361963" s="12"/>
    </row>
    <row r="361964" spans="8:8">
      <c r="H361964" s="12"/>
    </row>
    <row r="361965" spans="8:8">
      <c r="H361965" s="12"/>
    </row>
    <row r="361966" spans="8:8">
      <c r="H361966" s="12"/>
    </row>
    <row r="361967" spans="8:8">
      <c r="H361967" s="12"/>
    </row>
    <row r="361968" spans="8:8">
      <c r="H361968" s="12"/>
    </row>
    <row r="361969" spans="8:8">
      <c r="H361969" s="12"/>
    </row>
    <row r="361970" spans="8:8">
      <c r="H361970" s="12"/>
    </row>
    <row r="361971" spans="8:8">
      <c r="H361971" s="12"/>
    </row>
    <row r="361972" spans="8:8">
      <c r="H361972" s="12"/>
    </row>
    <row r="361973" spans="8:8">
      <c r="H361973" s="12"/>
    </row>
    <row r="361974" spans="8:8">
      <c r="H361974" s="12"/>
    </row>
    <row r="361975" spans="8:8">
      <c r="H361975" s="12"/>
    </row>
    <row r="361976" spans="8:8">
      <c r="H361976" s="12"/>
    </row>
    <row r="361977" spans="8:8">
      <c r="H361977" s="12"/>
    </row>
    <row r="361978" spans="8:8">
      <c r="H361978" s="12"/>
    </row>
    <row r="361979" spans="8:8">
      <c r="H361979" s="12"/>
    </row>
    <row r="361980" spans="8:8">
      <c r="H361980" s="12"/>
    </row>
    <row r="361981" spans="8:8">
      <c r="H361981" s="12"/>
    </row>
    <row r="361982" spans="8:8">
      <c r="H361982" s="12"/>
    </row>
    <row r="361983" spans="8:8">
      <c r="H361983" s="12"/>
    </row>
    <row r="361984" spans="8:8">
      <c r="H361984" s="12"/>
    </row>
    <row r="361985" spans="8:8">
      <c r="H361985" s="12"/>
    </row>
    <row r="361986" spans="8:8">
      <c r="H361986" s="12"/>
    </row>
    <row r="361987" spans="8:8">
      <c r="H361987" s="12"/>
    </row>
    <row r="361988" spans="8:8">
      <c r="H361988" s="12"/>
    </row>
    <row r="361989" spans="8:8">
      <c r="H361989" s="12"/>
    </row>
    <row r="361990" spans="8:8">
      <c r="H361990" s="12"/>
    </row>
    <row r="361991" spans="8:8">
      <c r="H361991" s="12"/>
    </row>
    <row r="361992" spans="8:8">
      <c r="H361992" s="12"/>
    </row>
    <row r="361993" spans="8:8">
      <c r="H361993" s="12"/>
    </row>
    <row r="361994" spans="8:8">
      <c r="H361994" s="12"/>
    </row>
    <row r="361995" spans="8:8">
      <c r="H361995" s="12"/>
    </row>
    <row r="361996" spans="8:8">
      <c r="H361996" s="12"/>
    </row>
    <row r="361997" spans="8:8">
      <c r="H361997" s="12"/>
    </row>
    <row r="361998" spans="8:8">
      <c r="H361998" s="12"/>
    </row>
    <row r="361999" spans="8:8">
      <c r="H361999" s="12"/>
    </row>
    <row r="362000" spans="8:8">
      <c r="H362000" s="12"/>
    </row>
    <row r="362001" spans="8:8">
      <c r="H362001" s="12"/>
    </row>
    <row r="362002" spans="8:8">
      <c r="H362002" s="12"/>
    </row>
    <row r="362003" spans="8:8">
      <c r="H362003" s="12"/>
    </row>
    <row r="362004" spans="8:8">
      <c r="H362004" s="12"/>
    </row>
    <row r="362005" spans="8:8">
      <c r="H362005" s="12"/>
    </row>
    <row r="362006" spans="8:8">
      <c r="H362006" s="12"/>
    </row>
    <row r="362007" spans="8:8">
      <c r="H362007" s="12"/>
    </row>
    <row r="362008" spans="8:8">
      <c r="H362008" s="12"/>
    </row>
    <row r="362009" spans="8:8">
      <c r="H362009" s="12"/>
    </row>
    <row r="362010" spans="8:8">
      <c r="H362010" s="12"/>
    </row>
    <row r="362011" spans="8:8">
      <c r="H362011" s="12"/>
    </row>
    <row r="362012" spans="8:8">
      <c r="H362012" s="12"/>
    </row>
    <row r="362013" spans="8:8">
      <c r="H362013" s="12"/>
    </row>
    <row r="362014" spans="8:8">
      <c r="H362014" s="12"/>
    </row>
    <row r="362015" spans="8:8">
      <c r="H362015" s="12"/>
    </row>
    <row r="362016" spans="8:8">
      <c r="H362016" s="12"/>
    </row>
    <row r="362017" spans="8:8">
      <c r="H362017" s="12"/>
    </row>
    <row r="362018" spans="8:8">
      <c r="H362018" s="12"/>
    </row>
    <row r="362019" spans="8:8">
      <c r="H362019" s="12"/>
    </row>
    <row r="362020" spans="8:8">
      <c r="H362020" s="12"/>
    </row>
    <row r="362021" spans="8:8">
      <c r="H362021" s="12"/>
    </row>
    <row r="362022" spans="8:8">
      <c r="H362022" s="12"/>
    </row>
    <row r="362023" spans="8:8">
      <c r="H362023" s="12"/>
    </row>
    <row r="362024" spans="8:8">
      <c r="H362024" s="12"/>
    </row>
    <row r="362025" spans="8:8">
      <c r="H362025" s="12"/>
    </row>
    <row r="362026" spans="8:8">
      <c r="H362026" s="12"/>
    </row>
    <row r="362027" spans="8:8">
      <c r="H362027" s="12"/>
    </row>
    <row r="362028" spans="8:8">
      <c r="H362028" s="12"/>
    </row>
    <row r="362029" spans="8:8">
      <c r="H362029" s="12"/>
    </row>
    <row r="362030" spans="8:8">
      <c r="H362030" s="12"/>
    </row>
    <row r="362031" spans="8:8">
      <c r="H362031" s="12"/>
    </row>
    <row r="362032" spans="8:8">
      <c r="H362032" s="12"/>
    </row>
    <row r="362033" spans="8:8">
      <c r="H362033" s="12"/>
    </row>
    <row r="362034" spans="8:8">
      <c r="H362034" s="12"/>
    </row>
    <row r="362035" spans="8:8">
      <c r="H362035" s="12"/>
    </row>
    <row r="362036" spans="8:8">
      <c r="H362036" s="12"/>
    </row>
    <row r="362037" spans="8:8">
      <c r="H362037" s="12"/>
    </row>
    <row r="362038" spans="8:8">
      <c r="H362038" s="12"/>
    </row>
    <row r="362039" spans="8:8">
      <c r="H362039" s="12"/>
    </row>
    <row r="362040" spans="8:8">
      <c r="H362040" s="12"/>
    </row>
    <row r="362041" spans="8:8">
      <c r="H362041" s="12"/>
    </row>
    <row r="362042" spans="8:8">
      <c r="H362042" s="12"/>
    </row>
    <row r="362043" spans="8:8">
      <c r="H362043" s="12"/>
    </row>
    <row r="362044" spans="8:8">
      <c r="H362044" s="12"/>
    </row>
    <row r="362045" spans="8:8">
      <c r="H362045" s="12"/>
    </row>
    <row r="362046" spans="8:8">
      <c r="H362046" s="12"/>
    </row>
    <row r="362047" spans="8:8">
      <c r="H362047" s="12"/>
    </row>
    <row r="362048" spans="8:8">
      <c r="H362048" s="12"/>
    </row>
    <row r="362049" spans="8:8">
      <c r="H362049" s="12"/>
    </row>
    <row r="362050" spans="8:8">
      <c r="H362050" s="12"/>
    </row>
    <row r="362051" spans="8:8">
      <c r="H362051" s="12"/>
    </row>
    <row r="362052" spans="8:8">
      <c r="H362052" s="12"/>
    </row>
    <row r="362053" spans="8:8">
      <c r="H362053" s="12"/>
    </row>
    <row r="362054" spans="8:8">
      <c r="H362054" s="12"/>
    </row>
    <row r="362055" spans="8:8">
      <c r="H362055" s="12"/>
    </row>
    <row r="362056" spans="8:8">
      <c r="H362056" s="12"/>
    </row>
    <row r="362057" spans="8:8">
      <c r="H362057" s="12"/>
    </row>
    <row r="362058" spans="8:8">
      <c r="H362058" s="12"/>
    </row>
    <row r="362059" spans="8:8">
      <c r="H362059" s="12"/>
    </row>
    <row r="362060" spans="8:8">
      <c r="H362060" s="12"/>
    </row>
    <row r="362061" spans="8:8">
      <c r="H362061" s="12"/>
    </row>
    <row r="362062" spans="8:8">
      <c r="H362062" s="12"/>
    </row>
    <row r="362063" spans="8:8">
      <c r="H362063" s="12"/>
    </row>
    <row r="362064" spans="8:8">
      <c r="H362064" s="12"/>
    </row>
    <row r="362065" spans="8:8">
      <c r="H362065" s="12"/>
    </row>
    <row r="362066" spans="8:8">
      <c r="H362066" s="12"/>
    </row>
    <row r="362067" spans="8:8">
      <c r="H362067" s="12"/>
    </row>
    <row r="362068" spans="8:8">
      <c r="H362068" s="12"/>
    </row>
    <row r="362069" spans="8:8">
      <c r="H362069" s="12"/>
    </row>
    <row r="362070" spans="8:8">
      <c r="H362070" s="12"/>
    </row>
    <row r="362071" spans="8:8">
      <c r="H362071" s="12"/>
    </row>
    <row r="362072" spans="8:8">
      <c r="H362072" s="12"/>
    </row>
    <row r="362073" spans="8:8">
      <c r="H362073" s="12"/>
    </row>
    <row r="362074" spans="8:8">
      <c r="H362074" s="12"/>
    </row>
    <row r="362075" spans="8:8">
      <c r="H362075" s="12"/>
    </row>
    <row r="362076" spans="8:8">
      <c r="H362076" s="12"/>
    </row>
    <row r="362077" spans="8:8">
      <c r="H362077" s="12"/>
    </row>
    <row r="362078" spans="8:8">
      <c r="H362078" s="12"/>
    </row>
    <row r="362079" spans="8:8">
      <c r="H362079" s="12"/>
    </row>
    <row r="362080" spans="8:8">
      <c r="H362080" s="12"/>
    </row>
    <row r="362081" spans="8:8">
      <c r="H362081" s="12"/>
    </row>
    <row r="362082" spans="8:8">
      <c r="H362082" s="12"/>
    </row>
    <row r="362083" spans="8:8">
      <c r="H362083" s="12"/>
    </row>
    <row r="362084" spans="8:8">
      <c r="H362084" s="12"/>
    </row>
    <row r="362085" spans="8:8">
      <c r="H362085" s="12"/>
    </row>
    <row r="362086" spans="8:8">
      <c r="H362086" s="12"/>
    </row>
    <row r="362087" spans="8:8">
      <c r="H362087" s="12"/>
    </row>
    <row r="362088" spans="8:8">
      <c r="H362088" s="12"/>
    </row>
    <row r="362089" spans="8:8">
      <c r="H362089" s="12"/>
    </row>
    <row r="362090" spans="8:8">
      <c r="H362090" s="12"/>
    </row>
    <row r="362091" spans="8:8">
      <c r="H362091" s="12"/>
    </row>
    <row r="362092" spans="8:8">
      <c r="H362092" s="12"/>
    </row>
    <row r="362093" spans="8:8">
      <c r="H362093" s="12"/>
    </row>
    <row r="362094" spans="8:8">
      <c r="H362094" s="12"/>
    </row>
    <row r="362095" spans="8:8">
      <c r="H362095" s="12"/>
    </row>
    <row r="362096" spans="8:8">
      <c r="H362096" s="12"/>
    </row>
    <row r="362097" spans="8:8">
      <c r="H362097" s="12"/>
    </row>
    <row r="362098" spans="8:8">
      <c r="H362098" s="12"/>
    </row>
    <row r="362099" spans="8:8">
      <c r="H362099" s="12"/>
    </row>
    <row r="362100" spans="8:8">
      <c r="H362100" s="12"/>
    </row>
    <row r="362101" spans="8:8">
      <c r="H362101" s="12"/>
    </row>
    <row r="362102" spans="8:8">
      <c r="H362102" s="12"/>
    </row>
    <row r="362103" spans="8:8">
      <c r="H362103" s="12"/>
    </row>
    <row r="362104" spans="8:8">
      <c r="H362104" s="12"/>
    </row>
    <row r="362105" spans="8:8">
      <c r="H362105" s="12"/>
    </row>
    <row r="362106" spans="8:8">
      <c r="H362106" s="12"/>
    </row>
    <row r="362107" spans="8:8">
      <c r="H362107" s="12"/>
    </row>
    <row r="362108" spans="8:8">
      <c r="H362108" s="12"/>
    </row>
    <row r="362109" spans="8:8">
      <c r="H362109" s="12"/>
    </row>
    <row r="362110" spans="8:8">
      <c r="H362110" s="12"/>
    </row>
    <row r="362111" spans="8:8">
      <c r="H362111" s="12"/>
    </row>
    <row r="362112" spans="8:8">
      <c r="H362112" s="12"/>
    </row>
    <row r="362113" spans="8:8">
      <c r="H362113" s="12"/>
    </row>
    <row r="362114" spans="8:8">
      <c r="H362114" s="12"/>
    </row>
    <row r="362115" spans="8:8">
      <c r="H362115" s="12"/>
    </row>
    <row r="362116" spans="8:8">
      <c r="H362116" s="12"/>
    </row>
    <row r="362117" spans="8:8">
      <c r="H362117" s="12"/>
    </row>
    <row r="362118" spans="8:8">
      <c r="H362118" s="12"/>
    </row>
    <row r="362119" spans="8:8">
      <c r="H362119" s="12"/>
    </row>
    <row r="362120" spans="8:8">
      <c r="H362120" s="12"/>
    </row>
    <row r="362121" spans="8:8">
      <c r="H362121" s="12"/>
    </row>
    <row r="362122" spans="8:8">
      <c r="H362122" s="12"/>
    </row>
    <row r="362123" spans="8:8">
      <c r="H362123" s="12"/>
    </row>
    <row r="362124" spans="8:8">
      <c r="H362124" s="12"/>
    </row>
    <row r="362125" spans="8:8">
      <c r="H362125" s="12"/>
    </row>
    <row r="362126" spans="8:8">
      <c r="H362126" s="12"/>
    </row>
    <row r="362127" spans="8:8">
      <c r="H362127" s="12"/>
    </row>
    <row r="362128" spans="8:8">
      <c r="H362128" s="12"/>
    </row>
    <row r="362129" spans="8:8">
      <c r="H362129" s="12"/>
    </row>
    <row r="362130" spans="8:8">
      <c r="H362130" s="12"/>
    </row>
    <row r="362131" spans="8:8">
      <c r="H362131" s="12"/>
    </row>
    <row r="362132" spans="8:8">
      <c r="H362132" s="12"/>
    </row>
    <row r="362133" spans="8:8">
      <c r="H362133" s="12"/>
    </row>
    <row r="362134" spans="8:8">
      <c r="H362134" s="12"/>
    </row>
    <row r="362135" spans="8:8">
      <c r="H362135" s="12"/>
    </row>
    <row r="362136" spans="8:8">
      <c r="H362136" s="12"/>
    </row>
    <row r="362137" spans="8:8">
      <c r="H362137" s="12"/>
    </row>
    <row r="362138" spans="8:8">
      <c r="H362138" s="12"/>
    </row>
    <row r="362139" spans="8:8">
      <c r="H362139" s="12"/>
    </row>
    <row r="362140" spans="8:8">
      <c r="H362140" s="12"/>
    </row>
    <row r="362141" spans="8:8">
      <c r="H362141" s="12"/>
    </row>
    <row r="362142" spans="8:8">
      <c r="H362142" s="12"/>
    </row>
    <row r="362143" spans="8:8">
      <c r="H362143" s="12"/>
    </row>
    <row r="362144" spans="8:8">
      <c r="H362144" s="12"/>
    </row>
    <row r="362145" spans="8:8">
      <c r="H362145" s="12"/>
    </row>
    <row r="362146" spans="8:8">
      <c r="H362146" s="12"/>
    </row>
    <row r="362147" spans="8:8">
      <c r="H362147" s="12"/>
    </row>
    <row r="362148" spans="8:8">
      <c r="H362148" s="12"/>
    </row>
    <row r="362149" spans="8:8">
      <c r="H362149" s="12"/>
    </row>
    <row r="362150" spans="8:8">
      <c r="H362150" s="12"/>
    </row>
    <row r="362151" spans="8:8">
      <c r="H362151" s="12"/>
    </row>
    <row r="362152" spans="8:8">
      <c r="H362152" s="12"/>
    </row>
    <row r="362153" spans="8:8">
      <c r="H362153" s="12"/>
    </row>
    <row r="362154" spans="8:8">
      <c r="H362154" s="12"/>
    </row>
    <row r="362155" spans="8:8">
      <c r="H362155" s="12"/>
    </row>
    <row r="362156" spans="8:8">
      <c r="H362156" s="12"/>
    </row>
    <row r="362157" spans="8:8">
      <c r="H362157" s="12"/>
    </row>
    <row r="362158" spans="8:8">
      <c r="H362158" s="12"/>
    </row>
    <row r="362159" spans="8:8">
      <c r="H362159" s="12"/>
    </row>
    <row r="362160" spans="8:8">
      <c r="H362160" s="12"/>
    </row>
    <row r="362161" spans="8:8">
      <c r="H362161" s="12"/>
    </row>
    <row r="362162" spans="8:8">
      <c r="H362162" s="12"/>
    </row>
    <row r="362163" spans="8:8">
      <c r="H362163" s="12"/>
    </row>
    <row r="362164" spans="8:8">
      <c r="H362164" s="12"/>
    </row>
    <row r="362165" spans="8:8">
      <c r="H362165" s="12"/>
    </row>
    <row r="362166" spans="8:8">
      <c r="H362166" s="12"/>
    </row>
    <row r="362167" spans="8:8">
      <c r="H362167" s="12"/>
    </row>
    <row r="362168" spans="8:8">
      <c r="H362168" s="12"/>
    </row>
    <row r="362169" spans="8:8">
      <c r="H362169" s="12"/>
    </row>
    <row r="362170" spans="8:8">
      <c r="H362170" s="12"/>
    </row>
    <row r="362171" spans="8:8">
      <c r="H362171" s="12"/>
    </row>
    <row r="362172" spans="8:8">
      <c r="H362172" s="12"/>
    </row>
    <row r="362173" spans="8:8">
      <c r="H362173" s="12"/>
    </row>
    <row r="362174" spans="8:8">
      <c r="H362174" s="12"/>
    </row>
    <row r="362175" spans="8:8">
      <c r="H362175" s="12"/>
    </row>
    <row r="362176" spans="8:8">
      <c r="H362176" s="12"/>
    </row>
    <row r="362177" spans="8:8">
      <c r="H362177" s="12"/>
    </row>
    <row r="362178" spans="8:8">
      <c r="H362178" s="12"/>
    </row>
    <row r="362179" spans="8:8">
      <c r="H362179" s="12"/>
    </row>
    <row r="362180" spans="8:8">
      <c r="H362180" s="12"/>
    </row>
    <row r="362181" spans="8:8">
      <c r="H362181" s="12"/>
    </row>
    <row r="362182" spans="8:8">
      <c r="H362182" s="12"/>
    </row>
    <row r="362183" spans="8:8">
      <c r="H362183" s="12"/>
    </row>
    <row r="362184" spans="8:8">
      <c r="H362184" s="12"/>
    </row>
    <row r="362185" spans="8:8">
      <c r="H362185" s="12"/>
    </row>
    <row r="362186" spans="8:8">
      <c r="H362186" s="12"/>
    </row>
    <row r="362187" spans="8:8">
      <c r="H362187" s="12"/>
    </row>
    <row r="362188" spans="8:8">
      <c r="H362188" s="12"/>
    </row>
    <row r="362189" spans="8:8">
      <c r="H362189" s="12"/>
    </row>
    <row r="362190" spans="8:8">
      <c r="H362190" s="12"/>
    </row>
    <row r="362191" spans="8:8">
      <c r="H362191" s="12"/>
    </row>
    <row r="362192" spans="8:8">
      <c r="H362192" s="12"/>
    </row>
    <row r="362193" spans="8:8">
      <c r="H362193" s="12"/>
    </row>
    <row r="362194" spans="8:8">
      <c r="H362194" s="12"/>
    </row>
    <row r="362195" spans="8:8">
      <c r="H362195" s="12"/>
    </row>
    <row r="362196" spans="8:8">
      <c r="H362196" s="12"/>
    </row>
    <row r="362197" spans="8:8">
      <c r="H362197" s="12"/>
    </row>
    <row r="362198" spans="8:8">
      <c r="H362198" s="12"/>
    </row>
    <row r="362199" spans="8:8">
      <c r="H362199" s="12"/>
    </row>
    <row r="362200" spans="8:8">
      <c r="H362200" s="12"/>
    </row>
    <row r="362201" spans="8:8">
      <c r="H362201" s="12"/>
    </row>
    <row r="362202" spans="8:8">
      <c r="H362202" s="12"/>
    </row>
    <row r="362203" spans="8:8">
      <c r="H362203" s="12"/>
    </row>
    <row r="362204" spans="8:8">
      <c r="H362204" s="12"/>
    </row>
    <row r="362205" spans="8:8">
      <c r="H362205" s="12"/>
    </row>
    <row r="362206" spans="8:8">
      <c r="H362206" s="12"/>
    </row>
    <row r="362207" spans="8:8">
      <c r="H362207" s="12"/>
    </row>
    <row r="362208" spans="8:8">
      <c r="H362208" s="12"/>
    </row>
    <row r="362209" spans="8:8">
      <c r="H362209" s="12"/>
    </row>
    <row r="362210" spans="8:8">
      <c r="H362210" s="12"/>
    </row>
    <row r="362211" spans="8:8">
      <c r="H362211" s="12"/>
    </row>
    <row r="362212" spans="8:8">
      <c r="H362212" s="12"/>
    </row>
    <row r="362213" spans="8:8">
      <c r="H362213" s="12"/>
    </row>
    <row r="362214" spans="8:8">
      <c r="H362214" s="12"/>
    </row>
    <row r="362215" spans="8:8">
      <c r="H362215" s="12"/>
    </row>
    <row r="362216" spans="8:8">
      <c r="H362216" s="12"/>
    </row>
    <row r="362217" spans="8:8">
      <c r="H362217" s="12"/>
    </row>
    <row r="362218" spans="8:8">
      <c r="H362218" s="12"/>
    </row>
    <row r="362219" spans="8:8">
      <c r="H362219" s="12"/>
    </row>
    <row r="362220" spans="8:8">
      <c r="H362220" s="12"/>
    </row>
    <row r="362221" spans="8:8">
      <c r="H362221" s="12"/>
    </row>
    <row r="362222" spans="8:8">
      <c r="H362222" s="12"/>
    </row>
    <row r="362223" spans="8:8">
      <c r="H362223" s="12"/>
    </row>
    <row r="362224" spans="8:8">
      <c r="H362224" s="12"/>
    </row>
    <row r="362225" spans="8:8">
      <c r="H362225" s="12"/>
    </row>
    <row r="362226" spans="8:8">
      <c r="H362226" s="12"/>
    </row>
    <row r="362227" spans="8:8">
      <c r="H362227" s="12"/>
    </row>
    <row r="362228" spans="8:8">
      <c r="H362228" s="12"/>
    </row>
    <row r="362229" spans="8:8">
      <c r="H362229" s="12"/>
    </row>
    <row r="362230" spans="8:8">
      <c r="H362230" s="12"/>
    </row>
    <row r="362231" spans="8:8">
      <c r="H362231" s="12"/>
    </row>
    <row r="362232" spans="8:8">
      <c r="H362232" s="12"/>
    </row>
    <row r="362233" spans="8:8">
      <c r="H362233" s="12"/>
    </row>
    <row r="362234" spans="8:8">
      <c r="H362234" s="12"/>
    </row>
    <row r="362235" spans="8:8">
      <c r="H362235" s="12"/>
    </row>
    <row r="362236" spans="8:8">
      <c r="H362236" s="12"/>
    </row>
    <row r="362237" spans="8:8">
      <c r="H362237" s="12"/>
    </row>
    <row r="362238" spans="8:8">
      <c r="H362238" s="12"/>
    </row>
    <row r="362239" spans="8:8">
      <c r="H362239" s="12"/>
    </row>
    <row r="362240" spans="8:8">
      <c r="H362240" s="12"/>
    </row>
    <row r="362241" spans="8:8">
      <c r="H362241" s="12"/>
    </row>
    <row r="362242" spans="8:8">
      <c r="H362242" s="12"/>
    </row>
    <row r="362243" spans="8:8">
      <c r="H362243" s="12"/>
    </row>
    <row r="362244" spans="8:8">
      <c r="H362244" s="12"/>
    </row>
    <row r="362245" spans="8:8">
      <c r="H362245" s="12"/>
    </row>
    <row r="362246" spans="8:8">
      <c r="H362246" s="12"/>
    </row>
    <row r="362247" spans="8:8">
      <c r="H362247" s="12"/>
    </row>
    <row r="362248" spans="8:8">
      <c r="H362248" s="12"/>
    </row>
    <row r="362249" spans="8:8">
      <c r="H362249" s="12"/>
    </row>
    <row r="362250" spans="8:8">
      <c r="H362250" s="12"/>
    </row>
    <row r="362251" spans="8:8">
      <c r="H362251" s="12"/>
    </row>
    <row r="362252" spans="8:8">
      <c r="H362252" s="12"/>
    </row>
    <row r="362253" spans="8:8">
      <c r="H362253" s="12"/>
    </row>
    <row r="362254" spans="8:8">
      <c r="H362254" s="12"/>
    </row>
    <row r="362255" spans="8:8">
      <c r="H362255" s="12"/>
    </row>
    <row r="362256" spans="8:8">
      <c r="H362256" s="12"/>
    </row>
    <row r="362257" spans="8:8">
      <c r="H362257" s="12"/>
    </row>
    <row r="362258" spans="8:8">
      <c r="H362258" s="12"/>
    </row>
    <row r="362259" spans="8:8">
      <c r="H362259" s="12"/>
    </row>
    <row r="362260" spans="8:8">
      <c r="H362260" s="12"/>
    </row>
    <row r="362261" spans="8:8">
      <c r="H362261" s="12"/>
    </row>
    <row r="362262" spans="8:8">
      <c r="H362262" s="12"/>
    </row>
    <row r="362263" spans="8:8">
      <c r="H362263" s="12"/>
    </row>
    <row r="362264" spans="8:8">
      <c r="H362264" s="12"/>
    </row>
    <row r="362265" spans="8:8">
      <c r="H362265" s="12"/>
    </row>
    <row r="362266" spans="8:8">
      <c r="H362266" s="12"/>
    </row>
    <row r="362267" spans="8:8">
      <c r="H362267" s="12"/>
    </row>
    <row r="362268" spans="8:8">
      <c r="H362268" s="12"/>
    </row>
    <row r="362269" spans="8:8">
      <c r="H362269" s="12"/>
    </row>
    <row r="362270" spans="8:8">
      <c r="H362270" s="12"/>
    </row>
    <row r="362271" spans="8:8">
      <c r="H362271" s="12"/>
    </row>
    <row r="362272" spans="8:8">
      <c r="H362272" s="12"/>
    </row>
    <row r="362273" spans="8:8">
      <c r="H362273" s="12"/>
    </row>
    <row r="362274" spans="8:8">
      <c r="H362274" s="12"/>
    </row>
    <row r="362275" spans="8:8">
      <c r="H362275" s="12"/>
    </row>
    <row r="362276" spans="8:8">
      <c r="H362276" s="12"/>
    </row>
    <row r="362277" spans="8:8">
      <c r="H362277" s="12"/>
    </row>
    <row r="362278" spans="8:8">
      <c r="H362278" s="12"/>
    </row>
    <row r="362279" spans="8:8">
      <c r="H362279" s="12"/>
    </row>
    <row r="362280" spans="8:8">
      <c r="H362280" s="12"/>
    </row>
    <row r="362281" spans="8:8">
      <c r="H362281" s="12"/>
    </row>
    <row r="362282" spans="8:8">
      <c r="H362282" s="12"/>
    </row>
    <row r="362283" spans="8:8">
      <c r="H362283" s="12"/>
    </row>
    <row r="362284" spans="8:8">
      <c r="H362284" s="12"/>
    </row>
    <row r="362285" spans="8:8">
      <c r="H362285" s="12"/>
    </row>
    <row r="362286" spans="8:8">
      <c r="H362286" s="12"/>
    </row>
    <row r="362287" spans="8:8">
      <c r="H362287" s="12"/>
    </row>
    <row r="362288" spans="8:8">
      <c r="H362288" s="12"/>
    </row>
    <row r="362289" spans="8:8">
      <c r="H362289" s="12"/>
    </row>
    <row r="362290" spans="8:8">
      <c r="H362290" s="12"/>
    </row>
    <row r="362291" spans="8:8">
      <c r="H362291" s="12"/>
    </row>
    <row r="362292" spans="8:8">
      <c r="H362292" s="12"/>
    </row>
    <row r="362293" spans="8:8">
      <c r="H362293" s="12"/>
    </row>
    <row r="362294" spans="8:8">
      <c r="H362294" s="12"/>
    </row>
    <row r="362295" spans="8:8">
      <c r="H362295" s="12"/>
    </row>
    <row r="362296" spans="8:8">
      <c r="H362296" s="12"/>
    </row>
    <row r="362297" spans="8:8">
      <c r="H362297" s="12"/>
    </row>
    <row r="362298" spans="8:8">
      <c r="H362298" s="12"/>
    </row>
    <row r="362299" spans="8:8">
      <c r="H362299" s="12"/>
    </row>
    <row r="362300" spans="8:8">
      <c r="H362300" s="12"/>
    </row>
    <row r="362301" spans="8:8">
      <c r="H362301" s="12"/>
    </row>
    <row r="362302" spans="8:8">
      <c r="H362302" s="12"/>
    </row>
    <row r="362303" spans="8:8">
      <c r="H362303" s="12"/>
    </row>
    <row r="362304" spans="8:8">
      <c r="H362304" s="12"/>
    </row>
    <row r="362305" spans="8:8">
      <c r="H362305" s="12"/>
    </row>
    <row r="362306" spans="8:8">
      <c r="H362306" s="12"/>
    </row>
    <row r="362307" spans="8:8">
      <c r="H362307" s="12"/>
    </row>
    <row r="362308" spans="8:8">
      <c r="H362308" s="12"/>
    </row>
    <row r="362309" spans="8:8">
      <c r="H362309" s="12"/>
    </row>
    <row r="362310" spans="8:8">
      <c r="H362310" s="12"/>
    </row>
    <row r="362311" spans="8:8">
      <c r="H362311" s="12"/>
    </row>
    <row r="362312" spans="8:8">
      <c r="H362312" s="12"/>
    </row>
    <row r="362313" spans="8:8">
      <c r="H362313" s="12"/>
    </row>
    <row r="362314" spans="8:8">
      <c r="H362314" s="12"/>
    </row>
    <row r="362315" spans="8:8">
      <c r="H362315" s="12"/>
    </row>
    <row r="362316" spans="8:8">
      <c r="H362316" s="12"/>
    </row>
    <row r="362317" spans="8:8">
      <c r="H362317" s="12"/>
    </row>
    <row r="362318" spans="8:8">
      <c r="H362318" s="12"/>
    </row>
    <row r="362319" spans="8:8">
      <c r="H362319" s="12"/>
    </row>
    <row r="362320" spans="8:8">
      <c r="H362320" s="12"/>
    </row>
    <row r="362321" spans="8:8">
      <c r="H362321" s="12"/>
    </row>
    <row r="362322" spans="8:8">
      <c r="H362322" s="12"/>
    </row>
    <row r="362323" spans="8:8">
      <c r="H362323" s="12"/>
    </row>
    <row r="362324" spans="8:8">
      <c r="H362324" s="12"/>
    </row>
    <row r="362325" spans="8:8">
      <c r="H362325" s="12"/>
    </row>
    <row r="362326" spans="8:8">
      <c r="H362326" s="12"/>
    </row>
    <row r="362327" spans="8:8">
      <c r="H362327" s="12"/>
    </row>
    <row r="362328" spans="8:8">
      <c r="H362328" s="12"/>
    </row>
    <row r="362329" spans="8:8">
      <c r="H362329" s="12"/>
    </row>
    <row r="362330" spans="8:8">
      <c r="H362330" s="12"/>
    </row>
    <row r="362331" spans="8:8">
      <c r="H362331" s="12"/>
    </row>
    <row r="362332" spans="8:8">
      <c r="H362332" s="12"/>
    </row>
    <row r="362333" spans="8:8">
      <c r="H362333" s="12"/>
    </row>
    <row r="362334" spans="8:8">
      <c r="H362334" s="12"/>
    </row>
    <row r="362335" spans="8:8">
      <c r="H362335" s="12"/>
    </row>
    <row r="362336" spans="8:8">
      <c r="H362336" s="12"/>
    </row>
    <row r="362337" spans="8:8">
      <c r="H362337" s="12"/>
    </row>
    <row r="362338" spans="8:8">
      <c r="H362338" s="12"/>
    </row>
    <row r="362339" spans="8:8">
      <c r="H362339" s="12"/>
    </row>
    <row r="362340" spans="8:8">
      <c r="H362340" s="12"/>
    </row>
    <row r="362341" spans="8:8">
      <c r="H362341" s="12"/>
    </row>
    <row r="362342" spans="8:8">
      <c r="H362342" s="12"/>
    </row>
    <row r="362343" spans="8:8">
      <c r="H362343" s="12"/>
    </row>
    <row r="362344" spans="8:8">
      <c r="H362344" s="12"/>
    </row>
    <row r="362345" spans="8:8">
      <c r="H362345" s="12"/>
    </row>
    <row r="362346" spans="8:8">
      <c r="H362346" s="12"/>
    </row>
    <row r="362347" spans="8:8">
      <c r="H362347" s="12"/>
    </row>
    <row r="362348" spans="8:8">
      <c r="H362348" s="12"/>
    </row>
    <row r="362349" spans="8:8">
      <c r="H362349" s="12"/>
    </row>
    <row r="362350" spans="8:8">
      <c r="H362350" s="12"/>
    </row>
    <row r="362351" spans="8:8">
      <c r="H362351" s="12"/>
    </row>
    <row r="362352" spans="8:8">
      <c r="H362352" s="12"/>
    </row>
    <row r="362353" spans="8:8">
      <c r="H362353" s="12"/>
    </row>
    <row r="362354" spans="8:8">
      <c r="H362354" s="12"/>
    </row>
    <row r="362355" spans="8:8">
      <c r="H362355" s="12"/>
    </row>
    <row r="362356" spans="8:8">
      <c r="H362356" s="12"/>
    </row>
    <row r="362357" spans="8:8">
      <c r="H362357" s="12"/>
    </row>
    <row r="362358" spans="8:8">
      <c r="H362358" s="12"/>
    </row>
    <row r="362359" spans="8:8">
      <c r="H362359" s="12"/>
    </row>
    <row r="362360" spans="8:8">
      <c r="H362360" s="12"/>
    </row>
    <row r="362361" spans="8:8">
      <c r="H362361" s="12"/>
    </row>
    <row r="362362" spans="8:8">
      <c r="H362362" s="12"/>
    </row>
    <row r="362363" spans="8:8">
      <c r="H362363" s="12"/>
    </row>
    <row r="362364" spans="8:8">
      <c r="H362364" s="12"/>
    </row>
    <row r="362365" spans="8:8">
      <c r="H362365" s="12"/>
    </row>
    <row r="362366" spans="8:8">
      <c r="H362366" s="12"/>
    </row>
    <row r="362367" spans="8:8">
      <c r="H362367" s="12"/>
    </row>
    <row r="362368" spans="8:8">
      <c r="H362368" s="12"/>
    </row>
    <row r="362369" spans="8:8">
      <c r="H362369" s="12"/>
    </row>
    <row r="362370" spans="8:8">
      <c r="H362370" s="12"/>
    </row>
    <row r="362371" spans="8:8">
      <c r="H362371" s="12"/>
    </row>
    <row r="362372" spans="8:8">
      <c r="H362372" s="12"/>
    </row>
    <row r="362373" spans="8:8">
      <c r="H362373" s="12"/>
    </row>
    <row r="362374" spans="8:8">
      <c r="H362374" s="12"/>
    </row>
    <row r="362375" spans="8:8">
      <c r="H362375" s="12"/>
    </row>
    <row r="362376" spans="8:8">
      <c r="H362376" s="12"/>
    </row>
    <row r="362377" spans="8:8">
      <c r="H362377" s="12"/>
    </row>
    <row r="362378" spans="8:8">
      <c r="H362378" s="12"/>
    </row>
    <row r="362379" spans="8:8">
      <c r="H362379" s="12"/>
    </row>
    <row r="362380" spans="8:8">
      <c r="H362380" s="12"/>
    </row>
    <row r="362381" spans="8:8">
      <c r="H362381" s="12"/>
    </row>
    <row r="362382" spans="8:8">
      <c r="H362382" s="12"/>
    </row>
    <row r="362383" spans="8:8">
      <c r="H362383" s="12"/>
    </row>
    <row r="362384" spans="8:8">
      <c r="H362384" s="12"/>
    </row>
    <row r="362385" spans="8:8">
      <c r="H362385" s="12"/>
    </row>
    <row r="362386" spans="8:8">
      <c r="H362386" s="12"/>
    </row>
    <row r="362387" spans="8:8">
      <c r="H362387" s="12"/>
    </row>
    <row r="362388" spans="8:8">
      <c r="H362388" s="12"/>
    </row>
    <row r="362389" spans="8:8">
      <c r="H362389" s="12"/>
    </row>
    <row r="362390" spans="8:8">
      <c r="H362390" s="12"/>
    </row>
    <row r="362391" spans="8:8">
      <c r="H362391" s="12"/>
    </row>
    <row r="362392" spans="8:8">
      <c r="H362392" s="12"/>
    </row>
    <row r="362393" spans="8:8">
      <c r="H362393" s="12"/>
    </row>
    <row r="362394" spans="8:8">
      <c r="H362394" s="12"/>
    </row>
    <row r="362395" spans="8:8">
      <c r="H362395" s="12"/>
    </row>
    <row r="362396" spans="8:8">
      <c r="H362396" s="12"/>
    </row>
    <row r="362397" spans="8:8">
      <c r="H362397" s="12"/>
    </row>
    <row r="362398" spans="8:8">
      <c r="H362398" s="12"/>
    </row>
    <row r="362399" spans="8:8">
      <c r="H362399" s="12"/>
    </row>
    <row r="362400" spans="8:8">
      <c r="H362400" s="12"/>
    </row>
    <row r="362401" spans="8:8">
      <c r="H362401" s="12"/>
    </row>
    <row r="362402" spans="8:8">
      <c r="H362402" s="12"/>
    </row>
    <row r="362403" spans="8:8">
      <c r="H362403" s="12"/>
    </row>
    <row r="362404" spans="8:8">
      <c r="H362404" s="12"/>
    </row>
    <row r="362405" spans="8:8">
      <c r="H362405" s="12"/>
    </row>
    <row r="362406" spans="8:8">
      <c r="H362406" s="12"/>
    </row>
    <row r="362407" spans="8:8">
      <c r="H362407" s="12"/>
    </row>
    <row r="362408" spans="8:8">
      <c r="H362408" s="12"/>
    </row>
    <row r="362409" spans="8:8">
      <c r="H362409" s="12"/>
    </row>
    <row r="362410" spans="8:8">
      <c r="H362410" s="12"/>
    </row>
    <row r="362411" spans="8:8">
      <c r="H362411" s="12"/>
    </row>
    <row r="362412" spans="8:8">
      <c r="H362412" s="12"/>
    </row>
    <row r="362413" spans="8:8">
      <c r="H362413" s="12"/>
    </row>
    <row r="362414" spans="8:8">
      <c r="H362414" s="12"/>
    </row>
    <row r="362415" spans="8:8">
      <c r="H362415" s="12"/>
    </row>
    <row r="362416" spans="8:8">
      <c r="H362416" s="12"/>
    </row>
    <row r="362417" spans="8:8">
      <c r="H362417" s="12"/>
    </row>
    <row r="362418" spans="8:8">
      <c r="H362418" s="12"/>
    </row>
    <row r="362419" spans="8:8">
      <c r="H362419" s="12"/>
    </row>
    <row r="362420" spans="8:8">
      <c r="H362420" s="12"/>
    </row>
    <row r="362421" spans="8:8">
      <c r="H362421" s="12"/>
    </row>
    <row r="362422" spans="8:8">
      <c r="H362422" s="12"/>
    </row>
    <row r="362423" spans="8:8">
      <c r="H362423" s="12"/>
    </row>
    <row r="362424" spans="8:8">
      <c r="H362424" s="12"/>
    </row>
    <row r="362425" spans="8:8">
      <c r="H362425" s="12"/>
    </row>
    <row r="362426" spans="8:8">
      <c r="H362426" s="12"/>
    </row>
    <row r="362427" spans="8:8">
      <c r="H362427" s="12"/>
    </row>
    <row r="362428" spans="8:8">
      <c r="H362428" s="12"/>
    </row>
    <row r="362429" spans="8:8">
      <c r="H362429" s="12"/>
    </row>
    <row r="362430" spans="8:8">
      <c r="H362430" s="12"/>
    </row>
    <row r="362431" spans="8:8">
      <c r="H362431" s="12"/>
    </row>
    <row r="362432" spans="8:8">
      <c r="H362432" s="12"/>
    </row>
    <row r="362433" spans="8:8">
      <c r="H362433" s="12"/>
    </row>
    <row r="362434" spans="8:8">
      <c r="H362434" s="12"/>
    </row>
    <row r="362435" spans="8:8">
      <c r="H362435" s="12"/>
    </row>
    <row r="362436" spans="8:8">
      <c r="H362436" s="12"/>
    </row>
    <row r="362437" spans="8:8">
      <c r="H362437" s="12"/>
    </row>
    <row r="362438" spans="8:8">
      <c r="H362438" s="12"/>
    </row>
    <row r="362439" spans="8:8">
      <c r="H362439" s="12"/>
    </row>
    <row r="362440" spans="8:8">
      <c r="H362440" s="12"/>
    </row>
    <row r="362441" spans="8:8">
      <c r="H362441" s="12"/>
    </row>
    <row r="362442" spans="8:8">
      <c r="H362442" s="12"/>
    </row>
    <row r="362443" spans="8:8">
      <c r="H362443" s="12"/>
    </row>
    <row r="362444" spans="8:8">
      <c r="H362444" s="12"/>
    </row>
    <row r="362445" spans="8:8">
      <c r="H362445" s="12"/>
    </row>
    <row r="362446" spans="8:8">
      <c r="H362446" s="12"/>
    </row>
    <row r="362447" spans="8:8">
      <c r="H362447" s="12"/>
    </row>
    <row r="362448" spans="8:8">
      <c r="H362448" s="12"/>
    </row>
    <row r="362449" spans="8:8">
      <c r="H362449" s="12"/>
    </row>
    <row r="362450" spans="8:8">
      <c r="H362450" s="12"/>
    </row>
    <row r="362451" spans="8:8">
      <c r="H362451" s="12"/>
    </row>
    <row r="362452" spans="8:8">
      <c r="H362452" s="12"/>
    </row>
    <row r="362453" spans="8:8">
      <c r="H362453" s="12"/>
    </row>
    <row r="362454" spans="8:8">
      <c r="H362454" s="12"/>
    </row>
    <row r="362455" spans="8:8">
      <c r="H362455" s="12"/>
    </row>
    <row r="362456" spans="8:8">
      <c r="H362456" s="12"/>
    </row>
    <row r="362457" spans="8:8">
      <c r="H362457" s="12"/>
    </row>
    <row r="362458" spans="8:8">
      <c r="H362458" s="12"/>
    </row>
    <row r="362459" spans="8:8">
      <c r="H362459" s="12"/>
    </row>
    <row r="362460" spans="8:8">
      <c r="H362460" s="12"/>
    </row>
    <row r="362461" spans="8:8">
      <c r="H362461" s="12"/>
    </row>
    <row r="362462" spans="8:8">
      <c r="H362462" s="12"/>
    </row>
    <row r="362463" spans="8:8">
      <c r="H362463" s="12"/>
    </row>
    <row r="362464" spans="8:8">
      <c r="H362464" s="12"/>
    </row>
    <row r="362465" spans="8:8">
      <c r="H362465" s="12"/>
    </row>
    <row r="362466" spans="8:8">
      <c r="H362466" s="12"/>
    </row>
    <row r="362467" spans="8:8">
      <c r="H362467" s="12"/>
    </row>
    <row r="362468" spans="8:8">
      <c r="H362468" s="12"/>
    </row>
    <row r="362469" spans="8:8">
      <c r="H362469" s="12"/>
    </row>
    <row r="362470" spans="8:8">
      <c r="H362470" s="12"/>
    </row>
    <row r="362471" spans="8:8">
      <c r="H362471" s="12"/>
    </row>
    <row r="362472" spans="8:8">
      <c r="H362472" s="12"/>
    </row>
    <row r="362473" spans="8:8">
      <c r="H362473" s="12"/>
    </row>
    <row r="362474" spans="8:8">
      <c r="H362474" s="12"/>
    </row>
    <row r="362475" spans="8:8">
      <c r="H362475" s="12"/>
    </row>
    <row r="362476" spans="8:8">
      <c r="H362476" s="12"/>
    </row>
    <row r="362477" spans="8:8">
      <c r="H362477" s="12"/>
    </row>
    <row r="362478" spans="8:8">
      <c r="H362478" s="12"/>
    </row>
    <row r="362479" spans="8:8">
      <c r="H362479" s="12"/>
    </row>
    <row r="362480" spans="8:8">
      <c r="H362480" s="12"/>
    </row>
    <row r="362481" spans="8:8">
      <c r="H362481" s="12"/>
    </row>
    <row r="362482" spans="8:8">
      <c r="H362482" s="12"/>
    </row>
    <row r="362483" spans="8:8">
      <c r="H362483" s="12"/>
    </row>
    <row r="362484" spans="8:8">
      <c r="H362484" s="12"/>
    </row>
    <row r="362485" spans="8:8">
      <c r="H362485" s="12"/>
    </row>
    <row r="362486" spans="8:8">
      <c r="H362486" s="12"/>
    </row>
    <row r="362487" spans="8:8">
      <c r="H362487" s="12"/>
    </row>
    <row r="362488" spans="8:8">
      <c r="H362488" s="12"/>
    </row>
    <row r="362489" spans="8:8">
      <c r="H362489" s="12"/>
    </row>
    <row r="362490" spans="8:8">
      <c r="H362490" s="12"/>
    </row>
    <row r="362491" spans="8:8">
      <c r="H362491" s="12"/>
    </row>
    <row r="362492" spans="8:8">
      <c r="H362492" s="12"/>
    </row>
    <row r="362493" spans="8:8">
      <c r="H362493" s="12"/>
    </row>
    <row r="362494" spans="8:8">
      <c r="H362494" s="12"/>
    </row>
    <row r="362495" spans="8:8">
      <c r="H362495" s="12"/>
    </row>
    <row r="362496" spans="8:8">
      <c r="H362496" s="12"/>
    </row>
    <row r="362497" spans="8:8">
      <c r="H362497" s="12"/>
    </row>
    <row r="362498" spans="8:8">
      <c r="H362498" s="12"/>
    </row>
    <row r="362499" spans="8:8">
      <c r="H362499" s="12"/>
    </row>
    <row r="362500" spans="8:8">
      <c r="H362500" s="12"/>
    </row>
    <row r="362501" spans="8:8">
      <c r="H362501" s="12"/>
    </row>
    <row r="362502" spans="8:8">
      <c r="H362502" s="12"/>
    </row>
    <row r="362503" spans="8:8">
      <c r="H362503" s="12"/>
    </row>
    <row r="362504" spans="8:8">
      <c r="H362504" s="12"/>
    </row>
    <row r="362505" spans="8:8">
      <c r="H362505" s="12"/>
    </row>
    <row r="362506" spans="8:8">
      <c r="H362506" s="12"/>
    </row>
    <row r="362507" spans="8:8">
      <c r="H362507" s="12"/>
    </row>
    <row r="362508" spans="8:8">
      <c r="H362508" s="12"/>
    </row>
    <row r="362509" spans="8:8">
      <c r="H362509" s="12"/>
    </row>
    <row r="362510" spans="8:8">
      <c r="H362510" s="12"/>
    </row>
    <row r="362511" spans="8:8">
      <c r="H362511" s="12"/>
    </row>
    <row r="362512" spans="8:8">
      <c r="H362512" s="12"/>
    </row>
    <row r="362513" spans="8:8">
      <c r="H362513" s="12"/>
    </row>
    <row r="362514" spans="8:8">
      <c r="H362514" s="12"/>
    </row>
    <row r="362515" spans="8:8">
      <c r="H362515" s="12"/>
    </row>
    <row r="362516" spans="8:8">
      <c r="H362516" s="12"/>
    </row>
    <row r="362517" spans="8:8">
      <c r="H362517" s="12"/>
    </row>
    <row r="362518" spans="8:8">
      <c r="H362518" s="12"/>
    </row>
    <row r="362519" spans="8:8">
      <c r="H362519" s="12"/>
    </row>
    <row r="362520" spans="8:8">
      <c r="H362520" s="12"/>
    </row>
    <row r="362521" spans="8:8">
      <c r="H362521" s="12"/>
    </row>
    <row r="362522" spans="8:8">
      <c r="H362522" s="12"/>
    </row>
    <row r="362523" spans="8:8">
      <c r="H362523" s="12"/>
    </row>
    <row r="362524" spans="8:8">
      <c r="H362524" s="12"/>
    </row>
    <row r="362525" spans="8:8">
      <c r="H362525" s="12"/>
    </row>
    <row r="362526" spans="8:8">
      <c r="H362526" s="12"/>
    </row>
    <row r="362527" spans="8:8">
      <c r="H362527" s="12"/>
    </row>
    <row r="362528" spans="8:8">
      <c r="H362528" s="12"/>
    </row>
    <row r="362529" spans="8:8">
      <c r="H362529" s="12"/>
    </row>
    <row r="362530" spans="8:8">
      <c r="H362530" s="12"/>
    </row>
    <row r="362531" spans="8:8">
      <c r="H362531" s="12"/>
    </row>
    <row r="362532" spans="8:8">
      <c r="H362532" s="12"/>
    </row>
    <row r="362533" spans="8:8">
      <c r="H362533" s="12"/>
    </row>
    <row r="362534" spans="8:8">
      <c r="H362534" s="12"/>
    </row>
    <row r="362535" spans="8:8">
      <c r="H362535" s="12"/>
    </row>
    <row r="362536" spans="8:8">
      <c r="H362536" s="12"/>
    </row>
    <row r="362537" spans="8:8">
      <c r="H362537" s="12"/>
    </row>
    <row r="362538" spans="8:8">
      <c r="H362538" s="12"/>
    </row>
    <row r="362539" spans="8:8">
      <c r="H362539" s="12"/>
    </row>
    <row r="362540" spans="8:8">
      <c r="H362540" s="12"/>
    </row>
    <row r="362541" spans="8:8">
      <c r="H362541" s="12"/>
    </row>
    <row r="362542" spans="8:8">
      <c r="H362542" s="12"/>
    </row>
    <row r="362543" spans="8:8">
      <c r="H362543" s="12"/>
    </row>
    <row r="362544" spans="8:8">
      <c r="H362544" s="12"/>
    </row>
    <row r="362545" spans="8:8">
      <c r="H362545" s="12"/>
    </row>
    <row r="362546" spans="8:8">
      <c r="H362546" s="12"/>
    </row>
    <row r="362547" spans="8:8">
      <c r="H362547" s="12"/>
    </row>
    <row r="362548" spans="8:8">
      <c r="H362548" s="12"/>
    </row>
    <row r="362549" spans="8:8">
      <c r="H362549" s="12"/>
    </row>
    <row r="362550" spans="8:8">
      <c r="H362550" s="12"/>
    </row>
    <row r="362551" spans="8:8">
      <c r="H362551" s="12"/>
    </row>
    <row r="362552" spans="8:8">
      <c r="H362552" s="12"/>
    </row>
    <row r="362553" spans="8:8">
      <c r="H362553" s="12"/>
    </row>
    <row r="362554" spans="8:8">
      <c r="H362554" s="12"/>
    </row>
    <row r="362555" spans="8:8">
      <c r="H362555" s="12"/>
    </row>
    <row r="362556" spans="8:8">
      <c r="H362556" s="12"/>
    </row>
    <row r="362557" spans="8:8">
      <c r="H362557" s="12"/>
    </row>
    <row r="362558" spans="8:8">
      <c r="H362558" s="12"/>
    </row>
    <row r="362559" spans="8:8">
      <c r="H362559" s="12"/>
    </row>
    <row r="362560" spans="8:8">
      <c r="H362560" s="12"/>
    </row>
    <row r="362561" spans="8:8">
      <c r="H362561" s="12"/>
    </row>
    <row r="362562" spans="8:8">
      <c r="H362562" s="12"/>
    </row>
    <row r="362563" spans="8:8">
      <c r="H362563" s="12"/>
    </row>
    <row r="362564" spans="8:8">
      <c r="H362564" s="12"/>
    </row>
    <row r="362565" spans="8:8">
      <c r="H362565" s="12"/>
    </row>
    <row r="362566" spans="8:8">
      <c r="H362566" s="12"/>
    </row>
    <row r="362567" spans="8:8">
      <c r="H362567" s="12"/>
    </row>
    <row r="362568" spans="8:8">
      <c r="H362568" s="12"/>
    </row>
    <row r="362569" spans="8:8">
      <c r="H362569" s="12"/>
    </row>
    <row r="362570" spans="8:8">
      <c r="H362570" s="12"/>
    </row>
    <row r="362571" spans="8:8">
      <c r="H362571" s="12"/>
    </row>
    <row r="362572" spans="8:8">
      <c r="H362572" s="12"/>
    </row>
    <row r="362573" spans="8:8">
      <c r="H362573" s="12"/>
    </row>
    <row r="362574" spans="8:8">
      <c r="H362574" s="12"/>
    </row>
    <row r="362575" spans="8:8">
      <c r="H362575" s="12"/>
    </row>
    <row r="362576" spans="8:8">
      <c r="H362576" s="12"/>
    </row>
    <row r="362577" spans="8:8">
      <c r="H362577" s="12"/>
    </row>
    <row r="362578" spans="8:8">
      <c r="H362578" s="12"/>
    </row>
    <row r="362579" spans="8:8">
      <c r="H362579" s="12"/>
    </row>
    <row r="362580" spans="8:8">
      <c r="H362580" s="12"/>
    </row>
    <row r="362581" spans="8:8">
      <c r="H362581" s="12"/>
    </row>
    <row r="362582" spans="8:8">
      <c r="H362582" s="12"/>
    </row>
    <row r="362583" spans="8:8">
      <c r="H362583" s="12"/>
    </row>
    <row r="362584" spans="8:8">
      <c r="H362584" s="12"/>
    </row>
    <row r="362585" spans="8:8">
      <c r="H362585" s="12"/>
    </row>
    <row r="362586" spans="8:8">
      <c r="H362586" s="12"/>
    </row>
    <row r="362587" spans="8:8">
      <c r="H362587" s="12"/>
    </row>
    <row r="362588" spans="8:8">
      <c r="H362588" s="12"/>
    </row>
    <row r="362589" spans="8:8">
      <c r="H362589" s="12"/>
    </row>
    <row r="362590" spans="8:8">
      <c r="H362590" s="12"/>
    </row>
    <row r="362591" spans="8:8">
      <c r="H362591" s="12"/>
    </row>
    <row r="362592" spans="8:8">
      <c r="H362592" s="12"/>
    </row>
    <row r="362593" spans="8:8">
      <c r="H362593" s="12"/>
    </row>
    <row r="362594" spans="8:8">
      <c r="H362594" s="12"/>
    </row>
    <row r="362595" spans="8:8">
      <c r="H362595" s="12"/>
    </row>
    <row r="362596" spans="8:8">
      <c r="H362596" s="12"/>
    </row>
    <row r="362597" spans="8:8">
      <c r="H362597" s="12"/>
    </row>
    <row r="362598" spans="8:8">
      <c r="H362598" s="12"/>
    </row>
    <row r="362599" spans="8:8">
      <c r="H362599" s="12"/>
    </row>
    <row r="362600" spans="8:8">
      <c r="H362600" s="12"/>
    </row>
    <row r="362601" spans="8:8">
      <c r="H362601" s="12"/>
    </row>
    <row r="362602" spans="8:8">
      <c r="H362602" s="12"/>
    </row>
    <row r="362603" spans="8:8">
      <c r="H362603" s="12"/>
    </row>
    <row r="362604" spans="8:8">
      <c r="H362604" s="12"/>
    </row>
    <row r="362605" spans="8:8">
      <c r="H362605" s="12"/>
    </row>
    <row r="362606" spans="8:8">
      <c r="H362606" s="12"/>
    </row>
    <row r="362607" spans="8:8">
      <c r="H362607" s="12"/>
    </row>
    <row r="362608" spans="8:8">
      <c r="H362608" s="12"/>
    </row>
    <row r="362609" spans="8:8">
      <c r="H362609" s="12"/>
    </row>
    <row r="362610" spans="8:8">
      <c r="H362610" s="12"/>
    </row>
    <row r="362611" spans="8:8">
      <c r="H362611" s="12"/>
    </row>
    <row r="362612" spans="8:8">
      <c r="H362612" s="12"/>
    </row>
    <row r="362613" spans="8:8">
      <c r="H362613" s="12"/>
    </row>
    <row r="362614" spans="8:8">
      <c r="H362614" s="12"/>
    </row>
    <row r="362615" spans="8:8">
      <c r="H362615" s="12"/>
    </row>
    <row r="362616" spans="8:8">
      <c r="H362616" s="12"/>
    </row>
    <row r="362617" spans="8:8">
      <c r="H362617" s="12"/>
    </row>
    <row r="362618" spans="8:8">
      <c r="H362618" s="12"/>
    </row>
    <row r="362619" spans="8:8">
      <c r="H362619" s="12"/>
    </row>
    <row r="362620" spans="8:8">
      <c r="H362620" s="12"/>
    </row>
    <row r="362621" spans="8:8">
      <c r="H362621" s="12"/>
    </row>
    <row r="362622" spans="8:8">
      <c r="H362622" s="12"/>
    </row>
    <row r="362623" spans="8:8">
      <c r="H362623" s="12"/>
    </row>
    <row r="362624" spans="8:8">
      <c r="H362624" s="12"/>
    </row>
    <row r="362625" spans="8:8">
      <c r="H362625" s="12"/>
    </row>
    <row r="362626" spans="8:8">
      <c r="H362626" s="12"/>
    </row>
    <row r="362627" spans="8:8">
      <c r="H362627" s="12"/>
    </row>
    <row r="362628" spans="8:8">
      <c r="H362628" s="12"/>
    </row>
    <row r="362629" spans="8:8">
      <c r="H362629" s="12"/>
    </row>
    <row r="362630" spans="8:8">
      <c r="H362630" s="12"/>
    </row>
    <row r="362631" spans="8:8">
      <c r="H362631" s="12"/>
    </row>
    <row r="362632" spans="8:8">
      <c r="H362632" s="12"/>
    </row>
    <row r="362633" spans="8:8">
      <c r="H362633" s="12"/>
    </row>
    <row r="362634" spans="8:8">
      <c r="H362634" s="12"/>
    </row>
    <row r="362635" spans="8:8">
      <c r="H362635" s="12"/>
    </row>
    <row r="362636" spans="8:8">
      <c r="H362636" s="12"/>
    </row>
    <row r="362637" spans="8:8">
      <c r="H362637" s="12"/>
    </row>
    <row r="362638" spans="8:8">
      <c r="H362638" s="12"/>
    </row>
    <row r="362639" spans="8:8">
      <c r="H362639" s="12"/>
    </row>
    <row r="362640" spans="8:8">
      <c r="H362640" s="12"/>
    </row>
    <row r="362641" spans="8:8">
      <c r="H362641" s="12"/>
    </row>
    <row r="362642" spans="8:8">
      <c r="H362642" s="12"/>
    </row>
    <row r="362643" spans="8:8">
      <c r="H362643" s="12"/>
    </row>
    <row r="362644" spans="8:8">
      <c r="H362644" s="12"/>
    </row>
    <row r="362645" spans="8:8">
      <c r="H362645" s="12"/>
    </row>
    <row r="362646" spans="8:8">
      <c r="H362646" s="12"/>
    </row>
    <row r="362647" spans="8:8">
      <c r="H362647" s="12"/>
    </row>
    <row r="362648" spans="8:8">
      <c r="H362648" s="12"/>
    </row>
    <row r="362649" spans="8:8">
      <c r="H362649" s="12"/>
    </row>
    <row r="362650" spans="8:8">
      <c r="H362650" s="12"/>
    </row>
    <row r="362651" spans="8:8">
      <c r="H362651" s="12"/>
    </row>
    <row r="362652" spans="8:8">
      <c r="H362652" s="12"/>
    </row>
    <row r="362653" spans="8:8">
      <c r="H362653" s="12"/>
    </row>
    <row r="362654" spans="8:8">
      <c r="H362654" s="12"/>
    </row>
    <row r="362655" spans="8:8">
      <c r="H362655" s="12"/>
    </row>
    <row r="362656" spans="8:8">
      <c r="H362656" s="12"/>
    </row>
    <row r="362657" spans="8:8">
      <c r="H362657" s="12"/>
    </row>
    <row r="362658" spans="8:8">
      <c r="H362658" s="12"/>
    </row>
    <row r="362659" spans="8:8">
      <c r="H362659" s="12"/>
    </row>
    <row r="362660" spans="8:8">
      <c r="H362660" s="12"/>
    </row>
    <row r="362661" spans="8:8">
      <c r="H362661" s="12"/>
    </row>
    <row r="362662" spans="8:8">
      <c r="H362662" s="12"/>
    </row>
    <row r="362663" spans="8:8">
      <c r="H362663" s="12"/>
    </row>
    <row r="362664" spans="8:8">
      <c r="H362664" s="12"/>
    </row>
    <row r="362665" spans="8:8">
      <c r="H362665" s="12"/>
    </row>
    <row r="362666" spans="8:8">
      <c r="H362666" s="12"/>
    </row>
    <row r="362667" spans="8:8">
      <c r="H362667" s="12"/>
    </row>
    <row r="362668" spans="8:8">
      <c r="H362668" s="12"/>
    </row>
    <row r="362669" spans="8:8">
      <c r="H362669" s="12"/>
    </row>
    <row r="362670" spans="8:8">
      <c r="H362670" s="12"/>
    </row>
    <row r="362671" spans="8:8">
      <c r="H362671" s="12"/>
    </row>
    <row r="362672" spans="8:8">
      <c r="H362672" s="12"/>
    </row>
    <row r="362673" spans="8:8">
      <c r="H362673" s="12"/>
    </row>
    <row r="362674" spans="8:8">
      <c r="H362674" s="12"/>
    </row>
    <row r="362675" spans="8:8">
      <c r="H362675" s="12"/>
    </row>
    <row r="362676" spans="8:8">
      <c r="H362676" s="12"/>
    </row>
    <row r="362677" spans="8:8">
      <c r="H362677" s="12"/>
    </row>
    <row r="362678" spans="8:8">
      <c r="H362678" s="12"/>
    </row>
    <row r="362679" spans="8:8">
      <c r="H362679" s="12"/>
    </row>
    <row r="362680" spans="8:8">
      <c r="H362680" s="12"/>
    </row>
    <row r="362681" spans="8:8">
      <c r="H362681" s="12"/>
    </row>
    <row r="362682" spans="8:8">
      <c r="H362682" s="12"/>
    </row>
    <row r="362683" spans="8:8">
      <c r="H362683" s="12"/>
    </row>
    <row r="362684" spans="8:8">
      <c r="H362684" s="12"/>
    </row>
    <row r="362685" spans="8:8">
      <c r="H362685" s="12"/>
    </row>
    <row r="362686" spans="8:8">
      <c r="H362686" s="12"/>
    </row>
    <row r="362687" spans="8:8">
      <c r="H362687" s="12"/>
    </row>
    <row r="362688" spans="8:8">
      <c r="H362688" s="12"/>
    </row>
    <row r="362689" spans="8:8">
      <c r="H362689" s="12"/>
    </row>
    <row r="362690" spans="8:8">
      <c r="H362690" s="12"/>
    </row>
    <row r="362691" spans="8:8">
      <c r="H362691" s="12"/>
    </row>
    <row r="362692" spans="8:8">
      <c r="H362692" s="12"/>
    </row>
    <row r="362693" spans="8:8">
      <c r="H362693" s="12"/>
    </row>
    <row r="362694" spans="8:8">
      <c r="H362694" s="12"/>
    </row>
    <row r="362695" spans="8:8">
      <c r="H362695" s="12"/>
    </row>
    <row r="362696" spans="8:8">
      <c r="H362696" s="12"/>
    </row>
    <row r="362697" spans="8:8">
      <c r="H362697" s="12"/>
    </row>
    <row r="362698" spans="8:8">
      <c r="H362698" s="12"/>
    </row>
    <row r="362699" spans="8:8">
      <c r="H362699" s="12"/>
    </row>
    <row r="362700" spans="8:8">
      <c r="H362700" s="12"/>
    </row>
    <row r="362701" spans="8:8">
      <c r="H362701" s="12"/>
    </row>
    <row r="362702" spans="8:8">
      <c r="H362702" s="12"/>
    </row>
    <row r="362703" spans="8:8">
      <c r="H362703" s="12"/>
    </row>
    <row r="362704" spans="8:8">
      <c r="H362704" s="12"/>
    </row>
    <row r="362705" spans="8:8">
      <c r="H362705" s="12"/>
    </row>
    <row r="362706" spans="8:8">
      <c r="H362706" s="12"/>
    </row>
    <row r="362707" spans="8:8">
      <c r="H362707" s="12"/>
    </row>
    <row r="362708" spans="8:8">
      <c r="H362708" s="12"/>
    </row>
    <row r="362709" spans="8:8">
      <c r="H362709" s="12"/>
    </row>
    <row r="362710" spans="8:8">
      <c r="H362710" s="12"/>
    </row>
    <row r="362711" spans="8:8">
      <c r="H362711" s="12"/>
    </row>
    <row r="362712" spans="8:8">
      <c r="H362712" s="12"/>
    </row>
    <row r="362713" spans="8:8">
      <c r="H362713" s="12"/>
    </row>
    <row r="362714" spans="8:8">
      <c r="H362714" s="12"/>
    </row>
    <row r="362715" spans="8:8">
      <c r="H362715" s="12"/>
    </row>
    <row r="362716" spans="8:8">
      <c r="H362716" s="12"/>
    </row>
    <row r="362717" spans="8:8">
      <c r="H362717" s="12"/>
    </row>
    <row r="362718" spans="8:8">
      <c r="H362718" s="12"/>
    </row>
    <row r="362719" spans="8:8">
      <c r="H362719" s="12"/>
    </row>
    <row r="362720" spans="8:8">
      <c r="H362720" s="12"/>
    </row>
    <row r="362721" spans="8:8">
      <c r="H362721" s="12"/>
    </row>
    <row r="362722" spans="8:8">
      <c r="H362722" s="12"/>
    </row>
    <row r="362723" spans="8:8">
      <c r="H362723" s="12"/>
    </row>
    <row r="362724" spans="8:8">
      <c r="H362724" s="12"/>
    </row>
    <row r="362725" spans="8:8">
      <c r="H362725" s="12"/>
    </row>
    <row r="362726" spans="8:8">
      <c r="H362726" s="12"/>
    </row>
    <row r="362727" spans="8:8">
      <c r="H362727" s="12"/>
    </row>
    <row r="362728" spans="8:8">
      <c r="H362728" s="12"/>
    </row>
    <row r="362729" spans="8:8">
      <c r="H362729" s="12"/>
    </row>
    <row r="362730" spans="8:8">
      <c r="H362730" s="12"/>
    </row>
    <row r="362731" spans="8:8">
      <c r="H362731" s="12"/>
    </row>
    <row r="362732" spans="8:8">
      <c r="H362732" s="12"/>
    </row>
    <row r="362733" spans="8:8">
      <c r="H362733" s="12"/>
    </row>
    <row r="362734" spans="8:8">
      <c r="H362734" s="12"/>
    </row>
    <row r="362735" spans="8:8">
      <c r="H362735" s="12"/>
    </row>
    <row r="362736" spans="8:8">
      <c r="H362736" s="12"/>
    </row>
    <row r="362737" spans="8:8">
      <c r="H362737" s="12"/>
    </row>
    <row r="362738" spans="8:8">
      <c r="H362738" s="12"/>
    </row>
    <row r="362739" spans="8:8">
      <c r="H362739" s="12"/>
    </row>
    <row r="362740" spans="8:8">
      <c r="H362740" s="12"/>
    </row>
    <row r="362741" spans="8:8">
      <c r="H362741" s="12"/>
    </row>
    <row r="362742" spans="8:8">
      <c r="H362742" s="12"/>
    </row>
    <row r="362743" spans="8:8">
      <c r="H362743" s="12"/>
    </row>
    <row r="362744" spans="8:8">
      <c r="H362744" s="12"/>
    </row>
    <row r="362745" spans="8:8">
      <c r="H362745" s="12"/>
    </row>
    <row r="362746" spans="8:8">
      <c r="H362746" s="12"/>
    </row>
    <row r="362747" spans="8:8">
      <c r="H362747" s="12"/>
    </row>
    <row r="362748" spans="8:8">
      <c r="H362748" s="12"/>
    </row>
    <row r="362749" spans="8:8">
      <c r="H362749" s="12"/>
    </row>
    <row r="362750" spans="8:8">
      <c r="H362750" s="12"/>
    </row>
    <row r="362751" spans="8:8">
      <c r="H362751" s="12"/>
    </row>
    <row r="362752" spans="8:8">
      <c r="H362752" s="12"/>
    </row>
    <row r="362753" spans="8:8">
      <c r="H362753" s="12"/>
    </row>
    <row r="362754" spans="8:8">
      <c r="H362754" s="12"/>
    </row>
    <row r="362755" spans="8:8">
      <c r="H362755" s="12"/>
    </row>
    <row r="362756" spans="8:8">
      <c r="H362756" s="12"/>
    </row>
    <row r="362757" spans="8:8">
      <c r="H362757" s="12"/>
    </row>
    <row r="362758" spans="8:8">
      <c r="H362758" s="12"/>
    </row>
    <row r="362759" spans="8:8">
      <c r="H362759" s="12"/>
    </row>
    <row r="362760" spans="8:8">
      <c r="H362760" s="12"/>
    </row>
    <row r="362761" spans="8:8">
      <c r="H362761" s="12"/>
    </row>
    <row r="362762" spans="8:8">
      <c r="H362762" s="12"/>
    </row>
    <row r="362763" spans="8:8">
      <c r="H362763" s="12"/>
    </row>
    <row r="362764" spans="8:8">
      <c r="H362764" s="12"/>
    </row>
    <row r="362765" spans="8:8">
      <c r="H362765" s="12"/>
    </row>
    <row r="362766" spans="8:8">
      <c r="H362766" s="12"/>
    </row>
    <row r="362767" spans="8:8">
      <c r="H362767" s="12"/>
    </row>
    <row r="362768" spans="8:8">
      <c r="H362768" s="12"/>
    </row>
    <row r="362769" spans="8:8">
      <c r="H362769" s="12"/>
    </row>
    <row r="362770" spans="8:8">
      <c r="H362770" s="12"/>
    </row>
    <row r="362771" spans="8:8">
      <c r="H362771" s="12"/>
    </row>
    <row r="362772" spans="8:8">
      <c r="H362772" s="12"/>
    </row>
    <row r="362773" spans="8:8">
      <c r="H362773" s="12"/>
    </row>
    <row r="362774" spans="8:8">
      <c r="H362774" s="12"/>
    </row>
    <row r="362775" spans="8:8">
      <c r="H362775" s="12"/>
    </row>
    <row r="362776" spans="8:8">
      <c r="H362776" s="12"/>
    </row>
    <row r="362777" spans="8:8">
      <c r="H362777" s="12"/>
    </row>
    <row r="362778" spans="8:8">
      <c r="H362778" s="12"/>
    </row>
    <row r="362779" spans="8:8">
      <c r="H362779" s="12"/>
    </row>
    <row r="362780" spans="8:8">
      <c r="H362780" s="12"/>
    </row>
    <row r="362781" spans="8:8">
      <c r="H362781" s="12"/>
    </row>
    <row r="362782" spans="8:8">
      <c r="H362782" s="12"/>
    </row>
    <row r="362783" spans="8:8">
      <c r="H362783" s="12"/>
    </row>
    <row r="362784" spans="8:8">
      <c r="H362784" s="12"/>
    </row>
    <row r="362785" spans="8:8">
      <c r="H362785" s="12"/>
    </row>
    <row r="362786" spans="8:8">
      <c r="H362786" s="12"/>
    </row>
    <row r="362787" spans="8:8">
      <c r="H362787" s="12"/>
    </row>
    <row r="362788" spans="8:8">
      <c r="H362788" s="12"/>
    </row>
    <row r="362789" spans="8:8">
      <c r="H362789" s="12"/>
    </row>
    <row r="362790" spans="8:8">
      <c r="H362790" s="12"/>
    </row>
    <row r="362791" spans="8:8">
      <c r="H362791" s="12"/>
    </row>
    <row r="362792" spans="8:8">
      <c r="H362792" s="12"/>
    </row>
    <row r="362793" spans="8:8">
      <c r="H362793" s="12"/>
    </row>
    <row r="362794" spans="8:8">
      <c r="H362794" s="12"/>
    </row>
    <row r="362795" spans="8:8">
      <c r="H362795" s="12"/>
    </row>
    <row r="362796" spans="8:8">
      <c r="H362796" s="12"/>
    </row>
    <row r="362797" spans="8:8">
      <c r="H362797" s="12"/>
    </row>
    <row r="362798" spans="8:8">
      <c r="H362798" s="12"/>
    </row>
    <row r="362799" spans="8:8">
      <c r="H362799" s="12"/>
    </row>
    <row r="362800" spans="8:8">
      <c r="H362800" s="12"/>
    </row>
    <row r="362801" spans="8:8">
      <c r="H362801" s="12"/>
    </row>
    <row r="362802" spans="8:8">
      <c r="H362802" s="12"/>
    </row>
    <row r="362803" spans="8:8">
      <c r="H362803" s="12"/>
    </row>
    <row r="362804" spans="8:8">
      <c r="H362804" s="12"/>
    </row>
    <row r="362805" spans="8:8">
      <c r="H362805" s="12"/>
    </row>
    <row r="362806" spans="8:8">
      <c r="H362806" s="12"/>
    </row>
    <row r="362807" spans="8:8">
      <c r="H362807" s="12"/>
    </row>
    <row r="362808" spans="8:8">
      <c r="H362808" s="12"/>
    </row>
    <row r="362809" spans="8:8">
      <c r="H362809" s="12"/>
    </row>
    <row r="362810" spans="8:8">
      <c r="H362810" s="12"/>
    </row>
    <row r="362811" spans="8:8">
      <c r="H362811" s="12"/>
    </row>
    <row r="362812" spans="8:8">
      <c r="H362812" s="12"/>
    </row>
    <row r="362813" spans="8:8">
      <c r="H362813" s="12"/>
    </row>
    <row r="362814" spans="8:8">
      <c r="H362814" s="12"/>
    </row>
    <row r="362815" spans="8:8">
      <c r="H362815" s="12"/>
    </row>
    <row r="362816" spans="8:8">
      <c r="H362816" s="12"/>
    </row>
    <row r="362817" spans="8:8">
      <c r="H362817" s="12"/>
    </row>
    <row r="362818" spans="8:8">
      <c r="H362818" s="12"/>
    </row>
    <row r="362819" spans="8:8">
      <c r="H362819" s="12"/>
    </row>
    <row r="362820" spans="8:8">
      <c r="H362820" s="12"/>
    </row>
    <row r="362821" spans="8:8">
      <c r="H362821" s="12"/>
    </row>
    <row r="362822" spans="8:8">
      <c r="H362822" s="12"/>
    </row>
    <row r="362823" spans="8:8">
      <c r="H362823" s="12"/>
    </row>
    <row r="362824" spans="8:8">
      <c r="H362824" s="12"/>
    </row>
    <row r="362825" spans="8:8">
      <c r="H362825" s="12"/>
    </row>
    <row r="362826" spans="8:8">
      <c r="H362826" s="12"/>
    </row>
    <row r="362827" spans="8:8">
      <c r="H362827" s="12"/>
    </row>
    <row r="362828" spans="8:8">
      <c r="H362828" s="12"/>
    </row>
    <row r="362829" spans="8:8">
      <c r="H362829" s="12"/>
    </row>
    <row r="362830" spans="8:8">
      <c r="H362830" s="12"/>
    </row>
    <row r="362831" spans="8:8">
      <c r="H362831" s="12"/>
    </row>
    <row r="362832" spans="8:8">
      <c r="H362832" s="12"/>
    </row>
    <row r="362833" spans="8:8">
      <c r="H362833" s="12"/>
    </row>
    <row r="362834" spans="8:8">
      <c r="H362834" s="12"/>
    </row>
    <row r="362835" spans="8:8">
      <c r="H362835" s="12"/>
    </row>
    <row r="362836" spans="8:8">
      <c r="H362836" s="12"/>
    </row>
    <row r="362837" spans="8:8">
      <c r="H362837" s="12"/>
    </row>
    <row r="362838" spans="8:8">
      <c r="H362838" s="12"/>
    </row>
    <row r="362839" spans="8:8">
      <c r="H362839" s="12"/>
    </row>
    <row r="362840" spans="8:8">
      <c r="H362840" s="12"/>
    </row>
    <row r="362841" spans="8:8">
      <c r="H362841" s="12"/>
    </row>
    <row r="362842" spans="8:8">
      <c r="H362842" s="12"/>
    </row>
    <row r="362843" spans="8:8">
      <c r="H362843" s="12"/>
    </row>
    <row r="362844" spans="8:8">
      <c r="H362844" s="12"/>
    </row>
    <row r="362845" spans="8:8">
      <c r="H362845" s="12"/>
    </row>
    <row r="362846" spans="8:8">
      <c r="H362846" s="12"/>
    </row>
    <row r="362847" spans="8:8">
      <c r="H362847" s="12"/>
    </row>
    <row r="362848" spans="8:8">
      <c r="H362848" s="12"/>
    </row>
    <row r="362849" spans="8:8">
      <c r="H362849" s="12"/>
    </row>
    <row r="362850" spans="8:8">
      <c r="H362850" s="12"/>
    </row>
    <row r="362851" spans="8:8">
      <c r="H362851" s="12"/>
    </row>
    <row r="362852" spans="8:8">
      <c r="H362852" s="12"/>
    </row>
    <row r="362853" spans="8:8">
      <c r="H362853" s="12"/>
    </row>
    <row r="362854" spans="8:8">
      <c r="H362854" s="12"/>
    </row>
    <row r="362855" spans="8:8">
      <c r="H362855" s="12"/>
    </row>
    <row r="362856" spans="8:8">
      <c r="H362856" s="12"/>
    </row>
    <row r="362857" spans="8:8">
      <c r="H362857" s="12"/>
    </row>
    <row r="362858" spans="8:8">
      <c r="H362858" s="12"/>
    </row>
    <row r="362859" spans="8:8">
      <c r="H362859" s="12"/>
    </row>
    <row r="362860" spans="8:8">
      <c r="H362860" s="12"/>
    </row>
    <row r="362861" spans="8:8">
      <c r="H362861" s="12"/>
    </row>
    <row r="362862" spans="8:8">
      <c r="H362862" s="12"/>
    </row>
    <row r="362863" spans="8:8">
      <c r="H362863" s="12"/>
    </row>
    <row r="362864" spans="8:8">
      <c r="H362864" s="12"/>
    </row>
    <row r="362865" spans="8:8">
      <c r="H362865" s="12"/>
    </row>
    <row r="362866" spans="8:8">
      <c r="H362866" s="12"/>
    </row>
    <row r="362867" spans="8:8">
      <c r="H362867" s="12"/>
    </row>
    <row r="362868" spans="8:8">
      <c r="H362868" s="12"/>
    </row>
    <row r="362869" spans="8:8">
      <c r="H362869" s="12"/>
    </row>
    <row r="362870" spans="8:8">
      <c r="H362870" s="12"/>
    </row>
    <row r="362871" spans="8:8">
      <c r="H362871" s="12"/>
    </row>
    <row r="362872" spans="8:8">
      <c r="H362872" s="12"/>
    </row>
    <row r="362873" spans="8:8">
      <c r="H362873" s="12"/>
    </row>
    <row r="362874" spans="8:8">
      <c r="H362874" s="12"/>
    </row>
    <row r="362875" spans="8:8">
      <c r="H362875" s="12"/>
    </row>
    <row r="362876" spans="8:8">
      <c r="H362876" s="12"/>
    </row>
    <row r="362877" spans="8:8">
      <c r="H362877" s="12"/>
    </row>
    <row r="362878" spans="8:8">
      <c r="H362878" s="12"/>
    </row>
    <row r="362879" spans="8:8">
      <c r="H362879" s="12"/>
    </row>
    <row r="362880" spans="8:8">
      <c r="H362880" s="12"/>
    </row>
    <row r="362881" spans="8:8">
      <c r="H362881" s="12"/>
    </row>
    <row r="362882" spans="8:8">
      <c r="H362882" s="12"/>
    </row>
    <row r="362883" spans="8:8">
      <c r="H362883" s="12"/>
    </row>
    <row r="362884" spans="8:8">
      <c r="H362884" s="12"/>
    </row>
    <row r="362885" spans="8:8">
      <c r="H362885" s="12"/>
    </row>
    <row r="362886" spans="8:8">
      <c r="H362886" s="12"/>
    </row>
    <row r="362887" spans="8:8">
      <c r="H362887" s="12"/>
    </row>
    <row r="362888" spans="8:8">
      <c r="H362888" s="12"/>
    </row>
    <row r="362889" spans="8:8">
      <c r="H362889" s="12"/>
    </row>
    <row r="362890" spans="8:8">
      <c r="H362890" s="12"/>
    </row>
    <row r="362891" spans="8:8">
      <c r="H362891" s="12"/>
    </row>
    <row r="362892" spans="8:8">
      <c r="H362892" s="12"/>
    </row>
    <row r="362893" spans="8:8">
      <c r="H362893" s="12"/>
    </row>
    <row r="362894" spans="8:8">
      <c r="H362894" s="12"/>
    </row>
    <row r="362895" spans="8:8">
      <c r="H362895" s="12"/>
    </row>
    <row r="362896" spans="8:8">
      <c r="H362896" s="12"/>
    </row>
    <row r="362897" spans="8:8">
      <c r="H362897" s="12"/>
    </row>
    <row r="362898" spans="8:8">
      <c r="H362898" s="12"/>
    </row>
    <row r="362899" spans="8:8">
      <c r="H362899" s="12"/>
    </row>
    <row r="362900" spans="8:8">
      <c r="H362900" s="12"/>
    </row>
    <row r="362901" spans="8:8">
      <c r="H362901" s="12"/>
    </row>
    <row r="362902" spans="8:8">
      <c r="H362902" s="12"/>
    </row>
    <row r="362903" spans="8:8">
      <c r="H362903" s="12"/>
    </row>
    <row r="362904" spans="8:8">
      <c r="H362904" s="12"/>
    </row>
    <row r="362905" spans="8:8">
      <c r="H362905" s="12"/>
    </row>
    <row r="362906" spans="8:8">
      <c r="H362906" s="12"/>
    </row>
    <row r="362907" spans="8:8">
      <c r="H362907" s="12"/>
    </row>
    <row r="362908" spans="8:8">
      <c r="H362908" s="12"/>
    </row>
    <row r="362909" spans="8:8">
      <c r="H362909" s="12"/>
    </row>
    <row r="362910" spans="8:8">
      <c r="H362910" s="12"/>
    </row>
    <row r="362911" spans="8:8">
      <c r="H362911" s="12"/>
    </row>
    <row r="362912" spans="8:8">
      <c r="H362912" s="12"/>
    </row>
    <row r="362913" spans="8:8">
      <c r="H362913" s="12"/>
    </row>
    <row r="362914" spans="8:8">
      <c r="H362914" s="12"/>
    </row>
    <row r="362915" spans="8:8">
      <c r="H362915" s="12"/>
    </row>
    <row r="362916" spans="8:8">
      <c r="H362916" s="12"/>
    </row>
    <row r="362917" spans="8:8">
      <c r="H362917" s="12"/>
    </row>
    <row r="362918" spans="8:8">
      <c r="H362918" s="12"/>
    </row>
    <row r="362919" spans="8:8">
      <c r="H362919" s="12"/>
    </row>
    <row r="362920" spans="8:8">
      <c r="H362920" s="12"/>
    </row>
    <row r="362921" spans="8:8">
      <c r="H362921" s="12"/>
    </row>
    <row r="362922" spans="8:8">
      <c r="H362922" s="12"/>
    </row>
    <row r="362923" spans="8:8">
      <c r="H362923" s="12"/>
    </row>
    <row r="362924" spans="8:8">
      <c r="H362924" s="12"/>
    </row>
    <row r="362925" spans="8:8">
      <c r="H362925" s="12"/>
    </row>
    <row r="362926" spans="8:8">
      <c r="H362926" s="12"/>
    </row>
    <row r="362927" spans="8:8">
      <c r="H362927" s="12"/>
    </row>
    <row r="362928" spans="8:8">
      <c r="H362928" s="12"/>
    </row>
    <row r="362929" spans="8:8">
      <c r="H362929" s="12"/>
    </row>
    <row r="362930" spans="8:8">
      <c r="H362930" s="12"/>
    </row>
    <row r="362931" spans="8:8">
      <c r="H362931" s="12"/>
    </row>
    <row r="362932" spans="8:8">
      <c r="H362932" s="12"/>
    </row>
    <row r="362933" spans="8:8">
      <c r="H362933" s="12"/>
    </row>
    <row r="362934" spans="8:8">
      <c r="H362934" s="12"/>
    </row>
    <row r="362935" spans="8:8">
      <c r="H362935" s="12"/>
    </row>
    <row r="362936" spans="8:8">
      <c r="H362936" s="12"/>
    </row>
    <row r="362937" spans="8:8">
      <c r="H362937" s="12"/>
    </row>
    <row r="362938" spans="8:8">
      <c r="H362938" s="12"/>
    </row>
    <row r="362939" spans="8:8">
      <c r="H362939" s="12"/>
    </row>
    <row r="362940" spans="8:8">
      <c r="H362940" s="12"/>
    </row>
    <row r="362941" spans="8:8">
      <c r="H362941" s="12"/>
    </row>
    <row r="362942" spans="8:8">
      <c r="H362942" s="12"/>
    </row>
    <row r="362943" spans="8:8">
      <c r="H362943" s="12"/>
    </row>
    <row r="362944" spans="8:8">
      <c r="H362944" s="12"/>
    </row>
    <row r="362945" spans="8:8">
      <c r="H362945" s="12"/>
    </row>
    <row r="362946" spans="8:8">
      <c r="H362946" s="12"/>
    </row>
    <row r="362947" spans="8:8">
      <c r="H362947" s="12"/>
    </row>
    <row r="362948" spans="8:8">
      <c r="H362948" s="12"/>
    </row>
    <row r="362949" spans="8:8">
      <c r="H362949" s="12"/>
    </row>
    <row r="362950" spans="8:8">
      <c r="H362950" s="12"/>
    </row>
    <row r="362951" spans="8:8">
      <c r="H362951" s="12"/>
    </row>
    <row r="362952" spans="8:8">
      <c r="H362952" s="12"/>
    </row>
    <row r="362953" spans="8:8">
      <c r="H362953" s="12"/>
    </row>
    <row r="362954" spans="8:8">
      <c r="H362954" s="12"/>
    </row>
    <row r="362955" spans="8:8">
      <c r="H362955" s="12"/>
    </row>
    <row r="362956" spans="8:8">
      <c r="H362956" s="12"/>
    </row>
    <row r="362957" spans="8:8">
      <c r="H362957" s="12"/>
    </row>
    <row r="362958" spans="8:8">
      <c r="H362958" s="12"/>
    </row>
    <row r="362959" spans="8:8">
      <c r="H362959" s="12"/>
    </row>
    <row r="362960" spans="8:8">
      <c r="H362960" s="12"/>
    </row>
    <row r="362961" spans="8:8">
      <c r="H362961" s="12"/>
    </row>
    <row r="362962" spans="8:8">
      <c r="H362962" s="12"/>
    </row>
    <row r="362963" spans="8:8">
      <c r="H362963" s="12"/>
    </row>
    <row r="362964" spans="8:8">
      <c r="H362964" s="12"/>
    </row>
    <row r="362965" spans="8:8">
      <c r="H362965" s="12"/>
    </row>
    <row r="362966" spans="8:8">
      <c r="H362966" s="12"/>
    </row>
    <row r="362967" spans="8:8">
      <c r="H362967" s="12"/>
    </row>
    <row r="362968" spans="8:8">
      <c r="H362968" s="12"/>
    </row>
    <row r="362969" spans="8:8">
      <c r="H362969" s="12"/>
    </row>
    <row r="362970" spans="8:8">
      <c r="H362970" s="12"/>
    </row>
    <row r="362971" spans="8:8">
      <c r="H362971" s="12"/>
    </row>
    <row r="362972" spans="8:8">
      <c r="H362972" s="12"/>
    </row>
    <row r="362973" spans="8:8">
      <c r="H362973" s="12"/>
    </row>
    <row r="362974" spans="8:8">
      <c r="H362974" s="12"/>
    </row>
    <row r="362975" spans="8:8">
      <c r="H362975" s="12"/>
    </row>
    <row r="362976" spans="8:8">
      <c r="H362976" s="12"/>
    </row>
    <row r="362977" spans="8:8">
      <c r="H362977" s="12"/>
    </row>
    <row r="362978" spans="8:8">
      <c r="H362978" s="12"/>
    </row>
    <row r="362979" spans="8:8">
      <c r="H362979" s="12"/>
    </row>
    <row r="362980" spans="8:8">
      <c r="H362980" s="12"/>
    </row>
    <row r="362981" spans="8:8">
      <c r="H362981" s="12"/>
    </row>
    <row r="362982" spans="8:8">
      <c r="H362982" s="12"/>
    </row>
    <row r="362983" spans="8:8">
      <c r="H362983" s="12"/>
    </row>
    <row r="362984" spans="8:8">
      <c r="H362984" s="12"/>
    </row>
    <row r="362985" spans="8:8">
      <c r="H362985" s="12"/>
    </row>
    <row r="362986" spans="8:8">
      <c r="H362986" s="12"/>
    </row>
    <row r="362987" spans="8:8">
      <c r="H362987" s="12"/>
    </row>
    <row r="362988" spans="8:8">
      <c r="H362988" s="12"/>
    </row>
    <row r="362989" spans="8:8">
      <c r="H362989" s="12"/>
    </row>
    <row r="362990" spans="8:8">
      <c r="H362990" s="12"/>
    </row>
    <row r="362991" spans="8:8">
      <c r="H362991" s="12"/>
    </row>
    <row r="362992" spans="8:8">
      <c r="H362992" s="12"/>
    </row>
    <row r="362993" spans="8:8">
      <c r="H362993" s="12"/>
    </row>
    <row r="362994" spans="8:8">
      <c r="H362994" s="12"/>
    </row>
    <row r="362995" spans="8:8">
      <c r="H362995" s="12"/>
    </row>
    <row r="362996" spans="8:8">
      <c r="H362996" s="12"/>
    </row>
    <row r="362997" spans="8:8">
      <c r="H362997" s="12"/>
    </row>
    <row r="362998" spans="8:8">
      <c r="H362998" s="12"/>
    </row>
    <row r="362999" spans="8:8">
      <c r="H362999" s="12"/>
    </row>
    <row r="363000" spans="8:8">
      <c r="H363000" s="12"/>
    </row>
    <row r="363001" spans="8:8">
      <c r="H363001" s="12"/>
    </row>
    <row r="363002" spans="8:8">
      <c r="H363002" s="12"/>
    </row>
    <row r="363003" spans="8:8">
      <c r="H363003" s="12"/>
    </row>
    <row r="363004" spans="8:8">
      <c r="H363004" s="12"/>
    </row>
    <row r="363005" spans="8:8">
      <c r="H363005" s="12"/>
    </row>
    <row r="363006" spans="8:8">
      <c r="H363006" s="12"/>
    </row>
    <row r="363007" spans="8:8">
      <c r="H363007" s="12"/>
    </row>
    <row r="363008" spans="8:8">
      <c r="H363008" s="12"/>
    </row>
    <row r="363009" spans="8:8">
      <c r="H363009" s="12"/>
    </row>
    <row r="363010" spans="8:8">
      <c r="H363010" s="12"/>
    </row>
    <row r="363011" spans="8:8">
      <c r="H363011" s="12"/>
    </row>
    <row r="363012" spans="8:8">
      <c r="H363012" s="12"/>
    </row>
    <row r="363013" spans="8:8">
      <c r="H363013" s="12"/>
    </row>
    <row r="363014" spans="8:8">
      <c r="H363014" s="12"/>
    </row>
    <row r="363015" spans="8:8">
      <c r="H363015" s="12"/>
    </row>
    <row r="363016" spans="8:8">
      <c r="H363016" s="12"/>
    </row>
    <row r="363017" spans="8:8">
      <c r="H363017" s="12"/>
    </row>
    <row r="363018" spans="8:8">
      <c r="H363018" s="12"/>
    </row>
    <row r="363019" spans="8:8">
      <c r="H363019" s="12"/>
    </row>
    <row r="363020" spans="8:8">
      <c r="H363020" s="12"/>
    </row>
    <row r="363021" spans="8:8">
      <c r="H363021" s="12"/>
    </row>
    <row r="363022" spans="8:8">
      <c r="H363022" s="12"/>
    </row>
    <row r="363023" spans="8:8">
      <c r="H363023" s="12"/>
    </row>
    <row r="363024" spans="8:8">
      <c r="H363024" s="12"/>
    </row>
    <row r="363025" spans="8:8">
      <c r="H363025" s="12"/>
    </row>
    <row r="363026" spans="8:8">
      <c r="H363026" s="12"/>
    </row>
    <row r="363027" spans="8:8">
      <c r="H363027" s="12"/>
    </row>
    <row r="363028" spans="8:8">
      <c r="H363028" s="12"/>
    </row>
    <row r="363029" spans="8:8">
      <c r="H363029" s="12"/>
    </row>
    <row r="363030" spans="8:8">
      <c r="H363030" s="12"/>
    </row>
    <row r="363031" spans="8:8">
      <c r="H363031" s="12"/>
    </row>
    <row r="363032" spans="8:8">
      <c r="H363032" s="12"/>
    </row>
    <row r="363033" spans="8:8">
      <c r="H363033" s="12"/>
    </row>
    <row r="363034" spans="8:8">
      <c r="H363034" s="12"/>
    </row>
    <row r="363035" spans="8:8">
      <c r="H363035" s="12"/>
    </row>
    <row r="363036" spans="8:8">
      <c r="H363036" s="12"/>
    </row>
    <row r="363037" spans="8:8">
      <c r="H363037" s="12"/>
    </row>
    <row r="363038" spans="8:8">
      <c r="H363038" s="12"/>
    </row>
    <row r="363039" spans="8:8">
      <c r="H363039" s="12"/>
    </row>
    <row r="363040" spans="8:8">
      <c r="H363040" s="12"/>
    </row>
    <row r="363041" spans="8:8">
      <c r="H363041" s="12"/>
    </row>
    <row r="363042" spans="8:8">
      <c r="H363042" s="12"/>
    </row>
    <row r="363043" spans="8:8">
      <c r="H363043" s="12"/>
    </row>
    <row r="363044" spans="8:8">
      <c r="H363044" s="12"/>
    </row>
    <row r="363045" spans="8:8">
      <c r="H363045" s="12"/>
    </row>
    <row r="363046" spans="8:8">
      <c r="H363046" s="12"/>
    </row>
    <row r="363047" spans="8:8">
      <c r="H363047" s="12"/>
    </row>
    <row r="363048" spans="8:8">
      <c r="H363048" s="12"/>
    </row>
    <row r="363049" spans="8:8">
      <c r="H363049" s="12"/>
    </row>
    <row r="363050" spans="8:8">
      <c r="H363050" s="12"/>
    </row>
    <row r="363051" spans="8:8">
      <c r="H363051" s="12"/>
    </row>
    <row r="363052" spans="8:8">
      <c r="H363052" s="12"/>
    </row>
    <row r="363053" spans="8:8">
      <c r="H363053" s="12"/>
    </row>
    <row r="363054" spans="8:8">
      <c r="H363054" s="12"/>
    </row>
    <row r="363055" spans="8:8">
      <c r="H363055" s="12"/>
    </row>
    <row r="363056" spans="8:8">
      <c r="H363056" s="12"/>
    </row>
    <row r="363057" spans="8:8">
      <c r="H363057" s="12"/>
    </row>
    <row r="363058" spans="8:8">
      <c r="H363058" s="12"/>
    </row>
    <row r="363059" spans="8:8">
      <c r="H363059" s="12"/>
    </row>
    <row r="363060" spans="8:8">
      <c r="H363060" s="12"/>
    </row>
    <row r="363061" spans="8:8">
      <c r="H363061" s="12"/>
    </row>
    <row r="363062" spans="8:8">
      <c r="H363062" s="12"/>
    </row>
    <row r="363063" spans="8:8">
      <c r="H363063" s="12"/>
    </row>
    <row r="363064" spans="8:8">
      <c r="H363064" s="12"/>
    </row>
    <row r="363065" spans="8:8">
      <c r="H363065" s="12"/>
    </row>
    <row r="363066" spans="8:8">
      <c r="H363066" s="12"/>
    </row>
    <row r="363067" spans="8:8">
      <c r="H363067" s="12"/>
    </row>
    <row r="363068" spans="8:8">
      <c r="H363068" s="12"/>
    </row>
    <row r="363069" spans="8:8">
      <c r="H363069" s="12"/>
    </row>
    <row r="363070" spans="8:8">
      <c r="H363070" s="12"/>
    </row>
    <row r="363071" spans="8:8">
      <c r="H363071" s="12"/>
    </row>
    <row r="363072" spans="8:8">
      <c r="H363072" s="12"/>
    </row>
    <row r="363073" spans="8:8">
      <c r="H363073" s="12"/>
    </row>
    <row r="363074" spans="8:8">
      <c r="H363074" s="12"/>
    </row>
    <row r="363075" spans="8:8">
      <c r="H363075" s="12"/>
    </row>
    <row r="363076" spans="8:8">
      <c r="H363076" s="12"/>
    </row>
    <row r="363077" spans="8:8">
      <c r="H363077" s="12"/>
    </row>
    <row r="363078" spans="8:8">
      <c r="H363078" s="12"/>
    </row>
    <row r="363079" spans="8:8">
      <c r="H363079" s="12"/>
    </row>
    <row r="363080" spans="8:8">
      <c r="H363080" s="12"/>
    </row>
    <row r="363081" spans="8:8">
      <c r="H363081" s="12"/>
    </row>
    <row r="363082" spans="8:8">
      <c r="H363082" s="12"/>
    </row>
    <row r="363083" spans="8:8">
      <c r="H363083" s="12"/>
    </row>
    <row r="363084" spans="8:8">
      <c r="H363084" s="12"/>
    </row>
    <row r="363085" spans="8:8">
      <c r="H363085" s="12"/>
    </row>
    <row r="363086" spans="8:8">
      <c r="H363086" s="12"/>
    </row>
    <row r="363087" spans="8:8">
      <c r="H363087" s="12"/>
    </row>
    <row r="363088" spans="8:8">
      <c r="H363088" s="12"/>
    </row>
    <row r="363089" spans="8:8">
      <c r="H363089" s="12"/>
    </row>
    <row r="363090" spans="8:8">
      <c r="H363090" s="12"/>
    </row>
    <row r="363091" spans="8:8">
      <c r="H363091" s="12"/>
    </row>
    <row r="363092" spans="8:8">
      <c r="H363092" s="12"/>
    </row>
    <row r="363093" spans="8:8">
      <c r="H363093" s="12"/>
    </row>
    <row r="363094" spans="8:8">
      <c r="H363094" s="12"/>
    </row>
    <row r="363095" spans="8:8">
      <c r="H363095" s="12"/>
    </row>
    <row r="363096" spans="8:8">
      <c r="H363096" s="12"/>
    </row>
    <row r="363097" spans="8:8">
      <c r="H363097" s="12"/>
    </row>
    <row r="363098" spans="8:8">
      <c r="H363098" s="12"/>
    </row>
    <row r="363099" spans="8:8">
      <c r="H363099" s="12"/>
    </row>
    <row r="363100" spans="8:8">
      <c r="H363100" s="12"/>
    </row>
    <row r="363101" spans="8:8">
      <c r="H363101" s="12"/>
    </row>
    <row r="363102" spans="8:8">
      <c r="H363102" s="12"/>
    </row>
    <row r="363103" spans="8:8">
      <c r="H363103" s="12"/>
    </row>
    <row r="363104" spans="8:8">
      <c r="H363104" s="12"/>
    </row>
    <row r="363105" spans="8:8">
      <c r="H363105" s="12"/>
    </row>
    <row r="363106" spans="8:8">
      <c r="H363106" s="12"/>
    </row>
    <row r="363107" spans="8:8">
      <c r="H363107" s="12"/>
    </row>
    <row r="363108" spans="8:8">
      <c r="H363108" s="12"/>
    </row>
    <row r="363109" spans="8:8">
      <c r="H363109" s="12"/>
    </row>
    <row r="363110" spans="8:8">
      <c r="H363110" s="12"/>
    </row>
    <row r="363111" spans="8:8">
      <c r="H363111" s="12"/>
    </row>
    <row r="363112" spans="8:8">
      <c r="H363112" s="12"/>
    </row>
    <row r="363113" spans="8:8">
      <c r="H363113" s="12"/>
    </row>
    <row r="363114" spans="8:8">
      <c r="H363114" s="12"/>
    </row>
    <row r="363115" spans="8:8">
      <c r="H363115" s="12"/>
    </row>
    <row r="363116" spans="8:8">
      <c r="H363116" s="12"/>
    </row>
    <row r="363117" spans="8:8">
      <c r="H363117" s="12"/>
    </row>
    <row r="363118" spans="8:8">
      <c r="H363118" s="12"/>
    </row>
    <row r="363119" spans="8:8">
      <c r="H363119" s="12"/>
    </row>
    <row r="363120" spans="8:8">
      <c r="H363120" s="12"/>
    </row>
    <row r="363121" spans="8:8">
      <c r="H363121" s="12"/>
    </row>
    <row r="363122" spans="8:8">
      <c r="H363122" s="12"/>
    </row>
    <row r="363123" spans="8:8">
      <c r="H363123" s="12"/>
    </row>
    <row r="363124" spans="8:8">
      <c r="H363124" s="12"/>
    </row>
    <row r="363125" spans="8:8">
      <c r="H363125" s="12"/>
    </row>
    <row r="363126" spans="8:8">
      <c r="H363126" s="12"/>
    </row>
    <row r="363127" spans="8:8">
      <c r="H363127" s="12"/>
    </row>
    <row r="363128" spans="8:8">
      <c r="H363128" s="12"/>
    </row>
    <row r="363129" spans="8:8">
      <c r="H363129" s="12"/>
    </row>
    <row r="363130" spans="8:8">
      <c r="H363130" s="12"/>
    </row>
    <row r="363131" spans="8:8">
      <c r="H363131" s="12"/>
    </row>
    <row r="363132" spans="8:8">
      <c r="H363132" s="12"/>
    </row>
    <row r="363133" spans="8:8">
      <c r="H363133" s="12"/>
    </row>
    <row r="363134" spans="8:8">
      <c r="H363134" s="12"/>
    </row>
    <row r="363135" spans="8:8">
      <c r="H363135" s="12"/>
    </row>
    <row r="363136" spans="8:8">
      <c r="H363136" s="12"/>
    </row>
    <row r="363137" spans="8:8">
      <c r="H363137" s="12"/>
    </row>
    <row r="363138" spans="8:8">
      <c r="H363138" s="12"/>
    </row>
    <row r="363139" spans="8:8">
      <c r="H363139" s="12"/>
    </row>
    <row r="363140" spans="8:8">
      <c r="H363140" s="12"/>
    </row>
    <row r="363141" spans="8:8">
      <c r="H363141" s="12"/>
    </row>
    <row r="363142" spans="8:8">
      <c r="H363142" s="12"/>
    </row>
    <row r="363143" spans="8:8">
      <c r="H363143" s="12"/>
    </row>
    <row r="363144" spans="8:8">
      <c r="H363144" s="12"/>
    </row>
    <row r="363145" spans="8:8">
      <c r="H363145" s="12"/>
    </row>
    <row r="363146" spans="8:8">
      <c r="H363146" s="12"/>
    </row>
    <row r="363147" spans="8:8">
      <c r="H363147" s="12"/>
    </row>
    <row r="363148" spans="8:8">
      <c r="H363148" s="12"/>
    </row>
    <row r="363149" spans="8:8">
      <c r="H363149" s="12"/>
    </row>
    <row r="363150" spans="8:8">
      <c r="H363150" s="12"/>
    </row>
    <row r="363151" spans="8:8">
      <c r="H363151" s="12"/>
    </row>
    <row r="363152" spans="8:8">
      <c r="H363152" s="12"/>
    </row>
    <row r="363153" spans="8:8">
      <c r="H363153" s="12"/>
    </row>
    <row r="363154" spans="8:8">
      <c r="H363154" s="12"/>
    </row>
    <row r="363155" spans="8:8">
      <c r="H363155" s="12"/>
    </row>
    <row r="363156" spans="8:8">
      <c r="H363156" s="12"/>
    </row>
    <row r="363157" spans="8:8">
      <c r="H363157" s="12"/>
    </row>
    <row r="363158" spans="8:8">
      <c r="H363158" s="12"/>
    </row>
    <row r="363159" spans="8:8">
      <c r="H363159" s="12"/>
    </row>
    <row r="363160" spans="8:8">
      <c r="H363160" s="12"/>
    </row>
    <row r="363161" spans="8:8">
      <c r="H363161" s="12"/>
    </row>
    <row r="363162" spans="8:8">
      <c r="H363162" s="12"/>
    </row>
    <row r="363163" spans="8:8">
      <c r="H363163" s="12"/>
    </row>
    <row r="363164" spans="8:8">
      <c r="H363164" s="12"/>
    </row>
    <row r="363165" spans="8:8">
      <c r="H363165" s="12"/>
    </row>
    <row r="363166" spans="8:8">
      <c r="H363166" s="12"/>
    </row>
    <row r="363167" spans="8:8">
      <c r="H363167" s="12"/>
    </row>
    <row r="363168" spans="8:8">
      <c r="H363168" s="12"/>
    </row>
    <row r="363169" spans="8:8">
      <c r="H363169" s="12"/>
    </row>
    <row r="363170" spans="8:8">
      <c r="H363170" s="12"/>
    </row>
    <row r="363171" spans="8:8">
      <c r="H363171" s="12"/>
    </row>
    <row r="363172" spans="8:8">
      <c r="H363172" s="12"/>
    </row>
    <row r="363173" spans="8:8">
      <c r="H363173" s="12"/>
    </row>
    <row r="363174" spans="8:8">
      <c r="H363174" s="12"/>
    </row>
    <row r="363175" spans="8:8">
      <c r="H363175" s="12"/>
    </row>
    <row r="363176" spans="8:8">
      <c r="H363176" s="12"/>
    </row>
    <row r="363177" spans="8:8">
      <c r="H363177" s="12"/>
    </row>
    <row r="363178" spans="8:8">
      <c r="H363178" s="12"/>
    </row>
    <row r="363179" spans="8:8">
      <c r="H363179" s="12"/>
    </row>
    <row r="363180" spans="8:8">
      <c r="H363180" s="12"/>
    </row>
    <row r="363181" spans="8:8">
      <c r="H363181" s="12"/>
    </row>
    <row r="363182" spans="8:8">
      <c r="H363182" s="12"/>
    </row>
    <row r="363183" spans="8:8">
      <c r="H363183" s="12"/>
    </row>
    <row r="363184" spans="8:8">
      <c r="H363184" s="12"/>
    </row>
    <row r="363185" spans="8:8">
      <c r="H363185" s="12"/>
    </row>
    <row r="363186" spans="8:8">
      <c r="H363186" s="12"/>
    </row>
    <row r="363187" spans="8:8">
      <c r="H363187" s="12"/>
    </row>
    <row r="363188" spans="8:8">
      <c r="H363188" s="12"/>
    </row>
    <row r="363189" spans="8:8">
      <c r="H363189" s="12"/>
    </row>
    <row r="363190" spans="8:8">
      <c r="H363190" s="12"/>
    </row>
    <row r="363191" spans="8:8">
      <c r="H363191" s="12"/>
    </row>
    <row r="363192" spans="8:8">
      <c r="H363192" s="12"/>
    </row>
    <row r="363193" spans="8:8">
      <c r="H363193" s="12"/>
    </row>
    <row r="363194" spans="8:8">
      <c r="H363194" s="12"/>
    </row>
    <row r="363195" spans="8:8">
      <c r="H363195" s="12"/>
    </row>
    <row r="363196" spans="8:8">
      <c r="H363196" s="12"/>
    </row>
    <row r="363197" spans="8:8">
      <c r="H363197" s="12"/>
    </row>
    <row r="363198" spans="8:8">
      <c r="H363198" s="12"/>
    </row>
    <row r="363199" spans="8:8">
      <c r="H363199" s="12"/>
    </row>
    <row r="363200" spans="8:8">
      <c r="H363200" s="12"/>
    </row>
    <row r="363201" spans="8:8">
      <c r="H363201" s="12"/>
    </row>
    <row r="363202" spans="8:8">
      <c r="H363202" s="12"/>
    </row>
    <row r="363203" spans="8:8">
      <c r="H363203" s="12"/>
    </row>
    <row r="363204" spans="8:8">
      <c r="H363204" s="12"/>
    </row>
    <row r="363205" spans="8:8">
      <c r="H363205" s="12"/>
    </row>
    <row r="363206" spans="8:8">
      <c r="H363206" s="12"/>
    </row>
    <row r="363207" spans="8:8">
      <c r="H363207" s="12"/>
    </row>
    <row r="363208" spans="8:8">
      <c r="H363208" s="12"/>
    </row>
    <row r="363209" spans="8:8">
      <c r="H363209" s="12"/>
    </row>
    <row r="363210" spans="8:8">
      <c r="H363210" s="12"/>
    </row>
    <row r="363211" spans="8:8">
      <c r="H363211" s="12"/>
    </row>
    <row r="363212" spans="8:8">
      <c r="H363212" s="12"/>
    </row>
    <row r="363213" spans="8:8">
      <c r="H363213" s="12"/>
    </row>
    <row r="363214" spans="8:8">
      <c r="H363214" s="12"/>
    </row>
    <row r="363215" spans="8:8">
      <c r="H363215" s="12"/>
    </row>
    <row r="363216" spans="8:8">
      <c r="H363216" s="12"/>
    </row>
    <row r="363217" spans="8:8">
      <c r="H363217" s="12"/>
    </row>
    <row r="363218" spans="8:8">
      <c r="H363218" s="12"/>
    </row>
    <row r="363219" spans="8:8">
      <c r="H363219" s="12"/>
    </row>
    <row r="363220" spans="8:8">
      <c r="H363220" s="12"/>
    </row>
    <row r="363221" spans="8:8">
      <c r="H363221" s="12"/>
    </row>
    <row r="363222" spans="8:8">
      <c r="H363222" s="12"/>
    </row>
    <row r="363223" spans="8:8">
      <c r="H363223" s="12"/>
    </row>
    <row r="363224" spans="8:8">
      <c r="H363224" s="12"/>
    </row>
    <row r="363225" spans="8:8">
      <c r="H363225" s="12"/>
    </row>
    <row r="363226" spans="8:8">
      <c r="H363226" s="12"/>
    </row>
    <row r="363227" spans="8:8">
      <c r="H363227" s="12"/>
    </row>
    <row r="363228" spans="8:8">
      <c r="H363228" s="12"/>
    </row>
    <row r="363229" spans="8:8">
      <c r="H363229" s="12"/>
    </row>
    <row r="363230" spans="8:8">
      <c r="H363230" s="12"/>
    </row>
    <row r="363231" spans="8:8">
      <c r="H363231" s="12"/>
    </row>
    <row r="363232" spans="8:8">
      <c r="H363232" s="12"/>
    </row>
    <row r="363233" spans="8:8">
      <c r="H363233" s="12"/>
    </row>
    <row r="363234" spans="8:8">
      <c r="H363234" s="12"/>
    </row>
    <row r="363235" spans="8:8">
      <c r="H363235" s="12"/>
    </row>
    <row r="363236" spans="8:8">
      <c r="H363236" s="12"/>
    </row>
    <row r="363237" spans="8:8">
      <c r="H363237" s="12"/>
    </row>
    <row r="363238" spans="8:8">
      <c r="H363238" s="12"/>
    </row>
    <row r="363239" spans="8:8">
      <c r="H363239" s="12"/>
    </row>
    <row r="363240" spans="8:8">
      <c r="H363240" s="12"/>
    </row>
    <row r="363241" spans="8:8">
      <c r="H363241" s="12"/>
    </row>
    <row r="363242" spans="8:8">
      <c r="H363242" s="12"/>
    </row>
    <row r="363243" spans="8:8">
      <c r="H363243" s="12"/>
    </row>
    <row r="363244" spans="8:8">
      <c r="H363244" s="12"/>
    </row>
    <row r="363245" spans="8:8">
      <c r="H363245" s="12"/>
    </row>
    <row r="363246" spans="8:8">
      <c r="H363246" s="12"/>
    </row>
    <row r="363247" spans="8:8">
      <c r="H363247" s="12"/>
    </row>
    <row r="363248" spans="8:8">
      <c r="H363248" s="12"/>
    </row>
    <row r="363249" spans="8:8">
      <c r="H363249" s="12"/>
    </row>
    <row r="363250" spans="8:8">
      <c r="H363250" s="12"/>
    </row>
    <row r="363251" spans="8:8">
      <c r="H363251" s="12"/>
    </row>
    <row r="363252" spans="8:8">
      <c r="H363252" s="12"/>
    </row>
    <row r="363253" spans="8:8">
      <c r="H363253" s="12"/>
    </row>
    <row r="363254" spans="8:8">
      <c r="H363254" s="12"/>
    </row>
    <row r="363255" spans="8:8">
      <c r="H363255" s="12"/>
    </row>
    <row r="363256" spans="8:8">
      <c r="H363256" s="12"/>
    </row>
    <row r="363257" spans="8:8">
      <c r="H363257" s="12"/>
    </row>
    <row r="363258" spans="8:8">
      <c r="H363258" s="12"/>
    </row>
    <row r="363259" spans="8:8">
      <c r="H363259" s="12"/>
    </row>
    <row r="363260" spans="8:8">
      <c r="H363260" s="12"/>
    </row>
    <row r="363261" spans="8:8">
      <c r="H363261" s="12"/>
    </row>
    <row r="363262" spans="8:8">
      <c r="H363262" s="12"/>
    </row>
    <row r="363263" spans="8:8">
      <c r="H363263" s="12"/>
    </row>
    <row r="363264" spans="8:8">
      <c r="H363264" s="12"/>
    </row>
    <row r="363265" spans="8:8">
      <c r="H363265" s="12"/>
    </row>
    <row r="363266" spans="8:8">
      <c r="H363266" s="12"/>
    </row>
    <row r="363267" spans="8:8">
      <c r="H363267" s="12"/>
    </row>
    <row r="363268" spans="8:8">
      <c r="H363268" s="12"/>
    </row>
    <row r="363269" spans="8:8">
      <c r="H363269" s="12"/>
    </row>
    <row r="363270" spans="8:8">
      <c r="H363270" s="12"/>
    </row>
    <row r="363271" spans="8:8">
      <c r="H363271" s="12"/>
    </row>
    <row r="363272" spans="8:8">
      <c r="H363272" s="12"/>
    </row>
    <row r="363273" spans="8:8">
      <c r="H363273" s="12"/>
    </row>
    <row r="363274" spans="8:8">
      <c r="H363274" s="12"/>
    </row>
    <row r="363275" spans="8:8">
      <c r="H363275" s="12"/>
    </row>
    <row r="363276" spans="8:8">
      <c r="H363276" s="12"/>
    </row>
    <row r="363277" spans="8:8">
      <c r="H363277" s="12"/>
    </row>
    <row r="363278" spans="8:8">
      <c r="H363278" s="12"/>
    </row>
    <row r="363279" spans="8:8">
      <c r="H363279" s="12"/>
    </row>
    <row r="363280" spans="8:8">
      <c r="H363280" s="12"/>
    </row>
    <row r="363281" spans="8:8">
      <c r="H363281" s="12"/>
    </row>
    <row r="363282" spans="8:8">
      <c r="H363282" s="12"/>
    </row>
    <row r="363283" spans="8:8">
      <c r="H363283" s="12"/>
    </row>
    <row r="363284" spans="8:8">
      <c r="H363284" s="12"/>
    </row>
    <row r="363285" spans="8:8">
      <c r="H363285" s="12"/>
    </row>
    <row r="363286" spans="8:8">
      <c r="H363286" s="12"/>
    </row>
    <row r="363287" spans="8:8">
      <c r="H363287" s="12"/>
    </row>
    <row r="363288" spans="8:8">
      <c r="H363288" s="12"/>
    </row>
    <row r="363289" spans="8:8">
      <c r="H363289" s="12"/>
    </row>
    <row r="363290" spans="8:8">
      <c r="H363290" s="12"/>
    </row>
    <row r="363291" spans="8:8">
      <c r="H363291" s="12"/>
    </row>
    <row r="363292" spans="8:8">
      <c r="H363292" s="12"/>
    </row>
    <row r="363293" spans="8:8">
      <c r="H363293" s="12"/>
    </row>
    <row r="363294" spans="8:8">
      <c r="H363294" s="12"/>
    </row>
    <row r="363295" spans="8:8">
      <c r="H363295" s="12"/>
    </row>
    <row r="363296" spans="8:8">
      <c r="H363296" s="12"/>
    </row>
    <row r="363297" spans="8:8">
      <c r="H363297" s="12"/>
    </row>
    <row r="363298" spans="8:8">
      <c r="H363298" s="12"/>
    </row>
    <row r="363299" spans="8:8">
      <c r="H363299" s="12"/>
    </row>
    <row r="363300" spans="8:8">
      <c r="H363300" s="12"/>
    </row>
    <row r="363301" spans="8:8">
      <c r="H363301" s="12"/>
    </row>
    <row r="363302" spans="8:8">
      <c r="H363302" s="12"/>
    </row>
    <row r="363303" spans="8:8">
      <c r="H363303" s="12"/>
    </row>
    <row r="363304" spans="8:8">
      <c r="H363304" s="12"/>
    </row>
    <row r="363305" spans="8:8">
      <c r="H363305" s="12"/>
    </row>
    <row r="363306" spans="8:8">
      <c r="H363306" s="12"/>
    </row>
    <row r="363307" spans="8:8">
      <c r="H363307" s="12"/>
    </row>
    <row r="363308" spans="8:8">
      <c r="H363308" s="12"/>
    </row>
    <row r="363309" spans="8:8">
      <c r="H363309" s="12"/>
    </row>
    <row r="363310" spans="8:8">
      <c r="H363310" s="12"/>
    </row>
    <row r="363311" spans="8:8">
      <c r="H363311" s="12"/>
    </row>
    <row r="363312" spans="8:8">
      <c r="H363312" s="12"/>
    </row>
    <row r="363313" spans="8:8">
      <c r="H363313" s="12"/>
    </row>
    <row r="363314" spans="8:8">
      <c r="H363314" s="12"/>
    </row>
    <row r="363315" spans="8:8">
      <c r="H363315" s="12"/>
    </row>
    <row r="363316" spans="8:8">
      <c r="H363316" s="12"/>
    </row>
    <row r="363317" spans="8:8">
      <c r="H363317" s="12"/>
    </row>
    <row r="363318" spans="8:8">
      <c r="H363318" s="12"/>
    </row>
    <row r="363319" spans="8:8">
      <c r="H363319" s="12"/>
    </row>
    <row r="363320" spans="8:8">
      <c r="H363320" s="12"/>
    </row>
    <row r="363321" spans="8:8">
      <c r="H363321" s="12"/>
    </row>
    <row r="363322" spans="8:8">
      <c r="H363322" s="12"/>
    </row>
    <row r="363323" spans="8:8">
      <c r="H363323" s="12"/>
    </row>
    <row r="363324" spans="8:8">
      <c r="H363324" s="12"/>
    </row>
    <row r="363325" spans="8:8">
      <c r="H363325" s="12"/>
    </row>
    <row r="363326" spans="8:8">
      <c r="H363326" s="12"/>
    </row>
    <row r="363327" spans="8:8">
      <c r="H363327" s="12"/>
    </row>
    <row r="363328" spans="8:8">
      <c r="H363328" s="12"/>
    </row>
    <row r="363329" spans="8:8">
      <c r="H363329" s="12"/>
    </row>
    <row r="363330" spans="8:8">
      <c r="H363330" s="12"/>
    </row>
    <row r="363331" spans="8:8">
      <c r="H363331" s="12"/>
    </row>
    <row r="363332" spans="8:8">
      <c r="H363332" s="12"/>
    </row>
    <row r="363333" spans="8:8">
      <c r="H363333" s="12"/>
    </row>
    <row r="363334" spans="8:8">
      <c r="H363334" s="12"/>
    </row>
    <row r="363335" spans="8:8">
      <c r="H363335" s="12"/>
    </row>
    <row r="363336" spans="8:8">
      <c r="H363336" s="12"/>
    </row>
    <row r="363337" spans="8:8">
      <c r="H363337" s="12"/>
    </row>
    <row r="363338" spans="8:8">
      <c r="H363338" s="12"/>
    </row>
    <row r="363339" spans="8:8">
      <c r="H363339" s="12"/>
    </row>
    <row r="363340" spans="8:8">
      <c r="H363340" s="12"/>
    </row>
    <row r="363341" spans="8:8">
      <c r="H363341" s="12"/>
    </row>
    <row r="363342" spans="8:8">
      <c r="H363342" s="12"/>
    </row>
    <row r="363343" spans="8:8">
      <c r="H363343" s="12"/>
    </row>
    <row r="363344" spans="8:8">
      <c r="H363344" s="12"/>
    </row>
    <row r="363345" spans="8:8">
      <c r="H363345" s="12"/>
    </row>
    <row r="363346" spans="8:8">
      <c r="H363346" s="12"/>
    </row>
    <row r="363347" spans="8:8">
      <c r="H363347" s="12"/>
    </row>
    <row r="363348" spans="8:8">
      <c r="H363348" s="12"/>
    </row>
    <row r="363349" spans="8:8">
      <c r="H363349" s="12"/>
    </row>
    <row r="363350" spans="8:8">
      <c r="H363350" s="12"/>
    </row>
    <row r="363351" spans="8:8">
      <c r="H363351" s="12"/>
    </row>
    <row r="363352" spans="8:8">
      <c r="H363352" s="12"/>
    </row>
    <row r="363353" spans="8:8">
      <c r="H363353" s="12"/>
    </row>
    <row r="363354" spans="8:8">
      <c r="H363354" s="12"/>
    </row>
    <row r="363355" spans="8:8">
      <c r="H363355" s="12"/>
    </row>
    <row r="363356" spans="8:8">
      <c r="H363356" s="12"/>
    </row>
    <row r="363357" spans="8:8">
      <c r="H363357" s="12"/>
    </row>
    <row r="363358" spans="8:8">
      <c r="H363358" s="12"/>
    </row>
    <row r="363359" spans="8:8">
      <c r="H363359" s="12"/>
    </row>
    <row r="363360" spans="8:8">
      <c r="H363360" s="12"/>
    </row>
    <row r="363361" spans="8:8">
      <c r="H363361" s="12"/>
    </row>
    <row r="363362" spans="8:8">
      <c r="H363362" s="12"/>
    </row>
    <row r="363363" spans="8:8">
      <c r="H363363" s="12"/>
    </row>
    <row r="363364" spans="8:8">
      <c r="H363364" s="12"/>
    </row>
    <row r="363365" spans="8:8">
      <c r="H363365" s="12"/>
    </row>
    <row r="363366" spans="8:8">
      <c r="H363366" s="12"/>
    </row>
    <row r="363367" spans="8:8">
      <c r="H363367" s="12"/>
    </row>
    <row r="363368" spans="8:8">
      <c r="H363368" s="12"/>
    </row>
    <row r="363369" spans="8:8">
      <c r="H363369" s="12"/>
    </row>
    <row r="363370" spans="8:8">
      <c r="H363370" s="12"/>
    </row>
    <row r="363371" spans="8:8">
      <c r="H363371" s="12"/>
    </row>
    <row r="363372" spans="8:8">
      <c r="H363372" s="12"/>
    </row>
    <row r="363373" spans="8:8">
      <c r="H363373" s="12"/>
    </row>
    <row r="363374" spans="8:8">
      <c r="H363374" s="12"/>
    </row>
    <row r="363375" spans="8:8">
      <c r="H363375" s="12"/>
    </row>
    <row r="363376" spans="8:8">
      <c r="H363376" s="12"/>
    </row>
    <row r="363377" spans="8:8">
      <c r="H363377" s="12"/>
    </row>
    <row r="363378" spans="8:8">
      <c r="H363378" s="12"/>
    </row>
    <row r="363379" spans="8:8">
      <c r="H363379" s="12"/>
    </row>
    <row r="363380" spans="8:8">
      <c r="H363380" s="12"/>
    </row>
    <row r="363381" spans="8:8">
      <c r="H363381" s="12"/>
    </row>
    <row r="363382" spans="8:8">
      <c r="H363382" s="12"/>
    </row>
    <row r="363383" spans="8:8">
      <c r="H363383" s="12"/>
    </row>
    <row r="363384" spans="8:8">
      <c r="H363384" s="12"/>
    </row>
    <row r="363385" spans="8:8">
      <c r="H363385" s="12"/>
    </row>
    <row r="363386" spans="8:8">
      <c r="H363386" s="12"/>
    </row>
    <row r="363387" spans="8:8">
      <c r="H363387" s="12"/>
    </row>
    <row r="363388" spans="8:8">
      <c r="H363388" s="12"/>
    </row>
    <row r="363389" spans="8:8">
      <c r="H363389" s="12"/>
    </row>
    <row r="363390" spans="8:8">
      <c r="H363390" s="12"/>
    </row>
    <row r="363391" spans="8:8">
      <c r="H363391" s="12"/>
    </row>
    <row r="363392" spans="8:8">
      <c r="H363392" s="12"/>
    </row>
    <row r="363393" spans="8:8">
      <c r="H363393" s="12"/>
    </row>
    <row r="363394" spans="8:8">
      <c r="H363394" s="12"/>
    </row>
    <row r="363395" spans="8:8">
      <c r="H363395" s="12"/>
    </row>
    <row r="363396" spans="8:8">
      <c r="H363396" s="12"/>
    </row>
    <row r="363397" spans="8:8">
      <c r="H363397" s="12"/>
    </row>
    <row r="363398" spans="8:8">
      <c r="H363398" s="12"/>
    </row>
    <row r="363399" spans="8:8">
      <c r="H363399" s="12"/>
    </row>
    <row r="363400" spans="8:8">
      <c r="H363400" s="12"/>
    </row>
    <row r="363401" spans="8:8">
      <c r="H363401" s="12"/>
    </row>
    <row r="363402" spans="8:8">
      <c r="H363402" s="12"/>
    </row>
    <row r="363403" spans="8:8">
      <c r="H363403" s="12"/>
    </row>
    <row r="363404" spans="8:8">
      <c r="H363404" s="12"/>
    </row>
    <row r="363405" spans="8:8">
      <c r="H363405" s="12"/>
    </row>
    <row r="363406" spans="8:8">
      <c r="H363406" s="12"/>
    </row>
    <row r="363407" spans="8:8">
      <c r="H363407" s="12"/>
    </row>
    <row r="363408" spans="8:8">
      <c r="H363408" s="12"/>
    </row>
    <row r="363409" spans="8:8">
      <c r="H363409" s="12"/>
    </row>
    <row r="363410" spans="8:8">
      <c r="H363410" s="12"/>
    </row>
    <row r="363411" spans="8:8">
      <c r="H363411" s="12"/>
    </row>
    <row r="363412" spans="8:8">
      <c r="H363412" s="12"/>
    </row>
    <row r="363413" spans="8:8">
      <c r="H363413" s="12"/>
    </row>
    <row r="363414" spans="8:8">
      <c r="H363414" s="12"/>
    </row>
    <row r="363415" spans="8:8">
      <c r="H363415" s="12"/>
    </row>
    <row r="363416" spans="8:8">
      <c r="H363416" s="12"/>
    </row>
    <row r="363417" spans="8:8">
      <c r="H363417" s="12"/>
    </row>
    <row r="363418" spans="8:8">
      <c r="H363418" s="12"/>
    </row>
    <row r="363419" spans="8:8">
      <c r="H363419" s="12"/>
    </row>
    <row r="363420" spans="8:8">
      <c r="H363420" s="12"/>
    </row>
    <row r="363421" spans="8:8">
      <c r="H363421" s="12"/>
    </row>
    <row r="363422" spans="8:8">
      <c r="H363422" s="12"/>
    </row>
    <row r="363423" spans="8:8">
      <c r="H363423" s="12"/>
    </row>
    <row r="363424" spans="8:8">
      <c r="H363424" s="12"/>
    </row>
    <row r="363425" spans="8:8">
      <c r="H363425" s="12"/>
    </row>
    <row r="363426" spans="8:8">
      <c r="H363426" s="12"/>
    </row>
    <row r="363427" spans="8:8">
      <c r="H363427" s="12"/>
    </row>
    <row r="363428" spans="8:8">
      <c r="H363428" s="12"/>
    </row>
    <row r="363429" spans="8:8">
      <c r="H363429" s="12"/>
    </row>
    <row r="363430" spans="8:8">
      <c r="H363430" s="12"/>
    </row>
    <row r="363431" spans="8:8">
      <c r="H363431" s="12"/>
    </row>
    <row r="363432" spans="8:8">
      <c r="H363432" s="12"/>
    </row>
    <row r="363433" spans="8:8">
      <c r="H363433" s="12"/>
    </row>
    <row r="363434" spans="8:8">
      <c r="H363434" s="12"/>
    </row>
    <row r="363435" spans="8:8">
      <c r="H363435" s="12"/>
    </row>
    <row r="363436" spans="8:8">
      <c r="H363436" s="12"/>
    </row>
    <row r="363437" spans="8:8">
      <c r="H363437" s="12"/>
    </row>
    <row r="363438" spans="8:8">
      <c r="H363438" s="12"/>
    </row>
    <row r="363439" spans="8:8">
      <c r="H363439" s="12"/>
    </row>
    <row r="363440" spans="8:8">
      <c r="H363440" s="12"/>
    </row>
    <row r="363441" spans="8:8">
      <c r="H363441" s="12"/>
    </row>
    <row r="363442" spans="8:8">
      <c r="H363442" s="12"/>
    </row>
    <row r="363443" spans="8:8">
      <c r="H363443" s="12"/>
    </row>
    <row r="363444" spans="8:8">
      <c r="H363444" s="12"/>
    </row>
    <row r="363445" spans="8:8">
      <c r="H363445" s="12"/>
    </row>
    <row r="363446" spans="8:8">
      <c r="H363446" s="12"/>
    </row>
    <row r="363447" spans="8:8">
      <c r="H363447" s="12"/>
    </row>
    <row r="363448" spans="8:8">
      <c r="H363448" s="12"/>
    </row>
    <row r="363449" spans="8:8">
      <c r="H363449" s="12"/>
    </row>
    <row r="363450" spans="8:8">
      <c r="H363450" s="12"/>
    </row>
    <row r="363451" spans="8:8">
      <c r="H363451" s="12"/>
    </row>
    <row r="363452" spans="8:8">
      <c r="H363452" s="12"/>
    </row>
    <row r="363453" spans="8:8">
      <c r="H363453" s="12"/>
    </row>
    <row r="363454" spans="8:8">
      <c r="H363454" s="12"/>
    </row>
    <row r="363455" spans="8:8">
      <c r="H363455" s="12"/>
    </row>
    <row r="363456" spans="8:8">
      <c r="H363456" s="12"/>
    </row>
    <row r="363457" spans="8:8">
      <c r="H363457" s="12"/>
    </row>
    <row r="363458" spans="8:8">
      <c r="H363458" s="12"/>
    </row>
    <row r="363459" spans="8:8">
      <c r="H363459" s="12"/>
    </row>
    <row r="363460" spans="8:8">
      <c r="H363460" s="12"/>
    </row>
    <row r="363461" spans="8:8">
      <c r="H363461" s="12"/>
    </row>
    <row r="363462" spans="8:8">
      <c r="H363462" s="12"/>
    </row>
    <row r="363463" spans="8:8">
      <c r="H363463" s="12"/>
    </row>
    <row r="363464" spans="8:8">
      <c r="H363464" s="12"/>
    </row>
    <row r="363465" spans="8:8">
      <c r="H363465" s="12"/>
    </row>
    <row r="363466" spans="8:8">
      <c r="H363466" s="12"/>
    </row>
    <row r="363467" spans="8:8">
      <c r="H363467" s="12"/>
    </row>
    <row r="363468" spans="8:8">
      <c r="H363468" s="12"/>
    </row>
    <row r="363469" spans="8:8">
      <c r="H363469" s="12"/>
    </row>
    <row r="363470" spans="8:8">
      <c r="H363470" s="12"/>
    </row>
    <row r="363471" spans="8:8">
      <c r="H363471" s="12"/>
    </row>
    <row r="363472" spans="8:8">
      <c r="H363472" s="12"/>
    </row>
    <row r="363473" spans="8:8">
      <c r="H363473" s="12"/>
    </row>
    <row r="363474" spans="8:8">
      <c r="H363474" s="12"/>
    </row>
    <row r="363475" spans="8:8">
      <c r="H363475" s="12"/>
    </row>
    <row r="363476" spans="8:8">
      <c r="H363476" s="12"/>
    </row>
    <row r="363477" spans="8:8">
      <c r="H363477" s="12"/>
    </row>
    <row r="363478" spans="8:8">
      <c r="H363478" s="12"/>
    </row>
    <row r="363479" spans="8:8">
      <c r="H363479" s="12"/>
    </row>
    <row r="363480" spans="8:8">
      <c r="H363480" s="12"/>
    </row>
    <row r="363481" spans="8:8">
      <c r="H363481" s="12"/>
    </row>
    <row r="363482" spans="8:8">
      <c r="H363482" s="12"/>
    </row>
    <row r="363483" spans="8:8">
      <c r="H363483" s="12"/>
    </row>
    <row r="363484" spans="8:8">
      <c r="H363484" s="12"/>
    </row>
    <row r="363485" spans="8:8">
      <c r="H363485" s="12"/>
    </row>
    <row r="363486" spans="8:8">
      <c r="H363486" s="12"/>
    </row>
    <row r="363487" spans="8:8">
      <c r="H363487" s="12"/>
    </row>
    <row r="363488" spans="8:8">
      <c r="H363488" s="12"/>
    </row>
    <row r="363489" spans="8:8">
      <c r="H363489" s="12"/>
    </row>
    <row r="363490" spans="8:8">
      <c r="H363490" s="12"/>
    </row>
    <row r="363491" spans="8:8">
      <c r="H363491" s="12"/>
    </row>
    <row r="363492" spans="8:8">
      <c r="H363492" s="12"/>
    </row>
    <row r="363493" spans="8:8">
      <c r="H363493" s="12"/>
    </row>
    <row r="363494" spans="8:8">
      <c r="H363494" s="12"/>
    </row>
    <row r="363495" spans="8:8">
      <c r="H363495" s="12"/>
    </row>
    <row r="363496" spans="8:8">
      <c r="H363496" s="12"/>
    </row>
    <row r="363497" spans="8:8">
      <c r="H363497" s="12"/>
    </row>
    <row r="363498" spans="8:8">
      <c r="H363498" s="12"/>
    </row>
    <row r="363499" spans="8:8">
      <c r="H363499" s="12"/>
    </row>
    <row r="363500" spans="8:8">
      <c r="H363500" s="12"/>
    </row>
    <row r="363501" spans="8:8">
      <c r="H363501" s="12"/>
    </row>
    <row r="363502" spans="8:8">
      <c r="H363502" s="12"/>
    </row>
    <row r="363503" spans="8:8">
      <c r="H363503" s="12"/>
    </row>
    <row r="363504" spans="8:8">
      <c r="H363504" s="12"/>
    </row>
    <row r="363505" spans="8:8">
      <c r="H363505" s="12"/>
    </row>
    <row r="363506" spans="8:8">
      <c r="H363506" s="12"/>
    </row>
    <row r="363507" spans="8:8">
      <c r="H363507" s="12"/>
    </row>
    <row r="363508" spans="8:8">
      <c r="H363508" s="12"/>
    </row>
    <row r="363509" spans="8:8">
      <c r="H363509" s="12"/>
    </row>
    <row r="363510" spans="8:8">
      <c r="H363510" s="12"/>
    </row>
    <row r="363511" spans="8:8">
      <c r="H363511" s="12"/>
    </row>
    <row r="363512" spans="8:8">
      <c r="H363512" s="12"/>
    </row>
    <row r="363513" spans="8:8">
      <c r="H363513" s="12"/>
    </row>
    <row r="363514" spans="8:8">
      <c r="H363514" s="12"/>
    </row>
    <row r="363515" spans="8:8">
      <c r="H363515" s="12"/>
    </row>
    <row r="363516" spans="8:8">
      <c r="H363516" s="12"/>
    </row>
    <row r="363517" spans="8:8">
      <c r="H363517" s="12"/>
    </row>
    <row r="363518" spans="8:8">
      <c r="H363518" s="12"/>
    </row>
    <row r="363519" spans="8:8">
      <c r="H363519" s="12"/>
    </row>
    <row r="363520" spans="8:8">
      <c r="H363520" s="12"/>
    </row>
    <row r="363521" spans="8:8">
      <c r="H363521" s="12"/>
    </row>
    <row r="363522" spans="8:8">
      <c r="H363522" s="12"/>
    </row>
    <row r="363523" spans="8:8">
      <c r="H363523" s="12"/>
    </row>
    <row r="363524" spans="8:8">
      <c r="H363524" s="12"/>
    </row>
    <row r="363525" spans="8:8">
      <c r="H363525" s="12"/>
    </row>
    <row r="363526" spans="8:8">
      <c r="H363526" s="12"/>
    </row>
    <row r="363527" spans="8:8">
      <c r="H363527" s="12"/>
    </row>
    <row r="363528" spans="8:8">
      <c r="H363528" s="12"/>
    </row>
    <row r="363529" spans="8:8">
      <c r="H363529" s="12"/>
    </row>
    <row r="363530" spans="8:8">
      <c r="H363530" s="12"/>
    </row>
    <row r="363531" spans="8:8">
      <c r="H363531" s="12"/>
    </row>
    <row r="363532" spans="8:8">
      <c r="H363532" s="12"/>
    </row>
    <row r="363533" spans="8:8">
      <c r="H363533" s="12"/>
    </row>
    <row r="363534" spans="8:8">
      <c r="H363534" s="12"/>
    </row>
    <row r="363535" spans="8:8">
      <c r="H363535" s="12"/>
    </row>
    <row r="363536" spans="8:8">
      <c r="H363536" s="12"/>
    </row>
    <row r="363537" spans="8:8">
      <c r="H363537" s="12"/>
    </row>
    <row r="363538" spans="8:8">
      <c r="H363538" s="12"/>
    </row>
    <row r="363539" spans="8:8">
      <c r="H363539" s="12"/>
    </row>
    <row r="363540" spans="8:8">
      <c r="H363540" s="12"/>
    </row>
    <row r="363541" spans="8:8">
      <c r="H363541" s="12"/>
    </row>
    <row r="363542" spans="8:8">
      <c r="H363542" s="12"/>
    </row>
    <row r="363543" spans="8:8">
      <c r="H363543" s="12"/>
    </row>
    <row r="363544" spans="8:8">
      <c r="H363544" s="12"/>
    </row>
    <row r="363545" spans="8:8">
      <c r="H363545" s="12"/>
    </row>
    <row r="363546" spans="8:8">
      <c r="H363546" s="12"/>
    </row>
    <row r="363547" spans="8:8">
      <c r="H363547" s="12"/>
    </row>
    <row r="363548" spans="8:8">
      <c r="H363548" s="12"/>
    </row>
    <row r="363549" spans="8:8">
      <c r="H363549" s="12"/>
    </row>
    <row r="363550" spans="8:8">
      <c r="H363550" s="12"/>
    </row>
    <row r="363551" spans="8:8">
      <c r="H363551" s="12"/>
    </row>
    <row r="363552" spans="8:8">
      <c r="H363552" s="12"/>
    </row>
    <row r="363553" spans="8:8">
      <c r="H363553" s="12"/>
    </row>
    <row r="363554" spans="8:8">
      <c r="H363554" s="12"/>
    </row>
    <row r="363555" spans="8:8">
      <c r="H363555" s="12"/>
    </row>
    <row r="363556" spans="8:8">
      <c r="H363556" s="12"/>
    </row>
    <row r="363557" spans="8:8">
      <c r="H363557" s="12"/>
    </row>
    <row r="363558" spans="8:8">
      <c r="H363558" s="12"/>
    </row>
    <row r="363559" spans="8:8">
      <c r="H363559" s="12"/>
    </row>
    <row r="363560" spans="8:8">
      <c r="H363560" s="12"/>
    </row>
    <row r="363561" spans="8:8">
      <c r="H363561" s="12"/>
    </row>
    <row r="363562" spans="8:8">
      <c r="H363562" s="12"/>
    </row>
    <row r="363563" spans="8:8">
      <c r="H363563" s="12"/>
    </row>
    <row r="363564" spans="8:8">
      <c r="H363564" s="12"/>
    </row>
    <row r="363565" spans="8:8">
      <c r="H363565" s="12"/>
    </row>
    <row r="363566" spans="8:8">
      <c r="H363566" s="12"/>
    </row>
    <row r="363567" spans="8:8">
      <c r="H363567" s="12"/>
    </row>
    <row r="363568" spans="8:8">
      <c r="H363568" s="12"/>
    </row>
    <row r="363569" spans="8:8">
      <c r="H363569" s="12"/>
    </row>
    <row r="363570" spans="8:8">
      <c r="H363570" s="12"/>
    </row>
    <row r="363571" spans="8:8">
      <c r="H363571" s="12"/>
    </row>
    <row r="363572" spans="8:8">
      <c r="H363572" s="12"/>
    </row>
    <row r="363573" spans="8:8">
      <c r="H363573" s="12"/>
    </row>
    <row r="363574" spans="8:8">
      <c r="H363574" s="12"/>
    </row>
    <row r="363575" spans="8:8">
      <c r="H363575" s="12"/>
    </row>
    <row r="363576" spans="8:8">
      <c r="H363576" s="12"/>
    </row>
    <row r="363577" spans="8:8">
      <c r="H363577" s="12"/>
    </row>
    <row r="363578" spans="8:8">
      <c r="H363578" s="12"/>
    </row>
    <row r="363579" spans="8:8">
      <c r="H363579" s="12"/>
    </row>
    <row r="363580" spans="8:8">
      <c r="H363580" s="12"/>
    </row>
    <row r="363581" spans="8:8">
      <c r="H363581" s="12"/>
    </row>
    <row r="363582" spans="8:8">
      <c r="H363582" s="12"/>
    </row>
    <row r="363583" spans="8:8">
      <c r="H363583" s="12"/>
    </row>
    <row r="363584" spans="8:8">
      <c r="H363584" s="12"/>
    </row>
    <row r="363585" spans="8:8">
      <c r="H363585" s="12"/>
    </row>
    <row r="363586" spans="8:8">
      <c r="H363586" s="12"/>
    </row>
    <row r="363587" spans="8:8">
      <c r="H363587" s="12"/>
    </row>
    <row r="363588" spans="8:8">
      <c r="H363588" s="12"/>
    </row>
    <row r="363589" spans="8:8">
      <c r="H363589" s="12"/>
    </row>
    <row r="363590" spans="8:8">
      <c r="H363590" s="12"/>
    </row>
    <row r="363591" spans="8:8">
      <c r="H363591" s="12"/>
    </row>
    <row r="363592" spans="8:8">
      <c r="H363592" s="12"/>
    </row>
    <row r="363593" spans="8:8">
      <c r="H363593" s="12"/>
    </row>
    <row r="363594" spans="8:8">
      <c r="H363594" s="12"/>
    </row>
    <row r="363595" spans="8:8">
      <c r="H363595" s="12"/>
    </row>
    <row r="363596" spans="8:8">
      <c r="H363596" s="12"/>
    </row>
    <row r="363597" spans="8:8">
      <c r="H363597" s="12"/>
    </row>
    <row r="363598" spans="8:8">
      <c r="H363598" s="12"/>
    </row>
    <row r="363599" spans="8:8">
      <c r="H363599" s="12"/>
    </row>
    <row r="363600" spans="8:8">
      <c r="H363600" s="12"/>
    </row>
    <row r="363601" spans="8:8">
      <c r="H363601" s="12"/>
    </row>
    <row r="363602" spans="8:8">
      <c r="H363602" s="12"/>
    </row>
    <row r="363603" spans="8:8">
      <c r="H363603" s="12"/>
    </row>
    <row r="363604" spans="8:8">
      <c r="H363604" s="12"/>
    </row>
    <row r="363605" spans="8:8">
      <c r="H363605" s="12"/>
    </row>
    <row r="363606" spans="8:8">
      <c r="H363606" s="12"/>
    </row>
    <row r="363607" spans="8:8">
      <c r="H363607" s="12"/>
    </row>
    <row r="363608" spans="8:8">
      <c r="H363608" s="12"/>
    </row>
    <row r="363609" spans="8:8">
      <c r="H363609" s="12"/>
    </row>
    <row r="363610" spans="8:8">
      <c r="H363610" s="12"/>
    </row>
    <row r="363611" spans="8:8">
      <c r="H363611" s="12"/>
    </row>
    <row r="363612" spans="8:8">
      <c r="H363612" s="12"/>
    </row>
    <row r="363613" spans="8:8">
      <c r="H363613" s="12"/>
    </row>
    <row r="363614" spans="8:8">
      <c r="H363614" s="12"/>
    </row>
    <row r="363615" spans="8:8">
      <c r="H363615" s="12"/>
    </row>
    <row r="363616" spans="8:8">
      <c r="H363616" s="12"/>
    </row>
    <row r="363617" spans="8:8">
      <c r="H363617" s="12"/>
    </row>
    <row r="363618" spans="8:8">
      <c r="H363618" s="12"/>
    </row>
    <row r="363619" spans="8:8">
      <c r="H363619" s="12"/>
    </row>
    <row r="363620" spans="8:8">
      <c r="H363620" s="12"/>
    </row>
    <row r="363621" spans="8:8">
      <c r="H363621" s="12"/>
    </row>
    <row r="363622" spans="8:8">
      <c r="H363622" s="12"/>
    </row>
    <row r="363623" spans="8:8">
      <c r="H363623" s="12"/>
    </row>
    <row r="363624" spans="8:8">
      <c r="H363624" s="12"/>
    </row>
    <row r="363625" spans="8:8">
      <c r="H363625" s="12"/>
    </row>
    <row r="363626" spans="8:8">
      <c r="H363626" s="12"/>
    </row>
    <row r="363627" spans="8:8">
      <c r="H363627" s="12"/>
    </row>
    <row r="363628" spans="8:8">
      <c r="H363628" s="12"/>
    </row>
    <row r="363629" spans="8:8">
      <c r="H363629" s="12"/>
    </row>
    <row r="363630" spans="8:8">
      <c r="H363630" s="12"/>
    </row>
    <row r="363631" spans="8:8">
      <c r="H363631" s="12"/>
    </row>
    <row r="363632" spans="8:8">
      <c r="H363632" s="12"/>
    </row>
    <row r="363633" spans="8:8">
      <c r="H363633" s="12"/>
    </row>
    <row r="363634" spans="8:8">
      <c r="H363634" s="12"/>
    </row>
    <row r="363635" spans="8:8">
      <c r="H363635" s="12"/>
    </row>
    <row r="363636" spans="8:8">
      <c r="H363636" s="12"/>
    </row>
    <row r="363637" spans="8:8">
      <c r="H363637" s="12"/>
    </row>
    <row r="363638" spans="8:8">
      <c r="H363638" s="12"/>
    </row>
    <row r="363639" spans="8:8">
      <c r="H363639" s="12"/>
    </row>
    <row r="363640" spans="8:8">
      <c r="H363640" s="12"/>
    </row>
    <row r="363641" spans="8:8">
      <c r="H363641" s="12"/>
    </row>
    <row r="363642" spans="8:8">
      <c r="H363642" s="12"/>
    </row>
    <row r="363643" spans="8:8">
      <c r="H363643" s="12"/>
    </row>
    <row r="363644" spans="8:8">
      <c r="H363644" s="12"/>
    </row>
    <row r="363645" spans="8:8">
      <c r="H363645" s="12"/>
    </row>
    <row r="363646" spans="8:8">
      <c r="H363646" s="12"/>
    </row>
    <row r="363647" spans="8:8">
      <c r="H363647" s="12"/>
    </row>
    <row r="363648" spans="8:8">
      <c r="H363648" s="12"/>
    </row>
    <row r="363649" spans="8:8">
      <c r="H363649" s="12"/>
    </row>
    <row r="363650" spans="8:8">
      <c r="H363650" s="12"/>
    </row>
    <row r="363651" spans="8:8">
      <c r="H363651" s="12"/>
    </row>
    <row r="363652" spans="8:8">
      <c r="H363652" s="12"/>
    </row>
    <row r="363653" spans="8:8">
      <c r="H363653" s="12"/>
    </row>
    <row r="363654" spans="8:8">
      <c r="H363654" s="12"/>
    </row>
    <row r="363655" spans="8:8">
      <c r="H363655" s="12"/>
    </row>
    <row r="363656" spans="8:8">
      <c r="H363656" s="12"/>
    </row>
    <row r="363657" spans="8:8">
      <c r="H363657" s="12"/>
    </row>
    <row r="363658" spans="8:8">
      <c r="H363658" s="12"/>
    </row>
    <row r="363659" spans="8:8">
      <c r="H363659" s="12"/>
    </row>
    <row r="363660" spans="8:8">
      <c r="H363660" s="12"/>
    </row>
    <row r="363661" spans="8:8">
      <c r="H363661" s="12"/>
    </row>
    <row r="363662" spans="8:8">
      <c r="H363662" s="12"/>
    </row>
    <row r="363663" spans="8:8">
      <c r="H363663" s="12"/>
    </row>
    <row r="363664" spans="8:8">
      <c r="H363664" s="12"/>
    </row>
    <row r="363665" spans="8:8">
      <c r="H363665" s="12"/>
    </row>
    <row r="363666" spans="8:8">
      <c r="H363666" s="12"/>
    </row>
    <row r="363667" spans="8:8">
      <c r="H363667" s="12"/>
    </row>
    <row r="363668" spans="8:8">
      <c r="H363668" s="12"/>
    </row>
    <row r="363669" spans="8:8">
      <c r="H363669" s="12"/>
    </row>
    <row r="363670" spans="8:8">
      <c r="H363670" s="12"/>
    </row>
    <row r="363671" spans="8:8">
      <c r="H363671" s="12"/>
    </row>
    <row r="363672" spans="8:8">
      <c r="H363672" s="12"/>
    </row>
    <row r="363673" spans="8:8">
      <c r="H363673" s="12"/>
    </row>
    <row r="363674" spans="8:8">
      <c r="H363674" s="12"/>
    </row>
    <row r="363675" spans="8:8">
      <c r="H363675" s="12"/>
    </row>
    <row r="363676" spans="8:8">
      <c r="H363676" s="12"/>
    </row>
    <row r="363677" spans="8:8">
      <c r="H363677" s="12"/>
    </row>
    <row r="363678" spans="8:8">
      <c r="H363678" s="12"/>
    </row>
    <row r="363679" spans="8:8">
      <c r="H363679" s="12"/>
    </row>
    <row r="363680" spans="8:8">
      <c r="H363680" s="12"/>
    </row>
    <row r="363681" spans="8:8">
      <c r="H363681" s="12"/>
    </row>
    <row r="363682" spans="8:8">
      <c r="H363682" s="12"/>
    </row>
    <row r="363683" spans="8:8">
      <c r="H363683" s="12"/>
    </row>
    <row r="363684" spans="8:8">
      <c r="H363684" s="12"/>
    </row>
    <row r="363685" spans="8:8">
      <c r="H363685" s="12"/>
    </row>
    <row r="363686" spans="8:8">
      <c r="H363686" s="12"/>
    </row>
    <row r="363687" spans="8:8">
      <c r="H363687" s="12"/>
    </row>
    <row r="363688" spans="8:8">
      <c r="H363688" s="12"/>
    </row>
    <row r="363689" spans="8:8">
      <c r="H363689" s="12"/>
    </row>
    <row r="363690" spans="8:8">
      <c r="H363690" s="12"/>
    </row>
    <row r="363691" spans="8:8">
      <c r="H363691" s="12"/>
    </row>
    <row r="363692" spans="8:8">
      <c r="H363692" s="12"/>
    </row>
    <row r="363693" spans="8:8">
      <c r="H363693" s="12"/>
    </row>
    <row r="363694" spans="8:8">
      <c r="H363694" s="12"/>
    </row>
    <row r="363695" spans="8:8">
      <c r="H363695" s="12"/>
    </row>
    <row r="363696" spans="8:8">
      <c r="H363696" s="12"/>
    </row>
    <row r="363697" spans="8:8">
      <c r="H363697" s="12"/>
    </row>
    <row r="363698" spans="8:8">
      <c r="H363698" s="12"/>
    </row>
    <row r="363699" spans="8:8">
      <c r="H363699" s="12"/>
    </row>
    <row r="363700" spans="8:8">
      <c r="H363700" s="12"/>
    </row>
    <row r="363701" spans="8:8">
      <c r="H363701" s="12"/>
    </row>
    <row r="363702" spans="8:8">
      <c r="H363702" s="12"/>
    </row>
    <row r="363703" spans="8:8">
      <c r="H363703" s="12"/>
    </row>
    <row r="363704" spans="8:8">
      <c r="H363704" s="12"/>
    </row>
    <row r="363705" spans="8:8">
      <c r="H363705" s="12"/>
    </row>
    <row r="363706" spans="8:8">
      <c r="H363706" s="12"/>
    </row>
    <row r="363707" spans="8:8">
      <c r="H363707" s="12"/>
    </row>
    <row r="363708" spans="8:8">
      <c r="H363708" s="12"/>
    </row>
    <row r="363709" spans="8:8">
      <c r="H363709" s="12"/>
    </row>
    <row r="363710" spans="8:8">
      <c r="H363710" s="12"/>
    </row>
    <row r="363711" spans="8:8">
      <c r="H363711" s="12"/>
    </row>
    <row r="363712" spans="8:8">
      <c r="H363712" s="12"/>
    </row>
    <row r="363713" spans="8:8">
      <c r="H363713" s="12"/>
    </row>
    <row r="363714" spans="8:8">
      <c r="H363714" s="12"/>
    </row>
    <row r="363715" spans="8:8">
      <c r="H363715" s="12"/>
    </row>
    <row r="363716" spans="8:8">
      <c r="H363716" s="12"/>
    </row>
    <row r="363717" spans="8:8">
      <c r="H363717" s="12"/>
    </row>
    <row r="363718" spans="8:8">
      <c r="H363718" s="12"/>
    </row>
    <row r="363719" spans="8:8">
      <c r="H363719" s="12"/>
    </row>
    <row r="363720" spans="8:8">
      <c r="H363720" s="12"/>
    </row>
    <row r="363721" spans="8:8">
      <c r="H363721" s="12"/>
    </row>
    <row r="363722" spans="8:8">
      <c r="H363722" s="12"/>
    </row>
    <row r="363723" spans="8:8">
      <c r="H363723" s="12"/>
    </row>
    <row r="363724" spans="8:8">
      <c r="H363724" s="12"/>
    </row>
    <row r="363725" spans="8:8">
      <c r="H363725" s="12"/>
    </row>
    <row r="363726" spans="8:8">
      <c r="H363726" s="12"/>
    </row>
    <row r="363727" spans="8:8">
      <c r="H363727" s="12"/>
    </row>
    <row r="363728" spans="8:8">
      <c r="H363728" s="12"/>
    </row>
    <row r="363729" spans="8:8">
      <c r="H363729" s="12"/>
    </row>
    <row r="363730" spans="8:8">
      <c r="H363730" s="12"/>
    </row>
    <row r="363731" spans="8:8">
      <c r="H363731" s="12"/>
    </row>
    <row r="363732" spans="8:8">
      <c r="H363732" s="12"/>
    </row>
    <row r="363733" spans="8:8">
      <c r="H363733" s="12"/>
    </row>
    <row r="363734" spans="8:8">
      <c r="H363734" s="12"/>
    </row>
    <row r="363735" spans="8:8">
      <c r="H363735" s="12"/>
    </row>
    <row r="363736" spans="8:8">
      <c r="H363736" s="12"/>
    </row>
    <row r="363737" spans="8:8">
      <c r="H363737" s="12"/>
    </row>
    <row r="363738" spans="8:8">
      <c r="H363738" s="12"/>
    </row>
    <row r="363739" spans="8:8">
      <c r="H363739" s="12"/>
    </row>
    <row r="363740" spans="8:8">
      <c r="H363740" s="12"/>
    </row>
    <row r="363741" spans="8:8">
      <c r="H363741" s="12"/>
    </row>
    <row r="363742" spans="8:8">
      <c r="H363742" s="12"/>
    </row>
    <row r="363743" spans="8:8">
      <c r="H363743" s="12"/>
    </row>
    <row r="363744" spans="8:8">
      <c r="H363744" s="12"/>
    </row>
    <row r="363745" spans="8:8">
      <c r="H363745" s="12"/>
    </row>
    <row r="363746" spans="8:8">
      <c r="H363746" s="12"/>
    </row>
    <row r="363747" spans="8:8">
      <c r="H363747" s="12"/>
    </row>
    <row r="363748" spans="8:8">
      <c r="H363748" s="12"/>
    </row>
    <row r="363749" spans="8:8">
      <c r="H363749" s="12"/>
    </row>
    <row r="363750" spans="8:8">
      <c r="H363750" s="12"/>
    </row>
    <row r="363751" spans="8:8">
      <c r="H363751" s="12"/>
    </row>
    <row r="363752" spans="8:8">
      <c r="H363752" s="12"/>
    </row>
    <row r="363753" spans="8:8">
      <c r="H363753" s="12"/>
    </row>
    <row r="363754" spans="8:8">
      <c r="H363754" s="12"/>
    </row>
    <row r="363755" spans="8:8">
      <c r="H363755" s="12"/>
    </row>
    <row r="363756" spans="8:8">
      <c r="H363756" s="12"/>
    </row>
    <row r="363757" spans="8:8">
      <c r="H363757" s="12"/>
    </row>
    <row r="363758" spans="8:8">
      <c r="H363758" s="12"/>
    </row>
    <row r="363759" spans="8:8">
      <c r="H363759" s="12"/>
    </row>
    <row r="363760" spans="8:8">
      <c r="H363760" s="12"/>
    </row>
    <row r="363761" spans="8:8">
      <c r="H363761" s="12"/>
    </row>
    <row r="363762" spans="8:8">
      <c r="H363762" s="12"/>
    </row>
    <row r="363763" spans="8:8">
      <c r="H363763" s="12"/>
    </row>
    <row r="363764" spans="8:8">
      <c r="H363764" s="12"/>
    </row>
    <row r="363765" spans="8:8">
      <c r="H363765" s="12"/>
    </row>
    <row r="363766" spans="8:8">
      <c r="H363766" s="12"/>
    </row>
    <row r="363767" spans="8:8">
      <c r="H363767" s="12"/>
    </row>
    <row r="363768" spans="8:8">
      <c r="H363768" s="12"/>
    </row>
    <row r="363769" spans="8:8">
      <c r="H363769" s="12"/>
    </row>
    <row r="363770" spans="8:8">
      <c r="H363770" s="12"/>
    </row>
    <row r="363771" spans="8:8">
      <c r="H363771" s="12"/>
    </row>
    <row r="363772" spans="8:8">
      <c r="H363772" s="12"/>
    </row>
    <row r="363773" spans="8:8">
      <c r="H363773" s="12"/>
    </row>
    <row r="363774" spans="8:8">
      <c r="H363774" s="12"/>
    </row>
    <row r="363775" spans="8:8">
      <c r="H363775" s="12"/>
    </row>
    <row r="363776" spans="8:8">
      <c r="H363776" s="12"/>
    </row>
    <row r="363777" spans="8:8">
      <c r="H363777" s="12"/>
    </row>
    <row r="363778" spans="8:8">
      <c r="H363778" s="12"/>
    </row>
    <row r="363779" spans="8:8">
      <c r="H363779" s="12"/>
    </row>
    <row r="363780" spans="8:8">
      <c r="H363780" s="12"/>
    </row>
    <row r="363781" spans="8:8">
      <c r="H363781" s="12"/>
    </row>
    <row r="363782" spans="8:8">
      <c r="H363782" s="12"/>
    </row>
    <row r="363783" spans="8:8">
      <c r="H363783" s="12"/>
    </row>
    <row r="363784" spans="8:8">
      <c r="H363784" s="12"/>
    </row>
    <row r="363785" spans="8:8">
      <c r="H363785" s="12"/>
    </row>
    <row r="363786" spans="8:8">
      <c r="H363786" s="12"/>
    </row>
    <row r="363787" spans="8:8">
      <c r="H363787" s="12"/>
    </row>
    <row r="363788" spans="8:8">
      <c r="H363788" s="12"/>
    </row>
    <row r="363789" spans="8:8">
      <c r="H363789" s="12"/>
    </row>
    <row r="363790" spans="8:8">
      <c r="H363790" s="12"/>
    </row>
    <row r="363791" spans="8:8">
      <c r="H363791" s="12"/>
    </row>
    <row r="363792" spans="8:8">
      <c r="H363792" s="12"/>
    </row>
    <row r="363793" spans="8:8">
      <c r="H363793" s="12"/>
    </row>
    <row r="363794" spans="8:8">
      <c r="H363794" s="12"/>
    </row>
    <row r="363795" spans="8:8">
      <c r="H363795" s="12"/>
    </row>
    <row r="363796" spans="8:8">
      <c r="H363796" s="12"/>
    </row>
    <row r="363797" spans="8:8">
      <c r="H363797" s="12"/>
    </row>
    <row r="363798" spans="8:8">
      <c r="H363798" s="12"/>
    </row>
    <row r="363799" spans="8:8">
      <c r="H363799" s="12"/>
    </row>
    <row r="363800" spans="8:8">
      <c r="H363800" s="12"/>
    </row>
    <row r="363801" spans="8:8">
      <c r="H363801" s="12"/>
    </row>
    <row r="363802" spans="8:8">
      <c r="H363802" s="12"/>
    </row>
    <row r="363803" spans="8:8">
      <c r="H363803" s="12"/>
    </row>
    <row r="363804" spans="8:8">
      <c r="H363804" s="12"/>
    </row>
    <row r="363805" spans="8:8">
      <c r="H363805" s="12"/>
    </row>
    <row r="363806" spans="8:8">
      <c r="H363806" s="12"/>
    </row>
    <row r="363807" spans="8:8">
      <c r="H363807" s="12"/>
    </row>
    <row r="363808" spans="8:8">
      <c r="H363808" s="12"/>
    </row>
    <row r="363809" spans="8:8">
      <c r="H363809" s="12"/>
    </row>
    <row r="363810" spans="8:8">
      <c r="H363810" s="12"/>
    </row>
    <row r="363811" spans="8:8">
      <c r="H363811" s="12"/>
    </row>
    <row r="363812" spans="8:8">
      <c r="H363812" s="12"/>
    </row>
    <row r="363813" spans="8:8">
      <c r="H363813" s="12"/>
    </row>
    <row r="363814" spans="8:8">
      <c r="H363814" s="12"/>
    </row>
    <row r="363815" spans="8:8">
      <c r="H363815" s="12"/>
    </row>
    <row r="363816" spans="8:8">
      <c r="H363816" s="12"/>
    </row>
    <row r="363817" spans="8:8">
      <c r="H363817" s="12"/>
    </row>
    <row r="363818" spans="8:8">
      <c r="H363818" s="12"/>
    </row>
    <row r="363819" spans="8:8">
      <c r="H363819" s="12"/>
    </row>
    <row r="363820" spans="8:8">
      <c r="H363820" s="12"/>
    </row>
    <row r="363821" spans="8:8">
      <c r="H363821" s="12"/>
    </row>
    <row r="363822" spans="8:8">
      <c r="H363822" s="12"/>
    </row>
    <row r="363823" spans="8:8">
      <c r="H363823" s="12"/>
    </row>
    <row r="363824" spans="8:8">
      <c r="H363824" s="12"/>
    </row>
    <row r="363825" spans="8:8">
      <c r="H363825" s="12"/>
    </row>
    <row r="363826" spans="8:8">
      <c r="H363826" s="12"/>
    </row>
    <row r="363827" spans="8:8">
      <c r="H363827" s="12"/>
    </row>
    <row r="363828" spans="8:8">
      <c r="H363828" s="12"/>
    </row>
    <row r="363829" spans="8:8">
      <c r="H363829" s="12"/>
    </row>
    <row r="363830" spans="8:8">
      <c r="H363830" s="12"/>
    </row>
    <row r="363831" spans="8:8">
      <c r="H363831" s="12"/>
    </row>
    <row r="363832" spans="8:8">
      <c r="H363832" s="12"/>
    </row>
    <row r="363833" spans="8:8">
      <c r="H363833" s="12"/>
    </row>
    <row r="363834" spans="8:8">
      <c r="H363834" s="12"/>
    </row>
    <row r="363835" spans="8:8">
      <c r="H363835" s="12"/>
    </row>
    <row r="363836" spans="8:8">
      <c r="H363836" s="12"/>
    </row>
    <row r="363837" spans="8:8">
      <c r="H363837" s="12"/>
    </row>
    <row r="363838" spans="8:8">
      <c r="H363838" s="12"/>
    </row>
    <row r="363839" spans="8:8">
      <c r="H363839" s="12"/>
    </row>
    <row r="363840" spans="8:8">
      <c r="H363840" s="12"/>
    </row>
    <row r="363841" spans="8:8">
      <c r="H363841" s="12"/>
    </row>
    <row r="363842" spans="8:8">
      <c r="H363842" s="12"/>
    </row>
    <row r="363843" spans="8:8">
      <c r="H363843" s="12"/>
    </row>
    <row r="363844" spans="8:8">
      <c r="H363844" s="12"/>
    </row>
    <row r="363845" spans="8:8">
      <c r="H363845" s="12"/>
    </row>
    <row r="363846" spans="8:8">
      <c r="H363846" s="12"/>
    </row>
    <row r="363847" spans="8:8">
      <c r="H363847" s="12"/>
    </row>
    <row r="363848" spans="8:8">
      <c r="H363848" s="12"/>
    </row>
    <row r="363849" spans="8:8">
      <c r="H363849" s="12"/>
    </row>
    <row r="363850" spans="8:8">
      <c r="H363850" s="12"/>
    </row>
    <row r="363851" spans="8:8">
      <c r="H363851" s="12"/>
    </row>
    <row r="363852" spans="8:8">
      <c r="H363852" s="12"/>
    </row>
    <row r="363853" spans="8:8">
      <c r="H363853" s="12"/>
    </row>
    <row r="363854" spans="8:8">
      <c r="H363854" s="12"/>
    </row>
    <row r="363855" spans="8:8">
      <c r="H363855" s="12"/>
    </row>
    <row r="363856" spans="8:8">
      <c r="H363856" s="12"/>
    </row>
    <row r="363857" spans="8:8">
      <c r="H363857" s="12"/>
    </row>
    <row r="363858" spans="8:8">
      <c r="H363858" s="12"/>
    </row>
    <row r="363859" spans="8:8">
      <c r="H363859" s="12"/>
    </row>
    <row r="363860" spans="8:8">
      <c r="H363860" s="12"/>
    </row>
    <row r="363861" spans="8:8">
      <c r="H363861" s="12"/>
    </row>
    <row r="363862" spans="8:8">
      <c r="H363862" s="12"/>
    </row>
    <row r="363863" spans="8:8">
      <c r="H363863" s="12"/>
    </row>
    <row r="363864" spans="8:8">
      <c r="H363864" s="12"/>
    </row>
    <row r="363865" spans="8:8">
      <c r="H363865" s="12"/>
    </row>
    <row r="363866" spans="8:8">
      <c r="H363866" s="12"/>
    </row>
    <row r="363867" spans="8:8">
      <c r="H363867" s="12"/>
    </row>
    <row r="363868" spans="8:8">
      <c r="H363868" s="12"/>
    </row>
    <row r="363869" spans="8:8">
      <c r="H363869" s="12"/>
    </row>
    <row r="363870" spans="8:8">
      <c r="H363870" s="12"/>
    </row>
    <row r="363871" spans="8:8">
      <c r="H363871" s="12"/>
    </row>
    <row r="363872" spans="8:8">
      <c r="H363872" s="12"/>
    </row>
    <row r="363873" spans="8:8">
      <c r="H363873" s="12"/>
    </row>
    <row r="363874" spans="8:8">
      <c r="H363874" s="12"/>
    </row>
    <row r="363875" spans="8:8">
      <c r="H363875" s="12"/>
    </row>
    <row r="363876" spans="8:8">
      <c r="H363876" s="12"/>
    </row>
    <row r="363877" spans="8:8">
      <c r="H363877" s="12"/>
    </row>
    <row r="363878" spans="8:8">
      <c r="H363878" s="12"/>
    </row>
    <row r="363879" spans="8:8">
      <c r="H363879" s="12"/>
    </row>
    <row r="363880" spans="8:8">
      <c r="H363880" s="12"/>
    </row>
    <row r="363881" spans="8:8">
      <c r="H363881" s="12"/>
    </row>
    <row r="363882" spans="8:8">
      <c r="H363882" s="12"/>
    </row>
    <row r="363883" spans="8:8">
      <c r="H363883" s="12"/>
    </row>
    <row r="363884" spans="8:8">
      <c r="H363884" s="12"/>
    </row>
    <row r="363885" spans="8:8">
      <c r="H363885" s="12"/>
    </row>
    <row r="363886" spans="8:8">
      <c r="H363886" s="12"/>
    </row>
    <row r="363887" spans="8:8">
      <c r="H363887" s="12"/>
    </row>
    <row r="363888" spans="8:8">
      <c r="H363888" s="12"/>
    </row>
    <row r="363889" spans="8:8">
      <c r="H363889" s="12"/>
    </row>
    <row r="363890" spans="8:8">
      <c r="H363890" s="12"/>
    </row>
    <row r="363891" spans="8:8">
      <c r="H363891" s="12"/>
    </row>
    <row r="363892" spans="8:8">
      <c r="H363892" s="12"/>
    </row>
    <row r="363893" spans="8:8">
      <c r="H363893" s="12"/>
    </row>
    <row r="363894" spans="8:8">
      <c r="H363894" s="12"/>
    </row>
    <row r="363895" spans="8:8">
      <c r="H363895" s="12"/>
    </row>
    <row r="363896" spans="8:8">
      <c r="H363896" s="12"/>
    </row>
    <row r="363897" spans="8:8">
      <c r="H363897" s="12"/>
    </row>
    <row r="363898" spans="8:8">
      <c r="H363898" s="12"/>
    </row>
    <row r="363899" spans="8:8">
      <c r="H363899" s="12"/>
    </row>
    <row r="363900" spans="8:8">
      <c r="H363900" s="12"/>
    </row>
    <row r="363901" spans="8:8">
      <c r="H363901" s="12"/>
    </row>
    <row r="363902" spans="8:8">
      <c r="H363902" s="12"/>
    </row>
    <row r="363903" spans="8:8">
      <c r="H363903" s="12"/>
    </row>
    <row r="363904" spans="8:8">
      <c r="H363904" s="12"/>
    </row>
    <row r="363905" spans="8:8">
      <c r="H363905" s="12"/>
    </row>
    <row r="363906" spans="8:8">
      <c r="H363906" s="12"/>
    </row>
    <row r="363907" spans="8:8">
      <c r="H363907" s="12"/>
    </row>
    <row r="363908" spans="8:8">
      <c r="H363908" s="12"/>
    </row>
    <row r="363909" spans="8:8">
      <c r="H363909" s="12"/>
    </row>
    <row r="363910" spans="8:8">
      <c r="H363910" s="12"/>
    </row>
    <row r="363911" spans="8:8">
      <c r="H363911" s="12"/>
    </row>
    <row r="363912" spans="8:8">
      <c r="H363912" s="12"/>
    </row>
    <row r="363913" spans="8:8">
      <c r="H363913" s="12"/>
    </row>
    <row r="363914" spans="8:8">
      <c r="H363914" s="12"/>
    </row>
    <row r="363915" spans="8:8">
      <c r="H363915" s="12"/>
    </row>
    <row r="363916" spans="8:8">
      <c r="H363916" s="12"/>
    </row>
    <row r="363917" spans="8:8">
      <c r="H363917" s="12"/>
    </row>
    <row r="363918" spans="8:8">
      <c r="H363918" s="12"/>
    </row>
    <row r="363919" spans="8:8">
      <c r="H363919" s="12"/>
    </row>
    <row r="363920" spans="8:8">
      <c r="H363920" s="12"/>
    </row>
    <row r="363921" spans="8:8">
      <c r="H363921" s="12"/>
    </row>
    <row r="363922" spans="8:8">
      <c r="H363922" s="12"/>
    </row>
    <row r="363923" spans="8:8">
      <c r="H363923" s="12"/>
    </row>
    <row r="363924" spans="8:8">
      <c r="H363924" s="12"/>
    </row>
    <row r="363925" spans="8:8">
      <c r="H363925" s="12"/>
    </row>
    <row r="363926" spans="8:8">
      <c r="H363926" s="12"/>
    </row>
    <row r="363927" spans="8:8">
      <c r="H363927" s="12"/>
    </row>
    <row r="363928" spans="8:8">
      <c r="H363928" s="12"/>
    </row>
    <row r="363929" spans="8:8">
      <c r="H363929" s="12"/>
    </row>
    <row r="363930" spans="8:8">
      <c r="H363930" s="12"/>
    </row>
    <row r="363931" spans="8:8">
      <c r="H363931" s="12"/>
    </row>
    <row r="363932" spans="8:8">
      <c r="H363932" s="12"/>
    </row>
    <row r="363933" spans="8:8">
      <c r="H363933" s="12"/>
    </row>
    <row r="363934" spans="8:8">
      <c r="H363934" s="12"/>
    </row>
    <row r="363935" spans="8:8">
      <c r="H363935" s="12"/>
    </row>
    <row r="363936" spans="8:8">
      <c r="H363936" s="12"/>
    </row>
    <row r="363937" spans="8:8">
      <c r="H363937" s="12"/>
    </row>
    <row r="363938" spans="8:8">
      <c r="H363938" s="12"/>
    </row>
    <row r="363939" spans="8:8">
      <c r="H363939" s="12"/>
    </row>
    <row r="363940" spans="8:8">
      <c r="H363940" s="12"/>
    </row>
    <row r="363941" spans="8:8">
      <c r="H363941" s="12"/>
    </row>
    <row r="363942" spans="8:8">
      <c r="H363942" s="12"/>
    </row>
    <row r="363943" spans="8:8">
      <c r="H363943" s="12"/>
    </row>
    <row r="363944" spans="8:8">
      <c r="H363944" s="12"/>
    </row>
    <row r="363945" spans="8:8">
      <c r="H363945" s="12"/>
    </row>
    <row r="363946" spans="8:8">
      <c r="H363946" s="12"/>
    </row>
    <row r="363947" spans="8:8">
      <c r="H363947" s="12"/>
    </row>
    <row r="363948" spans="8:8">
      <c r="H363948" s="12"/>
    </row>
    <row r="363949" spans="8:8">
      <c r="H363949" s="12"/>
    </row>
    <row r="363950" spans="8:8">
      <c r="H363950" s="12"/>
    </row>
    <row r="363951" spans="8:8">
      <c r="H363951" s="12"/>
    </row>
    <row r="363952" spans="8:8">
      <c r="H363952" s="12"/>
    </row>
    <row r="363953" spans="8:8">
      <c r="H363953" s="12"/>
    </row>
    <row r="363954" spans="8:8">
      <c r="H363954" s="12"/>
    </row>
    <row r="363955" spans="8:8">
      <c r="H363955" s="12"/>
    </row>
    <row r="363956" spans="8:8">
      <c r="H363956" s="12"/>
    </row>
    <row r="363957" spans="8:8">
      <c r="H363957" s="12"/>
    </row>
    <row r="363958" spans="8:8">
      <c r="H363958" s="12"/>
    </row>
    <row r="363959" spans="8:8">
      <c r="H363959" s="12"/>
    </row>
    <row r="363960" spans="8:8">
      <c r="H363960" s="12"/>
    </row>
    <row r="363961" spans="8:8">
      <c r="H363961" s="12"/>
    </row>
    <row r="363962" spans="8:8">
      <c r="H363962" s="12"/>
    </row>
    <row r="363963" spans="8:8">
      <c r="H363963" s="12"/>
    </row>
    <row r="363964" spans="8:8">
      <c r="H363964" s="12"/>
    </row>
    <row r="363965" spans="8:8">
      <c r="H363965" s="12"/>
    </row>
    <row r="363966" spans="8:8">
      <c r="H363966" s="12"/>
    </row>
    <row r="363967" spans="8:8">
      <c r="H363967" s="12"/>
    </row>
    <row r="363968" spans="8:8">
      <c r="H363968" s="12"/>
    </row>
    <row r="363969" spans="8:8">
      <c r="H363969" s="12"/>
    </row>
    <row r="363970" spans="8:8">
      <c r="H363970" s="12"/>
    </row>
    <row r="363971" spans="8:8">
      <c r="H363971" s="12"/>
    </row>
    <row r="363972" spans="8:8">
      <c r="H363972" s="12"/>
    </row>
    <row r="363973" spans="8:8">
      <c r="H363973" s="12"/>
    </row>
    <row r="363974" spans="8:8">
      <c r="H363974" s="12"/>
    </row>
    <row r="363975" spans="8:8">
      <c r="H363975" s="12"/>
    </row>
    <row r="363976" spans="8:8">
      <c r="H363976" s="12"/>
    </row>
    <row r="363977" spans="8:8">
      <c r="H363977" s="12"/>
    </row>
    <row r="363978" spans="8:8">
      <c r="H363978" s="12"/>
    </row>
    <row r="363979" spans="8:8">
      <c r="H363979" s="12"/>
    </row>
    <row r="363980" spans="8:8">
      <c r="H363980" s="12"/>
    </row>
    <row r="363981" spans="8:8">
      <c r="H363981" s="12"/>
    </row>
    <row r="363982" spans="8:8">
      <c r="H363982" s="12"/>
    </row>
    <row r="363983" spans="8:8">
      <c r="H363983" s="12"/>
    </row>
    <row r="363984" spans="8:8">
      <c r="H363984" s="12"/>
    </row>
    <row r="363985" spans="8:8">
      <c r="H363985" s="12"/>
    </row>
    <row r="363986" spans="8:8">
      <c r="H363986" s="12"/>
    </row>
    <row r="363987" spans="8:8">
      <c r="H363987" s="12"/>
    </row>
    <row r="363988" spans="8:8">
      <c r="H363988" s="12"/>
    </row>
    <row r="363989" spans="8:8">
      <c r="H363989" s="12"/>
    </row>
    <row r="363990" spans="8:8">
      <c r="H363990" s="12"/>
    </row>
    <row r="363991" spans="8:8">
      <c r="H363991" s="12"/>
    </row>
    <row r="363992" spans="8:8">
      <c r="H363992" s="12"/>
    </row>
    <row r="363993" spans="8:8">
      <c r="H363993" s="12"/>
    </row>
    <row r="363994" spans="8:8">
      <c r="H363994" s="12"/>
    </row>
    <row r="363995" spans="8:8">
      <c r="H363995" s="12"/>
    </row>
    <row r="363996" spans="8:8">
      <c r="H363996" s="12"/>
    </row>
    <row r="363997" spans="8:8">
      <c r="H363997" s="12"/>
    </row>
    <row r="363998" spans="8:8">
      <c r="H363998" s="12"/>
    </row>
    <row r="363999" spans="8:8">
      <c r="H363999" s="12"/>
    </row>
    <row r="364000" spans="8:8">
      <c r="H364000" s="12"/>
    </row>
    <row r="364001" spans="8:8">
      <c r="H364001" s="12"/>
    </row>
    <row r="364002" spans="8:8">
      <c r="H364002" s="12"/>
    </row>
    <row r="364003" spans="8:8">
      <c r="H364003" s="12"/>
    </row>
    <row r="364004" spans="8:8">
      <c r="H364004" s="12"/>
    </row>
    <row r="364005" spans="8:8">
      <c r="H364005" s="12"/>
    </row>
    <row r="364006" spans="8:8">
      <c r="H364006" s="12"/>
    </row>
    <row r="364007" spans="8:8">
      <c r="H364007" s="12"/>
    </row>
    <row r="364008" spans="8:8">
      <c r="H364008" s="12"/>
    </row>
    <row r="364009" spans="8:8">
      <c r="H364009" s="12"/>
    </row>
    <row r="364010" spans="8:8">
      <c r="H364010" s="12"/>
    </row>
    <row r="364011" spans="8:8">
      <c r="H364011" s="12"/>
    </row>
    <row r="364012" spans="8:8">
      <c r="H364012" s="12"/>
    </row>
    <row r="364013" spans="8:8">
      <c r="H364013" s="12"/>
    </row>
    <row r="364014" spans="8:8">
      <c r="H364014" s="12"/>
    </row>
    <row r="364015" spans="8:8">
      <c r="H364015" s="12"/>
    </row>
    <row r="364016" spans="8:8">
      <c r="H364016" s="12"/>
    </row>
    <row r="364017" spans="8:8">
      <c r="H364017" s="12"/>
    </row>
    <row r="364018" spans="8:8">
      <c r="H364018" s="12"/>
    </row>
    <row r="364019" spans="8:8">
      <c r="H364019" s="12"/>
    </row>
    <row r="364020" spans="8:8">
      <c r="H364020" s="12"/>
    </row>
    <row r="364021" spans="8:8">
      <c r="H364021" s="12"/>
    </row>
    <row r="364022" spans="8:8">
      <c r="H364022" s="12"/>
    </row>
    <row r="364023" spans="8:8">
      <c r="H364023" s="12"/>
    </row>
    <row r="364024" spans="8:8">
      <c r="H364024" s="12"/>
    </row>
    <row r="364025" spans="8:8">
      <c r="H364025" s="12"/>
    </row>
    <row r="364026" spans="8:8">
      <c r="H364026" s="12"/>
    </row>
    <row r="364027" spans="8:8">
      <c r="H364027" s="12"/>
    </row>
    <row r="364028" spans="8:8">
      <c r="H364028" s="12"/>
    </row>
    <row r="364029" spans="8:8">
      <c r="H364029" s="12"/>
    </row>
    <row r="364030" spans="8:8">
      <c r="H364030" s="12"/>
    </row>
    <row r="364031" spans="8:8">
      <c r="H364031" s="12"/>
    </row>
    <row r="364032" spans="8:8">
      <c r="H364032" s="12"/>
    </row>
    <row r="364033" spans="8:8">
      <c r="H364033" s="12"/>
    </row>
    <row r="364034" spans="8:8">
      <c r="H364034" s="12"/>
    </row>
    <row r="364035" spans="8:8">
      <c r="H364035" s="12"/>
    </row>
    <row r="364036" spans="8:8">
      <c r="H364036" s="12"/>
    </row>
    <row r="364037" spans="8:8">
      <c r="H364037" s="12"/>
    </row>
    <row r="364038" spans="8:8">
      <c r="H364038" s="12"/>
    </row>
    <row r="364039" spans="8:8">
      <c r="H364039" s="12"/>
    </row>
    <row r="364040" spans="8:8">
      <c r="H364040" s="12"/>
    </row>
    <row r="364041" spans="8:8">
      <c r="H364041" s="12"/>
    </row>
    <row r="364042" spans="8:8">
      <c r="H364042" s="12"/>
    </row>
    <row r="364043" spans="8:8">
      <c r="H364043" s="12"/>
    </row>
    <row r="364044" spans="8:8">
      <c r="H364044" s="12"/>
    </row>
    <row r="364045" spans="8:8">
      <c r="H364045" s="12"/>
    </row>
    <row r="364046" spans="8:8">
      <c r="H364046" s="12"/>
    </row>
    <row r="364047" spans="8:8">
      <c r="H364047" s="12"/>
    </row>
    <row r="364048" spans="8:8">
      <c r="H364048" s="12"/>
    </row>
    <row r="364049" spans="8:8">
      <c r="H364049" s="12"/>
    </row>
    <row r="364050" spans="8:8">
      <c r="H364050" s="12"/>
    </row>
    <row r="364051" spans="8:8">
      <c r="H364051" s="12"/>
    </row>
    <row r="364052" spans="8:8">
      <c r="H364052" s="12"/>
    </row>
    <row r="364053" spans="8:8">
      <c r="H364053" s="12"/>
    </row>
    <row r="364054" spans="8:8">
      <c r="H364054" s="12"/>
    </row>
    <row r="364055" spans="8:8">
      <c r="H364055" s="12"/>
    </row>
    <row r="364056" spans="8:8">
      <c r="H364056" s="12"/>
    </row>
    <row r="364057" spans="8:8">
      <c r="H364057" s="12"/>
    </row>
    <row r="364058" spans="8:8">
      <c r="H364058" s="12"/>
    </row>
    <row r="364059" spans="8:8">
      <c r="H364059" s="12"/>
    </row>
    <row r="364060" spans="8:8">
      <c r="H364060" s="12"/>
    </row>
    <row r="364061" spans="8:8">
      <c r="H364061" s="12"/>
    </row>
    <row r="364062" spans="8:8">
      <c r="H364062" s="12"/>
    </row>
    <row r="364063" spans="8:8">
      <c r="H364063" s="12"/>
    </row>
    <row r="364064" spans="8:8">
      <c r="H364064" s="12"/>
    </row>
    <row r="364065" spans="8:8">
      <c r="H364065" s="12"/>
    </row>
    <row r="364066" spans="8:8">
      <c r="H364066" s="12"/>
    </row>
    <row r="364067" spans="8:8">
      <c r="H364067" s="12"/>
    </row>
    <row r="364068" spans="8:8">
      <c r="H364068" s="12"/>
    </row>
    <row r="364069" spans="8:8">
      <c r="H364069" s="12"/>
    </row>
    <row r="364070" spans="8:8">
      <c r="H364070" s="12"/>
    </row>
    <row r="364071" spans="8:8">
      <c r="H364071" s="12"/>
    </row>
    <row r="364072" spans="8:8">
      <c r="H364072" s="12"/>
    </row>
    <row r="364073" spans="8:8">
      <c r="H364073" s="12"/>
    </row>
    <row r="364074" spans="8:8">
      <c r="H364074" s="12"/>
    </row>
    <row r="364075" spans="8:8">
      <c r="H364075" s="12"/>
    </row>
    <row r="364076" spans="8:8">
      <c r="H364076" s="12"/>
    </row>
    <row r="364077" spans="8:8">
      <c r="H364077" s="12"/>
    </row>
    <row r="364078" spans="8:8">
      <c r="H364078" s="12"/>
    </row>
    <row r="364079" spans="8:8">
      <c r="H364079" s="12"/>
    </row>
    <row r="364080" spans="8:8">
      <c r="H364080" s="12"/>
    </row>
    <row r="364081" spans="8:8">
      <c r="H364081" s="12"/>
    </row>
    <row r="364082" spans="8:8">
      <c r="H364082" s="12"/>
    </row>
    <row r="364083" spans="8:8">
      <c r="H364083" s="12"/>
    </row>
    <row r="364084" spans="8:8">
      <c r="H364084" s="12"/>
    </row>
    <row r="364085" spans="8:8">
      <c r="H364085" s="12"/>
    </row>
    <row r="364086" spans="8:8">
      <c r="H364086" s="12"/>
    </row>
    <row r="364087" spans="8:8">
      <c r="H364087" s="12"/>
    </row>
    <row r="364088" spans="8:8">
      <c r="H364088" s="12"/>
    </row>
    <row r="364089" spans="8:8">
      <c r="H364089" s="12"/>
    </row>
    <row r="364090" spans="8:8">
      <c r="H364090" s="12"/>
    </row>
    <row r="364091" spans="8:8">
      <c r="H364091" s="12"/>
    </row>
    <row r="364092" spans="8:8">
      <c r="H364092" s="12"/>
    </row>
    <row r="364093" spans="8:8">
      <c r="H364093" s="12"/>
    </row>
    <row r="364094" spans="8:8">
      <c r="H364094" s="12"/>
    </row>
    <row r="364095" spans="8:8">
      <c r="H364095" s="12"/>
    </row>
    <row r="364096" spans="8:8">
      <c r="H364096" s="12"/>
    </row>
    <row r="364097" spans="8:8">
      <c r="H364097" s="12"/>
    </row>
    <row r="364098" spans="8:8">
      <c r="H364098" s="12"/>
    </row>
    <row r="364099" spans="8:8">
      <c r="H364099" s="12"/>
    </row>
    <row r="364100" spans="8:8">
      <c r="H364100" s="12"/>
    </row>
    <row r="364101" spans="8:8">
      <c r="H364101" s="12"/>
    </row>
    <row r="364102" spans="8:8">
      <c r="H364102" s="12"/>
    </row>
    <row r="364103" spans="8:8">
      <c r="H364103" s="12"/>
    </row>
    <row r="364104" spans="8:8">
      <c r="H364104" s="12"/>
    </row>
    <row r="364105" spans="8:8">
      <c r="H364105" s="12"/>
    </row>
    <row r="364106" spans="8:8">
      <c r="H364106" s="12"/>
    </row>
    <row r="364107" spans="8:8">
      <c r="H364107" s="12"/>
    </row>
    <row r="364108" spans="8:8">
      <c r="H364108" s="12"/>
    </row>
    <row r="364109" spans="8:8">
      <c r="H364109" s="12"/>
    </row>
    <row r="364110" spans="8:8">
      <c r="H364110" s="12"/>
    </row>
    <row r="364111" spans="8:8">
      <c r="H364111" s="12"/>
    </row>
    <row r="364112" spans="8:8">
      <c r="H364112" s="12"/>
    </row>
    <row r="364113" spans="8:8">
      <c r="H364113" s="12"/>
    </row>
    <row r="364114" spans="8:8">
      <c r="H364114" s="12"/>
    </row>
    <row r="364115" spans="8:8">
      <c r="H364115" s="12"/>
    </row>
    <row r="364116" spans="8:8">
      <c r="H364116" s="12"/>
    </row>
    <row r="364117" spans="8:8">
      <c r="H364117" s="12"/>
    </row>
    <row r="364118" spans="8:8">
      <c r="H364118" s="12"/>
    </row>
    <row r="364119" spans="8:8">
      <c r="H364119" s="12"/>
    </row>
    <row r="364120" spans="8:8">
      <c r="H364120" s="12"/>
    </row>
    <row r="364121" spans="8:8">
      <c r="H364121" s="12"/>
    </row>
    <row r="364122" spans="8:8">
      <c r="H364122" s="12"/>
    </row>
    <row r="364123" spans="8:8">
      <c r="H364123" s="12"/>
    </row>
    <row r="364124" spans="8:8">
      <c r="H364124" s="12"/>
    </row>
    <row r="364125" spans="8:8">
      <c r="H364125" s="12"/>
    </row>
    <row r="364126" spans="8:8">
      <c r="H364126" s="12"/>
    </row>
    <row r="364127" spans="8:8">
      <c r="H364127" s="12"/>
    </row>
    <row r="364128" spans="8:8">
      <c r="H364128" s="12"/>
    </row>
    <row r="364129" spans="8:8">
      <c r="H364129" s="12"/>
    </row>
    <row r="364130" spans="8:8">
      <c r="H364130" s="12"/>
    </row>
    <row r="364131" spans="8:8">
      <c r="H364131" s="12"/>
    </row>
    <row r="364132" spans="8:8">
      <c r="H364132" s="12"/>
    </row>
    <row r="364133" spans="8:8">
      <c r="H364133" s="12"/>
    </row>
    <row r="364134" spans="8:8">
      <c r="H364134" s="12"/>
    </row>
    <row r="364135" spans="8:8">
      <c r="H364135" s="12"/>
    </row>
    <row r="364136" spans="8:8">
      <c r="H364136" s="12"/>
    </row>
    <row r="364137" spans="8:8">
      <c r="H364137" s="12"/>
    </row>
    <row r="364138" spans="8:8">
      <c r="H364138" s="12"/>
    </row>
    <row r="364139" spans="8:8">
      <c r="H364139" s="12"/>
    </row>
    <row r="364140" spans="8:8">
      <c r="H364140" s="12"/>
    </row>
    <row r="364141" spans="8:8">
      <c r="H364141" s="12"/>
    </row>
    <row r="364142" spans="8:8">
      <c r="H364142" s="12"/>
    </row>
    <row r="364143" spans="8:8">
      <c r="H364143" s="12"/>
    </row>
    <row r="364144" spans="8:8">
      <c r="H364144" s="12"/>
    </row>
    <row r="364145" spans="8:8">
      <c r="H364145" s="12"/>
    </row>
    <row r="364146" spans="8:8">
      <c r="H364146" s="12"/>
    </row>
    <row r="364147" spans="8:8">
      <c r="H364147" s="12"/>
    </row>
    <row r="364148" spans="8:8">
      <c r="H364148" s="12"/>
    </row>
    <row r="364149" spans="8:8">
      <c r="H364149" s="12"/>
    </row>
    <row r="364150" spans="8:8">
      <c r="H364150" s="12"/>
    </row>
    <row r="364151" spans="8:8">
      <c r="H364151" s="12"/>
    </row>
    <row r="364152" spans="8:8">
      <c r="H364152" s="12"/>
    </row>
    <row r="364153" spans="8:8">
      <c r="H364153" s="12"/>
    </row>
    <row r="364154" spans="8:8">
      <c r="H364154" s="12"/>
    </row>
    <row r="364155" spans="8:8">
      <c r="H364155" s="12"/>
    </row>
    <row r="364156" spans="8:8">
      <c r="H364156" s="12"/>
    </row>
    <row r="364157" spans="8:8">
      <c r="H364157" s="12"/>
    </row>
    <row r="364158" spans="8:8">
      <c r="H364158" s="12"/>
    </row>
    <row r="364159" spans="8:8">
      <c r="H364159" s="12"/>
    </row>
    <row r="364160" spans="8:8">
      <c r="H364160" s="12"/>
    </row>
    <row r="364161" spans="8:8">
      <c r="H364161" s="12"/>
    </row>
    <row r="364162" spans="8:8">
      <c r="H364162" s="12"/>
    </row>
    <row r="364163" spans="8:8">
      <c r="H364163" s="12"/>
    </row>
    <row r="364164" spans="8:8">
      <c r="H364164" s="12"/>
    </row>
    <row r="364165" spans="8:8">
      <c r="H364165" s="12"/>
    </row>
    <row r="364166" spans="8:8">
      <c r="H364166" s="12"/>
    </row>
    <row r="364167" spans="8:8">
      <c r="H364167" s="12"/>
    </row>
    <row r="364168" spans="8:8">
      <c r="H364168" s="12"/>
    </row>
    <row r="364169" spans="8:8">
      <c r="H364169" s="12"/>
    </row>
    <row r="364170" spans="8:8">
      <c r="H364170" s="12"/>
    </row>
    <row r="364171" spans="8:8">
      <c r="H364171" s="12"/>
    </row>
    <row r="364172" spans="8:8">
      <c r="H364172" s="12"/>
    </row>
    <row r="364173" spans="8:8">
      <c r="H364173" s="12"/>
    </row>
    <row r="364174" spans="8:8">
      <c r="H364174" s="12"/>
    </row>
    <row r="364175" spans="8:8">
      <c r="H364175" s="12"/>
    </row>
    <row r="364176" spans="8:8">
      <c r="H364176" s="12"/>
    </row>
    <row r="364177" spans="8:8">
      <c r="H364177" s="12"/>
    </row>
    <row r="364178" spans="8:8">
      <c r="H364178" s="12"/>
    </row>
    <row r="364179" spans="8:8">
      <c r="H364179" s="12"/>
    </row>
    <row r="364180" spans="8:8">
      <c r="H364180" s="12"/>
    </row>
    <row r="364181" spans="8:8">
      <c r="H364181" s="12"/>
    </row>
    <row r="364182" spans="8:8">
      <c r="H364182" s="12"/>
    </row>
    <row r="364183" spans="8:8">
      <c r="H364183" s="12"/>
    </row>
    <row r="364184" spans="8:8">
      <c r="H364184" s="12"/>
    </row>
    <row r="364185" spans="8:8">
      <c r="H364185" s="12"/>
    </row>
    <row r="364186" spans="8:8">
      <c r="H364186" s="12"/>
    </row>
    <row r="364187" spans="8:8">
      <c r="H364187" s="12"/>
    </row>
    <row r="364188" spans="8:8">
      <c r="H364188" s="12"/>
    </row>
    <row r="364189" spans="8:8">
      <c r="H364189" s="12"/>
    </row>
    <row r="364190" spans="8:8">
      <c r="H364190" s="12"/>
    </row>
    <row r="364191" spans="8:8">
      <c r="H364191" s="12"/>
    </row>
    <row r="364192" spans="8:8">
      <c r="H364192" s="12"/>
    </row>
    <row r="364193" spans="8:8">
      <c r="H364193" s="12"/>
    </row>
    <row r="364194" spans="8:8">
      <c r="H364194" s="12"/>
    </row>
    <row r="364195" spans="8:8">
      <c r="H364195" s="12"/>
    </row>
    <row r="364196" spans="8:8">
      <c r="H364196" s="12"/>
    </row>
    <row r="364197" spans="8:8">
      <c r="H364197" s="12"/>
    </row>
    <row r="364198" spans="8:8">
      <c r="H364198" s="12"/>
    </row>
    <row r="364199" spans="8:8">
      <c r="H364199" s="12"/>
    </row>
    <row r="364200" spans="8:8">
      <c r="H364200" s="12"/>
    </row>
    <row r="364201" spans="8:8">
      <c r="H364201" s="12"/>
    </row>
    <row r="364202" spans="8:8">
      <c r="H364202" s="12"/>
    </row>
    <row r="364203" spans="8:8">
      <c r="H364203" s="12"/>
    </row>
    <row r="364204" spans="8:8">
      <c r="H364204" s="12"/>
    </row>
    <row r="364205" spans="8:8">
      <c r="H364205" s="12"/>
    </row>
    <row r="364206" spans="8:8">
      <c r="H364206" s="12"/>
    </row>
    <row r="364207" spans="8:8">
      <c r="H364207" s="12"/>
    </row>
    <row r="364208" spans="8:8">
      <c r="H364208" s="12"/>
    </row>
    <row r="364209" spans="8:8">
      <c r="H364209" s="12"/>
    </row>
    <row r="364210" spans="8:8">
      <c r="H364210" s="12"/>
    </row>
    <row r="364211" spans="8:8">
      <c r="H364211" s="12"/>
    </row>
    <row r="364212" spans="8:8">
      <c r="H364212" s="12"/>
    </row>
    <row r="364213" spans="8:8">
      <c r="H364213" s="12"/>
    </row>
    <row r="364214" spans="8:8">
      <c r="H364214" s="12"/>
    </row>
    <row r="364215" spans="8:8">
      <c r="H364215" s="12"/>
    </row>
    <row r="364216" spans="8:8">
      <c r="H364216" s="12"/>
    </row>
    <row r="364217" spans="8:8">
      <c r="H364217" s="12"/>
    </row>
    <row r="364218" spans="8:8">
      <c r="H364218" s="12"/>
    </row>
    <row r="364219" spans="8:8">
      <c r="H364219" s="12"/>
    </row>
    <row r="364220" spans="8:8">
      <c r="H364220" s="12"/>
    </row>
    <row r="364221" spans="8:8">
      <c r="H364221" s="12"/>
    </row>
    <row r="364222" spans="8:8">
      <c r="H364222" s="12"/>
    </row>
    <row r="364223" spans="8:8">
      <c r="H364223" s="12"/>
    </row>
    <row r="364224" spans="8:8">
      <c r="H364224" s="12"/>
    </row>
    <row r="364225" spans="8:8">
      <c r="H364225" s="12"/>
    </row>
    <row r="364226" spans="8:8">
      <c r="H364226" s="12"/>
    </row>
    <row r="364227" spans="8:8">
      <c r="H364227" s="12"/>
    </row>
    <row r="364228" spans="8:8">
      <c r="H364228" s="12"/>
    </row>
    <row r="364229" spans="8:8">
      <c r="H364229" s="12"/>
    </row>
    <row r="364230" spans="8:8">
      <c r="H364230" s="12"/>
    </row>
    <row r="364231" spans="8:8">
      <c r="H364231" s="12"/>
    </row>
    <row r="364232" spans="8:8">
      <c r="H364232" s="12"/>
    </row>
    <row r="364233" spans="8:8">
      <c r="H364233" s="12"/>
    </row>
    <row r="364234" spans="8:8">
      <c r="H364234" s="12"/>
    </row>
    <row r="364235" spans="8:8">
      <c r="H364235" s="12"/>
    </row>
    <row r="364236" spans="8:8">
      <c r="H364236" s="12"/>
    </row>
    <row r="364237" spans="8:8">
      <c r="H364237" s="12"/>
    </row>
    <row r="364238" spans="8:8">
      <c r="H364238" s="12"/>
    </row>
    <row r="364239" spans="8:8">
      <c r="H364239" s="12"/>
    </row>
    <row r="364240" spans="8:8">
      <c r="H364240" s="12"/>
    </row>
    <row r="364241" spans="8:8">
      <c r="H364241" s="12"/>
    </row>
    <row r="364242" spans="8:8">
      <c r="H364242" s="12"/>
    </row>
    <row r="364243" spans="8:8">
      <c r="H364243" s="12"/>
    </row>
    <row r="364244" spans="8:8">
      <c r="H364244" s="12"/>
    </row>
    <row r="364245" spans="8:8">
      <c r="H364245" s="12"/>
    </row>
    <row r="364246" spans="8:8">
      <c r="H364246" s="12"/>
    </row>
    <row r="364247" spans="8:8">
      <c r="H364247" s="12"/>
    </row>
    <row r="364248" spans="8:8">
      <c r="H364248" s="12"/>
    </row>
    <row r="364249" spans="8:8">
      <c r="H364249" s="12"/>
    </row>
    <row r="364250" spans="8:8">
      <c r="H364250" s="12"/>
    </row>
    <row r="364251" spans="8:8">
      <c r="H364251" s="12"/>
    </row>
    <row r="364252" spans="8:8">
      <c r="H364252" s="12"/>
    </row>
    <row r="364253" spans="8:8">
      <c r="H364253" s="12"/>
    </row>
    <row r="364254" spans="8:8">
      <c r="H364254" s="12"/>
    </row>
    <row r="364255" spans="8:8">
      <c r="H364255" s="12"/>
    </row>
    <row r="364256" spans="8:8">
      <c r="H364256" s="12"/>
    </row>
    <row r="364257" spans="8:8">
      <c r="H364257" s="12"/>
    </row>
    <row r="364258" spans="8:8">
      <c r="H364258" s="12"/>
    </row>
    <row r="364259" spans="8:8">
      <c r="H364259" s="12"/>
    </row>
    <row r="364260" spans="8:8">
      <c r="H364260" s="12"/>
    </row>
    <row r="364261" spans="8:8">
      <c r="H364261" s="12"/>
    </row>
    <row r="364262" spans="8:8">
      <c r="H364262" s="12"/>
    </row>
    <row r="364263" spans="8:8">
      <c r="H364263" s="12"/>
    </row>
    <row r="364264" spans="8:8">
      <c r="H364264" s="12"/>
    </row>
    <row r="364265" spans="8:8">
      <c r="H364265" s="12"/>
    </row>
    <row r="364266" spans="8:8">
      <c r="H364266" s="12"/>
    </row>
    <row r="364267" spans="8:8">
      <c r="H364267" s="12"/>
    </row>
    <row r="364268" spans="8:8">
      <c r="H364268" s="12"/>
    </row>
    <row r="364269" spans="8:8">
      <c r="H364269" s="12"/>
    </row>
    <row r="364270" spans="8:8">
      <c r="H364270" s="12"/>
    </row>
    <row r="364271" spans="8:8">
      <c r="H364271" s="12"/>
    </row>
    <row r="364272" spans="8:8">
      <c r="H364272" s="12"/>
    </row>
    <row r="364273" spans="8:8">
      <c r="H364273" s="12"/>
    </row>
    <row r="364274" spans="8:8">
      <c r="H364274" s="12"/>
    </row>
    <row r="364275" spans="8:8">
      <c r="H364275" s="12"/>
    </row>
    <row r="364276" spans="8:8">
      <c r="H364276" s="12"/>
    </row>
    <row r="364277" spans="8:8">
      <c r="H364277" s="12"/>
    </row>
    <row r="364278" spans="8:8">
      <c r="H364278" s="12"/>
    </row>
    <row r="364279" spans="8:8">
      <c r="H364279" s="12"/>
    </row>
    <row r="364280" spans="8:8">
      <c r="H364280" s="12"/>
    </row>
    <row r="364281" spans="8:8">
      <c r="H364281" s="12"/>
    </row>
    <row r="364282" spans="8:8">
      <c r="H364282" s="12"/>
    </row>
    <row r="364283" spans="8:8">
      <c r="H364283" s="12"/>
    </row>
    <row r="364284" spans="8:8">
      <c r="H364284" s="12"/>
    </row>
    <row r="364285" spans="8:8">
      <c r="H364285" s="12"/>
    </row>
    <row r="364286" spans="8:8">
      <c r="H364286" s="12"/>
    </row>
    <row r="364287" spans="8:8">
      <c r="H364287" s="12"/>
    </row>
    <row r="364288" spans="8:8">
      <c r="H364288" s="12"/>
    </row>
    <row r="364289" spans="8:8">
      <c r="H364289" s="12"/>
    </row>
    <row r="364290" spans="8:8">
      <c r="H364290" s="12"/>
    </row>
    <row r="364291" spans="8:8">
      <c r="H364291" s="12"/>
    </row>
    <row r="364292" spans="8:8">
      <c r="H364292" s="12"/>
    </row>
    <row r="364293" spans="8:8">
      <c r="H364293" s="12"/>
    </row>
    <row r="364294" spans="8:8">
      <c r="H364294" s="12"/>
    </row>
    <row r="364295" spans="8:8">
      <c r="H364295" s="12"/>
    </row>
    <row r="364296" spans="8:8">
      <c r="H364296" s="12"/>
    </row>
    <row r="364297" spans="8:8">
      <c r="H364297" s="12"/>
    </row>
    <row r="364298" spans="8:8">
      <c r="H364298" s="12"/>
    </row>
    <row r="364299" spans="8:8">
      <c r="H364299" s="12"/>
    </row>
    <row r="364300" spans="8:8">
      <c r="H364300" s="12"/>
    </row>
    <row r="364301" spans="8:8">
      <c r="H364301" s="12"/>
    </row>
    <row r="364302" spans="8:8">
      <c r="H364302" s="12"/>
    </row>
    <row r="364303" spans="8:8">
      <c r="H364303" s="12"/>
    </row>
    <row r="364304" spans="8:8">
      <c r="H364304" s="12"/>
    </row>
    <row r="364305" spans="8:8">
      <c r="H364305" s="12"/>
    </row>
    <row r="364306" spans="8:8">
      <c r="H364306" s="12"/>
    </row>
    <row r="364307" spans="8:8">
      <c r="H364307" s="12"/>
    </row>
    <row r="364308" spans="8:8">
      <c r="H364308" s="12"/>
    </row>
    <row r="364309" spans="8:8">
      <c r="H364309" s="12"/>
    </row>
    <row r="364310" spans="8:8">
      <c r="H364310" s="12"/>
    </row>
    <row r="364311" spans="8:8">
      <c r="H364311" s="12"/>
    </row>
    <row r="364312" spans="8:8">
      <c r="H364312" s="12"/>
    </row>
    <row r="364313" spans="8:8">
      <c r="H364313" s="12"/>
    </row>
    <row r="364314" spans="8:8">
      <c r="H364314" s="12"/>
    </row>
    <row r="364315" spans="8:8">
      <c r="H364315" s="12"/>
    </row>
    <row r="364316" spans="8:8">
      <c r="H364316" s="12"/>
    </row>
    <row r="364317" spans="8:8">
      <c r="H364317" s="12"/>
    </row>
    <row r="364318" spans="8:8">
      <c r="H364318" s="12"/>
    </row>
    <row r="364319" spans="8:8">
      <c r="H364319" s="12"/>
    </row>
    <row r="364320" spans="8:8">
      <c r="H364320" s="12"/>
    </row>
    <row r="364321" spans="8:8">
      <c r="H364321" s="12"/>
    </row>
    <row r="364322" spans="8:8">
      <c r="H364322" s="12"/>
    </row>
    <row r="364323" spans="8:8">
      <c r="H364323" s="12"/>
    </row>
    <row r="364324" spans="8:8">
      <c r="H364324" s="12"/>
    </row>
    <row r="364325" spans="8:8">
      <c r="H364325" s="12"/>
    </row>
    <row r="364326" spans="8:8">
      <c r="H364326" s="12"/>
    </row>
    <row r="364327" spans="8:8">
      <c r="H364327" s="12"/>
    </row>
    <row r="364328" spans="8:8">
      <c r="H364328" s="12"/>
    </row>
    <row r="364329" spans="8:8">
      <c r="H364329" s="12"/>
    </row>
    <row r="364330" spans="8:8">
      <c r="H364330" s="12"/>
    </row>
    <row r="364331" spans="8:8">
      <c r="H364331" s="12"/>
    </row>
    <row r="364332" spans="8:8">
      <c r="H364332" s="12"/>
    </row>
    <row r="364333" spans="8:8">
      <c r="H364333" s="12"/>
    </row>
    <row r="364334" spans="8:8">
      <c r="H364334" s="12"/>
    </row>
    <row r="364335" spans="8:8">
      <c r="H364335" s="12"/>
    </row>
    <row r="364336" spans="8:8">
      <c r="H364336" s="12"/>
    </row>
    <row r="364337" spans="8:8">
      <c r="H364337" s="12"/>
    </row>
    <row r="364338" spans="8:8">
      <c r="H364338" s="12"/>
    </row>
    <row r="364339" spans="8:8">
      <c r="H364339" s="12"/>
    </row>
    <row r="364340" spans="8:8">
      <c r="H364340" s="12"/>
    </row>
    <row r="364341" spans="8:8">
      <c r="H364341" s="12"/>
    </row>
    <row r="364342" spans="8:8">
      <c r="H364342" s="12"/>
    </row>
    <row r="364343" spans="8:8">
      <c r="H364343" s="12"/>
    </row>
    <row r="364344" spans="8:8">
      <c r="H364344" s="12"/>
    </row>
    <row r="364345" spans="8:8">
      <c r="H364345" s="12"/>
    </row>
    <row r="364346" spans="8:8">
      <c r="H364346" s="12"/>
    </row>
    <row r="364347" spans="8:8">
      <c r="H364347" s="12"/>
    </row>
    <row r="364348" spans="8:8">
      <c r="H364348" s="12"/>
    </row>
    <row r="364349" spans="8:8">
      <c r="H364349" s="12"/>
    </row>
    <row r="364350" spans="8:8">
      <c r="H364350" s="12"/>
    </row>
    <row r="364351" spans="8:8">
      <c r="H364351" s="12"/>
    </row>
    <row r="364352" spans="8:8">
      <c r="H364352" s="12"/>
    </row>
    <row r="364353" spans="8:8">
      <c r="H364353" s="12"/>
    </row>
    <row r="364354" spans="8:8">
      <c r="H364354" s="12"/>
    </row>
    <row r="364355" spans="8:8">
      <c r="H364355" s="12"/>
    </row>
    <row r="364356" spans="8:8">
      <c r="H364356" s="12"/>
    </row>
    <row r="364357" spans="8:8">
      <c r="H364357" s="12"/>
    </row>
    <row r="364358" spans="8:8">
      <c r="H364358" s="12"/>
    </row>
    <row r="364359" spans="8:8">
      <c r="H364359" s="12"/>
    </row>
    <row r="364360" spans="8:8">
      <c r="H364360" s="12"/>
    </row>
    <row r="364361" spans="8:8">
      <c r="H364361" s="12"/>
    </row>
    <row r="364362" spans="8:8">
      <c r="H364362" s="12"/>
    </row>
    <row r="364363" spans="8:8">
      <c r="H364363" s="12"/>
    </row>
    <row r="364364" spans="8:8">
      <c r="H364364" s="12"/>
    </row>
    <row r="364365" spans="8:8">
      <c r="H364365" s="12"/>
    </row>
    <row r="364366" spans="8:8">
      <c r="H364366" s="12"/>
    </row>
    <row r="364367" spans="8:8">
      <c r="H364367" s="12"/>
    </row>
    <row r="364368" spans="8:8">
      <c r="H364368" s="12"/>
    </row>
    <row r="364369" spans="8:8">
      <c r="H364369" s="12"/>
    </row>
    <row r="364370" spans="8:8">
      <c r="H364370" s="12"/>
    </row>
    <row r="364371" spans="8:8">
      <c r="H364371" s="12"/>
    </row>
    <row r="364372" spans="8:8">
      <c r="H364372" s="12"/>
    </row>
    <row r="364373" spans="8:8">
      <c r="H364373" s="12"/>
    </row>
    <row r="364374" spans="8:8">
      <c r="H364374" s="12"/>
    </row>
    <row r="364375" spans="8:8">
      <c r="H364375" s="12"/>
    </row>
    <row r="364376" spans="8:8">
      <c r="H364376" s="12"/>
    </row>
    <row r="364377" spans="8:8">
      <c r="H364377" s="12"/>
    </row>
    <row r="364378" spans="8:8">
      <c r="H364378" s="12"/>
    </row>
    <row r="364379" spans="8:8">
      <c r="H364379" s="12"/>
    </row>
    <row r="364380" spans="8:8">
      <c r="H364380" s="12"/>
    </row>
    <row r="364381" spans="8:8">
      <c r="H364381" s="12"/>
    </row>
    <row r="364382" spans="8:8">
      <c r="H364382" s="12"/>
    </row>
    <row r="364383" spans="8:8">
      <c r="H364383" s="12"/>
    </row>
    <row r="364384" spans="8:8">
      <c r="H364384" s="12"/>
    </row>
    <row r="364385" spans="8:8">
      <c r="H364385" s="12"/>
    </row>
    <row r="364386" spans="8:8">
      <c r="H364386" s="12"/>
    </row>
    <row r="364387" spans="8:8">
      <c r="H364387" s="12"/>
    </row>
    <row r="364388" spans="8:8">
      <c r="H364388" s="12"/>
    </row>
    <row r="364389" spans="8:8">
      <c r="H364389" s="12"/>
    </row>
    <row r="364390" spans="8:8">
      <c r="H364390" s="12"/>
    </row>
    <row r="364391" spans="8:8">
      <c r="H364391" s="12"/>
    </row>
    <row r="364392" spans="8:8">
      <c r="H364392" s="12"/>
    </row>
    <row r="364393" spans="8:8">
      <c r="H364393" s="12"/>
    </row>
    <row r="364394" spans="8:8">
      <c r="H364394" s="12"/>
    </row>
    <row r="364395" spans="8:8">
      <c r="H364395" s="12"/>
    </row>
    <row r="364396" spans="8:8">
      <c r="H364396" s="12"/>
    </row>
    <row r="364397" spans="8:8">
      <c r="H364397" s="12"/>
    </row>
    <row r="364398" spans="8:8">
      <c r="H364398" s="12"/>
    </row>
    <row r="364399" spans="8:8">
      <c r="H364399" s="12"/>
    </row>
    <row r="364400" spans="8:8">
      <c r="H364400" s="12"/>
    </row>
    <row r="364401" spans="8:8">
      <c r="H364401" s="12"/>
    </row>
    <row r="364402" spans="8:8">
      <c r="H364402" s="12"/>
    </row>
    <row r="364403" spans="8:8">
      <c r="H364403" s="12"/>
    </row>
    <row r="364404" spans="8:8">
      <c r="H364404" s="12"/>
    </row>
    <row r="364405" spans="8:8">
      <c r="H364405" s="12"/>
    </row>
    <row r="364406" spans="8:8">
      <c r="H364406" s="12"/>
    </row>
    <row r="364407" spans="8:8">
      <c r="H364407" s="12"/>
    </row>
    <row r="364408" spans="8:8">
      <c r="H364408" s="12"/>
    </row>
    <row r="364409" spans="8:8">
      <c r="H364409" s="12"/>
    </row>
    <row r="364410" spans="8:8">
      <c r="H364410" s="12"/>
    </row>
    <row r="364411" spans="8:8">
      <c r="H364411" s="12"/>
    </row>
    <row r="364412" spans="8:8">
      <c r="H364412" s="12"/>
    </row>
    <row r="364413" spans="8:8">
      <c r="H364413" s="12"/>
    </row>
    <row r="364414" spans="8:8">
      <c r="H364414" s="12"/>
    </row>
    <row r="364415" spans="8:8">
      <c r="H364415" s="12"/>
    </row>
    <row r="364416" spans="8:8">
      <c r="H364416" s="12"/>
    </row>
    <row r="364417" spans="8:8">
      <c r="H364417" s="12"/>
    </row>
    <row r="364418" spans="8:8">
      <c r="H364418" s="12"/>
    </row>
    <row r="364419" spans="8:8">
      <c r="H364419" s="12"/>
    </row>
    <row r="364420" spans="8:8">
      <c r="H364420" s="12"/>
    </row>
    <row r="364421" spans="8:8">
      <c r="H364421" s="12"/>
    </row>
    <row r="364422" spans="8:8">
      <c r="H364422" s="12"/>
    </row>
    <row r="364423" spans="8:8">
      <c r="H364423" s="12"/>
    </row>
    <row r="364424" spans="8:8">
      <c r="H364424" s="12"/>
    </row>
    <row r="364425" spans="8:8">
      <c r="H364425" s="12"/>
    </row>
    <row r="364426" spans="8:8">
      <c r="H364426" s="12"/>
    </row>
    <row r="364427" spans="8:8">
      <c r="H364427" s="12"/>
    </row>
    <row r="364428" spans="8:8">
      <c r="H364428" s="12"/>
    </row>
    <row r="364429" spans="8:8">
      <c r="H364429" s="12"/>
    </row>
    <row r="364430" spans="8:8">
      <c r="H364430" s="12"/>
    </row>
    <row r="364431" spans="8:8">
      <c r="H364431" s="12"/>
    </row>
    <row r="364432" spans="8:8">
      <c r="H364432" s="12"/>
    </row>
    <row r="364433" spans="8:8">
      <c r="H364433" s="12"/>
    </row>
    <row r="364434" spans="8:8">
      <c r="H364434" s="12"/>
    </row>
    <row r="364435" spans="8:8">
      <c r="H364435" s="12"/>
    </row>
    <row r="364436" spans="8:8">
      <c r="H364436" s="12"/>
    </row>
    <row r="364437" spans="8:8">
      <c r="H364437" s="12"/>
    </row>
    <row r="364438" spans="8:8">
      <c r="H364438" s="12"/>
    </row>
    <row r="364439" spans="8:8">
      <c r="H364439" s="12"/>
    </row>
    <row r="364440" spans="8:8">
      <c r="H364440" s="12"/>
    </row>
    <row r="364441" spans="8:8">
      <c r="H364441" s="12"/>
    </row>
    <row r="364442" spans="8:8">
      <c r="H364442" s="12"/>
    </row>
    <row r="364443" spans="8:8">
      <c r="H364443" s="12"/>
    </row>
    <row r="364444" spans="8:8">
      <c r="H364444" s="12"/>
    </row>
    <row r="364445" spans="8:8">
      <c r="H364445" s="12"/>
    </row>
    <row r="364446" spans="8:8">
      <c r="H364446" s="12"/>
    </row>
    <row r="364447" spans="8:8">
      <c r="H364447" s="12"/>
    </row>
    <row r="364448" spans="8:8">
      <c r="H364448" s="12"/>
    </row>
    <row r="364449" spans="8:8">
      <c r="H364449" s="12"/>
    </row>
    <row r="364450" spans="8:8">
      <c r="H364450" s="12"/>
    </row>
    <row r="364451" spans="8:8">
      <c r="H364451" s="12"/>
    </row>
    <row r="364452" spans="8:8">
      <c r="H364452" s="12"/>
    </row>
    <row r="364453" spans="8:8">
      <c r="H364453" s="12"/>
    </row>
    <row r="364454" spans="8:8">
      <c r="H364454" s="12"/>
    </row>
    <row r="364455" spans="8:8">
      <c r="H364455" s="12"/>
    </row>
    <row r="364456" spans="8:8">
      <c r="H364456" s="12"/>
    </row>
    <row r="364457" spans="8:8">
      <c r="H364457" s="12"/>
    </row>
    <row r="364458" spans="8:8">
      <c r="H364458" s="12"/>
    </row>
    <row r="364459" spans="8:8">
      <c r="H364459" s="12"/>
    </row>
    <row r="364460" spans="8:8">
      <c r="H364460" s="12"/>
    </row>
    <row r="364461" spans="8:8">
      <c r="H364461" s="12"/>
    </row>
    <row r="364462" spans="8:8">
      <c r="H364462" s="12"/>
    </row>
    <row r="364463" spans="8:8">
      <c r="H364463" s="12"/>
    </row>
    <row r="364464" spans="8:8">
      <c r="H364464" s="12"/>
    </row>
    <row r="364465" spans="8:8">
      <c r="H364465" s="12"/>
    </row>
    <row r="364466" spans="8:8">
      <c r="H364466" s="12"/>
    </row>
    <row r="364467" spans="8:8">
      <c r="H364467" s="12"/>
    </row>
    <row r="364468" spans="8:8">
      <c r="H364468" s="12"/>
    </row>
    <row r="364469" spans="8:8">
      <c r="H364469" s="12"/>
    </row>
    <row r="364470" spans="8:8">
      <c r="H364470" s="12"/>
    </row>
    <row r="364471" spans="8:8">
      <c r="H364471" s="12"/>
    </row>
    <row r="364472" spans="8:8">
      <c r="H364472" s="12"/>
    </row>
    <row r="364473" spans="8:8">
      <c r="H364473" s="12"/>
    </row>
    <row r="364474" spans="8:8">
      <c r="H364474" s="12"/>
    </row>
    <row r="364475" spans="8:8">
      <c r="H364475" s="12"/>
    </row>
    <row r="364476" spans="8:8">
      <c r="H364476" s="12"/>
    </row>
    <row r="364477" spans="8:8">
      <c r="H364477" s="12"/>
    </row>
    <row r="364478" spans="8:8">
      <c r="H364478" s="12"/>
    </row>
    <row r="364479" spans="8:8">
      <c r="H364479" s="12"/>
    </row>
    <row r="364480" spans="8:8">
      <c r="H364480" s="12"/>
    </row>
    <row r="364481" spans="8:8">
      <c r="H364481" s="12"/>
    </row>
    <row r="364482" spans="8:8">
      <c r="H364482" s="12"/>
    </row>
    <row r="364483" spans="8:8">
      <c r="H364483" s="12"/>
    </row>
    <row r="364484" spans="8:8">
      <c r="H364484" s="12"/>
    </row>
    <row r="364485" spans="8:8">
      <c r="H364485" s="12"/>
    </row>
    <row r="364486" spans="8:8">
      <c r="H364486" s="12"/>
    </row>
    <row r="364487" spans="8:8">
      <c r="H364487" s="12"/>
    </row>
    <row r="364488" spans="8:8">
      <c r="H364488" s="12"/>
    </row>
    <row r="364489" spans="8:8">
      <c r="H364489" s="12"/>
    </row>
    <row r="364490" spans="8:8">
      <c r="H364490" s="12"/>
    </row>
    <row r="364491" spans="8:8">
      <c r="H364491" s="12"/>
    </row>
    <row r="364492" spans="8:8">
      <c r="H364492" s="12"/>
    </row>
    <row r="364493" spans="8:8">
      <c r="H364493" s="12"/>
    </row>
    <row r="364494" spans="8:8">
      <c r="H364494" s="12"/>
    </row>
    <row r="364495" spans="8:8">
      <c r="H364495" s="12"/>
    </row>
    <row r="364496" spans="8:8">
      <c r="H364496" s="12"/>
    </row>
    <row r="364497" spans="8:8">
      <c r="H364497" s="12"/>
    </row>
    <row r="364498" spans="8:8">
      <c r="H364498" s="12"/>
    </row>
    <row r="364499" spans="8:8">
      <c r="H364499" s="12"/>
    </row>
    <row r="364500" spans="8:8">
      <c r="H364500" s="12"/>
    </row>
    <row r="364501" spans="8:8">
      <c r="H364501" s="12"/>
    </row>
    <row r="364502" spans="8:8">
      <c r="H364502" s="12"/>
    </row>
    <row r="364503" spans="8:8">
      <c r="H364503" s="12"/>
    </row>
    <row r="364504" spans="8:8">
      <c r="H364504" s="12"/>
    </row>
    <row r="364505" spans="8:8">
      <c r="H364505" s="12"/>
    </row>
    <row r="364506" spans="8:8">
      <c r="H364506" s="12"/>
    </row>
    <row r="364507" spans="8:8">
      <c r="H364507" s="12"/>
    </row>
    <row r="364508" spans="8:8">
      <c r="H364508" s="12"/>
    </row>
    <row r="364509" spans="8:8">
      <c r="H364509" s="12"/>
    </row>
    <row r="364510" spans="8:8">
      <c r="H364510" s="12"/>
    </row>
    <row r="364511" spans="8:8">
      <c r="H364511" s="12"/>
    </row>
    <row r="364512" spans="8:8">
      <c r="H364512" s="12"/>
    </row>
    <row r="364513" spans="8:8">
      <c r="H364513" s="12"/>
    </row>
    <row r="364514" spans="8:8">
      <c r="H364514" s="12"/>
    </row>
    <row r="364515" spans="8:8">
      <c r="H364515" s="12"/>
    </row>
    <row r="364516" spans="8:8">
      <c r="H364516" s="12"/>
    </row>
    <row r="364517" spans="8:8">
      <c r="H364517" s="12"/>
    </row>
    <row r="364518" spans="8:8">
      <c r="H364518" s="12"/>
    </row>
    <row r="364519" spans="8:8">
      <c r="H364519" s="12"/>
    </row>
    <row r="364520" spans="8:8">
      <c r="H364520" s="12"/>
    </row>
    <row r="364521" spans="8:8">
      <c r="H364521" s="12"/>
    </row>
    <row r="364522" spans="8:8">
      <c r="H364522" s="12"/>
    </row>
    <row r="364523" spans="8:8">
      <c r="H364523" s="12"/>
    </row>
    <row r="364524" spans="8:8">
      <c r="H364524" s="12"/>
    </row>
    <row r="364525" spans="8:8">
      <c r="H364525" s="12"/>
    </row>
    <row r="364526" spans="8:8">
      <c r="H364526" s="12"/>
    </row>
    <row r="364527" spans="8:8">
      <c r="H364527" s="12"/>
    </row>
    <row r="364528" spans="8:8">
      <c r="H364528" s="12"/>
    </row>
    <row r="364529" spans="8:8">
      <c r="H364529" s="12"/>
    </row>
    <row r="364530" spans="8:8">
      <c r="H364530" s="12"/>
    </row>
    <row r="364531" spans="8:8">
      <c r="H364531" s="12"/>
    </row>
    <row r="364532" spans="8:8">
      <c r="H364532" s="12"/>
    </row>
    <row r="364533" spans="8:8">
      <c r="H364533" s="12"/>
    </row>
    <row r="364534" spans="8:8">
      <c r="H364534" s="12"/>
    </row>
    <row r="364535" spans="8:8">
      <c r="H364535" s="12"/>
    </row>
    <row r="364536" spans="8:8">
      <c r="H364536" s="12"/>
    </row>
    <row r="364537" spans="8:8">
      <c r="H364537" s="12"/>
    </row>
    <row r="364538" spans="8:8">
      <c r="H364538" s="12"/>
    </row>
    <row r="364539" spans="8:8">
      <c r="H364539" s="12"/>
    </row>
    <row r="364540" spans="8:8">
      <c r="H364540" s="12"/>
    </row>
    <row r="364541" spans="8:8">
      <c r="H364541" s="12"/>
    </row>
    <row r="364542" spans="8:8">
      <c r="H364542" s="12"/>
    </row>
    <row r="364543" spans="8:8">
      <c r="H364543" s="12"/>
    </row>
    <row r="364544" spans="8:8">
      <c r="H364544" s="12"/>
    </row>
    <row r="364545" spans="8:8">
      <c r="H364545" s="12"/>
    </row>
    <row r="364546" spans="8:8">
      <c r="H364546" s="12"/>
    </row>
    <row r="364547" spans="8:8">
      <c r="H364547" s="12"/>
    </row>
    <row r="364548" spans="8:8">
      <c r="H364548" s="12"/>
    </row>
    <row r="364549" spans="8:8">
      <c r="H364549" s="12"/>
    </row>
    <row r="364550" spans="8:8">
      <c r="H364550" s="12"/>
    </row>
    <row r="364551" spans="8:8">
      <c r="H364551" s="12"/>
    </row>
    <row r="364552" spans="8:8">
      <c r="H364552" s="12"/>
    </row>
    <row r="364553" spans="8:8">
      <c r="H364553" s="12"/>
    </row>
    <row r="364554" spans="8:8">
      <c r="H364554" s="12"/>
    </row>
    <row r="364555" spans="8:8">
      <c r="H364555" s="12"/>
    </row>
    <row r="364556" spans="8:8">
      <c r="H364556" s="12"/>
    </row>
    <row r="364557" spans="8:8">
      <c r="H364557" s="12"/>
    </row>
    <row r="364558" spans="8:8">
      <c r="H364558" s="12"/>
    </row>
    <row r="364559" spans="8:8">
      <c r="H364559" s="12"/>
    </row>
    <row r="364560" spans="8:8">
      <c r="H364560" s="12"/>
    </row>
    <row r="364561" spans="8:8">
      <c r="H364561" s="12"/>
    </row>
    <row r="364562" spans="8:8">
      <c r="H364562" s="12"/>
    </row>
    <row r="364563" spans="8:8">
      <c r="H364563" s="12"/>
    </row>
    <row r="364564" spans="8:8">
      <c r="H364564" s="12"/>
    </row>
    <row r="364565" spans="8:8">
      <c r="H364565" s="12"/>
    </row>
    <row r="364566" spans="8:8">
      <c r="H364566" s="12"/>
    </row>
    <row r="364567" spans="8:8">
      <c r="H364567" s="12"/>
    </row>
    <row r="364568" spans="8:8">
      <c r="H364568" s="12"/>
    </row>
    <row r="364569" spans="8:8">
      <c r="H364569" s="12"/>
    </row>
    <row r="364570" spans="8:8">
      <c r="H364570" s="12"/>
    </row>
    <row r="364571" spans="8:8">
      <c r="H364571" s="12"/>
    </row>
    <row r="364572" spans="8:8">
      <c r="H364572" s="12"/>
    </row>
    <row r="364573" spans="8:8">
      <c r="H364573" s="12"/>
    </row>
    <row r="364574" spans="8:8">
      <c r="H364574" s="12"/>
    </row>
    <row r="364575" spans="8:8">
      <c r="H364575" s="12"/>
    </row>
    <row r="364576" spans="8:8">
      <c r="H364576" s="12"/>
    </row>
    <row r="364577" spans="8:8">
      <c r="H364577" s="12"/>
    </row>
    <row r="364578" spans="8:8">
      <c r="H364578" s="12"/>
    </row>
    <row r="364579" spans="8:8">
      <c r="H364579" s="12"/>
    </row>
    <row r="364580" spans="8:8">
      <c r="H364580" s="12"/>
    </row>
    <row r="364581" spans="8:8">
      <c r="H364581" s="12"/>
    </row>
    <row r="364582" spans="8:8">
      <c r="H364582" s="12"/>
    </row>
    <row r="364583" spans="8:8">
      <c r="H364583" s="12"/>
    </row>
    <row r="364584" spans="8:8">
      <c r="H364584" s="12"/>
    </row>
    <row r="364585" spans="8:8">
      <c r="H364585" s="12"/>
    </row>
    <row r="364586" spans="8:8">
      <c r="H364586" s="12"/>
    </row>
    <row r="364587" spans="8:8">
      <c r="H364587" s="12"/>
    </row>
    <row r="364588" spans="8:8">
      <c r="H364588" s="12"/>
    </row>
    <row r="364589" spans="8:8">
      <c r="H364589" s="12"/>
    </row>
    <row r="364590" spans="8:8">
      <c r="H364590" s="12"/>
    </row>
    <row r="364591" spans="8:8">
      <c r="H364591" s="12"/>
    </row>
    <row r="364592" spans="8:8">
      <c r="H364592" s="12"/>
    </row>
    <row r="364593" spans="8:8">
      <c r="H364593" s="12"/>
    </row>
    <row r="364594" spans="8:8">
      <c r="H364594" s="12"/>
    </row>
    <row r="364595" spans="8:8">
      <c r="H364595" s="12"/>
    </row>
    <row r="364596" spans="8:8">
      <c r="H364596" s="12"/>
    </row>
    <row r="364597" spans="8:8">
      <c r="H364597" s="12"/>
    </row>
    <row r="364598" spans="8:8">
      <c r="H364598" s="12"/>
    </row>
    <row r="364599" spans="8:8">
      <c r="H364599" s="12"/>
    </row>
    <row r="364600" spans="8:8">
      <c r="H364600" s="12"/>
    </row>
    <row r="364601" spans="8:8">
      <c r="H364601" s="12"/>
    </row>
    <row r="364602" spans="8:8">
      <c r="H364602" s="12"/>
    </row>
    <row r="364603" spans="8:8">
      <c r="H364603" s="12"/>
    </row>
    <row r="364604" spans="8:8">
      <c r="H364604" s="12"/>
    </row>
    <row r="364605" spans="8:8">
      <c r="H364605" s="12"/>
    </row>
    <row r="364606" spans="8:8">
      <c r="H364606" s="12"/>
    </row>
    <row r="364607" spans="8:8">
      <c r="H364607" s="12"/>
    </row>
    <row r="364608" spans="8:8">
      <c r="H364608" s="12"/>
    </row>
    <row r="364609" spans="8:8">
      <c r="H364609" s="12"/>
    </row>
    <row r="364610" spans="8:8">
      <c r="H364610" s="12"/>
    </row>
    <row r="364611" spans="8:8">
      <c r="H364611" s="12"/>
    </row>
    <row r="364612" spans="8:8">
      <c r="H364612" s="12"/>
    </row>
    <row r="364613" spans="8:8">
      <c r="H364613" s="12"/>
    </row>
    <row r="364614" spans="8:8">
      <c r="H364614" s="12"/>
    </row>
    <row r="364615" spans="8:8">
      <c r="H364615" s="12"/>
    </row>
    <row r="364616" spans="8:8">
      <c r="H364616" s="12"/>
    </row>
    <row r="364617" spans="8:8">
      <c r="H364617" s="12"/>
    </row>
    <row r="364618" spans="8:8">
      <c r="H364618" s="12"/>
    </row>
    <row r="364619" spans="8:8">
      <c r="H364619" s="12"/>
    </row>
    <row r="364620" spans="8:8">
      <c r="H364620" s="12"/>
    </row>
    <row r="364621" spans="8:8">
      <c r="H364621" s="12"/>
    </row>
    <row r="364622" spans="8:8">
      <c r="H364622" s="12"/>
    </row>
    <row r="364623" spans="8:8">
      <c r="H364623" s="12"/>
    </row>
    <row r="364624" spans="8:8">
      <c r="H364624" s="12"/>
    </row>
    <row r="364625" spans="8:8">
      <c r="H364625" s="12"/>
    </row>
    <row r="364626" spans="8:8">
      <c r="H364626" s="12"/>
    </row>
    <row r="364627" spans="8:8">
      <c r="H364627" s="12"/>
    </row>
    <row r="364628" spans="8:8">
      <c r="H364628" s="12"/>
    </row>
    <row r="364629" spans="8:8">
      <c r="H364629" s="12"/>
    </row>
    <row r="364630" spans="8:8">
      <c r="H364630" s="12"/>
    </row>
    <row r="364631" spans="8:8">
      <c r="H364631" s="12"/>
    </row>
    <row r="364632" spans="8:8">
      <c r="H364632" s="12"/>
    </row>
    <row r="364633" spans="8:8">
      <c r="H364633" s="12"/>
    </row>
    <row r="364634" spans="8:8">
      <c r="H364634" s="12"/>
    </row>
    <row r="364635" spans="8:8">
      <c r="H364635" s="12"/>
    </row>
    <row r="364636" spans="8:8">
      <c r="H364636" s="12"/>
    </row>
    <row r="364637" spans="8:8">
      <c r="H364637" s="12"/>
    </row>
    <row r="364638" spans="8:8">
      <c r="H364638" s="12"/>
    </row>
    <row r="364639" spans="8:8">
      <c r="H364639" s="12"/>
    </row>
    <row r="364640" spans="8:8">
      <c r="H364640" s="12"/>
    </row>
    <row r="364641" spans="8:8">
      <c r="H364641" s="12"/>
    </row>
    <row r="364642" spans="8:8">
      <c r="H364642" s="12"/>
    </row>
    <row r="364643" spans="8:8">
      <c r="H364643" s="12"/>
    </row>
    <row r="364644" spans="8:8">
      <c r="H364644" s="12"/>
    </row>
    <row r="364645" spans="8:8">
      <c r="H364645" s="12"/>
    </row>
    <row r="364646" spans="8:8">
      <c r="H364646" s="12"/>
    </row>
    <row r="364647" spans="8:8">
      <c r="H364647" s="12"/>
    </row>
    <row r="364648" spans="8:8">
      <c r="H364648" s="12"/>
    </row>
    <row r="364649" spans="8:8">
      <c r="H364649" s="12"/>
    </row>
    <row r="364650" spans="8:8">
      <c r="H364650" s="12"/>
    </row>
    <row r="364651" spans="8:8">
      <c r="H364651" s="12"/>
    </row>
    <row r="364652" spans="8:8">
      <c r="H364652" s="12"/>
    </row>
    <row r="364653" spans="8:8">
      <c r="H364653" s="12"/>
    </row>
    <row r="364654" spans="8:8">
      <c r="H364654" s="12"/>
    </row>
    <row r="364655" spans="8:8">
      <c r="H364655" s="12"/>
    </row>
    <row r="364656" spans="8:8">
      <c r="H364656" s="12"/>
    </row>
    <row r="364657" spans="8:8">
      <c r="H364657" s="12"/>
    </row>
    <row r="364658" spans="8:8">
      <c r="H364658" s="12"/>
    </row>
    <row r="364659" spans="8:8">
      <c r="H364659" s="12"/>
    </row>
    <row r="364660" spans="8:8">
      <c r="H364660" s="12"/>
    </row>
    <row r="364661" spans="8:8">
      <c r="H364661" s="12"/>
    </row>
    <row r="364662" spans="8:8">
      <c r="H364662" s="12"/>
    </row>
    <row r="364663" spans="8:8">
      <c r="H364663" s="12"/>
    </row>
    <row r="364664" spans="8:8">
      <c r="H364664" s="12"/>
    </row>
    <row r="364665" spans="8:8">
      <c r="H364665" s="12"/>
    </row>
    <row r="364666" spans="8:8">
      <c r="H364666" s="12"/>
    </row>
    <row r="364667" spans="8:8">
      <c r="H364667" s="12"/>
    </row>
    <row r="364668" spans="8:8">
      <c r="H364668" s="12"/>
    </row>
    <row r="364669" spans="8:8">
      <c r="H364669" s="12"/>
    </row>
    <row r="364670" spans="8:8">
      <c r="H364670" s="12"/>
    </row>
    <row r="364671" spans="8:8">
      <c r="H364671" s="12"/>
    </row>
    <row r="364672" spans="8:8">
      <c r="H364672" s="12"/>
    </row>
    <row r="364673" spans="8:8">
      <c r="H364673" s="12"/>
    </row>
    <row r="364674" spans="8:8">
      <c r="H364674" s="12"/>
    </row>
    <row r="364675" spans="8:8">
      <c r="H364675" s="12"/>
    </row>
    <row r="364676" spans="8:8">
      <c r="H364676" s="12"/>
    </row>
    <row r="364677" spans="8:8">
      <c r="H364677" s="12"/>
    </row>
    <row r="364678" spans="8:8">
      <c r="H364678" s="12"/>
    </row>
    <row r="364679" spans="8:8">
      <c r="H364679" s="12"/>
    </row>
    <row r="364680" spans="8:8">
      <c r="H364680" s="12"/>
    </row>
    <row r="364681" spans="8:8">
      <c r="H364681" s="12"/>
    </row>
    <row r="364682" spans="8:8">
      <c r="H364682" s="12"/>
    </row>
    <row r="364683" spans="8:8">
      <c r="H364683" s="12"/>
    </row>
    <row r="364684" spans="8:8">
      <c r="H364684" s="12"/>
    </row>
    <row r="364685" spans="8:8">
      <c r="H364685" s="12"/>
    </row>
    <row r="364686" spans="8:8">
      <c r="H364686" s="12"/>
    </row>
    <row r="364687" spans="8:8">
      <c r="H364687" s="12"/>
    </row>
    <row r="364688" spans="8:8">
      <c r="H364688" s="12"/>
    </row>
    <row r="364689" spans="8:8">
      <c r="H364689" s="12"/>
    </row>
    <row r="364690" spans="8:8">
      <c r="H364690" s="12"/>
    </row>
    <row r="364691" spans="8:8">
      <c r="H364691" s="12"/>
    </row>
    <row r="364692" spans="8:8">
      <c r="H364692" s="12"/>
    </row>
    <row r="364693" spans="8:8">
      <c r="H364693" s="12"/>
    </row>
    <row r="364694" spans="8:8">
      <c r="H364694" s="12"/>
    </row>
    <row r="364695" spans="8:8">
      <c r="H364695" s="12"/>
    </row>
    <row r="364696" spans="8:8">
      <c r="H364696" s="12"/>
    </row>
    <row r="364697" spans="8:8">
      <c r="H364697" s="12"/>
    </row>
    <row r="364698" spans="8:8">
      <c r="H364698" s="12"/>
    </row>
    <row r="364699" spans="8:8">
      <c r="H364699" s="12"/>
    </row>
    <row r="364700" spans="8:8">
      <c r="H364700" s="12"/>
    </row>
    <row r="364701" spans="8:8">
      <c r="H364701" s="12"/>
    </row>
    <row r="364702" spans="8:8">
      <c r="H364702" s="12"/>
    </row>
    <row r="364703" spans="8:8">
      <c r="H364703" s="12"/>
    </row>
    <row r="364704" spans="8:8">
      <c r="H364704" s="12"/>
    </row>
    <row r="364705" spans="8:8">
      <c r="H364705" s="12"/>
    </row>
    <row r="364706" spans="8:8">
      <c r="H364706" s="12"/>
    </row>
    <row r="364707" spans="8:8">
      <c r="H364707" s="12"/>
    </row>
    <row r="364708" spans="8:8">
      <c r="H364708" s="12"/>
    </row>
    <row r="364709" spans="8:8">
      <c r="H364709" s="12"/>
    </row>
    <row r="364710" spans="8:8">
      <c r="H364710" s="12"/>
    </row>
    <row r="364711" spans="8:8">
      <c r="H364711" s="12"/>
    </row>
    <row r="364712" spans="8:8">
      <c r="H364712" s="12"/>
    </row>
    <row r="364713" spans="8:8">
      <c r="H364713" s="12"/>
    </row>
    <row r="364714" spans="8:8">
      <c r="H364714" s="12"/>
    </row>
    <row r="364715" spans="8:8">
      <c r="H364715" s="12"/>
    </row>
    <row r="364716" spans="8:8">
      <c r="H364716" s="12"/>
    </row>
    <row r="364717" spans="8:8">
      <c r="H364717" s="12"/>
    </row>
    <row r="364718" spans="8:8">
      <c r="H364718" s="12"/>
    </row>
    <row r="364719" spans="8:8">
      <c r="H364719" s="12"/>
    </row>
    <row r="364720" spans="8:8">
      <c r="H364720" s="12"/>
    </row>
    <row r="364721" spans="8:8">
      <c r="H364721" s="12"/>
    </row>
    <row r="364722" spans="8:8">
      <c r="H364722" s="12"/>
    </row>
    <row r="364723" spans="8:8">
      <c r="H364723" s="12"/>
    </row>
    <row r="364724" spans="8:8">
      <c r="H364724" s="12"/>
    </row>
    <row r="364725" spans="8:8">
      <c r="H364725" s="12"/>
    </row>
    <row r="364726" spans="8:8">
      <c r="H364726" s="12"/>
    </row>
    <row r="364727" spans="8:8">
      <c r="H364727" s="12"/>
    </row>
    <row r="364728" spans="8:8">
      <c r="H364728" s="12"/>
    </row>
    <row r="364729" spans="8:8">
      <c r="H364729" s="12"/>
    </row>
    <row r="364730" spans="8:8">
      <c r="H364730" s="12"/>
    </row>
    <row r="364731" spans="8:8">
      <c r="H364731" s="12"/>
    </row>
    <row r="364732" spans="8:8">
      <c r="H364732" s="12"/>
    </row>
    <row r="364733" spans="8:8">
      <c r="H364733" s="12"/>
    </row>
    <row r="364734" spans="8:8">
      <c r="H364734" s="12"/>
    </row>
    <row r="364735" spans="8:8">
      <c r="H364735" s="12"/>
    </row>
    <row r="364736" spans="8:8">
      <c r="H364736" s="12"/>
    </row>
    <row r="364737" spans="8:8">
      <c r="H364737" s="12"/>
    </row>
    <row r="364738" spans="8:8">
      <c r="H364738" s="12"/>
    </row>
    <row r="364739" spans="8:8">
      <c r="H364739" s="12"/>
    </row>
    <row r="364740" spans="8:8">
      <c r="H364740" s="12"/>
    </row>
    <row r="364741" spans="8:8">
      <c r="H364741" s="12"/>
    </row>
    <row r="364742" spans="8:8">
      <c r="H364742" s="12"/>
    </row>
    <row r="364743" spans="8:8">
      <c r="H364743" s="12"/>
    </row>
    <row r="364744" spans="8:8">
      <c r="H364744" s="12"/>
    </row>
    <row r="364745" spans="8:8">
      <c r="H364745" s="12"/>
    </row>
    <row r="364746" spans="8:8">
      <c r="H364746" s="12"/>
    </row>
    <row r="364747" spans="8:8">
      <c r="H364747" s="12"/>
    </row>
    <row r="364748" spans="8:8">
      <c r="H364748" s="12"/>
    </row>
    <row r="364749" spans="8:8">
      <c r="H364749" s="12"/>
    </row>
    <row r="364750" spans="8:8">
      <c r="H364750" s="12"/>
    </row>
    <row r="364751" spans="8:8">
      <c r="H364751" s="12"/>
    </row>
    <row r="364752" spans="8:8">
      <c r="H364752" s="12"/>
    </row>
    <row r="364753" spans="8:8">
      <c r="H364753" s="12"/>
    </row>
    <row r="364754" spans="8:8">
      <c r="H364754" s="12"/>
    </row>
    <row r="364755" spans="8:8">
      <c r="H364755" s="12"/>
    </row>
    <row r="364756" spans="8:8">
      <c r="H364756" s="12"/>
    </row>
    <row r="364757" spans="8:8">
      <c r="H364757" s="12"/>
    </row>
    <row r="364758" spans="8:8">
      <c r="H364758" s="12"/>
    </row>
    <row r="364759" spans="8:8">
      <c r="H364759" s="12"/>
    </row>
    <row r="364760" spans="8:8">
      <c r="H364760" s="12"/>
    </row>
    <row r="364761" spans="8:8">
      <c r="H364761" s="12"/>
    </row>
    <row r="364762" spans="8:8">
      <c r="H364762" s="12"/>
    </row>
    <row r="364763" spans="8:8">
      <c r="H364763" s="12"/>
    </row>
    <row r="364764" spans="8:8">
      <c r="H364764" s="12"/>
    </row>
    <row r="364765" spans="8:8">
      <c r="H364765" s="12"/>
    </row>
    <row r="364766" spans="8:8">
      <c r="H364766" s="12"/>
    </row>
    <row r="364767" spans="8:8">
      <c r="H364767" s="12"/>
    </row>
    <row r="364768" spans="8:8">
      <c r="H364768" s="12"/>
    </row>
    <row r="364769" spans="8:8">
      <c r="H364769" s="12"/>
    </row>
    <row r="364770" spans="8:8">
      <c r="H364770" s="12"/>
    </row>
    <row r="364771" spans="8:8">
      <c r="H364771" s="12"/>
    </row>
    <row r="364772" spans="8:8">
      <c r="H364772" s="12"/>
    </row>
    <row r="364773" spans="8:8">
      <c r="H364773" s="12"/>
    </row>
    <row r="364774" spans="8:8">
      <c r="H364774" s="12"/>
    </row>
    <row r="364775" spans="8:8">
      <c r="H364775" s="12"/>
    </row>
    <row r="364776" spans="8:8">
      <c r="H364776" s="12"/>
    </row>
    <row r="364777" spans="8:8">
      <c r="H364777" s="12"/>
    </row>
    <row r="364778" spans="8:8">
      <c r="H364778" s="12"/>
    </row>
    <row r="364779" spans="8:8">
      <c r="H364779" s="12"/>
    </row>
    <row r="364780" spans="8:8">
      <c r="H364780" s="12"/>
    </row>
    <row r="364781" spans="8:8">
      <c r="H364781" s="12"/>
    </row>
    <row r="364782" spans="8:8">
      <c r="H364782" s="12"/>
    </row>
    <row r="364783" spans="8:8">
      <c r="H364783" s="12"/>
    </row>
    <row r="364784" spans="8:8">
      <c r="H364784" s="12"/>
    </row>
    <row r="364785" spans="8:8">
      <c r="H364785" s="12"/>
    </row>
    <row r="364786" spans="8:8">
      <c r="H364786" s="12"/>
    </row>
    <row r="364787" spans="8:8">
      <c r="H364787" s="12"/>
    </row>
    <row r="364788" spans="8:8">
      <c r="H364788" s="12"/>
    </row>
    <row r="364789" spans="8:8">
      <c r="H364789" s="12"/>
    </row>
    <row r="364790" spans="8:8">
      <c r="H364790" s="12"/>
    </row>
    <row r="364791" spans="8:8">
      <c r="H364791" s="12"/>
    </row>
    <row r="364792" spans="8:8">
      <c r="H364792" s="12"/>
    </row>
    <row r="364793" spans="8:8">
      <c r="H364793" s="12"/>
    </row>
    <row r="364794" spans="8:8">
      <c r="H364794" s="12"/>
    </row>
    <row r="364795" spans="8:8">
      <c r="H364795" s="12"/>
    </row>
    <row r="364796" spans="8:8">
      <c r="H364796" s="12"/>
    </row>
    <row r="364797" spans="8:8">
      <c r="H364797" s="12"/>
    </row>
    <row r="364798" spans="8:8">
      <c r="H364798" s="12"/>
    </row>
    <row r="364799" spans="8:8">
      <c r="H364799" s="12"/>
    </row>
    <row r="364800" spans="8:8">
      <c r="H364800" s="12"/>
    </row>
    <row r="364801" spans="8:8">
      <c r="H364801" s="12"/>
    </row>
    <row r="364802" spans="8:8">
      <c r="H364802" s="12"/>
    </row>
    <row r="364803" spans="8:8">
      <c r="H364803" s="12"/>
    </row>
    <row r="364804" spans="8:8">
      <c r="H364804" s="12"/>
    </row>
    <row r="364805" spans="8:8">
      <c r="H364805" s="12"/>
    </row>
    <row r="364806" spans="8:8">
      <c r="H364806" s="12"/>
    </row>
    <row r="364807" spans="8:8">
      <c r="H364807" s="12"/>
    </row>
    <row r="364808" spans="8:8">
      <c r="H364808" s="12"/>
    </row>
    <row r="364809" spans="8:8">
      <c r="H364809" s="12"/>
    </row>
    <row r="364810" spans="8:8">
      <c r="H364810" s="12"/>
    </row>
    <row r="364811" spans="8:8">
      <c r="H364811" s="12"/>
    </row>
    <row r="364812" spans="8:8">
      <c r="H364812" s="12"/>
    </row>
    <row r="364813" spans="8:8">
      <c r="H364813" s="12"/>
    </row>
    <row r="364814" spans="8:8">
      <c r="H364814" s="12"/>
    </row>
    <row r="364815" spans="8:8">
      <c r="H364815" s="12"/>
    </row>
    <row r="364816" spans="8:8">
      <c r="H364816" s="12"/>
    </row>
    <row r="364817" spans="8:8">
      <c r="H364817" s="12"/>
    </row>
    <row r="364818" spans="8:8">
      <c r="H364818" s="12"/>
    </row>
    <row r="364819" spans="8:8">
      <c r="H364819" s="12"/>
    </row>
    <row r="364820" spans="8:8">
      <c r="H364820" s="12"/>
    </row>
    <row r="364821" spans="8:8">
      <c r="H364821" s="12"/>
    </row>
    <row r="364822" spans="8:8">
      <c r="H364822" s="12"/>
    </row>
    <row r="364823" spans="8:8">
      <c r="H364823" s="12"/>
    </row>
    <row r="364824" spans="8:8">
      <c r="H364824" s="12"/>
    </row>
    <row r="364825" spans="8:8">
      <c r="H364825" s="12"/>
    </row>
    <row r="364826" spans="8:8">
      <c r="H364826" s="12"/>
    </row>
    <row r="364827" spans="8:8">
      <c r="H364827" s="12"/>
    </row>
    <row r="364828" spans="8:8">
      <c r="H364828" s="12"/>
    </row>
    <row r="364829" spans="8:8">
      <c r="H364829" s="12"/>
    </row>
    <row r="364830" spans="8:8">
      <c r="H364830" s="12"/>
    </row>
    <row r="364831" spans="8:8">
      <c r="H364831" s="12"/>
    </row>
    <row r="364832" spans="8:8">
      <c r="H364832" s="12"/>
    </row>
    <row r="364833" spans="8:8">
      <c r="H364833" s="12"/>
    </row>
    <row r="364834" spans="8:8">
      <c r="H364834" s="12"/>
    </row>
    <row r="364835" spans="8:8">
      <c r="H364835" s="12"/>
    </row>
    <row r="364836" spans="8:8">
      <c r="H364836" s="12"/>
    </row>
    <row r="364837" spans="8:8">
      <c r="H364837" s="12"/>
    </row>
    <row r="364838" spans="8:8">
      <c r="H364838" s="12"/>
    </row>
    <row r="364839" spans="8:8">
      <c r="H364839" s="12"/>
    </row>
    <row r="364840" spans="8:8">
      <c r="H364840" s="12"/>
    </row>
    <row r="364841" spans="8:8">
      <c r="H364841" s="12"/>
    </row>
    <row r="364842" spans="8:8">
      <c r="H364842" s="12"/>
    </row>
    <row r="364843" spans="8:8">
      <c r="H364843" s="12"/>
    </row>
    <row r="364844" spans="8:8">
      <c r="H364844" s="12"/>
    </row>
    <row r="364845" spans="8:8">
      <c r="H364845" s="12"/>
    </row>
    <row r="364846" spans="8:8">
      <c r="H364846" s="12"/>
    </row>
    <row r="364847" spans="8:8">
      <c r="H364847" s="12"/>
    </row>
    <row r="364848" spans="8:8">
      <c r="H364848" s="12"/>
    </row>
    <row r="364849" spans="8:8">
      <c r="H364849" s="12"/>
    </row>
    <row r="364850" spans="8:8">
      <c r="H364850" s="12"/>
    </row>
    <row r="364851" spans="8:8">
      <c r="H364851" s="12"/>
    </row>
    <row r="364852" spans="8:8">
      <c r="H364852" s="12"/>
    </row>
    <row r="364853" spans="8:8">
      <c r="H364853" s="12"/>
    </row>
    <row r="364854" spans="8:8">
      <c r="H364854" s="12"/>
    </row>
    <row r="364855" spans="8:8">
      <c r="H364855" s="12"/>
    </row>
    <row r="364856" spans="8:8">
      <c r="H364856" s="12"/>
    </row>
    <row r="364857" spans="8:8">
      <c r="H364857" s="12"/>
    </row>
    <row r="364858" spans="8:8">
      <c r="H364858" s="12"/>
    </row>
    <row r="364859" spans="8:8">
      <c r="H364859" s="12"/>
    </row>
    <row r="364860" spans="8:8">
      <c r="H364860" s="12"/>
    </row>
    <row r="364861" spans="8:8">
      <c r="H364861" s="12"/>
    </row>
    <row r="364862" spans="8:8">
      <c r="H364862" s="12"/>
    </row>
    <row r="364863" spans="8:8">
      <c r="H364863" s="12"/>
    </row>
    <row r="364864" spans="8:8">
      <c r="H364864" s="12"/>
    </row>
    <row r="364865" spans="8:8">
      <c r="H364865" s="12"/>
    </row>
    <row r="364866" spans="8:8">
      <c r="H364866" s="12"/>
    </row>
    <row r="364867" spans="8:8">
      <c r="H364867" s="12"/>
    </row>
    <row r="364868" spans="8:8">
      <c r="H364868" s="12"/>
    </row>
    <row r="364869" spans="8:8">
      <c r="H364869" s="12"/>
    </row>
    <row r="364870" spans="8:8">
      <c r="H364870" s="12"/>
    </row>
    <row r="364871" spans="8:8">
      <c r="H364871" s="12"/>
    </row>
    <row r="364872" spans="8:8">
      <c r="H364872" s="12"/>
    </row>
    <row r="364873" spans="8:8">
      <c r="H364873" s="12"/>
    </row>
    <row r="364874" spans="8:8">
      <c r="H364874" s="12"/>
    </row>
    <row r="364875" spans="8:8">
      <c r="H364875" s="12"/>
    </row>
    <row r="364876" spans="8:8">
      <c r="H364876" s="12"/>
    </row>
    <row r="364877" spans="8:8">
      <c r="H364877" s="12"/>
    </row>
    <row r="364878" spans="8:8">
      <c r="H364878" s="12"/>
    </row>
    <row r="364879" spans="8:8">
      <c r="H364879" s="12"/>
    </row>
    <row r="364880" spans="8:8">
      <c r="H364880" s="12"/>
    </row>
    <row r="364881" spans="8:8">
      <c r="H364881" s="12"/>
    </row>
    <row r="364882" spans="8:8">
      <c r="H364882" s="12"/>
    </row>
    <row r="364883" spans="8:8">
      <c r="H364883" s="12"/>
    </row>
    <row r="364884" spans="8:8">
      <c r="H364884" s="12"/>
    </row>
    <row r="364885" spans="8:8">
      <c r="H364885" s="12"/>
    </row>
    <row r="364886" spans="8:8">
      <c r="H364886" s="12"/>
    </row>
    <row r="364887" spans="8:8">
      <c r="H364887" s="12"/>
    </row>
    <row r="364888" spans="8:8">
      <c r="H364888" s="12"/>
    </row>
    <row r="364889" spans="8:8">
      <c r="H364889" s="12"/>
    </row>
    <row r="364890" spans="8:8">
      <c r="H364890" s="12"/>
    </row>
    <row r="364891" spans="8:8">
      <c r="H364891" s="12"/>
    </row>
    <row r="364892" spans="8:8">
      <c r="H364892" s="12"/>
    </row>
    <row r="364893" spans="8:8">
      <c r="H364893" s="12"/>
    </row>
    <row r="364894" spans="8:8">
      <c r="H364894" s="12"/>
    </row>
    <row r="364895" spans="8:8">
      <c r="H364895" s="12"/>
    </row>
    <row r="364896" spans="8:8">
      <c r="H364896" s="12"/>
    </row>
    <row r="364897" spans="8:8">
      <c r="H364897" s="12"/>
    </row>
    <row r="364898" spans="8:8">
      <c r="H364898" s="12"/>
    </row>
    <row r="364899" spans="8:8">
      <c r="H364899" s="12"/>
    </row>
    <row r="364900" spans="8:8">
      <c r="H364900" s="12"/>
    </row>
    <row r="364901" spans="8:8">
      <c r="H364901" s="12"/>
    </row>
    <row r="364902" spans="8:8">
      <c r="H364902" s="12"/>
    </row>
    <row r="364903" spans="8:8">
      <c r="H364903" s="12"/>
    </row>
    <row r="364904" spans="8:8">
      <c r="H364904" s="12"/>
    </row>
    <row r="364905" spans="8:8">
      <c r="H364905" s="12"/>
    </row>
    <row r="364906" spans="8:8">
      <c r="H364906" s="12"/>
    </row>
    <row r="364907" spans="8:8">
      <c r="H364907" s="12"/>
    </row>
    <row r="364908" spans="8:8">
      <c r="H364908" s="12"/>
    </row>
    <row r="364909" spans="8:8">
      <c r="H364909" s="12"/>
    </row>
    <row r="364910" spans="8:8">
      <c r="H364910" s="12"/>
    </row>
    <row r="364911" spans="8:8">
      <c r="H364911" s="12"/>
    </row>
    <row r="364912" spans="8:8">
      <c r="H364912" s="12"/>
    </row>
    <row r="364913" spans="8:8">
      <c r="H364913" s="12"/>
    </row>
    <row r="364914" spans="8:8">
      <c r="H364914" s="12"/>
    </row>
    <row r="364915" spans="8:8">
      <c r="H364915" s="12"/>
    </row>
    <row r="364916" spans="8:8">
      <c r="H364916" s="12"/>
    </row>
    <row r="364917" spans="8:8">
      <c r="H364917" s="12"/>
    </row>
    <row r="364918" spans="8:8">
      <c r="H364918" s="12"/>
    </row>
    <row r="364919" spans="8:8">
      <c r="H364919" s="12"/>
    </row>
    <row r="364920" spans="8:8">
      <c r="H364920" s="12"/>
    </row>
    <row r="364921" spans="8:8">
      <c r="H364921" s="12"/>
    </row>
    <row r="364922" spans="8:8">
      <c r="H364922" s="12"/>
    </row>
    <row r="364923" spans="8:8">
      <c r="H364923" s="12"/>
    </row>
    <row r="364924" spans="8:8">
      <c r="H364924" s="12"/>
    </row>
    <row r="364925" spans="8:8">
      <c r="H364925" s="12"/>
    </row>
    <row r="364926" spans="8:8">
      <c r="H364926" s="12"/>
    </row>
    <row r="364927" spans="8:8">
      <c r="H364927" s="12"/>
    </row>
    <row r="364928" spans="8:8">
      <c r="H364928" s="12"/>
    </row>
    <row r="364929" spans="8:8">
      <c r="H364929" s="12"/>
    </row>
    <row r="364930" spans="8:8">
      <c r="H364930" s="12"/>
    </row>
    <row r="364931" spans="8:8">
      <c r="H364931" s="12"/>
    </row>
    <row r="364932" spans="8:8">
      <c r="H364932" s="12"/>
    </row>
    <row r="364933" spans="8:8">
      <c r="H364933" s="12"/>
    </row>
    <row r="364934" spans="8:8">
      <c r="H364934" s="12"/>
    </row>
    <row r="364935" spans="8:8">
      <c r="H364935" s="12"/>
    </row>
    <row r="364936" spans="8:8">
      <c r="H364936" s="12"/>
    </row>
    <row r="364937" spans="8:8">
      <c r="H364937" s="12"/>
    </row>
    <row r="364938" spans="8:8">
      <c r="H364938" s="12"/>
    </row>
    <row r="364939" spans="8:8">
      <c r="H364939" s="12"/>
    </row>
    <row r="364940" spans="8:8">
      <c r="H364940" s="12"/>
    </row>
    <row r="364941" spans="8:8">
      <c r="H364941" s="12"/>
    </row>
    <row r="364942" spans="8:8">
      <c r="H364942" s="12"/>
    </row>
    <row r="364943" spans="8:8">
      <c r="H364943" s="12"/>
    </row>
    <row r="364944" spans="8:8">
      <c r="H364944" s="12"/>
    </row>
    <row r="364945" spans="8:8">
      <c r="H364945" s="12"/>
    </row>
    <row r="364946" spans="8:8">
      <c r="H364946" s="12"/>
    </row>
    <row r="364947" spans="8:8">
      <c r="H364947" s="12"/>
    </row>
    <row r="364948" spans="8:8">
      <c r="H364948" s="12"/>
    </row>
    <row r="364949" spans="8:8">
      <c r="H364949" s="12"/>
    </row>
    <row r="364950" spans="8:8">
      <c r="H364950" s="12"/>
    </row>
    <row r="364951" spans="8:8">
      <c r="H364951" s="12"/>
    </row>
    <row r="364952" spans="8:8">
      <c r="H364952" s="12"/>
    </row>
    <row r="364953" spans="8:8">
      <c r="H364953" s="12"/>
    </row>
    <row r="364954" spans="8:8">
      <c r="H364954" s="12"/>
    </row>
    <row r="364955" spans="8:8">
      <c r="H364955" s="12"/>
    </row>
    <row r="364956" spans="8:8">
      <c r="H364956" s="12"/>
    </row>
    <row r="364957" spans="8:8">
      <c r="H364957" s="12"/>
    </row>
    <row r="364958" spans="8:8">
      <c r="H364958" s="12"/>
    </row>
    <row r="364959" spans="8:8">
      <c r="H364959" s="12"/>
    </row>
    <row r="364960" spans="8:8">
      <c r="H364960" s="12"/>
    </row>
    <row r="364961" spans="8:8">
      <c r="H364961" s="12"/>
    </row>
    <row r="364962" spans="8:8">
      <c r="H364962" s="12"/>
    </row>
    <row r="364963" spans="8:8">
      <c r="H364963" s="12"/>
    </row>
    <row r="364964" spans="8:8">
      <c r="H364964" s="12"/>
    </row>
    <row r="364965" spans="8:8">
      <c r="H364965" s="12"/>
    </row>
    <row r="364966" spans="8:8">
      <c r="H364966" s="12"/>
    </row>
    <row r="364967" spans="8:8">
      <c r="H364967" s="12"/>
    </row>
    <row r="364968" spans="8:8">
      <c r="H364968" s="12"/>
    </row>
    <row r="364969" spans="8:8">
      <c r="H364969" s="12"/>
    </row>
    <row r="364970" spans="8:8">
      <c r="H364970" s="12"/>
    </row>
    <row r="364971" spans="8:8">
      <c r="H364971" s="12"/>
    </row>
    <row r="364972" spans="8:8">
      <c r="H364972" s="12"/>
    </row>
    <row r="364973" spans="8:8">
      <c r="H364973" s="12"/>
    </row>
    <row r="364974" spans="8:8">
      <c r="H364974" s="12"/>
    </row>
    <row r="364975" spans="8:8">
      <c r="H364975" s="12"/>
    </row>
    <row r="364976" spans="8:8">
      <c r="H364976" s="12"/>
    </row>
    <row r="364977" spans="8:8">
      <c r="H364977" s="12"/>
    </row>
    <row r="364978" spans="8:8">
      <c r="H364978" s="12"/>
    </row>
    <row r="364979" spans="8:8">
      <c r="H364979" s="12"/>
    </row>
    <row r="364980" spans="8:8">
      <c r="H364980" s="12"/>
    </row>
    <row r="364981" spans="8:8">
      <c r="H364981" s="12"/>
    </row>
    <row r="364982" spans="8:8">
      <c r="H364982" s="12"/>
    </row>
    <row r="364983" spans="8:8">
      <c r="H364983" s="12"/>
    </row>
    <row r="364984" spans="8:8">
      <c r="H364984" s="12"/>
    </row>
    <row r="364985" spans="8:8">
      <c r="H364985" s="12"/>
    </row>
    <row r="364986" spans="8:8">
      <c r="H364986" s="12"/>
    </row>
    <row r="364987" spans="8:8">
      <c r="H364987" s="12"/>
    </row>
    <row r="364988" spans="8:8">
      <c r="H364988" s="12"/>
    </row>
    <row r="364989" spans="8:8">
      <c r="H364989" s="12"/>
    </row>
    <row r="364990" spans="8:8">
      <c r="H364990" s="12"/>
    </row>
    <row r="364991" spans="8:8">
      <c r="H364991" s="12"/>
    </row>
    <row r="364992" spans="8:8">
      <c r="H364992" s="12"/>
    </row>
    <row r="364993" spans="8:8">
      <c r="H364993" s="12"/>
    </row>
    <row r="364994" spans="8:8">
      <c r="H364994" s="12"/>
    </row>
    <row r="364995" spans="8:8">
      <c r="H364995" s="12"/>
    </row>
    <row r="364996" spans="8:8">
      <c r="H364996" s="12"/>
    </row>
    <row r="364997" spans="8:8">
      <c r="H364997" s="12"/>
    </row>
    <row r="364998" spans="8:8">
      <c r="H364998" s="12"/>
    </row>
    <row r="364999" spans="8:8">
      <c r="H364999" s="12"/>
    </row>
    <row r="365000" spans="8:8">
      <c r="H365000" s="12"/>
    </row>
    <row r="365001" spans="8:8">
      <c r="H365001" s="12"/>
    </row>
    <row r="365002" spans="8:8">
      <c r="H365002" s="12"/>
    </row>
    <row r="365003" spans="8:8">
      <c r="H365003" s="12"/>
    </row>
    <row r="365004" spans="8:8">
      <c r="H365004" s="12"/>
    </row>
    <row r="365005" spans="8:8">
      <c r="H365005" s="12"/>
    </row>
    <row r="365006" spans="8:8">
      <c r="H365006" s="12"/>
    </row>
    <row r="365007" spans="8:8">
      <c r="H365007" s="12"/>
    </row>
    <row r="365008" spans="8:8">
      <c r="H365008" s="12"/>
    </row>
    <row r="365009" spans="8:8">
      <c r="H365009" s="12"/>
    </row>
    <row r="365010" spans="8:8">
      <c r="H365010" s="12"/>
    </row>
    <row r="365011" spans="8:8">
      <c r="H365011" s="12"/>
    </row>
    <row r="365012" spans="8:8">
      <c r="H365012" s="12"/>
    </row>
    <row r="365013" spans="8:8">
      <c r="H365013" s="12"/>
    </row>
    <row r="365014" spans="8:8">
      <c r="H365014" s="12"/>
    </row>
    <row r="365015" spans="8:8">
      <c r="H365015" s="12"/>
    </row>
    <row r="365016" spans="8:8">
      <c r="H365016" s="12"/>
    </row>
    <row r="365017" spans="8:8">
      <c r="H365017" s="12"/>
    </row>
    <row r="365018" spans="8:8">
      <c r="H365018" s="12"/>
    </row>
    <row r="365019" spans="8:8">
      <c r="H365019" s="12"/>
    </row>
    <row r="365020" spans="8:8">
      <c r="H365020" s="12"/>
    </row>
    <row r="365021" spans="8:8">
      <c r="H365021" s="12"/>
    </row>
    <row r="365022" spans="8:8">
      <c r="H365022" s="12"/>
    </row>
    <row r="365023" spans="8:8">
      <c r="H365023" s="12"/>
    </row>
    <row r="365024" spans="8:8">
      <c r="H365024" s="12"/>
    </row>
    <row r="365025" spans="8:8">
      <c r="H365025" s="12"/>
    </row>
    <row r="365026" spans="8:8">
      <c r="H365026" s="12"/>
    </row>
    <row r="365027" spans="8:8">
      <c r="H365027" s="12"/>
    </row>
    <row r="365028" spans="8:8">
      <c r="H365028" s="12"/>
    </row>
    <row r="365029" spans="8:8">
      <c r="H365029" s="12"/>
    </row>
    <row r="365030" spans="8:8">
      <c r="H365030" s="12"/>
    </row>
    <row r="365031" spans="8:8">
      <c r="H365031" s="12"/>
    </row>
    <row r="365032" spans="8:8">
      <c r="H365032" s="12"/>
    </row>
    <row r="365033" spans="8:8">
      <c r="H365033" s="12"/>
    </row>
    <row r="365034" spans="8:8">
      <c r="H365034" s="12"/>
    </row>
    <row r="365035" spans="8:8">
      <c r="H365035" s="12"/>
    </row>
    <row r="365036" spans="8:8">
      <c r="H365036" s="12"/>
    </row>
    <row r="365037" spans="8:8">
      <c r="H365037" s="12"/>
    </row>
    <row r="365038" spans="8:8">
      <c r="H365038" s="12"/>
    </row>
    <row r="365039" spans="8:8">
      <c r="H365039" s="12"/>
    </row>
    <row r="365040" spans="8:8">
      <c r="H365040" s="12"/>
    </row>
    <row r="365041" spans="8:8">
      <c r="H365041" s="12"/>
    </row>
    <row r="365042" spans="8:8">
      <c r="H365042" s="12"/>
    </row>
    <row r="365043" spans="8:8">
      <c r="H365043" s="12"/>
    </row>
    <row r="365044" spans="8:8">
      <c r="H365044" s="12"/>
    </row>
    <row r="365045" spans="8:8">
      <c r="H365045" s="12"/>
    </row>
    <row r="365046" spans="8:8">
      <c r="H365046" s="12"/>
    </row>
    <row r="365047" spans="8:8">
      <c r="H365047" s="12"/>
    </row>
    <row r="365048" spans="8:8">
      <c r="H365048" s="12"/>
    </row>
    <row r="365049" spans="8:8">
      <c r="H365049" s="12"/>
    </row>
    <row r="365050" spans="8:8">
      <c r="H365050" s="12"/>
    </row>
    <row r="365051" spans="8:8">
      <c r="H365051" s="12"/>
    </row>
    <row r="365052" spans="8:8">
      <c r="H365052" s="12"/>
    </row>
    <row r="365053" spans="8:8">
      <c r="H365053" s="12"/>
    </row>
    <row r="365054" spans="8:8">
      <c r="H365054" s="12"/>
    </row>
    <row r="365055" spans="8:8">
      <c r="H365055" s="12"/>
    </row>
    <row r="365056" spans="8:8">
      <c r="H365056" s="12"/>
    </row>
    <row r="365057" spans="8:8">
      <c r="H365057" s="12"/>
    </row>
    <row r="365058" spans="8:8">
      <c r="H365058" s="12"/>
    </row>
    <row r="365059" spans="8:8">
      <c r="H365059" s="12"/>
    </row>
    <row r="365060" spans="8:8">
      <c r="H365060" s="12"/>
    </row>
    <row r="365061" spans="8:8">
      <c r="H365061" s="12"/>
    </row>
    <row r="365062" spans="8:8">
      <c r="H365062" s="12"/>
    </row>
    <row r="365063" spans="8:8">
      <c r="H365063" s="12"/>
    </row>
    <row r="365064" spans="8:8">
      <c r="H365064" s="12"/>
    </row>
    <row r="365065" spans="8:8">
      <c r="H365065" s="12"/>
    </row>
    <row r="365066" spans="8:8">
      <c r="H365066" s="12"/>
    </row>
    <row r="365067" spans="8:8">
      <c r="H365067" s="12"/>
    </row>
    <row r="365068" spans="8:8">
      <c r="H365068" s="12"/>
    </row>
    <row r="365069" spans="8:8">
      <c r="H365069" s="12"/>
    </row>
    <row r="365070" spans="8:8">
      <c r="H365070" s="12"/>
    </row>
    <row r="365071" spans="8:8">
      <c r="H365071" s="12"/>
    </row>
    <row r="365072" spans="8:8">
      <c r="H365072" s="12"/>
    </row>
    <row r="365073" spans="8:8">
      <c r="H365073" s="12"/>
    </row>
    <row r="365074" spans="8:8">
      <c r="H365074" s="12"/>
    </row>
    <row r="365075" spans="8:8">
      <c r="H365075" s="12"/>
    </row>
    <row r="365076" spans="8:8">
      <c r="H365076" s="12"/>
    </row>
    <row r="365077" spans="8:8">
      <c r="H365077" s="12"/>
    </row>
    <row r="365078" spans="8:8">
      <c r="H365078" s="12"/>
    </row>
    <row r="365079" spans="8:8">
      <c r="H365079" s="12"/>
    </row>
    <row r="365080" spans="8:8">
      <c r="H365080" s="12"/>
    </row>
    <row r="365081" spans="8:8">
      <c r="H365081" s="12"/>
    </row>
    <row r="365082" spans="8:8">
      <c r="H365082" s="12"/>
    </row>
    <row r="365083" spans="8:8">
      <c r="H365083" s="12"/>
    </row>
    <row r="365084" spans="8:8">
      <c r="H365084" s="12"/>
    </row>
    <row r="365085" spans="8:8">
      <c r="H365085" s="12"/>
    </row>
    <row r="365086" spans="8:8">
      <c r="H365086" s="12"/>
    </row>
    <row r="365087" spans="8:8">
      <c r="H365087" s="12"/>
    </row>
    <row r="365088" spans="8:8">
      <c r="H365088" s="12"/>
    </row>
    <row r="365089" spans="8:8">
      <c r="H365089" s="12"/>
    </row>
    <row r="365090" spans="8:8">
      <c r="H365090" s="12"/>
    </row>
    <row r="365091" spans="8:8">
      <c r="H365091" s="12"/>
    </row>
    <row r="365092" spans="8:8">
      <c r="H365092" s="12"/>
    </row>
    <row r="365093" spans="8:8">
      <c r="H365093" s="12"/>
    </row>
    <row r="365094" spans="8:8">
      <c r="H365094" s="12"/>
    </row>
    <row r="365095" spans="8:8">
      <c r="H365095" s="12"/>
    </row>
    <row r="365096" spans="8:8">
      <c r="H365096" s="12"/>
    </row>
    <row r="365097" spans="8:8">
      <c r="H365097" s="12"/>
    </row>
    <row r="365098" spans="8:8">
      <c r="H365098" s="12"/>
    </row>
    <row r="365099" spans="8:8">
      <c r="H365099" s="12"/>
    </row>
    <row r="365100" spans="8:8">
      <c r="H365100" s="12"/>
    </row>
    <row r="365101" spans="8:8">
      <c r="H365101" s="12"/>
    </row>
    <row r="365102" spans="8:8">
      <c r="H365102" s="12"/>
    </row>
    <row r="365103" spans="8:8">
      <c r="H365103" s="12"/>
    </row>
    <row r="365104" spans="8:8">
      <c r="H365104" s="12"/>
    </row>
    <row r="365105" spans="8:8">
      <c r="H365105" s="12"/>
    </row>
    <row r="365106" spans="8:8">
      <c r="H365106" s="12"/>
    </row>
    <row r="365107" spans="8:8">
      <c r="H365107" s="12"/>
    </row>
    <row r="365108" spans="8:8">
      <c r="H365108" s="12"/>
    </row>
    <row r="365109" spans="8:8">
      <c r="H365109" s="12"/>
    </row>
    <row r="365110" spans="8:8">
      <c r="H365110" s="12"/>
    </row>
    <row r="365111" spans="8:8">
      <c r="H365111" s="12"/>
    </row>
    <row r="365112" spans="8:8">
      <c r="H365112" s="12"/>
    </row>
    <row r="365113" spans="8:8">
      <c r="H365113" s="12"/>
    </row>
    <row r="365114" spans="8:8">
      <c r="H365114" s="12"/>
    </row>
    <row r="365115" spans="8:8">
      <c r="H365115" s="12"/>
    </row>
    <row r="365116" spans="8:8">
      <c r="H365116" s="12"/>
    </row>
    <row r="365117" spans="8:8">
      <c r="H365117" s="12"/>
    </row>
    <row r="365118" spans="8:8">
      <c r="H365118" s="12"/>
    </row>
    <row r="365119" spans="8:8">
      <c r="H365119" s="12"/>
    </row>
    <row r="365120" spans="8:8">
      <c r="H365120" s="12"/>
    </row>
    <row r="365121" spans="8:8">
      <c r="H365121" s="12"/>
    </row>
    <row r="365122" spans="8:8">
      <c r="H365122" s="12"/>
    </row>
    <row r="365123" spans="8:8">
      <c r="H365123" s="12"/>
    </row>
    <row r="365124" spans="8:8">
      <c r="H365124" s="12"/>
    </row>
    <row r="365125" spans="8:8">
      <c r="H365125" s="12"/>
    </row>
    <row r="365126" spans="8:8">
      <c r="H365126" s="12"/>
    </row>
    <row r="365127" spans="8:8">
      <c r="H365127" s="12"/>
    </row>
    <row r="365128" spans="8:8">
      <c r="H365128" s="12"/>
    </row>
    <row r="365129" spans="8:8">
      <c r="H365129" s="12"/>
    </row>
    <row r="365130" spans="8:8">
      <c r="H365130" s="12"/>
    </row>
    <row r="365131" spans="8:8">
      <c r="H365131" s="12"/>
    </row>
    <row r="365132" spans="8:8">
      <c r="H365132" s="12"/>
    </row>
    <row r="365133" spans="8:8">
      <c r="H365133" s="12"/>
    </row>
    <row r="365134" spans="8:8">
      <c r="H365134" s="12"/>
    </row>
    <row r="365135" spans="8:8">
      <c r="H365135" s="12"/>
    </row>
    <row r="365136" spans="8:8">
      <c r="H365136" s="12"/>
    </row>
    <row r="365137" spans="8:8">
      <c r="H365137" s="12"/>
    </row>
    <row r="365138" spans="8:8">
      <c r="H365138" s="12"/>
    </row>
    <row r="365139" spans="8:8">
      <c r="H365139" s="12"/>
    </row>
    <row r="365140" spans="8:8">
      <c r="H365140" s="12"/>
    </row>
    <row r="365141" spans="8:8">
      <c r="H365141" s="12"/>
    </row>
    <row r="365142" spans="8:8">
      <c r="H365142" s="12"/>
    </row>
    <row r="365143" spans="8:8">
      <c r="H365143" s="12"/>
    </row>
    <row r="365144" spans="8:8">
      <c r="H365144" s="12"/>
    </row>
    <row r="365145" spans="8:8">
      <c r="H365145" s="12"/>
    </row>
    <row r="365146" spans="8:8">
      <c r="H365146" s="12"/>
    </row>
    <row r="365147" spans="8:8">
      <c r="H365147" s="12"/>
    </row>
    <row r="365148" spans="8:8">
      <c r="H365148" s="12"/>
    </row>
    <row r="365149" spans="8:8">
      <c r="H365149" s="12"/>
    </row>
    <row r="365150" spans="8:8">
      <c r="H365150" s="12"/>
    </row>
    <row r="365151" spans="8:8">
      <c r="H365151" s="12"/>
    </row>
    <row r="365152" spans="8:8">
      <c r="H365152" s="12"/>
    </row>
    <row r="365153" spans="8:8">
      <c r="H365153" s="12"/>
    </row>
    <row r="365154" spans="8:8">
      <c r="H365154" s="12"/>
    </row>
    <row r="365155" spans="8:8">
      <c r="H365155" s="12"/>
    </row>
    <row r="365156" spans="8:8">
      <c r="H365156" s="12"/>
    </row>
    <row r="365157" spans="8:8">
      <c r="H365157" s="12"/>
    </row>
    <row r="365158" spans="8:8">
      <c r="H365158" s="12"/>
    </row>
    <row r="365159" spans="8:8">
      <c r="H365159" s="12"/>
    </row>
    <row r="365160" spans="8:8">
      <c r="H365160" s="12"/>
    </row>
    <row r="365161" spans="8:8">
      <c r="H365161" s="12"/>
    </row>
    <row r="365162" spans="8:8">
      <c r="H365162" s="12"/>
    </row>
    <row r="365163" spans="8:8">
      <c r="H365163" s="12"/>
    </row>
    <row r="365164" spans="8:8">
      <c r="H365164" s="12"/>
    </row>
    <row r="365165" spans="8:8">
      <c r="H365165" s="12"/>
    </row>
    <row r="365166" spans="8:8">
      <c r="H365166" s="12"/>
    </row>
    <row r="365167" spans="8:8">
      <c r="H365167" s="12"/>
    </row>
    <row r="365168" spans="8:8">
      <c r="H365168" s="12"/>
    </row>
    <row r="365169" spans="8:8">
      <c r="H365169" s="12"/>
    </row>
    <row r="365170" spans="8:8">
      <c r="H365170" s="12"/>
    </row>
    <row r="365171" spans="8:8">
      <c r="H365171" s="12"/>
    </row>
    <row r="365172" spans="8:8">
      <c r="H365172" s="12"/>
    </row>
    <row r="365173" spans="8:8">
      <c r="H365173" s="12"/>
    </row>
    <row r="365174" spans="8:8">
      <c r="H365174" s="12"/>
    </row>
    <row r="365175" spans="8:8">
      <c r="H365175" s="12"/>
    </row>
    <row r="365176" spans="8:8">
      <c r="H365176" s="12"/>
    </row>
    <row r="365177" spans="8:8">
      <c r="H365177" s="12"/>
    </row>
    <row r="365178" spans="8:8">
      <c r="H365178" s="12"/>
    </row>
    <row r="365179" spans="8:8">
      <c r="H365179" s="12"/>
    </row>
    <row r="365180" spans="8:8">
      <c r="H365180" s="12"/>
    </row>
    <row r="365181" spans="8:8">
      <c r="H365181" s="12"/>
    </row>
    <row r="365182" spans="8:8">
      <c r="H365182" s="12"/>
    </row>
    <row r="365183" spans="8:8">
      <c r="H365183" s="12"/>
    </row>
    <row r="365184" spans="8:8">
      <c r="H365184" s="12"/>
    </row>
    <row r="365185" spans="8:8">
      <c r="H365185" s="12"/>
    </row>
    <row r="365186" spans="8:8">
      <c r="H365186" s="12"/>
    </row>
    <row r="365187" spans="8:8">
      <c r="H365187" s="12"/>
    </row>
    <row r="365188" spans="8:8">
      <c r="H365188" s="12"/>
    </row>
    <row r="365189" spans="8:8">
      <c r="H365189" s="12"/>
    </row>
    <row r="365190" spans="8:8">
      <c r="H365190" s="12"/>
    </row>
    <row r="365191" spans="8:8">
      <c r="H365191" s="12"/>
    </row>
    <row r="365192" spans="8:8">
      <c r="H365192" s="12"/>
    </row>
    <row r="365193" spans="8:8">
      <c r="H365193" s="12"/>
    </row>
    <row r="365194" spans="8:8">
      <c r="H365194" s="12"/>
    </row>
    <row r="365195" spans="8:8">
      <c r="H365195" s="12"/>
    </row>
    <row r="365196" spans="8:8">
      <c r="H365196" s="12"/>
    </row>
    <row r="365197" spans="8:8">
      <c r="H365197" s="12"/>
    </row>
    <row r="365198" spans="8:8">
      <c r="H365198" s="12"/>
    </row>
    <row r="365199" spans="8:8">
      <c r="H365199" s="12"/>
    </row>
    <row r="365200" spans="8:8">
      <c r="H365200" s="12"/>
    </row>
    <row r="365201" spans="8:8">
      <c r="H365201" s="12"/>
    </row>
    <row r="365202" spans="8:8">
      <c r="H365202" s="12"/>
    </row>
    <row r="365203" spans="8:8">
      <c r="H365203" s="12"/>
    </row>
    <row r="365204" spans="8:8">
      <c r="H365204" s="12"/>
    </row>
    <row r="365205" spans="8:8">
      <c r="H365205" s="12"/>
    </row>
    <row r="365206" spans="8:8">
      <c r="H365206" s="12"/>
    </row>
    <row r="365207" spans="8:8">
      <c r="H365207" s="12"/>
    </row>
    <row r="365208" spans="8:8">
      <c r="H365208" s="12"/>
    </row>
    <row r="365209" spans="8:8">
      <c r="H365209" s="12"/>
    </row>
    <row r="365210" spans="8:8">
      <c r="H365210" s="12"/>
    </row>
    <row r="365211" spans="8:8">
      <c r="H365211" s="12"/>
    </row>
    <row r="365212" spans="8:8">
      <c r="H365212" s="12"/>
    </row>
    <row r="365213" spans="8:8">
      <c r="H365213" s="12"/>
    </row>
    <row r="365214" spans="8:8">
      <c r="H365214" s="12"/>
    </row>
    <row r="365215" spans="8:8">
      <c r="H365215" s="12"/>
    </row>
    <row r="365216" spans="8:8">
      <c r="H365216" s="12"/>
    </row>
    <row r="365217" spans="8:8">
      <c r="H365217" s="12"/>
    </row>
    <row r="365218" spans="8:8">
      <c r="H365218" s="12"/>
    </row>
    <row r="365219" spans="8:8">
      <c r="H365219" s="12"/>
    </row>
    <row r="365220" spans="8:8">
      <c r="H365220" s="12"/>
    </row>
    <row r="365221" spans="8:8">
      <c r="H365221" s="12"/>
    </row>
    <row r="365222" spans="8:8">
      <c r="H365222" s="12"/>
    </row>
    <row r="365223" spans="8:8">
      <c r="H365223" s="12"/>
    </row>
    <row r="365224" spans="8:8">
      <c r="H365224" s="12"/>
    </row>
    <row r="365225" spans="8:8">
      <c r="H365225" s="12"/>
    </row>
    <row r="365226" spans="8:8">
      <c r="H365226" s="12"/>
    </row>
    <row r="365227" spans="8:8">
      <c r="H365227" s="12"/>
    </row>
    <row r="365228" spans="8:8">
      <c r="H365228" s="12"/>
    </row>
    <row r="365229" spans="8:8">
      <c r="H365229" s="12"/>
    </row>
    <row r="365230" spans="8:8">
      <c r="H365230" s="12"/>
    </row>
    <row r="365231" spans="8:8">
      <c r="H365231" s="12"/>
    </row>
    <row r="365232" spans="8:8">
      <c r="H365232" s="12"/>
    </row>
    <row r="365233" spans="8:8">
      <c r="H365233" s="12"/>
    </row>
    <row r="365234" spans="8:8">
      <c r="H365234" s="12"/>
    </row>
    <row r="365235" spans="8:8">
      <c r="H365235" s="12"/>
    </row>
    <row r="365236" spans="8:8">
      <c r="H365236" s="12"/>
    </row>
    <row r="365237" spans="8:8">
      <c r="H365237" s="12"/>
    </row>
    <row r="365238" spans="8:8">
      <c r="H365238" s="12"/>
    </row>
    <row r="365239" spans="8:8">
      <c r="H365239" s="12"/>
    </row>
    <row r="365240" spans="8:8">
      <c r="H365240" s="12"/>
    </row>
    <row r="365241" spans="8:8">
      <c r="H365241" s="12"/>
    </row>
    <row r="365242" spans="8:8">
      <c r="H365242" s="12"/>
    </row>
    <row r="365243" spans="8:8">
      <c r="H365243" s="12"/>
    </row>
    <row r="365244" spans="8:8">
      <c r="H365244" s="12"/>
    </row>
    <row r="365245" spans="8:8">
      <c r="H365245" s="12"/>
    </row>
    <row r="365246" spans="8:8">
      <c r="H365246" s="12"/>
    </row>
    <row r="365247" spans="8:8">
      <c r="H365247" s="12"/>
    </row>
    <row r="365248" spans="8:8">
      <c r="H365248" s="12"/>
    </row>
    <row r="365249" spans="8:8">
      <c r="H365249" s="12"/>
    </row>
    <row r="365250" spans="8:8">
      <c r="H365250" s="12"/>
    </row>
    <row r="365251" spans="8:8">
      <c r="H365251" s="12"/>
    </row>
    <row r="365252" spans="8:8">
      <c r="H365252" s="12"/>
    </row>
    <row r="365253" spans="8:8">
      <c r="H365253" s="12"/>
    </row>
    <row r="365254" spans="8:8">
      <c r="H365254" s="12"/>
    </row>
    <row r="365255" spans="8:8">
      <c r="H365255" s="12"/>
    </row>
    <row r="365256" spans="8:8">
      <c r="H365256" s="12"/>
    </row>
    <row r="365257" spans="8:8">
      <c r="H365257" s="12"/>
    </row>
    <row r="365258" spans="8:8">
      <c r="H365258" s="12"/>
    </row>
    <row r="365259" spans="8:8">
      <c r="H365259" s="12"/>
    </row>
    <row r="365260" spans="8:8">
      <c r="H365260" s="12"/>
    </row>
    <row r="365261" spans="8:8">
      <c r="H365261" s="12"/>
    </row>
    <row r="365262" spans="8:8">
      <c r="H365262" s="12"/>
    </row>
    <row r="365263" spans="8:8">
      <c r="H365263" s="12"/>
    </row>
    <row r="365264" spans="8:8">
      <c r="H365264" s="12"/>
    </row>
    <row r="365265" spans="8:8">
      <c r="H365265" s="12"/>
    </row>
    <row r="365266" spans="8:8">
      <c r="H365266" s="12"/>
    </row>
    <row r="365267" spans="8:8">
      <c r="H365267" s="12"/>
    </row>
    <row r="365268" spans="8:8">
      <c r="H365268" s="12"/>
    </row>
    <row r="365269" spans="8:8">
      <c r="H365269" s="12"/>
    </row>
    <row r="365270" spans="8:8">
      <c r="H365270" s="12"/>
    </row>
    <row r="365271" spans="8:8">
      <c r="H365271" s="12"/>
    </row>
    <row r="365272" spans="8:8">
      <c r="H365272" s="12"/>
    </row>
    <row r="365273" spans="8:8">
      <c r="H365273" s="12"/>
    </row>
    <row r="365274" spans="8:8">
      <c r="H365274" s="12"/>
    </row>
    <row r="365275" spans="8:8">
      <c r="H365275" s="12"/>
    </row>
    <row r="365276" spans="8:8">
      <c r="H365276" s="12"/>
    </row>
    <row r="365277" spans="8:8">
      <c r="H365277" s="12"/>
    </row>
    <row r="365278" spans="8:8">
      <c r="H365278" s="12"/>
    </row>
    <row r="365279" spans="8:8">
      <c r="H365279" s="12"/>
    </row>
    <row r="365280" spans="8:8">
      <c r="H365280" s="12"/>
    </row>
    <row r="365281" spans="8:8">
      <c r="H365281" s="12"/>
    </row>
    <row r="365282" spans="8:8">
      <c r="H365282" s="12"/>
    </row>
    <row r="365283" spans="8:8">
      <c r="H365283" s="12"/>
    </row>
    <row r="365284" spans="8:8">
      <c r="H365284" s="12"/>
    </row>
    <row r="365285" spans="8:8">
      <c r="H365285" s="12"/>
    </row>
    <row r="365286" spans="8:8">
      <c r="H365286" s="12"/>
    </row>
    <row r="365287" spans="8:8">
      <c r="H365287" s="12"/>
    </row>
    <row r="365288" spans="8:8">
      <c r="H365288" s="12"/>
    </row>
    <row r="365289" spans="8:8">
      <c r="H365289" s="12"/>
    </row>
    <row r="365290" spans="8:8">
      <c r="H365290" s="12"/>
    </row>
    <row r="365291" spans="8:8">
      <c r="H365291" s="12"/>
    </row>
    <row r="365292" spans="8:8">
      <c r="H365292" s="12"/>
    </row>
    <row r="365293" spans="8:8">
      <c r="H365293" s="12"/>
    </row>
    <row r="365294" spans="8:8">
      <c r="H365294" s="12"/>
    </row>
    <row r="365295" spans="8:8">
      <c r="H365295" s="12"/>
    </row>
    <row r="365296" spans="8:8">
      <c r="H365296" s="12"/>
    </row>
    <row r="365297" spans="8:8">
      <c r="H365297" s="12"/>
    </row>
    <row r="365298" spans="8:8">
      <c r="H365298" s="12"/>
    </row>
    <row r="365299" spans="8:8">
      <c r="H365299" s="12"/>
    </row>
    <row r="365300" spans="8:8">
      <c r="H365300" s="12"/>
    </row>
    <row r="365301" spans="8:8">
      <c r="H365301" s="12"/>
    </row>
    <row r="365302" spans="8:8">
      <c r="H365302" s="12"/>
    </row>
    <row r="365303" spans="8:8">
      <c r="H365303" s="12"/>
    </row>
    <row r="365304" spans="8:8">
      <c r="H365304" s="12"/>
    </row>
    <row r="365305" spans="8:8">
      <c r="H365305" s="12"/>
    </row>
    <row r="365306" spans="8:8">
      <c r="H365306" s="12"/>
    </row>
    <row r="365307" spans="8:8">
      <c r="H365307" s="12"/>
    </row>
    <row r="365308" spans="8:8">
      <c r="H365308" s="12"/>
    </row>
    <row r="365309" spans="8:8">
      <c r="H365309" s="12"/>
    </row>
    <row r="365310" spans="8:8">
      <c r="H365310" s="12"/>
    </row>
    <row r="365311" spans="8:8">
      <c r="H365311" s="12"/>
    </row>
    <row r="365312" spans="8:8">
      <c r="H365312" s="12"/>
    </row>
    <row r="365313" spans="8:8">
      <c r="H365313" s="12"/>
    </row>
    <row r="365314" spans="8:8">
      <c r="H365314" s="12"/>
    </row>
    <row r="365315" spans="8:8">
      <c r="H365315" s="12"/>
    </row>
    <row r="365316" spans="8:8">
      <c r="H365316" s="12"/>
    </row>
    <row r="365317" spans="8:8">
      <c r="H365317" s="12"/>
    </row>
    <row r="365318" spans="8:8">
      <c r="H365318" s="12"/>
    </row>
    <row r="365319" spans="8:8">
      <c r="H365319" s="12"/>
    </row>
    <row r="365320" spans="8:8">
      <c r="H365320" s="12"/>
    </row>
    <row r="365321" spans="8:8">
      <c r="H365321" s="12"/>
    </row>
    <row r="365322" spans="8:8">
      <c r="H365322" s="12"/>
    </row>
    <row r="365323" spans="8:8">
      <c r="H365323" s="12"/>
    </row>
    <row r="365324" spans="8:8">
      <c r="H365324" s="12"/>
    </row>
    <row r="365325" spans="8:8">
      <c r="H365325" s="12"/>
    </row>
    <row r="365326" spans="8:8">
      <c r="H365326" s="12"/>
    </row>
    <row r="365327" spans="8:8">
      <c r="H365327" s="12"/>
    </row>
    <row r="365328" spans="8:8">
      <c r="H365328" s="12"/>
    </row>
    <row r="365329" spans="8:8">
      <c r="H365329" s="12"/>
    </row>
    <row r="365330" spans="8:8">
      <c r="H365330" s="12"/>
    </row>
    <row r="365331" spans="8:8">
      <c r="H365331" s="12"/>
    </row>
    <row r="365332" spans="8:8">
      <c r="H365332" s="12"/>
    </row>
    <row r="365333" spans="8:8">
      <c r="H365333" s="12"/>
    </row>
    <row r="365334" spans="8:8">
      <c r="H365334" s="12"/>
    </row>
    <row r="365335" spans="8:8">
      <c r="H365335" s="12"/>
    </row>
    <row r="365336" spans="8:8">
      <c r="H365336" s="12"/>
    </row>
    <row r="365337" spans="8:8">
      <c r="H365337" s="12"/>
    </row>
    <row r="365338" spans="8:8">
      <c r="H365338" s="12"/>
    </row>
    <row r="365339" spans="8:8">
      <c r="H365339" s="12"/>
    </row>
    <row r="365340" spans="8:8">
      <c r="H365340" s="12"/>
    </row>
    <row r="365341" spans="8:8">
      <c r="H365341" s="12"/>
    </row>
    <row r="365342" spans="8:8">
      <c r="H365342" s="12"/>
    </row>
    <row r="365343" spans="8:8">
      <c r="H365343" s="12"/>
    </row>
    <row r="365344" spans="8:8">
      <c r="H365344" s="12"/>
    </row>
    <row r="365345" spans="8:8">
      <c r="H365345" s="12"/>
    </row>
    <row r="365346" spans="8:8">
      <c r="H365346" s="12"/>
    </row>
    <row r="365347" spans="8:8">
      <c r="H365347" s="12"/>
    </row>
    <row r="365348" spans="8:8">
      <c r="H365348" s="12"/>
    </row>
    <row r="365349" spans="8:8">
      <c r="H365349" s="12"/>
    </row>
    <row r="365350" spans="8:8">
      <c r="H365350" s="12"/>
    </row>
    <row r="365351" spans="8:8">
      <c r="H365351" s="12"/>
    </row>
    <row r="365352" spans="8:8">
      <c r="H365352" s="12"/>
    </row>
    <row r="365353" spans="8:8">
      <c r="H365353" s="12"/>
    </row>
    <row r="365354" spans="8:8">
      <c r="H365354" s="12"/>
    </row>
    <row r="365355" spans="8:8">
      <c r="H365355" s="12"/>
    </row>
    <row r="365356" spans="8:8">
      <c r="H365356" s="12"/>
    </row>
    <row r="365357" spans="8:8">
      <c r="H365357" s="12"/>
    </row>
    <row r="365358" spans="8:8">
      <c r="H365358" s="12"/>
    </row>
    <row r="365359" spans="8:8">
      <c r="H365359" s="12"/>
    </row>
    <row r="365360" spans="8:8">
      <c r="H365360" s="12"/>
    </row>
    <row r="365361" spans="8:8">
      <c r="H365361" s="12"/>
    </row>
    <row r="365362" spans="8:8">
      <c r="H365362" s="12"/>
    </row>
    <row r="365363" spans="8:8">
      <c r="H365363" s="12"/>
    </row>
    <row r="365364" spans="8:8">
      <c r="H365364" s="12"/>
    </row>
    <row r="365365" spans="8:8">
      <c r="H365365" s="12"/>
    </row>
    <row r="365366" spans="8:8">
      <c r="H365366" s="12"/>
    </row>
    <row r="365367" spans="8:8">
      <c r="H365367" s="12"/>
    </row>
    <row r="365368" spans="8:8">
      <c r="H365368" s="12"/>
    </row>
    <row r="365369" spans="8:8">
      <c r="H365369" s="12"/>
    </row>
    <row r="365370" spans="8:8">
      <c r="H365370" s="12"/>
    </row>
    <row r="365371" spans="8:8">
      <c r="H365371" s="12"/>
    </row>
    <row r="365372" spans="8:8">
      <c r="H365372" s="12"/>
    </row>
    <row r="365373" spans="8:8">
      <c r="H365373" s="12"/>
    </row>
    <row r="365374" spans="8:8">
      <c r="H365374" s="12"/>
    </row>
    <row r="365375" spans="8:8">
      <c r="H365375" s="12"/>
    </row>
    <row r="365376" spans="8:8">
      <c r="H365376" s="12"/>
    </row>
    <row r="365377" spans="8:8">
      <c r="H365377" s="12"/>
    </row>
    <row r="365378" spans="8:8">
      <c r="H365378" s="12"/>
    </row>
    <row r="365379" spans="8:8">
      <c r="H365379" s="12"/>
    </row>
    <row r="365380" spans="8:8">
      <c r="H365380" s="12"/>
    </row>
    <row r="365381" spans="8:8">
      <c r="H365381" s="12"/>
    </row>
    <row r="365382" spans="8:8">
      <c r="H365382" s="12"/>
    </row>
    <row r="365383" spans="8:8">
      <c r="H365383" s="12"/>
    </row>
    <row r="365384" spans="8:8">
      <c r="H365384" s="12"/>
    </row>
    <row r="365385" spans="8:8">
      <c r="H365385" s="12"/>
    </row>
    <row r="365386" spans="8:8">
      <c r="H365386" s="12"/>
    </row>
    <row r="365387" spans="8:8">
      <c r="H365387" s="12"/>
    </row>
    <row r="365388" spans="8:8">
      <c r="H365388" s="12"/>
    </row>
    <row r="365389" spans="8:8">
      <c r="H365389" s="12"/>
    </row>
    <row r="365390" spans="8:8">
      <c r="H365390" s="12"/>
    </row>
    <row r="365391" spans="8:8">
      <c r="H365391" s="12"/>
    </row>
    <row r="365392" spans="8:8">
      <c r="H365392" s="12"/>
    </row>
    <row r="365393" spans="8:8">
      <c r="H365393" s="12"/>
    </row>
    <row r="365394" spans="8:8">
      <c r="H365394" s="12"/>
    </row>
    <row r="365395" spans="8:8">
      <c r="H365395" s="12"/>
    </row>
    <row r="365396" spans="8:8">
      <c r="H365396" s="12"/>
    </row>
    <row r="365397" spans="8:8">
      <c r="H365397" s="12"/>
    </row>
    <row r="365398" spans="8:8">
      <c r="H365398" s="12"/>
    </row>
    <row r="365399" spans="8:8">
      <c r="H365399" s="12"/>
    </row>
    <row r="365400" spans="8:8">
      <c r="H365400" s="12"/>
    </row>
    <row r="365401" spans="8:8">
      <c r="H365401" s="12"/>
    </row>
    <row r="365402" spans="8:8">
      <c r="H365402" s="12"/>
    </row>
    <row r="365403" spans="8:8">
      <c r="H365403" s="12"/>
    </row>
    <row r="365404" spans="8:8">
      <c r="H365404" s="12"/>
    </row>
    <row r="365405" spans="8:8">
      <c r="H365405" s="12"/>
    </row>
    <row r="365406" spans="8:8">
      <c r="H365406" s="12"/>
    </row>
    <row r="365407" spans="8:8">
      <c r="H365407" s="12"/>
    </row>
    <row r="365408" spans="8:8">
      <c r="H365408" s="12"/>
    </row>
    <row r="365409" spans="8:8">
      <c r="H365409" s="12"/>
    </row>
    <row r="365410" spans="8:8">
      <c r="H365410" s="12"/>
    </row>
    <row r="365411" spans="8:8">
      <c r="H365411" s="12"/>
    </row>
    <row r="365412" spans="8:8">
      <c r="H365412" s="12"/>
    </row>
    <row r="365413" spans="8:8">
      <c r="H365413" s="12"/>
    </row>
    <row r="365414" spans="8:8">
      <c r="H365414" s="12"/>
    </row>
    <row r="365415" spans="8:8">
      <c r="H365415" s="12"/>
    </row>
    <row r="365416" spans="8:8">
      <c r="H365416" s="12"/>
    </row>
    <row r="365417" spans="8:8">
      <c r="H365417" s="12"/>
    </row>
    <row r="365418" spans="8:8">
      <c r="H365418" s="12"/>
    </row>
    <row r="365419" spans="8:8">
      <c r="H365419" s="12"/>
    </row>
    <row r="365420" spans="8:8">
      <c r="H365420" s="12"/>
    </row>
    <row r="365421" spans="8:8">
      <c r="H365421" s="12"/>
    </row>
    <row r="365422" spans="8:8">
      <c r="H365422" s="12"/>
    </row>
    <row r="365423" spans="8:8">
      <c r="H365423" s="12"/>
    </row>
    <row r="365424" spans="8:8">
      <c r="H365424" s="12"/>
    </row>
    <row r="365425" spans="8:8">
      <c r="H365425" s="12"/>
    </row>
    <row r="365426" spans="8:8">
      <c r="H365426" s="12"/>
    </row>
    <row r="365427" spans="8:8">
      <c r="H365427" s="12"/>
    </row>
    <row r="365428" spans="8:8">
      <c r="H365428" s="12"/>
    </row>
    <row r="365429" spans="8:8">
      <c r="H365429" s="12"/>
    </row>
    <row r="365430" spans="8:8">
      <c r="H365430" s="12"/>
    </row>
    <row r="365431" spans="8:8">
      <c r="H365431" s="12"/>
    </row>
    <row r="365432" spans="8:8">
      <c r="H365432" s="12"/>
    </row>
    <row r="365433" spans="8:8">
      <c r="H365433" s="12"/>
    </row>
    <row r="365434" spans="8:8">
      <c r="H365434" s="12"/>
    </row>
    <row r="365435" spans="8:8">
      <c r="H365435" s="12"/>
    </row>
    <row r="365436" spans="8:8">
      <c r="H365436" s="12"/>
    </row>
    <row r="365437" spans="8:8">
      <c r="H365437" s="12"/>
    </row>
    <row r="365438" spans="8:8">
      <c r="H365438" s="12"/>
    </row>
    <row r="365439" spans="8:8">
      <c r="H365439" s="12"/>
    </row>
    <row r="365440" spans="8:8">
      <c r="H365440" s="12"/>
    </row>
    <row r="365441" spans="8:8">
      <c r="H365441" s="12"/>
    </row>
    <row r="365442" spans="8:8">
      <c r="H365442" s="12"/>
    </row>
    <row r="365443" spans="8:8">
      <c r="H365443" s="12"/>
    </row>
    <row r="365444" spans="8:8">
      <c r="H365444" s="12"/>
    </row>
    <row r="365445" spans="8:8">
      <c r="H365445" s="12"/>
    </row>
    <row r="365446" spans="8:8">
      <c r="H365446" s="12"/>
    </row>
    <row r="365447" spans="8:8">
      <c r="H365447" s="12"/>
    </row>
    <row r="365448" spans="8:8">
      <c r="H365448" s="12"/>
    </row>
    <row r="365449" spans="8:8">
      <c r="H365449" s="12"/>
    </row>
    <row r="365450" spans="8:8">
      <c r="H365450" s="12"/>
    </row>
    <row r="365451" spans="8:8">
      <c r="H365451" s="12"/>
    </row>
    <row r="365452" spans="8:8">
      <c r="H365452" s="12"/>
    </row>
    <row r="365453" spans="8:8">
      <c r="H365453" s="12"/>
    </row>
    <row r="365454" spans="8:8">
      <c r="H365454" s="12"/>
    </row>
    <row r="365455" spans="8:8">
      <c r="H365455" s="12"/>
    </row>
    <row r="365456" spans="8:8">
      <c r="H365456" s="12"/>
    </row>
    <row r="365457" spans="8:8">
      <c r="H365457" s="12"/>
    </row>
    <row r="365458" spans="8:8">
      <c r="H365458" s="12"/>
    </row>
    <row r="365459" spans="8:8">
      <c r="H365459" s="12"/>
    </row>
    <row r="365460" spans="8:8">
      <c r="H365460" s="12"/>
    </row>
    <row r="365461" spans="8:8">
      <c r="H365461" s="12"/>
    </row>
    <row r="365462" spans="8:8">
      <c r="H365462" s="12"/>
    </row>
    <row r="365463" spans="8:8">
      <c r="H365463" s="12"/>
    </row>
    <row r="365464" spans="8:8">
      <c r="H365464" s="12"/>
    </row>
    <row r="365465" spans="8:8">
      <c r="H365465" s="12"/>
    </row>
    <row r="365466" spans="8:8">
      <c r="H365466" s="12"/>
    </row>
    <row r="365467" spans="8:8">
      <c r="H365467" s="12"/>
    </row>
    <row r="365468" spans="8:8">
      <c r="H365468" s="12"/>
    </row>
    <row r="365469" spans="8:8">
      <c r="H365469" s="12"/>
    </row>
    <row r="365470" spans="8:8">
      <c r="H365470" s="12"/>
    </row>
    <row r="365471" spans="8:8">
      <c r="H365471" s="12"/>
    </row>
    <row r="365472" spans="8:8">
      <c r="H365472" s="12"/>
    </row>
    <row r="365473" spans="8:8">
      <c r="H365473" s="12"/>
    </row>
    <row r="365474" spans="8:8">
      <c r="H365474" s="12"/>
    </row>
    <row r="365475" spans="8:8">
      <c r="H365475" s="12"/>
    </row>
    <row r="365476" spans="8:8">
      <c r="H365476" s="12"/>
    </row>
    <row r="365477" spans="8:8">
      <c r="H365477" s="12"/>
    </row>
    <row r="365478" spans="8:8">
      <c r="H365478" s="12"/>
    </row>
    <row r="365479" spans="8:8">
      <c r="H365479" s="12"/>
    </row>
    <row r="365480" spans="8:8">
      <c r="H365480" s="12"/>
    </row>
    <row r="365481" spans="8:8">
      <c r="H365481" s="12"/>
    </row>
    <row r="365482" spans="8:8">
      <c r="H365482" s="12"/>
    </row>
    <row r="365483" spans="8:8">
      <c r="H365483" s="12"/>
    </row>
    <row r="365484" spans="8:8">
      <c r="H365484" s="12"/>
    </row>
    <row r="365485" spans="8:8">
      <c r="H365485" s="12"/>
    </row>
    <row r="365486" spans="8:8">
      <c r="H365486" s="12"/>
    </row>
    <row r="365487" spans="8:8">
      <c r="H365487" s="12"/>
    </row>
    <row r="365488" spans="8:8">
      <c r="H365488" s="12"/>
    </row>
    <row r="365489" spans="8:8">
      <c r="H365489" s="12"/>
    </row>
    <row r="365490" spans="8:8">
      <c r="H365490" s="12"/>
    </row>
    <row r="365491" spans="8:8">
      <c r="H365491" s="12"/>
    </row>
    <row r="365492" spans="8:8">
      <c r="H365492" s="12"/>
    </row>
    <row r="365493" spans="8:8">
      <c r="H365493" s="12"/>
    </row>
    <row r="365494" spans="8:8">
      <c r="H365494" s="12"/>
    </row>
    <row r="365495" spans="8:8">
      <c r="H365495" s="12"/>
    </row>
    <row r="365496" spans="8:8">
      <c r="H365496" s="12"/>
    </row>
    <row r="365497" spans="8:8">
      <c r="H365497" s="12"/>
    </row>
    <row r="365498" spans="8:8">
      <c r="H365498" s="12"/>
    </row>
    <row r="365499" spans="8:8">
      <c r="H365499" s="12"/>
    </row>
    <row r="365500" spans="8:8">
      <c r="H365500" s="12"/>
    </row>
    <row r="365501" spans="8:8">
      <c r="H365501" s="12"/>
    </row>
    <row r="365502" spans="8:8">
      <c r="H365502" s="12"/>
    </row>
    <row r="365503" spans="8:8">
      <c r="H365503" s="12"/>
    </row>
    <row r="365504" spans="8:8">
      <c r="H365504" s="12"/>
    </row>
    <row r="365505" spans="8:8">
      <c r="H365505" s="12"/>
    </row>
    <row r="365506" spans="8:8">
      <c r="H365506" s="12"/>
    </row>
    <row r="365507" spans="8:8">
      <c r="H365507" s="12"/>
    </row>
    <row r="365508" spans="8:8">
      <c r="H365508" s="12"/>
    </row>
    <row r="365509" spans="8:8">
      <c r="H365509" s="12"/>
    </row>
    <row r="365510" spans="8:8">
      <c r="H365510" s="12"/>
    </row>
    <row r="365511" spans="8:8">
      <c r="H365511" s="12"/>
    </row>
    <row r="365512" spans="8:8">
      <c r="H365512" s="12"/>
    </row>
    <row r="365513" spans="8:8">
      <c r="H365513" s="12"/>
    </row>
    <row r="365514" spans="8:8">
      <c r="H365514" s="12"/>
    </row>
    <row r="365515" spans="8:8">
      <c r="H365515" s="12"/>
    </row>
    <row r="365516" spans="8:8">
      <c r="H365516" s="12"/>
    </row>
    <row r="365517" spans="8:8">
      <c r="H365517" s="12"/>
    </row>
    <row r="365518" spans="8:8">
      <c r="H365518" s="12"/>
    </row>
    <row r="365519" spans="8:8">
      <c r="H365519" s="12"/>
    </row>
    <row r="365520" spans="8:8">
      <c r="H365520" s="12"/>
    </row>
    <row r="365521" spans="8:8">
      <c r="H365521" s="12"/>
    </row>
    <row r="365522" spans="8:8">
      <c r="H365522" s="12"/>
    </row>
    <row r="365523" spans="8:8">
      <c r="H365523" s="12"/>
    </row>
    <row r="365524" spans="8:8">
      <c r="H365524" s="12"/>
    </row>
    <row r="365525" spans="8:8">
      <c r="H365525" s="12"/>
    </row>
    <row r="365526" spans="8:8">
      <c r="H365526" s="12"/>
    </row>
    <row r="365527" spans="8:8">
      <c r="H365527" s="12"/>
    </row>
    <row r="365528" spans="8:8">
      <c r="H365528" s="12"/>
    </row>
    <row r="365529" spans="8:8">
      <c r="H365529" s="12"/>
    </row>
    <row r="365530" spans="8:8">
      <c r="H365530" s="12"/>
    </row>
    <row r="365531" spans="8:8">
      <c r="H365531" s="12"/>
    </row>
    <row r="365532" spans="8:8">
      <c r="H365532" s="12"/>
    </row>
    <row r="365533" spans="8:8">
      <c r="H365533" s="12"/>
    </row>
    <row r="365534" spans="8:8">
      <c r="H365534" s="12"/>
    </row>
    <row r="365535" spans="8:8">
      <c r="H365535" s="12"/>
    </row>
    <row r="365536" spans="8:8">
      <c r="H365536" s="12"/>
    </row>
    <row r="365537" spans="8:8">
      <c r="H365537" s="12"/>
    </row>
    <row r="365538" spans="8:8">
      <c r="H365538" s="12"/>
    </row>
    <row r="365539" spans="8:8">
      <c r="H365539" s="12"/>
    </row>
    <row r="365540" spans="8:8">
      <c r="H365540" s="12"/>
    </row>
    <row r="365541" spans="8:8">
      <c r="H365541" s="12"/>
    </row>
    <row r="365542" spans="8:8">
      <c r="H365542" s="12"/>
    </row>
    <row r="365543" spans="8:8">
      <c r="H365543" s="12"/>
    </row>
    <row r="365544" spans="8:8">
      <c r="H365544" s="12"/>
    </row>
    <row r="365545" spans="8:8">
      <c r="H365545" s="12"/>
    </row>
    <row r="365546" spans="8:8">
      <c r="H365546" s="12"/>
    </row>
    <row r="365547" spans="8:8">
      <c r="H365547" s="12"/>
    </row>
    <row r="365548" spans="8:8">
      <c r="H365548" s="12"/>
    </row>
    <row r="365549" spans="8:8">
      <c r="H365549" s="12"/>
    </row>
    <row r="365550" spans="8:8">
      <c r="H365550" s="12"/>
    </row>
    <row r="365551" spans="8:8">
      <c r="H365551" s="12"/>
    </row>
    <row r="365552" spans="8:8">
      <c r="H365552" s="12"/>
    </row>
    <row r="365553" spans="8:8">
      <c r="H365553" s="12"/>
    </row>
    <row r="365554" spans="8:8">
      <c r="H365554" s="12"/>
    </row>
    <row r="365555" spans="8:8">
      <c r="H365555" s="12"/>
    </row>
    <row r="365556" spans="8:8">
      <c r="H365556" s="12"/>
    </row>
    <row r="365557" spans="8:8">
      <c r="H365557" s="12"/>
    </row>
    <row r="365558" spans="8:8">
      <c r="H365558" s="12"/>
    </row>
    <row r="365559" spans="8:8">
      <c r="H365559" s="12"/>
    </row>
    <row r="365560" spans="8:8">
      <c r="H365560" s="12"/>
    </row>
    <row r="365561" spans="8:8">
      <c r="H365561" s="12"/>
    </row>
    <row r="365562" spans="8:8">
      <c r="H365562" s="12"/>
    </row>
    <row r="365563" spans="8:8">
      <c r="H365563" s="12"/>
    </row>
    <row r="365564" spans="8:8">
      <c r="H365564" s="12"/>
    </row>
    <row r="365565" spans="8:8">
      <c r="H365565" s="12"/>
    </row>
    <row r="365566" spans="8:8">
      <c r="H365566" s="12"/>
    </row>
    <row r="365567" spans="8:8">
      <c r="H365567" s="12"/>
    </row>
    <row r="365568" spans="8:8">
      <c r="H365568" s="12"/>
    </row>
    <row r="365569" spans="8:8">
      <c r="H365569" s="12"/>
    </row>
    <row r="365570" spans="8:8">
      <c r="H365570" s="12"/>
    </row>
    <row r="365571" spans="8:8">
      <c r="H365571" s="12"/>
    </row>
    <row r="365572" spans="8:8">
      <c r="H365572" s="12"/>
    </row>
    <row r="365573" spans="8:8">
      <c r="H365573" s="12"/>
    </row>
    <row r="365574" spans="8:8">
      <c r="H365574" s="12"/>
    </row>
    <row r="365575" spans="8:8">
      <c r="H365575" s="12"/>
    </row>
    <row r="365576" spans="8:8">
      <c r="H365576" s="12"/>
    </row>
    <row r="365577" spans="8:8">
      <c r="H365577" s="12"/>
    </row>
    <row r="365578" spans="8:8">
      <c r="H365578" s="12"/>
    </row>
    <row r="365579" spans="8:8">
      <c r="H365579" s="12"/>
    </row>
    <row r="365580" spans="8:8">
      <c r="H365580" s="12"/>
    </row>
    <row r="365581" spans="8:8">
      <c r="H365581" s="12"/>
    </row>
    <row r="365582" spans="8:8">
      <c r="H365582" s="12"/>
    </row>
    <row r="365583" spans="8:8">
      <c r="H365583" s="12"/>
    </row>
    <row r="365584" spans="8:8">
      <c r="H365584" s="12"/>
    </row>
    <row r="365585" spans="8:8">
      <c r="H365585" s="12"/>
    </row>
    <row r="365586" spans="8:8">
      <c r="H365586" s="12"/>
    </row>
    <row r="365587" spans="8:8">
      <c r="H365587" s="12"/>
    </row>
    <row r="365588" spans="8:8">
      <c r="H365588" s="12"/>
    </row>
    <row r="365589" spans="8:8">
      <c r="H365589" s="12"/>
    </row>
    <row r="365590" spans="8:8">
      <c r="H365590" s="12"/>
    </row>
    <row r="365591" spans="8:8">
      <c r="H365591" s="12"/>
    </row>
    <row r="365592" spans="8:8">
      <c r="H365592" s="12"/>
    </row>
    <row r="365593" spans="8:8">
      <c r="H365593" s="12"/>
    </row>
    <row r="365594" spans="8:8">
      <c r="H365594" s="12"/>
    </row>
    <row r="365595" spans="8:8">
      <c r="H365595" s="12"/>
    </row>
    <row r="365596" spans="8:8">
      <c r="H365596" s="12"/>
    </row>
    <row r="365597" spans="8:8">
      <c r="H365597" s="12"/>
    </row>
    <row r="365598" spans="8:8">
      <c r="H365598" s="12"/>
    </row>
    <row r="365599" spans="8:8">
      <c r="H365599" s="12"/>
    </row>
    <row r="365600" spans="8:8">
      <c r="H365600" s="12"/>
    </row>
    <row r="365601" spans="8:8">
      <c r="H365601" s="12"/>
    </row>
    <row r="365602" spans="8:8">
      <c r="H365602" s="12"/>
    </row>
    <row r="365603" spans="8:8">
      <c r="H365603" s="12"/>
    </row>
    <row r="365604" spans="8:8">
      <c r="H365604" s="12"/>
    </row>
    <row r="365605" spans="8:8">
      <c r="H365605" s="12"/>
    </row>
    <row r="365606" spans="8:8">
      <c r="H365606" s="12"/>
    </row>
    <row r="365607" spans="8:8">
      <c r="H365607" s="12"/>
    </row>
    <row r="365608" spans="8:8">
      <c r="H365608" s="12"/>
    </row>
    <row r="365609" spans="8:8">
      <c r="H365609" s="12"/>
    </row>
    <row r="365610" spans="8:8">
      <c r="H365610" s="12"/>
    </row>
    <row r="365611" spans="8:8">
      <c r="H365611" s="12"/>
    </row>
    <row r="365612" spans="8:8">
      <c r="H365612" s="12"/>
    </row>
    <row r="365613" spans="8:8">
      <c r="H365613" s="12"/>
    </row>
    <row r="365614" spans="8:8">
      <c r="H365614" s="12"/>
    </row>
    <row r="365615" spans="8:8">
      <c r="H365615" s="12"/>
    </row>
    <row r="365616" spans="8:8">
      <c r="H365616" s="12"/>
    </row>
    <row r="365617" spans="8:8">
      <c r="H365617" s="12"/>
    </row>
    <row r="365618" spans="8:8">
      <c r="H365618" s="12"/>
    </row>
    <row r="365619" spans="8:8">
      <c r="H365619" s="12"/>
    </row>
    <row r="365620" spans="8:8">
      <c r="H365620" s="12"/>
    </row>
    <row r="365621" spans="8:8">
      <c r="H365621" s="12"/>
    </row>
    <row r="365622" spans="8:8">
      <c r="H365622" s="12"/>
    </row>
    <row r="365623" spans="8:8">
      <c r="H365623" s="12"/>
    </row>
    <row r="365624" spans="8:8">
      <c r="H365624" s="12"/>
    </row>
    <row r="365625" spans="8:8">
      <c r="H365625" s="12"/>
    </row>
    <row r="365626" spans="8:8">
      <c r="H365626" s="12"/>
    </row>
    <row r="365627" spans="8:8">
      <c r="H365627" s="12"/>
    </row>
    <row r="365628" spans="8:8">
      <c r="H365628" s="12"/>
    </row>
    <row r="365629" spans="8:8">
      <c r="H365629" s="12"/>
    </row>
    <row r="365630" spans="8:8">
      <c r="H365630" s="12"/>
    </row>
    <row r="365631" spans="8:8">
      <c r="H365631" s="12"/>
    </row>
    <row r="365632" spans="8:8">
      <c r="H365632" s="12"/>
    </row>
    <row r="365633" spans="8:8">
      <c r="H365633" s="12"/>
    </row>
    <row r="365634" spans="8:8">
      <c r="H365634" s="12"/>
    </row>
    <row r="365635" spans="8:8">
      <c r="H365635" s="12"/>
    </row>
    <row r="365636" spans="8:8">
      <c r="H365636" s="12"/>
    </row>
    <row r="365637" spans="8:8">
      <c r="H365637" s="12"/>
    </row>
    <row r="365638" spans="8:8">
      <c r="H365638" s="12"/>
    </row>
    <row r="365639" spans="8:8">
      <c r="H365639" s="12"/>
    </row>
    <row r="365640" spans="8:8">
      <c r="H365640" s="12"/>
    </row>
    <row r="365641" spans="8:8">
      <c r="H365641" s="12"/>
    </row>
    <row r="365642" spans="8:8">
      <c r="H365642" s="12"/>
    </row>
    <row r="365643" spans="8:8">
      <c r="H365643" s="12"/>
    </row>
    <row r="365644" spans="8:8">
      <c r="H365644" s="12"/>
    </row>
    <row r="365645" spans="8:8">
      <c r="H365645" s="12"/>
    </row>
    <row r="365646" spans="8:8">
      <c r="H365646" s="12"/>
    </row>
    <row r="365647" spans="8:8">
      <c r="H365647" s="12"/>
    </row>
    <row r="365648" spans="8:8">
      <c r="H365648" s="12"/>
    </row>
    <row r="365649" spans="8:8">
      <c r="H365649" s="12"/>
    </row>
    <row r="365650" spans="8:8">
      <c r="H365650" s="12"/>
    </row>
    <row r="365651" spans="8:8">
      <c r="H365651" s="12"/>
    </row>
    <row r="365652" spans="8:8">
      <c r="H365652" s="12"/>
    </row>
    <row r="365653" spans="8:8">
      <c r="H365653" s="12"/>
    </row>
    <row r="365654" spans="8:8">
      <c r="H365654" s="12"/>
    </row>
    <row r="365655" spans="8:8">
      <c r="H365655" s="12"/>
    </row>
    <row r="365656" spans="8:8">
      <c r="H365656" s="12"/>
    </row>
    <row r="365657" spans="8:8">
      <c r="H365657" s="12"/>
    </row>
    <row r="365658" spans="8:8">
      <c r="H365658" s="12"/>
    </row>
    <row r="365659" spans="8:8">
      <c r="H365659" s="12"/>
    </row>
    <row r="365660" spans="8:8">
      <c r="H365660" s="12"/>
    </row>
    <row r="365661" spans="8:8">
      <c r="H365661" s="12"/>
    </row>
    <row r="365662" spans="8:8">
      <c r="H365662" s="12"/>
    </row>
    <row r="365663" spans="8:8">
      <c r="H365663" s="12"/>
    </row>
    <row r="365664" spans="8:8">
      <c r="H365664" s="12"/>
    </row>
    <row r="365665" spans="8:8">
      <c r="H365665" s="12"/>
    </row>
    <row r="365666" spans="8:8">
      <c r="H365666" s="12"/>
    </row>
    <row r="365667" spans="8:8">
      <c r="H365667" s="12"/>
    </row>
    <row r="365668" spans="8:8">
      <c r="H365668" s="12"/>
    </row>
    <row r="365669" spans="8:8">
      <c r="H365669" s="12"/>
    </row>
    <row r="365670" spans="8:8">
      <c r="H365670" s="12"/>
    </row>
    <row r="365671" spans="8:8">
      <c r="H365671" s="12"/>
    </row>
    <row r="365672" spans="8:8">
      <c r="H365672" s="12"/>
    </row>
    <row r="365673" spans="8:8">
      <c r="H365673" s="12"/>
    </row>
    <row r="365674" spans="8:8">
      <c r="H365674" s="12"/>
    </row>
    <row r="365675" spans="8:8">
      <c r="H365675" s="12"/>
    </row>
    <row r="365676" spans="8:8">
      <c r="H365676" s="12"/>
    </row>
    <row r="365677" spans="8:8">
      <c r="H365677" s="12"/>
    </row>
    <row r="365678" spans="8:8">
      <c r="H365678" s="12"/>
    </row>
    <row r="365679" spans="8:8">
      <c r="H365679" s="12"/>
    </row>
    <row r="365680" spans="8:8">
      <c r="H365680" s="12"/>
    </row>
    <row r="365681" spans="8:8">
      <c r="H365681" s="12"/>
    </row>
    <row r="365682" spans="8:8">
      <c r="H365682" s="12"/>
    </row>
    <row r="365683" spans="8:8">
      <c r="H365683" s="12"/>
    </row>
    <row r="365684" spans="8:8">
      <c r="H365684" s="12"/>
    </row>
    <row r="365685" spans="8:8">
      <c r="H365685" s="12"/>
    </row>
    <row r="365686" spans="8:8">
      <c r="H365686" s="12"/>
    </row>
    <row r="365687" spans="8:8">
      <c r="H365687" s="12"/>
    </row>
    <row r="365688" spans="8:8">
      <c r="H365688" s="12"/>
    </row>
    <row r="365689" spans="8:8">
      <c r="H365689" s="12"/>
    </row>
    <row r="365690" spans="8:8">
      <c r="H365690" s="12"/>
    </row>
    <row r="365691" spans="8:8">
      <c r="H365691" s="12"/>
    </row>
    <row r="365692" spans="8:8">
      <c r="H365692" s="12"/>
    </row>
    <row r="365693" spans="8:8">
      <c r="H365693" s="12"/>
    </row>
    <row r="365694" spans="8:8">
      <c r="H365694" s="12"/>
    </row>
    <row r="365695" spans="8:8">
      <c r="H365695" s="12"/>
    </row>
    <row r="365696" spans="8:8">
      <c r="H365696" s="12"/>
    </row>
    <row r="365697" spans="8:8">
      <c r="H365697" s="12"/>
    </row>
    <row r="365698" spans="8:8">
      <c r="H365698" s="12"/>
    </row>
    <row r="365699" spans="8:8">
      <c r="H365699" s="12"/>
    </row>
    <row r="365700" spans="8:8">
      <c r="H365700" s="12"/>
    </row>
    <row r="365701" spans="8:8">
      <c r="H365701" s="12"/>
    </row>
    <row r="365702" spans="8:8">
      <c r="H365702" s="12"/>
    </row>
    <row r="365703" spans="8:8">
      <c r="H365703" s="12"/>
    </row>
    <row r="365704" spans="8:8">
      <c r="H365704" s="12"/>
    </row>
    <row r="365705" spans="8:8">
      <c r="H365705" s="12"/>
    </row>
    <row r="365706" spans="8:8">
      <c r="H365706" s="12"/>
    </row>
    <row r="365707" spans="8:8">
      <c r="H365707" s="12"/>
    </row>
    <row r="365708" spans="8:8">
      <c r="H365708" s="12"/>
    </row>
    <row r="365709" spans="8:8">
      <c r="H365709" s="12"/>
    </row>
    <row r="365710" spans="8:8">
      <c r="H365710" s="12"/>
    </row>
    <row r="365711" spans="8:8">
      <c r="H365711" s="12"/>
    </row>
    <row r="365712" spans="8:8">
      <c r="H365712" s="12"/>
    </row>
    <row r="365713" spans="8:8">
      <c r="H365713" s="12"/>
    </row>
    <row r="365714" spans="8:8">
      <c r="H365714" s="12"/>
    </row>
    <row r="365715" spans="8:8">
      <c r="H365715" s="12"/>
    </row>
    <row r="365716" spans="8:8">
      <c r="H365716" s="12"/>
    </row>
    <row r="365717" spans="8:8">
      <c r="H365717" s="12"/>
    </row>
    <row r="365718" spans="8:8">
      <c r="H365718" s="12"/>
    </row>
    <row r="365719" spans="8:8">
      <c r="H365719" s="12"/>
    </row>
    <row r="365720" spans="8:8">
      <c r="H365720" s="12"/>
    </row>
    <row r="365721" spans="8:8">
      <c r="H365721" s="12"/>
    </row>
    <row r="365722" spans="8:8">
      <c r="H365722" s="12"/>
    </row>
    <row r="365723" spans="8:8">
      <c r="H365723" s="12"/>
    </row>
    <row r="365724" spans="8:8">
      <c r="H365724" s="12"/>
    </row>
    <row r="365725" spans="8:8">
      <c r="H365725" s="12"/>
    </row>
    <row r="365726" spans="8:8">
      <c r="H365726" s="12"/>
    </row>
    <row r="365727" spans="8:8">
      <c r="H365727" s="12"/>
    </row>
    <row r="365728" spans="8:8">
      <c r="H365728" s="12"/>
    </row>
    <row r="365729" spans="8:8">
      <c r="H365729" s="12"/>
    </row>
    <row r="365730" spans="8:8">
      <c r="H365730" s="12"/>
    </row>
    <row r="365731" spans="8:8">
      <c r="H365731" s="12"/>
    </row>
    <row r="365732" spans="8:8">
      <c r="H365732" s="12"/>
    </row>
    <row r="365733" spans="8:8">
      <c r="H365733" s="12"/>
    </row>
    <row r="365734" spans="8:8">
      <c r="H365734" s="12"/>
    </row>
    <row r="365735" spans="8:8">
      <c r="H365735" s="12"/>
    </row>
    <row r="365736" spans="8:8">
      <c r="H365736" s="12"/>
    </row>
    <row r="365737" spans="8:8">
      <c r="H365737" s="12"/>
    </row>
    <row r="365738" spans="8:8">
      <c r="H365738" s="12"/>
    </row>
    <row r="365739" spans="8:8">
      <c r="H365739" s="12"/>
    </row>
    <row r="365740" spans="8:8">
      <c r="H365740" s="12"/>
    </row>
    <row r="365741" spans="8:8">
      <c r="H365741" s="12"/>
    </row>
    <row r="365742" spans="8:8">
      <c r="H365742" s="12"/>
    </row>
    <row r="365743" spans="8:8">
      <c r="H365743" s="12"/>
    </row>
    <row r="365744" spans="8:8">
      <c r="H365744" s="12"/>
    </row>
    <row r="365745" spans="8:8">
      <c r="H365745" s="12"/>
    </row>
    <row r="365746" spans="8:8">
      <c r="H365746" s="12"/>
    </row>
    <row r="365747" spans="8:8">
      <c r="H365747" s="12"/>
    </row>
    <row r="365748" spans="8:8">
      <c r="H365748" s="12"/>
    </row>
    <row r="365749" spans="8:8">
      <c r="H365749" s="12"/>
    </row>
    <row r="365750" spans="8:8">
      <c r="H365750" s="12"/>
    </row>
    <row r="365751" spans="8:8">
      <c r="H365751" s="12"/>
    </row>
    <row r="365752" spans="8:8">
      <c r="H365752" s="12"/>
    </row>
    <row r="365753" spans="8:8">
      <c r="H365753" s="12"/>
    </row>
    <row r="365754" spans="8:8">
      <c r="H365754" s="12"/>
    </row>
    <row r="365755" spans="8:8">
      <c r="H365755" s="12"/>
    </row>
    <row r="365756" spans="8:8">
      <c r="H365756" s="12"/>
    </row>
    <row r="365757" spans="8:8">
      <c r="H365757" s="12"/>
    </row>
    <row r="365758" spans="8:8">
      <c r="H365758" s="12"/>
    </row>
    <row r="365759" spans="8:8">
      <c r="H365759" s="12"/>
    </row>
    <row r="365760" spans="8:8">
      <c r="H365760" s="12"/>
    </row>
    <row r="365761" spans="8:8">
      <c r="H365761" s="12"/>
    </row>
    <row r="365762" spans="8:8">
      <c r="H365762" s="12"/>
    </row>
    <row r="365763" spans="8:8">
      <c r="H365763" s="12"/>
    </row>
    <row r="365764" spans="8:8">
      <c r="H365764" s="12"/>
    </row>
    <row r="365765" spans="8:8">
      <c r="H365765" s="12"/>
    </row>
    <row r="365766" spans="8:8">
      <c r="H365766" s="12"/>
    </row>
    <row r="365767" spans="8:8">
      <c r="H365767" s="12"/>
    </row>
    <row r="365768" spans="8:8">
      <c r="H365768" s="12"/>
    </row>
    <row r="365769" spans="8:8">
      <c r="H365769" s="12"/>
    </row>
    <row r="365770" spans="8:8">
      <c r="H365770" s="12"/>
    </row>
    <row r="365771" spans="8:8">
      <c r="H365771" s="12"/>
    </row>
    <row r="365772" spans="8:8">
      <c r="H365772" s="12"/>
    </row>
    <row r="365773" spans="8:8">
      <c r="H365773" s="12"/>
    </row>
    <row r="365774" spans="8:8">
      <c r="H365774" s="12"/>
    </row>
    <row r="365775" spans="8:8">
      <c r="H365775" s="12"/>
    </row>
    <row r="365776" spans="8:8">
      <c r="H365776" s="12"/>
    </row>
    <row r="365777" spans="8:8">
      <c r="H365777" s="12"/>
    </row>
    <row r="365778" spans="8:8">
      <c r="H365778" s="12"/>
    </row>
    <row r="365779" spans="8:8">
      <c r="H365779" s="12"/>
    </row>
    <row r="365780" spans="8:8">
      <c r="H365780" s="12"/>
    </row>
    <row r="365781" spans="8:8">
      <c r="H365781" s="12"/>
    </row>
    <row r="365782" spans="8:8">
      <c r="H365782" s="12"/>
    </row>
    <row r="365783" spans="8:8">
      <c r="H365783" s="12"/>
    </row>
    <row r="365784" spans="8:8">
      <c r="H365784" s="12"/>
    </row>
    <row r="365785" spans="8:8">
      <c r="H365785" s="12"/>
    </row>
    <row r="365786" spans="8:8">
      <c r="H365786" s="12"/>
    </row>
    <row r="365787" spans="8:8">
      <c r="H365787" s="12"/>
    </row>
    <row r="365788" spans="8:8">
      <c r="H365788" s="12"/>
    </row>
    <row r="365789" spans="8:8">
      <c r="H365789" s="12"/>
    </row>
    <row r="365790" spans="8:8">
      <c r="H365790" s="12"/>
    </row>
    <row r="365791" spans="8:8">
      <c r="H365791" s="12"/>
    </row>
    <row r="365792" spans="8:8">
      <c r="H365792" s="12"/>
    </row>
    <row r="365793" spans="8:8">
      <c r="H365793" s="12"/>
    </row>
    <row r="365794" spans="8:8">
      <c r="H365794" s="12"/>
    </row>
    <row r="365795" spans="8:8">
      <c r="H365795" s="12"/>
    </row>
    <row r="365796" spans="8:8">
      <c r="H365796" s="12"/>
    </row>
    <row r="365797" spans="8:8">
      <c r="H365797" s="12"/>
    </row>
    <row r="365798" spans="8:8">
      <c r="H365798" s="12"/>
    </row>
    <row r="365799" spans="8:8">
      <c r="H365799" s="12"/>
    </row>
    <row r="365800" spans="8:8">
      <c r="H365800" s="12"/>
    </row>
    <row r="365801" spans="8:8">
      <c r="H365801" s="12"/>
    </row>
    <row r="365802" spans="8:8">
      <c r="H365802" s="12"/>
    </row>
    <row r="365803" spans="8:8">
      <c r="H365803" s="12"/>
    </row>
    <row r="365804" spans="8:8">
      <c r="H365804" s="12"/>
    </row>
    <row r="365805" spans="8:8">
      <c r="H365805" s="12"/>
    </row>
    <row r="365806" spans="8:8">
      <c r="H365806" s="12"/>
    </row>
    <row r="365807" spans="8:8">
      <c r="H365807" s="12"/>
    </row>
    <row r="365808" spans="8:8">
      <c r="H365808" s="12"/>
    </row>
    <row r="365809" spans="8:8">
      <c r="H365809" s="12"/>
    </row>
    <row r="365810" spans="8:8">
      <c r="H365810" s="12"/>
    </row>
    <row r="365811" spans="8:8">
      <c r="H365811" s="12"/>
    </row>
    <row r="365812" spans="8:8">
      <c r="H365812" s="12"/>
    </row>
    <row r="365813" spans="8:8">
      <c r="H365813" s="12"/>
    </row>
    <row r="365814" spans="8:8">
      <c r="H365814" s="12"/>
    </row>
    <row r="365815" spans="8:8">
      <c r="H365815" s="12"/>
    </row>
    <row r="365816" spans="8:8">
      <c r="H365816" s="12"/>
    </row>
    <row r="365817" spans="8:8">
      <c r="H365817" s="12"/>
    </row>
    <row r="365818" spans="8:8">
      <c r="H365818" s="12"/>
    </row>
    <row r="365819" spans="8:8">
      <c r="H365819" s="12"/>
    </row>
    <row r="365820" spans="8:8">
      <c r="H365820" s="12"/>
    </row>
    <row r="365821" spans="8:8">
      <c r="H365821" s="12"/>
    </row>
    <row r="365822" spans="8:8">
      <c r="H365822" s="12"/>
    </row>
    <row r="365823" spans="8:8">
      <c r="H365823" s="12"/>
    </row>
    <row r="365824" spans="8:8">
      <c r="H365824" s="12"/>
    </row>
    <row r="365825" spans="8:8">
      <c r="H365825" s="12"/>
    </row>
    <row r="365826" spans="8:8">
      <c r="H365826" s="12"/>
    </row>
    <row r="365827" spans="8:8">
      <c r="H365827" s="12"/>
    </row>
    <row r="365828" spans="8:8">
      <c r="H365828" s="12"/>
    </row>
    <row r="365829" spans="8:8">
      <c r="H365829" s="12"/>
    </row>
    <row r="365830" spans="8:8">
      <c r="H365830" s="12"/>
    </row>
    <row r="365831" spans="8:8">
      <c r="H365831" s="12"/>
    </row>
    <row r="365832" spans="8:8">
      <c r="H365832" s="12"/>
    </row>
    <row r="365833" spans="8:8">
      <c r="H365833" s="12"/>
    </row>
    <row r="365834" spans="8:8">
      <c r="H365834" s="12"/>
    </row>
    <row r="365835" spans="8:8">
      <c r="H365835" s="12"/>
    </row>
    <row r="365836" spans="8:8">
      <c r="H365836" s="12"/>
    </row>
    <row r="365837" spans="8:8">
      <c r="H365837" s="12"/>
    </row>
    <row r="365838" spans="8:8">
      <c r="H365838" s="12"/>
    </row>
    <row r="365839" spans="8:8">
      <c r="H365839" s="12"/>
    </row>
    <row r="365840" spans="8:8">
      <c r="H365840" s="12"/>
    </row>
    <row r="365841" spans="8:8">
      <c r="H365841" s="12"/>
    </row>
    <row r="365842" spans="8:8">
      <c r="H365842" s="12"/>
    </row>
    <row r="365843" spans="8:8">
      <c r="H365843" s="12"/>
    </row>
    <row r="365844" spans="8:8">
      <c r="H365844" s="12"/>
    </row>
    <row r="365845" spans="8:8">
      <c r="H365845" s="12"/>
    </row>
    <row r="365846" spans="8:8">
      <c r="H365846" s="12"/>
    </row>
    <row r="365847" spans="8:8">
      <c r="H365847" s="12"/>
    </row>
    <row r="365848" spans="8:8">
      <c r="H365848" s="12"/>
    </row>
    <row r="365849" spans="8:8">
      <c r="H365849" s="12"/>
    </row>
    <row r="365850" spans="8:8">
      <c r="H365850" s="12"/>
    </row>
    <row r="365851" spans="8:8">
      <c r="H365851" s="12"/>
    </row>
    <row r="365852" spans="8:8">
      <c r="H365852" s="12"/>
    </row>
    <row r="365853" spans="8:8">
      <c r="H365853" s="12"/>
    </row>
    <row r="365854" spans="8:8">
      <c r="H365854" s="12"/>
    </row>
    <row r="365855" spans="8:8">
      <c r="H365855" s="12"/>
    </row>
    <row r="365856" spans="8:8">
      <c r="H365856" s="12"/>
    </row>
    <row r="365857" spans="8:8">
      <c r="H365857" s="12"/>
    </row>
    <row r="365858" spans="8:8">
      <c r="H365858" s="12"/>
    </row>
    <row r="365859" spans="8:8">
      <c r="H365859" s="12"/>
    </row>
    <row r="365860" spans="8:8">
      <c r="H365860" s="12"/>
    </row>
    <row r="365861" spans="8:8">
      <c r="H365861" s="12"/>
    </row>
    <row r="365862" spans="8:8">
      <c r="H365862" s="12"/>
    </row>
    <row r="365863" spans="8:8">
      <c r="H365863" s="12"/>
    </row>
    <row r="365864" spans="8:8">
      <c r="H365864" s="12"/>
    </row>
    <row r="365865" spans="8:8">
      <c r="H365865" s="12"/>
    </row>
    <row r="365866" spans="8:8">
      <c r="H365866" s="12"/>
    </row>
    <row r="365867" spans="8:8">
      <c r="H365867" s="12"/>
    </row>
    <row r="365868" spans="8:8">
      <c r="H365868" s="12"/>
    </row>
    <row r="365869" spans="8:8">
      <c r="H365869" s="12"/>
    </row>
    <row r="365870" spans="8:8">
      <c r="H365870" s="12"/>
    </row>
    <row r="365871" spans="8:8">
      <c r="H365871" s="12"/>
    </row>
    <row r="365872" spans="8:8">
      <c r="H365872" s="12"/>
    </row>
    <row r="365873" spans="8:8">
      <c r="H365873" s="12"/>
    </row>
    <row r="365874" spans="8:8">
      <c r="H365874" s="12"/>
    </row>
    <row r="365875" spans="8:8">
      <c r="H365875" s="12"/>
    </row>
    <row r="365876" spans="8:8">
      <c r="H365876" s="12"/>
    </row>
    <row r="365877" spans="8:8">
      <c r="H365877" s="12"/>
    </row>
    <row r="365878" spans="8:8">
      <c r="H365878" s="12"/>
    </row>
    <row r="365879" spans="8:8">
      <c r="H365879" s="12"/>
    </row>
    <row r="365880" spans="8:8">
      <c r="H365880" s="12"/>
    </row>
    <row r="365881" spans="8:8">
      <c r="H365881" s="12"/>
    </row>
    <row r="365882" spans="8:8">
      <c r="H365882" s="12"/>
    </row>
    <row r="365883" spans="8:8">
      <c r="H365883" s="12"/>
    </row>
    <row r="365884" spans="8:8">
      <c r="H365884" s="12"/>
    </row>
    <row r="365885" spans="8:8">
      <c r="H365885" s="12"/>
    </row>
    <row r="365886" spans="8:8">
      <c r="H365886" s="12"/>
    </row>
    <row r="365887" spans="8:8">
      <c r="H365887" s="12"/>
    </row>
    <row r="365888" spans="8:8">
      <c r="H365888" s="12"/>
    </row>
    <row r="365889" spans="8:8">
      <c r="H365889" s="12"/>
    </row>
    <row r="365890" spans="8:8">
      <c r="H365890" s="12"/>
    </row>
    <row r="365891" spans="8:8">
      <c r="H365891" s="12"/>
    </row>
    <row r="365892" spans="8:8">
      <c r="H365892" s="12"/>
    </row>
    <row r="365893" spans="8:8">
      <c r="H365893" s="12"/>
    </row>
    <row r="365894" spans="8:8">
      <c r="H365894" s="12"/>
    </row>
    <row r="365895" spans="8:8">
      <c r="H365895" s="12"/>
    </row>
    <row r="365896" spans="8:8">
      <c r="H365896" s="12"/>
    </row>
    <row r="365897" spans="8:8">
      <c r="H365897" s="12"/>
    </row>
    <row r="365898" spans="8:8">
      <c r="H365898" s="12"/>
    </row>
    <row r="365899" spans="8:8">
      <c r="H365899" s="12"/>
    </row>
    <row r="365900" spans="8:8">
      <c r="H365900" s="12"/>
    </row>
    <row r="365901" spans="8:8">
      <c r="H365901" s="12"/>
    </row>
    <row r="365902" spans="8:8">
      <c r="H365902" s="12"/>
    </row>
    <row r="365903" spans="8:8">
      <c r="H365903" s="12"/>
    </row>
    <row r="365904" spans="8:8">
      <c r="H365904" s="12"/>
    </row>
    <row r="365905" spans="8:8">
      <c r="H365905" s="12"/>
    </row>
    <row r="365906" spans="8:8">
      <c r="H365906" s="12"/>
    </row>
    <row r="365907" spans="8:8">
      <c r="H365907" s="12"/>
    </row>
    <row r="365908" spans="8:8">
      <c r="H365908" s="12"/>
    </row>
    <row r="365909" spans="8:8">
      <c r="H365909" s="12"/>
    </row>
    <row r="365910" spans="8:8">
      <c r="H365910" s="12"/>
    </row>
    <row r="365911" spans="8:8">
      <c r="H365911" s="12"/>
    </row>
    <row r="365912" spans="8:8">
      <c r="H365912" s="12"/>
    </row>
    <row r="365913" spans="8:8">
      <c r="H365913" s="12"/>
    </row>
    <row r="365914" spans="8:8">
      <c r="H365914" s="12"/>
    </row>
    <row r="365915" spans="8:8">
      <c r="H365915" s="12"/>
    </row>
    <row r="365916" spans="8:8">
      <c r="H365916" s="12"/>
    </row>
    <row r="365917" spans="8:8">
      <c r="H365917" s="12"/>
    </row>
    <row r="365918" spans="8:8">
      <c r="H365918" s="12"/>
    </row>
    <row r="365919" spans="8:8">
      <c r="H365919" s="12"/>
    </row>
    <row r="365920" spans="8:8">
      <c r="H365920" s="12"/>
    </row>
    <row r="365921" spans="8:8">
      <c r="H365921" s="12"/>
    </row>
    <row r="365922" spans="8:8">
      <c r="H365922" s="12"/>
    </row>
    <row r="365923" spans="8:8">
      <c r="H365923" s="12"/>
    </row>
    <row r="365924" spans="8:8">
      <c r="H365924" s="12"/>
    </row>
    <row r="365925" spans="8:8">
      <c r="H365925" s="12"/>
    </row>
    <row r="365926" spans="8:8">
      <c r="H365926" s="12"/>
    </row>
    <row r="365927" spans="8:8">
      <c r="H365927" s="12"/>
    </row>
    <row r="365928" spans="8:8">
      <c r="H365928" s="12"/>
    </row>
    <row r="365929" spans="8:8">
      <c r="H365929" s="12"/>
    </row>
    <row r="365930" spans="8:8">
      <c r="H365930" s="12"/>
    </row>
    <row r="365931" spans="8:8">
      <c r="H365931" s="12"/>
    </row>
    <row r="365932" spans="8:8">
      <c r="H365932" s="12"/>
    </row>
    <row r="365933" spans="8:8">
      <c r="H365933" s="12"/>
    </row>
    <row r="365934" spans="8:8">
      <c r="H365934" s="12"/>
    </row>
    <row r="365935" spans="8:8">
      <c r="H365935" s="12"/>
    </row>
    <row r="365936" spans="8:8">
      <c r="H365936" s="12"/>
    </row>
    <row r="365937" spans="8:8">
      <c r="H365937" s="12"/>
    </row>
    <row r="365938" spans="8:8">
      <c r="H365938" s="12"/>
    </row>
    <row r="365939" spans="8:8">
      <c r="H365939" s="12"/>
    </row>
    <row r="365940" spans="8:8">
      <c r="H365940" s="12"/>
    </row>
    <row r="365941" spans="8:8">
      <c r="H365941" s="12"/>
    </row>
    <row r="365942" spans="8:8">
      <c r="H365942" s="12"/>
    </row>
    <row r="365943" spans="8:8">
      <c r="H365943" s="12"/>
    </row>
    <row r="365944" spans="8:8">
      <c r="H365944" s="12"/>
    </row>
    <row r="365945" spans="8:8">
      <c r="H365945" s="12"/>
    </row>
    <row r="365946" spans="8:8">
      <c r="H365946" s="12"/>
    </row>
    <row r="365947" spans="8:8">
      <c r="H365947" s="12"/>
    </row>
    <row r="365948" spans="8:8">
      <c r="H365948" s="12"/>
    </row>
    <row r="365949" spans="8:8">
      <c r="H365949" s="12"/>
    </row>
    <row r="365950" spans="8:8">
      <c r="H365950" s="12"/>
    </row>
    <row r="365951" spans="8:8">
      <c r="H365951" s="12"/>
    </row>
    <row r="365952" spans="8:8">
      <c r="H365952" s="12"/>
    </row>
    <row r="365953" spans="8:8">
      <c r="H365953" s="12"/>
    </row>
    <row r="365954" spans="8:8">
      <c r="H365954" s="12"/>
    </row>
    <row r="365955" spans="8:8">
      <c r="H365955" s="12"/>
    </row>
    <row r="365956" spans="8:8">
      <c r="H365956" s="12"/>
    </row>
    <row r="365957" spans="8:8">
      <c r="H365957" s="12"/>
    </row>
    <row r="365958" spans="8:8">
      <c r="H365958" s="12"/>
    </row>
    <row r="365959" spans="8:8">
      <c r="H365959" s="12"/>
    </row>
    <row r="365960" spans="8:8">
      <c r="H365960" s="12"/>
    </row>
    <row r="365961" spans="8:8">
      <c r="H365961" s="12"/>
    </row>
    <row r="365962" spans="8:8">
      <c r="H365962" s="12"/>
    </row>
    <row r="365963" spans="8:8">
      <c r="H365963" s="12"/>
    </row>
    <row r="365964" spans="8:8">
      <c r="H365964" s="12"/>
    </row>
    <row r="365965" spans="8:8">
      <c r="H365965" s="12"/>
    </row>
    <row r="365966" spans="8:8">
      <c r="H365966" s="12"/>
    </row>
    <row r="365967" spans="8:8">
      <c r="H365967" s="12"/>
    </row>
    <row r="365968" spans="8:8">
      <c r="H365968" s="12"/>
    </row>
    <row r="365969" spans="8:8">
      <c r="H365969" s="12"/>
    </row>
    <row r="365970" spans="8:8">
      <c r="H365970" s="12"/>
    </row>
    <row r="365971" spans="8:8">
      <c r="H365971" s="12"/>
    </row>
    <row r="365972" spans="8:8">
      <c r="H365972" s="12"/>
    </row>
    <row r="365973" spans="8:8">
      <c r="H365973" s="12"/>
    </row>
    <row r="365974" spans="8:8">
      <c r="H365974" s="12"/>
    </row>
    <row r="365975" spans="8:8">
      <c r="H365975" s="12"/>
    </row>
    <row r="365976" spans="8:8">
      <c r="H365976" s="12"/>
    </row>
    <row r="365977" spans="8:8">
      <c r="H365977" s="12"/>
    </row>
    <row r="365978" spans="8:8">
      <c r="H365978" s="12"/>
    </row>
    <row r="365979" spans="8:8">
      <c r="H365979" s="12"/>
    </row>
    <row r="365980" spans="8:8">
      <c r="H365980" s="12"/>
    </row>
    <row r="365981" spans="8:8">
      <c r="H365981" s="12"/>
    </row>
    <row r="365982" spans="8:8">
      <c r="H365982" s="12"/>
    </row>
    <row r="365983" spans="8:8">
      <c r="H365983" s="12"/>
    </row>
    <row r="365984" spans="8:8">
      <c r="H365984" s="12"/>
    </row>
    <row r="365985" spans="8:8">
      <c r="H365985" s="12"/>
    </row>
    <row r="365986" spans="8:8">
      <c r="H365986" s="12"/>
    </row>
    <row r="365987" spans="8:8">
      <c r="H365987" s="12"/>
    </row>
    <row r="365988" spans="8:8">
      <c r="H365988" s="12"/>
    </row>
    <row r="365989" spans="8:8">
      <c r="H365989" s="12"/>
    </row>
    <row r="365990" spans="8:8">
      <c r="H365990" s="12"/>
    </row>
    <row r="365991" spans="8:8">
      <c r="H365991" s="12"/>
    </row>
    <row r="365992" spans="8:8">
      <c r="H365992" s="12"/>
    </row>
    <row r="365993" spans="8:8">
      <c r="H365993" s="12"/>
    </row>
    <row r="365994" spans="8:8">
      <c r="H365994" s="12"/>
    </row>
    <row r="365995" spans="8:8">
      <c r="H365995" s="12"/>
    </row>
    <row r="365996" spans="8:8">
      <c r="H365996" s="12"/>
    </row>
    <row r="365997" spans="8:8">
      <c r="H365997" s="12"/>
    </row>
    <row r="365998" spans="8:8">
      <c r="H365998" s="12"/>
    </row>
    <row r="365999" spans="8:8">
      <c r="H365999" s="12"/>
    </row>
    <row r="366000" spans="8:8">
      <c r="H366000" s="12"/>
    </row>
    <row r="366001" spans="8:8">
      <c r="H366001" s="12"/>
    </row>
    <row r="366002" spans="8:8">
      <c r="H366002" s="12"/>
    </row>
    <row r="366003" spans="8:8">
      <c r="H366003" s="12"/>
    </row>
    <row r="366004" spans="8:8">
      <c r="H366004" s="12"/>
    </row>
    <row r="366005" spans="8:8">
      <c r="H366005" s="12"/>
    </row>
    <row r="366006" spans="8:8">
      <c r="H366006" s="12"/>
    </row>
    <row r="366007" spans="8:8">
      <c r="H366007" s="12"/>
    </row>
    <row r="366008" spans="8:8">
      <c r="H366008" s="12"/>
    </row>
    <row r="366009" spans="8:8">
      <c r="H366009" s="12"/>
    </row>
    <row r="366010" spans="8:8">
      <c r="H366010" s="12"/>
    </row>
    <row r="366011" spans="8:8">
      <c r="H366011" s="12"/>
    </row>
    <row r="366012" spans="8:8">
      <c r="H366012" s="12"/>
    </row>
    <row r="366013" spans="8:8">
      <c r="H366013" s="12"/>
    </row>
    <row r="366014" spans="8:8">
      <c r="H366014" s="12"/>
    </row>
    <row r="366015" spans="8:8">
      <c r="H366015" s="12"/>
    </row>
    <row r="366016" spans="8:8">
      <c r="H366016" s="12"/>
    </row>
    <row r="366017" spans="8:8">
      <c r="H366017" s="12"/>
    </row>
    <row r="366018" spans="8:8">
      <c r="H366018" s="12"/>
    </row>
    <row r="366019" spans="8:8">
      <c r="H366019" s="12"/>
    </row>
    <row r="366020" spans="8:8">
      <c r="H366020" s="12"/>
    </row>
    <row r="366021" spans="8:8">
      <c r="H366021" s="12"/>
    </row>
    <row r="366022" spans="8:8">
      <c r="H366022" s="12"/>
    </row>
    <row r="366023" spans="8:8">
      <c r="H366023" s="12"/>
    </row>
    <row r="366024" spans="8:8">
      <c r="H366024" s="12"/>
    </row>
    <row r="366025" spans="8:8">
      <c r="H366025" s="12"/>
    </row>
    <row r="366026" spans="8:8">
      <c r="H366026" s="12"/>
    </row>
    <row r="366027" spans="8:8">
      <c r="H366027" s="12"/>
    </row>
    <row r="366028" spans="8:8">
      <c r="H366028" s="12"/>
    </row>
    <row r="366029" spans="8:8">
      <c r="H366029" s="12"/>
    </row>
    <row r="366030" spans="8:8">
      <c r="H366030" s="12"/>
    </row>
    <row r="366031" spans="8:8">
      <c r="H366031" s="12"/>
    </row>
    <row r="366032" spans="8:8">
      <c r="H366032" s="12"/>
    </row>
    <row r="366033" spans="8:8">
      <c r="H366033" s="12"/>
    </row>
    <row r="366034" spans="8:8">
      <c r="H366034" s="12"/>
    </row>
    <row r="366035" spans="8:8">
      <c r="H366035" s="12"/>
    </row>
    <row r="366036" spans="8:8">
      <c r="H366036" s="12"/>
    </row>
    <row r="366037" spans="8:8">
      <c r="H366037" s="12"/>
    </row>
    <row r="366038" spans="8:8">
      <c r="H366038" s="12"/>
    </row>
    <row r="366039" spans="8:8">
      <c r="H366039" s="12"/>
    </row>
    <row r="366040" spans="8:8">
      <c r="H366040" s="12"/>
    </row>
    <row r="366041" spans="8:8">
      <c r="H366041" s="12"/>
    </row>
    <row r="366042" spans="8:8">
      <c r="H366042" s="12"/>
    </row>
    <row r="366043" spans="8:8">
      <c r="H366043" s="12"/>
    </row>
    <row r="366044" spans="8:8">
      <c r="H366044" s="12"/>
    </row>
    <row r="366045" spans="8:8">
      <c r="H366045" s="12"/>
    </row>
    <row r="366046" spans="8:8">
      <c r="H366046" s="12"/>
    </row>
    <row r="366047" spans="8:8">
      <c r="H366047" s="12"/>
    </row>
    <row r="366048" spans="8:8">
      <c r="H366048" s="12"/>
    </row>
    <row r="366049" spans="8:8">
      <c r="H366049" s="12"/>
    </row>
    <row r="366050" spans="8:8">
      <c r="H366050" s="12"/>
    </row>
    <row r="366051" spans="8:8">
      <c r="H366051" s="12"/>
    </row>
    <row r="366052" spans="8:8">
      <c r="H366052" s="12"/>
    </row>
    <row r="366053" spans="8:8">
      <c r="H366053" s="12"/>
    </row>
    <row r="366054" spans="8:8">
      <c r="H366054" s="12"/>
    </row>
    <row r="366055" spans="8:8">
      <c r="H366055" s="12"/>
    </row>
    <row r="366056" spans="8:8">
      <c r="H366056" s="12"/>
    </row>
    <row r="366057" spans="8:8">
      <c r="H366057" s="12"/>
    </row>
    <row r="366058" spans="8:8">
      <c r="H366058" s="12"/>
    </row>
    <row r="366059" spans="8:8">
      <c r="H366059" s="12"/>
    </row>
    <row r="366060" spans="8:8">
      <c r="H366060" s="12"/>
    </row>
    <row r="366061" spans="8:8">
      <c r="H366061" s="12"/>
    </row>
    <row r="366062" spans="8:8">
      <c r="H366062" s="12"/>
    </row>
    <row r="366063" spans="8:8">
      <c r="H366063" s="12"/>
    </row>
    <row r="366064" spans="8:8">
      <c r="H366064" s="12"/>
    </row>
    <row r="366065" spans="8:8">
      <c r="H366065" s="12"/>
    </row>
    <row r="366066" spans="8:8">
      <c r="H366066" s="12"/>
    </row>
    <row r="366067" spans="8:8">
      <c r="H366067" s="12"/>
    </row>
    <row r="366068" spans="8:8">
      <c r="H366068" s="12"/>
    </row>
    <row r="366069" spans="8:8">
      <c r="H366069" s="12"/>
    </row>
    <row r="366070" spans="8:8">
      <c r="H366070" s="12"/>
    </row>
    <row r="366071" spans="8:8">
      <c r="H366071" s="12"/>
    </row>
    <row r="366072" spans="8:8">
      <c r="H366072" s="12"/>
    </row>
    <row r="366073" spans="8:8">
      <c r="H366073" s="12"/>
    </row>
    <row r="366074" spans="8:8">
      <c r="H366074" s="12"/>
    </row>
    <row r="366075" spans="8:8">
      <c r="H366075" s="12"/>
    </row>
    <row r="366076" spans="8:8">
      <c r="H366076" s="12"/>
    </row>
    <row r="366077" spans="8:8">
      <c r="H366077" s="12"/>
    </row>
    <row r="366078" spans="8:8">
      <c r="H366078" s="12"/>
    </row>
    <row r="366079" spans="8:8">
      <c r="H366079" s="12"/>
    </row>
    <row r="366080" spans="8:8">
      <c r="H366080" s="12"/>
    </row>
    <row r="366081" spans="8:8">
      <c r="H366081" s="12"/>
    </row>
    <row r="366082" spans="8:8">
      <c r="H366082" s="12"/>
    </row>
    <row r="366083" spans="8:8">
      <c r="H366083" s="12"/>
    </row>
    <row r="366084" spans="8:8">
      <c r="H366084" s="12"/>
    </row>
    <row r="366085" spans="8:8">
      <c r="H366085" s="12"/>
    </row>
    <row r="366086" spans="8:8">
      <c r="H366086" s="12"/>
    </row>
    <row r="366087" spans="8:8">
      <c r="H366087" s="12"/>
    </row>
    <row r="366088" spans="8:8">
      <c r="H366088" s="12"/>
    </row>
    <row r="366089" spans="8:8">
      <c r="H366089" s="12"/>
    </row>
    <row r="366090" spans="8:8">
      <c r="H366090" s="12"/>
    </row>
    <row r="366091" spans="8:8">
      <c r="H366091" s="12"/>
    </row>
    <row r="366092" spans="8:8">
      <c r="H366092" s="12"/>
    </row>
    <row r="366093" spans="8:8">
      <c r="H366093" s="12"/>
    </row>
    <row r="366094" spans="8:8">
      <c r="H366094" s="12"/>
    </row>
    <row r="366095" spans="8:8">
      <c r="H366095" s="12"/>
    </row>
    <row r="366096" spans="8:8">
      <c r="H366096" s="12"/>
    </row>
    <row r="366097" spans="8:8">
      <c r="H366097" s="12"/>
    </row>
    <row r="366098" spans="8:8">
      <c r="H366098" s="12"/>
    </row>
    <row r="366099" spans="8:8">
      <c r="H366099" s="12"/>
    </row>
    <row r="366100" spans="8:8">
      <c r="H366100" s="12"/>
    </row>
    <row r="366101" spans="8:8">
      <c r="H366101" s="12"/>
    </row>
    <row r="366102" spans="8:8">
      <c r="H366102" s="12"/>
    </row>
    <row r="366103" spans="8:8">
      <c r="H366103" s="12"/>
    </row>
    <row r="366104" spans="8:8">
      <c r="H366104" s="12"/>
    </row>
    <row r="366105" spans="8:8">
      <c r="H366105" s="12"/>
    </row>
    <row r="366106" spans="8:8">
      <c r="H366106" s="12"/>
    </row>
    <row r="366107" spans="8:8">
      <c r="H366107" s="12"/>
    </row>
    <row r="366108" spans="8:8">
      <c r="H366108" s="12"/>
    </row>
    <row r="366109" spans="8:8">
      <c r="H366109" s="12"/>
    </row>
    <row r="366110" spans="8:8">
      <c r="H366110" s="12"/>
    </row>
    <row r="366111" spans="8:8">
      <c r="H366111" s="12"/>
    </row>
    <row r="366112" spans="8:8">
      <c r="H366112" s="12"/>
    </row>
    <row r="366113" spans="8:8">
      <c r="H366113" s="12"/>
    </row>
    <row r="366114" spans="8:8">
      <c r="H366114" s="12"/>
    </row>
    <row r="366115" spans="8:8">
      <c r="H366115" s="12"/>
    </row>
    <row r="366116" spans="8:8">
      <c r="H366116" s="12"/>
    </row>
    <row r="366117" spans="8:8">
      <c r="H366117" s="12"/>
    </row>
    <row r="366118" spans="8:8">
      <c r="H366118" s="12"/>
    </row>
    <row r="366119" spans="8:8">
      <c r="H366119" s="12"/>
    </row>
    <row r="366120" spans="8:8">
      <c r="H366120" s="12"/>
    </row>
    <row r="366121" spans="8:8">
      <c r="H366121" s="12"/>
    </row>
    <row r="366122" spans="8:8">
      <c r="H366122" s="12"/>
    </row>
    <row r="366123" spans="8:8">
      <c r="H366123" s="12"/>
    </row>
    <row r="366124" spans="8:8">
      <c r="H366124" s="12"/>
    </row>
    <row r="366125" spans="8:8">
      <c r="H366125" s="12"/>
    </row>
    <row r="366126" spans="8:8">
      <c r="H366126" s="12"/>
    </row>
    <row r="366127" spans="8:8">
      <c r="H366127" s="12"/>
    </row>
    <row r="366128" spans="8:8">
      <c r="H366128" s="12"/>
    </row>
    <row r="366129" spans="8:8">
      <c r="H366129" s="12"/>
    </row>
    <row r="366130" spans="8:8">
      <c r="H366130" s="12"/>
    </row>
    <row r="366131" spans="8:8">
      <c r="H366131" s="12"/>
    </row>
    <row r="366132" spans="8:8">
      <c r="H366132" s="12"/>
    </row>
    <row r="366133" spans="8:8">
      <c r="H366133" s="12"/>
    </row>
    <row r="366134" spans="8:8">
      <c r="H366134" s="12"/>
    </row>
    <row r="366135" spans="8:8">
      <c r="H366135" s="12"/>
    </row>
    <row r="366136" spans="8:8">
      <c r="H366136" s="12"/>
    </row>
    <row r="366137" spans="8:8">
      <c r="H366137" s="12"/>
    </row>
    <row r="366138" spans="8:8">
      <c r="H366138" s="12"/>
    </row>
    <row r="366139" spans="8:8">
      <c r="H366139" s="12"/>
    </row>
    <row r="366140" spans="8:8">
      <c r="H366140" s="12"/>
    </row>
    <row r="366141" spans="8:8">
      <c r="H366141" s="12"/>
    </row>
    <row r="366142" spans="8:8">
      <c r="H366142" s="12"/>
    </row>
    <row r="366143" spans="8:8">
      <c r="H366143" s="12"/>
    </row>
    <row r="366144" spans="8:8">
      <c r="H366144" s="12"/>
    </row>
    <row r="366145" spans="8:8">
      <c r="H366145" s="12"/>
    </row>
    <row r="366146" spans="8:8">
      <c r="H366146" s="12"/>
    </row>
    <row r="366147" spans="8:8">
      <c r="H366147" s="12"/>
    </row>
    <row r="366148" spans="8:8">
      <c r="H366148" s="12"/>
    </row>
    <row r="366149" spans="8:8">
      <c r="H366149" s="12"/>
    </row>
    <row r="366150" spans="8:8">
      <c r="H366150" s="12"/>
    </row>
    <row r="366151" spans="8:8">
      <c r="H366151" s="12"/>
    </row>
    <row r="366152" spans="8:8">
      <c r="H366152" s="12"/>
    </row>
    <row r="366153" spans="8:8">
      <c r="H366153" s="12"/>
    </row>
    <row r="366154" spans="8:8">
      <c r="H366154" s="12"/>
    </row>
    <row r="366155" spans="8:8">
      <c r="H366155" s="12"/>
    </row>
    <row r="366156" spans="8:8">
      <c r="H366156" s="12"/>
    </row>
    <row r="366157" spans="8:8">
      <c r="H366157" s="12"/>
    </row>
    <row r="366158" spans="8:8">
      <c r="H366158" s="12"/>
    </row>
    <row r="366159" spans="8:8">
      <c r="H366159" s="12"/>
    </row>
    <row r="366160" spans="8:8">
      <c r="H366160" s="12"/>
    </row>
    <row r="366161" spans="8:8">
      <c r="H366161" s="12"/>
    </row>
    <row r="366162" spans="8:8">
      <c r="H366162" s="12"/>
    </row>
    <row r="366163" spans="8:8">
      <c r="H366163" s="12"/>
    </row>
    <row r="366164" spans="8:8">
      <c r="H366164" s="12"/>
    </row>
    <row r="366165" spans="8:8">
      <c r="H366165" s="12"/>
    </row>
    <row r="366166" spans="8:8">
      <c r="H366166" s="12"/>
    </row>
    <row r="366167" spans="8:8">
      <c r="H366167" s="12"/>
    </row>
    <row r="366168" spans="8:8">
      <c r="H366168" s="12"/>
    </row>
    <row r="366169" spans="8:8">
      <c r="H366169" s="12"/>
    </row>
    <row r="366170" spans="8:8">
      <c r="H366170" s="12"/>
    </row>
    <row r="366171" spans="8:8">
      <c r="H366171" s="12"/>
    </row>
    <row r="366172" spans="8:8">
      <c r="H366172" s="12"/>
    </row>
    <row r="366173" spans="8:8">
      <c r="H366173" s="12"/>
    </row>
    <row r="366174" spans="8:8">
      <c r="H366174" s="12"/>
    </row>
    <row r="366175" spans="8:8">
      <c r="H366175" s="12"/>
    </row>
    <row r="366176" spans="8:8">
      <c r="H366176" s="12"/>
    </row>
    <row r="366177" spans="8:8">
      <c r="H366177" s="12"/>
    </row>
    <row r="366178" spans="8:8">
      <c r="H366178" s="12"/>
    </row>
    <row r="366179" spans="8:8">
      <c r="H366179" s="12"/>
    </row>
    <row r="366180" spans="8:8">
      <c r="H366180" s="12"/>
    </row>
    <row r="366181" spans="8:8">
      <c r="H366181" s="12"/>
    </row>
    <row r="366182" spans="8:8">
      <c r="H366182" s="12"/>
    </row>
    <row r="366183" spans="8:8">
      <c r="H366183" s="12"/>
    </row>
    <row r="366184" spans="8:8">
      <c r="H366184" s="12"/>
    </row>
    <row r="366185" spans="8:8">
      <c r="H366185" s="12"/>
    </row>
    <row r="366186" spans="8:8">
      <c r="H366186" s="12"/>
    </row>
    <row r="366187" spans="8:8">
      <c r="H366187" s="12"/>
    </row>
    <row r="366188" spans="8:8">
      <c r="H366188" s="12"/>
    </row>
    <row r="366189" spans="8:8">
      <c r="H366189" s="12"/>
    </row>
    <row r="366190" spans="8:8">
      <c r="H366190" s="12"/>
    </row>
    <row r="366191" spans="8:8">
      <c r="H366191" s="12"/>
    </row>
    <row r="366192" spans="8:8">
      <c r="H366192" s="12"/>
    </row>
    <row r="366193" spans="8:8">
      <c r="H366193" s="12"/>
    </row>
    <row r="366194" spans="8:8">
      <c r="H366194" s="12"/>
    </row>
    <row r="366195" spans="8:8">
      <c r="H366195" s="12"/>
    </row>
    <row r="366196" spans="8:8">
      <c r="H366196" s="12"/>
    </row>
    <row r="366197" spans="8:8">
      <c r="H366197" s="12"/>
    </row>
    <row r="366198" spans="8:8">
      <c r="H366198" s="12"/>
    </row>
    <row r="366199" spans="8:8">
      <c r="H366199" s="12"/>
    </row>
    <row r="366200" spans="8:8">
      <c r="H366200" s="12"/>
    </row>
    <row r="366201" spans="8:8">
      <c r="H366201" s="12"/>
    </row>
    <row r="366202" spans="8:8">
      <c r="H366202" s="12"/>
    </row>
    <row r="366203" spans="8:8">
      <c r="H366203" s="12"/>
    </row>
    <row r="366204" spans="8:8">
      <c r="H366204" s="12"/>
    </row>
    <row r="366205" spans="8:8">
      <c r="H366205" s="12"/>
    </row>
    <row r="366206" spans="8:8">
      <c r="H366206" s="12"/>
    </row>
    <row r="366207" spans="8:8">
      <c r="H366207" s="12"/>
    </row>
    <row r="366208" spans="8:8">
      <c r="H366208" s="12"/>
    </row>
    <row r="366209" spans="8:8">
      <c r="H366209" s="12"/>
    </row>
    <row r="366210" spans="8:8">
      <c r="H366210" s="12"/>
    </row>
    <row r="366211" spans="8:8">
      <c r="H366211" s="12"/>
    </row>
    <row r="366212" spans="8:8">
      <c r="H366212" s="12"/>
    </row>
    <row r="366213" spans="8:8">
      <c r="H366213" s="12"/>
    </row>
    <row r="366214" spans="8:8">
      <c r="H366214" s="12"/>
    </row>
    <row r="366215" spans="8:8">
      <c r="H366215" s="12"/>
    </row>
    <row r="366216" spans="8:8">
      <c r="H366216" s="12"/>
    </row>
    <row r="366217" spans="8:8">
      <c r="H366217" s="12"/>
    </row>
    <row r="366218" spans="8:8">
      <c r="H366218" s="12"/>
    </row>
    <row r="366219" spans="8:8">
      <c r="H366219" s="12"/>
    </row>
    <row r="366220" spans="8:8">
      <c r="H366220" s="12"/>
    </row>
    <row r="366221" spans="8:8">
      <c r="H366221" s="12"/>
    </row>
    <row r="366222" spans="8:8">
      <c r="H366222" s="12"/>
    </row>
    <row r="366223" spans="8:8">
      <c r="H366223" s="12"/>
    </row>
    <row r="366224" spans="8:8">
      <c r="H366224" s="12"/>
    </row>
    <row r="366225" spans="8:8">
      <c r="H366225" s="12"/>
    </row>
    <row r="366226" spans="8:8">
      <c r="H366226" s="12"/>
    </row>
    <row r="366227" spans="8:8">
      <c r="H366227" s="12"/>
    </row>
    <row r="366228" spans="8:8">
      <c r="H366228" s="12"/>
    </row>
    <row r="366229" spans="8:8">
      <c r="H366229" s="12"/>
    </row>
    <row r="366230" spans="8:8">
      <c r="H366230" s="12"/>
    </row>
    <row r="366231" spans="8:8">
      <c r="H366231" s="12"/>
    </row>
    <row r="366232" spans="8:8">
      <c r="H366232" s="12"/>
    </row>
    <row r="366233" spans="8:8">
      <c r="H366233" s="12"/>
    </row>
    <row r="366234" spans="8:8">
      <c r="H366234" s="12"/>
    </row>
    <row r="366235" spans="8:8">
      <c r="H366235" s="12"/>
    </row>
    <row r="366236" spans="8:8">
      <c r="H366236" s="12"/>
    </row>
    <row r="366237" spans="8:8">
      <c r="H366237" s="12"/>
    </row>
    <row r="366238" spans="8:8">
      <c r="H366238" s="12"/>
    </row>
    <row r="366239" spans="8:8">
      <c r="H366239" s="12"/>
    </row>
    <row r="366240" spans="8:8">
      <c r="H366240" s="12"/>
    </row>
    <row r="366241" spans="8:8">
      <c r="H366241" s="12"/>
    </row>
    <row r="366242" spans="8:8">
      <c r="H366242" s="12"/>
    </row>
    <row r="366243" spans="8:8">
      <c r="H366243" s="12"/>
    </row>
    <row r="366244" spans="8:8">
      <c r="H366244" s="12"/>
    </row>
    <row r="366245" spans="8:8">
      <c r="H366245" s="12"/>
    </row>
    <row r="366246" spans="8:8">
      <c r="H366246" s="12"/>
    </row>
    <row r="366247" spans="8:8">
      <c r="H366247" s="12"/>
    </row>
    <row r="366248" spans="8:8">
      <c r="H366248" s="12"/>
    </row>
    <row r="366249" spans="8:8">
      <c r="H366249" s="12"/>
    </row>
    <row r="366250" spans="8:8">
      <c r="H366250" s="12"/>
    </row>
    <row r="366251" spans="8:8">
      <c r="H366251" s="12"/>
    </row>
    <row r="366252" spans="8:8">
      <c r="H366252" s="12"/>
    </row>
    <row r="366253" spans="8:8">
      <c r="H366253" s="12"/>
    </row>
    <row r="366254" spans="8:8">
      <c r="H366254" s="12"/>
    </row>
    <row r="366255" spans="8:8">
      <c r="H366255" s="12"/>
    </row>
    <row r="366256" spans="8:8">
      <c r="H366256" s="12"/>
    </row>
    <row r="366257" spans="8:8">
      <c r="H366257" s="12"/>
    </row>
    <row r="366258" spans="8:8">
      <c r="H366258" s="12"/>
    </row>
    <row r="366259" spans="8:8">
      <c r="H366259" s="12"/>
    </row>
    <row r="366260" spans="8:8">
      <c r="H366260" s="12"/>
    </row>
    <row r="366261" spans="8:8">
      <c r="H366261" s="12"/>
    </row>
    <row r="366262" spans="8:8">
      <c r="H366262" s="12"/>
    </row>
    <row r="366263" spans="8:8">
      <c r="H366263" s="12"/>
    </row>
    <row r="366264" spans="8:8">
      <c r="H366264" s="12"/>
    </row>
    <row r="366265" spans="8:8">
      <c r="H366265" s="12"/>
    </row>
    <row r="366266" spans="8:8">
      <c r="H366266" s="12"/>
    </row>
    <row r="366267" spans="8:8">
      <c r="H366267" s="12"/>
    </row>
    <row r="366268" spans="8:8">
      <c r="H366268" s="12"/>
    </row>
    <row r="366269" spans="8:8">
      <c r="H366269" s="12"/>
    </row>
    <row r="366270" spans="8:8">
      <c r="H366270" s="12"/>
    </row>
    <row r="366271" spans="8:8">
      <c r="H366271" s="12"/>
    </row>
    <row r="366272" spans="8:8">
      <c r="H366272" s="12"/>
    </row>
    <row r="366273" spans="8:8">
      <c r="H366273" s="12"/>
    </row>
    <row r="366274" spans="8:8">
      <c r="H366274" s="12"/>
    </row>
    <row r="366275" spans="8:8">
      <c r="H366275" s="12"/>
    </row>
    <row r="366276" spans="8:8">
      <c r="H366276" s="12"/>
    </row>
    <row r="366277" spans="8:8">
      <c r="H366277" s="12"/>
    </row>
    <row r="366278" spans="8:8">
      <c r="H366278" s="12"/>
    </row>
    <row r="366279" spans="8:8">
      <c r="H366279" s="12"/>
    </row>
    <row r="366280" spans="8:8">
      <c r="H366280" s="12"/>
    </row>
    <row r="366281" spans="8:8">
      <c r="H366281" s="12"/>
    </row>
    <row r="366282" spans="8:8">
      <c r="H366282" s="12"/>
    </row>
    <row r="366283" spans="8:8">
      <c r="H366283" s="12"/>
    </row>
    <row r="366284" spans="8:8">
      <c r="H366284" s="12"/>
    </row>
    <row r="366285" spans="8:8">
      <c r="H366285" s="12"/>
    </row>
    <row r="366286" spans="8:8">
      <c r="H366286" s="12"/>
    </row>
    <row r="366287" spans="8:8">
      <c r="H366287" s="12"/>
    </row>
    <row r="366288" spans="8:8">
      <c r="H366288" s="12"/>
    </row>
    <row r="366289" spans="8:8">
      <c r="H366289" s="12"/>
    </row>
    <row r="366290" spans="8:8">
      <c r="H366290" s="12"/>
    </row>
    <row r="366291" spans="8:8">
      <c r="H366291" s="12"/>
    </row>
    <row r="366292" spans="8:8">
      <c r="H366292" s="12"/>
    </row>
    <row r="366293" spans="8:8">
      <c r="H366293" s="12"/>
    </row>
    <row r="366294" spans="8:8">
      <c r="H366294" s="12"/>
    </row>
    <row r="366295" spans="8:8">
      <c r="H366295" s="12"/>
    </row>
    <row r="366296" spans="8:8">
      <c r="H366296" s="12"/>
    </row>
    <row r="366297" spans="8:8">
      <c r="H366297" s="12"/>
    </row>
    <row r="366298" spans="8:8">
      <c r="H366298" s="12"/>
    </row>
    <row r="366299" spans="8:8">
      <c r="H366299" s="12"/>
    </row>
    <row r="366300" spans="8:8">
      <c r="H366300" s="12"/>
    </row>
    <row r="366301" spans="8:8">
      <c r="H366301" s="12"/>
    </row>
    <row r="366302" spans="8:8">
      <c r="H366302" s="12"/>
    </row>
    <row r="366303" spans="8:8">
      <c r="H366303" s="12"/>
    </row>
    <row r="366304" spans="8:8">
      <c r="H366304" s="12"/>
    </row>
    <row r="366305" spans="8:8">
      <c r="H366305" s="12"/>
    </row>
    <row r="366306" spans="8:8">
      <c r="H366306" s="12"/>
    </row>
    <row r="366307" spans="8:8">
      <c r="H366307" s="12"/>
    </row>
    <row r="366308" spans="8:8">
      <c r="H366308" s="12"/>
    </row>
    <row r="366309" spans="8:8">
      <c r="H366309" s="12"/>
    </row>
    <row r="366310" spans="8:8">
      <c r="H366310" s="12"/>
    </row>
    <row r="366311" spans="8:8">
      <c r="H366311" s="12"/>
    </row>
    <row r="366312" spans="8:8">
      <c r="H366312" s="12"/>
    </row>
    <row r="366313" spans="8:8">
      <c r="H366313" s="12"/>
    </row>
    <row r="366314" spans="8:8">
      <c r="H366314" s="12"/>
    </row>
    <row r="366315" spans="8:8">
      <c r="H366315" s="12"/>
    </row>
    <row r="366316" spans="8:8">
      <c r="H366316" s="12"/>
    </row>
    <row r="366317" spans="8:8">
      <c r="H366317" s="12"/>
    </row>
    <row r="366318" spans="8:8">
      <c r="H366318" s="12"/>
    </row>
    <row r="366319" spans="8:8">
      <c r="H366319" s="12"/>
    </row>
    <row r="366320" spans="8:8">
      <c r="H366320" s="12"/>
    </row>
    <row r="366321" spans="8:8">
      <c r="H366321" s="12"/>
    </row>
    <row r="366322" spans="8:8">
      <c r="H366322" s="12"/>
    </row>
    <row r="366323" spans="8:8">
      <c r="H366323" s="12"/>
    </row>
    <row r="366324" spans="8:8">
      <c r="H366324" s="12"/>
    </row>
    <row r="366325" spans="8:8">
      <c r="H366325" s="12"/>
    </row>
    <row r="366326" spans="8:8">
      <c r="H366326" s="12"/>
    </row>
    <row r="366327" spans="8:8">
      <c r="H366327" s="12"/>
    </row>
    <row r="366328" spans="8:8">
      <c r="H366328" s="12"/>
    </row>
    <row r="366329" spans="8:8">
      <c r="H366329" s="12"/>
    </row>
    <row r="366330" spans="8:8">
      <c r="H366330" s="12"/>
    </row>
    <row r="366331" spans="8:8">
      <c r="H366331" s="12"/>
    </row>
    <row r="366332" spans="8:8">
      <c r="H366332" s="12"/>
    </row>
    <row r="366333" spans="8:8">
      <c r="H366333" s="12"/>
    </row>
    <row r="366334" spans="8:8">
      <c r="H366334" s="12"/>
    </row>
    <row r="366335" spans="8:8">
      <c r="H366335" s="12"/>
    </row>
    <row r="366336" spans="8:8">
      <c r="H366336" s="12"/>
    </row>
    <row r="366337" spans="8:8">
      <c r="H366337" s="12"/>
    </row>
    <row r="366338" spans="8:8">
      <c r="H366338" s="12"/>
    </row>
    <row r="366339" spans="8:8">
      <c r="H366339" s="12"/>
    </row>
    <row r="366340" spans="8:8">
      <c r="H366340" s="12"/>
    </row>
    <row r="366341" spans="8:8">
      <c r="H366341" s="12"/>
    </row>
    <row r="366342" spans="8:8">
      <c r="H366342" s="12"/>
    </row>
    <row r="366343" spans="8:8">
      <c r="H366343" s="12"/>
    </row>
    <row r="366344" spans="8:8">
      <c r="H366344" s="12"/>
    </row>
    <row r="366345" spans="8:8">
      <c r="H366345" s="12"/>
    </row>
    <row r="366346" spans="8:8">
      <c r="H366346" s="12"/>
    </row>
    <row r="366347" spans="8:8">
      <c r="H366347" s="12"/>
    </row>
    <row r="366348" spans="8:8">
      <c r="H366348" s="12"/>
    </row>
    <row r="366349" spans="8:8">
      <c r="H366349" s="12"/>
    </row>
    <row r="366350" spans="8:8">
      <c r="H366350" s="12"/>
    </row>
    <row r="366351" spans="8:8">
      <c r="H366351" s="12"/>
    </row>
    <row r="366352" spans="8:8">
      <c r="H366352" s="12"/>
    </row>
    <row r="366353" spans="8:8">
      <c r="H366353" s="12"/>
    </row>
    <row r="366354" spans="8:8">
      <c r="H366354" s="12"/>
    </row>
    <row r="366355" spans="8:8">
      <c r="H366355" s="12"/>
    </row>
    <row r="366356" spans="8:8">
      <c r="H366356" s="12"/>
    </row>
    <row r="366357" spans="8:8">
      <c r="H366357" s="12"/>
    </row>
    <row r="366358" spans="8:8">
      <c r="H366358" s="12"/>
    </row>
    <row r="366359" spans="8:8">
      <c r="H366359" s="12"/>
    </row>
    <row r="366360" spans="8:8">
      <c r="H366360" s="12"/>
    </row>
    <row r="366361" spans="8:8">
      <c r="H366361" s="12"/>
    </row>
    <row r="366362" spans="8:8">
      <c r="H366362" s="12"/>
    </row>
    <row r="366363" spans="8:8">
      <c r="H366363" s="12"/>
    </row>
    <row r="366364" spans="8:8">
      <c r="H366364" s="12"/>
    </row>
    <row r="366365" spans="8:8">
      <c r="H366365" s="12"/>
    </row>
    <row r="366366" spans="8:8">
      <c r="H366366" s="12"/>
    </row>
    <row r="366367" spans="8:8">
      <c r="H366367" s="12"/>
    </row>
    <row r="366368" spans="8:8">
      <c r="H366368" s="12"/>
    </row>
    <row r="366369" spans="8:8">
      <c r="H366369" s="12"/>
    </row>
    <row r="366370" spans="8:8">
      <c r="H366370" s="12"/>
    </row>
    <row r="366371" spans="8:8">
      <c r="H366371" s="12"/>
    </row>
    <row r="366372" spans="8:8">
      <c r="H366372" s="12"/>
    </row>
    <row r="366373" spans="8:8">
      <c r="H366373" s="12"/>
    </row>
    <row r="366374" spans="8:8">
      <c r="H366374" s="12"/>
    </row>
    <row r="366375" spans="8:8">
      <c r="H366375" s="12"/>
    </row>
    <row r="366376" spans="8:8">
      <c r="H366376" s="12"/>
    </row>
    <row r="366377" spans="8:8">
      <c r="H366377" s="12"/>
    </row>
    <row r="366378" spans="8:8">
      <c r="H366378" s="12"/>
    </row>
    <row r="366379" spans="8:8">
      <c r="H366379" s="12"/>
    </row>
    <row r="366380" spans="8:8">
      <c r="H366380" s="12"/>
    </row>
    <row r="366381" spans="8:8">
      <c r="H366381" s="12"/>
    </row>
    <row r="366382" spans="8:8">
      <c r="H366382" s="12"/>
    </row>
    <row r="366383" spans="8:8">
      <c r="H366383" s="12"/>
    </row>
    <row r="366384" spans="8:8">
      <c r="H366384" s="12"/>
    </row>
    <row r="366385" spans="8:8">
      <c r="H366385" s="12"/>
    </row>
    <row r="366386" spans="8:8">
      <c r="H366386" s="12"/>
    </row>
    <row r="366387" spans="8:8">
      <c r="H366387" s="12"/>
    </row>
    <row r="366388" spans="8:8">
      <c r="H366388" s="12"/>
    </row>
    <row r="366389" spans="8:8">
      <c r="H366389" s="12"/>
    </row>
    <row r="366390" spans="8:8">
      <c r="H366390" s="12"/>
    </row>
    <row r="366391" spans="8:8">
      <c r="H366391" s="12"/>
    </row>
    <row r="366392" spans="8:8">
      <c r="H366392" s="12"/>
    </row>
    <row r="366393" spans="8:8">
      <c r="H366393" s="12"/>
    </row>
    <row r="366394" spans="8:8">
      <c r="H366394" s="12"/>
    </row>
    <row r="366395" spans="8:8">
      <c r="H366395" s="12"/>
    </row>
    <row r="366396" spans="8:8">
      <c r="H366396" s="12"/>
    </row>
    <row r="366397" spans="8:8">
      <c r="H366397" s="12"/>
    </row>
    <row r="366398" spans="8:8">
      <c r="H366398" s="12"/>
    </row>
    <row r="366399" spans="8:8">
      <c r="H366399" s="12"/>
    </row>
    <row r="366400" spans="8:8">
      <c r="H366400" s="12"/>
    </row>
    <row r="366401" spans="8:8">
      <c r="H366401" s="12"/>
    </row>
    <row r="366402" spans="8:8">
      <c r="H366402" s="12"/>
    </row>
    <row r="366403" spans="8:8">
      <c r="H366403" s="12"/>
    </row>
    <row r="366404" spans="8:8">
      <c r="H366404" s="12"/>
    </row>
    <row r="366405" spans="8:8">
      <c r="H366405" s="12"/>
    </row>
    <row r="366406" spans="8:8">
      <c r="H366406" s="12"/>
    </row>
    <row r="366407" spans="8:8">
      <c r="H366407" s="12"/>
    </row>
    <row r="366408" spans="8:8">
      <c r="H366408" s="12"/>
    </row>
    <row r="366409" spans="8:8">
      <c r="H366409" s="12"/>
    </row>
    <row r="366410" spans="8:8">
      <c r="H366410" s="12"/>
    </row>
    <row r="366411" spans="8:8">
      <c r="H366411" s="12"/>
    </row>
    <row r="366412" spans="8:8">
      <c r="H366412" s="12"/>
    </row>
    <row r="366413" spans="8:8">
      <c r="H366413" s="12"/>
    </row>
    <row r="366414" spans="8:8">
      <c r="H366414" s="12"/>
    </row>
    <row r="366415" spans="8:8">
      <c r="H366415" s="12"/>
    </row>
    <row r="366416" spans="8:8">
      <c r="H366416" s="12"/>
    </row>
    <row r="366417" spans="8:8">
      <c r="H366417" s="12"/>
    </row>
    <row r="366418" spans="8:8">
      <c r="H366418" s="12"/>
    </row>
    <row r="366419" spans="8:8">
      <c r="H366419" s="12"/>
    </row>
    <row r="366420" spans="8:8">
      <c r="H366420" s="12"/>
    </row>
    <row r="366421" spans="8:8">
      <c r="H366421" s="12"/>
    </row>
    <row r="366422" spans="8:8">
      <c r="H366422" s="12"/>
    </row>
    <row r="366423" spans="8:8">
      <c r="H366423" s="12"/>
    </row>
    <row r="366424" spans="8:8">
      <c r="H366424" s="12"/>
    </row>
    <row r="366425" spans="8:8">
      <c r="H366425" s="12"/>
    </row>
    <row r="366426" spans="8:8">
      <c r="H366426" s="12"/>
    </row>
    <row r="366427" spans="8:8">
      <c r="H366427" s="12"/>
    </row>
    <row r="366428" spans="8:8">
      <c r="H366428" s="12"/>
    </row>
    <row r="366429" spans="8:8">
      <c r="H366429" s="12"/>
    </row>
    <row r="366430" spans="8:8">
      <c r="H366430" s="12"/>
    </row>
    <row r="366431" spans="8:8">
      <c r="H366431" s="12"/>
    </row>
    <row r="366432" spans="8:8">
      <c r="H366432" s="12"/>
    </row>
    <row r="366433" spans="8:8">
      <c r="H366433" s="12"/>
    </row>
    <row r="366434" spans="8:8">
      <c r="H366434" s="12"/>
    </row>
    <row r="366435" spans="8:8">
      <c r="H366435" s="12"/>
    </row>
    <row r="366436" spans="8:8">
      <c r="H366436" s="12"/>
    </row>
    <row r="366437" spans="8:8">
      <c r="H366437" s="12"/>
    </row>
    <row r="366438" spans="8:8">
      <c r="H366438" s="12"/>
    </row>
    <row r="366439" spans="8:8">
      <c r="H366439" s="12"/>
    </row>
    <row r="366440" spans="8:8">
      <c r="H366440" s="12"/>
    </row>
    <row r="366441" spans="8:8">
      <c r="H366441" s="12"/>
    </row>
    <row r="366442" spans="8:8">
      <c r="H366442" s="12"/>
    </row>
    <row r="366443" spans="8:8">
      <c r="H366443" s="12"/>
    </row>
    <row r="366444" spans="8:8">
      <c r="H366444" s="12"/>
    </row>
    <row r="366445" spans="8:8">
      <c r="H366445" s="12"/>
    </row>
    <row r="366446" spans="8:8">
      <c r="H366446" s="12"/>
    </row>
    <row r="366447" spans="8:8">
      <c r="H366447" s="12"/>
    </row>
    <row r="366448" spans="8:8">
      <c r="H366448" s="12"/>
    </row>
    <row r="366449" spans="8:8">
      <c r="H366449" s="12"/>
    </row>
    <row r="366450" spans="8:8">
      <c r="H366450" s="12"/>
    </row>
    <row r="366451" spans="8:8">
      <c r="H366451" s="12"/>
    </row>
    <row r="366452" spans="8:8">
      <c r="H366452" s="12"/>
    </row>
    <row r="366453" spans="8:8">
      <c r="H366453" s="12"/>
    </row>
    <row r="366454" spans="8:8">
      <c r="H366454" s="12"/>
    </row>
    <row r="366455" spans="8:8">
      <c r="H366455" s="12"/>
    </row>
    <row r="366456" spans="8:8">
      <c r="H366456" s="12"/>
    </row>
    <row r="366457" spans="8:8">
      <c r="H366457" s="12"/>
    </row>
    <row r="366458" spans="8:8">
      <c r="H366458" s="12"/>
    </row>
    <row r="366459" spans="8:8">
      <c r="H366459" s="12"/>
    </row>
    <row r="366460" spans="8:8">
      <c r="H366460" s="12"/>
    </row>
    <row r="366461" spans="8:8">
      <c r="H366461" s="12"/>
    </row>
    <row r="366462" spans="8:8">
      <c r="H366462" s="12"/>
    </row>
    <row r="366463" spans="8:8">
      <c r="H366463" s="12"/>
    </row>
    <row r="366464" spans="8:8">
      <c r="H366464" s="12"/>
    </row>
    <row r="366465" spans="8:8">
      <c r="H366465" s="12"/>
    </row>
    <row r="366466" spans="8:8">
      <c r="H366466" s="12"/>
    </row>
    <row r="366467" spans="8:8">
      <c r="H366467" s="12"/>
    </row>
    <row r="366468" spans="8:8">
      <c r="H366468" s="12"/>
    </row>
    <row r="366469" spans="8:8">
      <c r="H366469" s="12"/>
    </row>
    <row r="366470" spans="8:8">
      <c r="H366470" s="12"/>
    </row>
    <row r="366471" spans="8:8">
      <c r="H366471" s="12"/>
    </row>
    <row r="366472" spans="8:8">
      <c r="H366472" s="12"/>
    </row>
    <row r="366473" spans="8:8">
      <c r="H366473" s="12"/>
    </row>
    <row r="366474" spans="8:8">
      <c r="H366474" s="12"/>
    </row>
    <row r="366475" spans="8:8">
      <c r="H366475" s="12"/>
    </row>
    <row r="366476" spans="8:8">
      <c r="H366476" s="12"/>
    </row>
    <row r="366477" spans="8:8">
      <c r="H366477" s="12"/>
    </row>
    <row r="366478" spans="8:8">
      <c r="H366478" s="12"/>
    </row>
    <row r="366479" spans="8:8">
      <c r="H366479" s="12"/>
    </row>
    <row r="366480" spans="8:8">
      <c r="H366480" s="12"/>
    </row>
    <row r="366481" spans="8:8">
      <c r="H366481" s="12"/>
    </row>
    <row r="366482" spans="8:8">
      <c r="H366482" s="12"/>
    </row>
    <row r="366483" spans="8:8">
      <c r="H366483" s="12"/>
    </row>
    <row r="366484" spans="8:8">
      <c r="H366484" s="12"/>
    </row>
    <row r="366485" spans="8:8">
      <c r="H366485" s="12"/>
    </row>
    <row r="366486" spans="8:8">
      <c r="H366486" s="12"/>
    </row>
    <row r="366487" spans="8:8">
      <c r="H366487" s="12"/>
    </row>
    <row r="366488" spans="8:8">
      <c r="H366488" s="12"/>
    </row>
    <row r="366489" spans="8:8">
      <c r="H366489" s="12"/>
    </row>
    <row r="366490" spans="8:8">
      <c r="H366490" s="12"/>
    </row>
    <row r="366491" spans="8:8">
      <c r="H366491" s="12"/>
    </row>
    <row r="366492" spans="8:8">
      <c r="H366492" s="12"/>
    </row>
    <row r="366493" spans="8:8">
      <c r="H366493" s="12"/>
    </row>
    <row r="366494" spans="8:8">
      <c r="H366494" s="12"/>
    </row>
    <row r="366495" spans="8:8">
      <c r="H366495" s="12"/>
    </row>
    <row r="366496" spans="8:8">
      <c r="H366496" s="12"/>
    </row>
    <row r="366497" spans="8:8">
      <c r="H366497" s="12"/>
    </row>
    <row r="366498" spans="8:8">
      <c r="H366498" s="12"/>
    </row>
    <row r="366499" spans="8:8">
      <c r="H366499" s="12"/>
    </row>
    <row r="366500" spans="8:8">
      <c r="H366500" s="12"/>
    </row>
    <row r="366501" spans="8:8">
      <c r="H366501" s="12"/>
    </row>
    <row r="366502" spans="8:8">
      <c r="H366502" s="12"/>
    </row>
    <row r="366503" spans="8:8">
      <c r="H366503" s="12"/>
    </row>
    <row r="366504" spans="8:8">
      <c r="H366504" s="12"/>
    </row>
    <row r="366505" spans="8:8">
      <c r="H366505" s="12"/>
    </row>
    <row r="366506" spans="8:8">
      <c r="H366506" s="12"/>
    </row>
    <row r="366507" spans="8:8">
      <c r="H366507" s="12"/>
    </row>
    <row r="366508" spans="8:8">
      <c r="H366508" s="12"/>
    </row>
    <row r="366509" spans="8:8">
      <c r="H366509" s="12"/>
    </row>
    <row r="366510" spans="8:8">
      <c r="H366510" s="12"/>
    </row>
    <row r="366511" spans="8:8">
      <c r="H366511" s="12"/>
    </row>
    <row r="366512" spans="8:8">
      <c r="H366512" s="12"/>
    </row>
    <row r="366513" spans="8:8">
      <c r="H366513" s="12"/>
    </row>
    <row r="366514" spans="8:8">
      <c r="H366514" s="12"/>
    </row>
    <row r="366515" spans="8:8">
      <c r="H366515" s="12"/>
    </row>
    <row r="366516" spans="8:8">
      <c r="H366516" s="12"/>
    </row>
    <row r="366517" spans="8:8">
      <c r="H366517" s="12"/>
    </row>
    <row r="366518" spans="8:8">
      <c r="H366518" s="12"/>
    </row>
    <row r="366519" spans="8:8">
      <c r="H366519" s="12"/>
    </row>
    <row r="366520" spans="8:8">
      <c r="H366520" s="12"/>
    </row>
    <row r="366521" spans="8:8">
      <c r="H366521" s="12"/>
    </row>
    <row r="366522" spans="8:8">
      <c r="H366522" s="12"/>
    </row>
    <row r="366523" spans="8:8">
      <c r="H366523" s="12"/>
    </row>
    <row r="366524" spans="8:8">
      <c r="H366524" s="12"/>
    </row>
    <row r="366525" spans="8:8">
      <c r="H366525" s="12"/>
    </row>
    <row r="366526" spans="8:8">
      <c r="H366526" s="12"/>
    </row>
    <row r="366527" spans="8:8">
      <c r="H366527" s="12"/>
    </row>
    <row r="366528" spans="8:8">
      <c r="H366528" s="12"/>
    </row>
    <row r="366529" spans="8:8">
      <c r="H366529" s="12"/>
    </row>
    <row r="366530" spans="8:8">
      <c r="H366530" s="12"/>
    </row>
    <row r="366531" spans="8:8">
      <c r="H366531" s="12"/>
    </row>
    <row r="366532" spans="8:8">
      <c r="H366532" s="12"/>
    </row>
    <row r="366533" spans="8:8">
      <c r="H366533" s="12"/>
    </row>
    <row r="366534" spans="8:8">
      <c r="H366534" s="12"/>
    </row>
    <row r="366535" spans="8:8">
      <c r="H366535" s="12"/>
    </row>
    <row r="366536" spans="8:8">
      <c r="H366536" s="12"/>
    </row>
    <row r="366537" spans="8:8">
      <c r="H366537" s="12"/>
    </row>
    <row r="366538" spans="8:8">
      <c r="H366538" s="12"/>
    </row>
    <row r="366539" spans="8:8">
      <c r="H366539" s="12"/>
    </row>
    <row r="366540" spans="8:8">
      <c r="H366540" s="12"/>
    </row>
    <row r="366541" spans="8:8">
      <c r="H366541" s="12"/>
    </row>
    <row r="366542" spans="8:8">
      <c r="H366542" s="12"/>
    </row>
    <row r="366543" spans="8:8">
      <c r="H366543" s="12"/>
    </row>
    <row r="366544" spans="8:8">
      <c r="H366544" s="12"/>
    </row>
    <row r="366545" spans="8:8">
      <c r="H366545" s="12"/>
    </row>
    <row r="366546" spans="8:8">
      <c r="H366546" s="12"/>
    </row>
    <row r="366547" spans="8:8">
      <c r="H366547" s="12"/>
    </row>
    <row r="366548" spans="8:8">
      <c r="H366548" s="12"/>
    </row>
    <row r="366549" spans="8:8">
      <c r="H366549" s="12"/>
    </row>
    <row r="366550" spans="8:8">
      <c r="H366550" s="12"/>
    </row>
    <row r="366551" spans="8:8">
      <c r="H366551" s="12"/>
    </row>
    <row r="366552" spans="8:8">
      <c r="H366552" s="12"/>
    </row>
    <row r="366553" spans="8:8">
      <c r="H366553" s="12"/>
    </row>
    <row r="366554" spans="8:8">
      <c r="H366554" s="12"/>
    </row>
    <row r="366555" spans="8:8">
      <c r="H366555" s="12"/>
    </row>
    <row r="366556" spans="8:8">
      <c r="H366556" s="12"/>
    </row>
    <row r="366557" spans="8:8">
      <c r="H366557" s="12"/>
    </row>
    <row r="366558" spans="8:8">
      <c r="H366558" s="12"/>
    </row>
    <row r="366559" spans="8:8">
      <c r="H366559" s="12"/>
    </row>
    <row r="366560" spans="8:8">
      <c r="H366560" s="12"/>
    </row>
    <row r="366561" spans="8:8">
      <c r="H366561" s="12"/>
    </row>
    <row r="366562" spans="8:8">
      <c r="H366562" s="12"/>
    </row>
    <row r="366563" spans="8:8">
      <c r="H366563" s="12"/>
    </row>
    <row r="366564" spans="8:8">
      <c r="H366564" s="12"/>
    </row>
    <row r="366565" spans="8:8">
      <c r="H366565" s="12"/>
    </row>
    <row r="366566" spans="8:8">
      <c r="H366566" s="12"/>
    </row>
    <row r="366567" spans="8:8">
      <c r="H366567" s="12"/>
    </row>
    <row r="366568" spans="8:8">
      <c r="H366568" s="12"/>
    </row>
    <row r="366569" spans="8:8">
      <c r="H366569" s="12"/>
    </row>
    <row r="366570" spans="8:8">
      <c r="H366570" s="12"/>
    </row>
    <row r="366571" spans="8:8">
      <c r="H366571" s="12"/>
    </row>
    <row r="366572" spans="8:8">
      <c r="H366572" s="12"/>
    </row>
    <row r="366573" spans="8:8">
      <c r="H366573" s="12"/>
    </row>
    <row r="366574" spans="8:8">
      <c r="H366574" s="12"/>
    </row>
    <row r="366575" spans="8:8">
      <c r="H366575" s="12"/>
    </row>
    <row r="366576" spans="8:8">
      <c r="H366576" s="12"/>
    </row>
    <row r="366577" spans="8:8">
      <c r="H366577" s="12"/>
    </row>
    <row r="366578" spans="8:8">
      <c r="H366578" s="12"/>
    </row>
    <row r="366579" spans="8:8">
      <c r="H366579" s="12"/>
    </row>
    <row r="366580" spans="8:8">
      <c r="H366580" s="12"/>
    </row>
    <row r="366581" spans="8:8">
      <c r="H366581" s="12"/>
    </row>
    <row r="366582" spans="8:8">
      <c r="H366582" s="12"/>
    </row>
    <row r="366583" spans="8:8">
      <c r="H366583" s="12"/>
    </row>
    <row r="366584" spans="8:8">
      <c r="H366584" s="12"/>
    </row>
    <row r="366585" spans="8:8">
      <c r="H366585" s="12"/>
    </row>
    <row r="366586" spans="8:8">
      <c r="H366586" s="12"/>
    </row>
    <row r="366587" spans="8:8">
      <c r="H366587" s="12"/>
    </row>
    <row r="366588" spans="8:8">
      <c r="H366588" s="12"/>
    </row>
    <row r="366589" spans="8:8">
      <c r="H366589" s="12"/>
    </row>
    <row r="366590" spans="8:8">
      <c r="H366590" s="12"/>
    </row>
    <row r="366591" spans="8:8">
      <c r="H366591" s="12"/>
    </row>
    <row r="366592" spans="8:8">
      <c r="H366592" s="12"/>
    </row>
    <row r="366593" spans="8:8">
      <c r="H366593" s="12"/>
    </row>
    <row r="366594" spans="8:8">
      <c r="H366594" s="12"/>
    </row>
    <row r="366595" spans="8:8">
      <c r="H366595" s="12"/>
    </row>
    <row r="366596" spans="8:8">
      <c r="H366596" s="12"/>
    </row>
    <row r="366597" spans="8:8">
      <c r="H366597" s="12"/>
    </row>
    <row r="366598" spans="8:8">
      <c r="H366598" s="12"/>
    </row>
    <row r="366599" spans="8:8">
      <c r="H366599" s="12"/>
    </row>
    <row r="366600" spans="8:8">
      <c r="H366600" s="12"/>
    </row>
    <row r="366601" spans="8:8">
      <c r="H366601" s="12"/>
    </row>
    <row r="366602" spans="8:8">
      <c r="H366602" s="12"/>
    </row>
    <row r="366603" spans="8:8">
      <c r="H366603" s="12"/>
    </row>
    <row r="366604" spans="8:8">
      <c r="H366604" s="12"/>
    </row>
    <row r="366605" spans="8:8">
      <c r="H366605" s="12"/>
    </row>
    <row r="366606" spans="8:8">
      <c r="H366606" s="12"/>
    </row>
    <row r="366607" spans="8:8">
      <c r="H366607" s="12"/>
    </row>
    <row r="366608" spans="8:8">
      <c r="H366608" s="12"/>
    </row>
    <row r="366609" spans="8:8">
      <c r="H366609" s="12"/>
    </row>
    <row r="366610" spans="8:8">
      <c r="H366610" s="12"/>
    </row>
    <row r="366611" spans="8:8">
      <c r="H366611" s="12"/>
    </row>
    <row r="366612" spans="8:8">
      <c r="H366612" s="12"/>
    </row>
    <row r="366613" spans="8:8">
      <c r="H366613" s="12"/>
    </row>
    <row r="366614" spans="8:8">
      <c r="H366614" s="12"/>
    </row>
    <row r="366615" spans="8:8">
      <c r="H366615" s="12"/>
    </row>
    <row r="366616" spans="8:8">
      <c r="H366616" s="12"/>
    </row>
    <row r="366617" spans="8:8">
      <c r="H366617" s="12"/>
    </row>
    <row r="366618" spans="8:8">
      <c r="H366618" s="12"/>
    </row>
    <row r="366619" spans="8:8">
      <c r="H366619" s="12"/>
    </row>
    <row r="366620" spans="8:8">
      <c r="H366620" s="12"/>
    </row>
    <row r="366621" spans="8:8">
      <c r="H366621" s="12"/>
    </row>
    <row r="366622" spans="8:8">
      <c r="H366622" s="12"/>
    </row>
    <row r="366623" spans="8:8">
      <c r="H366623" s="12"/>
    </row>
    <row r="366624" spans="8:8">
      <c r="H366624" s="12"/>
    </row>
    <row r="366625" spans="8:8">
      <c r="H366625" s="12"/>
    </row>
    <row r="366626" spans="8:8">
      <c r="H366626" s="12"/>
    </row>
    <row r="366627" spans="8:8">
      <c r="H366627" s="12"/>
    </row>
    <row r="366628" spans="8:8">
      <c r="H366628" s="12"/>
    </row>
    <row r="366629" spans="8:8">
      <c r="H366629" s="12"/>
    </row>
    <row r="366630" spans="8:8">
      <c r="H366630" s="12"/>
    </row>
    <row r="366631" spans="8:8">
      <c r="H366631" s="12"/>
    </row>
    <row r="366632" spans="8:8">
      <c r="H366632" s="12"/>
    </row>
    <row r="366633" spans="8:8">
      <c r="H366633" s="12"/>
    </row>
    <row r="366634" spans="8:8">
      <c r="H366634" s="12"/>
    </row>
    <row r="366635" spans="8:8">
      <c r="H366635" s="12"/>
    </row>
    <row r="366636" spans="8:8">
      <c r="H366636" s="12"/>
    </row>
    <row r="366637" spans="8:8">
      <c r="H366637" s="12"/>
    </row>
    <row r="366638" spans="8:8">
      <c r="H366638" s="12"/>
    </row>
    <row r="366639" spans="8:8">
      <c r="H366639" s="12"/>
    </row>
    <row r="366640" spans="8:8">
      <c r="H366640" s="12"/>
    </row>
    <row r="366641" spans="8:8">
      <c r="H366641" s="12"/>
    </row>
    <row r="366642" spans="8:8">
      <c r="H366642" s="12"/>
    </row>
    <row r="366643" spans="8:8">
      <c r="H366643" s="12"/>
    </row>
    <row r="366644" spans="8:8">
      <c r="H366644" s="12"/>
    </row>
    <row r="366645" spans="8:8">
      <c r="H366645" s="12"/>
    </row>
    <row r="366646" spans="8:8">
      <c r="H366646" s="12"/>
    </row>
    <row r="366647" spans="8:8">
      <c r="H366647" s="12"/>
    </row>
    <row r="366648" spans="8:8">
      <c r="H366648" s="12"/>
    </row>
    <row r="366649" spans="8:8">
      <c r="H366649" s="12"/>
    </row>
    <row r="366650" spans="8:8">
      <c r="H366650" s="12"/>
    </row>
    <row r="366651" spans="8:8">
      <c r="H366651" s="12"/>
    </row>
    <row r="366652" spans="8:8">
      <c r="H366652" s="12"/>
    </row>
    <row r="366653" spans="8:8">
      <c r="H366653" s="12"/>
    </row>
    <row r="366654" spans="8:8">
      <c r="H366654" s="12"/>
    </row>
    <row r="366655" spans="8:8">
      <c r="H366655" s="12"/>
    </row>
    <row r="366656" spans="8:8">
      <c r="H366656" s="12"/>
    </row>
    <row r="366657" spans="8:8">
      <c r="H366657" s="12"/>
    </row>
    <row r="366658" spans="8:8">
      <c r="H366658" s="12"/>
    </row>
    <row r="366659" spans="8:8">
      <c r="H366659" s="12"/>
    </row>
    <row r="366660" spans="8:8">
      <c r="H366660" s="12"/>
    </row>
    <row r="366661" spans="8:8">
      <c r="H366661" s="12"/>
    </row>
    <row r="366662" spans="8:8">
      <c r="H366662" s="12"/>
    </row>
    <row r="366663" spans="8:8">
      <c r="H366663" s="12"/>
    </row>
    <row r="366664" spans="8:8">
      <c r="H366664" s="12"/>
    </row>
    <row r="366665" spans="8:8">
      <c r="H366665" s="12"/>
    </row>
    <row r="366666" spans="8:8">
      <c r="H366666" s="12"/>
    </row>
    <row r="366667" spans="8:8">
      <c r="H366667" s="12"/>
    </row>
    <row r="366668" spans="8:8">
      <c r="H366668" s="12"/>
    </row>
    <row r="366669" spans="8:8">
      <c r="H366669" s="12"/>
    </row>
    <row r="366670" spans="8:8">
      <c r="H366670" s="12"/>
    </row>
    <row r="366671" spans="8:8">
      <c r="H366671" s="12"/>
    </row>
    <row r="366672" spans="8:8">
      <c r="H366672" s="12"/>
    </row>
    <row r="366673" spans="8:8">
      <c r="H366673" s="12"/>
    </row>
    <row r="366674" spans="8:8">
      <c r="H366674" s="12"/>
    </row>
    <row r="366675" spans="8:8">
      <c r="H366675" s="12"/>
    </row>
    <row r="366676" spans="8:8">
      <c r="H366676" s="12"/>
    </row>
    <row r="366677" spans="8:8">
      <c r="H366677" s="12"/>
    </row>
    <row r="366678" spans="8:8">
      <c r="H366678" s="12"/>
    </row>
    <row r="366679" spans="8:8">
      <c r="H366679" s="12"/>
    </row>
    <row r="366680" spans="8:8">
      <c r="H366680" s="12"/>
    </row>
    <row r="366681" spans="8:8">
      <c r="H366681" s="12"/>
    </row>
    <row r="366682" spans="8:8">
      <c r="H366682" s="12"/>
    </row>
    <row r="366683" spans="8:8">
      <c r="H366683" s="12"/>
    </row>
    <row r="366684" spans="8:8">
      <c r="H366684" s="12"/>
    </row>
    <row r="366685" spans="8:8">
      <c r="H366685" s="12"/>
    </row>
    <row r="366686" spans="8:8">
      <c r="H366686" s="12"/>
    </row>
    <row r="366687" spans="8:8">
      <c r="H366687" s="12"/>
    </row>
    <row r="366688" spans="8:8">
      <c r="H366688" s="12"/>
    </row>
    <row r="366689" spans="8:8">
      <c r="H366689" s="12"/>
    </row>
    <row r="366690" spans="8:8">
      <c r="H366690" s="12"/>
    </row>
    <row r="366691" spans="8:8">
      <c r="H366691" s="12"/>
    </row>
    <row r="366692" spans="8:8">
      <c r="H366692" s="12"/>
    </row>
    <row r="366693" spans="8:8">
      <c r="H366693" s="12"/>
    </row>
    <row r="366694" spans="8:8">
      <c r="H366694" s="12"/>
    </row>
    <row r="366695" spans="8:8">
      <c r="H366695" s="12"/>
    </row>
    <row r="366696" spans="8:8">
      <c r="H366696" s="12"/>
    </row>
    <row r="366697" spans="8:8">
      <c r="H366697" s="12"/>
    </row>
    <row r="366698" spans="8:8">
      <c r="H366698" s="12"/>
    </row>
    <row r="366699" spans="8:8">
      <c r="H366699" s="12"/>
    </row>
    <row r="366700" spans="8:8">
      <c r="H366700" s="12"/>
    </row>
    <row r="366701" spans="8:8">
      <c r="H366701" s="12"/>
    </row>
    <row r="366702" spans="8:8">
      <c r="H366702" s="12"/>
    </row>
    <row r="366703" spans="8:8">
      <c r="H366703" s="12"/>
    </row>
    <row r="366704" spans="8:8">
      <c r="H366704" s="12"/>
    </row>
    <row r="366705" spans="8:8">
      <c r="H366705" s="12"/>
    </row>
    <row r="366706" spans="8:8">
      <c r="H366706" s="12"/>
    </row>
    <row r="366707" spans="8:8">
      <c r="H366707" s="12"/>
    </row>
    <row r="366708" spans="8:8">
      <c r="H366708" s="12"/>
    </row>
    <row r="366709" spans="8:8">
      <c r="H366709" s="12"/>
    </row>
    <row r="366710" spans="8:8">
      <c r="H366710" s="12"/>
    </row>
    <row r="366711" spans="8:8">
      <c r="H366711" s="12"/>
    </row>
    <row r="366712" spans="8:8">
      <c r="H366712" s="12"/>
    </row>
    <row r="366713" spans="8:8">
      <c r="H366713" s="12"/>
    </row>
    <row r="366714" spans="8:8">
      <c r="H366714" s="12"/>
    </row>
    <row r="366715" spans="8:8">
      <c r="H366715" s="12"/>
    </row>
    <row r="366716" spans="8:8">
      <c r="H366716" s="12"/>
    </row>
    <row r="366717" spans="8:8">
      <c r="H366717" s="12"/>
    </row>
    <row r="366718" spans="8:8">
      <c r="H366718" s="12"/>
    </row>
    <row r="366719" spans="8:8">
      <c r="H366719" s="12"/>
    </row>
    <row r="366720" spans="8:8">
      <c r="H366720" s="12"/>
    </row>
    <row r="366721" spans="8:8">
      <c r="H366721" s="12"/>
    </row>
    <row r="366722" spans="8:8">
      <c r="H366722" s="12"/>
    </row>
    <row r="366723" spans="8:8">
      <c r="H366723" s="12"/>
    </row>
    <row r="366724" spans="8:8">
      <c r="H366724" s="12"/>
    </row>
    <row r="366725" spans="8:8">
      <c r="H366725" s="12"/>
    </row>
    <row r="366726" spans="8:8">
      <c r="H366726" s="12"/>
    </row>
    <row r="366727" spans="8:8">
      <c r="H366727" s="12"/>
    </row>
    <row r="366728" spans="8:8">
      <c r="H366728" s="12"/>
    </row>
    <row r="366729" spans="8:8">
      <c r="H366729" s="12"/>
    </row>
    <row r="366730" spans="8:8">
      <c r="H366730" s="12"/>
    </row>
    <row r="366731" spans="8:8">
      <c r="H366731" s="12"/>
    </row>
    <row r="366732" spans="8:8">
      <c r="H366732" s="12"/>
    </row>
    <row r="366733" spans="8:8">
      <c r="H366733" s="12"/>
    </row>
    <row r="366734" spans="8:8">
      <c r="H366734" s="12"/>
    </row>
    <row r="366735" spans="8:8">
      <c r="H366735" s="12"/>
    </row>
    <row r="366736" spans="8:8">
      <c r="H366736" s="12"/>
    </row>
    <row r="366737" spans="8:8">
      <c r="H366737" s="12"/>
    </row>
    <row r="366738" spans="8:8">
      <c r="H366738" s="12"/>
    </row>
    <row r="366739" spans="8:8">
      <c r="H366739" s="12"/>
    </row>
    <row r="366740" spans="8:8">
      <c r="H366740" s="12"/>
    </row>
    <row r="366741" spans="8:8">
      <c r="H366741" s="12"/>
    </row>
    <row r="366742" spans="8:8">
      <c r="H366742" s="12"/>
    </row>
    <row r="366743" spans="8:8">
      <c r="H366743" s="12"/>
    </row>
    <row r="366744" spans="8:8">
      <c r="H366744" s="12"/>
    </row>
    <row r="366745" spans="8:8">
      <c r="H366745" s="12"/>
    </row>
    <row r="366746" spans="8:8">
      <c r="H366746" s="12"/>
    </row>
    <row r="366747" spans="8:8">
      <c r="H366747" s="12"/>
    </row>
    <row r="366748" spans="8:8">
      <c r="H366748" s="12"/>
    </row>
    <row r="366749" spans="8:8">
      <c r="H366749" s="12"/>
    </row>
    <row r="366750" spans="8:8">
      <c r="H366750" s="12"/>
    </row>
    <row r="366751" spans="8:8">
      <c r="H366751" s="12"/>
    </row>
    <row r="366752" spans="8:8">
      <c r="H366752" s="12"/>
    </row>
    <row r="366753" spans="8:8">
      <c r="H366753" s="12"/>
    </row>
    <row r="366754" spans="8:8">
      <c r="H366754" s="12"/>
    </row>
    <row r="366755" spans="8:8">
      <c r="H366755" s="12"/>
    </row>
    <row r="366756" spans="8:8">
      <c r="H366756" s="12"/>
    </row>
    <row r="366757" spans="8:8">
      <c r="H366757" s="12"/>
    </row>
    <row r="366758" spans="8:8">
      <c r="H366758" s="12"/>
    </row>
    <row r="366759" spans="8:8">
      <c r="H366759" s="12"/>
    </row>
    <row r="366760" spans="8:8">
      <c r="H366760" s="12"/>
    </row>
    <row r="366761" spans="8:8">
      <c r="H366761" s="12"/>
    </row>
    <row r="366762" spans="8:8">
      <c r="H366762" s="12"/>
    </row>
    <row r="366763" spans="8:8">
      <c r="H366763" s="12"/>
    </row>
    <row r="366764" spans="8:8">
      <c r="H366764" s="12"/>
    </row>
    <row r="366765" spans="8:8">
      <c r="H366765" s="12"/>
    </row>
    <row r="366766" spans="8:8">
      <c r="H366766" s="12"/>
    </row>
    <row r="366767" spans="8:8">
      <c r="H366767" s="12"/>
    </row>
    <row r="366768" spans="8:8">
      <c r="H366768" s="12"/>
    </row>
    <row r="366769" spans="8:8">
      <c r="H366769" s="12"/>
    </row>
    <row r="366770" spans="8:8">
      <c r="H366770" s="12"/>
    </row>
    <row r="366771" spans="8:8">
      <c r="H366771" s="12"/>
    </row>
    <row r="366772" spans="8:8">
      <c r="H366772" s="12"/>
    </row>
    <row r="366773" spans="8:8">
      <c r="H366773" s="12"/>
    </row>
    <row r="366774" spans="8:8">
      <c r="H366774" s="12"/>
    </row>
    <row r="366775" spans="8:8">
      <c r="H366775" s="12"/>
    </row>
    <row r="366776" spans="8:8">
      <c r="H366776" s="12"/>
    </row>
    <row r="366777" spans="8:8">
      <c r="H366777" s="12"/>
    </row>
    <row r="366778" spans="8:8">
      <c r="H366778" s="12"/>
    </row>
    <row r="366779" spans="8:8">
      <c r="H366779" s="12"/>
    </row>
    <row r="366780" spans="8:8">
      <c r="H366780" s="12"/>
    </row>
    <row r="366781" spans="8:8">
      <c r="H366781" s="12"/>
    </row>
    <row r="366782" spans="8:8">
      <c r="H366782" s="12"/>
    </row>
    <row r="366783" spans="8:8">
      <c r="H366783" s="12"/>
    </row>
    <row r="366784" spans="8:8">
      <c r="H366784" s="12"/>
    </row>
    <row r="366785" spans="8:8">
      <c r="H366785" s="12"/>
    </row>
    <row r="366786" spans="8:8">
      <c r="H366786" s="12"/>
    </row>
    <row r="366787" spans="8:8">
      <c r="H366787" s="12"/>
    </row>
    <row r="366788" spans="8:8">
      <c r="H366788" s="12"/>
    </row>
    <row r="366789" spans="8:8">
      <c r="H366789" s="12"/>
    </row>
    <row r="366790" spans="8:8">
      <c r="H366790" s="12"/>
    </row>
    <row r="366791" spans="8:8">
      <c r="H366791" s="12"/>
    </row>
    <row r="366792" spans="8:8">
      <c r="H366792" s="12"/>
    </row>
    <row r="366793" spans="8:8">
      <c r="H366793" s="12"/>
    </row>
    <row r="366794" spans="8:8">
      <c r="H366794" s="12"/>
    </row>
    <row r="366795" spans="8:8">
      <c r="H366795" s="12"/>
    </row>
    <row r="366796" spans="8:8">
      <c r="H366796" s="12"/>
    </row>
    <row r="366797" spans="8:8">
      <c r="H366797" s="12"/>
    </row>
    <row r="366798" spans="8:8">
      <c r="H366798" s="12"/>
    </row>
    <row r="366799" spans="8:8">
      <c r="H366799" s="12"/>
    </row>
    <row r="366800" spans="8:8">
      <c r="H366800" s="12"/>
    </row>
    <row r="366801" spans="8:8">
      <c r="H366801" s="12"/>
    </row>
    <row r="366802" spans="8:8">
      <c r="H366802" s="12"/>
    </row>
    <row r="366803" spans="8:8">
      <c r="H366803" s="12"/>
    </row>
    <row r="366804" spans="8:8">
      <c r="H366804" s="12"/>
    </row>
    <row r="366805" spans="8:8">
      <c r="H366805" s="12"/>
    </row>
    <row r="366806" spans="8:8">
      <c r="H366806" s="12"/>
    </row>
    <row r="366807" spans="8:8">
      <c r="H366807" s="12"/>
    </row>
    <row r="366808" spans="8:8">
      <c r="H366808" s="12"/>
    </row>
    <row r="366809" spans="8:8">
      <c r="H366809" s="12"/>
    </row>
    <row r="366810" spans="8:8">
      <c r="H366810" s="12"/>
    </row>
    <row r="366811" spans="8:8">
      <c r="H366811" s="12"/>
    </row>
    <row r="366812" spans="8:8">
      <c r="H366812" s="12"/>
    </row>
    <row r="366813" spans="8:8">
      <c r="H366813" s="12"/>
    </row>
    <row r="366814" spans="8:8">
      <c r="H366814" s="12"/>
    </row>
    <row r="366815" spans="8:8">
      <c r="H366815" s="12"/>
    </row>
    <row r="366816" spans="8:8">
      <c r="H366816" s="12"/>
    </row>
    <row r="366817" spans="8:8">
      <c r="H366817" s="12"/>
    </row>
    <row r="366818" spans="8:8">
      <c r="H366818" s="12"/>
    </row>
    <row r="366819" spans="8:8">
      <c r="H366819" s="12"/>
    </row>
    <row r="366820" spans="8:8">
      <c r="H366820" s="12"/>
    </row>
    <row r="366821" spans="8:8">
      <c r="H366821" s="12"/>
    </row>
    <row r="366822" spans="8:8">
      <c r="H366822" s="12"/>
    </row>
    <row r="366823" spans="8:8">
      <c r="H366823" s="12"/>
    </row>
    <row r="366824" spans="8:8">
      <c r="H366824" s="12"/>
    </row>
    <row r="366825" spans="8:8">
      <c r="H366825" s="12"/>
    </row>
    <row r="366826" spans="8:8">
      <c r="H366826" s="12"/>
    </row>
    <row r="366827" spans="8:8">
      <c r="H366827" s="12"/>
    </row>
    <row r="366828" spans="8:8">
      <c r="H366828" s="12"/>
    </row>
    <row r="366829" spans="8:8">
      <c r="H366829" s="12"/>
    </row>
    <row r="366830" spans="8:8">
      <c r="H366830" s="12"/>
    </row>
    <row r="366831" spans="8:8">
      <c r="H366831" s="12"/>
    </row>
    <row r="366832" spans="8:8">
      <c r="H366832" s="12"/>
    </row>
    <row r="366833" spans="8:8">
      <c r="H366833" s="12"/>
    </row>
    <row r="366834" spans="8:8">
      <c r="H366834" s="12"/>
    </row>
    <row r="366835" spans="8:8">
      <c r="H366835" s="12"/>
    </row>
    <row r="366836" spans="8:8">
      <c r="H366836" s="12"/>
    </row>
    <row r="366837" spans="8:8">
      <c r="H366837" s="12"/>
    </row>
    <row r="366838" spans="8:8">
      <c r="H366838" s="12"/>
    </row>
    <row r="366839" spans="8:8">
      <c r="H366839" s="12"/>
    </row>
    <row r="366840" spans="8:8">
      <c r="H366840" s="12"/>
    </row>
    <row r="366841" spans="8:8">
      <c r="H366841" s="12"/>
    </row>
    <row r="366842" spans="8:8">
      <c r="H366842" s="12"/>
    </row>
    <row r="366843" spans="8:8">
      <c r="H366843" s="12"/>
    </row>
    <row r="366844" spans="8:8">
      <c r="H366844" s="12"/>
    </row>
    <row r="366845" spans="8:8">
      <c r="H366845" s="12"/>
    </row>
    <row r="366846" spans="8:8">
      <c r="H366846" s="12"/>
    </row>
    <row r="366847" spans="8:8">
      <c r="H366847" s="12"/>
    </row>
    <row r="366848" spans="8:8">
      <c r="H366848" s="12"/>
    </row>
    <row r="366849" spans="8:8">
      <c r="H366849" s="12"/>
    </row>
    <row r="366850" spans="8:8">
      <c r="H366850" s="12"/>
    </row>
    <row r="366851" spans="8:8">
      <c r="H366851" s="12"/>
    </row>
    <row r="366852" spans="8:8">
      <c r="H366852" s="12"/>
    </row>
    <row r="366853" spans="8:8">
      <c r="H366853" s="12"/>
    </row>
    <row r="366854" spans="8:8">
      <c r="H366854" s="12"/>
    </row>
    <row r="366855" spans="8:8">
      <c r="H366855" s="12"/>
    </row>
    <row r="366856" spans="8:8">
      <c r="H366856" s="12"/>
    </row>
    <row r="366857" spans="8:8">
      <c r="H366857" s="12"/>
    </row>
    <row r="366858" spans="8:8">
      <c r="H366858" s="12"/>
    </row>
    <row r="366859" spans="8:8">
      <c r="H366859" s="12"/>
    </row>
    <row r="366860" spans="8:8">
      <c r="H366860" s="12"/>
    </row>
    <row r="366861" spans="8:8">
      <c r="H366861" s="12"/>
    </row>
    <row r="366862" spans="8:8">
      <c r="H366862" s="12"/>
    </row>
    <row r="366863" spans="8:8">
      <c r="H366863" s="12"/>
    </row>
    <row r="366864" spans="8:8">
      <c r="H366864" s="12"/>
    </row>
    <row r="366865" spans="8:8">
      <c r="H366865" s="12"/>
    </row>
    <row r="366866" spans="8:8">
      <c r="H366866" s="12"/>
    </row>
    <row r="366867" spans="8:8">
      <c r="H366867" s="12"/>
    </row>
    <row r="366868" spans="8:8">
      <c r="H366868" s="12"/>
    </row>
    <row r="366869" spans="8:8">
      <c r="H366869" s="12"/>
    </row>
    <row r="366870" spans="8:8">
      <c r="H366870" s="12"/>
    </row>
    <row r="366871" spans="8:8">
      <c r="H366871" s="12"/>
    </row>
    <row r="366872" spans="8:8">
      <c r="H366872" s="12"/>
    </row>
    <row r="366873" spans="8:8">
      <c r="H366873" s="12"/>
    </row>
    <row r="366874" spans="8:8">
      <c r="H366874" s="12"/>
    </row>
    <row r="366875" spans="8:8">
      <c r="H366875" s="12"/>
    </row>
    <row r="366876" spans="8:8">
      <c r="H366876" s="12"/>
    </row>
    <row r="366877" spans="8:8">
      <c r="H366877" s="12"/>
    </row>
    <row r="366878" spans="8:8">
      <c r="H366878" s="12"/>
    </row>
    <row r="366879" spans="8:8">
      <c r="H366879" s="12"/>
    </row>
    <row r="366880" spans="8:8">
      <c r="H366880" s="12"/>
    </row>
    <row r="366881" spans="8:8">
      <c r="H366881" s="12"/>
    </row>
    <row r="366882" spans="8:8">
      <c r="H366882" s="12"/>
    </row>
    <row r="366883" spans="8:8">
      <c r="H366883" s="12"/>
    </row>
    <row r="366884" spans="8:8">
      <c r="H366884" s="12"/>
    </row>
    <row r="366885" spans="8:8">
      <c r="H366885" s="12"/>
    </row>
    <row r="366886" spans="8:8">
      <c r="H366886" s="12"/>
    </row>
    <row r="366887" spans="8:8">
      <c r="H366887" s="12"/>
    </row>
    <row r="366888" spans="8:8">
      <c r="H366888" s="12"/>
    </row>
    <row r="366889" spans="8:8">
      <c r="H366889" s="12"/>
    </row>
    <row r="366890" spans="8:8">
      <c r="H366890" s="12"/>
    </row>
    <row r="366891" spans="8:8">
      <c r="H366891" s="12"/>
    </row>
    <row r="366892" spans="8:8">
      <c r="H366892" s="12"/>
    </row>
    <row r="366893" spans="8:8">
      <c r="H366893" s="12"/>
    </row>
    <row r="366894" spans="8:8">
      <c r="H366894" s="12"/>
    </row>
    <row r="366895" spans="8:8">
      <c r="H366895" s="12"/>
    </row>
    <row r="366896" spans="8:8">
      <c r="H366896" s="12"/>
    </row>
    <row r="366897" spans="8:8">
      <c r="H366897" s="12"/>
    </row>
    <row r="366898" spans="8:8">
      <c r="H366898" s="12"/>
    </row>
    <row r="366899" spans="8:8">
      <c r="H366899" s="12"/>
    </row>
    <row r="366900" spans="8:8">
      <c r="H366900" s="12"/>
    </row>
    <row r="366901" spans="8:8">
      <c r="H366901" s="12"/>
    </row>
    <row r="366902" spans="8:8">
      <c r="H366902" s="12"/>
    </row>
    <row r="366903" spans="8:8">
      <c r="H366903" s="12"/>
    </row>
    <row r="366904" spans="8:8">
      <c r="H366904" s="12"/>
    </row>
    <row r="366905" spans="8:8">
      <c r="H366905" s="12"/>
    </row>
    <row r="366906" spans="8:8">
      <c r="H366906" s="12"/>
    </row>
    <row r="366907" spans="8:8">
      <c r="H366907" s="12"/>
    </row>
    <row r="366908" spans="8:8">
      <c r="H366908" s="12"/>
    </row>
    <row r="366909" spans="8:8">
      <c r="H366909" s="12"/>
    </row>
    <row r="366910" spans="8:8">
      <c r="H366910" s="12"/>
    </row>
    <row r="366911" spans="8:8">
      <c r="H366911" s="12"/>
    </row>
    <row r="366912" spans="8:8">
      <c r="H366912" s="12"/>
    </row>
    <row r="366913" spans="8:8">
      <c r="H366913" s="12"/>
    </row>
    <row r="366914" spans="8:8">
      <c r="H366914" s="12"/>
    </row>
    <row r="366915" spans="8:8">
      <c r="H366915" s="12"/>
    </row>
    <row r="366916" spans="8:8">
      <c r="H366916" s="12"/>
    </row>
    <row r="366917" spans="8:8">
      <c r="H366917" s="12"/>
    </row>
    <row r="366918" spans="8:8">
      <c r="H366918" s="12"/>
    </row>
    <row r="366919" spans="8:8">
      <c r="H366919" s="12"/>
    </row>
    <row r="366920" spans="8:8">
      <c r="H366920" s="12"/>
    </row>
    <row r="366921" spans="8:8">
      <c r="H366921" s="12"/>
    </row>
    <row r="366922" spans="8:8">
      <c r="H366922" s="12"/>
    </row>
    <row r="366923" spans="8:8">
      <c r="H366923" s="12"/>
    </row>
    <row r="366924" spans="8:8">
      <c r="H366924" s="12"/>
    </row>
    <row r="366925" spans="8:8">
      <c r="H366925" s="12"/>
    </row>
    <row r="366926" spans="8:8">
      <c r="H366926" s="12"/>
    </row>
    <row r="366927" spans="8:8">
      <c r="H366927" s="12"/>
    </row>
    <row r="366928" spans="8:8">
      <c r="H366928" s="12"/>
    </row>
    <row r="366929" spans="8:8">
      <c r="H366929" s="12"/>
    </row>
    <row r="366930" spans="8:8">
      <c r="H366930" s="12"/>
    </row>
    <row r="366931" spans="8:8">
      <c r="H366931" s="12"/>
    </row>
    <row r="366932" spans="8:8">
      <c r="H366932" s="12"/>
    </row>
    <row r="366933" spans="8:8">
      <c r="H366933" s="12"/>
    </row>
    <row r="366934" spans="8:8">
      <c r="H366934" s="12"/>
    </row>
    <row r="366935" spans="8:8">
      <c r="H366935" s="12"/>
    </row>
    <row r="366936" spans="8:8">
      <c r="H366936" s="12"/>
    </row>
    <row r="366937" spans="8:8">
      <c r="H366937" s="12"/>
    </row>
    <row r="366938" spans="8:8">
      <c r="H366938" s="12"/>
    </row>
    <row r="366939" spans="8:8">
      <c r="H366939" s="12"/>
    </row>
    <row r="366940" spans="8:8">
      <c r="H366940" s="12"/>
    </row>
    <row r="366941" spans="8:8">
      <c r="H366941" s="12"/>
    </row>
    <row r="366942" spans="8:8">
      <c r="H366942" s="12"/>
    </row>
    <row r="366943" spans="8:8">
      <c r="H366943" s="12"/>
    </row>
    <row r="366944" spans="8:8">
      <c r="H366944" s="12"/>
    </row>
    <row r="366945" spans="8:8">
      <c r="H366945" s="12"/>
    </row>
    <row r="366946" spans="8:8">
      <c r="H366946" s="12"/>
    </row>
    <row r="366947" spans="8:8">
      <c r="H366947" s="12"/>
    </row>
    <row r="366948" spans="8:8">
      <c r="H366948" s="12"/>
    </row>
    <row r="366949" spans="8:8">
      <c r="H366949" s="12"/>
    </row>
    <row r="366950" spans="8:8">
      <c r="H366950" s="12"/>
    </row>
    <row r="366951" spans="8:8">
      <c r="H366951" s="12"/>
    </row>
    <row r="366952" spans="8:8">
      <c r="H366952" s="12"/>
    </row>
    <row r="366953" spans="8:8">
      <c r="H366953" s="12"/>
    </row>
    <row r="366954" spans="8:8">
      <c r="H366954" s="12"/>
    </row>
    <row r="366955" spans="8:8">
      <c r="H366955" s="12"/>
    </row>
    <row r="366956" spans="8:8">
      <c r="H366956" s="12"/>
    </row>
    <row r="366957" spans="8:8">
      <c r="H366957" s="12"/>
    </row>
    <row r="366958" spans="8:8">
      <c r="H366958" s="12"/>
    </row>
    <row r="366959" spans="8:8">
      <c r="H366959" s="12"/>
    </row>
    <row r="366960" spans="8:8">
      <c r="H366960" s="12"/>
    </row>
    <row r="366961" spans="8:8">
      <c r="H366961" s="12"/>
    </row>
    <row r="366962" spans="8:8">
      <c r="H366962" s="12"/>
    </row>
    <row r="366963" spans="8:8">
      <c r="H366963" s="12"/>
    </row>
    <row r="366964" spans="8:8">
      <c r="H366964" s="12"/>
    </row>
    <row r="366965" spans="8:8">
      <c r="H366965" s="12"/>
    </row>
    <row r="366966" spans="8:8">
      <c r="H366966" s="12"/>
    </row>
    <row r="366967" spans="8:8">
      <c r="H366967" s="12"/>
    </row>
    <row r="366968" spans="8:8">
      <c r="H366968" s="12"/>
    </row>
    <row r="366969" spans="8:8">
      <c r="H366969" s="12"/>
    </row>
    <row r="366970" spans="8:8">
      <c r="H366970" s="12"/>
    </row>
    <row r="366971" spans="8:8">
      <c r="H366971" s="12"/>
    </row>
    <row r="366972" spans="8:8">
      <c r="H366972" s="12"/>
    </row>
    <row r="366973" spans="8:8">
      <c r="H366973" s="12"/>
    </row>
    <row r="366974" spans="8:8">
      <c r="H366974" s="12"/>
    </row>
    <row r="366975" spans="8:8">
      <c r="H366975" s="12"/>
    </row>
    <row r="366976" spans="8:8">
      <c r="H366976" s="12"/>
    </row>
    <row r="366977" spans="8:8">
      <c r="H366977" s="12"/>
    </row>
    <row r="366978" spans="8:8">
      <c r="H366978" s="12"/>
    </row>
    <row r="366979" spans="8:8">
      <c r="H366979" s="12"/>
    </row>
    <row r="366980" spans="8:8">
      <c r="H366980" s="12"/>
    </row>
    <row r="366981" spans="8:8">
      <c r="H366981" s="12"/>
    </row>
    <row r="366982" spans="8:8">
      <c r="H366982" s="12"/>
    </row>
    <row r="366983" spans="8:8">
      <c r="H366983" s="12"/>
    </row>
    <row r="366984" spans="8:8">
      <c r="H366984" s="12"/>
    </row>
    <row r="366985" spans="8:8">
      <c r="H366985" s="12"/>
    </row>
    <row r="366986" spans="8:8">
      <c r="H366986" s="12"/>
    </row>
    <row r="366987" spans="8:8">
      <c r="H366987" s="12"/>
    </row>
    <row r="366988" spans="8:8">
      <c r="H366988" s="12"/>
    </row>
    <row r="366989" spans="8:8">
      <c r="H366989" s="12"/>
    </row>
    <row r="366990" spans="8:8">
      <c r="H366990" s="12"/>
    </row>
    <row r="366991" spans="8:8">
      <c r="H366991" s="12"/>
    </row>
    <row r="366992" spans="8:8">
      <c r="H366992" s="12"/>
    </row>
    <row r="366993" spans="8:8">
      <c r="H366993" s="12"/>
    </row>
    <row r="366994" spans="8:8">
      <c r="H366994" s="12"/>
    </row>
    <row r="366995" spans="8:8">
      <c r="H366995" s="12"/>
    </row>
    <row r="366996" spans="8:8">
      <c r="H366996" s="12"/>
    </row>
    <row r="366997" spans="8:8">
      <c r="H366997" s="12"/>
    </row>
    <row r="366998" spans="8:8">
      <c r="H366998" s="12"/>
    </row>
    <row r="366999" spans="8:8">
      <c r="H366999" s="12"/>
    </row>
    <row r="367000" spans="8:8">
      <c r="H367000" s="12"/>
    </row>
    <row r="367001" spans="8:8">
      <c r="H367001" s="12"/>
    </row>
    <row r="367002" spans="8:8">
      <c r="H367002" s="12"/>
    </row>
    <row r="367003" spans="8:8">
      <c r="H367003" s="12"/>
    </row>
    <row r="367004" spans="8:8">
      <c r="H367004" s="12"/>
    </row>
    <row r="367005" spans="8:8">
      <c r="H367005" s="12"/>
    </row>
    <row r="367006" spans="8:8">
      <c r="H367006" s="12"/>
    </row>
    <row r="367007" spans="8:8">
      <c r="H367007" s="12"/>
    </row>
    <row r="367008" spans="8:8">
      <c r="H367008" s="12"/>
    </row>
    <row r="367009" spans="8:8">
      <c r="H367009" s="12"/>
    </row>
    <row r="367010" spans="8:8">
      <c r="H367010" s="12"/>
    </row>
    <row r="367011" spans="8:8">
      <c r="H367011" s="12"/>
    </row>
    <row r="367012" spans="8:8">
      <c r="H367012" s="12"/>
    </row>
    <row r="367013" spans="8:8">
      <c r="H367013" s="12"/>
    </row>
    <row r="367014" spans="8:8">
      <c r="H367014" s="12"/>
    </row>
    <row r="367015" spans="8:8">
      <c r="H367015" s="12"/>
    </row>
    <row r="367016" spans="8:8">
      <c r="H367016" s="12"/>
    </row>
    <row r="367017" spans="8:8">
      <c r="H367017" s="12"/>
    </row>
    <row r="367018" spans="8:8">
      <c r="H367018" s="12"/>
    </row>
    <row r="367019" spans="8:8">
      <c r="H367019" s="12"/>
    </row>
    <row r="367020" spans="8:8">
      <c r="H367020" s="12"/>
    </row>
    <row r="367021" spans="8:8">
      <c r="H367021" s="12"/>
    </row>
    <row r="367022" spans="8:8">
      <c r="H367022" s="12"/>
    </row>
    <row r="367023" spans="8:8">
      <c r="H367023" s="12"/>
    </row>
    <row r="367024" spans="8:8">
      <c r="H367024" s="12"/>
    </row>
    <row r="367025" spans="8:8">
      <c r="H367025" s="12"/>
    </row>
    <row r="367026" spans="8:8">
      <c r="H367026" s="12"/>
    </row>
    <row r="367027" spans="8:8">
      <c r="H367027" s="12"/>
    </row>
    <row r="367028" spans="8:8">
      <c r="H367028" s="12"/>
    </row>
    <row r="367029" spans="8:8">
      <c r="H367029" s="12"/>
    </row>
    <row r="367030" spans="8:8">
      <c r="H367030" s="12"/>
    </row>
    <row r="367031" spans="8:8">
      <c r="H367031" s="12"/>
    </row>
    <row r="367032" spans="8:8">
      <c r="H367032" s="12"/>
    </row>
    <row r="367033" spans="8:8">
      <c r="H367033" s="12"/>
    </row>
    <row r="367034" spans="8:8">
      <c r="H367034" s="12"/>
    </row>
    <row r="367035" spans="8:8">
      <c r="H367035" s="12"/>
    </row>
    <row r="367036" spans="8:8">
      <c r="H367036" s="12"/>
    </row>
    <row r="367037" spans="8:8">
      <c r="H367037" s="12"/>
    </row>
    <row r="367038" spans="8:8">
      <c r="H367038" s="12"/>
    </row>
    <row r="367039" spans="8:8">
      <c r="H367039" s="12"/>
    </row>
    <row r="367040" spans="8:8">
      <c r="H367040" s="12"/>
    </row>
    <row r="367041" spans="8:8">
      <c r="H367041" s="12"/>
    </row>
    <row r="367042" spans="8:8">
      <c r="H367042" s="12"/>
    </row>
    <row r="367043" spans="8:8">
      <c r="H367043" s="12"/>
    </row>
    <row r="367044" spans="8:8">
      <c r="H367044" s="12"/>
    </row>
    <row r="367045" spans="8:8">
      <c r="H367045" s="12"/>
    </row>
    <row r="367046" spans="8:8">
      <c r="H367046" s="12"/>
    </row>
    <row r="367047" spans="8:8">
      <c r="H367047" s="12"/>
    </row>
    <row r="367048" spans="8:8">
      <c r="H367048" s="12"/>
    </row>
    <row r="367049" spans="8:8">
      <c r="H367049" s="12"/>
    </row>
    <row r="367050" spans="8:8">
      <c r="H367050" s="12"/>
    </row>
    <row r="367051" spans="8:8">
      <c r="H367051" s="12"/>
    </row>
    <row r="367052" spans="8:8">
      <c r="H367052" s="12"/>
    </row>
    <row r="367053" spans="8:8">
      <c r="H367053" s="12"/>
    </row>
    <row r="367054" spans="8:8">
      <c r="H367054" s="12"/>
    </row>
    <row r="367055" spans="8:8">
      <c r="H367055" s="12"/>
    </row>
    <row r="367056" spans="8:8">
      <c r="H367056" s="12"/>
    </row>
    <row r="367057" spans="8:8">
      <c r="H367057" s="12"/>
    </row>
    <row r="367058" spans="8:8">
      <c r="H367058" s="12"/>
    </row>
    <row r="367059" spans="8:8">
      <c r="H367059" s="12"/>
    </row>
    <row r="367060" spans="8:8">
      <c r="H367060" s="12"/>
    </row>
    <row r="367061" spans="8:8">
      <c r="H367061" s="12"/>
    </row>
    <row r="367062" spans="8:8">
      <c r="H367062" s="12"/>
    </row>
    <row r="367063" spans="8:8">
      <c r="H367063" s="12"/>
    </row>
    <row r="367064" spans="8:8">
      <c r="H367064" s="12"/>
    </row>
    <row r="367065" spans="8:8">
      <c r="H367065" s="12"/>
    </row>
    <row r="367066" spans="8:8">
      <c r="H367066" s="12"/>
    </row>
    <row r="367067" spans="8:8">
      <c r="H367067" s="12"/>
    </row>
    <row r="367068" spans="8:8">
      <c r="H367068" s="12"/>
    </row>
    <row r="367069" spans="8:8">
      <c r="H367069" s="12"/>
    </row>
    <row r="367070" spans="8:8">
      <c r="H367070" s="12"/>
    </row>
    <row r="367071" spans="8:8">
      <c r="H367071" s="12"/>
    </row>
    <row r="367072" spans="8:8">
      <c r="H367072" s="12"/>
    </row>
    <row r="367073" spans="8:8">
      <c r="H367073" s="12"/>
    </row>
    <row r="367074" spans="8:8">
      <c r="H367074" s="12"/>
    </row>
    <row r="367075" spans="8:8">
      <c r="H367075" s="12"/>
    </row>
    <row r="367076" spans="8:8">
      <c r="H367076" s="12"/>
    </row>
    <row r="367077" spans="8:8">
      <c r="H367077" s="12"/>
    </row>
    <row r="367078" spans="8:8">
      <c r="H367078" s="12"/>
    </row>
    <row r="367079" spans="8:8">
      <c r="H367079" s="12"/>
    </row>
    <row r="367080" spans="8:8">
      <c r="H367080" s="12"/>
    </row>
    <row r="367081" spans="8:8">
      <c r="H367081" s="12"/>
    </row>
    <row r="367082" spans="8:8">
      <c r="H367082" s="12"/>
    </row>
    <row r="367083" spans="8:8">
      <c r="H367083" s="12"/>
    </row>
    <row r="367084" spans="8:8">
      <c r="H367084" s="12"/>
    </row>
    <row r="367085" spans="8:8">
      <c r="H367085" s="12"/>
    </row>
    <row r="367086" spans="8:8">
      <c r="H367086" s="12"/>
    </row>
    <row r="367087" spans="8:8">
      <c r="H367087" s="12"/>
    </row>
    <row r="367088" spans="8:8">
      <c r="H367088" s="12"/>
    </row>
    <row r="367089" spans="8:8">
      <c r="H367089" s="12"/>
    </row>
    <row r="367090" spans="8:8">
      <c r="H367090" s="12"/>
    </row>
    <row r="367091" spans="8:8">
      <c r="H367091" s="12"/>
    </row>
    <row r="367092" spans="8:8">
      <c r="H367092" s="12"/>
    </row>
    <row r="367093" spans="8:8">
      <c r="H367093" s="12"/>
    </row>
    <row r="367094" spans="8:8">
      <c r="H367094" s="12"/>
    </row>
    <row r="367095" spans="8:8">
      <c r="H367095" s="12"/>
    </row>
    <row r="367096" spans="8:8">
      <c r="H367096" s="12"/>
    </row>
    <row r="367097" spans="8:8">
      <c r="H367097" s="12"/>
    </row>
    <row r="367098" spans="8:8">
      <c r="H367098" s="12"/>
    </row>
    <row r="367099" spans="8:8">
      <c r="H367099" s="12"/>
    </row>
    <row r="367100" spans="8:8">
      <c r="H367100" s="12"/>
    </row>
    <row r="367101" spans="8:8">
      <c r="H367101" s="12"/>
    </row>
    <row r="367102" spans="8:8">
      <c r="H367102" s="12"/>
    </row>
    <row r="367103" spans="8:8">
      <c r="H367103" s="12"/>
    </row>
    <row r="367104" spans="8:8">
      <c r="H367104" s="12"/>
    </row>
    <row r="367105" spans="8:8">
      <c r="H367105" s="12"/>
    </row>
    <row r="367106" spans="8:8">
      <c r="H367106" s="12"/>
    </row>
    <row r="367107" spans="8:8">
      <c r="H367107" s="12"/>
    </row>
    <row r="367108" spans="8:8">
      <c r="H367108" s="12"/>
    </row>
    <row r="367109" spans="8:8">
      <c r="H367109" s="12"/>
    </row>
    <row r="367110" spans="8:8">
      <c r="H367110" s="12"/>
    </row>
    <row r="367111" spans="8:8">
      <c r="H367111" s="12"/>
    </row>
    <row r="367112" spans="8:8">
      <c r="H367112" s="12"/>
    </row>
    <row r="367113" spans="8:8">
      <c r="H367113" s="12"/>
    </row>
    <row r="367114" spans="8:8">
      <c r="H367114" s="12"/>
    </row>
    <row r="367115" spans="8:8">
      <c r="H367115" s="12"/>
    </row>
    <row r="367116" spans="8:8">
      <c r="H367116" s="12"/>
    </row>
    <row r="367117" spans="8:8">
      <c r="H367117" s="12"/>
    </row>
    <row r="367118" spans="8:8">
      <c r="H367118" s="12"/>
    </row>
    <row r="367119" spans="8:8">
      <c r="H367119" s="12"/>
    </row>
    <row r="367120" spans="8:8">
      <c r="H367120" s="12"/>
    </row>
    <row r="367121" spans="8:8">
      <c r="H367121" s="12"/>
    </row>
    <row r="367122" spans="8:8">
      <c r="H367122" s="12"/>
    </row>
    <row r="367123" spans="8:8">
      <c r="H367123" s="12"/>
    </row>
    <row r="367124" spans="8:8">
      <c r="H367124" s="12"/>
    </row>
    <row r="367125" spans="8:8">
      <c r="H367125" s="12"/>
    </row>
    <row r="367126" spans="8:8">
      <c r="H367126" s="12"/>
    </row>
    <row r="367127" spans="8:8">
      <c r="H367127" s="12"/>
    </row>
    <row r="367128" spans="8:8">
      <c r="H367128" s="12"/>
    </row>
    <row r="367129" spans="8:8">
      <c r="H367129" s="12"/>
    </row>
    <row r="367130" spans="8:8">
      <c r="H367130" s="12"/>
    </row>
    <row r="367131" spans="8:8">
      <c r="H367131" s="12"/>
    </row>
    <row r="367132" spans="8:8">
      <c r="H367132" s="12"/>
    </row>
    <row r="367133" spans="8:8">
      <c r="H367133" s="12"/>
    </row>
    <row r="367134" spans="8:8">
      <c r="H367134" s="12"/>
    </row>
    <row r="367135" spans="8:8">
      <c r="H367135" s="12"/>
    </row>
    <row r="367136" spans="8:8">
      <c r="H367136" s="12"/>
    </row>
    <row r="367137" spans="8:8">
      <c r="H367137" s="12"/>
    </row>
    <row r="367138" spans="8:8">
      <c r="H367138" s="12"/>
    </row>
    <row r="367139" spans="8:8">
      <c r="H367139" s="12"/>
    </row>
    <row r="367140" spans="8:8">
      <c r="H367140" s="12"/>
    </row>
    <row r="367141" spans="8:8">
      <c r="H367141" s="12"/>
    </row>
    <row r="367142" spans="8:8">
      <c r="H367142" s="12"/>
    </row>
    <row r="367143" spans="8:8">
      <c r="H367143" s="12"/>
    </row>
    <row r="367144" spans="8:8">
      <c r="H367144" s="12"/>
    </row>
    <row r="367145" spans="8:8">
      <c r="H367145" s="12"/>
    </row>
    <row r="367146" spans="8:8">
      <c r="H367146" s="12"/>
    </row>
    <row r="367147" spans="8:8">
      <c r="H367147" s="12"/>
    </row>
    <row r="367148" spans="8:8">
      <c r="H367148" s="12"/>
    </row>
    <row r="367149" spans="8:8">
      <c r="H367149" s="12"/>
    </row>
    <row r="367150" spans="8:8">
      <c r="H367150" s="12"/>
    </row>
    <row r="367151" spans="8:8">
      <c r="H367151" s="12"/>
    </row>
    <row r="367152" spans="8:8">
      <c r="H367152" s="12"/>
    </row>
    <row r="367153" spans="8:8">
      <c r="H367153" s="12"/>
    </row>
    <row r="367154" spans="8:8">
      <c r="H367154" s="12"/>
    </row>
    <row r="367155" spans="8:8">
      <c r="H367155" s="12"/>
    </row>
    <row r="367156" spans="8:8">
      <c r="H367156" s="12"/>
    </row>
    <row r="367157" spans="8:8">
      <c r="H367157" s="12"/>
    </row>
    <row r="367158" spans="8:8">
      <c r="H367158" s="12"/>
    </row>
    <row r="367159" spans="8:8">
      <c r="H367159" s="12"/>
    </row>
    <row r="367160" spans="8:8">
      <c r="H367160" s="12"/>
    </row>
    <row r="367161" spans="8:8">
      <c r="H367161" s="12"/>
    </row>
    <row r="367162" spans="8:8">
      <c r="H367162" s="12"/>
    </row>
    <row r="367163" spans="8:8">
      <c r="H367163" s="12"/>
    </row>
    <row r="367164" spans="8:8">
      <c r="H367164" s="12"/>
    </row>
    <row r="367165" spans="8:8">
      <c r="H367165" s="12"/>
    </row>
    <row r="367166" spans="8:8">
      <c r="H367166" s="12"/>
    </row>
    <row r="367167" spans="8:8">
      <c r="H367167" s="12"/>
    </row>
    <row r="367168" spans="8:8">
      <c r="H367168" s="12"/>
    </row>
    <row r="367169" spans="8:8">
      <c r="H367169" s="12"/>
    </row>
    <row r="367170" spans="8:8">
      <c r="H367170" s="12"/>
    </row>
    <row r="367171" spans="8:8">
      <c r="H367171" s="12"/>
    </row>
    <row r="367172" spans="8:8">
      <c r="H367172" s="12"/>
    </row>
    <row r="367173" spans="8:8">
      <c r="H367173" s="12"/>
    </row>
    <row r="367174" spans="8:8">
      <c r="H367174" s="12"/>
    </row>
    <row r="367175" spans="8:8">
      <c r="H367175" s="12"/>
    </row>
    <row r="367176" spans="8:8">
      <c r="H367176" s="12"/>
    </row>
    <row r="367177" spans="8:8">
      <c r="H367177" s="12"/>
    </row>
    <row r="367178" spans="8:8">
      <c r="H367178" s="12"/>
    </row>
    <row r="367179" spans="8:8">
      <c r="H367179" s="12"/>
    </row>
    <row r="367180" spans="8:8">
      <c r="H367180" s="12"/>
    </row>
    <row r="367181" spans="8:8">
      <c r="H367181" s="12"/>
    </row>
    <row r="367182" spans="8:8">
      <c r="H367182" s="12"/>
    </row>
    <row r="367183" spans="8:8">
      <c r="H367183" s="12"/>
    </row>
    <row r="367184" spans="8:8">
      <c r="H367184" s="12"/>
    </row>
    <row r="367185" spans="8:8">
      <c r="H367185" s="12"/>
    </row>
    <row r="367186" spans="8:8">
      <c r="H367186" s="12"/>
    </row>
    <row r="367187" spans="8:8">
      <c r="H367187" s="12"/>
    </row>
    <row r="367188" spans="8:8">
      <c r="H367188" s="12"/>
    </row>
    <row r="367189" spans="8:8">
      <c r="H367189" s="12"/>
    </row>
    <row r="367190" spans="8:8">
      <c r="H367190" s="12"/>
    </row>
    <row r="367191" spans="8:8">
      <c r="H367191" s="12"/>
    </row>
    <row r="367192" spans="8:8">
      <c r="H367192" s="12"/>
    </row>
    <row r="367193" spans="8:8">
      <c r="H367193" s="12"/>
    </row>
    <row r="367194" spans="8:8">
      <c r="H367194" s="12"/>
    </row>
    <row r="367195" spans="8:8">
      <c r="H367195" s="12"/>
    </row>
    <row r="367196" spans="8:8">
      <c r="H367196" s="12"/>
    </row>
    <row r="367197" spans="8:8">
      <c r="H367197" s="12"/>
    </row>
    <row r="367198" spans="8:8">
      <c r="H367198" s="12"/>
    </row>
    <row r="367199" spans="8:8">
      <c r="H367199" s="12"/>
    </row>
    <row r="367200" spans="8:8">
      <c r="H367200" s="12"/>
    </row>
    <row r="367201" spans="8:8">
      <c r="H367201" s="12"/>
    </row>
    <row r="367202" spans="8:8">
      <c r="H367202" s="12"/>
    </row>
    <row r="367203" spans="8:8">
      <c r="H367203" s="12"/>
    </row>
    <row r="367204" spans="8:8">
      <c r="H367204" s="12"/>
    </row>
    <row r="367205" spans="8:8">
      <c r="H367205" s="12"/>
    </row>
    <row r="367206" spans="8:8">
      <c r="H367206" s="12"/>
    </row>
    <row r="367207" spans="8:8">
      <c r="H367207" s="12"/>
    </row>
    <row r="367208" spans="8:8">
      <c r="H367208" s="12"/>
    </row>
    <row r="367209" spans="8:8">
      <c r="H367209" s="12"/>
    </row>
    <row r="367210" spans="8:8">
      <c r="H367210" s="12"/>
    </row>
    <row r="367211" spans="8:8">
      <c r="H367211" s="12"/>
    </row>
    <row r="367212" spans="8:8">
      <c r="H367212" s="12"/>
    </row>
    <row r="367213" spans="8:8">
      <c r="H367213" s="12"/>
    </row>
    <row r="367214" spans="8:8">
      <c r="H367214" s="12"/>
    </row>
    <row r="367215" spans="8:8">
      <c r="H367215" s="12"/>
    </row>
    <row r="367216" spans="8:8">
      <c r="H367216" s="12"/>
    </row>
    <row r="367217" spans="8:8">
      <c r="H367217" s="12"/>
    </row>
    <row r="367218" spans="8:8">
      <c r="H367218" s="12"/>
    </row>
    <row r="367219" spans="8:8">
      <c r="H367219" s="12"/>
    </row>
    <row r="367220" spans="8:8">
      <c r="H367220" s="12"/>
    </row>
    <row r="367221" spans="8:8">
      <c r="H367221" s="12"/>
    </row>
    <row r="367222" spans="8:8">
      <c r="H367222" s="12"/>
    </row>
    <row r="367223" spans="8:8">
      <c r="H367223" s="12"/>
    </row>
    <row r="367224" spans="8:8">
      <c r="H367224" s="12"/>
    </row>
    <row r="367225" spans="8:8">
      <c r="H367225" s="12"/>
    </row>
    <row r="367226" spans="8:8">
      <c r="H367226" s="12"/>
    </row>
    <row r="367227" spans="8:8">
      <c r="H367227" s="12"/>
    </row>
    <row r="367228" spans="8:8">
      <c r="H367228" s="12"/>
    </row>
    <row r="367229" spans="8:8">
      <c r="H367229" s="12"/>
    </row>
    <row r="367230" spans="8:8">
      <c r="H367230" s="12"/>
    </row>
    <row r="367231" spans="8:8">
      <c r="H367231" s="12"/>
    </row>
    <row r="367232" spans="8:8">
      <c r="H367232" s="12"/>
    </row>
    <row r="367233" spans="8:8">
      <c r="H367233" s="12"/>
    </row>
    <row r="367234" spans="8:8">
      <c r="H367234" s="12"/>
    </row>
    <row r="367235" spans="8:8">
      <c r="H367235" s="12"/>
    </row>
    <row r="367236" spans="8:8">
      <c r="H367236" s="12"/>
    </row>
    <row r="367237" spans="8:8">
      <c r="H367237" s="12"/>
    </row>
    <row r="367238" spans="8:8">
      <c r="H367238" s="12"/>
    </row>
    <row r="367239" spans="8:8">
      <c r="H367239" s="12"/>
    </row>
    <row r="367240" spans="8:8">
      <c r="H367240" s="12"/>
    </row>
    <row r="367241" spans="8:8">
      <c r="H367241" s="12"/>
    </row>
    <row r="367242" spans="8:8">
      <c r="H367242" s="12"/>
    </row>
    <row r="367243" spans="8:8">
      <c r="H367243" s="12"/>
    </row>
    <row r="367244" spans="8:8">
      <c r="H367244" s="12"/>
    </row>
    <row r="367245" spans="8:8">
      <c r="H367245" s="12"/>
    </row>
    <row r="367246" spans="8:8">
      <c r="H367246" s="12"/>
    </row>
    <row r="367247" spans="8:8">
      <c r="H367247" s="12"/>
    </row>
    <row r="367248" spans="8:8">
      <c r="H367248" s="12"/>
    </row>
    <row r="367249" spans="8:8">
      <c r="H367249" s="12"/>
    </row>
    <row r="367250" spans="8:8">
      <c r="H367250" s="12"/>
    </row>
    <row r="367251" spans="8:8">
      <c r="H367251" s="12"/>
    </row>
    <row r="367252" spans="8:8">
      <c r="H367252" s="12"/>
    </row>
    <row r="367253" spans="8:8">
      <c r="H367253" s="12"/>
    </row>
    <row r="367254" spans="8:8">
      <c r="H367254" s="12"/>
    </row>
    <row r="367255" spans="8:8">
      <c r="H367255" s="12"/>
    </row>
    <row r="367256" spans="8:8">
      <c r="H367256" s="12"/>
    </row>
    <row r="367257" spans="8:8">
      <c r="H367257" s="12"/>
    </row>
    <row r="367258" spans="8:8">
      <c r="H367258" s="12"/>
    </row>
    <row r="367259" spans="8:8">
      <c r="H367259" s="12"/>
    </row>
    <row r="367260" spans="8:8">
      <c r="H367260" s="12"/>
    </row>
    <row r="367261" spans="8:8">
      <c r="H367261" s="12"/>
    </row>
    <row r="367262" spans="8:8">
      <c r="H367262" s="12"/>
    </row>
    <row r="367263" spans="8:8">
      <c r="H367263" s="12"/>
    </row>
    <row r="367264" spans="8:8">
      <c r="H367264" s="12"/>
    </row>
    <row r="367265" spans="8:8">
      <c r="H367265" s="12"/>
    </row>
    <row r="367266" spans="8:8">
      <c r="H367266" s="12"/>
    </row>
    <row r="367267" spans="8:8">
      <c r="H367267" s="12"/>
    </row>
    <row r="367268" spans="8:8">
      <c r="H367268" s="12"/>
    </row>
    <row r="367269" spans="8:8">
      <c r="H367269" s="12"/>
    </row>
    <row r="367270" spans="8:8">
      <c r="H367270" s="12"/>
    </row>
    <row r="367271" spans="8:8">
      <c r="H367271" s="12"/>
    </row>
    <row r="367272" spans="8:8">
      <c r="H367272" s="12"/>
    </row>
    <row r="367273" spans="8:8">
      <c r="H367273" s="12"/>
    </row>
    <row r="367274" spans="8:8">
      <c r="H367274" s="12"/>
    </row>
    <row r="367275" spans="8:8">
      <c r="H367275" s="12"/>
    </row>
    <row r="367276" spans="8:8">
      <c r="H367276" s="12"/>
    </row>
    <row r="367277" spans="8:8">
      <c r="H367277" s="12"/>
    </row>
    <row r="367278" spans="8:8">
      <c r="H367278" s="12"/>
    </row>
    <row r="367279" spans="8:8">
      <c r="H367279" s="12"/>
    </row>
    <row r="367280" spans="8:8">
      <c r="H367280" s="12"/>
    </row>
    <row r="367281" spans="8:8">
      <c r="H367281" s="12"/>
    </row>
    <row r="367282" spans="8:8">
      <c r="H367282" s="12"/>
    </row>
    <row r="367283" spans="8:8">
      <c r="H367283" s="12"/>
    </row>
    <row r="367284" spans="8:8">
      <c r="H367284" s="12"/>
    </row>
    <row r="367285" spans="8:8">
      <c r="H367285" s="12"/>
    </row>
    <row r="367286" spans="8:8">
      <c r="H367286" s="12"/>
    </row>
    <row r="367287" spans="8:8">
      <c r="H367287" s="12"/>
    </row>
    <row r="367288" spans="8:8">
      <c r="H367288" s="12"/>
    </row>
    <row r="367289" spans="8:8">
      <c r="H367289" s="12"/>
    </row>
    <row r="367290" spans="8:8">
      <c r="H367290" s="12"/>
    </row>
    <row r="367291" spans="8:8">
      <c r="H367291" s="12"/>
    </row>
    <row r="367292" spans="8:8">
      <c r="H367292" s="12"/>
    </row>
    <row r="367293" spans="8:8">
      <c r="H367293" s="12"/>
    </row>
    <row r="367294" spans="8:8">
      <c r="H367294" s="12"/>
    </row>
    <row r="367295" spans="8:8">
      <c r="H367295" s="12"/>
    </row>
    <row r="367296" spans="8:8">
      <c r="H367296" s="12"/>
    </row>
    <row r="367297" spans="8:8">
      <c r="H367297" s="12"/>
    </row>
    <row r="367298" spans="8:8">
      <c r="H367298" s="12"/>
    </row>
    <row r="367299" spans="8:8">
      <c r="H367299" s="12"/>
    </row>
    <row r="367300" spans="8:8">
      <c r="H367300" s="12"/>
    </row>
    <row r="367301" spans="8:8">
      <c r="H367301" s="12"/>
    </row>
    <row r="367302" spans="8:8">
      <c r="H367302" s="12"/>
    </row>
    <row r="367303" spans="8:8">
      <c r="H367303" s="12"/>
    </row>
    <row r="367304" spans="8:8">
      <c r="H367304" s="12"/>
    </row>
    <row r="367305" spans="8:8">
      <c r="H367305" s="12"/>
    </row>
    <row r="367306" spans="8:8">
      <c r="H367306" s="12"/>
    </row>
    <row r="367307" spans="8:8">
      <c r="H367307" s="12"/>
    </row>
    <row r="367308" spans="8:8">
      <c r="H367308" s="12"/>
    </row>
    <row r="367309" spans="8:8">
      <c r="H367309" s="12"/>
    </row>
    <row r="367310" spans="8:8">
      <c r="H367310" s="12"/>
    </row>
    <row r="367311" spans="8:8">
      <c r="H367311" s="12"/>
    </row>
    <row r="367312" spans="8:8">
      <c r="H367312" s="12"/>
    </row>
    <row r="367313" spans="8:8">
      <c r="H367313" s="12"/>
    </row>
    <row r="367314" spans="8:8">
      <c r="H367314" s="12"/>
    </row>
    <row r="367315" spans="8:8">
      <c r="H367315" s="12"/>
    </row>
    <row r="367316" spans="8:8">
      <c r="H367316" s="12"/>
    </row>
    <row r="367317" spans="8:8">
      <c r="H367317" s="12"/>
    </row>
    <row r="367318" spans="8:8">
      <c r="H367318" s="12"/>
    </row>
    <row r="367319" spans="8:8">
      <c r="H367319" s="12"/>
    </row>
    <row r="367320" spans="8:8">
      <c r="H367320" s="12"/>
    </row>
    <row r="367321" spans="8:8">
      <c r="H367321" s="12"/>
    </row>
    <row r="367322" spans="8:8">
      <c r="H367322" s="12"/>
    </row>
    <row r="367323" spans="8:8">
      <c r="H367323" s="12"/>
    </row>
    <row r="367324" spans="8:8">
      <c r="H367324" s="12"/>
    </row>
    <row r="367325" spans="8:8">
      <c r="H367325" s="12"/>
    </row>
    <row r="367326" spans="8:8">
      <c r="H367326" s="12"/>
    </row>
    <row r="367327" spans="8:8">
      <c r="H367327" s="12"/>
    </row>
    <row r="367328" spans="8:8">
      <c r="H367328" s="12"/>
    </row>
    <row r="367329" spans="8:8">
      <c r="H367329" s="12"/>
    </row>
    <row r="367330" spans="8:8">
      <c r="H367330" s="12"/>
    </row>
    <row r="367331" spans="8:8">
      <c r="H367331" s="12"/>
    </row>
    <row r="367332" spans="8:8">
      <c r="H367332" s="12"/>
    </row>
    <row r="367333" spans="8:8">
      <c r="H367333" s="12"/>
    </row>
    <row r="367334" spans="8:8">
      <c r="H367334" s="12"/>
    </row>
    <row r="367335" spans="8:8">
      <c r="H367335" s="12"/>
    </row>
    <row r="367336" spans="8:8">
      <c r="H367336" s="12"/>
    </row>
    <row r="367337" spans="8:8">
      <c r="H367337" s="12"/>
    </row>
    <row r="367338" spans="8:8">
      <c r="H367338" s="12"/>
    </row>
    <row r="367339" spans="8:8">
      <c r="H367339" s="12"/>
    </row>
    <row r="367340" spans="8:8">
      <c r="H367340" s="12"/>
    </row>
    <row r="367341" spans="8:8">
      <c r="H367341" s="12"/>
    </row>
    <row r="367342" spans="8:8">
      <c r="H367342" s="12"/>
    </row>
    <row r="367343" spans="8:8">
      <c r="H367343" s="12"/>
    </row>
    <row r="367344" spans="8:8">
      <c r="H367344" s="12"/>
    </row>
    <row r="367345" spans="8:8">
      <c r="H367345" s="12"/>
    </row>
    <row r="367346" spans="8:8">
      <c r="H367346" s="12"/>
    </row>
    <row r="367347" spans="8:8">
      <c r="H367347" s="12"/>
    </row>
    <row r="367348" spans="8:8">
      <c r="H367348" s="12"/>
    </row>
    <row r="367349" spans="8:8">
      <c r="H367349" s="12"/>
    </row>
    <row r="367350" spans="8:8">
      <c r="H367350" s="12"/>
    </row>
    <row r="367351" spans="8:8">
      <c r="H367351" s="12"/>
    </row>
    <row r="367352" spans="8:8">
      <c r="H367352" s="12"/>
    </row>
    <row r="367353" spans="8:8">
      <c r="H367353" s="12"/>
    </row>
    <row r="367354" spans="8:8">
      <c r="H367354" s="12"/>
    </row>
    <row r="367355" spans="8:8">
      <c r="H367355" s="12"/>
    </row>
    <row r="367356" spans="8:8">
      <c r="H367356" s="12"/>
    </row>
    <row r="367357" spans="8:8">
      <c r="H367357" s="12"/>
    </row>
    <row r="367358" spans="8:8">
      <c r="H367358" s="12"/>
    </row>
    <row r="367359" spans="8:8">
      <c r="H367359" s="12"/>
    </row>
    <row r="367360" spans="8:8">
      <c r="H367360" s="12"/>
    </row>
    <row r="367361" spans="8:8">
      <c r="H367361" s="12"/>
    </row>
    <row r="367362" spans="8:8">
      <c r="H367362" s="12"/>
    </row>
    <row r="367363" spans="8:8">
      <c r="H367363" s="12"/>
    </row>
    <row r="367364" spans="8:8">
      <c r="H367364" s="12"/>
    </row>
    <row r="367365" spans="8:8">
      <c r="H367365" s="12"/>
    </row>
    <row r="367366" spans="8:8">
      <c r="H367366" s="12"/>
    </row>
    <row r="367367" spans="8:8">
      <c r="H367367" s="12"/>
    </row>
    <row r="367368" spans="8:8">
      <c r="H367368" s="12"/>
    </row>
    <row r="367369" spans="8:8">
      <c r="H367369" s="12"/>
    </row>
    <row r="367370" spans="8:8">
      <c r="H367370" s="12"/>
    </row>
    <row r="367371" spans="8:8">
      <c r="H367371" s="12"/>
    </row>
    <row r="367372" spans="8:8">
      <c r="H367372" s="12"/>
    </row>
    <row r="367373" spans="8:8">
      <c r="H367373" s="12"/>
    </row>
    <row r="367374" spans="8:8">
      <c r="H367374" s="12"/>
    </row>
    <row r="367375" spans="8:8">
      <c r="H367375" s="12"/>
    </row>
    <row r="367376" spans="8:8">
      <c r="H367376" s="12"/>
    </row>
    <row r="367377" spans="8:8">
      <c r="H367377" s="12"/>
    </row>
    <row r="367378" spans="8:8">
      <c r="H367378" s="12"/>
    </row>
    <row r="367379" spans="8:8">
      <c r="H367379" s="12"/>
    </row>
    <row r="367380" spans="8:8">
      <c r="H367380" s="12"/>
    </row>
    <row r="367381" spans="8:8">
      <c r="H367381" s="12"/>
    </row>
    <row r="367382" spans="8:8">
      <c r="H367382" s="12"/>
    </row>
    <row r="367383" spans="8:8">
      <c r="H367383" s="12"/>
    </row>
    <row r="367384" spans="8:8">
      <c r="H367384" s="12"/>
    </row>
    <row r="367385" spans="8:8">
      <c r="H367385" s="12"/>
    </row>
    <row r="367386" spans="8:8">
      <c r="H367386" s="12"/>
    </row>
    <row r="367387" spans="8:8">
      <c r="H367387" s="12"/>
    </row>
    <row r="367388" spans="8:8">
      <c r="H367388" s="12"/>
    </row>
    <row r="367389" spans="8:8">
      <c r="H367389" s="12"/>
    </row>
    <row r="367390" spans="8:8">
      <c r="H367390" s="12"/>
    </row>
    <row r="367391" spans="8:8">
      <c r="H367391" s="12"/>
    </row>
    <row r="367392" spans="8:8">
      <c r="H367392" s="12"/>
    </row>
    <row r="367393" spans="8:8">
      <c r="H367393" s="12"/>
    </row>
    <row r="367394" spans="8:8">
      <c r="H367394" s="12"/>
    </row>
    <row r="367395" spans="8:8">
      <c r="H367395" s="12"/>
    </row>
    <row r="367396" spans="8:8">
      <c r="H367396" s="12"/>
    </row>
    <row r="367397" spans="8:8">
      <c r="H367397" s="12"/>
    </row>
    <row r="367398" spans="8:8">
      <c r="H367398" s="12"/>
    </row>
    <row r="367399" spans="8:8">
      <c r="H367399" s="12"/>
    </row>
    <row r="367400" spans="8:8">
      <c r="H367400" s="12"/>
    </row>
    <row r="367401" spans="8:8">
      <c r="H367401" s="12"/>
    </row>
    <row r="367402" spans="8:8">
      <c r="H367402" s="12"/>
    </row>
    <row r="367403" spans="8:8">
      <c r="H367403" s="12"/>
    </row>
    <row r="367404" spans="8:8">
      <c r="H367404" s="12"/>
    </row>
    <row r="367405" spans="8:8">
      <c r="H367405" s="12"/>
    </row>
    <row r="367406" spans="8:8">
      <c r="H367406" s="12"/>
    </row>
    <row r="367407" spans="8:8">
      <c r="H367407" s="12"/>
    </row>
    <row r="367408" spans="8:8">
      <c r="H367408" s="12"/>
    </row>
    <row r="367409" spans="8:8">
      <c r="H367409" s="12"/>
    </row>
    <row r="367410" spans="8:8">
      <c r="H367410" s="12"/>
    </row>
    <row r="367411" spans="8:8">
      <c r="H367411" s="12"/>
    </row>
    <row r="367412" spans="8:8">
      <c r="H367412" s="12"/>
    </row>
    <row r="367413" spans="8:8">
      <c r="H367413" s="12"/>
    </row>
    <row r="367414" spans="8:8">
      <c r="H367414" s="12"/>
    </row>
    <row r="367415" spans="8:8">
      <c r="H367415" s="12"/>
    </row>
    <row r="367416" spans="8:8">
      <c r="H367416" s="12"/>
    </row>
    <row r="367417" spans="8:8">
      <c r="H367417" s="12"/>
    </row>
    <row r="367418" spans="8:8">
      <c r="H367418" s="12"/>
    </row>
    <row r="367419" spans="8:8">
      <c r="H367419" s="12"/>
    </row>
    <row r="367420" spans="8:8">
      <c r="H367420" s="12"/>
    </row>
    <row r="367421" spans="8:8">
      <c r="H367421" s="12"/>
    </row>
    <row r="367422" spans="8:8">
      <c r="H367422" s="12"/>
    </row>
    <row r="367423" spans="8:8">
      <c r="H367423" s="12"/>
    </row>
    <row r="367424" spans="8:8">
      <c r="H367424" s="12"/>
    </row>
    <row r="367425" spans="8:8">
      <c r="H367425" s="12"/>
    </row>
    <row r="367426" spans="8:8">
      <c r="H367426" s="12"/>
    </row>
    <row r="367427" spans="8:8">
      <c r="H367427" s="12"/>
    </row>
    <row r="367428" spans="8:8">
      <c r="H367428" s="12"/>
    </row>
    <row r="367429" spans="8:8">
      <c r="H367429" s="12"/>
    </row>
    <row r="367430" spans="8:8">
      <c r="H367430" s="12"/>
    </row>
    <row r="367431" spans="8:8">
      <c r="H367431" s="12"/>
    </row>
    <row r="367432" spans="8:8">
      <c r="H367432" s="12"/>
    </row>
    <row r="367433" spans="8:8">
      <c r="H367433" s="12"/>
    </row>
    <row r="367434" spans="8:8">
      <c r="H367434" s="12"/>
    </row>
    <row r="367435" spans="8:8">
      <c r="H367435" s="12"/>
    </row>
    <row r="367436" spans="8:8">
      <c r="H367436" s="12"/>
    </row>
    <row r="367437" spans="8:8">
      <c r="H367437" s="12"/>
    </row>
    <row r="367438" spans="8:8">
      <c r="H367438" s="12"/>
    </row>
    <row r="367439" spans="8:8">
      <c r="H367439" s="12"/>
    </row>
    <row r="367440" spans="8:8">
      <c r="H367440" s="12"/>
    </row>
    <row r="367441" spans="8:8">
      <c r="H367441" s="12"/>
    </row>
    <row r="367442" spans="8:8">
      <c r="H367442" s="12"/>
    </row>
    <row r="367443" spans="8:8">
      <c r="H367443" s="12"/>
    </row>
    <row r="367444" spans="8:8">
      <c r="H367444" s="12"/>
    </row>
    <row r="367445" spans="8:8">
      <c r="H367445" s="12"/>
    </row>
    <row r="367446" spans="8:8">
      <c r="H367446" s="12"/>
    </row>
    <row r="367447" spans="8:8">
      <c r="H367447" s="12"/>
    </row>
    <row r="367448" spans="8:8">
      <c r="H367448" s="12"/>
    </row>
    <row r="367449" spans="8:8">
      <c r="H367449" s="12"/>
    </row>
    <row r="367450" spans="8:8">
      <c r="H367450" s="12"/>
    </row>
    <row r="367451" spans="8:8">
      <c r="H367451" s="12"/>
    </row>
    <row r="367452" spans="8:8">
      <c r="H367452" s="12"/>
    </row>
    <row r="367453" spans="8:8">
      <c r="H367453" s="12"/>
    </row>
    <row r="367454" spans="8:8">
      <c r="H367454" s="12"/>
    </row>
    <row r="367455" spans="8:8">
      <c r="H367455" s="12"/>
    </row>
    <row r="367456" spans="8:8">
      <c r="H367456" s="12"/>
    </row>
    <row r="367457" spans="8:8">
      <c r="H367457" s="12"/>
    </row>
    <row r="367458" spans="8:8">
      <c r="H367458" s="12"/>
    </row>
    <row r="367459" spans="8:8">
      <c r="H367459" s="12"/>
    </row>
    <row r="367460" spans="8:8">
      <c r="H367460" s="12"/>
    </row>
    <row r="367461" spans="8:8">
      <c r="H367461" s="12"/>
    </row>
    <row r="367462" spans="8:8">
      <c r="H367462" s="12"/>
    </row>
    <row r="367463" spans="8:8">
      <c r="H367463" s="12"/>
    </row>
    <row r="367464" spans="8:8">
      <c r="H367464" s="12"/>
    </row>
    <row r="367465" spans="8:8">
      <c r="H367465" s="12"/>
    </row>
    <row r="367466" spans="8:8">
      <c r="H367466" s="12"/>
    </row>
    <row r="367467" spans="8:8">
      <c r="H367467" s="12"/>
    </row>
    <row r="367468" spans="8:8">
      <c r="H367468" s="12"/>
    </row>
    <row r="367469" spans="8:8">
      <c r="H367469" s="12"/>
    </row>
    <row r="367470" spans="8:8">
      <c r="H367470" s="12"/>
    </row>
    <row r="367471" spans="8:8">
      <c r="H367471" s="12"/>
    </row>
    <row r="367472" spans="8:8">
      <c r="H367472" s="12"/>
    </row>
    <row r="367473" spans="8:8">
      <c r="H367473" s="12"/>
    </row>
    <row r="367474" spans="8:8">
      <c r="H367474" s="12"/>
    </row>
    <row r="367475" spans="8:8">
      <c r="H367475" s="12"/>
    </row>
    <row r="367476" spans="8:8">
      <c r="H367476" s="12"/>
    </row>
    <row r="367477" spans="8:8">
      <c r="H367477" s="12"/>
    </row>
    <row r="367478" spans="8:8">
      <c r="H367478" s="12"/>
    </row>
    <row r="367479" spans="8:8">
      <c r="H367479" s="12"/>
    </row>
    <row r="367480" spans="8:8">
      <c r="H367480" s="12"/>
    </row>
    <row r="367481" spans="8:8">
      <c r="H367481" s="12"/>
    </row>
    <row r="367482" spans="8:8">
      <c r="H367482" s="12"/>
    </row>
    <row r="367483" spans="8:8">
      <c r="H367483" s="12"/>
    </row>
    <row r="367484" spans="8:8">
      <c r="H367484" s="12"/>
    </row>
    <row r="367485" spans="8:8">
      <c r="H367485" s="12"/>
    </row>
    <row r="367486" spans="8:8">
      <c r="H367486" s="12"/>
    </row>
    <row r="367487" spans="8:8">
      <c r="H367487" s="12"/>
    </row>
    <row r="367488" spans="8:8">
      <c r="H367488" s="12"/>
    </row>
    <row r="367489" spans="8:8">
      <c r="H367489" s="12"/>
    </row>
    <row r="367490" spans="8:8">
      <c r="H367490" s="12"/>
    </row>
    <row r="367491" spans="8:8">
      <c r="H367491" s="12"/>
    </row>
    <row r="367492" spans="8:8">
      <c r="H367492" s="12"/>
    </row>
    <row r="367493" spans="8:8">
      <c r="H367493" s="12"/>
    </row>
    <row r="367494" spans="8:8">
      <c r="H367494" s="12"/>
    </row>
    <row r="367495" spans="8:8">
      <c r="H367495" s="12"/>
    </row>
    <row r="367496" spans="8:8">
      <c r="H367496" s="12"/>
    </row>
    <row r="367497" spans="8:8">
      <c r="H367497" s="12"/>
    </row>
    <row r="367498" spans="8:8">
      <c r="H367498" s="12"/>
    </row>
    <row r="367499" spans="8:8">
      <c r="H367499" s="12"/>
    </row>
    <row r="367500" spans="8:8">
      <c r="H367500" s="12"/>
    </row>
    <row r="367501" spans="8:8">
      <c r="H367501" s="12"/>
    </row>
    <row r="367502" spans="8:8">
      <c r="H367502" s="12"/>
    </row>
    <row r="367503" spans="8:8">
      <c r="H367503" s="12"/>
    </row>
    <row r="367504" spans="8:8">
      <c r="H367504" s="12"/>
    </row>
    <row r="367505" spans="8:8">
      <c r="H367505" s="12"/>
    </row>
    <row r="367506" spans="8:8">
      <c r="H367506" s="12"/>
    </row>
    <row r="367507" spans="8:8">
      <c r="H367507" s="12"/>
    </row>
    <row r="367508" spans="8:8">
      <c r="H367508" s="12"/>
    </row>
    <row r="367509" spans="8:8">
      <c r="H367509" s="12"/>
    </row>
    <row r="367510" spans="8:8">
      <c r="H367510" s="12"/>
    </row>
    <row r="367511" spans="8:8">
      <c r="H367511" s="12"/>
    </row>
    <row r="367512" spans="8:8">
      <c r="H367512" s="12"/>
    </row>
    <row r="367513" spans="8:8">
      <c r="H367513" s="12"/>
    </row>
    <row r="367514" spans="8:8">
      <c r="H367514" s="12"/>
    </row>
    <row r="367515" spans="8:8">
      <c r="H367515" s="12"/>
    </row>
    <row r="367516" spans="8:8">
      <c r="H367516" s="12"/>
    </row>
    <row r="367517" spans="8:8">
      <c r="H367517" s="12"/>
    </row>
    <row r="367518" spans="8:8">
      <c r="H367518" s="12"/>
    </row>
    <row r="367519" spans="8:8">
      <c r="H367519" s="12"/>
    </row>
    <row r="367520" spans="8:8">
      <c r="H367520" s="12"/>
    </row>
    <row r="367521" spans="8:8">
      <c r="H367521" s="12"/>
    </row>
    <row r="367522" spans="8:8">
      <c r="H367522" s="12"/>
    </row>
    <row r="367523" spans="8:8">
      <c r="H367523" s="12"/>
    </row>
    <row r="367524" spans="8:8">
      <c r="H367524" s="12"/>
    </row>
    <row r="367525" spans="8:8">
      <c r="H367525" s="12"/>
    </row>
    <row r="367526" spans="8:8">
      <c r="H367526" s="12"/>
    </row>
    <row r="367527" spans="8:8">
      <c r="H367527" s="12"/>
    </row>
    <row r="367528" spans="8:8">
      <c r="H367528" s="12"/>
    </row>
    <row r="367529" spans="8:8">
      <c r="H367529" s="12"/>
    </row>
    <row r="367530" spans="8:8">
      <c r="H367530" s="12"/>
    </row>
    <row r="367531" spans="8:8">
      <c r="H367531" s="12"/>
    </row>
    <row r="367532" spans="8:8">
      <c r="H367532" s="12"/>
    </row>
    <row r="367533" spans="8:8">
      <c r="H367533" s="12"/>
    </row>
    <row r="367534" spans="8:8">
      <c r="H367534" s="12"/>
    </row>
    <row r="367535" spans="8:8">
      <c r="H367535" s="12"/>
    </row>
    <row r="367536" spans="8:8">
      <c r="H367536" s="12"/>
    </row>
    <row r="367537" spans="8:8">
      <c r="H367537" s="12"/>
    </row>
    <row r="367538" spans="8:8">
      <c r="H367538" s="12"/>
    </row>
    <row r="367539" spans="8:8">
      <c r="H367539" s="12"/>
    </row>
    <row r="367540" spans="8:8">
      <c r="H367540" s="12"/>
    </row>
    <row r="367541" spans="8:8">
      <c r="H367541" s="12"/>
    </row>
    <row r="367542" spans="8:8">
      <c r="H367542" s="12"/>
    </row>
    <row r="367543" spans="8:8">
      <c r="H367543" s="12"/>
    </row>
    <row r="367544" spans="8:8">
      <c r="H367544" s="12"/>
    </row>
    <row r="367545" spans="8:8">
      <c r="H367545" s="12"/>
    </row>
    <row r="367546" spans="8:8">
      <c r="H367546" s="12"/>
    </row>
    <row r="367547" spans="8:8">
      <c r="H367547" s="12"/>
    </row>
    <row r="367548" spans="8:8">
      <c r="H367548" s="12"/>
    </row>
    <row r="367549" spans="8:8">
      <c r="H367549" s="12"/>
    </row>
    <row r="367550" spans="8:8">
      <c r="H367550" s="12"/>
    </row>
    <row r="367551" spans="8:8">
      <c r="H367551" s="12"/>
    </row>
    <row r="367552" spans="8:8">
      <c r="H367552" s="12"/>
    </row>
    <row r="367553" spans="8:8">
      <c r="H367553" s="12"/>
    </row>
    <row r="367554" spans="8:8">
      <c r="H367554" s="12"/>
    </row>
    <row r="367555" spans="8:8">
      <c r="H367555" s="12"/>
    </row>
    <row r="367556" spans="8:8">
      <c r="H367556" s="12"/>
    </row>
    <row r="367557" spans="8:8">
      <c r="H367557" s="12"/>
    </row>
    <row r="367558" spans="8:8">
      <c r="H367558" s="12"/>
    </row>
    <row r="367559" spans="8:8">
      <c r="H367559" s="12"/>
    </row>
    <row r="367560" spans="8:8">
      <c r="H367560" s="12"/>
    </row>
    <row r="367561" spans="8:8">
      <c r="H367561" s="12"/>
    </row>
    <row r="367562" spans="8:8">
      <c r="H367562" s="12"/>
    </row>
    <row r="367563" spans="8:8">
      <c r="H367563" s="12"/>
    </row>
    <row r="367564" spans="8:8">
      <c r="H367564" s="12"/>
    </row>
    <row r="367565" spans="8:8">
      <c r="H367565" s="12"/>
    </row>
    <row r="367566" spans="8:8">
      <c r="H367566" s="12"/>
    </row>
    <row r="367567" spans="8:8">
      <c r="H367567" s="12"/>
    </row>
    <row r="367568" spans="8:8">
      <c r="H367568" s="12"/>
    </row>
    <row r="367569" spans="8:8">
      <c r="H367569" s="12"/>
    </row>
    <row r="367570" spans="8:8">
      <c r="H367570" s="12"/>
    </row>
    <row r="367571" spans="8:8">
      <c r="H367571" s="12"/>
    </row>
    <row r="367572" spans="8:8">
      <c r="H367572" s="12"/>
    </row>
    <row r="367573" spans="8:8">
      <c r="H367573" s="12"/>
    </row>
    <row r="367574" spans="8:8">
      <c r="H367574" s="12"/>
    </row>
    <row r="367575" spans="8:8">
      <c r="H367575" s="12"/>
    </row>
    <row r="367576" spans="8:8">
      <c r="H367576" s="12"/>
    </row>
    <row r="367577" spans="8:8">
      <c r="H367577" s="12"/>
    </row>
    <row r="367578" spans="8:8">
      <c r="H367578" s="12"/>
    </row>
    <row r="367579" spans="8:8">
      <c r="H367579" s="12"/>
    </row>
    <row r="367580" spans="8:8">
      <c r="H367580" s="12"/>
    </row>
    <row r="367581" spans="8:8">
      <c r="H367581" s="12"/>
    </row>
    <row r="367582" spans="8:8">
      <c r="H367582" s="12"/>
    </row>
    <row r="367583" spans="8:8">
      <c r="H367583" s="12"/>
    </row>
    <row r="367584" spans="8:8">
      <c r="H367584" s="12"/>
    </row>
    <row r="367585" spans="8:8">
      <c r="H367585" s="12"/>
    </row>
    <row r="367586" spans="8:8">
      <c r="H367586" s="12"/>
    </row>
    <row r="367587" spans="8:8">
      <c r="H367587" s="12"/>
    </row>
    <row r="367588" spans="8:8">
      <c r="H367588" s="12"/>
    </row>
    <row r="367589" spans="8:8">
      <c r="H367589" s="12"/>
    </row>
    <row r="367590" spans="8:8">
      <c r="H367590" s="12"/>
    </row>
    <row r="367591" spans="8:8">
      <c r="H367591" s="12"/>
    </row>
    <row r="367592" spans="8:8">
      <c r="H367592" s="12"/>
    </row>
    <row r="367593" spans="8:8">
      <c r="H367593" s="12"/>
    </row>
    <row r="367594" spans="8:8">
      <c r="H367594" s="12"/>
    </row>
    <row r="367595" spans="8:8">
      <c r="H367595" s="12"/>
    </row>
    <row r="367596" spans="8:8">
      <c r="H367596" s="12"/>
    </row>
    <row r="367597" spans="8:8">
      <c r="H367597" s="12"/>
    </row>
    <row r="367598" spans="8:8">
      <c r="H367598" s="12"/>
    </row>
    <row r="367599" spans="8:8">
      <c r="H367599" s="12"/>
    </row>
    <row r="367600" spans="8:8">
      <c r="H367600" s="12"/>
    </row>
    <row r="367601" spans="8:8">
      <c r="H367601" s="12"/>
    </row>
    <row r="367602" spans="8:8">
      <c r="H367602" s="12"/>
    </row>
    <row r="367603" spans="8:8">
      <c r="H367603" s="12"/>
    </row>
    <row r="367604" spans="8:8">
      <c r="H367604" s="12"/>
    </row>
    <row r="367605" spans="8:8">
      <c r="H367605" s="12"/>
    </row>
    <row r="367606" spans="8:8">
      <c r="H367606" s="12"/>
    </row>
    <row r="367607" spans="8:8">
      <c r="H367607" s="12"/>
    </row>
    <row r="367608" spans="8:8">
      <c r="H367608" s="12"/>
    </row>
    <row r="367609" spans="8:8">
      <c r="H367609" s="12"/>
    </row>
    <row r="367610" spans="8:8">
      <c r="H367610" s="12"/>
    </row>
    <row r="367611" spans="8:8">
      <c r="H367611" s="12"/>
    </row>
    <row r="367612" spans="8:8">
      <c r="H367612" s="12"/>
    </row>
    <row r="367613" spans="8:8">
      <c r="H367613" s="12"/>
    </row>
    <row r="367614" spans="8:8">
      <c r="H367614" s="12"/>
    </row>
    <row r="367615" spans="8:8">
      <c r="H367615" s="12"/>
    </row>
    <row r="367616" spans="8:8">
      <c r="H367616" s="12"/>
    </row>
    <row r="367617" spans="8:8">
      <c r="H367617" s="12"/>
    </row>
    <row r="367618" spans="8:8">
      <c r="H367618" s="12"/>
    </row>
    <row r="367619" spans="8:8">
      <c r="H367619" s="12"/>
    </row>
    <row r="367620" spans="8:8">
      <c r="H367620" s="12"/>
    </row>
    <row r="367621" spans="8:8">
      <c r="H367621" s="12"/>
    </row>
    <row r="367622" spans="8:8">
      <c r="H367622" s="12"/>
    </row>
    <row r="367623" spans="8:8">
      <c r="H367623" s="12"/>
    </row>
    <row r="367624" spans="8:8">
      <c r="H367624" s="12"/>
    </row>
    <row r="367625" spans="8:8">
      <c r="H367625" s="12"/>
    </row>
    <row r="367626" spans="8:8">
      <c r="H367626" s="12"/>
    </row>
    <row r="367627" spans="8:8">
      <c r="H367627" s="12"/>
    </row>
    <row r="367628" spans="8:8">
      <c r="H367628" s="12"/>
    </row>
    <row r="367629" spans="8:8">
      <c r="H367629" s="12"/>
    </row>
    <row r="367630" spans="8:8">
      <c r="H367630" s="12"/>
    </row>
    <row r="367631" spans="8:8">
      <c r="H367631" s="12"/>
    </row>
    <row r="367632" spans="8:8">
      <c r="H367632" s="12"/>
    </row>
    <row r="367633" spans="8:8">
      <c r="H367633" s="12"/>
    </row>
    <row r="367634" spans="8:8">
      <c r="H367634" s="12"/>
    </row>
    <row r="367635" spans="8:8">
      <c r="H367635" s="12"/>
    </row>
    <row r="367636" spans="8:8">
      <c r="H367636" s="12"/>
    </row>
    <row r="367637" spans="8:8">
      <c r="H367637" s="12"/>
    </row>
    <row r="367638" spans="8:8">
      <c r="H367638" s="12"/>
    </row>
    <row r="367639" spans="8:8">
      <c r="H367639" s="12"/>
    </row>
    <row r="367640" spans="8:8">
      <c r="H367640" s="12"/>
    </row>
    <row r="367641" spans="8:8">
      <c r="H367641" s="12"/>
    </row>
    <row r="367642" spans="8:8">
      <c r="H367642" s="12"/>
    </row>
    <row r="367643" spans="8:8">
      <c r="H367643" s="12"/>
    </row>
    <row r="367644" spans="8:8">
      <c r="H367644" s="12"/>
    </row>
    <row r="367645" spans="8:8">
      <c r="H367645" s="12"/>
    </row>
    <row r="367646" spans="8:8">
      <c r="H367646" s="12"/>
    </row>
    <row r="367647" spans="8:8">
      <c r="H367647" s="12"/>
    </row>
    <row r="367648" spans="8:8">
      <c r="H367648" s="12"/>
    </row>
    <row r="367649" spans="8:8">
      <c r="H367649" s="12"/>
    </row>
    <row r="367650" spans="8:8">
      <c r="H367650" s="12"/>
    </row>
    <row r="367651" spans="8:8">
      <c r="H367651" s="12"/>
    </row>
    <row r="367652" spans="8:8">
      <c r="H367652" s="12"/>
    </row>
    <row r="367653" spans="8:8">
      <c r="H367653" s="12"/>
    </row>
    <row r="367654" spans="8:8">
      <c r="H367654" s="12"/>
    </row>
    <row r="367655" spans="8:8">
      <c r="H367655" s="12"/>
    </row>
    <row r="367656" spans="8:8">
      <c r="H367656" s="12"/>
    </row>
    <row r="367657" spans="8:8">
      <c r="H367657" s="12"/>
    </row>
    <row r="367658" spans="8:8">
      <c r="H367658" s="12"/>
    </row>
    <row r="367659" spans="8:8">
      <c r="H367659" s="12"/>
    </row>
    <row r="367660" spans="8:8">
      <c r="H367660" s="12"/>
    </row>
    <row r="367661" spans="8:8">
      <c r="H367661" s="12"/>
    </row>
    <row r="367662" spans="8:8">
      <c r="H367662" s="12"/>
    </row>
    <row r="367663" spans="8:8">
      <c r="H367663" s="12"/>
    </row>
    <row r="367664" spans="8:8">
      <c r="H367664" s="12"/>
    </row>
    <row r="367665" spans="8:8">
      <c r="H367665" s="12"/>
    </row>
    <row r="367666" spans="8:8">
      <c r="H367666" s="12"/>
    </row>
    <row r="367667" spans="8:8">
      <c r="H367667" s="12"/>
    </row>
    <row r="367668" spans="8:8">
      <c r="H367668" s="12"/>
    </row>
    <row r="367669" spans="8:8">
      <c r="H367669" s="12"/>
    </row>
    <row r="367670" spans="8:8">
      <c r="H367670" s="12"/>
    </row>
    <row r="367671" spans="8:8">
      <c r="H367671" s="12"/>
    </row>
    <row r="367672" spans="8:8">
      <c r="H367672" s="12"/>
    </row>
    <row r="367673" spans="8:8">
      <c r="H367673" s="12"/>
    </row>
    <row r="367674" spans="8:8">
      <c r="H367674" s="12"/>
    </row>
    <row r="367675" spans="8:8">
      <c r="H367675" s="12"/>
    </row>
    <row r="367676" spans="8:8">
      <c r="H367676" s="12"/>
    </row>
    <row r="367677" spans="8:8">
      <c r="H367677" s="12"/>
    </row>
    <row r="367678" spans="8:8">
      <c r="H367678" s="12"/>
    </row>
    <row r="367679" spans="8:8">
      <c r="H367679" s="12"/>
    </row>
    <row r="367680" spans="8:8">
      <c r="H367680" s="12"/>
    </row>
    <row r="367681" spans="8:8">
      <c r="H367681" s="12"/>
    </row>
    <row r="367682" spans="8:8">
      <c r="H367682" s="12"/>
    </row>
    <row r="367683" spans="8:8">
      <c r="H367683" s="12"/>
    </row>
    <row r="367684" spans="8:8">
      <c r="H367684" s="12"/>
    </row>
    <row r="367685" spans="8:8">
      <c r="H367685" s="12"/>
    </row>
    <row r="367686" spans="8:8">
      <c r="H367686" s="12"/>
    </row>
    <row r="367687" spans="8:8">
      <c r="H367687" s="12"/>
    </row>
    <row r="367688" spans="8:8">
      <c r="H367688" s="12"/>
    </row>
    <row r="367689" spans="8:8">
      <c r="H367689" s="12"/>
    </row>
    <row r="367690" spans="8:8">
      <c r="H367690" s="12"/>
    </row>
    <row r="367691" spans="8:8">
      <c r="H367691" s="12"/>
    </row>
    <row r="367692" spans="8:8">
      <c r="H367692" s="12"/>
    </row>
    <row r="367693" spans="8:8">
      <c r="H367693" s="12"/>
    </row>
    <row r="367694" spans="8:8">
      <c r="H367694" s="12"/>
    </row>
    <row r="367695" spans="8:8">
      <c r="H367695" s="12"/>
    </row>
    <row r="367696" spans="8:8">
      <c r="H367696" s="12"/>
    </row>
    <row r="367697" spans="8:8">
      <c r="H367697" s="12"/>
    </row>
    <row r="367698" spans="8:8">
      <c r="H367698" s="12"/>
    </row>
    <row r="367699" spans="8:8">
      <c r="H367699" s="12"/>
    </row>
    <row r="367700" spans="8:8">
      <c r="H367700" s="12"/>
    </row>
    <row r="367701" spans="8:8">
      <c r="H367701" s="12"/>
    </row>
    <row r="367702" spans="8:8">
      <c r="H367702" s="12"/>
    </row>
    <row r="367703" spans="8:8">
      <c r="H367703" s="12"/>
    </row>
    <row r="367704" spans="8:8">
      <c r="H367704" s="12"/>
    </row>
    <row r="367705" spans="8:8">
      <c r="H367705" s="12"/>
    </row>
    <row r="367706" spans="8:8">
      <c r="H367706" s="12"/>
    </row>
    <row r="367707" spans="8:8">
      <c r="H367707" s="12"/>
    </row>
    <row r="367708" spans="8:8">
      <c r="H367708" s="12"/>
    </row>
    <row r="367709" spans="8:8">
      <c r="H367709" s="12"/>
    </row>
    <row r="367710" spans="8:8">
      <c r="H367710" s="12"/>
    </row>
    <row r="367711" spans="8:8">
      <c r="H367711" s="12"/>
    </row>
    <row r="367712" spans="8:8">
      <c r="H367712" s="12"/>
    </row>
    <row r="367713" spans="8:8">
      <c r="H367713" s="12"/>
    </row>
    <row r="367714" spans="8:8">
      <c r="H367714" s="12"/>
    </row>
    <row r="367715" spans="8:8">
      <c r="H367715" s="12"/>
    </row>
    <row r="367716" spans="8:8">
      <c r="H367716" s="12"/>
    </row>
    <row r="367717" spans="8:8">
      <c r="H367717" s="12"/>
    </row>
    <row r="367718" spans="8:8">
      <c r="H367718" s="12"/>
    </row>
    <row r="367719" spans="8:8">
      <c r="H367719" s="12"/>
    </row>
    <row r="367720" spans="8:8">
      <c r="H367720" s="12"/>
    </row>
    <row r="367721" spans="8:8">
      <c r="H367721" s="12"/>
    </row>
    <row r="367722" spans="8:8">
      <c r="H367722" s="12"/>
    </row>
    <row r="367723" spans="8:8">
      <c r="H367723" s="12"/>
    </row>
    <row r="367724" spans="8:8">
      <c r="H367724" s="12"/>
    </row>
    <row r="367725" spans="8:8">
      <c r="H367725" s="12"/>
    </row>
    <row r="367726" spans="8:8">
      <c r="H367726" s="12"/>
    </row>
    <row r="367727" spans="8:8">
      <c r="H367727" s="12"/>
    </row>
    <row r="367728" spans="8:8">
      <c r="H367728" s="12"/>
    </row>
    <row r="367729" spans="8:8">
      <c r="H367729" s="12"/>
    </row>
    <row r="367730" spans="8:8">
      <c r="H367730" s="12"/>
    </row>
    <row r="367731" spans="8:8">
      <c r="H367731" s="12"/>
    </row>
    <row r="367732" spans="8:8">
      <c r="H367732" s="12"/>
    </row>
    <row r="367733" spans="8:8">
      <c r="H367733" s="12"/>
    </row>
    <row r="367734" spans="8:8">
      <c r="H367734" s="12"/>
    </row>
    <row r="367735" spans="8:8">
      <c r="H367735" s="12"/>
    </row>
    <row r="367736" spans="8:8">
      <c r="H367736" s="12"/>
    </row>
    <row r="367737" spans="8:8">
      <c r="H367737" s="12"/>
    </row>
    <row r="367738" spans="8:8">
      <c r="H367738" s="12"/>
    </row>
    <row r="367739" spans="8:8">
      <c r="H367739" s="12"/>
    </row>
    <row r="367740" spans="8:8">
      <c r="H367740" s="12"/>
    </row>
    <row r="367741" spans="8:8">
      <c r="H367741" s="12"/>
    </row>
    <row r="367742" spans="8:8">
      <c r="H367742" s="12"/>
    </row>
    <row r="367743" spans="8:8">
      <c r="H367743" s="12"/>
    </row>
    <row r="367744" spans="8:8">
      <c r="H367744" s="12"/>
    </row>
    <row r="367745" spans="8:8">
      <c r="H367745" s="12"/>
    </row>
    <row r="367746" spans="8:8">
      <c r="H367746" s="12"/>
    </row>
    <row r="367747" spans="8:8">
      <c r="H367747" s="12"/>
    </row>
    <row r="367748" spans="8:8">
      <c r="H367748" s="12"/>
    </row>
    <row r="367749" spans="8:8">
      <c r="H367749" s="12"/>
    </row>
    <row r="367750" spans="8:8">
      <c r="H367750" s="12"/>
    </row>
    <row r="367751" spans="8:8">
      <c r="H367751" s="12"/>
    </row>
    <row r="367752" spans="8:8">
      <c r="H367752" s="12"/>
    </row>
    <row r="367753" spans="8:8">
      <c r="H367753" s="12"/>
    </row>
    <row r="367754" spans="8:8">
      <c r="H367754" s="12"/>
    </row>
    <row r="367755" spans="8:8">
      <c r="H367755" s="12"/>
    </row>
    <row r="367756" spans="8:8">
      <c r="H367756" s="12"/>
    </row>
    <row r="367757" spans="8:8">
      <c r="H367757" s="12"/>
    </row>
    <row r="367758" spans="8:8">
      <c r="H367758" s="12"/>
    </row>
    <row r="367759" spans="8:8">
      <c r="H367759" s="12"/>
    </row>
    <row r="367760" spans="8:8">
      <c r="H367760" s="12"/>
    </row>
    <row r="367761" spans="8:8">
      <c r="H367761" s="12"/>
    </row>
    <row r="367762" spans="8:8">
      <c r="H367762" s="12"/>
    </row>
    <row r="367763" spans="8:8">
      <c r="H367763" s="12"/>
    </row>
    <row r="367764" spans="8:8">
      <c r="H367764" s="12"/>
    </row>
    <row r="367765" spans="8:8">
      <c r="H367765" s="12"/>
    </row>
    <row r="367766" spans="8:8">
      <c r="H367766" s="12"/>
    </row>
    <row r="367767" spans="8:8">
      <c r="H367767" s="12"/>
    </row>
    <row r="367768" spans="8:8">
      <c r="H367768" s="12"/>
    </row>
    <row r="367769" spans="8:8">
      <c r="H367769" s="12"/>
    </row>
    <row r="367770" spans="8:8">
      <c r="H367770" s="12"/>
    </row>
    <row r="367771" spans="8:8">
      <c r="H367771" s="12"/>
    </row>
    <row r="367772" spans="8:8">
      <c r="H367772" s="12"/>
    </row>
    <row r="367773" spans="8:8">
      <c r="H367773" s="12"/>
    </row>
    <row r="367774" spans="8:8">
      <c r="H367774" s="12"/>
    </row>
    <row r="367775" spans="8:8">
      <c r="H367775" s="12"/>
    </row>
    <row r="367776" spans="8:8">
      <c r="H367776" s="12"/>
    </row>
    <row r="367777" spans="8:8">
      <c r="H367777" s="12"/>
    </row>
    <row r="367778" spans="8:8">
      <c r="H367778" s="12"/>
    </row>
    <row r="367779" spans="8:8">
      <c r="H367779" s="12"/>
    </row>
    <row r="367780" spans="8:8">
      <c r="H367780" s="12"/>
    </row>
    <row r="367781" spans="8:8">
      <c r="H367781" s="12"/>
    </row>
    <row r="367782" spans="8:8">
      <c r="H367782" s="12"/>
    </row>
    <row r="367783" spans="8:8">
      <c r="H367783" s="12"/>
    </row>
    <row r="367784" spans="8:8">
      <c r="H367784" s="12"/>
    </row>
    <row r="367785" spans="8:8">
      <c r="H367785" s="12"/>
    </row>
    <row r="367786" spans="8:8">
      <c r="H367786" s="12"/>
    </row>
    <row r="367787" spans="8:8">
      <c r="H367787" s="12"/>
    </row>
    <row r="367788" spans="8:8">
      <c r="H367788" s="12"/>
    </row>
    <row r="367789" spans="8:8">
      <c r="H367789" s="12"/>
    </row>
    <row r="367790" spans="8:8">
      <c r="H367790" s="12"/>
    </row>
    <row r="367791" spans="8:8">
      <c r="H367791" s="12"/>
    </row>
    <row r="367792" spans="8:8">
      <c r="H367792" s="12"/>
    </row>
    <row r="367793" spans="8:8">
      <c r="H367793" s="12"/>
    </row>
    <row r="367794" spans="8:8">
      <c r="H367794" s="12"/>
    </row>
    <row r="367795" spans="8:8">
      <c r="H367795" s="12"/>
    </row>
    <row r="367796" spans="8:8">
      <c r="H367796" s="12"/>
    </row>
    <row r="367797" spans="8:8">
      <c r="H367797" s="12"/>
    </row>
    <row r="367798" spans="8:8">
      <c r="H367798" s="12"/>
    </row>
    <row r="367799" spans="8:8">
      <c r="H367799" s="12"/>
    </row>
    <row r="367800" spans="8:8">
      <c r="H367800" s="12"/>
    </row>
    <row r="367801" spans="8:8">
      <c r="H367801" s="12"/>
    </row>
    <row r="367802" spans="8:8">
      <c r="H367802" s="12"/>
    </row>
    <row r="367803" spans="8:8">
      <c r="H367803" s="12"/>
    </row>
    <row r="367804" spans="8:8">
      <c r="H367804" s="12"/>
    </row>
    <row r="367805" spans="8:8">
      <c r="H367805" s="12"/>
    </row>
    <row r="367806" spans="8:8">
      <c r="H367806" s="12"/>
    </row>
    <row r="367807" spans="8:8">
      <c r="H367807" s="12"/>
    </row>
    <row r="367808" spans="8:8">
      <c r="H367808" s="12"/>
    </row>
    <row r="367809" spans="8:8">
      <c r="H367809" s="12"/>
    </row>
    <row r="367810" spans="8:8">
      <c r="H367810" s="12"/>
    </row>
    <row r="367811" spans="8:8">
      <c r="H367811" s="12"/>
    </row>
    <row r="367812" spans="8:8">
      <c r="H367812" s="12"/>
    </row>
    <row r="367813" spans="8:8">
      <c r="H367813" s="12"/>
    </row>
    <row r="367814" spans="8:8">
      <c r="H367814" s="12"/>
    </row>
    <row r="367815" spans="8:8">
      <c r="H367815" s="12"/>
    </row>
    <row r="367816" spans="8:8">
      <c r="H367816" s="12"/>
    </row>
    <row r="367817" spans="8:8">
      <c r="H367817" s="12"/>
    </row>
    <row r="367818" spans="8:8">
      <c r="H367818" s="12"/>
    </row>
    <row r="367819" spans="8:8">
      <c r="H367819" s="12"/>
    </row>
    <row r="367820" spans="8:8">
      <c r="H367820" s="12"/>
    </row>
    <row r="367821" spans="8:8">
      <c r="H367821" s="12"/>
    </row>
    <row r="367822" spans="8:8">
      <c r="H367822" s="12"/>
    </row>
    <row r="367823" spans="8:8">
      <c r="H367823" s="12"/>
    </row>
    <row r="367824" spans="8:8">
      <c r="H367824" s="12"/>
    </row>
    <row r="367825" spans="8:8">
      <c r="H367825" s="12"/>
    </row>
    <row r="367826" spans="8:8">
      <c r="H367826" s="12"/>
    </row>
    <row r="367827" spans="8:8">
      <c r="H367827" s="12"/>
    </row>
    <row r="367828" spans="8:8">
      <c r="H367828" s="12"/>
    </row>
    <row r="367829" spans="8:8">
      <c r="H367829" s="12"/>
    </row>
    <row r="367830" spans="8:8">
      <c r="H367830" s="12"/>
    </row>
    <row r="367831" spans="8:8">
      <c r="H367831" s="12"/>
    </row>
    <row r="367832" spans="8:8">
      <c r="H367832" s="12"/>
    </row>
    <row r="367833" spans="8:8">
      <c r="H367833" s="12"/>
    </row>
    <row r="367834" spans="8:8">
      <c r="H367834" s="12"/>
    </row>
    <row r="367835" spans="8:8">
      <c r="H367835" s="12"/>
    </row>
    <row r="367836" spans="8:8">
      <c r="H367836" s="12"/>
    </row>
    <row r="367837" spans="8:8">
      <c r="H367837" s="12"/>
    </row>
    <row r="367838" spans="8:8">
      <c r="H367838" s="12"/>
    </row>
    <row r="367839" spans="8:8">
      <c r="H367839" s="12"/>
    </row>
    <row r="367840" spans="8:8">
      <c r="H367840" s="12"/>
    </row>
    <row r="367841" spans="8:8">
      <c r="H367841" s="12"/>
    </row>
    <row r="367842" spans="8:8">
      <c r="H367842" s="12"/>
    </row>
    <row r="367843" spans="8:8">
      <c r="H367843" s="12"/>
    </row>
    <row r="367844" spans="8:8">
      <c r="H367844" s="12"/>
    </row>
    <row r="367845" spans="8:8">
      <c r="H367845" s="12"/>
    </row>
    <row r="367846" spans="8:8">
      <c r="H367846" s="12"/>
    </row>
    <row r="367847" spans="8:8">
      <c r="H367847" s="12"/>
    </row>
    <row r="367848" spans="8:8">
      <c r="H367848" s="12"/>
    </row>
    <row r="367849" spans="8:8">
      <c r="H367849" s="12"/>
    </row>
    <row r="367850" spans="8:8">
      <c r="H367850" s="12"/>
    </row>
    <row r="367851" spans="8:8">
      <c r="H367851" s="12"/>
    </row>
    <row r="367852" spans="8:8">
      <c r="H367852" s="12"/>
    </row>
    <row r="367853" spans="8:8">
      <c r="H367853" s="12"/>
    </row>
    <row r="367854" spans="8:8">
      <c r="H367854" s="12"/>
    </row>
    <row r="367855" spans="8:8">
      <c r="H367855" s="12"/>
    </row>
    <row r="367856" spans="8:8">
      <c r="H367856" s="12"/>
    </row>
    <row r="367857" spans="8:8">
      <c r="H367857" s="12"/>
    </row>
    <row r="367858" spans="8:8">
      <c r="H367858" s="12"/>
    </row>
    <row r="367859" spans="8:8">
      <c r="H367859" s="12"/>
    </row>
    <row r="367860" spans="8:8">
      <c r="H367860" s="12"/>
    </row>
    <row r="367861" spans="8:8">
      <c r="H367861" s="12"/>
    </row>
    <row r="367862" spans="8:8">
      <c r="H367862" s="12"/>
    </row>
    <row r="367863" spans="8:8">
      <c r="H367863" s="12"/>
    </row>
    <row r="367864" spans="8:8">
      <c r="H367864" s="12"/>
    </row>
    <row r="367865" spans="8:8">
      <c r="H367865" s="12"/>
    </row>
    <row r="367866" spans="8:8">
      <c r="H367866" s="12"/>
    </row>
    <row r="367867" spans="8:8">
      <c r="H367867" s="12"/>
    </row>
    <row r="367868" spans="8:8">
      <c r="H367868" s="12"/>
    </row>
    <row r="367869" spans="8:8">
      <c r="H367869" s="12"/>
    </row>
    <row r="367870" spans="8:8">
      <c r="H367870" s="12"/>
    </row>
    <row r="367871" spans="8:8">
      <c r="H367871" s="12"/>
    </row>
    <row r="367872" spans="8:8">
      <c r="H367872" s="12"/>
    </row>
    <row r="367873" spans="8:8">
      <c r="H367873" s="12"/>
    </row>
    <row r="367874" spans="8:8">
      <c r="H367874" s="12"/>
    </row>
    <row r="367875" spans="8:8">
      <c r="H367875" s="12"/>
    </row>
    <row r="367876" spans="8:8">
      <c r="H367876" s="12"/>
    </row>
    <row r="367877" spans="8:8">
      <c r="H367877" s="12"/>
    </row>
    <row r="367878" spans="8:8">
      <c r="H367878" s="12"/>
    </row>
    <row r="367879" spans="8:8">
      <c r="H367879" s="12"/>
    </row>
    <row r="367880" spans="8:8">
      <c r="H367880" s="12"/>
    </row>
    <row r="367881" spans="8:8">
      <c r="H367881" s="12"/>
    </row>
    <row r="367882" spans="8:8">
      <c r="H367882" s="12"/>
    </row>
    <row r="367883" spans="8:8">
      <c r="H367883" s="12"/>
    </row>
    <row r="367884" spans="8:8">
      <c r="H367884" s="12"/>
    </row>
    <row r="367885" spans="8:8">
      <c r="H367885" s="12"/>
    </row>
    <row r="367886" spans="8:8">
      <c r="H367886" s="12"/>
    </row>
    <row r="367887" spans="8:8">
      <c r="H367887" s="12"/>
    </row>
    <row r="367888" spans="8:8">
      <c r="H367888" s="12"/>
    </row>
    <row r="367889" spans="8:8">
      <c r="H367889" s="12"/>
    </row>
    <row r="367890" spans="8:8">
      <c r="H367890" s="12"/>
    </row>
    <row r="367891" spans="8:8">
      <c r="H367891" s="12"/>
    </row>
    <row r="367892" spans="8:8">
      <c r="H367892" s="12"/>
    </row>
    <row r="367893" spans="8:8">
      <c r="H367893" s="12"/>
    </row>
    <row r="367894" spans="8:8">
      <c r="H367894" s="12"/>
    </row>
    <row r="367895" spans="8:8">
      <c r="H367895" s="12"/>
    </row>
    <row r="367896" spans="8:8">
      <c r="H367896" s="12"/>
    </row>
    <row r="367897" spans="8:8">
      <c r="H367897" s="12"/>
    </row>
    <row r="367898" spans="8:8">
      <c r="H367898" s="12"/>
    </row>
    <row r="367899" spans="8:8">
      <c r="H367899" s="12"/>
    </row>
    <row r="367900" spans="8:8">
      <c r="H367900" s="12"/>
    </row>
    <row r="367901" spans="8:8">
      <c r="H367901" s="12"/>
    </row>
    <row r="367902" spans="8:8">
      <c r="H367902" s="12"/>
    </row>
    <row r="367903" spans="8:8">
      <c r="H367903" s="12"/>
    </row>
    <row r="367904" spans="8:8">
      <c r="H367904" s="12"/>
    </row>
    <row r="367905" spans="8:8">
      <c r="H367905" s="12"/>
    </row>
    <row r="367906" spans="8:8">
      <c r="H367906" s="12"/>
    </row>
    <row r="367907" spans="8:8">
      <c r="H367907" s="12"/>
    </row>
    <row r="367908" spans="8:8">
      <c r="H367908" s="12"/>
    </row>
    <row r="367909" spans="8:8">
      <c r="H367909" s="12"/>
    </row>
    <row r="367910" spans="8:8">
      <c r="H367910" s="12"/>
    </row>
    <row r="367911" spans="8:8">
      <c r="H367911" s="12"/>
    </row>
    <row r="367912" spans="8:8">
      <c r="H367912" s="12"/>
    </row>
    <row r="367913" spans="8:8">
      <c r="H367913" s="12"/>
    </row>
    <row r="367914" spans="8:8">
      <c r="H367914" s="12"/>
    </row>
    <row r="367915" spans="8:8">
      <c r="H367915" s="12"/>
    </row>
    <row r="367916" spans="8:8">
      <c r="H367916" s="12"/>
    </row>
    <row r="367917" spans="8:8">
      <c r="H367917" s="12"/>
    </row>
    <row r="367918" spans="8:8">
      <c r="H367918" s="12"/>
    </row>
    <row r="367919" spans="8:8">
      <c r="H367919" s="12"/>
    </row>
    <row r="367920" spans="8:8">
      <c r="H367920" s="12"/>
    </row>
    <row r="367921" spans="8:8">
      <c r="H367921" s="12"/>
    </row>
    <row r="367922" spans="8:8">
      <c r="H367922" s="12"/>
    </row>
    <row r="367923" spans="8:8">
      <c r="H367923" s="12"/>
    </row>
    <row r="367924" spans="8:8">
      <c r="H367924" s="12"/>
    </row>
    <row r="367925" spans="8:8">
      <c r="H367925" s="12"/>
    </row>
    <row r="367926" spans="8:8">
      <c r="H367926" s="12"/>
    </row>
    <row r="367927" spans="8:8">
      <c r="H367927" s="12"/>
    </row>
    <row r="367928" spans="8:8">
      <c r="H367928" s="12"/>
    </row>
    <row r="367929" spans="8:8">
      <c r="H367929" s="12"/>
    </row>
    <row r="367930" spans="8:8">
      <c r="H367930" s="12"/>
    </row>
    <row r="367931" spans="8:8">
      <c r="H367931" s="12"/>
    </row>
    <row r="367932" spans="8:8">
      <c r="H367932" s="12"/>
    </row>
    <row r="367933" spans="8:8">
      <c r="H367933" s="12"/>
    </row>
    <row r="367934" spans="8:8">
      <c r="H367934" s="12"/>
    </row>
    <row r="367935" spans="8:8">
      <c r="H367935" s="12"/>
    </row>
    <row r="367936" spans="8:8">
      <c r="H367936" s="12"/>
    </row>
    <row r="367937" spans="8:8">
      <c r="H367937" s="12"/>
    </row>
    <row r="367938" spans="8:8">
      <c r="H367938" s="12"/>
    </row>
    <row r="367939" spans="8:8">
      <c r="H367939" s="12"/>
    </row>
    <row r="367940" spans="8:8">
      <c r="H367940" s="12"/>
    </row>
    <row r="367941" spans="8:8">
      <c r="H367941" s="12"/>
    </row>
    <row r="367942" spans="8:8">
      <c r="H367942" s="12"/>
    </row>
    <row r="367943" spans="8:8">
      <c r="H367943" s="12"/>
    </row>
    <row r="367944" spans="8:8">
      <c r="H367944" s="12"/>
    </row>
    <row r="367945" spans="8:8">
      <c r="H367945" s="12"/>
    </row>
    <row r="367946" spans="8:8">
      <c r="H367946" s="12"/>
    </row>
    <row r="367947" spans="8:8">
      <c r="H367947" s="12"/>
    </row>
    <row r="367948" spans="8:8">
      <c r="H367948" s="12"/>
    </row>
    <row r="367949" spans="8:8">
      <c r="H367949" s="12"/>
    </row>
    <row r="367950" spans="8:8">
      <c r="H367950" s="12"/>
    </row>
    <row r="367951" spans="8:8">
      <c r="H367951" s="12"/>
    </row>
    <row r="367952" spans="8:8">
      <c r="H367952" s="12"/>
    </row>
    <row r="367953" spans="8:8">
      <c r="H367953" s="12"/>
    </row>
    <row r="367954" spans="8:8">
      <c r="H367954" s="12"/>
    </row>
    <row r="367955" spans="8:8">
      <c r="H367955" s="12"/>
    </row>
    <row r="367956" spans="8:8">
      <c r="H367956" s="12"/>
    </row>
    <row r="367957" spans="8:8">
      <c r="H367957" s="12"/>
    </row>
    <row r="367958" spans="8:8">
      <c r="H367958" s="12"/>
    </row>
    <row r="367959" spans="8:8">
      <c r="H367959" s="12"/>
    </row>
    <row r="367960" spans="8:8">
      <c r="H367960" s="12"/>
    </row>
    <row r="367961" spans="8:8">
      <c r="H367961" s="12"/>
    </row>
    <row r="367962" spans="8:8">
      <c r="H367962" s="12"/>
    </row>
    <row r="367963" spans="8:8">
      <c r="H367963" s="12"/>
    </row>
    <row r="367964" spans="8:8">
      <c r="H367964" s="12"/>
    </row>
    <row r="367965" spans="8:8">
      <c r="H367965" s="12"/>
    </row>
    <row r="367966" spans="8:8">
      <c r="H367966" s="12"/>
    </row>
    <row r="367967" spans="8:8">
      <c r="H367967" s="12"/>
    </row>
    <row r="367968" spans="8:8">
      <c r="H367968" s="12"/>
    </row>
    <row r="367969" spans="8:8">
      <c r="H367969" s="12"/>
    </row>
    <row r="367970" spans="8:8">
      <c r="H367970" s="12"/>
    </row>
    <row r="367971" spans="8:8">
      <c r="H367971" s="12"/>
    </row>
    <row r="367972" spans="8:8">
      <c r="H367972" s="12"/>
    </row>
    <row r="367973" spans="8:8">
      <c r="H367973" s="12"/>
    </row>
    <row r="367974" spans="8:8">
      <c r="H367974" s="12"/>
    </row>
    <row r="367975" spans="8:8">
      <c r="H367975" s="12"/>
    </row>
    <row r="367976" spans="8:8">
      <c r="H367976" s="12"/>
    </row>
    <row r="367977" spans="8:8">
      <c r="H367977" s="12"/>
    </row>
    <row r="367978" spans="8:8">
      <c r="H367978" s="12"/>
    </row>
    <row r="367979" spans="8:8">
      <c r="H367979" s="12"/>
    </row>
    <row r="367980" spans="8:8">
      <c r="H367980" s="12"/>
    </row>
    <row r="367981" spans="8:8">
      <c r="H367981" s="12"/>
    </row>
    <row r="367982" spans="8:8">
      <c r="H367982" s="12"/>
    </row>
    <row r="367983" spans="8:8">
      <c r="H367983" s="12"/>
    </row>
    <row r="367984" spans="8:8">
      <c r="H367984" s="12"/>
    </row>
    <row r="367985" spans="8:8">
      <c r="H367985" s="12"/>
    </row>
    <row r="367986" spans="8:8">
      <c r="H367986" s="12"/>
    </row>
    <row r="367987" spans="8:8">
      <c r="H367987" s="12"/>
    </row>
    <row r="367988" spans="8:8">
      <c r="H367988" s="12"/>
    </row>
    <row r="367989" spans="8:8">
      <c r="H367989" s="12"/>
    </row>
    <row r="367990" spans="8:8">
      <c r="H367990" s="12"/>
    </row>
    <row r="367991" spans="8:8">
      <c r="H367991" s="12"/>
    </row>
    <row r="367992" spans="8:8">
      <c r="H367992" s="12"/>
    </row>
    <row r="367993" spans="8:8">
      <c r="H367993" s="12"/>
    </row>
    <row r="367994" spans="8:8">
      <c r="H367994" s="12"/>
    </row>
    <row r="367995" spans="8:8">
      <c r="H367995" s="12"/>
    </row>
    <row r="367996" spans="8:8">
      <c r="H367996" s="12"/>
    </row>
    <row r="367997" spans="8:8">
      <c r="H367997" s="12"/>
    </row>
    <row r="367998" spans="8:8">
      <c r="H367998" s="12"/>
    </row>
    <row r="367999" spans="8:8">
      <c r="H367999" s="12"/>
    </row>
    <row r="368000" spans="8:8">
      <c r="H368000" s="12"/>
    </row>
    <row r="368001" spans="8:8">
      <c r="H368001" s="12"/>
    </row>
    <row r="368002" spans="8:8">
      <c r="H368002" s="12"/>
    </row>
    <row r="368003" spans="8:8">
      <c r="H368003" s="12"/>
    </row>
    <row r="368004" spans="8:8">
      <c r="H368004" s="12"/>
    </row>
    <row r="368005" spans="8:8">
      <c r="H368005" s="12"/>
    </row>
    <row r="368006" spans="8:8">
      <c r="H368006" s="12"/>
    </row>
    <row r="368007" spans="8:8">
      <c r="H368007" s="12"/>
    </row>
    <row r="368008" spans="8:8">
      <c r="H368008" s="12"/>
    </row>
    <row r="368009" spans="8:8">
      <c r="H368009" s="12"/>
    </row>
    <row r="368010" spans="8:8">
      <c r="H368010" s="12"/>
    </row>
    <row r="368011" spans="8:8">
      <c r="H368011" s="12"/>
    </row>
    <row r="368012" spans="8:8">
      <c r="H368012" s="12"/>
    </row>
    <row r="368013" spans="8:8">
      <c r="H368013" s="12"/>
    </row>
    <row r="368014" spans="8:8">
      <c r="H368014" s="12"/>
    </row>
    <row r="368015" spans="8:8">
      <c r="H368015" s="12"/>
    </row>
    <row r="368016" spans="8:8">
      <c r="H368016" s="12"/>
    </row>
    <row r="368017" spans="8:8">
      <c r="H368017" s="12"/>
    </row>
    <row r="368018" spans="8:8">
      <c r="H368018" s="12"/>
    </row>
    <row r="368019" spans="8:8">
      <c r="H368019" s="12"/>
    </row>
    <row r="368020" spans="8:8">
      <c r="H368020" s="12"/>
    </row>
    <row r="368021" spans="8:8">
      <c r="H368021" s="12"/>
    </row>
    <row r="368022" spans="8:8">
      <c r="H368022" s="12"/>
    </row>
    <row r="368023" spans="8:8">
      <c r="H368023" s="12"/>
    </row>
    <row r="368024" spans="8:8">
      <c r="H368024" s="12"/>
    </row>
    <row r="368025" spans="8:8">
      <c r="H368025" s="12"/>
    </row>
    <row r="368026" spans="8:8">
      <c r="H368026" s="12"/>
    </row>
    <row r="368027" spans="8:8">
      <c r="H368027" s="12"/>
    </row>
    <row r="368028" spans="8:8">
      <c r="H368028" s="12"/>
    </row>
    <row r="368029" spans="8:8">
      <c r="H368029" s="12"/>
    </row>
    <row r="368030" spans="8:8">
      <c r="H368030" s="12"/>
    </row>
    <row r="368031" spans="8:8">
      <c r="H368031" s="12"/>
    </row>
    <row r="368032" spans="8:8">
      <c r="H368032" s="12"/>
    </row>
    <row r="368033" spans="8:8">
      <c r="H368033" s="12"/>
    </row>
    <row r="368034" spans="8:8">
      <c r="H368034" s="12"/>
    </row>
    <row r="368035" spans="8:8">
      <c r="H368035" s="12"/>
    </row>
    <row r="368036" spans="8:8">
      <c r="H368036" s="12"/>
    </row>
    <row r="368037" spans="8:8">
      <c r="H368037" s="12"/>
    </row>
    <row r="368038" spans="8:8">
      <c r="H368038" s="12"/>
    </row>
    <row r="368039" spans="8:8">
      <c r="H368039" s="12"/>
    </row>
    <row r="368040" spans="8:8">
      <c r="H368040" s="12"/>
    </row>
    <row r="368041" spans="8:8">
      <c r="H368041" s="12"/>
    </row>
    <row r="368042" spans="8:8">
      <c r="H368042" s="12"/>
    </row>
    <row r="368043" spans="8:8">
      <c r="H368043" s="12"/>
    </row>
    <row r="368044" spans="8:8">
      <c r="H368044" s="12"/>
    </row>
    <row r="368045" spans="8:8">
      <c r="H368045" s="12"/>
    </row>
    <row r="368046" spans="8:8">
      <c r="H368046" s="12"/>
    </row>
    <row r="368047" spans="8:8">
      <c r="H368047" s="12"/>
    </row>
    <row r="368048" spans="8:8">
      <c r="H368048" s="12"/>
    </row>
    <row r="368049" spans="8:8">
      <c r="H368049" s="12"/>
    </row>
    <row r="368050" spans="8:8">
      <c r="H368050" s="12"/>
    </row>
    <row r="368051" spans="8:8">
      <c r="H368051" s="12"/>
    </row>
    <row r="368052" spans="8:8">
      <c r="H368052" s="12"/>
    </row>
    <row r="368053" spans="8:8">
      <c r="H368053" s="12"/>
    </row>
    <row r="368054" spans="8:8">
      <c r="H368054" s="12"/>
    </row>
    <row r="368055" spans="8:8">
      <c r="H368055" s="12"/>
    </row>
    <row r="368056" spans="8:8">
      <c r="H368056" s="12"/>
    </row>
    <row r="368057" spans="8:8">
      <c r="H368057" s="12"/>
    </row>
    <row r="368058" spans="8:8">
      <c r="H368058" s="12"/>
    </row>
    <row r="368059" spans="8:8">
      <c r="H368059" s="12"/>
    </row>
    <row r="368060" spans="8:8">
      <c r="H368060" s="12"/>
    </row>
    <row r="368061" spans="8:8">
      <c r="H368061" s="12"/>
    </row>
    <row r="368062" spans="8:8">
      <c r="H368062" s="12"/>
    </row>
    <row r="368063" spans="8:8">
      <c r="H368063" s="12"/>
    </row>
    <row r="368064" spans="8:8">
      <c r="H368064" s="12"/>
    </row>
    <row r="368065" spans="8:8">
      <c r="H368065" s="12"/>
    </row>
    <row r="368066" spans="8:8">
      <c r="H368066" s="12"/>
    </row>
    <row r="368067" spans="8:8">
      <c r="H368067" s="12"/>
    </row>
    <row r="368068" spans="8:8">
      <c r="H368068" s="12"/>
    </row>
    <row r="368069" spans="8:8">
      <c r="H368069" s="12"/>
    </row>
    <row r="368070" spans="8:8">
      <c r="H368070" s="12"/>
    </row>
    <row r="368071" spans="8:8">
      <c r="H368071" s="12"/>
    </row>
    <row r="368072" spans="8:8">
      <c r="H368072" s="12"/>
    </row>
    <row r="368073" spans="8:8">
      <c r="H368073" s="12"/>
    </row>
    <row r="368074" spans="8:8">
      <c r="H368074" s="12"/>
    </row>
    <row r="368075" spans="8:8">
      <c r="H368075" s="12"/>
    </row>
    <row r="368076" spans="8:8">
      <c r="H368076" s="12"/>
    </row>
    <row r="368077" spans="8:8">
      <c r="H368077" s="12"/>
    </row>
    <row r="368078" spans="8:8">
      <c r="H368078" s="12"/>
    </row>
    <row r="368079" spans="8:8">
      <c r="H368079" s="12"/>
    </row>
    <row r="368080" spans="8:8">
      <c r="H368080" s="12"/>
    </row>
    <row r="368081" spans="8:8">
      <c r="H368081" s="12"/>
    </row>
    <row r="368082" spans="8:8">
      <c r="H368082" s="12"/>
    </row>
    <row r="368083" spans="8:8">
      <c r="H368083" s="12"/>
    </row>
    <row r="368084" spans="8:8">
      <c r="H368084" s="12"/>
    </row>
    <row r="368085" spans="8:8">
      <c r="H368085" s="12"/>
    </row>
    <row r="368086" spans="8:8">
      <c r="H368086" s="12"/>
    </row>
    <row r="368087" spans="8:8">
      <c r="H368087" s="12"/>
    </row>
    <row r="368088" spans="8:8">
      <c r="H368088" s="12"/>
    </row>
    <row r="368089" spans="8:8">
      <c r="H368089" s="12"/>
    </row>
    <row r="368090" spans="8:8">
      <c r="H368090" s="12"/>
    </row>
    <row r="368091" spans="8:8">
      <c r="H368091" s="12"/>
    </row>
    <row r="368092" spans="8:8">
      <c r="H368092" s="12"/>
    </row>
    <row r="368093" spans="8:8">
      <c r="H368093" s="12"/>
    </row>
    <row r="368094" spans="8:8">
      <c r="H368094" s="12"/>
    </row>
    <row r="368095" spans="8:8">
      <c r="H368095" s="12"/>
    </row>
    <row r="368096" spans="8:8">
      <c r="H368096" s="12"/>
    </row>
    <row r="368097" spans="8:8">
      <c r="H368097" s="12"/>
    </row>
    <row r="368098" spans="8:8">
      <c r="H368098" s="12"/>
    </row>
    <row r="368099" spans="8:8">
      <c r="H368099" s="12"/>
    </row>
    <row r="368100" spans="8:8">
      <c r="H368100" s="12"/>
    </row>
    <row r="368101" spans="8:8">
      <c r="H368101" s="12"/>
    </row>
    <row r="368102" spans="8:8">
      <c r="H368102" s="12"/>
    </row>
    <row r="368103" spans="8:8">
      <c r="H368103" s="12"/>
    </row>
    <row r="368104" spans="8:8">
      <c r="H368104" s="12"/>
    </row>
    <row r="368105" spans="8:8">
      <c r="H368105" s="12"/>
    </row>
    <row r="368106" spans="8:8">
      <c r="H368106" s="12"/>
    </row>
    <row r="368107" spans="8:8">
      <c r="H368107" s="12"/>
    </row>
    <row r="368108" spans="8:8">
      <c r="H368108" s="12"/>
    </row>
    <row r="368109" spans="8:8">
      <c r="H368109" s="12"/>
    </row>
    <row r="368110" spans="8:8">
      <c r="H368110" s="12"/>
    </row>
    <row r="368111" spans="8:8">
      <c r="H368111" s="12"/>
    </row>
    <row r="368112" spans="8:8">
      <c r="H368112" s="12"/>
    </row>
    <row r="368113" spans="8:8">
      <c r="H368113" s="12"/>
    </row>
    <row r="368114" spans="8:8">
      <c r="H368114" s="12"/>
    </row>
    <row r="368115" spans="8:8">
      <c r="H368115" s="12"/>
    </row>
    <row r="368116" spans="8:8">
      <c r="H368116" s="12"/>
    </row>
    <row r="368117" spans="8:8">
      <c r="H368117" s="12"/>
    </row>
    <row r="368118" spans="8:8">
      <c r="H368118" s="12"/>
    </row>
    <row r="368119" spans="8:8">
      <c r="H368119" s="12"/>
    </row>
    <row r="368120" spans="8:8">
      <c r="H368120" s="12"/>
    </row>
    <row r="368121" spans="8:8">
      <c r="H368121" s="12"/>
    </row>
    <row r="368122" spans="8:8">
      <c r="H368122" s="12"/>
    </row>
    <row r="368123" spans="8:8">
      <c r="H368123" s="12"/>
    </row>
    <row r="368124" spans="8:8">
      <c r="H368124" s="12"/>
    </row>
    <row r="368125" spans="8:8">
      <c r="H368125" s="12"/>
    </row>
    <row r="368126" spans="8:8">
      <c r="H368126" s="12"/>
    </row>
    <row r="368127" spans="8:8">
      <c r="H368127" s="12"/>
    </row>
    <row r="368128" spans="8:8">
      <c r="H368128" s="12"/>
    </row>
    <row r="368129" spans="8:8">
      <c r="H368129" s="12"/>
    </row>
    <row r="368130" spans="8:8">
      <c r="H368130" s="12"/>
    </row>
    <row r="368131" spans="8:8">
      <c r="H368131" s="12"/>
    </row>
    <row r="368132" spans="8:8">
      <c r="H368132" s="12"/>
    </row>
    <row r="368133" spans="8:8">
      <c r="H368133" s="12"/>
    </row>
    <row r="368134" spans="8:8">
      <c r="H368134" s="12"/>
    </row>
    <row r="368135" spans="8:8">
      <c r="H368135" s="12"/>
    </row>
    <row r="368136" spans="8:8">
      <c r="H368136" s="12"/>
    </row>
    <row r="368137" spans="8:8">
      <c r="H368137" s="12"/>
    </row>
    <row r="368138" spans="8:8">
      <c r="H368138" s="12"/>
    </row>
    <row r="368139" spans="8:8">
      <c r="H368139" s="12"/>
    </row>
    <row r="368140" spans="8:8">
      <c r="H368140" s="12"/>
    </row>
    <row r="368141" spans="8:8">
      <c r="H368141" s="12"/>
    </row>
    <row r="368142" spans="8:8">
      <c r="H368142" s="12"/>
    </row>
    <row r="368143" spans="8:8">
      <c r="H368143" s="12"/>
    </row>
    <row r="368144" spans="8:8">
      <c r="H368144" s="12"/>
    </row>
    <row r="368145" spans="8:8">
      <c r="H368145" s="12"/>
    </row>
    <row r="368146" spans="8:8">
      <c r="H368146" s="12"/>
    </row>
    <row r="368147" spans="8:8">
      <c r="H368147" s="12"/>
    </row>
    <row r="368148" spans="8:8">
      <c r="H368148" s="12"/>
    </row>
    <row r="368149" spans="8:8">
      <c r="H368149" s="12"/>
    </row>
    <row r="368150" spans="8:8">
      <c r="H368150" s="12"/>
    </row>
    <row r="368151" spans="8:8">
      <c r="H368151" s="12"/>
    </row>
    <row r="368152" spans="8:8">
      <c r="H368152" s="12"/>
    </row>
    <row r="368153" spans="8:8">
      <c r="H368153" s="12"/>
    </row>
    <row r="368154" spans="8:8">
      <c r="H368154" s="12"/>
    </row>
    <row r="368155" spans="8:8">
      <c r="H368155" s="12"/>
    </row>
    <row r="368156" spans="8:8">
      <c r="H368156" s="12"/>
    </row>
    <row r="368157" spans="8:8">
      <c r="H368157" s="12"/>
    </row>
    <row r="368158" spans="8:8">
      <c r="H368158" s="12"/>
    </row>
    <row r="368159" spans="8:8">
      <c r="H368159" s="12"/>
    </row>
    <row r="368160" spans="8:8">
      <c r="H368160" s="12"/>
    </row>
    <row r="368161" spans="8:8">
      <c r="H368161" s="12"/>
    </row>
    <row r="368162" spans="8:8">
      <c r="H368162" s="12"/>
    </row>
    <row r="368163" spans="8:8">
      <c r="H368163" s="12"/>
    </row>
    <row r="368164" spans="8:8">
      <c r="H368164" s="12"/>
    </row>
    <row r="368165" spans="8:8">
      <c r="H368165" s="12"/>
    </row>
    <row r="368166" spans="8:8">
      <c r="H368166" s="12"/>
    </row>
    <row r="368167" spans="8:8">
      <c r="H368167" s="12"/>
    </row>
    <row r="368168" spans="8:8">
      <c r="H368168" s="12"/>
    </row>
    <row r="368169" spans="8:8">
      <c r="H368169" s="12"/>
    </row>
    <row r="368170" spans="8:8">
      <c r="H368170" s="12"/>
    </row>
    <row r="368171" spans="8:8">
      <c r="H368171" s="12"/>
    </row>
    <row r="368172" spans="8:8">
      <c r="H368172" s="12"/>
    </row>
    <row r="368173" spans="8:8">
      <c r="H368173" s="12"/>
    </row>
    <row r="368174" spans="8:8">
      <c r="H368174" s="12"/>
    </row>
    <row r="368175" spans="8:8">
      <c r="H368175" s="12"/>
    </row>
    <row r="368176" spans="8:8">
      <c r="H368176" s="12"/>
    </row>
    <row r="368177" spans="8:8">
      <c r="H368177" s="12"/>
    </row>
    <row r="368178" spans="8:8">
      <c r="H368178" s="12"/>
    </row>
    <row r="368179" spans="8:8">
      <c r="H368179" s="12"/>
    </row>
    <row r="368180" spans="8:8">
      <c r="H368180" s="12"/>
    </row>
    <row r="368181" spans="8:8">
      <c r="H368181" s="12"/>
    </row>
    <row r="368182" spans="8:8">
      <c r="H368182" s="12"/>
    </row>
    <row r="368183" spans="8:8">
      <c r="H368183" s="12"/>
    </row>
    <row r="368184" spans="8:8">
      <c r="H368184" s="12"/>
    </row>
    <row r="368185" spans="8:8">
      <c r="H368185" s="12"/>
    </row>
    <row r="368186" spans="8:8">
      <c r="H368186" s="12"/>
    </row>
    <row r="368187" spans="8:8">
      <c r="H368187" s="12"/>
    </row>
    <row r="368188" spans="8:8">
      <c r="H368188" s="12"/>
    </row>
    <row r="368189" spans="8:8">
      <c r="H368189" s="12"/>
    </row>
    <row r="368190" spans="8:8">
      <c r="H368190" s="12"/>
    </row>
    <row r="368191" spans="8:8">
      <c r="H368191" s="12"/>
    </row>
    <row r="368192" spans="8:8">
      <c r="H368192" s="12"/>
    </row>
    <row r="368193" spans="8:8">
      <c r="H368193" s="12"/>
    </row>
    <row r="368194" spans="8:8">
      <c r="H368194" s="12"/>
    </row>
    <row r="368195" spans="8:8">
      <c r="H368195" s="12"/>
    </row>
    <row r="368196" spans="8:8">
      <c r="H368196" s="12"/>
    </row>
    <row r="368197" spans="8:8">
      <c r="H368197" s="12"/>
    </row>
    <row r="368198" spans="8:8">
      <c r="H368198" s="12"/>
    </row>
    <row r="368199" spans="8:8">
      <c r="H368199" s="12"/>
    </row>
    <row r="368200" spans="8:8">
      <c r="H368200" s="12"/>
    </row>
    <row r="368201" spans="8:8">
      <c r="H368201" s="12"/>
    </row>
    <row r="368202" spans="8:8">
      <c r="H368202" s="12"/>
    </row>
    <row r="368203" spans="8:8">
      <c r="H368203" s="12"/>
    </row>
    <row r="368204" spans="8:8">
      <c r="H368204" s="12"/>
    </row>
    <row r="368205" spans="8:8">
      <c r="H368205" s="12"/>
    </row>
    <row r="368206" spans="8:8">
      <c r="H368206" s="12"/>
    </row>
    <row r="368207" spans="8:8">
      <c r="H368207" s="12"/>
    </row>
    <row r="368208" spans="8:8">
      <c r="H368208" s="12"/>
    </row>
    <row r="368209" spans="8:8">
      <c r="H368209" s="12"/>
    </row>
    <row r="368210" spans="8:8">
      <c r="H368210" s="12"/>
    </row>
    <row r="368211" spans="8:8">
      <c r="H368211" s="12"/>
    </row>
    <row r="368212" spans="8:8">
      <c r="H368212" s="12"/>
    </row>
    <row r="368213" spans="8:8">
      <c r="H368213" s="12"/>
    </row>
    <row r="368214" spans="8:8">
      <c r="H368214" s="12"/>
    </row>
    <row r="368215" spans="8:8">
      <c r="H368215" s="12"/>
    </row>
    <row r="368216" spans="8:8">
      <c r="H368216" s="12"/>
    </row>
    <row r="368217" spans="8:8">
      <c r="H368217" s="12"/>
    </row>
    <row r="368218" spans="8:8">
      <c r="H368218" s="12"/>
    </row>
    <row r="368219" spans="8:8">
      <c r="H368219" s="12"/>
    </row>
    <row r="368220" spans="8:8">
      <c r="H368220" s="12"/>
    </row>
    <row r="368221" spans="8:8">
      <c r="H368221" s="12"/>
    </row>
    <row r="368222" spans="8:8">
      <c r="H368222" s="12"/>
    </row>
    <row r="368223" spans="8:8">
      <c r="H368223" s="12"/>
    </row>
    <row r="368224" spans="8:8">
      <c r="H368224" s="12"/>
    </row>
    <row r="368225" spans="8:8">
      <c r="H368225" s="12"/>
    </row>
    <row r="368226" spans="8:8">
      <c r="H368226" s="12"/>
    </row>
    <row r="368227" spans="8:8">
      <c r="H368227" s="12"/>
    </row>
    <row r="368228" spans="8:8">
      <c r="H368228" s="12"/>
    </row>
    <row r="368229" spans="8:8">
      <c r="H368229" s="12"/>
    </row>
    <row r="368230" spans="8:8">
      <c r="H368230" s="12"/>
    </row>
    <row r="368231" spans="8:8">
      <c r="H368231" s="12"/>
    </row>
    <row r="368232" spans="8:8">
      <c r="H368232" s="12"/>
    </row>
    <row r="368233" spans="8:8">
      <c r="H368233" s="12"/>
    </row>
    <row r="368234" spans="8:8">
      <c r="H368234" s="12"/>
    </row>
    <row r="368235" spans="8:8">
      <c r="H368235" s="12"/>
    </row>
    <row r="368236" spans="8:8">
      <c r="H368236" s="12"/>
    </row>
    <row r="368237" spans="8:8">
      <c r="H368237" s="12"/>
    </row>
    <row r="368238" spans="8:8">
      <c r="H368238" s="12"/>
    </row>
    <row r="368239" spans="8:8">
      <c r="H368239" s="12"/>
    </row>
    <row r="368240" spans="8:8">
      <c r="H368240" s="12"/>
    </row>
    <row r="368241" spans="8:8">
      <c r="H368241" s="12"/>
    </row>
    <row r="368242" spans="8:8">
      <c r="H368242" s="12"/>
    </row>
    <row r="368243" spans="8:8">
      <c r="H368243" s="12"/>
    </row>
    <row r="368244" spans="8:8">
      <c r="H368244" s="12"/>
    </row>
    <row r="368245" spans="8:8">
      <c r="H368245" s="12"/>
    </row>
    <row r="368246" spans="8:8">
      <c r="H368246" s="12"/>
    </row>
    <row r="368247" spans="8:8">
      <c r="H368247" s="12"/>
    </row>
    <row r="368248" spans="8:8">
      <c r="H368248" s="12"/>
    </row>
    <row r="368249" spans="8:8">
      <c r="H368249" s="12"/>
    </row>
    <row r="368250" spans="8:8">
      <c r="H368250" s="12"/>
    </row>
    <row r="368251" spans="8:8">
      <c r="H368251" s="12"/>
    </row>
    <row r="368252" spans="8:8">
      <c r="H368252" s="12"/>
    </row>
    <row r="368253" spans="8:8">
      <c r="H368253" s="12"/>
    </row>
    <row r="368254" spans="8:8">
      <c r="H368254" s="12"/>
    </row>
    <row r="368255" spans="8:8">
      <c r="H368255" s="12"/>
    </row>
    <row r="368256" spans="8:8">
      <c r="H368256" s="12"/>
    </row>
    <row r="368257" spans="8:8">
      <c r="H368257" s="12"/>
    </row>
    <row r="368258" spans="8:8">
      <c r="H368258" s="12"/>
    </row>
    <row r="368259" spans="8:8">
      <c r="H368259" s="12"/>
    </row>
    <row r="368260" spans="8:8">
      <c r="H368260" s="12"/>
    </row>
    <row r="368261" spans="8:8">
      <c r="H368261" s="12"/>
    </row>
    <row r="368262" spans="8:8">
      <c r="H368262" s="12"/>
    </row>
    <row r="368263" spans="8:8">
      <c r="H368263" s="12"/>
    </row>
    <row r="368264" spans="8:8">
      <c r="H368264" s="12"/>
    </row>
    <row r="368265" spans="8:8">
      <c r="H368265" s="12"/>
    </row>
    <row r="368266" spans="8:8">
      <c r="H368266" s="12"/>
    </row>
    <row r="368267" spans="8:8">
      <c r="H368267" s="12"/>
    </row>
    <row r="368268" spans="8:8">
      <c r="H368268" s="12"/>
    </row>
    <row r="368269" spans="8:8">
      <c r="H368269" s="12"/>
    </row>
    <row r="368270" spans="8:8">
      <c r="H368270" s="12"/>
    </row>
    <row r="368271" spans="8:8">
      <c r="H368271" s="12"/>
    </row>
    <row r="368272" spans="8:8">
      <c r="H368272" s="12"/>
    </row>
    <row r="368273" spans="8:8">
      <c r="H368273" s="12"/>
    </row>
    <row r="368274" spans="8:8">
      <c r="H368274" s="12"/>
    </row>
    <row r="368275" spans="8:8">
      <c r="H368275" s="12"/>
    </row>
    <row r="368276" spans="8:8">
      <c r="H368276" s="12"/>
    </row>
    <row r="368277" spans="8:8">
      <c r="H368277" s="12"/>
    </row>
    <row r="368278" spans="8:8">
      <c r="H368278" s="12"/>
    </row>
    <row r="368279" spans="8:8">
      <c r="H368279" s="12"/>
    </row>
    <row r="368280" spans="8:8">
      <c r="H368280" s="12"/>
    </row>
    <row r="368281" spans="8:8">
      <c r="H368281" s="12"/>
    </row>
    <row r="368282" spans="8:8">
      <c r="H368282" s="12"/>
    </row>
    <row r="368283" spans="8:8">
      <c r="H368283" s="12"/>
    </row>
    <row r="368284" spans="8:8">
      <c r="H368284" s="12"/>
    </row>
    <row r="368285" spans="8:8">
      <c r="H368285" s="12"/>
    </row>
    <row r="368286" spans="8:8">
      <c r="H368286" s="12"/>
    </row>
    <row r="368287" spans="8:8">
      <c r="H368287" s="12"/>
    </row>
    <row r="368288" spans="8:8">
      <c r="H368288" s="12"/>
    </row>
    <row r="368289" spans="8:8">
      <c r="H368289" s="12"/>
    </row>
    <row r="368290" spans="8:8">
      <c r="H368290" s="12"/>
    </row>
    <row r="368291" spans="8:8">
      <c r="H368291" s="12"/>
    </row>
    <row r="368292" spans="8:8">
      <c r="H368292" s="12"/>
    </row>
    <row r="368293" spans="8:8">
      <c r="H368293" s="12"/>
    </row>
    <row r="368294" spans="8:8">
      <c r="H368294" s="12"/>
    </row>
    <row r="368295" spans="8:8">
      <c r="H368295" s="12"/>
    </row>
    <row r="368296" spans="8:8">
      <c r="H368296" s="12"/>
    </row>
    <row r="368297" spans="8:8">
      <c r="H368297" s="12"/>
    </row>
    <row r="368298" spans="8:8">
      <c r="H368298" s="12"/>
    </row>
    <row r="368299" spans="8:8">
      <c r="H368299" s="12"/>
    </row>
    <row r="368300" spans="8:8">
      <c r="H368300" s="12"/>
    </row>
    <row r="368301" spans="8:8">
      <c r="H368301" s="12"/>
    </row>
    <row r="368302" spans="8:8">
      <c r="H368302" s="12"/>
    </row>
    <row r="368303" spans="8:8">
      <c r="H368303" s="12"/>
    </row>
    <row r="368304" spans="8:8">
      <c r="H368304" s="12"/>
    </row>
    <row r="368305" spans="8:8">
      <c r="H368305" s="12"/>
    </row>
    <row r="368306" spans="8:8">
      <c r="H368306" s="12"/>
    </row>
    <row r="368307" spans="8:8">
      <c r="H368307" s="12"/>
    </row>
    <row r="368308" spans="8:8">
      <c r="H368308" s="12"/>
    </row>
    <row r="368309" spans="8:8">
      <c r="H368309" s="12"/>
    </row>
    <row r="368310" spans="8:8">
      <c r="H368310" s="12"/>
    </row>
    <row r="368311" spans="8:8">
      <c r="H368311" s="12"/>
    </row>
    <row r="368312" spans="8:8">
      <c r="H368312" s="12"/>
    </row>
    <row r="368313" spans="8:8">
      <c r="H368313" s="12"/>
    </row>
    <row r="368314" spans="8:8">
      <c r="H368314" s="12"/>
    </row>
    <row r="368315" spans="8:8">
      <c r="H368315" s="12"/>
    </row>
    <row r="368316" spans="8:8">
      <c r="H368316" s="12"/>
    </row>
    <row r="368317" spans="8:8">
      <c r="H368317" s="12"/>
    </row>
    <row r="368318" spans="8:8">
      <c r="H368318" s="12"/>
    </row>
    <row r="368319" spans="8:8">
      <c r="H368319" s="12"/>
    </row>
    <row r="368320" spans="8:8">
      <c r="H368320" s="12"/>
    </row>
    <row r="368321" spans="8:8">
      <c r="H368321" s="12"/>
    </row>
    <row r="368322" spans="8:8">
      <c r="H368322" s="12"/>
    </row>
    <row r="368323" spans="8:8">
      <c r="H368323" s="12"/>
    </row>
    <row r="368324" spans="8:8">
      <c r="H368324" s="12"/>
    </row>
    <row r="368325" spans="8:8">
      <c r="H368325" s="12"/>
    </row>
    <row r="368326" spans="8:8">
      <c r="H368326" s="12"/>
    </row>
    <row r="368327" spans="8:8">
      <c r="H368327" s="12"/>
    </row>
    <row r="368328" spans="8:8">
      <c r="H368328" s="12"/>
    </row>
    <row r="368329" spans="8:8">
      <c r="H368329" s="12"/>
    </row>
    <row r="368330" spans="8:8">
      <c r="H368330" s="12"/>
    </row>
    <row r="368331" spans="8:8">
      <c r="H368331" s="12"/>
    </row>
    <row r="368332" spans="8:8">
      <c r="H368332" s="12"/>
    </row>
    <row r="368333" spans="8:8">
      <c r="H368333" s="12"/>
    </row>
    <row r="368334" spans="8:8">
      <c r="H368334" s="12"/>
    </row>
    <row r="368335" spans="8:8">
      <c r="H368335" s="12"/>
    </row>
    <row r="368336" spans="8:8">
      <c r="H368336" s="12"/>
    </row>
    <row r="368337" spans="8:8">
      <c r="H368337" s="12"/>
    </row>
    <row r="368338" spans="8:8">
      <c r="H368338" s="12"/>
    </row>
    <row r="368339" spans="8:8">
      <c r="H368339" s="12"/>
    </row>
    <row r="368340" spans="8:8">
      <c r="H368340" s="12"/>
    </row>
    <row r="368341" spans="8:8">
      <c r="H368341" s="12"/>
    </row>
    <row r="368342" spans="8:8">
      <c r="H368342" s="12"/>
    </row>
    <row r="368343" spans="8:8">
      <c r="H368343" s="12"/>
    </row>
    <row r="368344" spans="8:8">
      <c r="H368344" s="12"/>
    </row>
    <row r="368345" spans="8:8">
      <c r="H368345" s="12"/>
    </row>
    <row r="368346" spans="8:8">
      <c r="H368346" s="12"/>
    </row>
    <row r="368347" spans="8:8">
      <c r="H368347" s="12"/>
    </row>
    <row r="368348" spans="8:8">
      <c r="H368348" s="12"/>
    </row>
    <row r="368349" spans="8:8">
      <c r="H368349" s="12"/>
    </row>
    <row r="368350" spans="8:8">
      <c r="H368350" s="12"/>
    </row>
    <row r="368351" spans="8:8">
      <c r="H368351" s="12"/>
    </row>
    <row r="368352" spans="8:8">
      <c r="H368352" s="12"/>
    </row>
    <row r="368353" spans="8:8">
      <c r="H368353" s="12"/>
    </row>
    <row r="368354" spans="8:8">
      <c r="H368354" s="12"/>
    </row>
    <row r="368355" spans="8:8">
      <c r="H368355" s="12"/>
    </row>
    <row r="368356" spans="8:8">
      <c r="H368356" s="12"/>
    </row>
    <row r="368357" spans="8:8">
      <c r="H368357" s="12"/>
    </row>
    <row r="368358" spans="8:8">
      <c r="H368358" s="12"/>
    </row>
    <row r="368359" spans="8:8">
      <c r="H368359" s="12"/>
    </row>
    <row r="368360" spans="8:8">
      <c r="H368360" s="12"/>
    </row>
    <row r="368361" spans="8:8">
      <c r="H368361" s="12"/>
    </row>
    <row r="368362" spans="8:8">
      <c r="H368362" s="12"/>
    </row>
    <row r="368363" spans="8:8">
      <c r="H368363" s="12"/>
    </row>
    <row r="368364" spans="8:8">
      <c r="H368364" s="12"/>
    </row>
    <row r="368365" spans="8:8">
      <c r="H368365" s="12"/>
    </row>
    <row r="368366" spans="8:8">
      <c r="H368366" s="12"/>
    </row>
    <row r="368367" spans="8:8">
      <c r="H368367" s="12"/>
    </row>
    <row r="368368" spans="8:8">
      <c r="H368368" s="12"/>
    </row>
    <row r="368369" spans="8:8">
      <c r="H368369" s="12"/>
    </row>
    <row r="368370" spans="8:8">
      <c r="H368370" s="12"/>
    </row>
    <row r="368371" spans="8:8">
      <c r="H368371" s="12"/>
    </row>
    <row r="368372" spans="8:8">
      <c r="H368372" s="12"/>
    </row>
    <row r="368373" spans="8:8">
      <c r="H368373" s="12"/>
    </row>
    <row r="368374" spans="8:8">
      <c r="H368374" s="12"/>
    </row>
    <row r="368375" spans="8:8">
      <c r="H368375" s="12"/>
    </row>
    <row r="368376" spans="8:8">
      <c r="H368376" s="12"/>
    </row>
    <row r="368377" spans="8:8">
      <c r="H368377" s="12"/>
    </row>
    <row r="368378" spans="8:8">
      <c r="H368378" s="12"/>
    </row>
    <row r="368379" spans="8:8">
      <c r="H368379" s="12"/>
    </row>
    <row r="368380" spans="8:8">
      <c r="H368380" s="12"/>
    </row>
    <row r="368381" spans="8:8">
      <c r="H368381" s="12"/>
    </row>
    <row r="368382" spans="8:8">
      <c r="H368382" s="12"/>
    </row>
    <row r="368383" spans="8:8">
      <c r="H368383" s="12"/>
    </row>
    <row r="368384" spans="8:8">
      <c r="H368384" s="12"/>
    </row>
    <row r="368385" spans="8:8">
      <c r="H368385" s="12"/>
    </row>
    <row r="368386" spans="8:8">
      <c r="H368386" s="12"/>
    </row>
    <row r="368387" spans="8:8">
      <c r="H368387" s="12"/>
    </row>
    <row r="368388" spans="8:8">
      <c r="H368388" s="12"/>
    </row>
    <row r="368389" spans="8:8">
      <c r="H368389" s="12"/>
    </row>
    <row r="368390" spans="8:8">
      <c r="H368390" s="12"/>
    </row>
    <row r="368391" spans="8:8">
      <c r="H368391" s="12"/>
    </row>
    <row r="368392" spans="8:8">
      <c r="H368392" s="12"/>
    </row>
    <row r="368393" spans="8:8">
      <c r="H368393" s="12"/>
    </row>
    <row r="368394" spans="8:8">
      <c r="H368394" s="12"/>
    </row>
    <row r="368395" spans="8:8">
      <c r="H368395" s="12"/>
    </row>
    <row r="368396" spans="8:8">
      <c r="H368396" s="12"/>
    </row>
    <row r="368397" spans="8:8">
      <c r="H368397" s="12"/>
    </row>
    <row r="368398" spans="8:8">
      <c r="H368398" s="12"/>
    </row>
    <row r="368399" spans="8:8">
      <c r="H368399" s="12"/>
    </row>
    <row r="368400" spans="8:8">
      <c r="H368400" s="12"/>
    </row>
    <row r="368401" spans="8:8">
      <c r="H368401" s="12"/>
    </row>
    <row r="368402" spans="8:8">
      <c r="H368402" s="12"/>
    </row>
    <row r="368403" spans="8:8">
      <c r="H368403" s="12"/>
    </row>
    <row r="368404" spans="8:8">
      <c r="H368404" s="12"/>
    </row>
    <row r="368405" spans="8:8">
      <c r="H368405" s="12"/>
    </row>
    <row r="368406" spans="8:8">
      <c r="H368406" s="12"/>
    </row>
    <row r="368407" spans="8:8">
      <c r="H368407" s="12"/>
    </row>
    <row r="368408" spans="8:8">
      <c r="H368408" s="12"/>
    </row>
    <row r="368409" spans="8:8">
      <c r="H368409" s="12"/>
    </row>
    <row r="368410" spans="8:8">
      <c r="H368410" s="12"/>
    </row>
    <row r="368411" spans="8:8">
      <c r="H368411" s="12"/>
    </row>
    <row r="368412" spans="8:8">
      <c r="H368412" s="12"/>
    </row>
    <row r="368413" spans="8:8">
      <c r="H368413" s="12"/>
    </row>
    <row r="368414" spans="8:8">
      <c r="H368414" s="12"/>
    </row>
    <row r="368415" spans="8:8">
      <c r="H368415" s="12"/>
    </row>
    <row r="368416" spans="8:8">
      <c r="H368416" s="12"/>
    </row>
    <row r="368417" spans="8:8">
      <c r="H368417" s="12"/>
    </row>
    <row r="368418" spans="8:8">
      <c r="H368418" s="12"/>
    </row>
    <row r="368419" spans="8:8">
      <c r="H368419" s="12"/>
    </row>
    <row r="368420" spans="8:8">
      <c r="H368420" s="12"/>
    </row>
    <row r="368421" spans="8:8">
      <c r="H368421" s="12"/>
    </row>
    <row r="368422" spans="8:8">
      <c r="H368422" s="12"/>
    </row>
    <row r="368423" spans="8:8">
      <c r="H368423" s="12"/>
    </row>
    <row r="368424" spans="8:8">
      <c r="H368424" s="12"/>
    </row>
    <row r="368425" spans="8:8">
      <c r="H368425" s="12"/>
    </row>
    <row r="368426" spans="8:8">
      <c r="H368426" s="12"/>
    </row>
    <row r="368427" spans="8:8">
      <c r="H368427" s="12"/>
    </row>
    <row r="368428" spans="8:8">
      <c r="H368428" s="12"/>
    </row>
    <row r="368429" spans="8:8">
      <c r="H368429" s="12"/>
    </row>
    <row r="368430" spans="8:8">
      <c r="H368430" s="12"/>
    </row>
    <row r="368431" spans="8:8">
      <c r="H368431" s="12"/>
    </row>
    <row r="368432" spans="8:8">
      <c r="H368432" s="12"/>
    </row>
    <row r="368433" spans="8:8">
      <c r="H368433" s="12"/>
    </row>
    <row r="368434" spans="8:8">
      <c r="H368434" s="12"/>
    </row>
    <row r="368435" spans="8:8">
      <c r="H368435" s="12"/>
    </row>
    <row r="368436" spans="8:8">
      <c r="H368436" s="12"/>
    </row>
    <row r="368437" spans="8:8">
      <c r="H368437" s="12"/>
    </row>
    <row r="368438" spans="8:8">
      <c r="H368438" s="12"/>
    </row>
    <row r="368439" spans="8:8">
      <c r="H368439" s="12"/>
    </row>
    <row r="368440" spans="8:8">
      <c r="H368440" s="12"/>
    </row>
    <row r="368441" spans="8:8">
      <c r="H368441" s="12"/>
    </row>
    <row r="368442" spans="8:8">
      <c r="H368442" s="12"/>
    </row>
    <row r="368443" spans="8:8">
      <c r="H368443" s="12"/>
    </row>
    <row r="368444" spans="8:8">
      <c r="H368444" s="12"/>
    </row>
    <row r="368445" spans="8:8">
      <c r="H368445" s="12"/>
    </row>
    <row r="368446" spans="8:8">
      <c r="H368446" s="12"/>
    </row>
    <row r="368447" spans="8:8">
      <c r="H368447" s="12"/>
    </row>
    <row r="368448" spans="8:8">
      <c r="H368448" s="12"/>
    </row>
    <row r="368449" spans="8:8">
      <c r="H368449" s="12"/>
    </row>
    <row r="368450" spans="8:8">
      <c r="H368450" s="12"/>
    </row>
    <row r="368451" spans="8:8">
      <c r="H368451" s="12"/>
    </row>
    <row r="368452" spans="8:8">
      <c r="H368452" s="12"/>
    </row>
    <row r="368453" spans="8:8">
      <c r="H368453" s="12"/>
    </row>
    <row r="368454" spans="8:8">
      <c r="H368454" s="12"/>
    </row>
    <row r="368455" spans="8:8">
      <c r="H368455" s="12"/>
    </row>
    <row r="368456" spans="8:8">
      <c r="H368456" s="12"/>
    </row>
    <row r="368457" spans="8:8">
      <c r="H368457" s="12"/>
    </row>
    <row r="368458" spans="8:8">
      <c r="H368458" s="12"/>
    </row>
    <row r="368459" spans="8:8">
      <c r="H368459" s="12"/>
    </row>
    <row r="368460" spans="8:8">
      <c r="H368460" s="12"/>
    </row>
    <row r="368461" spans="8:8">
      <c r="H368461" s="12"/>
    </row>
    <row r="368462" spans="8:8">
      <c r="H368462" s="12"/>
    </row>
    <row r="368463" spans="8:8">
      <c r="H368463" s="12"/>
    </row>
    <row r="368464" spans="8:8">
      <c r="H368464" s="12"/>
    </row>
    <row r="368465" spans="8:8">
      <c r="H368465" s="12"/>
    </row>
    <row r="368466" spans="8:8">
      <c r="H368466" s="12"/>
    </row>
    <row r="368467" spans="8:8">
      <c r="H368467" s="12"/>
    </row>
    <row r="368468" spans="8:8">
      <c r="H368468" s="12"/>
    </row>
    <row r="368469" spans="8:8">
      <c r="H368469" s="12"/>
    </row>
    <row r="368470" spans="8:8">
      <c r="H368470" s="12"/>
    </row>
    <row r="368471" spans="8:8">
      <c r="H368471" s="12"/>
    </row>
    <row r="368472" spans="8:8">
      <c r="H368472" s="12"/>
    </row>
    <row r="368473" spans="8:8">
      <c r="H368473" s="12"/>
    </row>
    <row r="368474" spans="8:8">
      <c r="H368474" s="12"/>
    </row>
    <row r="368475" spans="8:8">
      <c r="H368475" s="12"/>
    </row>
    <row r="368476" spans="8:8">
      <c r="H368476" s="12"/>
    </row>
    <row r="368477" spans="8:8">
      <c r="H368477" s="12"/>
    </row>
    <row r="368478" spans="8:8">
      <c r="H368478" s="12"/>
    </row>
    <row r="368479" spans="8:8">
      <c r="H368479" s="12"/>
    </row>
    <row r="368480" spans="8:8">
      <c r="H368480" s="12"/>
    </row>
    <row r="368481" spans="8:8">
      <c r="H368481" s="12"/>
    </row>
    <row r="368482" spans="8:8">
      <c r="H368482" s="12"/>
    </row>
    <row r="368483" spans="8:8">
      <c r="H368483" s="12"/>
    </row>
    <row r="368484" spans="8:8">
      <c r="H368484" s="12"/>
    </row>
    <row r="368485" spans="8:8">
      <c r="H368485" s="12"/>
    </row>
    <row r="368486" spans="8:8">
      <c r="H368486" s="12"/>
    </row>
    <row r="368487" spans="8:8">
      <c r="H368487" s="12"/>
    </row>
    <row r="368488" spans="8:8">
      <c r="H368488" s="12"/>
    </row>
    <row r="368489" spans="8:8">
      <c r="H368489" s="12"/>
    </row>
    <row r="368490" spans="8:8">
      <c r="H368490" s="12"/>
    </row>
    <row r="368491" spans="8:8">
      <c r="H368491" s="12"/>
    </row>
    <row r="368492" spans="8:8">
      <c r="H368492" s="12"/>
    </row>
    <row r="368493" spans="8:8">
      <c r="H368493" s="12"/>
    </row>
    <row r="368494" spans="8:8">
      <c r="H368494" s="12"/>
    </row>
    <row r="368495" spans="8:8">
      <c r="H368495" s="12"/>
    </row>
    <row r="368496" spans="8:8">
      <c r="H368496" s="12"/>
    </row>
    <row r="368497" spans="8:8">
      <c r="H368497" s="12"/>
    </row>
    <row r="368498" spans="8:8">
      <c r="H368498" s="12"/>
    </row>
    <row r="368499" spans="8:8">
      <c r="H368499" s="12"/>
    </row>
    <row r="368500" spans="8:8">
      <c r="H368500" s="12"/>
    </row>
    <row r="368501" spans="8:8">
      <c r="H368501" s="12"/>
    </row>
    <row r="368502" spans="8:8">
      <c r="H368502" s="12"/>
    </row>
    <row r="368503" spans="8:8">
      <c r="H368503" s="12"/>
    </row>
    <row r="368504" spans="8:8">
      <c r="H368504" s="12"/>
    </row>
    <row r="368505" spans="8:8">
      <c r="H368505" s="12"/>
    </row>
    <row r="368506" spans="8:8">
      <c r="H368506" s="12"/>
    </row>
    <row r="368507" spans="8:8">
      <c r="H368507" s="12"/>
    </row>
    <row r="368508" spans="8:8">
      <c r="H368508" s="12"/>
    </row>
    <row r="368509" spans="8:8">
      <c r="H368509" s="12"/>
    </row>
    <row r="368510" spans="8:8">
      <c r="H368510" s="12"/>
    </row>
    <row r="368511" spans="8:8">
      <c r="H368511" s="12"/>
    </row>
    <row r="368512" spans="8:8">
      <c r="H368512" s="12"/>
    </row>
    <row r="368513" spans="8:8">
      <c r="H368513" s="12"/>
    </row>
    <row r="368514" spans="8:8">
      <c r="H368514" s="12"/>
    </row>
    <row r="368515" spans="8:8">
      <c r="H368515" s="12"/>
    </row>
    <row r="368516" spans="8:8">
      <c r="H368516" s="12"/>
    </row>
    <row r="368517" spans="8:8">
      <c r="H368517" s="12"/>
    </row>
    <row r="368518" spans="8:8">
      <c r="H368518" s="12"/>
    </row>
    <row r="368519" spans="8:8">
      <c r="H368519" s="12"/>
    </row>
    <row r="368520" spans="8:8">
      <c r="H368520" s="12"/>
    </row>
    <row r="368521" spans="8:8">
      <c r="H368521" s="12"/>
    </row>
    <row r="368522" spans="8:8">
      <c r="H368522" s="12"/>
    </row>
    <row r="368523" spans="8:8">
      <c r="H368523" s="12"/>
    </row>
    <row r="368524" spans="8:8">
      <c r="H368524" s="12"/>
    </row>
    <row r="368525" spans="8:8">
      <c r="H368525" s="12"/>
    </row>
    <row r="368526" spans="8:8">
      <c r="H368526" s="12"/>
    </row>
    <row r="368527" spans="8:8">
      <c r="H368527" s="12"/>
    </row>
    <row r="368528" spans="8:8">
      <c r="H368528" s="12"/>
    </row>
    <row r="368529" spans="8:8">
      <c r="H368529" s="12"/>
    </row>
    <row r="368530" spans="8:8">
      <c r="H368530" s="12"/>
    </row>
    <row r="368531" spans="8:8">
      <c r="H368531" s="12"/>
    </row>
    <row r="368532" spans="8:8">
      <c r="H368532" s="12"/>
    </row>
    <row r="368533" spans="8:8">
      <c r="H368533" s="12"/>
    </row>
    <row r="368534" spans="8:8">
      <c r="H368534" s="12"/>
    </row>
    <row r="368535" spans="8:8">
      <c r="H368535" s="12"/>
    </row>
    <row r="368536" spans="8:8">
      <c r="H368536" s="12"/>
    </row>
    <row r="368537" spans="8:8">
      <c r="H368537" s="12"/>
    </row>
    <row r="368538" spans="8:8">
      <c r="H368538" s="12"/>
    </row>
    <row r="368539" spans="8:8">
      <c r="H368539" s="12"/>
    </row>
    <row r="368540" spans="8:8">
      <c r="H368540" s="12"/>
    </row>
    <row r="368541" spans="8:8">
      <c r="H368541" s="12"/>
    </row>
    <row r="368542" spans="8:8">
      <c r="H368542" s="12"/>
    </row>
    <row r="368543" spans="8:8">
      <c r="H368543" s="12"/>
    </row>
    <row r="368544" spans="8:8">
      <c r="H368544" s="12"/>
    </row>
    <row r="368545" spans="8:8">
      <c r="H368545" s="12"/>
    </row>
    <row r="368546" spans="8:8">
      <c r="H368546" s="12"/>
    </row>
    <row r="368547" spans="8:8">
      <c r="H368547" s="12"/>
    </row>
    <row r="368548" spans="8:8">
      <c r="H368548" s="12"/>
    </row>
    <row r="368549" spans="8:8">
      <c r="H368549" s="12"/>
    </row>
    <row r="368550" spans="8:8">
      <c r="H368550" s="12"/>
    </row>
    <row r="368551" spans="8:8">
      <c r="H368551" s="12"/>
    </row>
    <row r="368552" spans="8:8">
      <c r="H368552" s="12"/>
    </row>
    <row r="368553" spans="8:8">
      <c r="H368553" s="12"/>
    </row>
    <row r="368554" spans="8:8">
      <c r="H368554" s="12"/>
    </row>
    <row r="368555" spans="8:8">
      <c r="H368555" s="12"/>
    </row>
    <row r="368556" spans="8:8">
      <c r="H368556" s="12"/>
    </row>
    <row r="368557" spans="8:8">
      <c r="H368557" s="12"/>
    </row>
    <row r="368558" spans="8:8">
      <c r="H368558" s="12"/>
    </row>
    <row r="368559" spans="8:8">
      <c r="H368559" s="12"/>
    </row>
    <row r="368560" spans="8:8">
      <c r="H368560" s="12"/>
    </row>
    <row r="368561" spans="8:8">
      <c r="H368561" s="12"/>
    </row>
    <row r="368562" spans="8:8">
      <c r="H368562" s="12"/>
    </row>
    <row r="368563" spans="8:8">
      <c r="H368563" s="12"/>
    </row>
    <row r="368564" spans="8:8">
      <c r="H368564" s="12"/>
    </row>
    <row r="368565" spans="8:8">
      <c r="H368565" s="12"/>
    </row>
    <row r="368566" spans="8:8">
      <c r="H368566" s="12"/>
    </row>
    <row r="368567" spans="8:8">
      <c r="H368567" s="12"/>
    </row>
    <row r="368568" spans="8:8">
      <c r="H368568" s="12"/>
    </row>
    <row r="368569" spans="8:8">
      <c r="H368569" s="12"/>
    </row>
    <row r="368570" spans="8:8">
      <c r="H368570" s="12"/>
    </row>
    <row r="368571" spans="8:8">
      <c r="H368571" s="12"/>
    </row>
    <row r="368572" spans="8:8">
      <c r="H368572" s="12"/>
    </row>
    <row r="368573" spans="8:8">
      <c r="H368573" s="12"/>
    </row>
    <row r="368574" spans="8:8">
      <c r="H368574" s="12"/>
    </row>
    <row r="368575" spans="8:8">
      <c r="H368575" s="12"/>
    </row>
    <row r="368576" spans="8:8">
      <c r="H368576" s="12"/>
    </row>
    <row r="368577" spans="8:8">
      <c r="H368577" s="12"/>
    </row>
    <row r="368578" spans="8:8">
      <c r="H368578" s="12"/>
    </row>
    <row r="368579" spans="8:8">
      <c r="H368579" s="12"/>
    </row>
    <row r="368580" spans="8:8">
      <c r="H368580" s="12"/>
    </row>
    <row r="368581" spans="8:8">
      <c r="H368581" s="12"/>
    </row>
    <row r="368582" spans="8:8">
      <c r="H368582" s="12"/>
    </row>
    <row r="368583" spans="8:8">
      <c r="H368583" s="12"/>
    </row>
    <row r="368584" spans="8:8">
      <c r="H368584" s="12"/>
    </row>
    <row r="368585" spans="8:8">
      <c r="H368585" s="12"/>
    </row>
    <row r="368586" spans="8:8">
      <c r="H368586" s="12"/>
    </row>
    <row r="368587" spans="8:8">
      <c r="H368587" s="12"/>
    </row>
    <row r="368588" spans="8:8">
      <c r="H368588" s="12"/>
    </row>
    <row r="368589" spans="8:8">
      <c r="H368589" s="12"/>
    </row>
    <row r="368590" spans="8:8">
      <c r="H368590" s="12"/>
    </row>
    <row r="368591" spans="8:8">
      <c r="H368591" s="12"/>
    </row>
    <row r="368592" spans="8:8">
      <c r="H368592" s="12"/>
    </row>
    <row r="368593" spans="8:8">
      <c r="H368593" s="12"/>
    </row>
    <row r="368594" spans="8:8">
      <c r="H368594" s="12"/>
    </row>
    <row r="368595" spans="8:8">
      <c r="H368595" s="12"/>
    </row>
    <row r="368596" spans="8:8">
      <c r="H368596" s="12"/>
    </row>
    <row r="368597" spans="8:8">
      <c r="H368597" s="12"/>
    </row>
    <row r="368598" spans="8:8">
      <c r="H368598" s="12"/>
    </row>
    <row r="368599" spans="8:8">
      <c r="H368599" s="12"/>
    </row>
    <row r="368600" spans="8:8">
      <c r="H368600" s="12"/>
    </row>
    <row r="368601" spans="8:8">
      <c r="H368601" s="12"/>
    </row>
    <row r="368602" spans="8:8">
      <c r="H368602" s="12"/>
    </row>
    <row r="368603" spans="8:8">
      <c r="H368603" s="12"/>
    </row>
    <row r="368604" spans="8:8">
      <c r="H368604" s="12"/>
    </row>
    <row r="368605" spans="8:8">
      <c r="H368605" s="12"/>
    </row>
    <row r="368606" spans="8:8">
      <c r="H368606" s="12"/>
    </row>
    <row r="368607" spans="8:8">
      <c r="H368607" s="12"/>
    </row>
    <row r="368608" spans="8:8">
      <c r="H368608" s="12"/>
    </row>
    <row r="368609" spans="8:8">
      <c r="H368609" s="12"/>
    </row>
    <row r="368610" spans="8:8">
      <c r="H368610" s="12"/>
    </row>
    <row r="368611" spans="8:8">
      <c r="H368611" s="12"/>
    </row>
    <row r="368612" spans="8:8">
      <c r="H368612" s="12"/>
    </row>
    <row r="368613" spans="8:8">
      <c r="H368613" s="12"/>
    </row>
    <row r="368614" spans="8:8">
      <c r="H368614" s="12"/>
    </row>
    <row r="368615" spans="8:8">
      <c r="H368615" s="12"/>
    </row>
    <row r="368616" spans="8:8">
      <c r="H368616" s="12"/>
    </row>
    <row r="368617" spans="8:8">
      <c r="H368617" s="12"/>
    </row>
    <row r="368618" spans="8:8">
      <c r="H368618" s="12"/>
    </row>
    <row r="368619" spans="8:8">
      <c r="H368619" s="12"/>
    </row>
    <row r="368620" spans="8:8">
      <c r="H368620" s="12"/>
    </row>
    <row r="368621" spans="8:8">
      <c r="H368621" s="12"/>
    </row>
    <row r="368622" spans="8:8">
      <c r="H368622" s="12"/>
    </row>
    <row r="368623" spans="8:8">
      <c r="H368623" s="12"/>
    </row>
    <row r="368624" spans="8:8">
      <c r="H368624" s="12"/>
    </row>
    <row r="368625" spans="8:8">
      <c r="H368625" s="12"/>
    </row>
    <row r="368626" spans="8:8">
      <c r="H368626" s="12"/>
    </row>
    <row r="368627" spans="8:8">
      <c r="H368627" s="12"/>
    </row>
    <row r="368628" spans="8:8">
      <c r="H368628" s="12"/>
    </row>
    <row r="368629" spans="8:8">
      <c r="H368629" s="12"/>
    </row>
    <row r="368630" spans="8:8">
      <c r="H368630" s="12"/>
    </row>
    <row r="368631" spans="8:8">
      <c r="H368631" s="12"/>
    </row>
    <row r="368632" spans="8:8">
      <c r="H368632" s="12"/>
    </row>
    <row r="368633" spans="8:8">
      <c r="H368633" s="12"/>
    </row>
    <row r="368634" spans="8:8">
      <c r="H368634" s="12"/>
    </row>
    <row r="368635" spans="8:8">
      <c r="H368635" s="12"/>
    </row>
    <row r="368636" spans="8:8">
      <c r="H368636" s="12"/>
    </row>
    <row r="368637" spans="8:8">
      <c r="H368637" s="12"/>
    </row>
    <row r="368638" spans="8:8">
      <c r="H368638" s="12"/>
    </row>
    <row r="368639" spans="8:8">
      <c r="H368639" s="12"/>
    </row>
    <row r="368640" spans="8:8">
      <c r="H368640" s="12"/>
    </row>
    <row r="368641" spans="8:8">
      <c r="H368641" s="12"/>
    </row>
    <row r="368642" spans="8:8">
      <c r="H368642" s="12"/>
    </row>
    <row r="368643" spans="8:8">
      <c r="H368643" s="12"/>
    </row>
    <row r="368644" spans="8:8">
      <c r="H368644" s="12"/>
    </row>
    <row r="368645" spans="8:8">
      <c r="H368645" s="12"/>
    </row>
    <row r="368646" spans="8:8">
      <c r="H368646" s="12"/>
    </row>
    <row r="368647" spans="8:8">
      <c r="H368647" s="12"/>
    </row>
    <row r="368648" spans="8:8">
      <c r="H368648" s="12"/>
    </row>
    <row r="368649" spans="8:8">
      <c r="H368649" s="12"/>
    </row>
    <row r="368650" spans="8:8">
      <c r="H368650" s="12"/>
    </row>
    <row r="368651" spans="8:8">
      <c r="H368651" s="12"/>
    </row>
    <row r="368652" spans="8:8">
      <c r="H368652" s="12"/>
    </row>
    <row r="368653" spans="8:8">
      <c r="H368653" s="12"/>
    </row>
    <row r="368654" spans="8:8">
      <c r="H368654" s="12"/>
    </row>
    <row r="368655" spans="8:8">
      <c r="H368655" s="12"/>
    </row>
    <row r="368656" spans="8:8">
      <c r="H368656" s="12"/>
    </row>
    <row r="368657" spans="8:8">
      <c r="H368657" s="12"/>
    </row>
    <row r="368658" spans="8:8">
      <c r="H368658" s="12"/>
    </row>
    <row r="368659" spans="8:8">
      <c r="H368659" s="12"/>
    </row>
    <row r="368660" spans="8:8">
      <c r="H368660" s="12"/>
    </row>
    <row r="368661" spans="8:8">
      <c r="H368661" s="12"/>
    </row>
    <row r="368662" spans="8:8">
      <c r="H368662" s="12"/>
    </row>
    <row r="368663" spans="8:8">
      <c r="H368663" s="12"/>
    </row>
    <row r="368664" spans="8:8">
      <c r="H368664" s="12"/>
    </row>
    <row r="368665" spans="8:8">
      <c r="H368665" s="12"/>
    </row>
    <row r="368666" spans="8:8">
      <c r="H368666" s="12"/>
    </row>
    <row r="368667" spans="8:8">
      <c r="H368667" s="12"/>
    </row>
    <row r="368668" spans="8:8">
      <c r="H368668" s="12"/>
    </row>
    <row r="368669" spans="8:8">
      <c r="H368669" s="12"/>
    </row>
    <row r="368670" spans="8:8">
      <c r="H368670" s="12"/>
    </row>
    <row r="368671" spans="8:8">
      <c r="H368671" s="12"/>
    </row>
    <row r="368672" spans="8:8">
      <c r="H368672" s="12"/>
    </row>
    <row r="368673" spans="8:8">
      <c r="H368673" s="12"/>
    </row>
    <row r="368674" spans="8:8">
      <c r="H368674" s="12"/>
    </row>
    <row r="368675" spans="8:8">
      <c r="H368675" s="12"/>
    </row>
    <row r="368676" spans="8:8">
      <c r="H368676" s="12"/>
    </row>
    <row r="368677" spans="8:8">
      <c r="H368677" s="12"/>
    </row>
    <row r="368678" spans="8:8">
      <c r="H368678" s="12"/>
    </row>
    <row r="368679" spans="8:8">
      <c r="H368679" s="12"/>
    </row>
    <row r="368680" spans="8:8">
      <c r="H368680" s="12"/>
    </row>
    <row r="368681" spans="8:8">
      <c r="H368681" s="12"/>
    </row>
    <row r="368682" spans="8:8">
      <c r="H368682" s="12"/>
    </row>
    <row r="368683" spans="8:8">
      <c r="H368683" s="12"/>
    </row>
    <row r="368684" spans="8:8">
      <c r="H368684" s="12"/>
    </row>
    <row r="368685" spans="8:8">
      <c r="H368685" s="12"/>
    </row>
    <row r="368686" spans="8:8">
      <c r="H368686" s="12"/>
    </row>
    <row r="368687" spans="8:8">
      <c r="H368687" s="12"/>
    </row>
    <row r="368688" spans="8:8">
      <c r="H368688" s="12"/>
    </row>
    <row r="368689" spans="8:8">
      <c r="H368689" s="12"/>
    </row>
    <row r="368690" spans="8:8">
      <c r="H368690" s="12"/>
    </row>
    <row r="368691" spans="8:8">
      <c r="H368691" s="12"/>
    </row>
    <row r="368692" spans="8:8">
      <c r="H368692" s="12"/>
    </row>
    <row r="368693" spans="8:8">
      <c r="H368693" s="12"/>
    </row>
    <row r="368694" spans="8:8">
      <c r="H368694" s="12"/>
    </row>
    <row r="368695" spans="8:8">
      <c r="H368695" s="12"/>
    </row>
    <row r="368696" spans="8:8">
      <c r="H368696" s="12"/>
    </row>
    <row r="368697" spans="8:8">
      <c r="H368697" s="12"/>
    </row>
    <row r="368698" spans="8:8">
      <c r="H368698" s="12"/>
    </row>
    <row r="368699" spans="8:8">
      <c r="H368699" s="12"/>
    </row>
    <row r="368700" spans="8:8">
      <c r="H368700" s="12"/>
    </row>
    <row r="368701" spans="8:8">
      <c r="H368701" s="12"/>
    </row>
    <row r="368702" spans="8:8">
      <c r="H368702" s="12"/>
    </row>
    <row r="368703" spans="8:8">
      <c r="H368703" s="12"/>
    </row>
    <row r="368704" spans="8:8">
      <c r="H368704" s="12"/>
    </row>
    <row r="368705" spans="8:8">
      <c r="H368705" s="12"/>
    </row>
    <row r="368706" spans="8:8">
      <c r="H368706" s="12"/>
    </row>
    <row r="368707" spans="8:8">
      <c r="H368707" s="12"/>
    </row>
    <row r="368708" spans="8:8">
      <c r="H368708" s="12"/>
    </row>
    <row r="368709" spans="8:8">
      <c r="H368709" s="12"/>
    </row>
    <row r="368710" spans="8:8">
      <c r="H368710" s="12"/>
    </row>
    <row r="368711" spans="8:8">
      <c r="H368711" s="12"/>
    </row>
    <row r="368712" spans="8:8">
      <c r="H368712" s="12"/>
    </row>
    <row r="368713" spans="8:8">
      <c r="H368713" s="12"/>
    </row>
    <row r="368714" spans="8:8">
      <c r="H368714" s="12"/>
    </row>
    <row r="368715" spans="8:8">
      <c r="H368715" s="12"/>
    </row>
    <row r="368716" spans="8:8">
      <c r="H368716" s="12"/>
    </row>
    <row r="368717" spans="8:8">
      <c r="H368717" s="12"/>
    </row>
    <row r="368718" spans="8:8">
      <c r="H368718" s="12"/>
    </row>
    <row r="368719" spans="8:8">
      <c r="H368719" s="12"/>
    </row>
    <row r="368720" spans="8:8">
      <c r="H368720" s="12"/>
    </row>
    <row r="368721" spans="8:8">
      <c r="H368721" s="12"/>
    </row>
    <row r="368722" spans="8:8">
      <c r="H368722" s="12"/>
    </row>
    <row r="368723" spans="8:8">
      <c r="H368723" s="12"/>
    </row>
    <row r="368724" spans="8:8">
      <c r="H368724" s="12"/>
    </row>
    <row r="368725" spans="8:8">
      <c r="H368725" s="12"/>
    </row>
    <row r="368726" spans="8:8">
      <c r="H368726" s="12"/>
    </row>
    <row r="368727" spans="8:8">
      <c r="H368727" s="12"/>
    </row>
    <row r="368728" spans="8:8">
      <c r="H368728" s="12"/>
    </row>
    <row r="368729" spans="8:8">
      <c r="H368729" s="12"/>
    </row>
    <row r="368730" spans="8:8">
      <c r="H368730" s="12"/>
    </row>
    <row r="368731" spans="8:8">
      <c r="H368731" s="12"/>
    </row>
    <row r="368732" spans="8:8">
      <c r="H368732" s="12"/>
    </row>
    <row r="368733" spans="8:8">
      <c r="H368733" s="12"/>
    </row>
    <row r="368734" spans="8:8">
      <c r="H368734" s="12"/>
    </row>
    <row r="368735" spans="8:8">
      <c r="H368735" s="12"/>
    </row>
    <row r="368736" spans="8:8">
      <c r="H368736" s="12"/>
    </row>
    <row r="368737" spans="8:8">
      <c r="H368737" s="12"/>
    </row>
    <row r="368738" spans="8:8">
      <c r="H368738" s="12"/>
    </row>
    <row r="368739" spans="8:8">
      <c r="H368739" s="12"/>
    </row>
    <row r="368740" spans="8:8">
      <c r="H368740" s="12"/>
    </row>
    <row r="368741" spans="8:8">
      <c r="H368741" s="12"/>
    </row>
    <row r="368742" spans="8:8">
      <c r="H368742" s="12"/>
    </row>
    <row r="368743" spans="8:8">
      <c r="H368743" s="12"/>
    </row>
    <row r="368744" spans="8:8">
      <c r="H368744" s="12"/>
    </row>
    <row r="368745" spans="8:8">
      <c r="H368745" s="12"/>
    </row>
    <row r="368746" spans="8:8">
      <c r="H368746" s="12"/>
    </row>
    <row r="368747" spans="8:8">
      <c r="H368747" s="12"/>
    </row>
    <row r="368748" spans="8:8">
      <c r="H368748" s="12"/>
    </row>
    <row r="368749" spans="8:8">
      <c r="H368749" s="12"/>
    </row>
    <row r="368750" spans="8:8">
      <c r="H368750" s="12"/>
    </row>
    <row r="368751" spans="8:8">
      <c r="H368751" s="12"/>
    </row>
    <row r="368752" spans="8:8">
      <c r="H368752" s="12"/>
    </row>
    <row r="368753" spans="8:8">
      <c r="H368753" s="12"/>
    </row>
    <row r="368754" spans="8:8">
      <c r="H368754" s="12"/>
    </row>
    <row r="368755" spans="8:8">
      <c r="H368755" s="12"/>
    </row>
    <row r="368756" spans="8:8">
      <c r="H368756" s="12"/>
    </row>
    <row r="368757" spans="8:8">
      <c r="H368757" s="12"/>
    </row>
    <row r="368758" spans="8:8">
      <c r="H368758" s="12"/>
    </row>
    <row r="368759" spans="8:8">
      <c r="H368759" s="12"/>
    </row>
    <row r="368760" spans="8:8">
      <c r="H368760" s="12"/>
    </row>
    <row r="368761" spans="8:8">
      <c r="H368761" s="12"/>
    </row>
    <row r="368762" spans="8:8">
      <c r="H368762" s="12"/>
    </row>
    <row r="368763" spans="8:8">
      <c r="H368763" s="12"/>
    </row>
    <row r="368764" spans="8:8">
      <c r="H368764" s="12"/>
    </row>
    <row r="368765" spans="8:8">
      <c r="H368765" s="12"/>
    </row>
    <row r="368766" spans="8:8">
      <c r="H368766" s="12"/>
    </row>
    <row r="368767" spans="8:8">
      <c r="H368767" s="12"/>
    </row>
    <row r="368768" spans="8:8">
      <c r="H368768" s="12"/>
    </row>
    <row r="368769" spans="8:8">
      <c r="H368769" s="12"/>
    </row>
    <row r="368770" spans="8:8">
      <c r="H368770" s="12"/>
    </row>
    <row r="368771" spans="8:8">
      <c r="H368771" s="12"/>
    </row>
    <row r="368772" spans="8:8">
      <c r="H368772" s="12"/>
    </row>
    <row r="368773" spans="8:8">
      <c r="H368773" s="12"/>
    </row>
    <row r="368774" spans="8:8">
      <c r="H368774" s="12"/>
    </row>
    <row r="368775" spans="8:8">
      <c r="H368775" s="12"/>
    </row>
    <row r="368776" spans="8:8">
      <c r="H368776" s="12"/>
    </row>
    <row r="368777" spans="8:8">
      <c r="H368777" s="12"/>
    </row>
    <row r="368778" spans="8:8">
      <c r="H368778" s="12"/>
    </row>
    <row r="368779" spans="8:8">
      <c r="H368779" s="12"/>
    </row>
    <row r="368780" spans="8:8">
      <c r="H368780" s="12"/>
    </row>
    <row r="368781" spans="8:8">
      <c r="H368781" s="12"/>
    </row>
    <row r="368782" spans="8:8">
      <c r="H368782" s="12"/>
    </row>
    <row r="368783" spans="8:8">
      <c r="H368783" s="12"/>
    </row>
    <row r="368784" spans="8:8">
      <c r="H368784" s="12"/>
    </row>
    <row r="368785" spans="8:8">
      <c r="H368785" s="12"/>
    </row>
    <row r="368786" spans="8:8">
      <c r="H368786" s="12"/>
    </row>
    <row r="368787" spans="8:8">
      <c r="H368787" s="12"/>
    </row>
    <row r="368788" spans="8:8">
      <c r="H368788" s="12"/>
    </row>
    <row r="368789" spans="8:8">
      <c r="H368789" s="12"/>
    </row>
    <row r="368790" spans="8:8">
      <c r="H368790" s="12"/>
    </row>
    <row r="368791" spans="8:8">
      <c r="H368791" s="12"/>
    </row>
    <row r="368792" spans="8:8">
      <c r="H368792" s="12"/>
    </row>
    <row r="368793" spans="8:8">
      <c r="H368793" s="12"/>
    </row>
    <row r="368794" spans="8:8">
      <c r="H368794" s="12"/>
    </row>
    <row r="368795" spans="8:8">
      <c r="H368795" s="12"/>
    </row>
    <row r="368796" spans="8:8">
      <c r="H368796" s="12"/>
    </row>
    <row r="368797" spans="8:8">
      <c r="H368797" s="12"/>
    </row>
    <row r="368798" spans="8:8">
      <c r="H368798" s="12"/>
    </row>
    <row r="368799" spans="8:8">
      <c r="H368799" s="12"/>
    </row>
    <row r="368800" spans="8:8">
      <c r="H368800" s="12"/>
    </row>
    <row r="368801" spans="8:8">
      <c r="H368801" s="12"/>
    </row>
    <row r="368802" spans="8:8">
      <c r="H368802" s="12"/>
    </row>
    <row r="368803" spans="8:8">
      <c r="H368803" s="12"/>
    </row>
    <row r="368804" spans="8:8">
      <c r="H368804" s="12"/>
    </row>
    <row r="368805" spans="8:8">
      <c r="H368805" s="12"/>
    </row>
    <row r="368806" spans="8:8">
      <c r="H368806" s="12"/>
    </row>
    <row r="368807" spans="8:8">
      <c r="H368807" s="12"/>
    </row>
    <row r="368808" spans="8:8">
      <c r="H368808" s="12"/>
    </row>
    <row r="368809" spans="8:8">
      <c r="H368809" s="12"/>
    </row>
    <row r="368810" spans="8:8">
      <c r="H368810" s="12"/>
    </row>
    <row r="368811" spans="8:8">
      <c r="H368811" s="12"/>
    </row>
    <row r="368812" spans="8:8">
      <c r="H368812" s="12"/>
    </row>
    <row r="368813" spans="8:8">
      <c r="H368813" s="12"/>
    </row>
    <row r="368814" spans="8:8">
      <c r="H368814" s="12"/>
    </row>
    <row r="368815" spans="8:8">
      <c r="H368815" s="12"/>
    </row>
    <row r="368816" spans="8:8">
      <c r="H368816" s="12"/>
    </row>
    <row r="368817" spans="8:8">
      <c r="H368817" s="12"/>
    </row>
    <row r="368818" spans="8:8">
      <c r="H368818" s="12"/>
    </row>
    <row r="368819" spans="8:8">
      <c r="H368819" s="12"/>
    </row>
    <row r="368820" spans="8:8">
      <c r="H368820" s="12"/>
    </row>
    <row r="368821" spans="8:8">
      <c r="H368821" s="12"/>
    </row>
    <row r="368822" spans="8:8">
      <c r="H368822" s="12"/>
    </row>
    <row r="368823" spans="8:8">
      <c r="H368823" s="12"/>
    </row>
    <row r="368824" spans="8:8">
      <c r="H368824" s="12"/>
    </row>
    <row r="368825" spans="8:8">
      <c r="H368825" s="12"/>
    </row>
    <row r="368826" spans="8:8">
      <c r="H368826" s="12"/>
    </row>
    <row r="368827" spans="8:8">
      <c r="H368827" s="12"/>
    </row>
    <row r="368828" spans="8:8">
      <c r="H368828" s="12"/>
    </row>
    <row r="368829" spans="8:8">
      <c r="H368829" s="12"/>
    </row>
    <row r="368830" spans="8:8">
      <c r="H368830" s="12"/>
    </row>
    <row r="368831" spans="8:8">
      <c r="H368831" s="12"/>
    </row>
    <row r="368832" spans="8:8">
      <c r="H368832" s="12"/>
    </row>
    <row r="368833" spans="8:8">
      <c r="H368833" s="12"/>
    </row>
    <row r="368834" spans="8:8">
      <c r="H368834" s="12"/>
    </row>
    <row r="368835" spans="8:8">
      <c r="H368835" s="12"/>
    </row>
    <row r="368836" spans="8:8">
      <c r="H368836" s="12"/>
    </row>
    <row r="368837" spans="8:8">
      <c r="H368837" s="12"/>
    </row>
    <row r="368838" spans="8:8">
      <c r="H368838" s="12"/>
    </row>
    <row r="368839" spans="8:8">
      <c r="H368839" s="12"/>
    </row>
    <row r="368840" spans="8:8">
      <c r="H368840" s="12"/>
    </row>
    <row r="368841" spans="8:8">
      <c r="H368841" s="12"/>
    </row>
    <row r="368842" spans="8:8">
      <c r="H368842" s="12"/>
    </row>
    <row r="368843" spans="8:8">
      <c r="H368843" s="12"/>
    </row>
    <row r="368844" spans="8:8">
      <c r="H368844" s="12"/>
    </row>
    <row r="368845" spans="8:8">
      <c r="H368845" s="12"/>
    </row>
    <row r="368846" spans="8:8">
      <c r="H368846" s="12"/>
    </row>
    <row r="368847" spans="8:8">
      <c r="H368847" s="12"/>
    </row>
    <row r="368848" spans="8:8">
      <c r="H368848" s="12"/>
    </row>
    <row r="368849" spans="8:8">
      <c r="H368849" s="12"/>
    </row>
    <row r="368850" spans="8:8">
      <c r="H368850" s="12"/>
    </row>
    <row r="368851" spans="8:8">
      <c r="H368851" s="12"/>
    </row>
    <row r="368852" spans="8:8">
      <c r="H368852" s="12"/>
    </row>
    <row r="368853" spans="8:8">
      <c r="H368853" s="12"/>
    </row>
    <row r="368854" spans="8:8">
      <c r="H368854" s="12"/>
    </row>
    <row r="368855" spans="8:8">
      <c r="H368855" s="12"/>
    </row>
    <row r="368856" spans="8:8">
      <c r="H368856" s="12"/>
    </row>
    <row r="368857" spans="8:8">
      <c r="H368857" s="12"/>
    </row>
    <row r="368858" spans="8:8">
      <c r="H368858" s="12"/>
    </row>
    <row r="368859" spans="8:8">
      <c r="H368859" s="12"/>
    </row>
    <row r="368860" spans="8:8">
      <c r="H368860" s="12"/>
    </row>
    <row r="368861" spans="8:8">
      <c r="H368861" s="12"/>
    </row>
    <row r="368862" spans="8:8">
      <c r="H368862" s="12"/>
    </row>
    <row r="368863" spans="8:8">
      <c r="H368863" s="12"/>
    </row>
    <row r="368864" spans="8:8">
      <c r="H368864" s="12"/>
    </row>
    <row r="368865" spans="8:8">
      <c r="H368865" s="12"/>
    </row>
    <row r="368866" spans="8:8">
      <c r="H368866" s="12"/>
    </row>
    <row r="368867" spans="8:8">
      <c r="H368867" s="12"/>
    </row>
    <row r="368868" spans="8:8">
      <c r="H368868" s="12"/>
    </row>
    <row r="368869" spans="8:8">
      <c r="H368869" s="12"/>
    </row>
    <row r="368870" spans="8:8">
      <c r="H368870" s="12"/>
    </row>
    <row r="368871" spans="8:8">
      <c r="H368871" s="12"/>
    </row>
    <row r="368872" spans="8:8">
      <c r="H368872" s="12"/>
    </row>
    <row r="368873" spans="8:8">
      <c r="H368873" s="12"/>
    </row>
    <row r="368874" spans="8:8">
      <c r="H368874" s="12"/>
    </row>
    <row r="368875" spans="8:8">
      <c r="H368875" s="12"/>
    </row>
    <row r="368876" spans="8:8">
      <c r="H368876" s="12"/>
    </row>
    <row r="368877" spans="8:8">
      <c r="H368877" s="12"/>
    </row>
    <row r="368878" spans="8:8">
      <c r="H368878" s="12"/>
    </row>
    <row r="368879" spans="8:8">
      <c r="H368879" s="12"/>
    </row>
    <row r="368880" spans="8:8">
      <c r="H368880" s="12"/>
    </row>
    <row r="368881" spans="8:8">
      <c r="H368881" s="12"/>
    </row>
    <row r="368882" spans="8:8">
      <c r="H368882" s="12"/>
    </row>
    <row r="368883" spans="8:8">
      <c r="H368883" s="12"/>
    </row>
    <row r="368884" spans="8:8">
      <c r="H368884" s="12"/>
    </row>
    <row r="368885" spans="8:8">
      <c r="H368885" s="12"/>
    </row>
    <row r="368886" spans="8:8">
      <c r="H368886" s="12"/>
    </row>
    <row r="368887" spans="8:8">
      <c r="H368887" s="12"/>
    </row>
    <row r="368888" spans="8:8">
      <c r="H368888" s="12"/>
    </row>
    <row r="368889" spans="8:8">
      <c r="H368889" s="12"/>
    </row>
    <row r="368890" spans="8:8">
      <c r="H368890" s="12"/>
    </row>
    <row r="368891" spans="8:8">
      <c r="H368891" s="12"/>
    </row>
    <row r="368892" spans="8:8">
      <c r="H368892" s="12"/>
    </row>
    <row r="368893" spans="8:8">
      <c r="H368893" s="12"/>
    </row>
    <row r="368894" spans="8:8">
      <c r="H368894" s="12"/>
    </row>
    <row r="368895" spans="8:8">
      <c r="H368895" s="12"/>
    </row>
    <row r="368896" spans="8:8">
      <c r="H368896" s="12"/>
    </row>
    <row r="368897" spans="8:8">
      <c r="H368897" s="12"/>
    </row>
    <row r="368898" spans="8:8">
      <c r="H368898" s="12"/>
    </row>
    <row r="368899" spans="8:8">
      <c r="H368899" s="12"/>
    </row>
    <row r="368900" spans="8:8">
      <c r="H368900" s="12"/>
    </row>
    <row r="368901" spans="8:8">
      <c r="H368901" s="12"/>
    </row>
    <row r="368902" spans="8:8">
      <c r="H368902" s="12"/>
    </row>
    <row r="368903" spans="8:8">
      <c r="H368903" s="12"/>
    </row>
    <row r="368904" spans="8:8">
      <c r="H368904" s="12"/>
    </row>
    <row r="368905" spans="8:8">
      <c r="H368905" s="12"/>
    </row>
    <row r="368906" spans="8:8">
      <c r="H368906" s="12"/>
    </row>
    <row r="368907" spans="8:8">
      <c r="H368907" s="12"/>
    </row>
    <row r="368908" spans="8:8">
      <c r="H368908" s="12"/>
    </row>
    <row r="368909" spans="8:8">
      <c r="H368909" s="12"/>
    </row>
    <row r="368910" spans="8:8">
      <c r="H368910" s="12"/>
    </row>
    <row r="368911" spans="8:8">
      <c r="H368911" s="12"/>
    </row>
    <row r="368912" spans="8:8">
      <c r="H368912" s="12"/>
    </row>
    <row r="368913" spans="8:8">
      <c r="H368913" s="12"/>
    </row>
    <row r="368914" spans="8:8">
      <c r="H368914" s="12"/>
    </row>
    <row r="368915" spans="8:8">
      <c r="H368915" s="12"/>
    </row>
    <row r="368916" spans="8:8">
      <c r="H368916" s="12"/>
    </row>
    <row r="368917" spans="8:8">
      <c r="H368917" s="12"/>
    </row>
    <row r="368918" spans="8:8">
      <c r="H368918" s="12"/>
    </row>
    <row r="368919" spans="8:8">
      <c r="H368919" s="12"/>
    </row>
    <row r="368920" spans="8:8">
      <c r="H368920" s="12"/>
    </row>
    <row r="368921" spans="8:8">
      <c r="H368921" s="12"/>
    </row>
    <row r="368922" spans="8:8">
      <c r="H368922" s="12"/>
    </row>
    <row r="368923" spans="8:8">
      <c r="H368923" s="12"/>
    </row>
    <row r="368924" spans="8:8">
      <c r="H368924" s="12"/>
    </row>
    <row r="368925" spans="8:8">
      <c r="H368925" s="12"/>
    </row>
    <row r="368926" spans="8:8">
      <c r="H368926" s="12"/>
    </row>
    <row r="368927" spans="8:8">
      <c r="H368927" s="12"/>
    </row>
    <row r="368928" spans="8:8">
      <c r="H368928" s="12"/>
    </row>
    <row r="368929" spans="8:8">
      <c r="H368929" s="12"/>
    </row>
    <row r="368930" spans="8:8">
      <c r="H368930" s="12"/>
    </row>
    <row r="368931" spans="8:8">
      <c r="H368931" s="12"/>
    </row>
    <row r="368932" spans="8:8">
      <c r="H368932" s="12"/>
    </row>
    <row r="368933" spans="8:8">
      <c r="H368933" s="12"/>
    </row>
    <row r="368934" spans="8:8">
      <c r="H368934" s="12"/>
    </row>
    <row r="368935" spans="8:8">
      <c r="H368935" s="12"/>
    </row>
    <row r="368936" spans="8:8">
      <c r="H368936" s="12"/>
    </row>
    <row r="368937" spans="8:8">
      <c r="H368937" s="12"/>
    </row>
    <row r="368938" spans="8:8">
      <c r="H368938" s="12"/>
    </row>
    <row r="368939" spans="8:8">
      <c r="H368939" s="12"/>
    </row>
    <row r="368940" spans="8:8">
      <c r="H368940" s="12"/>
    </row>
    <row r="368941" spans="8:8">
      <c r="H368941" s="12"/>
    </row>
    <row r="368942" spans="8:8">
      <c r="H368942" s="12"/>
    </row>
    <row r="368943" spans="8:8">
      <c r="H368943" s="12"/>
    </row>
    <row r="368944" spans="8:8">
      <c r="H368944" s="12"/>
    </row>
    <row r="368945" spans="8:8">
      <c r="H368945" s="12"/>
    </row>
    <row r="368946" spans="8:8">
      <c r="H368946" s="12"/>
    </row>
    <row r="368947" spans="8:8">
      <c r="H368947" s="12"/>
    </row>
    <row r="368948" spans="8:8">
      <c r="H368948" s="12"/>
    </row>
    <row r="368949" spans="8:8">
      <c r="H368949" s="12"/>
    </row>
    <row r="368950" spans="8:8">
      <c r="H368950" s="12"/>
    </row>
    <row r="368951" spans="8:8">
      <c r="H368951" s="12"/>
    </row>
    <row r="368952" spans="8:8">
      <c r="H368952" s="12"/>
    </row>
    <row r="368953" spans="8:8">
      <c r="H368953" s="12"/>
    </row>
    <row r="368954" spans="8:8">
      <c r="H368954" s="12"/>
    </row>
    <row r="368955" spans="8:8">
      <c r="H368955" s="12"/>
    </row>
    <row r="368956" spans="8:8">
      <c r="H368956" s="12"/>
    </row>
    <row r="368957" spans="8:8">
      <c r="H368957" s="12"/>
    </row>
    <row r="368958" spans="8:8">
      <c r="H368958" s="12"/>
    </row>
    <row r="368959" spans="8:8">
      <c r="H368959" s="12"/>
    </row>
    <row r="368960" spans="8:8">
      <c r="H368960" s="12"/>
    </row>
    <row r="368961" spans="8:8">
      <c r="H368961" s="12"/>
    </row>
    <row r="368962" spans="8:8">
      <c r="H368962" s="12"/>
    </row>
    <row r="368963" spans="8:8">
      <c r="H368963" s="12"/>
    </row>
    <row r="368964" spans="8:8">
      <c r="H368964" s="12"/>
    </row>
    <row r="368965" spans="8:8">
      <c r="H368965" s="12"/>
    </row>
    <row r="368966" spans="8:8">
      <c r="H368966" s="12"/>
    </row>
    <row r="368967" spans="8:8">
      <c r="H368967" s="12"/>
    </row>
    <row r="368968" spans="8:8">
      <c r="H368968" s="12"/>
    </row>
    <row r="368969" spans="8:8">
      <c r="H368969" s="12"/>
    </row>
    <row r="368970" spans="8:8">
      <c r="H368970" s="12"/>
    </row>
    <row r="368971" spans="8:8">
      <c r="H368971" s="12"/>
    </row>
    <row r="368972" spans="8:8">
      <c r="H368972" s="12"/>
    </row>
    <row r="368973" spans="8:8">
      <c r="H368973" s="12"/>
    </row>
    <row r="368974" spans="8:8">
      <c r="H368974" s="12"/>
    </row>
    <row r="368975" spans="8:8">
      <c r="H368975" s="12"/>
    </row>
    <row r="368976" spans="8:8">
      <c r="H368976" s="12"/>
    </row>
    <row r="368977" spans="8:8">
      <c r="H368977" s="12"/>
    </row>
    <row r="368978" spans="8:8">
      <c r="H368978" s="12"/>
    </row>
    <row r="368979" spans="8:8">
      <c r="H368979" s="12"/>
    </row>
    <row r="368980" spans="8:8">
      <c r="H368980" s="12"/>
    </row>
    <row r="368981" spans="8:8">
      <c r="H368981" s="12"/>
    </row>
    <row r="368982" spans="8:8">
      <c r="H368982" s="12"/>
    </row>
    <row r="368983" spans="8:8">
      <c r="H368983" s="12"/>
    </row>
    <row r="368984" spans="8:8">
      <c r="H368984" s="12"/>
    </row>
    <row r="368985" spans="8:8">
      <c r="H368985" s="12"/>
    </row>
    <row r="368986" spans="8:8">
      <c r="H368986" s="12"/>
    </row>
    <row r="368987" spans="8:8">
      <c r="H368987" s="12"/>
    </row>
    <row r="368988" spans="8:8">
      <c r="H368988" s="12"/>
    </row>
    <row r="368989" spans="8:8">
      <c r="H368989" s="12"/>
    </row>
    <row r="368990" spans="8:8">
      <c r="H368990" s="12"/>
    </row>
    <row r="368991" spans="8:8">
      <c r="H368991" s="12"/>
    </row>
    <row r="368992" spans="8:8">
      <c r="H368992" s="12"/>
    </row>
    <row r="368993" spans="8:8">
      <c r="H368993" s="12"/>
    </row>
    <row r="368994" spans="8:8">
      <c r="H368994" s="12"/>
    </row>
    <row r="368995" spans="8:8">
      <c r="H368995" s="12"/>
    </row>
    <row r="368996" spans="8:8">
      <c r="H368996" s="12"/>
    </row>
    <row r="368997" spans="8:8">
      <c r="H368997" s="12"/>
    </row>
    <row r="368998" spans="8:8">
      <c r="H368998" s="12"/>
    </row>
    <row r="368999" spans="8:8">
      <c r="H368999" s="12"/>
    </row>
    <row r="369000" spans="8:8">
      <c r="H369000" s="12"/>
    </row>
    <row r="369001" spans="8:8">
      <c r="H369001" s="12"/>
    </row>
    <row r="369002" spans="8:8">
      <c r="H369002" s="12"/>
    </row>
    <row r="369003" spans="8:8">
      <c r="H369003" s="12"/>
    </row>
    <row r="369004" spans="8:8">
      <c r="H369004" s="12"/>
    </row>
    <row r="369005" spans="8:8">
      <c r="H369005" s="12"/>
    </row>
    <row r="369006" spans="8:8">
      <c r="H369006" s="12"/>
    </row>
    <row r="369007" spans="8:8">
      <c r="H369007" s="12"/>
    </row>
    <row r="369008" spans="8:8">
      <c r="H369008" s="12"/>
    </row>
    <row r="369009" spans="8:8">
      <c r="H369009" s="12"/>
    </row>
    <row r="369010" spans="8:8">
      <c r="H369010" s="12"/>
    </row>
    <row r="369011" spans="8:8">
      <c r="H369011" s="12"/>
    </row>
    <row r="369012" spans="8:8">
      <c r="H369012" s="12"/>
    </row>
    <row r="369013" spans="8:8">
      <c r="H369013" s="12"/>
    </row>
    <row r="369014" spans="8:8">
      <c r="H369014" s="12"/>
    </row>
    <row r="369015" spans="8:8">
      <c r="H369015" s="12"/>
    </row>
    <row r="369016" spans="8:8">
      <c r="H369016" s="12"/>
    </row>
    <row r="369017" spans="8:8">
      <c r="H369017" s="12"/>
    </row>
    <row r="369018" spans="8:8">
      <c r="H369018" s="12"/>
    </row>
    <row r="369019" spans="8:8">
      <c r="H369019" s="12"/>
    </row>
    <row r="369020" spans="8:8">
      <c r="H369020" s="12"/>
    </row>
    <row r="369021" spans="8:8">
      <c r="H369021" s="12"/>
    </row>
    <row r="369022" spans="8:8">
      <c r="H369022" s="12"/>
    </row>
    <row r="369023" spans="8:8">
      <c r="H369023" s="12"/>
    </row>
    <row r="369024" spans="8:8">
      <c r="H369024" s="12"/>
    </row>
    <row r="369025" spans="8:8">
      <c r="H369025" s="12"/>
    </row>
    <row r="369026" spans="8:8">
      <c r="H369026" s="12"/>
    </row>
    <row r="369027" spans="8:8">
      <c r="H369027" s="12"/>
    </row>
    <row r="369028" spans="8:8">
      <c r="H369028" s="12"/>
    </row>
    <row r="369029" spans="8:8">
      <c r="H369029" s="12"/>
    </row>
    <row r="369030" spans="8:8">
      <c r="H369030" s="12"/>
    </row>
    <row r="369031" spans="8:8">
      <c r="H369031" s="12"/>
    </row>
    <row r="369032" spans="8:8">
      <c r="H369032" s="12"/>
    </row>
    <row r="369033" spans="8:8">
      <c r="H369033" s="12"/>
    </row>
    <row r="369034" spans="8:8">
      <c r="H369034" s="12"/>
    </row>
    <row r="369035" spans="8:8">
      <c r="H369035" s="12"/>
    </row>
    <row r="369036" spans="8:8">
      <c r="H369036" s="12"/>
    </row>
    <row r="369037" spans="8:8">
      <c r="H369037" s="12"/>
    </row>
    <row r="369038" spans="8:8">
      <c r="H369038" s="12"/>
    </row>
    <row r="369039" spans="8:8">
      <c r="H369039" s="12"/>
    </row>
    <row r="369040" spans="8:8">
      <c r="H369040" s="12"/>
    </row>
    <row r="369041" spans="8:8">
      <c r="H369041" s="12"/>
    </row>
    <row r="369042" spans="8:8">
      <c r="H369042" s="12"/>
    </row>
    <row r="369043" spans="8:8">
      <c r="H369043" s="12"/>
    </row>
    <row r="369044" spans="8:8">
      <c r="H369044" s="12"/>
    </row>
    <row r="369045" spans="8:8">
      <c r="H369045" s="12"/>
    </row>
    <row r="369046" spans="8:8">
      <c r="H369046" s="12"/>
    </row>
    <row r="369047" spans="8:8">
      <c r="H369047" s="12"/>
    </row>
    <row r="369048" spans="8:8">
      <c r="H369048" s="12"/>
    </row>
    <row r="369049" spans="8:8">
      <c r="H369049" s="12"/>
    </row>
    <row r="369050" spans="8:8">
      <c r="H369050" s="12"/>
    </row>
    <row r="369051" spans="8:8">
      <c r="H369051" s="12"/>
    </row>
    <row r="369052" spans="8:8">
      <c r="H369052" s="12"/>
    </row>
    <row r="369053" spans="8:8">
      <c r="H369053" s="12"/>
    </row>
    <row r="369054" spans="8:8">
      <c r="H369054" s="12"/>
    </row>
    <row r="369055" spans="8:8">
      <c r="H369055" s="12"/>
    </row>
    <row r="369056" spans="8:8">
      <c r="H369056" s="12"/>
    </row>
    <row r="369057" spans="8:8">
      <c r="H369057" s="12"/>
    </row>
    <row r="369058" spans="8:8">
      <c r="H369058" s="12"/>
    </row>
    <row r="369059" spans="8:8">
      <c r="H369059" s="12"/>
    </row>
    <row r="369060" spans="8:8">
      <c r="H369060" s="12"/>
    </row>
    <row r="369061" spans="8:8">
      <c r="H369061" s="12"/>
    </row>
    <row r="369062" spans="8:8">
      <c r="H369062" s="12"/>
    </row>
    <row r="369063" spans="8:8">
      <c r="H369063" s="12"/>
    </row>
    <row r="369064" spans="8:8">
      <c r="H369064" s="12"/>
    </row>
    <row r="369065" spans="8:8">
      <c r="H369065" s="12"/>
    </row>
    <row r="369066" spans="8:8">
      <c r="H369066" s="12"/>
    </row>
    <row r="369067" spans="8:8">
      <c r="H369067" s="12"/>
    </row>
    <row r="369068" spans="8:8">
      <c r="H369068" s="12"/>
    </row>
    <row r="369069" spans="8:8">
      <c r="H369069" s="12"/>
    </row>
    <row r="369070" spans="8:8">
      <c r="H369070" s="12"/>
    </row>
    <row r="369071" spans="8:8">
      <c r="H369071" s="12"/>
    </row>
    <row r="369072" spans="8:8">
      <c r="H369072" s="12"/>
    </row>
    <row r="369073" spans="8:8">
      <c r="H369073" s="12"/>
    </row>
    <row r="369074" spans="8:8">
      <c r="H369074" s="12"/>
    </row>
    <row r="369075" spans="8:8">
      <c r="H369075" s="12"/>
    </row>
    <row r="369076" spans="8:8">
      <c r="H369076" s="12"/>
    </row>
    <row r="369077" spans="8:8">
      <c r="H369077" s="12"/>
    </row>
    <row r="369078" spans="8:8">
      <c r="H369078" s="12"/>
    </row>
    <row r="369079" spans="8:8">
      <c r="H369079" s="12"/>
    </row>
    <row r="369080" spans="8:8">
      <c r="H369080" s="12"/>
    </row>
    <row r="369081" spans="8:8">
      <c r="H369081" s="12"/>
    </row>
    <row r="369082" spans="8:8">
      <c r="H369082" s="12"/>
    </row>
    <row r="369083" spans="8:8">
      <c r="H369083" s="12"/>
    </row>
    <row r="369084" spans="8:8">
      <c r="H369084" s="12"/>
    </row>
    <row r="369085" spans="8:8">
      <c r="H369085" s="12"/>
    </row>
    <row r="369086" spans="8:8">
      <c r="H369086" s="12"/>
    </row>
    <row r="369087" spans="8:8">
      <c r="H369087" s="12"/>
    </row>
    <row r="369088" spans="8:8">
      <c r="H369088" s="12"/>
    </row>
    <row r="369089" spans="8:8">
      <c r="H369089" s="12"/>
    </row>
    <row r="369090" spans="8:8">
      <c r="H369090" s="12"/>
    </row>
    <row r="369091" spans="8:8">
      <c r="H369091" s="12"/>
    </row>
    <row r="369092" spans="8:8">
      <c r="H369092" s="12"/>
    </row>
    <row r="369093" spans="8:8">
      <c r="H369093" s="12"/>
    </row>
    <row r="369094" spans="8:8">
      <c r="H369094" s="12"/>
    </row>
    <row r="369095" spans="8:8">
      <c r="H369095" s="12"/>
    </row>
    <row r="369096" spans="8:8">
      <c r="H369096" s="12"/>
    </row>
    <row r="369097" spans="8:8">
      <c r="H369097" s="12"/>
    </row>
    <row r="369098" spans="8:8">
      <c r="H369098" s="12"/>
    </row>
    <row r="369099" spans="8:8">
      <c r="H369099" s="12"/>
    </row>
    <row r="369100" spans="8:8">
      <c r="H369100" s="12"/>
    </row>
    <row r="369101" spans="8:8">
      <c r="H369101" s="12"/>
    </row>
    <row r="369102" spans="8:8">
      <c r="H369102" s="12"/>
    </row>
    <row r="369103" spans="8:8">
      <c r="H369103" s="12"/>
    </row>
    <row r="369104" spans="8:8">
      <c r="H369104" s="12"/>
    </row>
    <row r="369105" spans="8:8">
      <c r="H369105" s="12"/>
    </row>
    <row r="369106" spans="8:8">
      <c r="H369106" s="12"/>
    </row>
    <row r="369107" spans="8:8">
      <c r="H369107" s="12"/>
    </row>
    <row r="369108" spans="8:8">
      <c r="H369108" s="12"/>
    </row>
    <row r="369109" spans="8:8">
      <c r="H369109" s="12"/>
    </row>
    <row r="369110" spans="8:8">
      <c r="H369110" s="12"/>
    </row>
    <row r="369111" spans="8:8">
      <c r="H369111" s="12"/>
    </row>
    <row r="369112" spans="8:8">
      <c r="H369112" s="12"/>
    </row>
    <row r="369113" spans="8:8">
      <c r="H369113" s="12"/>
    </row>
    <row r="369114" spans="8:8">
      <c r="H369114" s="12"/>
    </row>
    <row r="369115" spans="8:8">
      <c r="H369115" s="12"/>
    </row>
    <row r="369116" spans="8:8">
      <c r="H369116" s="12"/>
    </row>
    <row r="369117" spans="8:8">
      <c r="H369117" s="12"/>
    </row>
    <row r="369118" spans="8:8">
      <c r="H369118" s="12"/>
    </row>
    <row r="369119" spans="8:8">
      <c r="H369119" s="12"/>
    </row>
    <row r="369120" spans="8:8">
      <c r="H369120" s="12"/>
    </row>
    <row r="369121" spans="8:8">
      <c r="H369121" s="12"/>
    </row>
    <row r="369122" spans="8:8">
      <c r="H369122" s="12"/>
    </row>
    <row r="369123" spans="8:8">
      <c r="H369123" s="12"/>
    </row>
    <row r="369124" spans="8:8">
      <c r="H369124" s="12"/>
    </row>
    <row r="369125" spans="8:8">
      <c r="H369125" s="12"/>
    </row>
    <row r="369126" spans="8:8">
      <c r="H369126" s="12"/>
    </row>
    <row r="369127" spans="8:8">
      <c r="H369127" s="12"/>
    </row>
    <row r="369128" spans="8:8">
      <c r="H369128" s="12"/>
    </row>
    <row r="369129" spans="8:8">
      <c r="H369129" s="12"/>
    </row>
    <row r="369130" spans="8:8">
      <c r="H369130" s="12"/>
    </row>
    <row r="369131" spans="8:8">
      <c r="H369131" s="12"/>
    </row>
    <row r="369132" spans="8:8">
      <c r="H369132" s="12"/>
    </row>
    <row r="369133" spans="8:8">
      <c r="H369133" s="12"/>
    </row>
    <row r="369134" spans="8:8">
      <c r="H369134" s="12"/>
    </row>
    <row r="369135" spans="8:8">
      <c r="H369135" s="12"/>
    </row>
    <row r="369136" spans="8:8">
      <c r="H369136" s="12"/>
    </row>
    <row r="369137" spans="8:8">
      <c r="H369137" s="12"/>
    </row>
    <row r="369138" spans="8:8">
      <c r="H369138" s="12"/>
    </row>
    <row r="369139" spans="8:8">
      <c r="H369139" s="12"/>
    </row>
    <row r="369140" spans="8:8">
      <c r="H369140" s="12"/>
    </row>
    <row r="369141" spans="8:8">
      <c r="H369141" s="12"/>
    </row>
    <row r="369142" spans="8:8">
      <c r="H369142" s="12"/>
    </row>
    <row r="369143" spans="8:8">
      <c r="H369143" s="12"/>
    </row>
    <row r="369144" spans="8:8">
      <c r="H369144" s="12"/>
    </row>
    <row r="369145" spans="8:8">
      <c r="H369145" s="12"/>
    </row>
    <row r="369146" spans="8:8">
      <c r="H369146" s="12"/>
    </row>
    <row r="369147" spans="8:8">
      <c r="H369147" s="12"/>
    </row>
    <row r="369148" spans="8:8">
      <c r="H369148" s="12"/>
    </row>
    <row r="369149" spans="8:8">
      <c r="H369149" s="12"/>
    </row>
    <row r="369150" spans="8:8">
      <c r="H369150" s="12"/>
    </row>
    <row r="369151" spans="8:8">
      <c r="H369151" s="12"/>
    </row>
    <row r="369152" spans="8:8">
      <c r="H369152" s="12"/>
    </row>
    <row r="369153" spans="8:8">
      <c r="H369153" s="12"/>
    </row>
    <row r="369154" spans="8:8">
      <c r="H369154" s="12"/>
    </row>
    <row r="369155" spans="8:8">
      <c r="H369155" s="12"/>
    </row>
    <row r="369156" spans="8:8">
      <c r="H369156" s="12"/>
    </row>
    <row r="369157" spans="8:8">
      <c r="H369157" s="12"/>
    </row>
    <row r="369158" spans="8:8">
      <c r="H369158" s="12"/>
    </row>
    <row r="369159" spans="8:8">
      <c r="H369159" s="12"/>
    </row>
    <row r="369160" spans="8:8">
      <c r="H369160" s="12"/>
    </row>
    <row r="369161" spans="8:8">
      <c r="H369161" s="12"/>
    </row>
    <row r="369162" spans="8:8">
      <c r="H369162" s="12"/>
    </row>
    <row r="369163" spans="8:8">
      <c r="H369163" s="12"/>
    </row>
    <row r="369164" spans="8:8">
      <c r="H369164" s="12"/>
    </row>
    <row r="369165" spans="8:8">
      <c r="H369165" s="12"/>
    </row>
    <row r="369166" spans="8:8">
      <c r="H369166" s="12"/>
    </row>
    <row r="369167" spans="8:8">
      <c r="H369167" s="12"/>
    </row>
    <row r="369168" spans="8:8">
      <c r="H369168" s="12"/>
    </row>
    <row r="369169" spans="8:8">
      <c r="H369169" s="12"/>
    </row>
    <row r="369170" spans="8:8">
      <c r="H369170" s="12"/>
    </row>
    <row r="369171" spans="8:8">
      <c r="H369171" s="12"/>
    </row>
    <row r="369172" spans="8:8">
      <c r="H369172" s="12"/>
    </row>
    <row r="369173" spans="8:8">
      <c r="H369173" s="12"/>
    </row>
    <row r="369174" spans="8:8">
      <c r="H369174" s="12"/>
    </row>
    <row r="369175" spans="8:8">
      <c r="H369175" s="12"/>
    </row>
    <row r="369176" spans="8:8">
      <c r="H369176" s="12"/>
    </row>
    <row r="369177" spans="8:8">
      <c r="H369177" s="12"/>
    </row>
    <row r="369178" spans="8:8">
      <c r="H369178" s="12"/>
    </row>
    <row r="369179" spans="8:8">
      <c r="H369179" s="12"/>
    </row>
    <row r="369180" spans="8:8">
      <c r="H369180" s="12"/>
    </row>
    <row r="369181" spans="8:8">
      <c r="H369181" s="12"/>
    </row>
    <row r="369182" spans="8:8">
      <c r="H369182" s="12"/>
    </row>
    <row r="369183" spans="8:8">
      <c r="H369183" s="12"/>
    </row>
    <row r="369184" spans="8:8">
      <c r="H369184" s="12"/>
    </row>
    <row r="369185" spans="8:8">
      <c r="H369185" s="12"/>
    </row>
    <row r="369186" spans="8:8">
      <c r="H369186" s="12"/>
    </row>
    <row r="369187" spans="8:8">
      <c r="H369187" s="12"/>
    </row>
    <row r="369188" spans="8:8">
      <c r="H369188" s="12"/>
    </row>
    <row r="369189" spans="8:8">
      <c r="H369189" s="12"/>
    </row>
    <row r="369190" spans="8:8">
      <c r="H369190" s="12"/>
    </row>
    <row r="369191" spans="8:8">
      <c r="H369191" s="12"/>
    </row>
    <row r="369192" spans="8:8">
      <c r="H369192" s="12"/>
    </row>
    <row r="369193" spans="8:8">
      <c r="H369193" s="12"/>
    </row>
    <row r="369194" spans="8:8">
      <c r="H369194" s="12"/>
    </row>
    <row r="369195" spans="8:8">
      <c r="H369195" s="12"/>
    </row>
    <row r="369196" spans="8:8">
      <c r="H369196" s="12"/>
    </row>
    <row r="369197" spans="8:8">
      <c r="H369197" s="12"/>
    </row>
    <row r="369198" spans="8:8">
      <c r="H369198" s="12"/>
    </row>
    <row r="369199" spans="8:8">
      <c r="H369199" s="12"/>
    </row>
    <row r="369200" spans="8:8">
      <c r="H369200" s="12"/>
    </row>
    <row r="369201" spans="8:8">
      <c r="H369201" s="12"/>
    </row>
    <row r="369202" spans="8:8">
      <c r="H369202" s="12"/>
    </row>
    <row r="369203" spans="8:8">
      <c r="H369203" s="12"/>
    </row>
    <row r="369204" spans="8:8">
      <c r="H369204" s="12"/>
    </row>
    <row r="369205" spans="8:8">
      <c r="H369205" s="12"/>
    </row>
    <row r="369206" spans="8:8">
      <c r="H369206" s="12"/>
    </row>
    <row r="369207" spans="8:8">
      <c r="H369207" s="12"/>
    </row>
    <row r="369208" spans="8:8">
      <c r="H369208" s="12"/>
    </row>
    <row r="369209" spans="8:8">
      <c r="H369209" s="12"/>
    </row>
    <row r="369210" spans="8:8">
      <c r="H369210" s="12"/>
    </row>
    <row r="369211" spans="8:8">
      <c r="H369211" s="12"/>
    </row>
    <row r="369212" spans="8:8">
      <c r="H369212" s="12"/>
    </row>
    <row r="369213" spans="8:8">
      <c r="H369213" s="12"/>
    </row>
    <row r="369214" spans="8:8">
      <c r="H369214" s="12"/>
    </row>
    <row r="369215" spans="8:8">
      <c r="H369215" s="12"/>
    </row>
    <row r="369216" spans="8:8">
      <c r="H369216" s="12"/>
    </row>
    <row r="369217" spans="8:8">
      <c r="H369217" s="12"/>
    </row>
    <row r="369218" spans="8:8">
      <c r="H369218" s="12"/>
    </row>
    <row r="369219" spans="8:8">
      <c r="H369219" s="12"/>
    </row>
    <row r="369220" spans="8:8">
      <c r="H369220" s="12"/>
    </row>
    <row r="369221" spans="8:8">
      <c r="H369221" s="12"/>
    </row>
    <row r="369222" spans="8:8">
      <c r="H369222" s="12"/>
    </row>
    <row r="369223" spans="8:8">
      <c r="H369223" s="12"/>
    </row>
    <row r="369224" spans="8:8">
      <c r="H369224" s="12"/>
    </row>
    <row r="369225" spans="8:8">
      <c r="H369225" s="12"/>
    </row>
    <row r="369226" spans="8:8">
      <c r="H369226" s="12"/>
    </row>
    <row r="369227" spans="8:8">
      <c r="H369227" s="12"/>
    </row>
    <row r="369228" spans="8:8">
      <c r="H369228" s="12"/>
    </row>
    <row r="369229" spans="8:8">
      <c r="H369229" s="12"/>
    </row>
    <row r="369230" spans="8:8">
      <c r="H369230" s="12"/>
    </row>
    <row r="369231" spans="8:8">
      <c r="H369231" s="12"/>
    </row>
    <row r="369232" spans="8:8">
      <c r="H369232" s="12"/>
    </row>
    <row r="369233" spans="8:8">
      <c r="H369233" s="12"/>
    </row>
    <row r="369234" spans="8:8">
      <c r="H369234" s="12"/>
    </row>
    <row r="369235" spans="8:8">
      <c r="H369235" s="12"/>
    </row>
    <row r="369236" spans="8:8">
      <c r="H369236" s="12"/>
    </row>
    <row r="369237" spans="8:8">
      <c r="H369237" s="12"/>
    </row>
    <row r="369238" spans="8:8">
      <c r="H369238" s="12"/>
    </row>
    <row r="369239" spans="8:8">
      <c r="H369239" s="12"/>
    </row>
    <row r="369240" spans="8:8">
      <c r="H369240" s="12"/>
    </row>
    <row r="369241" spans="8:8">
      <c r="H369241" s="12"/>
    </row>
    <row r="369242" spans="8:8">
      <c r="H369242" s="12"/>
    </row>
    <row r="369243" spans="8:8">
      <c r="H369243" s="12"/>
    </row>
    <row r="369244" spans="8:8">
      <c r="H369244" s="12"/>
    </row>
    <row r="369245" spans="8:8">
      <c r="H369245" s="12"/>
    </row>
    <row r="369246" spans="8:8">
      <c r="H369246" s="12"/>
    </row>
    <row r="369247" spans="8:8">
      <c r="H369247" s="12"/>
    </row>
    <row r="369248" spans="8:8">
      <c r="H369248" s="12"/>
    </row>
    <row r="369249" spans="8:8">
      <c r="H369249" s="12"/>
    </row>
    <row r="369250" spans="8:8">
      <c r="H369250" s="12"/>
    </row>
    <row r="369251" spans="8:8">
      <c r="H369251" s="12"/>
    </row>
    <row r="369252" spans="8:8">
      <c r="H369252" s="12"/>
    </row>
    <row r="369253" spans="8:8">
      <c r="H369253" s="12"/>
    </row>
    <row r="369254" spans="8:8">
      <c r="H369254" s="12"/>
    </row>
    <row r="369255" spans="8:8">
      <c r="H369255" s="12"/>
    </row>
    <row r="369256" spans="8:8">
      <c r="H369256" s="12"/>
    </row>
    <row r="369257" spans="8:8">
      <c r="H369257" s="12"/>
    </row>
    <row r="369258" spans="8:8">
      <c r="H369258" s="12"/>
    </row>
    <row r="369259" spans="8:8">
      <c r="H369259" s="12"/>
    </row>
    <row r="369260" spans="8:8">
      <c r="H369260" s="12"/>
    </row>
    <row r="369261" spans="8:8">
      <c r="H369261" s="12"/>
    </row>
    <row r="369262" spans="8:8">
      <c r="H369262" s="12"/>
    </row>
    <row r="369263" spans="8:8">
      <c r="H369263" s="12"/>
    </row>
    <row r="369264" spans="8:8">
      <c r="H369264" s="12"/>
    </row>
    <row r="369265" spans="8:8">
      <c r="H369265" s="12"/>
    </row>
    <row r="369266" spans="8:8">
      <c r="H369266" s="12"/>
    </row>
    <row r="369267" spans="8:8">
      <c r="H369267" s="12"/>
    </row>
    <row r="369268" spans="8:8">
      <c r="H369268" s="12"/>
    </row>
    <row r="369269" spans="8:8">
      <c r="H369269" s="12"/>
    </row>
    <row r="369270" spans="8:8">
      <c r="H369270" s="12"/>
    </row>
    <row r="369271" spans="8:8">
      <c r="H369271" s="12"/>
    </row>
    <row r="369272" spans="8:8">
      <c r="H369272" s="12"/>
    </row>
    <row r="369273" spans="8:8">
      <c r="H369273" s="12"/>
    </row>
    <row r="369274" spans="8:8">
      <c r="H369274" s="12"/>
    </row>
    <row r="369275" spans="8:8">
      <c r="H369275" s="12"/>
    </row>
    <row r="369276" spans="8:8">
      <c r="H369276" s="12"/>
    </row>
    <row r="369277" spans="8:8">
      <c r="H369277" s="12"/>
    </row>
    <row r="369278" spans="8:8">
      <c r="H369278" s="12"/>
    </row>
    <row r="369279" spans="8:8">
      <c r="H369279" s="12"/>
    </row>
    <row r="369280" spans="8:8">
      <c r="H369280" s="12"/>
    </row>
    <row r="369281" spans="8:8">
      <c r="H369281" s="12"/>
    </row>
    <row r="369282" spans="8:8">
      <c r="H369282" s="12"/>
    </row>
    <row r="369283" spans="8:8">
      <c r="H369283" s="12"/>
    </row>
    <row r="369284" spans="8:8">
      <c r="H369284" s="12"/>
    </row>
    <row r="369285" spans="8:8">
      <c r="H369285" s="12"/>
    </row>
    <row r="369286" spans="8:8">
      <c r="H369286" s="12"/>
    </row>
    <row r="369287" spans="8:8">
      <c r="H369287" s="12"/>
    </row>
    <row r="369288" spans="8:8">
      <c r="H369288" s="12"/>
    </row>
    <row r="369289" spans="8:8">
      <c r="H369289" s="12"/>
    </row>
    <row r="369290" spans="8:8">
      <c r="H369290" s="12"/>
    </row>
    <row r="369291" spans="8:8">
      <c r="H369291" s="12"/>
    </row>
    <row r="369292" spans="8:8">
      <c r="H369292" s="12"/>
    </row>
    <row r="369293" spans="8:8">
      <c r="H369293" s="12"/>
    </row>
    <row r="369294" spans="8:8">
      <c r="H369294" s="12"/>
    </row>
    <row r="369295" spans="8:8">
      <c r="H369295" s="12"/>
    </row>
    <row r="369296" spans="8:8">
      <c r="H369296" s="12"/>
    </row>
    <row r="369297" spans="8:8">
      <c r="H369297" s="12"/>
    </row>
    <row r="369298" spans="8:8">
      <c r="H369298" s="12"/>
    </row>
    <row r="369299" spans="8:8">
      <c r="H369299" s="12"/>
    </row>
    <row r="369300" spans="8:8">
      <c r="H369300" s="12"/>
    </row>
    <row r="369301" spans="8:8">
      <c r="H369301" s="12"/>
    </row>
    <row r="369302" spans="8:8">
      <c r="H369302" s="12"/>
    </row>
    <row r="369303" spans="8:8">
      <c r="H369303" s="12"/>
    </row>
    <row r="369304" spans="8:8">
      <c r="H369304" s="12"/>
    </row>
    <row r="369305" spans="8:8">
      <c r="H369305" s="12"/>
    </row>
    <row r="369306" spans="8:8">
      <c r="H369306" s="12"/>
    </row>
    <row r="369307" spans="8:8">
      <c r="H369307" s="12"/>
    </row>
    <row r="369308" spans="8:8">
      <c r="H369308" s="12"/>
    </row>
    <row r="369309" spans="8:8">
      <c r="H369309" s="12"/>
    </row>
    <row r="369310" spans="8:8">
      <c r="H369310" s="12"/>
    </row>
    <row r="369311" spans="8:8">
      <c r="H369311" s="12"/>
    </row>
    <row r="369312" spans="8:8">
      <c r="H369312" s="12"/>
    </row>
    <row r="369313" spans="8:8">
      <c r="H369313" s="12"/>
    </row>
    <row r="369314" spans="8:8">
      <c r="H369314" s="12"/>
    </row>
    <row r="369315" spans="8:8">
      <c r="H369315" s="12"/>
    </row>
    <row r="369316" spans="8:8">
      <c r="H369316" s="12"/>
    </row>
    <row r="369317" spans="8:8">
      <c r="H369317" s="12"/>
    </row>
    <row r="369318" spans="8:8">
      <c r="H369318" s="12"/>
    </row>
    <row r="369319" spans="8:8">
      <c r="H369319" s="12"/>
    </row>
    <row r="369320" spans="8:8">
      <c r="H369320" s="12"/>
    </row>
    <row r="369321" spans="8:8">
      <c r="H369321" s="12"/>
    </row>
    <row r="369322" spans="8:8">
      <c r="H369322" s="12"/>
    </row>
    <row r="369323" spans="8:8">
      <c r="H369323" s="12"/>
    </row>
    <row r="369324" spans="8:8">
      <c r="H369324" s="12"/>
    </row>
    <row r="369325" spans="8:8">
      <c r="H369325" s="12"/>
    </row>
    <row r="369326" spans="8:8">
      <c r="H369326" s="12"/>
    </row>
    <row r="369327" spans="8:8">
      <c r="H369327" s="12"/>
    </row>
    <row r="369328" spans="8:8">
      <c r="H369328" s="12"/>
    </row>
    <row r="369329" spans="8:8">
      <c r="H369329" s="12"/>
    </row>
    <row r="369330" spans="8:8">
      <c r="H369330" s="12"/>
    </row>
    <row r="369331" spans="8:8">
      <c r="H369331" s="12"/>
    </row>
    <row r="369332" spans="8:8">
      <c r="H369332" s="12"/>
    </row>
    <row r="369333" spans="8:8">
      <c r="H369333" s="12"/>
    </row>
    <row r="369334" spans="8:8">
      <c r="H369334" s="12"/>
    </row>
    <row r="369335" spans="8:8">
      <c r="H369335" s="12"/>
    </row>
    <row r="369336" spans="8:8">
      <c r="H369336" s="12"/>
    </row>
    <row r="369337" spans="8:8">
      <c r="H369337" s="12"/>
    </row>
    <row r="369338" spans="8:8">
      <c r="H369338" s="12"/>
    </row>
    <row r="369339" spans="8:8">
      <c r="H369339" s="12"/>
    </row>
    <row r="369340" spans="8:8">
      <c r="H369340" s="12"/>
    </row>
    <row r="369341" spans="8:8">
      <c r="H369341" s="12"/>
    </row>
    <row r="369342" spans="8:8">
      <c r="H369342" s="12"/>
    </row>
    <row r="369343" spans="8:8">
      <c r="H369343" s="12"/>
    </row>
    <row r="369344" spans="8:8">
      <c r="H369344" s="12"/>
    </row>
    <row r="369345" spans="8:8">
      <c r="H369345" s="12"/>
    </row>
    <row r="369346" spans="8:8">
      <c r="H369346" s="12"/>
    </row>
    <row r="369347" spans="8:8">
      <c r="H369347" s="12"/>
    </row>
    <row r="369348" spans="8:8">
      <c r="H369348" s="12"/>
    </row>
    <row r="369349" spans="8:8">
      <c r="H369349" s="12"/>
    </row>
    <row r="369350" spans="8:8">
      <c r="H369350" s="12"/>
    </row>
    <row r="369351" spans="8:8">
      <c r="H369351" s="12"/>
    </row>
    <row r="369352" spans="8:8">
      <c r="H369352" s="12"/>
    </row>
    <row r="369353" spans="8:8">
      <c r="H369353" s="12"/>
    </row>
    <row r="369354" spans="8:8">
      <c r="H369354" s="12"/>
    </row>
    <row r="369355" spans="8:8">
      <c r="H369355" s="12"/>
    </row>
    <row r="369356" spans="8:8">
      <c r="H369356" s="12"/>
    </row>
    <row r="369357" spans="8:8">
      <c r="H369357" s="12"/>
    </row>
    <row r="369358" spans="8:8">
      <c r="H369358" s="12"/>
    </row>
    <row r="369359" spans="8:8">
      <c r="H369359" s="12"/>
    </row>
    <row r="369360" spans="8:8">
      <c r="H369360" s="12"/>
    </row>
    <row r="369361" spans="8:8">
      <c r="H369361" s="12"/>
    </row>
    <row r="369362" spans="8:8">
      <c r="H369362" s="12"/>
    </row>
    <row r="369363" spans="8:8">
      <c r="H369363" s="12"/>
    </row>
    <row r="369364" spans="8:8">
      <c r="H369364" s="12"/>
    </row>
    <row r="369365" spans="8:8">
      <c r="H369365" s="12"/>
    </row>
    <row r="369366" spans="8:8">
      <c r="H369366" s="12"/>
    </row>
    <row r="369367" spans="8:8">
      <c r="H369367" s="12"/>
    </row>
    <row r="369368" spans="8:8">
      <c r="H369368" s="12"/>
    </row>
    <row r="369369" spans="8:8">
      <c r="H369369" s="12"/>
    </row>
    <row r="369370" spans="8:8">
      <c r="H369370" s="12"/>
    </row>
    <row r="369371" spans="8:8">
      <c r="H369371" s="12"/>
    </row>
    <row r="369372" spans="8:8">
      <c r="H369372" s="12"/>
    </row>
    <row r="369373" spans="8:8">
      <c r="H369373" s="12"/>
    </row>
    <row r="369374" spans="8:8">
      <c r="H369374" s="12"/>
    </row>
    <row r="369375" spans="8:8">
      <c r="H369375" s="12"/>
    </row>
    <row r="369376" spans="8:8">
      <c r="H369376" s="12"/>
    </row>
    <row r="369377" spans="8:8">
      <c r="H369377" s="12"/>
    </row>
    <row r="369378" spans="8:8">
      <c r="H369378" s="12"/>
    </row>
    <row r="369379" spans="8:8">
      <c r="H369379" s="12"/>
    </row>
    <row r="369380" spans="8:8">
      <c r="H369380" s="12"/>
    </row>
    <row r="369381" spans="8:8">
      <c r="H369381" s="12"/>
    </row>
    <row r="369382" spans="8:8">
      <c r="H369382" s="12"/>
    </row>
    <row r="369383" spans="8:8">
      <c r="H369383" s="12"/>
    </row>
    <row r="369384" spans="8:8">
      <c r="H369384" s="12"/>
    </row>
    <row r="369385" spans="8:8">
      <c r="H369385" s="12"/>
    </row>
    <row r="369386" spans="8:8">
      <c r="H369386" s="12"/>
    </row>
    <row r="369387" spans="8:8">
      <c r="H369387" s="12"/>
    </row>
    <row r="369388" spans="8:8">
      <c r="H369388" s="12"/>
    </row>
    <row r="369389" spans="8:8">
      <c r="H369389" s="12"/>
    </row>
    <row r="369390" spans="8:8">
      <c r="H369390" s="12"/>
    </row>
    <row r="369391" spans="8:8">
      <c r="H369391" s="12"/>
    </row>
    <row r="369392" spans="8:8">
      <c r="H369392" s="12"/>
    </row>
    <row r="369393" spans="8:8">
      <c r="H369393" s="12"/>
    </row>
    <row r="369394" spans="8:8">
      <c r="H369394" s="12"/>
    </row>
    <row r="369395" spans="8:8">
      <c r="H369395" s="12"/>
    </row>
    <row r="369396" spans="8:8">
      <c r="H369396" s="12"/>
    </row>
    <row r="369397" spans="8:8">
      <c r="H369397" s="12"/>
    </row>
    <row r="369398" spans="8:8">
      <c r="H369398" s="12"/>
    </row>
    <row r="369399" spans="8:8">
      <c r="H369399" s="12"/>
    </row>
    <row r="369400" spans="8:8">
      <c r="H369400" s="12"/>
    </row>
    <row r="369401" spans="8:8">
      <c r="H369401" s="12"/>
    </row>
    <row r="369402" spans="8:8">
      <c r="H369402" s="12"/>
    </row>
    <row r="369403" spans="8:8">
      <c r="H369403" s="12"/>
    </row>
    <row r="369404" spans="8:8">
      <c r="H369404" s="12"/>
    </row>
    <row r="369405" spans="8:8">
      <c r="H369405" s="12"/>
    </row>
    <row r="369406" spans="8:8">
      <c r="H369406" s="12"/>
    </row>
    <row r="369407" spans="8:8">
      <c r="H369407" s="12"/>
    </row>
    <row r="369408" spans="8:8">
      <c r="H369408" s="12"/>
    </row>
    <row r="369409" spans="8:8">
      <c r="H369409" s="12"/>
    </row>
    <row r="369410" spans="8:8">
      <c r="H369410" s="12"/>
    </row>
    <row r="369411" spans="8:8">
      <c r="H369411" s="12"/>
    </row>
    <row r="369412" spans="8:8">
      <c r="H369412" s="12"/>
    </row>
    <row r="369413" spans="8:8">
      <c r="H369413" s="12"/>
    </row>
    <row r="369414" spans="8:8">
      <c r="H369414" s="12"/>
    </row>
    <row r="369415" spans="8:8">
      <c r="H369415" s="12"/>
    </row>
    <row r="369416" spans="8:8">
      <c r="H369416" s="12"/>
    </row>
    <row r="369417" spans="8:8">
      <c r="H369417" s="12"/>
    </row>
    <row r="369418" spans="8:8">
      <c r="H369418" s="12"/>
    </row>
    <row r="369419" spans="8:8">
      <c r="H369419" s="12"/>
    </row>
    <row r="369420" spans="8:8">
      <c r="H369420" s="12"/>
    </row>
    <row r="369421" spans="8:8">
      <c r="H369421" s="12"/>
    </row>
    <row r="369422" spans="8:8">
      <c r="H369422" s="12"/>
    </row>
    <row r="369423" spans="8:8">
      <c r="H369423" s="12"/>
    </row>
    <row r="369424" spans="8:8">
      <c r="H369424" s="12"/>
    </row>
    <row r="369425" spans="8:8">
      <c r="H369425" s="12"/>
    </row>
    <row r="369426" spans="8:8">
      <c r="H369426" s="12"/>
    </row>
    <row r="369427" spans="8:8">
      <c r="H369427" s="12"/>
    </row>
    <row r="369428" spans="8:8">
      <c r="H369428" s="12"/>
    </row>
    <row r="369429" spans="8:8">
      <c r="H369429" s="12"/>
    </row>
    <row r="369430" spans="8:8">
      <c r="H369430" s="12"/>
    </row>
    <row r="369431" spans="8:8">
      <c r="H369431" s="12"/>
    </row>
    <row r="369432" spans="8:8">
      <c r="H369432" s="12"/>
    </row>
    <row r="369433" spans="8:8">
      <c r="H369433" s="12"/>
    </row>
    <row r="369434" spans="8:8">
      <c r="H369434" s="12"/>
    </row>
    <row r="369435" spans="8:8">
      <c r="H369435" s="12"/>
    </row>
    <row r="369436" spans="8:8">
      <c r="H369436" s="12"/>
    </row>
    <row r="369437" spans="8:8">
      <c r="H369437" s="12"/>
    </row>
    <row r="369438" spans="8:8">
      <c r="H369438" s="12"/>
    </row>
    <row r="369439" spans="8:8">
      <c r="H369439" s="12"/>
    </row>
    <row r="369440" spans="8:8">
      <c r="H369440" s="12"/>
    </row>
    <row r="369441" spans="8:8">
      <c r="H369441" s="12"/>
    </row>
    <row r="369442" spans="8:8">
      <c r="H369442" s="12"/>
    </row>
    <row r="369443" spans="8:8">
      <c r="H369443" s="12"/>
    </row>
    <row r="369444" spans="8:8">
      <c r="H369444" s="12"/>
    </row>
    <row r="369445" spans="8:8">
      <c r="H369445" s="12"/>
    </row>
    <row r="369446" spans="8:8">
      <c r="H369446" s="12"/>
    </row>
    <row r="369447" spans="8:8">
      <c r="H369447" s="12"/>
    </row>
    <row r="369448" spans="8:8">
      <c r="H369448" s="12"/>
    </row>
    <row r="369449" spans="8:8">
      <c r="H369449" s="12"/>
    </row>
    <row r="369450" spans="8:8">
      <c r="H369450" s="12"/>
    </row>
    <row r="369451" spans="8:8">
      <c r="H369451" s="12"/>
    </row>
    <row r="369452" spans="8:8">
      <c r="H369452" s="12"/>
    </row>
    <row r="369453" spans="8:8">
      <c r="H369453" s="12"/>
    </row>
    <row r="369454" spans="8:8">
      <c r="H369454" s="12"/>
    </row>
    <row r="369455" spans="8:8">
      <c r="H369455" s="12"/>
    </row>
    <row r="369456" spans="8:8">
      <c r="H369456" s="12"/>
    </row>
    <row r="369457" spans="8:8">
      <c r="H369457" s="12"/>
    </row>
    <row r="369458" spans="8:8">
      <c r="H369458" s="12"/>
    </row>
    <row r="369459" spans="8:8">
      <c r="H369459" s="12"/>
    </row>
    <row r="369460" spans="8:8">
      <c r="H369460" s="12"/>
    </row>
    <row r="369461" spans="8:8">
      <c r="H369461" s="12"/>
    </row>
    <row r="369462" spans="8:8">
      <c r="H369462" s="12"/>
    </row>
    <row r="369463" spans="8:8">
      <c r="H369463" s="12"/>
    </row>
    <row r="369464" spans="8:8">
      <c r="H369464" s="12"/>
    </row>
    <row r="369465" spans="8:8">
      <c r="H369465" s="12"/>
    </row>
    <row r="369466" spans="8:8">
      <c r="H369466" s="12"/>
    </row>
    <row r="369467" spans="8:8">
      <c r="H369467" s="12"/>
    </row>
    <row r="369468" spans="8:8">
      <c r="H369468" s="12"/>
    </row>
    <row r="369469" spans="8:8">
      <c r="H369469" s="12"/>
    </row>
    <row r="369470" spans="8:8">
      <c r="H369470" s="12"/>
    </row>
    <row r="369471" spans="8:8">
      <c r="H369471" s="12"/>
    </row>
    <row r="369472" spans="8:8">
      <c r="H369472" s="12"/>
    </row>
    <row r="369473" spans="8:8">
      <c r="H369473" s="12"/>
    </row>
    <row r="369474" spans="8:8">
      <c r="H369474" s="12"/>
    </row>
    <row r="369475" spans="8:8">
      <c r="H369475" s="12"/>
    </row>
    <row r="369476" spans="8:8">
      <c r="H369476" s="12"/>
    </row>
    <row r="369477" spans="8:8">
      <c r="H369477" s="12"/>
    </row>
    <row r="369478" spans="8:8">
      <c r="H369478" s="12"/>
    </row>
    <row r="369479" spans="8:8">
      <c r="H369479" s="12"/>
    </row>
    <row r="369480" spans="8:8">
      <c r="H369480" s="12"/>
    </row>
    <row r="369481" spans="8:8">
      <c r="H369481" s="12"/>
    </row>
    <row r="369482" spans="8:8">
      <c r="H369482" s="12"/>
    </row>
    <row r="369483" spans="8:8">
      <c r="H369483" s="12"/>
    </row>
    <row r="369484" spans="8:8">
      <c r="H369484" s="12"/>
    </row>
    <row r="369485" spans="8:8">
      <c r="H369485" s="12"/>
    </row>
    <row r="369486" spans="8:8">
      <c r="H369486" s="12"/>
    </row>
    <row r="369487" spans="8:8">
      <c r="H369487" s="12"/>
    </row>
    <row r="369488" spans="8:8">
      <c r="H369488" s="12"/>
    </row>
    <row r="369489" spans="8:8">
      <c r="H369489" s="12"/>
    </row>
    <row r="369490" spans="8:8">
      <c r="H369490" s="12"/>
    </row>
    <row r="369491" spans="8:8">
      <c r="H369491" s="12"/>
    </row>
    <row r="369492" spans="8:8">
      <c r="H369492" s="12"/>
    </row>
    <row r="369493" spans="8:8">
      <c r="H369493" s="12"/>
    </row>
    <row r="369494" spans="8:8">
      <c r="H369494" s="12"/>
    </row>
    <row r="369495" spans="8:8">
      <c r="H369495" s="12"/>
    </row>
    <row r="369496" spans="8:8">
      <c r="H369496" s="12"/>
    </row>
    <row r="369497" spans="8:8">
      <c r="H369497" s="12"/>
    </row>
    <row r="369498" spans="8:8">
      <c r="H369498" s="12"/>
    </row>
    <row r="369499" spans="8:8">
      <c r="H369499" s="12"/>
    </row>
    <row r="369500" spans="8:8">
      <c r="H369500" s="12"/>
    </row>
    <row r="369501" spans="8:8">
      <c r="H369501" s="12"/>
    </row>
    <row r="369502" spans="8:8">
      <c r="H369502" s="12"/>
    </row>
    <row r="369503" spans="8:8">
      <c r="H369503" s="12"/>
    </row>
    <row r="369504" spans="8:8">
      <c r="H369504" s="12"/>
    </row>
    <row r="369505" spans="8:8">
      <c r="H369505" s="12"/>
    </row>
    <row r="369506" spans="8:8">
      <c r="H369506" s="12"/>
    </row>
    <row r="369507" spans="8:8">
      <c r="H369507" s="12"/>
    </row>
    <row r="369508" spans="8:8">
      <c r="H369508" s="12"/>
    </row>
    <row r="369509" spans="8:8">
      <c r="H369509" s="12"/>
    </row>
    <row r="369510" spans="8:8">
      <c r="H369510" s="12"/>
    </row>
    <row r="369511" spans="8:8">
      <c r="H369511" s="12"/>
    </row>
    <row r="369512" spans="8:8">
      <c r="H369512" s="12"/>
    </row>
    <row r="369513" spans="8:8">
      <c r="H369513" s="12"/>
    </row>
    <row r="369514" spans="8:8">
      <c r="H369514" s="12"/>
    </row>
    <row r="369515" spans="8:8">
      <c r="H369515" s="12"/>
    </row>
    <row r="369516" spans="8:8">
      <c r="H369516" s="12"/>
    </row>
    <row r="369517" spans="8:8">
      <c r="H369517" s="12"/>
    </row>
    <row r="369518" spans="8:8">
      <c r="H369518" s="12"/>
    </row>
    <row r="369519" spans="8:8">
      <c r="H369519" s="12"/>
    </row>
    <row r="369520" spans="8:8">
      <c r="H369520" s="12"/>
    </row>
    <row r="369521" spans="8:8">
      <c r="H369521" s="12"/>
    </row>
    <row r="369522" spans="8:8">
      <c r="H369522" s="12"/>
    </row>
    <row r="369523" spans="8:8">
      <c r="H369523" s="12"/>
    </row>
    <row r="369524" spans="8:8">
      <c r="H369524" s="12"/>
    </row>
    <row r="369525" spans="8:8">
      <c r="H369525" s="12"/>
    </row>
    <row r="369526" spans="8:8">
      <c r="H369526" s="12"/>
    </row>
    <row r="369527" spans="8:8">
      <c r="H369527" s="12"/>
    </row>
    <row r="369528" spans="8:8">
      <c r="H369528" s="12"/>
    </row>
    <row r="369529" spans="8:8">
      <c r="H369529" s="12"/>
    </row>
    <row r="369530" spans="8:8">
      <c r="H369530" s="12"/>
    </row>
    <row r="369531" spans="8:8">
      <c r="H369531" s="12"/>
    </row>
    <row r="369532" spans="8:8">
      <c r="H369532" s="12"/>
    </row>
    <row r="369533" spans="8:8">
      <c r="H369533" s="12"/>
    </row>
    <row r="369534" spans="8:8">
      <c r="H369534" s="12"/>
    </row>
    <row r="369535" spans="8:8">
      <c r="H369535" s="12"/>
    </row>
    <row r="369536" spans="8:8">
      <c r="H369536" s="12"/>
    </row>
    <row r="369537" spans="8:8">
      <c r="H369537" s="12"/>
    </row>
    <row r="369538" spans="8:8">
      <c r="H369538" s="12"/>
    </row>
    <row r="369539" spans="8:8">
      <c r="H369539" s="12"/>
    </row>
    <row r="369540" spans="8:8">
      <c r="H369540" s="12"/>
    </row>
    <row r="369541" spans="8:8">
      <c r="H369541" s="12"/>
    </row>
    <row r="369542" spans="8:8">
      <c r="H369542" s="12"/>
    </row>
    <row r="369543" spans="8:8">
      <c r="H369543" s="12"/>
    </row>
    <row r="369544" spans="8:8">
      <c r="H369544" s="12"/>
    </row>
    <row r="369545" spans="8:8">
      <c r="H369545" s="12"/>
    </row>
    <row r="369546" spans="8:8">
      <c r="H369546" s="12"/>
    </row>
    <row r="369547" spans="8:8">
      <c r="H369547" s="12"/>
    </row>
    <row r="369548" spans="8:8">
      <c r="H369548" s="12"/>
    </row>
    <row r="369549" spans="8:8">
      <c r="H369549" s="12"/>
    </row>
    <row r="369550" spans="8:8">
      <c r="H369550" s="12"/>
    </row>
    <row r="369551" spans="8:8">
      <c r="H369551" s="12"/>
    </row>
    <row r="369552" spans="8:8">
      <c r="H369552" s="12"/>
    </row>
    <row r="369553" spans="8:8">
      <c r="H369553" s="12"/>
    </row>
    <row r="369554" spans="8:8">
      <c r="H369554" s="12"/>
    </row>
    <row r="369555" spans="8:8">
      <c r="H369555" s="12"/>
    </row>
    <row r="369556" spans="8:8">
      <c r="H369556" s="12"/>
    </row>
    <row r="369557" spans="8:8">
      <c r="H369557" s="12"/>
    </row>
    <row r="369558" spans="8:8">
      <c r="H369558" s="12"/>
    </row>
    <row r="369559" spans="8:8">
      <c r="H369559" s="12"/>
    </row>
    <row r="369560" spans="8:8">
      <c r="H369560" s="12"/>
    </row>
    <row r="369561" spans="8:8">
      <c r="H369561" s="12"/>
    </row>
    <row r="369562" spans="8:8">
      <c r="H369562" s="12"/>
    </row>
    <row r="369563" spans="8:8">
      <c r="H369563" s="12"/>
    </row>
    <row r="369564" spans="8:8">
      <c r="H369564" s="12"/>
    </row>
    <row r="369565" spans="8:8">
      <c r="H369565" s="12"/>
    </row>
    <row r="369566" spans="8:8">
      <c r="H369566" s="12"/>
    </row>
    <row r="369567" spans="8:8">
      <c r="H369567" s="12"/>
    </row>
    <row r="369568" spans="8:8">
      <c r="H369568" s="12"/>
    </row>
    <row r="369569" spans="8:8">
      <c r="H369569" s="12"/>
    </row>
    <row r="369570" spans="8:8">
      <c r="H369570" s="12"/>
    </row>
    <row r="369571" spans="8:8">
      <c r="H369571" s="12"/>
    </row>
    <row r="369572" spans="8:8">
      <c r="H369572" s="12"/>
    </row>
    <row r="369573" spans="8:8">
      <c r="H369573" s="12"/>
    </row>
    <row r="369574" spans="8:8">
      <c r="H369574" s="12"/>
    </row>
    <row r="369575" spans="8:8">
      <c r="H369575" s="12"/>
    </row>
    <row r="369576" spans="8:8">
      <c r="H369576" s="12"/>
    </row>
    <row r="369577" spans="8:8">
      <c r="H369577" s="12"/>
    </row>
    <row r="369578" spans="8:8">
      <c r="H369578" s="12"/>
    </row>
    <row r="369579" spans="8:8">
      <c r="H369579" s="12"/>
    </row>
    <row r="369580" spans="8:8">
      <c r="H369580" s="12"/>
    </row>
    <row r="369581" spans="8:8">
      <c r="H369581" s="12"/>
    </row>
    <row r="369582" spans="8:8">
      <c r="H369582" s="12"/>
    </row>
    <row r="369583" spans="8:8">
      <c r="H369583" s="12"/>
    </row>
    <row r="369584" spans="8:8">
      <c r="H369584" s="12"/>
    </row>
    <row r="369585" spans="8:8">
      <c r="H369585" s="12"/>
    </row>
    <row r="369586" spans="8:8">
      <c r="H369586" s="12"/>
    </row>
    <row r="369587" spans="8:8">
      <c r="H369587" s="12"/>
    </row>
    <row r="369588" spans="8:8">
      <c r="H369588" s="12"/>
    </row>
    <row r="369589" spans="8:8">
      <c r="H369589" s="12"/>
    </row>
    <row r="369590" spans="8:8">
      <c r="H369590" s="12"/>
    </row>
    <row r="369591" spans="8:8">
      <c r="H369591" s="12"/>
    </row>
    <row r="369592" spans="8:8">
      <c r="H369592" s="12"/>
    </row>
    <row r="369593" spans="8:8">
      <c r="H369593" s="12"/>
    </row>
    <row r="369594" spans="8:8">
      <c r="H369594" s="12"/>
    </row>
    <row r="369595" spans="8:8">
      <c r="H369595" s="12"/>
    </row>
    <row r="369596" spans="8:8">
      <c r="H369596" s="12"/>
    </row>
    <row r="369597" spans="8:8">
      <c r="H369597" s="12"/>
    </row>
    <row r="369598" spans="8:8">
      <c r="H369598" s="12"/>
    </row>
    <row r="369599" spans="8:8">
      <c r="H369599" s="12"/>
    </row>
    <row r="369600" spans="8:8">
      <c r="H369600" s="12"/>
    </row>
    <row r="369601" spans="8:8">
      <c r="H369601" s="12"/>
    </row>
    <row r="369602" spans="8:8">
      <c r="H369602" s="12"/>
    </row>
    <row r="369603" spans="8:8">
      <c r="H369603" s="12"/>
    </row>
    <row r="369604" spans="8:8">
      <c r="H369604" s="12"/>
    </row>
    <row r="369605" spans="8:8">
      <c r="H369605" s="12"/>
    </row>
    <row r="369606" spans="8:8">
      <c r="H369606" s="12"/>
    </row>
    <row r="369607" spans="8:8">
      <c r="H369607" s="12"/>
    </row>
    <row r="369608" spans="8:8">
      <c r="H369608" s="12"/>
    </row>
    <row r="369609" spans="8:8">
      <c r="H369609" s="12"/>
    </row>
    <row r="369610" spans="8:8">
      <c r="H369610" s="12"/>
    </row>
    <row r="369611" spans="8:8">
      <c r="H369611" s="12"/>
    </row>
    <row r="369612" spans="8:8">
      <c r="H369612" s="12"/>
    </row>
    <row r="369613" spans="8:8">
      <c r="H369613" s="12"/>
    </row>
    <row r="369614" spans="8:8">
      <c r="H369614" s="12"/>
    </row>
    <row r="369615" spans="8:8">
      <c r="H369615" s="12"/>
    </row>
    <row r="369616" spans="8:8">
      <c r="H369616" s="12"/>
    </row>
    <row r="369617" spans="8:8">
      <c r="H369617" s="12"/>
    </row>
    <row r="369618" spans="8:8">
      <c r="H369618" s="12"/>
    </row>
    <row r="369619" spans="8:8">
      <c r="H369619" s="12"/>
    </row>
    <row r="369620" spans="8:8">
      <c r="H369620" s="12"/>
    </row>
    <row r="369621" spans="8:8">
      <c r="H369621" s="12"/>
    </row>
    <row r="369622" spans="8:8">
      <c r="H369622" s="12"/>
    </row>
    <row r="369623" spans="8:8">
      <c r="H369623" s="12"/>
    </row>
    <row r="369624" spans="8:8">
      <c r="H369624" s="12"/>
    </row>
    <row r="369625" spans="8:8">
      <c r="H369625" s="12"/>
    </row>
    <row r="369626" spans="8:8">
      <c r="H369626" s="12"/>
    </row>
    <row r="369627" spans="8:8">
      <c r="H369627" s="12"/>
    </row>
    <row r="369628" spans="8:8">
      <c r="H369628" s="12"/>
    </row>
    <row r="369629" spans="8:8">
      <c r="H369629" s="12"/>
    </row>
    <row r="369630" spans="8:8">
      <c r="H369630" s="12"/>
    </row>
    <row r="369631" spans="8:8">
      <c r="H369631" s="12"/>
    </row>
    <row r="369632" spans="8:8">
      <c r="H369632" s="12"/>
    </row>
    <row r="369633" spans="8:8">
      <c r="H369633" s="12"/>
    </row>
    <row r="369634" spans="8:8">
      <c r="H369634" s="12"/>
    </row>
    <row r="369635" spans="8:8">
      <c r="H369635" s="12"/>
    </row>
    <row r="369636" spans="8:8">
      <c r="H369636" s="12"/>
    </row>
    <row r="369637" spans="8:8">
      <c r="H369637" s="12"/>
    </row>
    <row r="369638" spans="8:8">
      <c r="H369638" s="12"/>
    </row>
    <row r="369639" spans="8:8">
      <c r="H369639" s="12"/>
    </row>
    <row r="369640" spans="8:8">
      <c r="H369640" s="12"/>
    </row>
    <row r="369641" spans="8:8">
      <c r="H369641" s="12"/>
    </row>
    <row r="369642" spans="8:8">
      <c r="H369642" s="12"/>
    </row>
    <row r="369643" spans="8:8">
      <c r="H369643" s="12"/>
    </row>
    <row r="369644" spans="8:8">
      <c r="H369644" s="12"/>
    </row>
    <row r="369645" spans="8:8">
      <c r="H369645" s="12"/>
    </row>
    <row r="369646" spans="8:8">
      <c r="H369646" s="12"/>
    </row>
    <row r="369647" spans="8:8">
      <c r="H369647" s="12"/>
    </row>
    <row r="369648" spans="8:8">
      <c r="H369648" s="12"/>
    </row>
    <row r="369649" spans="8:8">
      <c r="H369649" s="12"/>
    </row>
    <row r="369650" spans="8:8">
      <c r="H369650" s="12"/>
    </row>
    <row r="369651" spans="8:8">
      <c r="H369651" s="12"/>
    </row>
    <row r="369652" spans="8:8">
      <c r="H369652" s="12"/>
    </row>
    <row r="369653" spans="8:8">
      <c r="H369653" s="12"/>
    </row>
    <row r="369654" spans="8:8">
      <c r="H369654" s="12"/>
    </row>
    <row r="369655" spans="8:8">
      <c r="H369655" s="12"/>
    </row>
    <row r="369656" spans="8:8">
      <c r="H369656" s="12"/>
    </row>
    <row r="369657" spans="8:8">
      <c r="H369657" s="12"/>
    </row>
    <row r="369658" spans="8:8">
      <c r="H369658" s="12"/>
    </row>
    <row r="369659" spans="8:8">
      <c r="H369659" s="12"/>
    </row>
    <row r="369660" spans="8:8">
      <c r="H369660" s="12"/>
    </row>
    <row r="369661" spans="8:8">
      <c r="H369661" s="12"/>
    </row>
    <row r="369662" spans="8:8">
      <c r="H369662" s="12"/>
    </row>
    <row r="369663" spans="8:8">
      <c r="H369663" s="12"/>
    </row>
    <row r="369664" spans="8:8">
      <c r="H369664" s="12"/>
    </row>
    <row r="369665" spans="8:8">
      <c r="H369665" s="12"/>
    </row>
    <row r="369666" spans="8:8">
      <c r="H369666" s="12"/>
    </row>
    <row r="369667" spans="8:8">
      <c r="H369667" s="12"/>
    </row>
    <row r="369668" spans="8:8">
      <c r="H369668" s="12"/>
    </row>
    <row r="369669" spans="8:8">
      <c r="H369669" s="12"/>
    </row>
    <row r="369670" spans="8:8">
      <c r="H369670" s="12"/>
    </row>
    <row r="369671" spans="8:8">
      <c r="H369671" s="12"/>
    </row>
    <row r="369672" spans="8:8">
      <c r="H369672" s="12"/>
    </row>
    <row r="369673" spans="8:8">
      <c r="H369673" s="12"/>
    </row>
    <row r="369674" spans="8:8">
      <c r="H369674" s="12"/>
    </row>
    <row r="369675" spans="8:8">
      <c r="H369675" s="12"/>
    </row>
    <row r="369676" spans="8:8">
      <c r="H369676" s="12"/>
    </row>
    <row r="369677" spans="8:8">
      <c r="H369677" s="12"/>
    </row>
    <row r="369678" spans="8:8">
      <c r="H369678" s="12"/>
    </row>
    <row r="369679" spans="8:8">
      <c r="H369679" s="12"/>
    </row>
    <row r="369680" spans="8:8">
      <c r="H369680" s="12"/>
    </row>
    <row r="369681" spans="8:8">
      <c r="H369681" s="12"/>
    </row>
    <row r="369682" spans="8:8">
      <c r="H369682" s="12"/>
    </row>
    <row r="369683" spans="8:8">
      <c r="H369683" s="12"/>
    </row>
    <row r="369684" spans="8:8">
      <c r="H369684" s="12"/>
    </row>
    <row r="369685" spans="8:8">
      <c r="H369685" s="12"/>
    </row>
    <row r="369686" spans="8:8">
      <c r="H369686" s="12"/>
    </row>
    <row r="369687" spans="8:8">
      <c r="H369687" s="12"/>
    </row>
    <row r="369688" spans="8:8">
      <c r="H369688" s="12"/>
    </row>
    <row r="369689" spans="8:8">
      <c r="H369689" s="12"/>
    </row>
    <row r="369690" spans="8:8">
      <c r="H369690" s="12"/>
    </row>
    <row r="369691" spans="8:8">
      <c r="H369691" s="12"/>
    </row>
    <row r="369692" spans="8:8">
      <c r="H369692" s="12"/>
    </row>
    <row r="369693" spans="8:8">
      <c r="H369693" s="12"/>
    </row>
    <row r="369694" spans="8:8">
      <c r="H369694" s="12"/>
    </row>
    <row r="369695" spans="8:8">
      <c r="H369695" s="12"/>
    </row>
    <row r="369696" spans="8:8">
      <c r="H369696" s="12"/>
    </row>
    <row r="369697" spans="8:8">
      <c r="H369697" s="12"/>
    </row>
    <row r="369698" spans="8:8">
      <c r="H369698" s="12"/>
    </row>
    <row r="369699" spans="8:8">
      <c r="H369699" s="12"/>
    </row>
    <row r="369700" spans="8:8">
      <c r="H369700" s="12"/>
    </row>
    <row r="369701" spans="8:8">
      <c r="H369701" s="12"/>
    </row>
    <row r="369702" spans="8:8">
      <c r="H369702" s="12"/>
    </row>
    <row r="369703" spans="8:8">
      <c r="H369703" s="12"/>
    </row>
    <row r="369704" spans="8:8">
      <c r="H369704" s="12"/>
    </row>
    <row r="369705" spans="8:8">
      <c r="H369705" s="12"/>
    </row>
    <row r="369706" spans="8:8">
      <c r="H369706" s="12"/>
    </row>
    <row r="369707" spans="8:8">
      <c r="H369707" s="12"/>
    </row>
    <row r="369708" spans="8:8">
      <c r="H369708" s="12"/>
    </row>
    <row r="369709" spans="8:8">
      <c r="H369709" s="12"/>
    </row>
    <row r="369710" spans="8:8">
      <c r="H369710" s="12"/>
    </row>
    <row r="369711" spans="8:8">
      <c r="H369711" s="12"/>
    </row>
    <row r="369712" spans="8:8">
      <c r="H369712" s="12"/>
    </row>
    <row r="369713" spans="8:8">
      <c r="H369713" s="12"/>
    </row>
    <row r="369714" spans="8:8">
      <c r="H369714" s="12"/>
    </row>
    <row r="369715" spans="8:8">
      <c r="H369715" s="12"/>
    </row>
    <row r="369716" spans="8:8">
      <c r="H369716" s="12"/>
    </row>
    <row r="369717" spans="8:8">
      <c r="H369717" s="12"/>
    </row>
    <row r="369718" spans="8:8">
      <c r="H369718" s="12"/>
    </row>
    <row r="369719" spans="8:8">
      <c r="H369719" s="12"/>
    </row>
    <row r="369720" spans="8:8">
      <c r="H369720" s="12"/>
    </row>
    <row r="369721" spans="8:8">
      <c r="H369721" s="12"/>
    </row>
    <row r="369722" spans="8:8">
      <c r="H369722" s="12"/>
    </row>
    <row r="369723" spans="8:8">
      <c r="H369723" s="12"/>
    </row>
    <row r="369724" spans="8:8">
      <c r="H369724" s="12"/>
    </row>
    <row r="369725" spans="8:8">
      <c r="H369725" s="12"/>
    </row>
    <row r="369726" spans="8:8">
      <c r="H369726" s="12"/>
    </row>
    <row r="369727" spans="8:8">
      <c r="H369727" s="12"/>
    </row>
    <row r="369728" spans="8:8">
      <c r="H369728" s="12"/>
    </row>
    <row r="369729" spans="8:8">
      <c r="H369729" s="12"/>
    </row>
    <row r="369730" spans="8:8">
      <c r="H369730" s="12"/>
    </row>
    <row r="369731" spans="8:8">
      <c r="H369731" s="12"/>
    </row>
    <row r="369732" spans="8:8">
      <c r="H369732" s="12"/>
    </row>
    <row r="369733" spans="8:8">
      <c r="H369733" s="12"/>
    </row>
    <row r="369734" spans="8:8">
      <c r="H369734" s="12"/>
    </row>
    <row r="369735" spans="8:8">
      <c r="H369735" s="12"/>
    </row>
    <row r="369736" spans="8:8">
      <c r="H369736" s="12"/>
    </row>
    <row r="369737" spans="8:8">
      <c r="H369737" s="12"/>
    </row>
    <row r="369738" spans="8:8">
      <c r="H369738" s="12"/>
    </row>
    <row r="369739" spans="8:8">
      <c r="H369739" s="12"/>
    </row>
    <row r="369740" spans="8:8">
      <c r="H369740" s="12"/>
    </row>
    <row r="369741" spans="8:8">
      <c r="H369741" s="12"/>
    </row>
    <row r="369742" spans="8:8">
      <c r="H369742" s="12"/>
    </row>
    <row r="369743" spans="8:8">
      <c r="H369743" s="12"/>
    </row>
    <row r="369744" spans="8:8">
      <c r="H369744" s="12"/>
    </row>
    <row r="369745" spans="8:8">
      <c r="H369745" s="12"/>
    </row>
    <row r="369746" spans="8:8">
      <c r="H369746" s="12"/>
    </row>
    <row r="369747" spans="8:8">
      <c r="H369747" s="12"/>
    </row>
    <row r="369748" spans="8:8">
      <c r="H369748" s="12"/>
    </row>
    <row r="369749" spans="8:8">
      <c r="H369749" s="12"/>
    </row>
    <row r="369750" spans="8:8">
      <c r="H369750" s="12"/>
    </row>
    <row r="369751" spans="8:8">
      <c r="H369751" s="12"/>
    </row>
    <row r="369752" spans="8:8">
      <c r="H369752" s="12"/>
    </row>
    <row r="369753" spans="8:8">
      <c r="H369753" s="12"/>
    </row>
    <row r="369754" spans="8:8">
      <c r="H369754" s="12"/>
    </row>
    <row r="369755" spans="8:8">
      <c r="H369755" s="12"/>
    </row>
    <row r="369756" spans="8:8">
      <c r="H369756" s="12"/>
    </row>
    <row r="369757" spans="8:8">
      <c r="H369757" s="12"/>
    </row>
    <row r="369758" spans="8:8">
      <c r="H369758" s="12"/>
    </row>
    <row r="369759" spans="8:8">
      <c r="H369759" s="12"/>
    </row>
    <row r="369760" spans="8:8">
      <c r="H369760" s="12"/>
    </row>
    <row r="369761" spans="8:8">
      <c r="H369761" s="12"/>
    </row>
    <row r="369762" spans="8:8">
      <c r="H369762" s="12"/>
    </row>
    <row r="369763" spans="8:8">
      <c r="H369763" s="12"/>
    </row>
    <row r="369764" spans="8:8">
      <c r="H369764" s="12"/>
    </row>
    <row r="369765" spans="8:8">
      <c r="H369765" s="12"/>
    </row>
    <row r="369766" spans="8:8">
      <c r="H369766" s="12"/>
    </row>
    <row r="369767" spans="8:8">
      <c r="H369767" s="12"/>
    </row>
    <row r="369768" spans="8:8">
      <c r="H369768" s="12"/>
    </row>
    <row r="369769" spans="8:8">
      <c r="H369769" s="12"/>
    </row>
    <row r="369770" spans="8:8">
      <c r="H369770" s="12"/>
    </row>
    <row r="369771" spans="8:8">
      <c r="H369771" s="12"/>
    </row>
    <row r="369772" spans="8:8">
      <c r="H369772" s="12"/>
    </row>
    <row r="369773" spans="8:8">
      <c r="H369773" s="12"/>
    </row>
    <row r="369774" spans="8:8">
      <c r="H369774" s="12"/>
    </row>
    <row r="369775" spans="8:8">
      <c r="H369775" s="12"/>
    </row>
    <row r="369776" spans="8:8">
      <c r="H369776" s="12"/>
    </row>
    <row r="369777" spans="8:8">
      <c r="H369777" s="12"/>
    </row>
    <row r="369778" spans="8:8">
      <c r="H369778" s="12"/>
    </row>
    <row r="369779" spans="8:8">
      <c r="H369779" s="12"/>
    </row>
    <row r="369780" spans="8:8">
      <c r="H369780" s="12"/>
    </row>
    <row r="369781" spans="8:8">
      <c r="H369781" s="12"/>
    </row>
    <row r="369782" spans="8:8">
      <c r="H369782" s="12"/>
    </row>
    <row r="369783" spans="8:8">
      <c r="H369783" s="12"/>
    </row>
    <row r="369784" spans="8:8">
      <c r="H369784" s="12"/>
    </row>
    <row r="369785" spans="8:8">
      <c r="H369785" s="12"/>
    </row>
    <row r="369786" spans="8:8">
      <c r="H369786" s="12"/>
    </row>
    <row r="369787" spans="8:8">
      <c r="H369787" s="12"/>
    </row>
    <row r="369788" spans="8:8">
      <c r="H369788" s="12"/>
    </row>
    <row r="369789" spans="8:8">
      <c r="H369789" s="12"/>
    </row>
    <row r="369790" spans="8:8">
      <c r="H369790" s="12"/>
    </row>
    <row r="369791" spans="8:8">
      <c r="H369791" s="12"/>
    </row>
    <row r="369792" spans="8:8">
      <c r="H369792" s="12"/>
    </row>
    <row r="369793" spans="8:8">
      <c r="H369793" s="12"/>
    </row>
    <row r="369794" spans="8:8">
      <c r="H369794" s="12"/>
    </row>
    <row r="369795" spans="8:8">
      <c r="H369795" s="12"/>
    </row>
    <row r="369796" spans="8:8">
      <c r="H369796" s="12"/>
    </row>
    <row r="369797" spans="8:8">
      <c r="H369797" s="12"/>
    </row>
    <row r="369798" spans="8:8">
      <c r="H369798" s="12"/>
    </row>
    <row r="369799" spans="8:8">
      <c r="H369799" s="12"/>
    </row>
    <row r="369800" spans="8:8">
      <c r="H369800" s="12"/>
    </row>
    <row r="369801" spans="8:8">
      <c r="H369801" s="12"/>
    </row>
    <row r="369802" spans="8:8">
      <c r="H369802" s="12"/>
    </row>
    <row r="369803" spans="8:8">
      <c r="H369803" s="12"/>
    </row>
    <row r="369804" spans="8:8">
      <c r="H369804" s="12"/>
    </row>
    <row r="369805" spans="8:8">
      <c r="H369805" s="12"/>
    </row>
    <row r="369806" spans="8:8">
      <c r="H369806" s="12"/>
    </row>
    <row r="369807" spans="8:8">
      <c r="H369807" s="12"/>
    </row>
    <row r="369808" spans="8:8">
      <c r="H369808" s="12"/>
    </row>
    <row r="369809" spans="8:8">
      <c r="H369809" s="12"/>
    </row>
    <row r="369810" spans="8:8">
      <c r="H369810" s="12"/>
    </row>
    <row r="369811" spans="8:8">
      <c r="H369811" s="12"/>
    </row>
    <row r="369812" spans="8:8">
      <c r="H369812" s="12"/>
    </row>
    <row r="369813" spans="8:8">
      <c r="H369813" s="12"/>
    </row>
    <row r="369814" spans="8:8">
      <c r="H369814" s="12"/>
    </row>
    <row r="369815" spans="8:8">
      <c r="H369815" s="12"/>
    </row>
    <row r="369816" spans="8:8">
      <c r="H369816" s="12"/>
    </row>
    <row r="369817" spans="8:8">
      <c r="H369817" s="12"/>
    </row>
    <row r="369818" spans="8:8">
      <c r="H369818" s="12"/>
    </row>
    <row r="369819" spans="8:8">
      <c r="H369819" s="12"/>
    </row>
    <row r="369820" spans="8:8">
      <c r="H369820" s="12"/>
    </row>
    <row r="369821" spans="8:8">
      <c r="H369821" s="12"/>
    </row>
    <row r="369822" spans="8:8">
      <c r="H369822" s="12"/>
    </row>
    <row r="369823" spans="8:8">
      <c r="H369823" s="12"/>
    </row>
    <row r="369824" spans="8:8">
      <c r="H369824" s="12"/>
    </row>
    <row r="369825" spans="8:8">
      <c r="H369825" s="12"/>
    </row>
    <row r="369826" spans="8:8">
      <c r="H369826" s="12"/>
    </row>
    <row r="369827" spans="8:8">
      <c r="H369827" s="12"/>
    </row>
    <row r="369828" spans="8:8">
      <c r="H369828" s="12"/>
    </row>
    <row r="369829" spans="8:8">
      <c r="H369829" s="12"/>
    </row>
    <row r="369830" spans="8:8">
      <c r="H369830" s="12"/>
    </row>
    <row r="369831" spans="8:8">
      <c r="H369831" s="12"/>
    </row>
    <row r="369832" spans="8:8">
      <c r="H369832" s="12"/>
    </row>
    <row r="369833" spans="8:8">
      <c r="H369833" s="12"/>
    </row>
    <row r="369834" spans="8:8">
      <c r="H369834" s="12"/>
    </row>
    <row r="369835" spans="8:8">
      <c r="H369835" s="12"/>
    </row>
    <row r="369836" spans="8:8">
      <c r="H369836" s="12"/>
    </row>
    <row r="369837" spans="8:8">
      <c r="H369837" s="12"/>
    </row>
    <row r="369838" spans="8:8">
      <c r="H369838" s="12"/>
    </row>
    <row r="369839" spans="8:8">
      <c r="H369839" s="12"/>
    </row>
    <row r="369840" spans="8:8">
      <c r="H369840" s="12"/>
    </row>
    <row r="369841" spans="8:8">
      <c r="H369841" s="12"/>
    </row>
    <row r="369842" spans="8:8">
      <c r="H369842" s="12"/>
    </row>
    <row r="369843" spans="8:8">
      <c r="H369843" s="12"/>
    </row>
    <row r="369844" spans="8:8">
      <c r="H369844" s="12"/>
    </row>
    <row r="369845" spans="8:8">
      <c r="H369845" s="12"/>
    </row>
    <row r="369846" spans="8:8">
      <c r="H369846" s="12"/>
    </row>
    <row r="369847" spans="8:8">
      <c r="H369847" s="12"/>
    </row>
    <row r="369848" spans="8:8">
      <c r="H369848" s="12"/>
    </row>
    <row r="369849" spans="8:8">
      <c r="H369849" s="12"/>
    </row>
    <row r="369850" spans="8:8">
      <c r="H369850" s="12"/>
    </row>
    <row r="369851" spans="8:8">
      <c r="H369851" s="12"/>
    </row>
    <row r="369852" spans="8:8">
      <c r="H369852" s="12"/>
    </row>
    <row r="369853" spans="8:8">
      <c r="H369853" s="12"/>
    </row>
    <row r="369854" spans="8:8">
      <c r="H369854" s="12"/>
    </row>
    <row r="369855" spans="8:8">
      <c r="H369855" s="12"/>
    </row>
    <row r="369856" spans="8:8">
      <c r="H369856" s="12"/>
    </row>
    <row r="369857" spans="8:8">
      <c r="H369857" s="12"/>
    </row>
    <row r="369858" spans="8:8">
      <c r="H369858" s="12"/>
    </row>
    <row r="369859" spans="8:8">
      <c r="H369859" s="12"/>
    </row>
    <row r="369860" spans="8:8">
      <c r="H369860" s="12"/>
    </row>
    <row r="369861" spans="8:8">
      <c r="H369861" s="12"/>
    </row>
    <row r="369862" spans="8:8">
      <c r="H369862" s="12"/>
    </row>
    <row r="369863" spans="8:8">
      <c r="H369863" s="12"/>
    </row>
    <row r="369864" spans="8:8">
      <c r="H369864" s="12"/>
    </row>
    <row r="369865" spans="8:8">
      <c r="H369865" s="12"/>
    </row>
    <row r="369866" spans="8:8">
      <c r="H369866" s="12"/>
    </row>
    <row r="369867" spans="8:8">
      <c r="H369867" s="12"/>
    </row>
    <row r="369868" spans="8:8">
      <c r="H369868" s="12"/>
    </row>
    <row r="369869" spans="8:8">
      <c r="H369869" s="12"/>
    </row>
    <row r="369870" spans="8:8">
      <c r="H369870" s="12"/>
    </row>
    <row r="369871" spans="8:8">
      <c r="H369871" s="12"/>
    </row>
    <row r="369872" spans="8:8">
      <c r="H369872" s="12"/>
    </row>
    <row r="369873" spans="8:8">
      <c r="H369873" s="12"/>
    </row>
    <row r="369874" spans="8:8">
      <c r="H369874" s="12"/>
    </row>
    <row r="369875" spans="8:8">
      <c r="H369875" s="12"/>
    </row>
    <row r="369876" spans="8:8">
      <c r="H369876" s="12"/>
    </row>
    <row r="369877" spans="8:8">
      <c r="H369877" s="12"/>
    </row>
    <row r="369878" spans="8:8">
      <c r="H369878" s="12"/>
    </row>
    <row r="369879" spans="8:8">
      <c r="H369879" s="12"/>
    </row>
    <row r="369880" spans="8:8">
      <c r="H369880" s="12"/>
    </row>
    <row r="369881" spans="8:8">
      <c r="H369881" s="12"/>
    </row>
    <row r="369882" spans="8:8">
      <c r="H369882" s="12"/>
    </row>
    <row r="369883" spans="8:8">
      <c r="H369883" s="12"/>
    </row>
    <row r="369884" spans="8:8">
      <c r="H369884" s="12"/>
    </row>
    <row r="369885" spans="8:8">
      <c r="H369885" s="12"/>
    </row>
    <row r="369886" spans="8:8">
      <c r="H369886" s="12"/>
    </row>
    <row r="369887" spans="8:8">
      <c r="H369887" s="12"/>
    </row>
    <row r="369888" spans="8:8">
      <c r="H369888" s="12"/>
    </row>
    <row r="369889" spans="8:8">
      <c r="H369889" s="12"/>
    </row>
    <row r="369890" spans="8:8">
      <c r="H369890" s="12"/>
    </row>
    <row r="369891" spans="8:8">
      <c r="H369891" s="12"/>
    </row>
    <row r="369892" spans="8:8">
      <c r="H369892" s="12"/>
    </row>
    <row r="369893" spans="8:8">
      <c r="H369893" s="12"/>
    </row>
    <row r="369894" spans="8:8">
      <c r="H369894" s="12"/>
    </row>
    <row r="369895" spans="8:8">
      <c r="H369895" s="12"/>
    </row>
    <row r="369896" spans="8:8">
      <c r="H369896" s="12"/>
    </row>
    <row r="369897" spans="8:8">
      <c r="H369897" s="12"/>
    </row>
    <row r="369898" spans="8:8">
      <c r="H369898" s="12"/>
    </row>
    <row r="369899" spans="8:8">
      <c r="H369899" s="12"/>
    </row>
    <row r="369900" spans="8:8">
      <c r="H369900" s="12"/>
    </row>
    <row r="369901" spans="8:8">
      <c r="H369901" s="12"/>
    </row>
    <row r="369902" spans="8:8">
      <c r="H369902" s="12"/>
    </row>
    <row r="369903" spans="8:8">
      <c r="H369903" s="12"/>
    </row>
    <row r="369904" spans="8:8">
      <c r="H369904" s="12"/>
    </row>
    <row r="369905" spans="8:8">
      <c r="H369905" s="12"/>
    </row>
    <row r="369906" spans="8:8">
      <c r="H369906" s="12"/>
    </row>
    <row r="369907" spans="8:8">
      <c r="H369907" s="12"/>
    </row>
    <row r="369908" spans="8:8">
      <c r="H369908" s="12"/>
    </row>
    <row r="369909" spans="8:8">
      <c r="H369909" s="12"/>
    </row>
    <row r="369910" spans="8:8">
      <c r="H369910" s="12"/>
    </row>
    <row r="369911" spans="8:8">
      <c r="H369911" s="12"/>
    </row>
    <row r="369912" spans="8:8">
      <c r="H369912" s="12"/>
    </row>
    <row r="369913" spans="8:8">
      <c r="H369913" s="12"/>
    </row>
    <row r="369914" spans="8:8">
      <c r="H369914" s="12"/>
    </row>
    <row r="369915" spans="8:8">
      <c r="H369915" s="12"/>
    </row>
    <row r="369916" spans="8:8">
      <c r="H369916" s="12"/>
    </row>
    <row r="369917" spans="8:8">
      <c r="H369917" s="12"/>
    </row>
    <row r="369918" spans="8:8">
      <c r="H369918" s="12"/>
    </row>
    <row r="369919" spans="8:8">
      <c r="H369919" s="12"/>
    </row>
    <row r="369920" spans="8:8">
      <c r="H369920" s="12"/>
    </row>
    <row r="369921" spans="8:8">
      <c r="H369921" s="12"/>
    </row>
    <row r="369922" spans="8:8">
      <c r="H369922" s="12"/>
    </row>
    <row r="369923" spans="8:8">
      <c r="H369923" s="12"/>
    </row>
    <row r="369924" spans="8:8">
      <c r="H369924" s="12"/>
    </row>
    <row r="369925" spans="8:8">
      <c r="H369925" s="12"/>
    </row>
    <row r="369926" spans="8:8">
      <c r="H369926" s="12"/>
    </row>
    <row r="369927" spans="8:8">
      <c r="H369927" s="12"/>
    </row>
    <row r="369928" spans="8:8">
      <c r="H369928" s="12"/>
    </row>
    <row r="369929" spans="8:8">
      <c r="H369929" s="12"/>
    </row>
    <row r="369930" spans="8:8">
      <c r="H369930" s="12"/>
    </row>
    <row r="369931" spans="8:8">
      <c r="H369931" s="12"/>
    </row>
    <row r="369932" spans="8:8">
      <c r="H369932" s="12"/>
    </row>
    <row r="369933" spans="8:8">
      <c r="H369933" s="12"/>
    </row>
    <row r="369934" spans="8:8">
      <c r="H369934" s="12"/>
    </row>
    <row r="369935" spans="8:8">
      <c r="H369935" s="12"/>
    </row>
    <row r="369936" spans="8:8">
      <c r="H369936" s="12"/>
    </row>
    <row r="369937" spans="8:8">
      <c r="H369937" s="12"/>
    </row>
    <row r="369938" spans="8:8">
      <c r="H369938" s="12"/>
    </row>
    <row r="369939" spans="8:8">
      <c r="H369939" s="12"/>
    </row>
    <row r="369940" spans="8:8">
      <c r="H369940" s="12"/>
    </row>
    <row r="369941" spans="8:8">
      <c r="H369941" s="12"/>
    </row>
    <row r="369942" spans="8:8">
      <c r="H369942" s="12"/>
    </row>
    <row r="369943" spans="8:8">
      <c r="H369943" s="12"/>
    </row>
    <row r="369944" spans="8:8">
      <c r="H369944" s="12"/>
    </row>
    <row r="369945" spans="8:8">
      <c r="H369945" s="12"/>
    </row>
    <row r="369946" spans="8:8">
      <c r="H369946" s="12"/>
    </row>
    <row r="369947" spans="8:8">
      <c r="H369947" s="12"/>
    </row>
    <row r="369948" spans="8:8">
      <c r="H369948" s="12"/>
    </row>
    <row r="369949" spans="8:8">
      <c r="H369949" s="12"/>
    </row>
    <row r="369950" spans="8:8">
      <c r="H369950" s="12"/>
    </row>
    <row r="369951" spans="8:8">
      <c r="H369951" s="12"/>
    </row>
    <row r="369952" spans="8:8">
      <c r="H369952" s="12"/>
    </row>
    <row r="369953" spans="8:8">
      <c r="H369953" s="12"/>
    </row>
    <row r="369954" spans="8:8">
      <c r="H369954" s="12"/>
    </row>
    <row r="369955" spans="8:8">
      <c r="H369955" s="12"/>
    </row>
    <row r="369956" spans="8:8">
      <c r="H369956" s="12"/>
    </row>
    <row r="369957" spans="8:8">
      <c r="H369957" s="12"/>
    </row>
    <row r="369958" spans="8:8">
      <c r="H369958" s="12"/>
    </row>
    <row r="369959" spans="8:8">
      <c r="H369959" s="12"/>
    </row>
    <row r="369960" spans="8:8">
      <c r="H369960" s="12"/>
    </row>
    <row r="369961" spans="8:8">
      <c r="H369961" s="12"/>
    </row>
    <row r="369962" spans="8:8">
      <c r="H369962" s="12"/>
    </row>
    <row r="369963" spans="8:8">
      <c r="H369963" s="12"/>
    </row>
    <row r="369964" spans="8:8">
      <c r="H369964" s="12"/>
    </row>
    <row r="369965" spans="8:8">
      <c r="H369965" s="12"/>
    </row>
    <row r="369966" spans="8:8">
      <c r="H369966" s="12"/>
    </row>
    <row r="369967" spans="8:8">
      <c r="H369967" s="12"/>
    </row>
    <row r="369968" spans="8:8">
      <c r="H369968" s="12"/>
    </row>
    <row r="369969" spans="8:8">
      <c r="H369969" s="12"/>
    </row>
    <row r="369970" spans="8:8">
      <c r="H369970" s="12"/>
    </row>
    <row r="369971" spans="8:8">
      <c r="H369971" s="12"/>
    </row>
    <row r="369972" spans="8:8">
      <c r="H369972" s="12"/>
    </row>
    <row r="369973" spans="8:8">
      <c r="H369973" s="12"/>
    </row>
    <row r="369974" spans="8:8">
      <c r="H369974" s="12"/>
    </row>
    <row r="369975" spans="8:8">
      <c r="H369975" s="12"/>
    </row>
    <row r="369976" spans="8:8">
      <c r="H369976" s="12"/>
    </row>
    <row r="369977" spans="8:8">
      <c r="H369977" s="12"/>
    </row>
    <row r="369978" spans="8:8">
      <c r="H369978" s="12"/>
    </row>
    <row r="369979" spans="8:8">
      <c r="H369979" s="12"/>
    </row>
    <row r="369980" spans="8:8">
      <c r="H369980" s="12"/>
    </row>
    <row r="369981" spans="8:8">
      <c r="H369981" s="12"/>
    </row>
    <row r="369982" spans="8:8">
      <c r="H369982" s="12"/>
    </row>
    <row r="369983" spans="8:8">
      <c r="H369983" s="12"/>
    </row>
    <row r="369984" spans="8:8">
      <c r="H369984" s="12"/>
    </row>
    <row r="369985" spans="8:8">
      <c r="H369985" s="12"/>
    </row>
    <row r="369986" spans="8:8">
      <c r="H369986" s="12"/>
    </row>
    <row r="369987" spans="8:8">
      <c r="H369987" s="12"/>
    </row>
    <row r="369988" spans="8:8">
      <c r="H369988" s="12"/>
    </row>
    <row r="369989" spans="8:8">
      <c r="H369989" s="12"/>
    </row>
    <row r="369990" spans="8:8">
      <c r="H369990" s="12"/>
    </row>
    <row r="369991" spans="8:8">
      <c r="H369991" s="12"/>
    </row>
    <row r="369992" spans="8:8">
      <c r="H369992" s="12"/>
    </row>
    <row r="369993" spans="8:8">
      <c r="H369993" s="12"/>
    </row>
    <row r="369994" spans="8:8">
      <c r="H369994" s="12"/>
    </row>
    <row r="369995" spans="8:8">
      <c r="H369995" s="12"/>
    </row>
    <row r="369996" spans="8:8">
      <c r="H369996" s="12"/>
    </row>
    <row r="369997" spans="8:8">
      <c r="H369997" s="12"/>
    </row>
    <row r="369998" spans="8:8">
      <c r="H369998" s="12"/>
    </row>
    <row r="369999" spans="8:8">
      <c r="H369999" s="12"/>
    </row>
    <row r="370000" spans="8:8">
      <c r="H370000" s="12"/>
    </row>
    <row r="370001" spans="8:8">
      <c r="H370001" s="12"/>
    </row>
    <row r="370002" spans="8:8">
      <c r="H370002" s="12"/>
    </row>
    <row r="370003" spans="8:8">
      <c r="H370003" s="12"/>
    </row>
    <row r="370004" spans="8:8">
      <c r="H370004" s="12"/>
    </row>
    <row r="370005" spans="8:8">
      <c r="H370005" s="12"/>
    </row>
    <row r="370006" spans="8:8">
      <c r="H370006" s="12"/>
    </row>
    <row r="370007" spans="8:8">
      <c r="H370007" s="12"/>
    </row>
    <row r="370008" spans="8:8">
      <c r="H370008" s="12"/>
    </row>
    <row r="370009" spans="8:8">
      <c r="H370009" s="12"/>
    </row>
    <row r="370010" spans="8:8">
      <c r="H370010" s="12"/>
    </row>
    <row r="370011" spans="8:8">
      <c r="H370011" s="12"/>
    </row>
    <row r="370012" spans="8:8">
      <c r="H370012" s="12"/>
    </row>
    <row r="370013" spans="8:8">
      <c r="H370013" s="12"/>
    </row>
    <row r="370014" spans="8:8">
      <c r="H370014" s="12"/>
    </row>
    <row r="370015" spans="8:8">
      <c r="H370015" s="12"/>
    </row>
    <row r="370016" spans="8:8">
      <c r="H370016" s="12"/>
    </row>
    <row r="370017" spans="8:8">
      <c r="H370017" s="12"/>
    </row>
    <row r="370018" spans="8:8">
      <c r="H370018" s="12"/>
    </row>
    <row r="370019" spans="8:8">
      <c r="H370019" s="12"/>
    </row>
    <row r="370020" spans="8:8">
      <c r="H370020" s="12"/>
    </row>
    <row r="370021" spans="8:8">
      <c r="H370021" s="12"/>
    </row>
    <row r="370022" spans="8:8">
      <c r="H370022" s="12"/>
    </row>
    <row r="370023" spans="8:8">
      <c r="H370023" s="12"/>
    </row>
    <row r="370024" spans="8:8">
      <c r="H370024" s="12"/>
    </row>
    <row r="370025" spans="8:8">
      <c r="H370025" s="12"/>
    </row>
    <row r="370026" spans="8:8">
      <c r="H370026" s="12"/>
    </row>
    <row r="370027" spans="8:8">
      <c r="H370027" s="12"/>
    </row>
    <row r="370028" spans="8:8">
      <c r="H370028" s="12"/>
    </row>
    <row r="370029" spans="8:8">
      <c r="H370029" s="12"/>
    </row>
    <row r="370030" spans="8:8">
      <c r="H370030" s="12"/>
    </row>
    <row r="370031" spans="8:8">
      <c r="H370031" s="12"/>
    </row>
    <row r="370032" spans="8:8">
      <c r="H370032" s="12"/>
    </row>
    <row r="370033" spans="8:8">
      <c r="H370033" s="12"/>
    </row>
    <row r="370034" spans="8:8">
      <c r="H370034" s="12"/>
    </row>
    <row r="370035" spans="8:8">
      <c r="H370035" s="12"/>
    </row>
    <row r="370036" spans="8:8">
      <c r="H370036" s="12"/>
    </row>
    <row r="370037" spans="8:8">
      <c r="H370037" s="12"/>
    </row>
    <row r="370038" spans="8:8">
      <c r="H370038" s="12"/>
    </row>
    <row r="370039" spans="8:8">
      <c r="H370039" s="12"/>
    </row>
    <row r="370040" spans="8:8">
      <c r="H370040" s="12"/>
    </row>
    <row r="370041" spans="8:8">
      <c r="H370041" s="12"/>
    </row>
    <row r="370042" spans="8:8">
      <c r="H370042" s="12"/>
    </row>
    <row r="370043" spans="8:8">
      <c r="H370043" s="12"/>
    </row>
    <row r="370044" spans="8:8">
      <c r="H370044" s="12"/>
    </row>
    <row r="370045" spans="8:8">
      <c r="H370045" s="12"/>
    </row>
    <row r="370046" spans="8:8">
      <c r="H370046" s="12"/>
    </row>
    <row r="370047" spans="8:8">
      <c r="H370047" s="12"/>
    </row>
    <row r="370048" spans="8:8">
      <c r="H370048" s="12"/>
    </row>
    <row r="370049" spans="8:8">
      <c r="H370049" s="12"/>
    </row>
    <row r="370050" spans="8:8">
      <c r="H370050" s="12"/>
    </row>
    <row r="370051" spans="8:8">
      <c r="H370051" s="12"/>
    </row>
    <row r="370052" spans="8:8">
      <c r="H370052" s="12"/>
    </row>
    <row r="370053" spans="8:8">
      <c r="H370053" s="12"/>
    </row>
    <row r="370054" spans="8:8">
      <c r="H370054" s="12"/>
    </row>
    <row r="370055" spans="8:8">
      <c r="H370055" s="12"/>
    </row>
    <row r="370056" spans="8:8">
      <c r="H370056" s="12"/>
    </row>
    <row r="370057" spans="8:8">
      <c r="H370057" s="12"/>
    </row>
    <row r="370058" spans="8:8">
      <c r="H370058" s="12"/>
    </row>
    <row r="370059" spans="8:8">
      <c r="H370059" s="12"/>
    </row>
    <row r="370060" spans="8:8">
      <c r="H370060" s="12"/>
    </row>
    <row r="370061" spans="8:8">
      <c r="H370061" s="12"/>
    </row>
    <row r="370062" spans="8:8">
      <c r="H370062" s="12"/>
    </row>
    <row r="370063" spans="8:8">
      <c r="H370063" s="12"/>
    </row>
    <row r="370064" spans="8:8">
      <c r="H370064" s="12"/>
    </row>
    <row r="370065" spans="8:8">
      <c r="H370065" s="12"/>
    </row>
    <row r="370066" spans="8:8">
      <c r="H370066" s="12"/>
    </row>
    <row r="370067" spans="8:8">
      <c r="H370067" s="12"/>
    </row>
    <row r="370068" spans="8:8">
      <c r="H370068" s="12"/>
    </row>
    <row r="370069" spans="8:8">
      <c r="H370069" s="12"/>
    </row>
    <row r="370070" spans="8:8">
      <c r="H370070" s="12"/>
    </row>
    <row r="370071" spans="8:8">
      <c r="H370071" s="12"/>
    </row>
    <row r="370072" spans="8:8">
      <c r="H370072" s="12"/>
    </row>
    <row r="370073" spans="8:8">
      <c r="H370073" s="12"/>
    </row>
    <row r="370074" spans="8:8">
      <c r="H370074" s="12"/>
    </row>
    <row r="370075" spans="8:8">
      <c r="H370075" s="12"/>
    </row>
    <row r="370076" spans="8:8">
      <c r="H370076" s="12"/>
    </row>
    <row r="370077" spans="8:8">
      <c r="H370077" s="12"/>
    </row>
    <row r="370078" spans="8:8">
      <c r="H370078" s="12"/>
    </row>
    <row r="370079" spans="8:8">
      <c r="H370079" s="12"/>
    </row>
    <row r="370080" spans="8:8">
      <c r="H370080" s="12"/>
    </row>
    <row r="370081" spans="8:8">
      <c r="H370081" s="12"/>
    </row>
    <row r="370082" spans="8:8">
      <c r="H370082" s="12"/>
    </row>
    <row r="370083" spans="8:8">
      <c r="H370083" s="12"/>
    </row>
    <row r="370084" spans="8:8">
      <c r="H370084" s="12"/>
    </row>
    <row r="370085" spans="8:8">
      <c r="H370085" s="12"/>
    </row>
    <row r="370086" spans="8:8">
      <c r="H370086" s="12"/>
    </row>
    <row r="370087" spans="8:8">
      <c r="H370087" s="12"/>
    </row>
    <row r="370088" spans="8:8">
      <c r="H370088" s="12"/>
    </row>
    <row r="370089" spans="8:8">
      <c r="H370089" s="12"/>
    </row>
    <row r="370090" spans="8:8">
      <c r="H370090" s="12"/>
    </row>
    <row r="370091" spans="8:8">
      <c r="H370091" s="12"/>
    </row>
    <row r="370092" spans="8:8">
      <c r="H370092" s="12"/>
    </row>
    <row r="370093" spans="8:8">
      <c r="H370093" s="12"/>
    </row>
    <row r="370094" spans="8:8">
      <c r="H370094" s="12"/>
    </row>
    <row r="370095" spans="8:8">
      <c r="H370095" s="12"/>
    </row>
    <row r="370096" spans="8:8">
      <c r="H370096" s="12"/>
    </row>
    <row r="370097" spans="8:8">
      <c r="H370097" s="12"/>
    </row>
    <row r="370098" spans="8:8">
      <c r="H370098" s="12"/>
    </row>
    <row r="370099" spans="8:8">
      <c r="H370099" s="12"/>
    </row>
    <row r="370100" spans="8:8">
      <c r="H370100" s="12"/>
    </row>
    <row r="370101" spans="8:8">
      <c r="H370101" s="12"/>
    </row>
    <row r="370102" spans="8:8">
      <c r="H370102" s="12"/>
    </row>
    <row r="370103" spans="8:8">
      <c r="H370103" s="12"/>
    </row>
    <row r="370104" spans="8:8">
      <c r="H370104" s="12"/>
    </row>
    <row r="370105" spans="8:8">
      <c r="H370105" s="12"/>
    </row>
    <row r="370106" spans="8:8">
      <c r="H370106" s="12"/>
    </row>
    <row r="370107" spans="8:8">
      <c r="H370107" s="12"/>
    </row>
    <row r="370108" spans="8:8">
      <c r="H370108" s="12"/>
    </row>
    <row r="370109" spans="8:8">
      <c r="H370109" s="12"/>
    </row>
    <row r="370110" spans="8:8">
      <c r="H370110" s="12"/>
    </row>
    <row r="370111" spans="8:8">
      <c r="H370111" s="12"/>
    </row>
    <row r="370112" spans="8:8">
      <c r="H370112" s="12"/>
    </row>
    <row r="370113" spans="8:8">
      <c r="H370113" s="12"/>
    </row>
    <row r="370114" spans="8:8">
      <c r="H370114" s="12"/>
    </row>
    <row r="370115" spans="8:8">
      <c r="H370115" s="12"/>
    </row>
    <row r="370116" spans="8:8">
      <c r="H370116" s="12"/>
    </row>
    <row r="370117" spans="8:8">
      <c r="H370117" s="12"/>
    </row>
    <row r="370118" spans="8:8">
      <c r="H370118" s="12"/>
    </row>
    <row r="370119" spans="8:8">
      <c r="H370119" s="12"/>
    </row>
    <row r="370120" spans="8:8">
      <c r="H370120" s="12"/>
    </row>
    <row r="370121" spans="8:8">
      <c r="H370121" s="12"/>
    </row>
    <row r="370122" spans="8:8">
      <c r="H370122" s="12"/>
    </row>
    <row r="370123" spans="8:8">
      <c r="H370123" s="12"/>
    </row>
    <row r="370124" spans="8:8">
      <c r="H370124" s="12"/>
    </row>
    <row r="370125" spans="8:8">
      <c r="H370125" s="12"/>
    </row>
    <row r="370126" spans="8:8">
      <c r="H370126" s="12"/>
    </row>
    <row r="370127" spans="8:8">
      <c r="H370127" s="12"/>
    </row>
    <row r="370128" spans="8:8">
      <c r="H370128" s="12"/>
    </row>
    <row r="370129" spans="8:8">
      <c r="H370129" s="12"/>
    </row>
    <row r="370130" spans="8:8">
      <c r="H370130" s="12"/>
    </row>
    <row r="370131" spans="8:8">
      <c r="H370131" s="12"/>
    </row>
    <row r="370132" spans="8:8">
      <c r="H370132" s="12"/>
    </row>
    <row r="370133" spans="8:8">
      <c r="H370133" s="12"/>
    </row>
    <row r="370134" spans="8:8">
      <c r="H370134" s="12"/>
    </row>
    <row r="370135" spans="8:8">
      <c r="H370135" s="12"/>
    </row>
    <row r="370136" spans="8:8">
      <c r="H370136" s="12"/>
    </row>
    <row r="370137" spans="8:8">
      <c r="H370137" s="12"/>
    </row>
    <row r="370138" spans="8:8">
      <c r="H370138" s="12"/>
    </row>
    <row r="370139" spans="8:8">
      <c r="H370139" s="12"/>
    </row>
    <row r="370140" spans="8:8">
      <c r="H370140" s="12"/>
    </row>
    <row r="370141" spans="8:8">
      <c r="H370141" s="12"/>
    </row>
    <row r="370142" spans="8:8">
      <c r="H370142" s="12"/>
    </row>
    <row r="370143" spans="8:8">
      <c r="H370143" s="12"/>
    </row>
    <row r="370144" spans="8:8">
      <c r="H370144" s="12"/>
    </row>
    <row r="370145" spans="8:8">
      <c r="H370145" s="12"/>
    </row>
    <row r="370146" spans="8:8">
      <c r="H370146" s="12"/>
    </row>
    <row r="370147" spans="8:8">
      <c r="H370147" s="12"/>
    </row>
    <row r="370148" spans="8:8">
      <c r="H370148" s="12"/>
    </row>
    <row r="370149" spans="8:8">
      <c r="H370149" s="12"/>
    </row>
    <row r="370150" spans="8:8">
      <c r="H370150" s="12"/>
    </row>
    <row r="370151" spans="8:8">
      <c r="H370151" s="12"/>
    </row>
    <row r="370152" spans="8:8">
      <c r="H370152" s="12"/>
    </row>
    <row r="370153" spans="8:8">
      <c r="H370153" s="12"/>
    </row>
    <row r="370154" spans="8:8">
      <c r="H370154" s="12"/>
    </row>
    <row r="370155" spans="8:8">
      <c r="H370155" s="12"/>
    </row>
    <row r="370156" spans="8:8">
      <c r="H370156" s="12"/>
    </row>
    <row r="370157" spans="8:8">
      <c r="H370157" s="12"/>
    </row>
    <row r="370158" spans="8:8">
      <c r="H370158" s="12"/>
    </row>
    <row r="370159" spans="8:8">
      <c r="H370159" s="12"/>
    </row>
    <row r="370160" spans="8:8">
      <c r="H370160" s="12"/>
    </row>
    <row r="370161" spans="8:8">
      <c r="H370161" s="12"/>
    </row>
    <row r="370162" spans="8:8">
      <c r="H370162" s="12"/>
    </row>
    <row r="370163" spans="8:8">
      <c r="H370163" s="12"/>
    </row>
    <row r="370164" spans="8:8">
      <c r="H370164" s="12"/>
    </row>
    <row r="370165" spans="8:8">
      <c r="H370165" s="12"/>
    </row>
    <row r="370166" spans="8:8">
      <c r="H370166" s="12"/>
    </row>
    <row r="370167" spans="8:8">
      <c r="H370167" s="12"/>
    </row>
    <row r="370168" spans="8:8">
      <c r="H370168" s="12"/>
    </row>
    <row r="370169" spans="8:8">
      <c r="H370169" s="12"/>
    </row>
    <row r="370170" spans="8:8">
      <c r="H370170" s="12"/>
    </row>
    <row r="370171" spans="8:8">
      <c r="H370171" s="12"/>
    </row>
    <row r="370172" spans="8:8">
      <c r="H370172" s="12"/>
    </row>
    <row r="370173" spans="8:8">
      <c r="H370173" s="12"/>
    </row>
    <row r="370174" spans="8:8">
      <c r="H370174" s="12"/>
    </row>
    <row r="370175" spans="8:8">
      <c r="H370175" s="12"/>
    </row>
    <row r="370176" spans="8:8">
      <c r="H370176" s="12"/>
    </row>
    <row r="370177" spans="8:8">
      <c r="H370177" s="12"/>
    </row>
    <row r="370178" spans="8:8">
      <c r="H370178" s="12"/>
    </row>
    <row r="370179" spans="8:8">
      <c r="H370179" s="12"/>
    </row>
    <row r="370180" spans="8:8">
      <c r="H370180" s="12"/>
    </row>
    <row r="370181" spans="8:8">
      <c r="H370181" s="12"/>
    </row>
    <row r="370182" spans="8:8">
      <c r="H370182" s="12"/>
    </row>
    <row r="370183" spans="8:8">
      <c r="H370183" s="12"/>
    </row>
    <row r="370184" spans="8:8">
      <c r="H370184" s="12"/>
    </row>
    <row r="370185" spans="8:8">
      <c r="H370185" s="12"/>
    </row>
    <row r="370186" spans="8:8">
      <c r="H370186" s="12"/>
    </row>
    <row r="370187" spans="8:8">
      <c r="H370187" s="12"/>
    </row>
    <row r="370188" spans="8:8">
      <c r="H370188" s="12"/>
    </row>
    <row r="370189" spans="8:8">
      <c r="H370189" s="12"/>
    </row>
    <row r="370190" spans="8:8">
      <c r="H370190" s="12"/>
    </row>
    <row r="370191" spans="8:8">
      <c r="H370191" s="12"/>
    </row>
    <row r="370192" spans="8:8">
      <c r="H370192" s="12"/>
    </row>
    <row r="370193" spans="8:8">
      <c r="H370193" s="12"/>
    </row>
    <row r="370194" spans="8:8">
      <c r="H370194" s="12"/>
    </row>
    <row r="370195" spans="8:8">
      <c r="H370195" s="12"/>
    </row>
    <row r="370196" spans="8:8">
      <c r="H370196" s="12"/>
    </row>
    <row r="370197" spans="8:8">
      <c r="H370197" s="12"/>
    </row>
    <row r="370198" spans="8:8">
      <c r="H370198" s="12"/>
    </row>
    <row r="370199" spans="8:8">
      <c r="H370199" s="12"/>
    </row>
    <row r="370200" spans="8:8">
      <c r="H370200" s="12"/>
    </row>
    <row r="370201" spans="8:8">
      <c r="H370201" s="12"/>
    </row>
    <row r="370202" spans="8:8">
      <c r="H370202" s="12"/>
    </row>
    <row r="370203" spans="8:8">
      <c r="H370203" s="12"/>
    </row>
    <row r="370204" spans="8:8">
      <c r="H370204" s="12"/>
    </row>
    <row r="370205" spans="8:8">
      <c r="H370205" s="12"/>
    </row>
    <row r="370206" spans="8:8">
      <c r="H370206" s="12"/>
    </row>
    <row r="370207" spans="8:8">
      <c r="H370207" s="12"/>
    </row>
    <row r="370208" spans="8:8">
      <c r="H370208" s="12"/>
    </row>
    <row r="370209" spans="8:8">
      <c r="H370209" s="12"/>
    </row>
    <row r="370210" spans="8:8">
      <c r="H370210" s="12"/>
    </row>
    <row r="370211" spans="8:8">
      <c r="H370211" s="12"/>
    </row>
    <row r="370212" spans="8:8">
      <c r="H370212" s="12"/>
    </row>
    <row r="370213" spans="8:8">
      <c r="H370213" s="12"/>
    </row>
    <row r="370214" spans="8:8">
      <c r="H370214" s="12"/>
    </row>
    <row r="370215" spans="8:8">
      <c r="H370215" s="12"/>
    </row>
    <row r="370216" spans="8:8">
      <c r="H370216" s="12"/>
    </row>
    <row r="370217" spans="8:8">
      <c r="H370217" s="12"/>
    </row>
    <row r="370218" spans="8:8">
      <c r="H370218" s="12"/>
    </row>
    <row r="370219" spans="8:8">
      <c r="H370219" s="12"/>
    </row>
    <row r="370220" spans="8:8">
      <c r="H370220" s="12"/>
    </row>
    <row r="370221" spans="8:8">
      <c r="H370221" s="12"/>
    </row>
    <row r="370222" spans="8:8">
      <c r="H370222" s="12"/>
    </row>
    <row r="370223" spans="8:8">
      <c r="H370223" s="12"/>
    </row>
    <row r="370224" spans="8:8">
      <c r="H370224" s="12"/>
    </row>
    <row r="370225" spans="8:8">
      <c r="H370225" s="12"/>
    </row>
    <row r="370226" spans="8:8">
      <c r="H370226" s="12"/>
    </row>
    <row r="370227" spans="8:8">
      <c r="H370227" s="12"/>
    </row>
    <row r="370228" spans="8:8">
      <c r="H370228" s="12"/>
    </row>
    <row r="370229" spans="8:8">
      <c r="H370229" s="12"/>
    </row>
    <row r="370230" spans="8:8">
      <c r="H370230" s="12"/>
    </row>
    <row r="370231" spans="8:8">
      <c r="H370231" s="12"/>
    </row>
    <row r="370232" spans="8:8">
      <c r="H370232" s="12"/>
    </row>
    <row r="370233" spans="8:8">
      <c r="H370233" s="12"/>
    </row>
    <row r="370234" spans="8:8">
      <c r="H370234" s="12"/>
    </row>
    <row r="370235" spans="8:8">
      <c r="H370235" s="12"/>
    </row>
    <row r="370236" spans="8:8">
      <c r="H370236" s="12"/>
    </row>
    <row r="370237" spans="8:8">
      <c r="H370237" s="12"/>
    </row>
    <row r="370238" spans="8:8">
      <c r="H370238" s="12"/>
    </row>
    <row r="370239" spans="8:8">
      <c r="H370239" s="12"/>
    </row>
    <row r="370240" spans="8:8">
      <c r="H370240" s="12"/>
    </row>
    <row r="370241" spans="8:8">
      <c r="H370241" s="12"/>
    </row>
    <row r="370242" spans="8:8">
      <c r="H370242" s="12"/>
    </row>
    <row r="370243" spans="8:8">
      <c r="H370243" s="12"/>
    </row>
    <row r="370244" spans="8:8">
      <c r="H370244" s="12"/>
    </row>
    <row r="370245" spans="8:8">
      <c r="H370245" s="12"/>
    </row>
    <row r="370246" spans="8:8">
      <c r="H370246" s="12"/>
    </row>
    <row r="370247" spans="8:8">
      <c r="H370247" s="12"/>
    </row>
    <row r="370248" spans="8:8">
      <c r="H370248" s="12"/>
    </row>
    <row r="370249" spans="8:8">
      <c r="H370249" s="12"/>
    </row>
    <row r="370250" spans="8:8">
      <c r="H370250" s="12"/>
    </row>
    <row r="370251" spans="8:8">
      <c r="H370251" s="12"/>
    </row>
    <row r="370252" spans="8:8">
      <c r="H370252" s="12"/>
    </row>
    <row r="370253" spans="8:8">
      <c r="H370253" s="12"/>
    </row>
    <row r="370254" spans="8:8">
      <c r="H370254" s="12"/>
    </row>
    <row r="370255" spans="8:8">
      <c r="H370255" s="12"/>
    </row>
    <row r="370256" spans="8:8">
      <c r="H370256" s="12"/>
    </row>
    <row r="370257" spans="8:8">
      <c r="H370257" s="12"/>
    </row>
    <row r="370258" spans="8:8">
      <c r="H370258" s="12"/>
    </row>
    <row r="370259" spans="8:8">
      <c r="H370259" s="12"/>
    </row>
    <row r="370260" spans="8:8">
      <c r="H370260" s="12"/>
    </row>
    <row r="370261" spans="8:8">
      <c r="H370261" s="12"/>
    </row>
    <row r="370262" spans="8:8">
      <c r="H370262" s="12"/>
    </row>
    <row r="370263" spans="8:8">
      <c r="H370263" s="12"/>
    </row>
    <row r="370264" spans="8:8">
      <c r="H370264" s="12"/>
    </row>
    <row r="370265" spans="8:8">
      <c r="H370265" s="12"/>
    </row>
    <row r="370266" spans="8:8">
      <c r="H370266" s="12"/>
    </row>
    <row r="370267" spans="8:8">
      <c r="H370267" s="12"/>
    </row>
    <row r="370268" spans="8:8">
      <c r="H370268" s="12"/>
    </row>
    <row r="370269" spans="8:8">
      <c r="H370269" s="12"/>
    </row>
    <row r="370270" spans="8:8">
      <c r="H370270" s="12"/>
    </row>
    <row r="370271" spans="8:8">
      <c r="H370271" s="12"/>
    </row>
    <row r="370272" spans="8:8">
      <c r="H370272" s="12"/>
    </row>
    <row r="370273" spans="8:8">
      <c r="H370273" s="12"/>
    </row>
    <row r="370274" spans="8:8">
      <c r="H370274" s="12"/>
    </row>
    <row r="370275" spans="8:8">
      <c r="H370275" s="12"/>
    </row>
    <row r="370276" spans="8:8">
      <c r="H370276" s="12"/>
    </row>
    <row r="370277" spans="8:8">
      <c r="H370277" s="12"/>
    </row>
    <row r="370278" spans="8:8">
      <c r="H370278" s="12"/>
    </row>
    <row r="370279" spans="8:8">
      <c r="H370279" s="12"/>
    </row>
    <row r="370280" spans="8:8">
      <c r="H370280" s="12"/>
    </row>
    <row r="370281" spans="8:8">
      <c r="H370281" s="12"/>
    </row>
    <row r="370282" spans="8:8">
      <c r="H370282" s="12"/>
    </row>
    <row r="370283" spans="8:8">
      <c r="H370283" s="12"/>
    </row>
    <row r="370284" spans="8:8">
      <c r="H370284" s="12"/>
    </row>
    <row r="370285" spans="8:8">
      <c r="H370285" s="12"/>
    </row>
    <row r="370286" spans="8:8">
      <c r="H370286" s="12"/>
    </row>
    <row r="370287" spans="8:8">
      <c r="H370287" s="12"/>
    </row>
    <row r="370288" spans="8:8">
      <c r="H370288" s="12"/>
    </row>
    <row r="370289" spans="8:8">
      <c r="H370289" s="12"/>
    </row>
    <row r="370290" spans="8:8">
      <c r="H370290" s="12"/>
    </row>
    <row r="370291" spans="8:8">
      <c r="H370291" s="12"/>
    </row>
    <row r="370292" spans="8:8">
      <c r="H370292" s="12"/>
    </row>
    <row r="370293" spans="8:8">
      <c r="H370293" s="12"/>
    </row>
    <row r="370294" spans="8:8">
      <c r="H370294" s="12"/>
    </row>
    <row r="370295" spans="8:8">
      <c r="H370295" s="12"/>
    </row>
    <row r="370296" spans="8:8">
      <c r="H370296" s="12"/>
    </row>
    <row r="370297" spans="8:8">
      <c r="H370297" s="12"/>
    </row>
    <row r="370298" spans="8:8">
      <c r="H370298" s="12"/>
    </row>
    <row r="370299" spans="8:8">
      <c r="H370299" s="12"/>
    </row>
    <row r="370300" spans="8:8">
      <c r="H370300" s="12"/>
    </row>
    <row r="370301" spans="8:8">
      <c r="H370301" s="12"/>
    </row>
    <row r="370302" spans="8:8">
      <c r="H370302" s="12"/>
    </row>
    <row r="370303" spans="8:8">
      <c r="H370303" s="12"/>
    </row>
    <row r="370304" spans="8:8">
      <c r="H370304" s="12"/>
    </row>
    <row r="370305" spans="8:8">
      <c r="H370305" s="12"/>
    </row>
    <row r="370306" spans="8:8">
      <c r="H370306" s="12"/>
    </row>
    <row r="370307" spans="8:8">
      <c r="H370307" s="12"/>
    </row>
    <row r="370308" spans="8:8">
      <c r="H370308" s="12"/>
    </row>
    <row r="370309" spans="8:8">
      <c r="H370309" s="12"/>
    </row>
    <row r="370310" spans="8:8">
      <c r="H370310" s="12"/>
    </row>
    <row r="370311" spans="8:8">
      <c r="H370311" s="12"/>
    </row>
    <row r="370312" spans="8:8">
      <c r="H370312" s="12"/>
    </row>
    <row r="370313" spans="8:8">
      <c r="H370313" s="12"/>
    </row>
    <row r="370314" spans="8:8">
      <c r="H370314" s="12"/>
    </row>
    <row r="370315" spans="8:8">
      <c r="H370315" s="12"/>
    </row>
    <row r="370316" spans="8:8">
      <c r="H370316" s="12"/>
    </row>
    <row r="370317" spans="8:8">
      <c r="H370317" s="12"/>
    </row>
    <row r="370318" spans="8:8">
      <c r="H370318" s="12"/>
    </row>
    <row r="370319" spans="8:8">
      <c r="H370319" s="12"/>
    </row>
    <row r="370320" spans="8:8">
      <c r="H370320" s="12"/>
    </row>
    <row r="370321" spans="8:8">
      <c r="H370321" s="12"/>
    </row>
    <row r="370322" spans="8:8">
      <c r="H370322" s="12"/>
    </row>
    <row r="370323" spans="8:8">
      <c r="H370323" s="12"/>
    </row>
    <row r="370324" spans="8:8">
      <c r="H370324" s="12"/>
    </row>
    <row r="370325" spans="8:8">
      <c r="H370325" s="12"/>
    </row>
    <row r="370326" spans="8:8">
      <c r="H370326" s="12"/>
    </row>
    <row r="370327" spans="8:8">
      <c r="H370327" s="12"/>
    </row>
    <row r="370328" spans="8:8">
      <c r="H370328" s="12"/>
    </row>
    <row r="370329" spans="8:8">
      <c r="H370329" s="12"/>
    </row>
    <row r="370330" spans="8:8">
      <c r="H370330" s="12"/>
    </row>
    <row r="370331" spans="8:8">
      <c r="H370331" s="12"/>
    </row>
    <row r="370332" spans="8:8">
      <c r="H370332" s="12"/>
    </row>
    <row r="370333" spans="8:8">
      <c r="H370333" s="12"/>
    </row>
    <row r="370334" spans="8:8">
      <c r="H370334" s="12"/>
    </row>
    <row r="370335" spans="8:8">
      <c r="H370335" s="12"/>
    </row>
    <row r="370336" spans="8:8">
      <c r="H370336" s="12"/>
    </row>
    <row r="370337" spans="8:8">
      <c r="H370337" s="12"/>
    </row>
    <row r="370338" spans="8:8">
      <c r="H370338" s="12"/>
    </row>
    <row r="370339" spans="8:8">
      <c r="H370339" s="12"/>
    </row>
    <row r="370340" spans="8:8">
      <c r="H370340" s="12"/>
    </row>
    <row r="370341" spans="8:8">
      <c r="H370341" s="12"/>
    </row>
    <row r="370342" spans="8:8">
      <c r="H370342" s="12"/>
    </row>
    <row r="370343" spans="8:8">
      <c r="H370343" s="12"/>
    </row>
    <row r="370344" spans="8:8">
      <c r="H370344" s="12"/>
    </row>
    <row r="370345" spans="8:8">
      <c r="H370345" s="12"/>
    </row>
    <row r="370346" spans="8:8">
      <c r="H370346" s="12"/>
    </row>
    <row r="370347" spans="8:8">
      <c r="H370347" s="12"/>
    </row>
    <row r="370348" spans="8:8">
      <c r="H370348" s="12"/>
    </row>
    <row r="370349" spans="8:8">
      <c r="H370349" s="12"/>
    </row>
    <row r="370350" spans="8:8">
      <c r="H370350" s="12"/>
    </row>
    <row r="370351" spans="8:8">
      <c r="H370351" s="12"/>
    </row>
    <row r="370352" spans="8:8">
      <c r="H370352" s="12"/>
    </row>
    <row r="370353" spans="8:8">
      <c r="H370353" s="12"/>
    </row>
    <row r="370354" spans="8:8">
      <c r="H370354" s="12"/>
    </row>
    <row r="370355" spans="8:8">
      <c r="H370355" s="12"/>
    </row>
    <row r="370356" spans="8:8">
      <c r="H370356" s="12"/>
    </row>
    <row r="370357" spans="8:8">
      <c r="H370357" s="12"/>
    </row>
    <row r="370358" spans="8:8">
      <c r="H370358" s="12"/>
    </row>
    <row r="370359" spans="8:8">
      <c r="H370359" s="12"/>
    </row>
    <row r="370360" spans="8:8">
      <c r="H370360" s="12"/>
    </row>
    <row r="370361" spans="8:8">
      <c r="H370361" s="12"/>
    </row>
    <row r="370362" spans="8:8">
      <c r="H370362" s="12"/>
    </row>
    <row r="370363" spans="8:8">
      <c r="H370363" s="12"/>
    </row>
    <row r="370364" spans="8:8">
      <c r="H370364" s="12"/>
    </row>
    <row r="370365" spans="8:8">
      <c r="H370365" s="12"/>
    </row>
    <row r="370366" spans="8:8">
      <c r="H370366" s="12"/>
    </row>
    <row r="370367" spans="8:8">
      <c r="H370367" s="12"/>
    </row>
    <row r="370368" spans="8:8">
      <c r="H370368" s="12"/>
    </row>
    <row r="370369" spans="8:8">
      <c r="H370369" s="12"/>
    </row>
    <row r="370370" spans="8:8">
      <c r="H370370" s="12"/>
    </row>
    <row r="370371" spans="8:8">
      <c r="H370371" s="12"/>
    </row>
    <row r="370372" spans="8:8">
      <c r="H370372" s="12"/>
    </row>
    <row r="370373" spans="8:8">
      <c r="H370373" s="12"/>
    </row>
    <row r="370374" spans="8:8">
      <c r="H370374" s="12"/>
    </row>
    <row r="370375" spans="8:8">
      <c r="H370375" s="12"/>
    </row>
    <row r="370376" spans="8:8">
      <c r="H370376" s="12"/>
    </row>
    <row r="370377" spans="8:8">
      <c r="H370377" s="12"/>
    </row>
    <row r="370378" spans="8:8">
      <c r="H370378" s="12"/>
    </row>
    <row r="370379" spans="8:8">
      <c r="H370379" s="12"/>
    </row>
    <row r="370380" spans="8:8">
      <c r="H370380" s="12"/>
    </row>
    <row r="370381" spans="8:8">
      <c r="H370381" s="12"/>
    </row>
    <row r="370382" spans="8:8">
      <c r="H370382" s="12"/>
    </row>
    <row r="370383" spans="8:8">
      <c r="H370383" s="12"/>
    </row>
    <row r="370384" spans="8:8">
      <c r="H370384" s="12"/>
    </row>
    <row r="370385" spans="8:8">
      <c r="H370385" s="12"/>
    </row>
    <row r="370386" spans="8:8">
      <c r="H370386" s="12"/>
    </row>
    <row r="370387" spans="8:8">
      <c r="H370387" s="12"/>
    </row>
    <row r="370388" spans="8:8">
      <c r="H370388" s="12"/>
    </row>
    <row r="370389" spans="8:8">
      <c r="H370389" s="12"/>
    </row>
    <row r="370390" spans="8:8">
      <c r="H370390" s="12"/>
    </row>
    <row r="370391" spans="8:8">
      <c r="H370391" s="12"/>
    </row>
    <row r="370392" spans="8:8">
      <c r="H370392" s="12"/>
    </row>
    <row r="370393" spans="8:8">
      <c r="H370393" s="12"/>
    </row>
    <row r="370394" spans="8:8">
      <c r="H370394" s="12"/>
    </row>
    <row r="370395" spans="8:8">
      <c r="H370395" s="12"/>
    </row>
    <row r="370396" spans="8:8">
      <c r="H370396" s="12"/>
    </row>
    <row r="370397" spans="8:8">
      <c r="H370397" s="12"/>
    </row>
    <row r="370398" spans="8:8">
      <c r="H370398" s="12"/>
    </row>
    <row r="370399" spans="8:8">
      <c r="H370399" s="12"/>
    </row>
    <row r="370400" spans="8:8">
      <c r="H370400" s="12"/>
    </row>
    <row r="370401" spans="8:8">
      <c r="H370401" s="12"/>
    </row>
    <row r="370402" spans="8:8">
      <c r="H370402" s="12"/>
    </row>
    <row r="370403" spans="8:8">
      <c r="H370403" s="12"/>
    </row>
    <row r="370404" spans="8:8">
      <c r="H370404" s="12"/>
    </row>
    <row r="370405" spans="8:8">
      <c r="H370405" s="12"/>
    </row>
    <row r="370406" spans="8:8">
      <c r="H370406" s="12"/>
    </row>
    <row r="370407" spans="8:8">
      <c r="H370407" s="12"/>
    </row>
    <row r="370408" spans="8:8">
      <c r="H370408" s="12"/>
    </row>
    <row r="370409" spans="8:8">
      <c r="H370409" s="12"/>
    </row>
    <row r="370410" spans="8:8">
      <c r="H370410" s="12"/>
    </row>
    <row r="370411" spans="8:8">
      <c r="H370411" s="12"/>
    </row>
    <row r="370412" spans="8:8">
      <c r="H370412" s="12"/>
    </row>
    <row r="370413" spans="8:8">
      <c r="H370413" s="12"/>
    </row>
    <row r="370414" spans="8:8">
      <c r="H370414" s="12"/>
    </row>
    <row r="370415" spans="8:8">
      <c r="H370415" s="12"/>
    </row>
    <row r="370416" spans="8:8">
      <c r="H370416" s="12"/>
    </row>
    <row r="370417" spans="8:8">
      <c r="H370417" s="12"/>
    </row>
    <row r="370418" spans="8:8">
      <c r="H370418" s="12"/>
    </row>
    <row r="370419" spans="8:8">
      <c r="H370419" s="12"/>
    </row>
    <row r="370420" spans="8:8">
      <c r="H370420" s="12"/>
    </row>
    <row r="370421" spans="8:8">
      <c r="H370421" s="12"/>
    </row>
    <row r="370422" spans="8:8">
      <c r="H370422" s="12"/>
    </row>
    <row r="370423" spans="8:8">
      <c r="H370423" s="12"/>
    </row>
    <row r="370424" spans="8:8">
      <c r="H370424" s="12"/>
    </row>
    <row r="370425" spans="8:8">
      <c r="H370425" s="12"/>
    </row>
    <row r="370426" spans="8:8">
      <c r="H370426" s="12"/>
    </row>
    <row r="370427" spans="8:8">
      <c r="H370427" s="12"/>
    </row>
    <row r="370428" spans="8:8">
      <c r="H370428" s="12"/>
    </row>
    <row r="370429" spans="8:8">
      <c r="H370429" s="12"/>
    </row>
    <row r="370430" spans="8:8">
      <c r="H370430" s="12"/>
    </row>
    <row r="370431" spans="8:8">
      <c r="H370431" s="12"/>
    </row>
    <row r="370432" spans="8:8">
      <c r="H370432" s="12"/>
    </row>
    <row r="370433" spans="8:8">
      <c r="H370433" s="12"/>
    </row>
    <row r="370434" spans="8:8">
      <c r="H370434" s="12"/>
    </row>
    <row r="370435" spans="8:8">
      <c r="H370435" s="12"/>
    </row>
    <row r="370436" spans="8:8">
      <c r="H370436" s="12"/>
    </row>
    <row r="370437" spans="8:8">
      <c r="H370437" s="12"/>
    </row>
    <row r="370438" spans="8:8">
      <c r="H370438" s="12"/>
    </row>
    <row r="370439" spans="8:8">
      <c r="H370439" s="12"/>
    </row>
    <row r="370440" spans="8:8">
      <c r="H370440" s="12"/>
    </row>
    <row r="370441" spans="8:8">
      <c r="H370441" s="12"/>
    </row>
    <row r="370442" spans="8:8">
      <c r="H370442" s="12"/>
    </row>
    <row r="370443" spans="8:8">
      <c r="H370443" s="12"/>
    </row>
    <row r="370444" spans="8:8">
      <c r="H370444" s="12"/>
    </row>
    <row r="370445" spans="8:8">
      <c r="H370445" s="12"/>
    </row>
    <row r="370446" spans="8:8">
      <c r="H370446" s="12"/>
    </row>
    <row r="370447" spans="8:8">
      <c r="H370447" s="12"/>
    </row>
    <row r="370448" spans="8:8">
      <c r="H370448" s="12"/>
    </row>
    <row r="370449" spans="8:8">
      <c r="H370449" s="12"/>
    </row>
    <row r="370450" spans="8:8">
      <c r="H370450" s="12"/>
    </row>
    <row r="370451" spans="8:8">
      <c r="H370451" s="12"/>
    </row>
    <row r="370452" spans="8:8">
      <c r="H370452" s="12"/>
    </row>
    <row r="370453" spans="8:8">
      <c r="H370453" s="12"/>
    </row>
    <row r="370454" spans="8:8">
      <c r="H370454" s="12"/>
    </row>
    <row r="370455" spans="8:8">
      <c r="H370455" s="12"/>
    </row>
    <row r="370456" spans="8:8">
      <c r="H370456" s="12"/>
    </row>
    <row r="370457" spans="8:8">
      <c r="H370457" s="12"/>
    </row>
    <row r="370458" spans="8:8">
      <c r="H370458" s="12"/>
    </row>
    <row r="370459" spans="8:8">
      <c r="H370459" s="12"/>
    </row>
    <row r="370460" spans="8:8">
      <c r="H370460" s="12"/>
    </row>
    <row r="370461" spans="8:8">
      <c r="H370461" s="12"/>
    </row>
    <row r="370462" spans="8:8">
      <c r="H370462" s="12"/>
    </row>
    <row r="370463" spans="8:8">
      <c r="H370463" s="12"/>
    </row>
    <row r="370464" spans="8:8">
      <c r="H370464" s="12"/>
    </row>
    <row r="370465" spans="8:8">
      <c r="H370465" s="12"/>
    </row>
    <row r="370466" spans="8:8">
      <c r="H370466" s="12"/>
    </row>
    <row r="370467" spans="8:8">
      <c r="H370467" s="12"/>
    </row>
    <row r="370468" spans="8:8">
      <c r="H370468" s="12"/>
    </row>
    <row r="370469" spans="8:8">
      <c r="H370469" s="12"/>
    </row>
    <row r="370470" spans="8:8">
      <c r="H370470" s="12"/>
    </row>
    <row r="370471" spans="8:8">
      <c r="H370471" s="12"/>
    </row>
    <row r="370472" spans="8:8">
      <c r="H370472" s="12"/>
    </row>
    <row r="370473" spans="8:8">
      <c r="H370473" s="12"/>
    </row>
    <row r="370474" spans="8:8">
      <c r="H370474" s="12"/>
    </row>
    <row r="370475" spans="8:8">
      <c r="H370475" s="12"/>
    </row>
    <row r="370476" spans="8:8">
      <c r="H370476" s="12"/>
    </row>
    <row r="370477" spans="8:8">
      <c r="H370477" s="12"/>
    </row>
    <row r="370478" spans="8:8">
      <c r="H370478" s="12"/>
    </row>
    <row r="370479" spans="8:8">
      <c r="H370479" s="12"/>
    </row>
    <row r="370480" spans="8:8">
      <c r="H370480" s="12"/>
    </row>
    <row r="370481" spans="8:8">
      <c r="H370481" s="12"/>
    </row>
    <row r="370482" spans="8:8">
      <c r="H370482" s="12"/>
    </row>
    <row r="370483" spans="8:8">
      <c r="H370483" s="12"/>
    </row>
    <row r="370484" spans="8:8">
      <c r="H370484" s="12"/>
    </row>
    <row r="370485" spans="8:8">
      <c r="H370485" s="12"/>
    </row>
    <row r="370486" spans="8:8">
      <c r="H370486" s="12"/>
    </row>
    <row r="370487" spans="8:8">
      <c r="H370487" s="12"/>
    </row>
    <row r="370488" spans="8:8">
      <c r="H370488" s="12"/>
    </row>
    <row r="370489" spans="8:8">
      <c r="H370489" s="12"/>
    </row>
    <row r="370490" spans="8:8">
      <c r="H370490" s="12"/>
    </row>
    <row r="370491" spans="8:8">
      <c r="H370491" s="12"/>
    </row>
    <row r="370492" spans="8:8">
      <c r="H370492" s="12"/>
    </row>
    <row r="370493" spans="8:8">
      <c r="H370493" s="12"/>
    </row>
    <row r="370494" spans="8:8">
      <c r="H370494" s="12"/>
    </row>
    <row r="370495" spans="8:8">
      <c r="H370495" s="12"/>
    </row>
    <row r="370496" spans="8:8">
      <c r="H370496" s="12"/>
    </row>
    <row r="370497" spans="8:8">
      <c r="H370497" s="12"/>
    </row>
    <row r="370498" spans="8:8">
      <c r="H370498" s="12"/>
    </row>
    <row r="370499" spans="8:8">
      <c r="H370499" s="12"/>
    </row>
    <row r="370500" spans="8:8">
      <c r="H370500" s="12"/>
    </row>
    <row r="370501" spans="8:8">
      <c r="H370501" s="12"/>
    </row>
    <row r="370502" spans="8:8">
      <c r="H370502" s="12"/>
    </row>
    <row r="370503" spans="8:8">
      <c r="H370503" s="12"/>
    </row>
    <row r="370504" spans="8:8">
      <c r="H370504" s="12"/>
    </row>
    <row r="370505" spans="8:8">
      <c r="H370505" s="12"/>
    </row>
    <row r="370506" spans="8:8">
      <c r="H370506" s="12"/>
    </row>
    <row r="370507" spans="8:8">
      <c r="H370507" s="12"/>
    </row>
    <row r="370508" spans="8:8">
      <c r="H370508" s="12"/>
    </row>
    <row r="370509" spans="8:8">
      <c r="H370509" s="12"/>
    </row>
    <row r="370510" spans="8:8">
      <c r="H370510" s="12"/>
    </row>
    <row r="370511" spans="8:8">
      <c r="H370511" s="12"/>
    </row>
    <row r="370512" spans="8:8">
      <c r="H370512" s="12"/>
    </row>
    <row r="370513" spans="8:8">
      <c r="H370513" s="12"/>
    </row>
    <row r="370514" spans="8:8">
      <c r="H370514" s="12"/>
    </row>
    <row r="370515" spans="8:8">
      <c r="H370515" s="12"/>
    </row>
    <row r="370516" spans="8:8">
      <c r="H370516" s="12"/>
    </row>
    <row r="370517" spans="8:8">
      <c r="H370517" s="12"/>
    </row>
    <row r="370518" spans="8:8">
      <c r="H370518" s="12"/>
    </row>
    <row r="370519" spans="8:8">
      <c r="H370519" s="12"/>
    </row>
    <row r="370520" spans="8:8">
      <c r="H370520" s="12"/>
    </row>
    <row r="370521" spans="8:8">
      <c r="H370521" s="12"/>
    </row>
    <row r="370522" spans="8:8">
      <c r="H370522" s="12"/>
    </row>
    <row r="370523" spans="8:8">
      <c r="H370523" s="12"/>
    </row>
    <row r="370524" spans="8:8">
      <c r="H370524" s="12"/>
    </row>
    <row r="370525" spans="8:8">
      <c r="H370525" s="12"/>
    </row>
    <row r="370526" spans="8:8">
      <c r="H370526" s="12"/>
    </row>
    <row r="370527" spans="8:8">
      <c r="H370527" s="12"/>
    </row>
    <row r="370528" spans="8:8">
      <c r="H370528" s="12"/>
    </row>
    <row r="370529" spans="8:8">
      <c r="H370529" s="12"/>
    </row>
    <row r="370530" spans="8:8">
      <c r="H370530" s="12"/>
    </row>
    <row r="370531" spans="8:8">
      <c r="H370531" s="12"/>
    </row>
    <row r="370532" spans="8:8">
      <c r="H370532" s="12"/>
    </row>
    <row r="370533" spans="8:8">
      <c r="H370533" s="12"/>
    </row>
    <row r="370534" spans="8:8">
      <c r="H370534" s="12"/>
    </row>
    <row r="370535" spans="8:8">
      <c r="H370535" s="12"/>
    </row>
    <row r="370536" spans="8:8">
      <c r="H370536" s="12"/>
    </row>
    <row r="370537" spans="8:8">
      <c r="H370537" s="12"/>
    </row>
    <row r="370538" spans="8:8">
      <c r="H370538" s="12"/>
    </row>
    <row r="370539" spans="8:8">
      <c r="H370539" s="12"/>
    </row>
    <row r="370540" spans="8:8">
      <c r="H370540" s="12"/>
    </row>
    <row r="370541" spans="8:8">
      <c r="H370541" s="12"/>
    </row>
    <row r="370542" spans="8:8">
      <c r="H370542" s="12"/>
    </row>
    <row r="370543" spans="8:8">
      <c r="H370543" s="12"/>
    </row>
    <row r="370544" spans="8:8">
      <c r="H370544" s="12"/>
    </row>
    <row r="370545" spans="8:8">
      <c r="H370545" s="12"/>
    </row>
    <row r="370546" spans="8:8">
      <c r="H370546" s="12"/>
    </row>
    <row r="370547" spans="8:8">
      <c r="H370547" s="12"/>
    </row>
    <row r="370548" spans="8:8">
      <c r="H370548" s="12"/>
    </row>
    <row r="370549" spans="8:8">
      <c r="H370549" s="12"/>
    </row>
    <row r="370550" spans="8:8">
      <c r="H370550" s="12"/>
    </row>
    <row r="370551" spans="8:8">
      <c r="H370551" s="12"/>
    </row>
    <row r="370552" spans="8:8">
      <c r="H370552" s="12"/>
    </row>
    <row r="370553" spans="8:8">
      <c r="H370553" s="12"/>
    </row>
    <row r="370554" spans="8:8">
      <c r="H370554" s="12"/>
    </row>
    <row r="370555" spans="8:8">
      <c r="H370555" s="12"/>
    </row>
    <row r="370556" spans="8:8">
      <c r="H370556" s="12"/>
    </row>
    <row r="370557" spans="8:8">
      <c r="H370557" s="12"/>
    </row>
    <row r="370558" spans="8:8">
      <c r="H370558" s="12"/>
    </row>
    <row r="370559" spans="8:8">
      <c r="H370559" s="12"/>
    </row>
    <row r="370560" spans="8:8">
      <c r="H370560" s="12"/>
    </row>
    <row r="370561" spans="8:8">
      <c r="H370561" s="12"/>
    </row>
    <row r="370562" spans="8:8">
      <c r="H370562" s="12"/>
    </row>
    <row r="370563" spans="8:8">
      <c r="H370563" s="12"/>
    </row>
    <row r="370564" spans="8:8">
      <c r="H370564" s="12"/>
    </row>
    <row r="370565" spans="8:8">
      <c r="H370565" s="12"/>
    </row>
    <row r="370566" spans="8:8">
      <c r="H370566" s="12"/>
    </row>
    <row r="370567" spans="8:8">
      <c r="H370567" s="12"/>
    </row>
    <row r="370568" spans="8:8">
      <c r="H370568" s="12"/>
    </row>
    <row r="370569" spans="8:8">
      <c r="H370569" s="12"/>
    </row>
    <row r="370570" spans="8:8">
      <c r="H370570" s="12"/>
    </row>
    <row r="370571" spans="8:8">
      <c r="H370571" s="12"/>
    </row>
    <row r="370572" spans="8:8">
      <c r="H370572" s="12"/>
    </row>
    <row r="370573" spans="8:8">
      <c r="H370573" s="12"/>
    </row>
    <row r="370574" spans="8:8">
      <c r="H370574" s="12"/>
    </row>
    <row r="370575" spans="8:8">
      <c r="H370575" s="12"/>
    </row>
    <row r="370576" spans="8:8">
      <c r="H370576" s="12"/>
    </row>
    <row r="370577" spans="8:8">
      <c r="H370577" s="12"/>
    </row>
    <row r="370578" spans="8:8">
      <c r="H370578" s="12"/>
    </row>
    <row r="370579" spans="8:8">
      <c r="H370579" s="12"/>
    </row>
    <row r="370580" spans="8:8">
      <c r="H370580" s="12"/>
    </row>
    <row r="370581" spans="8:8">
      <c r="H370581" s="12"/>
    </row>
    <row r="370582" spans="8:8">
      <c r="H370582" s="12"/>
    </row>
    <row r="370583" spans="8:8">
      <c r="H370583" s="12"/>
    </row>
    <row r="370584" spans="8:8">
      <c r="H370584" s="12"/>
    </row>
    <row r="370585" spans="8:8">
      <c r="H370585" s="12"/>
    </row>
    <row r="370586" spans="8:8">
      <c r="H370586" s="12"/>
    </row>
    <row r="370587" spans="8:8">
      <c r="H370587" s="12"/>
    </row>
    <row r="370588" spans="8:8">
      <c r="H370588" s="12"/>
    </row>
    <row r="370589" spans="8:8">
      <c r="H370589" s="12"/>
    </row>
    <row r="370590" spans="8:8">
      <c r="H370590" s="12"/>
    </row>
    <row r="370591" spans="8:8">
      <c r="H370591" s="12"/>
    </row>
    <row r="370592" spans="8:8">
      <c r="H370592" s="12"/>
    </row>
    <row r="370593" spans="8:8">
      <c r="H370593" s="12"/>
    </row>
    <row r="370594" spans="8:8">
      <c r="H370594" s="12"/>
    </row>
    <row r="370595" spans="8:8">
      <c r="H370595" s="12"/>
    </row>
    <row r="370596" spans="8:8">
      <c r="H370596" s="12"/>
    </row>
    <row r="370597" spans="8:8">
      <c r="H370597" s="12"/>
    </row>
    <row r="370598" spans="8:8">
      <c r="H370598" s="12"/>
    </row>
    <row r="370599" spans="8:8">
      <c r="H370599" s="12"/>
    </row>
    <row r="370600" spans="8:8">
      <c r="H370600" s="12"/>
    </row>
    <row r="370601" spans="8:8">
      <c r="H370601" s="12"/>
    </row>
    <row r="370602" spans="8:8">
      <c r="H370602" s="12"/>
    </row>
    <row r="370603" spans="8:8">
      <c r="H370603" s="12"/>
    </row>
    <row r="370604" spans="8:8">
      <c r="H370604" s="12"/>
    </row>
    <row r="370605" spans="8:8">
      <c r="H370605" s="12"/>
    </row>
    <row r="370606" spans="8:8">
      <c r="H370606" s="12"/>
    </row>
    <row r="370607" spans="8:8">
      <c r="H370607" s="12"/>
    </row>
    <row r="370608" spans="8:8">
      <c r="H370608" s="12"/>
    </row>
    <row r="370609" spans="8:8">
      <c r="H370609" s="12"/>
    </row>
    <row r="370610" spans="8:8">
      <c r="H370610" s="12"/>
    </row>
    <row r="370611" spans="8:8">
      <c r="H370611" s="12"/>
    </row>
    <row r="370612" spans="8:8">
      <c r="H370612" s="12"/>
    </row>
    <row r="370613" spans="8:8">
      <c r="H370613" s="12"/>
    </row>
    <row r="370614" spans="8:8">
      <c r="H370614" s="12"/>
    </row>
    <row r="370615" spans="8:8">
      <c r="H370615" s="12"/>
    </row>
    <row r="370616" spans="8:8">
      <c r="H370616" s="12"/>
    </row>
    <row r="370617" spans="8:8">
      <c r="H370617" s="12"/>
    </row>
    <row r="370618" spans="8:8">
      <c r="H370618" s="12"/>
    </row>
    <row r="370619" spans="8:8">
      <c r="H370619" s="12"/>
    </row>
    <row r="370620" spans="8:8">
      <c r="H370620" s="12"/>
    </row>
    <row r="370621" spans="8:8">
      <c r="H370621" s="12"/>
    </row>
    <row r="370622" spans="8:8">
      <c r="H370622" s="12"/>
    </row>
    <row r="370623" spans="8:8">
      <c r="H370623" s="12"/>
    </row>
    <row r="370624" spans="8:8">
      <c r="H370624" s="12"/>
    </row>
    <row r="370625" spans="8:8">
      <c r="H370625" s="12"/>
    </row>
    <row r="370626" spans="8:8">
      <c r="H370626" s="12"/>
    </row>
    <row r="370627" spans="8:8">
      <c r="H370627" s="12"/>
    </row>
    <row r="370628" spans="8:8">
      <c r="H370628" s="12"/>
    </row>
    <row r="370629" spans="8:8">
      <c r="H370629" s="12"/>
    </row>
    <row r="370630" spans="8:8">
      <c r="H370630" s="12"/>
    </row>
    <row r="370631" spans="8:8">
      <c r="H370631" s="12"/>
    </row>
    <row r="370632" spans="8:8">
      <c r="H370632" s="12"/>
    </row>
    <row r="370633" spans="8:8">
      <c r="H370633" s="12"/>
    </row>
    <row r="370634" spans="8:8">
      <c r="H370634" s="12"/>
    </row>
    <row r="370635" spans="8:8">
      <c r="H370635" s="12"/>
    </row>
    <row r="370636" spans="8:8">
      <c r="H370636" s="12"/>
    </row>
    <row r="370637" spans="8:8">
      <c r="H370637" s="12"/>
    </row>
    <row r="370638" spans="8:8">
      <c r="H370638" s="12"/>
    </row>
    <row r="370639" spans="8:8">
      <c r="H370639" s="12"/>
    </row>
    <row r="370640" spans="8:8">
      <c r="H370640" s="12"/>
    </row>
    <row r="370641" spans="8:8">
      <c r="H370641" s="12"/>
    </row>
    <row r="370642" spans="8:8">
      <c r="H370642" s="12"/>
    </row>
    <row r="370643" spans="8:8">
      <c r="H370643" s="12"/>
    </row>
    <row r="370644" spans="8:8">
      <c r="H370644" s="12"/>
    </row>
    <row r="370645" spans="8:8">
      <c r="H370645" s="12"/>
    </row>
    <row r="370646" spans="8:8">
      <c r="H370646" s="12"/>
    </row>
    <row r="370647" spans="8:8">
      <c r="H370647" s="12"/>
    </row>
    <row r="370648" spans="8:8">
      <c r="H370648" s="12"/>
    </row>
    <row r="370649" spans="8:8">
      <c r="H370649" s="12"/>
    </row>
    <row r="370650" spans="8:8">
      <c r="H370650" s="12"/>
    </row>
    <row r="370651" spans="8:8">
      <c r="H370651" s="12"/>
    </row>
    <row r="370652" spans="8:8">
      <c r="H370652" s="12"/>
    </row>
    <row r="370653" spans="8:8">
      <c r="H370653" s="12"/>
    </row>
    <row r="370654" spans="8:8">
      <c r="H370654" s="12"/>
    </row>
    <row r="370655" spans="8:8">
      <c r="H370655" s="12"/>
    </row>
    <row r="370656" spans="8:8">
      <c r="H370656" s="12"/>
    </row>
    <row r="370657" spans="8:8">
      <c r="H370657" s="12"/>
    </row>
    <row r="370658" spans="8:8">
      <c r="H370658" s="12"/>
    </row>
    <row r="370659" spans="8:8">
      <c r="H370659" s="12"/>
    </row>
    <row r="370660" spans="8:8">
      <c r="H370660" s="12"/>
    </row>
    <row r="370661" spans="8:8">
      <c r="H370661" s="12"/>
    </row>
    <row r="370662" spans="8:8">
      <c r="H370662" s="12"/>
    </row>
    <row r="370663" spans="8:8">
      <c r="H370663" s="12"/>
    </row>
    <row r="370664" spans="8:8">
      <c r="H370664" s="12"/>
    </row>
    <row r="370665" spans="8:8">
      <c r="H370665" s="12"/>
    </row>
    <row r="370666" spans="8:8">
      <c r="H370666" s="12"/>
    </row>
    <row r="370667" spans="8:8">
      <c r="H370667" s="12"/>
    </row>
    <row r="370668" spans="8:8">
      <c r="H370668" s="12"/>
    </row>
    <row r="370669" spans="8:8">
      <c r="H370669" s="12"/>
    </row>
    <row r="370670" spans="8:8">
      <c r="H370670" s="12"/>
    </row>
    <row r="370671" spans="8:8">
      <c r="H370671" s="12"/>
    </row>
    <row r="370672" spans="8:8">
      <c r="H370672" s="12"/>
    </row>
    <row r="370673" spans="8:8">
      <c r="H370673" s="12"/>
    </row>
    <row r="370674" spans="8:8">
      <c r="H370674" s="12"/>
    </row>
    <row r="370675" spans="8:8">
      <c r="H370675" s="12"/>
    </row>
    <row r="370676" spans="8:8">
      <c r="H370676" s="12"/>
    </row>
    <row r="370677" spans="8:8">
      <c r="H370677" s="12"/>
    </row>
    <row r="370678" spans="8:8">
      <c r="H370678" s="12"/>
    </row>
    <row r="370679" spans="8:8">
      <c r="H370679" s="12"/>
    </row>
    <row r="370680" spans="8:8">
      <c r="H370680" s="12"/>
    </row>
    <row r="370681" spans="8:8">
      <c r="H370681" s="12"/>
    </row>
    <row r="370682" spans="8:8">
      <c r="H370682" s="12"/>
    </row>
    <row r="370683" spans="8:8">
      <c r="H370683" s="12"/>
    </row>
    <row r="370684" spans="8:8">
      <c r="H370684" s="12"/>
    </row>
    <row r="370685" spans="8:8">
      <c r="H370685" s="12"/>
    </row>
    <row r="370686" spans="8:8">
      <c r="H370686" s="12"/>
    </row>
    <row r="370687" spans="8:8">
      <c r="H370687" s="12"/>
    </row>
    <row r="370688" spans="8:8">
      <c r="H370688" s="12"/>
    </row>
    <row r="370689" spans="8:8">
      <c r="H370689" s="12"/>
    </row>
    <row r="370690" spans="8:8">
      <c r="H370690" s="12"/>
    </row>
    <row r="370691" spans="8:8">
      <c r="H370691" s="12"/>
    </row>
    <row r="370692" spans="8:8">
      <c r="H370692" s="12"/>
    </row>
    <row r="370693" spans="8:8">
      <c r="H370693" s="12"/>
    </row>
    <row r="370694" spans="8:8">
      <c r="H370694" s="12"/>
    </row>
    <row r="370695" spans="8:8">
      <c r="H370695" s="12"/>
    </row>
    <row r="370696" spans="8:8">
      <c r="H370696" s="12"/>
    </row>
    <row r="370697" spans="8:8">
      <c r="H370697" s="12"/>
    </row>
    <row r="370698" spans="8:8">
      <c r="H370698" s="12"/>
    </row>
    <row r="370699" spans="8:8">
      <c r="H370699" s="12"/>
    </row>
    <row r="370700" spans="8:8">
      <c r="H370700" s="12"/>
    </row>
    <row r="370701" spans="8:8">
      <c r="H370701" s="12"/>
    </row>
    <row r="370702" spans="8:8">
      <c r="H370702" s="12"/>
    </row>
    <row r="370703" spans="8:8">
      <c r="H370703" s="12"/>
    </row>
    <row r="370704" spans="8:8">
      <c r="H370704" s="12"/>
    </row>
    <row r="370705" spans="8:8">
      <c r="H370705" s="12"/>
    </row>
    <row r="370706" spans="8:8">
      <c r="H370706" s="12"/>
    </row>
    <row r="370707" spans="8:8">
      <c r="H370707" s="12"/>
    </row>
    <row r="370708" spans="8:8">
      <c r="H370708" s="12"/>
    </row>
    <row r="370709" spans="8:8">
      <c r="H370709" s="12"/>
    </row>
    <row r="370710" spans="8:8">
      <c r="H370710" s="12"/>
    </row>
    <row r="370711" spans="8:8">
      <c r="H370711" s="12"/>
    </row>
    <row r="370712" spans="8:8">
      <c r="H370712" s="12"/>
    </row>
    <row r="370713" spans="8:8">
      <c r="H370713" s="12"/>
    </row>
    <row r="370714" spans="8:8">
      <c r="H370714" s="12"/>
    </row>
    <row r="370715" spans="8:8">
      <c r="H370715" s="12"/>
    </row>
    <row r="370716" spans="8:8">
      <c r="H370716" s="12"/>
    </row>
    <row r="370717" spans="8:8">
      <c r="H370717" s="12"/>
    </row>
    <row r="370718" spans="8:8">
      <c r="H370718" s="12"/>
    </row>
    <row r="370719" spans="8:8">
      <c r="H370719" s="12"/>
    </row>
    <row r="370720" spans="8:8">
      <c r="H370720" s="12"/>
    </row>
    <row r="370721" spans="8:8">
      <c r="H370721" s="12"/>
    </row>
    <row r="370722" spans="8:8">
      <c r="H370722" s="12"/>
    </row>
    <row r="370723" spans="8:8">
      <c r="H370723" s="12"/>
    </row>
    <row r="370724" spans="8:8">
      <c r="H370724" s="12"/>
    </row>
    <row r="370725" spans="8:8">
      <c r="H370725" s="12"/>
    </row>
    <row r="370726" spans="8:8">
      <c r="H370726" s="12"/>
    </row>
    <row r="370727" spans="8:8">
      <c r="H370727" s="12"/>
    </row>
    <row r="370728" spans="8:8">
      <c r="H370728" s="12"/>
    </row>
    <row r="370729" spans="8:8">
      <c r="H370729" s="12"/>
    </row>
    <row r="370730" spans="8:8">
      <c r="H370730" s="12"/>
    </row>
    <row r="370731" spans="8:8">
      <c r="H370731" s="12"/>
    </row>
    <row r="370732" spans="8:8">
      <c r="H370732" s="12"/>
    </row>
    <row r="370733" spans="8:8">
      <c r="H370733" s="12"/>
    </row>
    <row r="370734" spans="8:8">
      <c r="H370734" s="12"/>
    </row>
    <row r="370735" spans="8:8">
      <c r="H370735" s="12"/>
    </row>
    <row r="370736" spans="8:8">
      <c r="H370736" s="12"/>
    </row>
    <row r="370737" spans="8:8">
      <c r="H370737" s="12"/>
    </row>
    <row r="370738" spans="8:8">
      <c r="H370738" s="12"/>
    </row>
    <row r="370739" spans="8:8">
      <c r="H370739" s="12"/>
    </row>
    <row r="370740" spans="8:8">
      <c r="H370740" s="12"/>
    </row>
    <row r="370741" spans="8:8">
      <c r="H370741" s="12"/>
    </row>
    <row r="370742" spans="8:8">
      <c r="H370742" s="12"/>
    </row>
    <row r="370743" spans="8:8">
      <c r="H370743" s="12"/>
    </row>
    <row r="370744" spans="8:8">
      <c r="H370744" s="12"/>
    </row>
    <row r="370745" spans="8:8">
      <c r="H370745" s="12"/>
    </row>
    <row r="370746" spans="8:8">
      <c r="H370746" s="12"/>
    </row>
    <row r="370747" spans="8:8">
      <c r="H370747" s="12"/>
    </row>
    <row r="370748" spans="8:8">
      <c r="H370748" s="12"/>
    </row>
    <row r="370749" spans="8:8">
      <c r="H370749" s="12"/>
    </row>
    <row r="370750" spans="8:8">
      <c r="H370750" s="12"/>
    </row>
    <row r="370751" spans="8:8">
      <c r="H370751" s="12"/>
    </row>
    <row r="370752" spans="8:8">
      <c r="H370752" s="12"/>
    </row>
    <row r="370753" spans="8:8">
      <c r="H370753" s="12"/>
    </row>
    <row r="370754" spans="8:8">
      <c r="H370754" s="12"/>
    </row>
    <row r="370755" spans="8:8">
      <c r="H370755" s="12"/>
    </row>
    <row r="370756" spans="8:8">
      <c r="H370756" s="12"/>
    </row>
    <row r="370757" spans="8:8">
      <c r="H370757" s="12"/>
    </row>
    <row r="370758" spans="8:8">
      <c r="H370758" s="12"/>
    </row>
    <row r="370759" spans="8:8">
      <c r="H370759" s="12"/>
    </row>
    <row r="370760" spans="8:8">
      <c r="H370760" s="12"/>
    </row>
    <row r="370761" spans="8:8">
      <c r="H370761" s="12"/>
    </row>
    <row r="370762" spans="8:8">
      <c r="H370762" s="12"/>
    </row>
    <row r="370763" spans="8:8">
      <c r="H370763" s="12"/>
    </row>
    <row r="370764" spans="8:8">
      <c r="H370764" s="12"/>
    </row>
    <row r="370765" spans="8:8">
      <c r="H370765" s="12"/>
    </row>
    <row r="370766" spans="8:8">
      <c r="H370766" s="12"/>
    </row>
    <row r="370767" spans="8:8">
      <c r="H370767" s="12"/>
    </row>
    <row r="370768" spans="8:8">
      <c r="H370768" s="12"/>
    </row>
    <row r="370769" spans="8:8">
      <c r="H370769" s="12"/>
    </row>
    <row r="370770" spans="8:8">
      <c r="H370770" s="12"/>
    </row>
    <row r="370771" spans="8:8">
      <c r="H370771" s="12"/>
    </row>
    <row r="370772" spans="8:8">
      <c r="H370772" s="12"/>
    </row>
    <row r="370773" spans="8:8">
      <c r="H370773" s="12"/>
    </row>
    <row r="370774" spans="8:8">
      <c r="H370774" s="12"/>
    </row>
    <row r="370775" spans="8:8">
      <c r="H370775" s="12"/>
    </row>
    <row r="370776" spans="8:8">
      <c r="H370776" s="12"/>
    </row>
    <row r="370777" spans="8:8">
      <c r="H370777" s="12"/>
    </row>
    <row r="370778" spans="8:8">
      <c r="H370778" s="12"/>
    </row>
    <row r="370779" spans="8:8">
      <c r="H370779" s="12"/>
    </row>
    <row r="370780" spans="8:8">
      <c r="H370780" s="12"/>
    </row>
    <row r="370781" spans="8:8">
      <c r="H370781" s="12"/>
    </row>
    <row r="370782" spans="8:8">
      <c r="H370782" s="12"/>
    </row>
    <row r="370783" spans="8:8">
      <c r="H370783" s="12"/>
    </row>
    <row r="370784" spans="8:8">
      <c r="H370784" s="12"/>
    </row>
    <row r="370785" spans="8:8">
      <c r="H370785" s="12"/>
    </row>
    <row r="370786" spans="8:8">
      <c r="H370786" s="12"/>
    </row>
    <row r="370787" spans="8:8">
      <c r="H370787" s="12"/>
    </row>
    <row r="370788" spans="8:8">
      <c r="H370788" s="12"/>
    </row>
    <row r="370789" spans="8:8">
      <c r="H370789" s="12"/>
    </row>
    <row r="370790" spans="8:8">
      <c r="H370790" s="12"/>
    </row>
    <row r="370791" spans="8:8">
      <c r="H370791" s="12"/>
    </row>
    <row r="370792" spans="8:8">
      <c r="H370792" s="12"/>
    </row>
    <row r="370793" spans="8:8">
      <c r="H370793" s="12"/>
    </row>
    <row r="370794" spans="8:8">
      <c r="H370794" s="12"/>
    </row>
    <row r="370795" spans="8:8">
      <c r="H370795" s="12"/>
    </row>
    <row r="370796" spans="8:8">
      <c r="H370796" s="12"/>
    </row>
    <row r="370797" spans="8:8">
      <c r="H370797" s="12"/>
    </row>
    <row r="370798" spans="8:8">
      <c r="H370798" s="12"/>
    </row>
    <row r="370799" spans="8:8">
      <c r="H370799" s="12"/>
    </row>
    <row r="370800" spans="8:8">
      <c r="H370800" s="12"/>
    </row>
    <row r="370801" spans="8:8">
      <c r="H370801" s="12"/>
    </row>
    <row r="370802" spans="8:8">
      <c r="H370802" s="12"/>
    </row>
    <row r="370803" spans="8:8">
      <c r="H370803" s="12"/>
    </row>
    <row r="370804" spans="8:8">
      <c r="H370804" s="12"/>
    </row>
    <row r="370805" spans="8:8">
      <c r="H370805" s="12"/>
    </row>
    <row r="370806" spans="8:8">
      <c r="H370806" s="12"/>
    </row>
    <row r="370807" spans="8:8">
      <c r="H370807" s="12"/>
    </row>
    <row r="370808" spans="8:8">
      <c r="H370808" s="12"/>
    </row>
    <row r="370809" spans="8:8">
      <c r="H370809" s="12"/>
    </row>
    <row r="370810" spans="8:8">
      <c r="H370810" s="12"/>
    </row>
    <row r="370811" spans="8:8">
      <c r="H370811" s="12"/>
    </row>
    <row r="370812" spans="8:8">
      <c r="H370812" s="12"/>
    </row>
    <row r="370813" spans="8:8">
      <c r="H370813" s="12"/>
    </row>
    <row r="370814" spans="8:8">
      <c r="H370814" s="12"/>
    </row>
    <row r="370815" spans="8:8">
      <c r="H370815" s="12"/>
    </row>
    <row r="370816" spans="8:8">
      <c r="H370816" s="12"/>
    </row>
    <row r="370817" spans="8:8">
      <c r="H370817" s="12"/>
    </row>
    <row r="370818" spans="8:8">
      <c r="H370818" s="12"/>
    </row>
    <row r="370819" spans="8:8">
      <c r="H370819" s="12"/>
    </row>
    <row r="370820" spans="8:8">
      <c r="H370820" s="12"/>
    </row>
    <row r="370821" spans="8:8">
      <c r="H370821" s="12"/>
    </row>
    <row r="370822" spans="8:8">
      <c r="H370822" s="12"/>
    </row>
    <row r="370823" spans="8:8">
      <c r="H370823" s="12"/>
    </row>
    <row r="370824" spans="8:8">
      <c r="H370824" s="12"/>
    </row>
    <row r="370825" spans="8:8">
      <c r="H370825" s="12"/>
    </row>
    <row r="370826" spans="8:8">
      <c r="H370826" s="12"/>
    </row>
    <row r="370827" spans="8:8">
      <c r="H370827" s="12"/>
    </row>
    <row r="370828" spans="8:8">
      <c r="H370828" s="12"/>
    </row>
    <row r="370829" spans="8:8">
      <c r="H370829" s="12"/>
    </row>
    <row r="370830" spans="8:8">
      <c r="H370830" s="12"/>
    </row>
    <row r="370831" spans="8:8">
      <c r="H370831" s="12"/>
    </row>
    <row r="370832" spans="8:8">
      <c r="H370832" s="12"/>
    </row>
    <row r="370833" spans="8:8">
      <c r="H370833" s="12"/>
    </row>
    <row r="370834" spans="8:8">
      <c r="H370834" s="12"/>
    </row>
    <row r="370835" spans="8:8">
      <c r="H370835" s="12"/>
    </row>
    <row r="370836" spans="8:8">
      <c r="H370836" s="12"/>
    </row>
    <row r="370837" spans="8:8">
      <c r="H370837" s="12"/>
    </row>
    <row r="370838" spans="8:8">
      <c r="H370838" s="12"/>
    </row>
    <row r="370839" spans="8:8">
      <c r="H370839" s="12"/>
    </row>
    <row r="370840" spans="8:8">
      <c r="H370840" s="12"/>
    </row>
    <row r="370841" spans="8:8">
      <c r="H370841" s="12"/>
    </row>
    <row r="370842" spans="8:8">
      <c r="H370842" s="12"/>
    </row>
    <row r="370843" spans="8:8">
      <c r="H370843" s="12"/>
    </row>
    <row r="370844" spans="8:8">
      <c r="H370844" s="12"/>
    </row>
    <row r="370845" spans="8:8">
      <c r="H370845" s="12"/>
    </row>
    <row r="370846" spans="8:8">
      <c r="H370846" s="12"/>
    </row>
    <row r="370847" spans="8:8">
      <c r="H370847" s="12"/>
    </row>
    <row r="370848" spans="8:8">
      <c r="H370848" s="12"/>
    </row>
    <row r="370849" spans="8:8">
      <c r="H370849" s="12"/>
    </row>
    <row r="370850" spans="8:8">
      <c r="H370850" s="12"/>
    </row>
    <row r="370851" spans="8:8">
      <c r="H370851" s="12"/>
    </row>
    <row r="370852" spans="8:8">
      <c r="H370852" s="12"/>
    </row>
    <row r="370853" spans="8:8">
      <c r="H370853" s="12"/>
    </row>
    <row r="370854" spans="8:8">
      <c r="H370854" s="12"/>
    </row>
    <row r="370855" spans="8:8">
      <c r="H370855" s="12"/>
    </row>
    <row r="370856" spans="8:8">
      <c r="H370856" s="12"/>
    </row>
    <row r="370857" spans="8:8">
      <c r="H370857" s="12"/>
    </row>
    <row r="370858" spans="8:8">
      <c r="H370858" s="12"/>
    </row>
    <row r="370859" spans="8:8">
      <c r="H370859" s="12"/>
    </row>
    <row r="370860" spans="8:8">
      <c r="H370860" s="12"/>
    </row>
    <row r="370861" spans="8:8">
      <c r="H370861" s="12"/>
    </row>
    <row r="370862" spans="8:8">
      <c r="H370862" s="12"/>
    </row>
    <row r="370863" spans="8:8">
      <c r="H370863" s="12"/>
    </row>
    <row r="370864" spans="8:8">
      <c r="H370864" s="12"/>
    </row>
    <row r="370865" spans="8:8">
      <c r="H370865" s="12"/>
    </row>
    <row r="370866" spans="8:8">
      <c r="H370866" s="12"/>
    </row>
    <row r="370867" spans="8:8">
      <c r="H370867" s="12"/>
    </row>
    <row r="370868" spans="8:8">
      <c r="H370868" s="12"/>
    </row>
    <row r="370869" spans="8:8">
      <c r="H370869" s="12"/>
    </row>
    <row r="370870" spans="8:8">
      <c r="H370870" s="12"/>
    </row>
    <row r="370871" spans="8:8">
      <c r="H370871" s="12"/>
    </row>
    <row r="370872" spans="8:8">
      <c r="H370872" s="12"/>
    </row>
    <row r="370873" spans="8:8">
      <c r="H370873" s="12"/>
    </row>
    <row r="370874" spans="8:8">
      <c r="H370874" s="12"/>
    </row>
    <row r="370875" spans="8:8">
      <c r="H370875" s="12"/>
    </row>
    <row r="370876" spans="8:8">
      <c r="H370876" s="12"/>
    </row>
    <row r="370877" spans="8:8">
      <c r="H370877" s="12"/>
    </row>
    <row r="370878" spans="8:8">
      <c r="H370878" s="12"/>
    </row>
    <row r="370879" spans="8:8">
      <c r="H370879" s="12"/>
    </row>
    <row r="370880" spans="8:8">
      <c r="H370880" s="12"/>
    </row>
    <row r="370881" spans="8:8">
      <c r="H370881" s="12"/>
    </row>
    <row r="370882" spans="8:8">
      <c r="H370882" s="12"/>
    </row>
    <row r="370883" spans="8:8">
      <c r="H370883" s="12"/>
    </row>
    <row r="370884" spans="8:8">
      <c r="H370884" s="12"/>
    </row>
    <row r="370885" spans="8:8">
      <c r="H370885" s="12"/>
    </row>
    <row r="370886" spans="8:8">
      <c r="H370886" s="12"/>
    </row>
    <row r="370887" spans="8:8">
      <c r="H370887" s="12"/>
    </row>
    <row r="370888" spans="8:8">
      <c r="H370888" s="12"/>
    </row>
    <row r="370889" spans="8:8">
      <c r="H370889" s="12"/>
    </row>
    <row r="370890" spans="8:8">
      <c r="H370890" s="12"/>
    </row>
    <row r="370891" spans="8:8">
      <c r="H370891" s="12"/>
    </row>
    <row r="370892" spans="8:8">
      <c r="H370892" s="12"/>
    </row>
    <row r="370893" spans="8:8">
      <c r="H370893" s="12"/>
    </row>
    <row r="370894" spans="8:8">
      <c r="H370894" s="12"/>
    </row>
    <row r="370895" spans="8:8">
      <c r="H370895" s="12"/>
    </row>
    <row r="370896" spans="8:8">
      <c r="H370896" s="12"/>
    </row>
    <row r="370897" spans="8:8">
      <c r="H370897" s="12"/>
    </row>
    <row r="370898" spans="8:8">
      <c r="H370898" s="12"/>
    </row>
    <row r="370899" spans="8:8">
      <c r="H370899" s="12"/>
    </row>
    <row r="370900" spans="8:8">
      <c r="H370900" s="12"/>
    </row>
    <row r="370901" spans="8:8">
      <c r="H370901" s="12"/>
    </row>
    <row r="370902" spans="8:8">
      <c r="H370902" s="12"/>
    </row>
    <row r="370903" spans="8:8">
      <c r="H370903" s="12"/>
    </row>
    <row r="370904" spans="8:8">
      <c r="H370904" s="12"/>
    </row>
    <row r="370905" spans="8:8">
      <c r="H370905" s="12"/>
    </row>
    <row r="370906" spans="8:8">
      <c r="H370906" s="12"/>
    </row>
    <row r="370907" spans="8:8">
      <c r="H370907" s="12"/>
    </row>
    <row r="370908" spans="8:8">
      <c r="H370908" s="12"/>
    </row>
    <row r="370909" spans="8:8">
      <c r="H370909" s="12"/>
    </row>
    <row r="370910" spans="8:8">
      <c r="H370910" s="12"/>
    </row>
    <row r="370911" spans="8:8">
      <c r="H370911" s="12"/>
    </row>
    <row r="370912" spans="8:8">
      <c r="H370912" s="12"/>
    </row>
    <row r="370913" spans="8:8">
      <c r="H370913" s="12"/>
    </row>
    <row r="370914" spans="8:8">
      <c r="H370914" s="12"/>
    </row>
    <row r="370915" spans="8:8">
      <c r="H370915" s="12"/>
    </row>
    <row r="370916" spans="8:8">
      <c r="H370916" s="12"/>
    </row>
    <row r="370917" spans="8:8">
      <c r="H370917" s="12"/>
    </row>
    <row r="370918" spans="8:8">
      <c r="H370918" s="12"/>
    </row>
    <row r="370919" spans="8:8">
      <c r="H370919" s="12"/>
    </row>
    <row r="370920" spans="8:8">
      <c r="H370920" s="12"/>
    </row>
    <row r="370921" spans="8:8">
      <c r="H370921" s="12"/>
    </row>
    <row r="370922" spans="8:8">
      <c r="H370922" s="12"/>
    </row>
    <row r="370923" spans="8:8">
      <c r="H370923" s="12"/>
    </row>
    <row r="370924" spans="8:8">
      <c r="H370924" s="12"/>
    </row>
    <row r="370925" spans="8:8">
      <c r="H370925" s="12"/>
    </row>
    <row r="370926" spans="8:8">
      <c r="H370926" s="12"/>
    </row>
    <row r="370927" spans="8:8">
      <c r="H370927" s="12"/>
    </row>
    <row r="370928" spans="8:8">
      <c r="H370928" s="12"/>
    </row>
    <row r="370929" spans="8:8">
      <c r="H370929" s="12"/>
    </row>
    <row r="370930" spans="8:8">
      <c r="H370930" s="12"/>
    </row>
    <row r="370931" spans="8:8">
      <c r="H370931" s="12"/>
    </row>
    <row r="370932" spans="8:8">
      <c r="H370932" s="12"/>
    </row>
    <row r="370933" spans="8:8">
      <c r="H370933" s="12"/>
    </row>
    <row r="370934" spans="8:8">
      <c r="H370934" s="12"/>
    </row>
    <row r="370935" spans="8:8">
      <c r="H370935" s="12"/>
    </row>
    <row r="370936" spans="8:8">
      <c r="H370936" s="12"/>
    </row>
    <row r="370937" spans="8:8">
      <c r="H370937" s="12"/>
    </row>
    <row r="370938" spans="8:8">
      <c r="H370938" s="12"/>
    </row>
    <row r="370939" spans="8:8">
      <c r="H370939" s="12"/>
    </row>
    <row r="370940" spans="8:8">
      <c r="H370940" s="12"/>
    </row>
    <row r="370941" spans="8:8">
      <c r="H370941" s="12"/>
    </row>
    <row r="370942" spans="8:8">
      <c r="H370942" s="12"/>
    </row>
    <row r="370943" spans="8:8">
      <c r="H370943" s="12"/>
    </row>
    <row r="370944" spans="8:8">
      <c r="H370944" s="12"/>
    </row>
    <row r="370945" spans="8:8">
      <c r="H370945" s="12"/>
    </row>
    <row r="370946" spans="8:8">
      <c r="H370946" s="12"/>
    </row>
    <row r="370947" spans="8:8">
      <c r="H370947" s="12"/>
    </row>
    <row r="370948" spans="8:8">
      <c r="H370948" s="12"/>
    </row>
    <row r="370949" spans="8:8">
      <c r="H370949" s="12"/>
    </row>
    <row r="370950" spans="8:8">
      <c r="H370950" s="12"/>
    </row>
    <row r="370951" spans="8:8">
      <c r="H370951" s="12"/>
    </row>
    <row r="370952" spans="8:8">
      <c r="H370952" s="12"/>
    </row>
    <row r="370953" spans="8:8">
      <c r="H370953" s="12"/>
    </row>
    <row r="370954" spans="8:8">
      <c r="H370954" s="12"/>
    </row>
    <row r="370955" spans="8:8">
      <c r="H370955" s="12"/>
    </row>
    <row r="370956" spans="8:8">
      <c r="H370956" s="12"/>
    </row>
    <row r="370957" spans="8:8">
      <c r="H370957" s="12"/>
    </row>
    <row r="370958" spans="8:8">
      <c r="H370958" s="12"/>
    </row>
    <row r="370959" spans="8:8">
      <c r="H370959" s="12"/>
    </row>
    <row r="370960" spans="8:8">
      <c r="H370960" s="12"/>
    </row>
    <row r="370961" spans="8:8">
      <c r="H370961" s="12"/>
    </row>
    <row r="370962" spans="8:8">
      <c r="H370962" s="12"/>
    </row>
    <row r="370963" spans="8:8">
      <c r="H370963" s="12"/>
    </row>
    <row r="370964" spans="8:8">
      <c r="H370964" s="12"/>
    </row>
    <row r="370965" spans="8:8">
      <c r="H370965" s="12"/>
    </row>
    <row r="370966" spans="8:8">
      <c r="H370966" s="12"/>
    </row>
    <row r="370967" spans="8:8">
      <c r="H370967" s="12"/>
    </row>
    <row r="370968" spans="8:8">
      <c r="H370968" s="12"/>
    </row>
    <row r="370969" spans="8:8">
      <c r="H370969" s="12"/>
    </row>
    <row r="370970" spans="8:8">
      <c r="H370970" s="12"/>
    </row>
    <row r="370971" spans="8:8">
      <c r="H370971" s="12"/>
    </row>
    <row r="370972" spans="8:8">
      <c r="H370972" s="12"/>
    </row>
    <row r="370973" spans="8:8">
      <c r="H370973" s="12"/>
    </row>
    <row r="370974" spans="8:8">
      <c r="H370974" s="12"/>
    </row>
    <row r="370975" spans="8:8">
      <c r="H370975" s="12"/>
    </row>
    <row r="370976" spans="8:8">
      <c r="H370976" s="12"/>
    </row>
    <row r="370977" spans="8:8">
      <c r="H370977" s="12"/>
    </row>
    <row r="370978" spans="8:8">
      <c r="H370978" s="12"/>
    </row>
    <row r="370979" spans="8:8">
      <c r="H370979" s="12"/>
    </row>
    <row r="370980" spans="8:8">
      <c r="H370980" s="12"/>
    </row>
    <row r="370981" spans="8:8">
      <c r="H370981" s="12"/>
    </row>
    <row r="370982" spans="8:8">
      <c r="H370982" s="12"/>
    </row>
    <row r="370983" spans="8:8">
      <c r="H370983" s="12"/>
    </row>
    <row r="370984" spans="8:8">
      <c r="H370984" s="12"/>
    </row>
    <row r="370985" spans="8:8">
      <c r="H370985" s="12"/>
    </row>
    <row r="370986" spans="8:8">
      <c r="H370986" s="12"/>
    </row>
    <row r="370987" spans="8:8">
      <c r="H370987" s="12"/>
    </row>
    <row r="370988" spans="8:8">
      <c r="H370988" s="12"/>
    </row>
    <row r="370989" spans="8:8">
      <c r="H370989" s="12"/>
    </row>
    <row r="370990" spans="8:8">
      <c r="H370990" s="12"/>
    </row>
    <row r="370991" spans="8:8">
      <c r="H370991" s="12"/>
    </row>
    <row r="370992" spans="8:8">
      <c r="H370992" s="12"/>
    </row>
    <row r="370993" spans="8:8">
      <c r="H370993" s="12"/>
    </row>
    <row r="370994" spans="8:8">
      <c r="H370994" s="12"/>
    </row>
    <row r="370995" spans="8:8">
      <c r="H370995" s="12"/>
    </row>
    <row r="370996" spans="8:8">
      <c r="H370996" s="12"/>
    </row>
    <row r="370997" spans="8:8">
      <c r="H370997" s="12"/>
    </row>
    <row r="370998" spans="8:8">
      <c r="H370998" s="12"/>
    </row>
    <row r="370999" spans="8:8">
      <c r="H370999" s="12"/>
    </row>
    <row r="371000" spans="8:8">
      <c r="H371000" s="12"/>
    </row>
    <row r="371001" spans="8:8">
      <c r="H371001" s="12"/>
    </row>
    <row r="371002" spans="8:8">
      <c r="H371002" s="12"/>
    </row>
    <row r="371003" spans="8:8">
      <c r="H371003" s="12"/>
    </row>
    <row r="371004" spans="8:8">
      <c r="H371004" s="12"/>
    </row>
    <row r="371005" spans="8:8">
      <c r="H371005" s="12"/>
    </row>
    <row r="371006" spans="8:8">
      <c r="H371006" s="12"/>
    </row>
    <row r="371007" spans="8:8">
      <c r="H371007" s="12"/>
    </row>
    <row r="371008" spans="8:8">
      <c r="H371008" s="12"/>
    </row>
    <row r="371009" spans="8:8">
      <c r="H371009" s="12"/>
    </row>
    <row r="371010" spans="8:8">
      <c r="H371010" s="12"/>
    </row>
    <row r="371011" spans="8:8">
      <c r="H371011" s="12"/>
    </row>
    <row r="371012" spans="8:8">
      <c r="H371012" s="12"/>
    </row>
    <row r="371013" spans="8:8">
      <c r="H371013" s="12"/>
    </row>
    <row r="371014" spans="8:8">
      <c r="H371014" s="12"/>
    </row>
    <row r="371015" spans="8:8">
      <c r="H371015" s="12"/>
    </row>
    <row r="371016" spans="8:8">
      <c r="H371016" s="12"/>
    </row>
    <row r="371017" spans="8:8">
      <c r="H371017" s="12"/>
    </row>
    <row r="371018" spans="8:8">
      <c r="H371018" s="12"/>
    </row>
    <row r="371019" spans="8:8">
      <c r="H371019" s="12"/>
    </row>
    <row r="371020" spans="8:8">
      <c r="H371020" s="12"/>
    </row>
    <row r="371021" spans="8:8">
      <c r="H371021" s="12"/>
    </row>
    <row r="371022" spans="8:8">
      <c r="H371022" s="12"/>
    </row>
    <row r="371023" spans="8:8">
      <c r="H371023" s="12"/>
    </row>
    <row r="371024" spans="8:8">
      <c r="H371024" s="12"/>
    </row>
    <row r="371025" spans="8:8">
      <c r="H371025" s="12"/>
    </row>
    <row r="371026" spans="8:8">
      <c r="H371026" s="12"/>
    </row>
    <row r="371027" spans="8:8">
      <c r="H371027" s="12"/>
    </row>
    <row r="371028" spans="8:8">
      <c r="H371028" s="12"/>
    </row>
    <row r="371029" spans="8:8">
      <c r="H371029" s="12"/>
    </row>
    <row r="371030" spans="8:8">
      <c r="H371030" s="12"/>
    </row>
    <row r="371031" spans="8:8">
      <c r="H371031" s="12"/>
    </row>
    <row r="371032" spans="8:8">
      <c r="H371032" s="12"/>
    </row>
    <row r="371033" spans="8:8">
      <c r="H371033" s="12"/>
    </row>
    <row r="371034" spans="8:8">
      <c r="H371034" s="12"/>
    </row>
    <row r="371035" spans="8:8">
      <c r="H371035" s="12"/>
    </row>
    <row r="371036" spans="8:8">
      <c r="H371036" s="12"/>
    </row>
    <row r="371037" spans="8:8">
      <c r="H371037" s="12"/>
    </row>
    <row r="371038" spans="8:8">
      <c r="H371038" s="12"/>
    </row>
    <row r="371039" spans="8:8">
      <c r="H371039" s="12"/>
    </row>
    <row r="371040" spans="8:8">
      <c r="H371040" s="12"/>
    </row>
    <row r="371041" spans="8:8">
      <c r="H371041" s="12"/>
    </row>
    <row r="371042" spans="8:8">
      <c r="H371042" s="12"/>
    </row>
    <row r="371043" spans="8:8">
      <c r="H371043" s="12"/>
    </row>
    <row r="371044" spans="8:8">
      <c r="H371044" s="12"/>
    </row>
    <row r="371045" spans="8:8">
      <c r="H371045" s="12"/>
    </row>
    <row r="371046" spans="8:8">
      <c r="H371046" s="12"/>
    </row>
    <row r="371047" spans="8:8">
      <c r="H371047" s="12"/>
    </row>
    <row r="371048" spans="8:8">
      <c r="H371048" s="12"/>
    </row>
    <row r="371049" spans="8:8">
      <c r="H371049" s="12"/>
    </row>
    <row r="371050" spans="8:8">
      <c r="H371050" s="12"/>
    </row>
    <row r="371051" spans="8:8">
      <c r="H371051" s="12"/>
    </row>
    <row r="371052" spans="8:8">
      <c r="H371052" s="12"/>
    </row>
    <row r="371053" spans="8:8">
      <c r="H371053" s="12"/>
    </row>
    <row r="371054" spans="8:8">
      <c r="H371054" s="12"/>
    </row>
    <row r="371055" spans="8:8">
      <c r="H371055" s="12"/>
    </row>
    <row r="371056" spans="8:8">
      <c r="H371056" s="12"/>
    </row>
    <row r="371057" spans="8:8">
      <c r="H371057" s="12"/>
    </row>
    <row r="371058" spans="8:8">
      <c r="H371058" s="12"/>
    </row>
    <row r="371059" spans="8:8">
      <c r="H371059" s="12"/>
    </row>
    <row r="371060" spans="8:8">
      <c r="H371060" s="12"/>
    </row>
    <row r="371061" spans="8:8">
      <c r="H371061" s="12"/>
    </row>
    <row r="371062" spans="8:8">
      <c r="H371062" s="12"/>
    </row>
    <row r="371063" spans="8:8">
      <c r="H371063" s="12"/>
    </row>
    <row r="371064" spans="8:8">
      <c r="H371064" s="12"/>
    </row>
    <row r="371065" spans="8:8">
      <c r="H371065" s="12"/>
    </row>
    <row r="371066" spans="8:8">
      <c r="H371066" s="12"/>
    </row>
    <row r="371067" spans="8:8">
      <c r="H371067" s="12"/>
    </row>
    <row r="371068" spans="8:8">
      <c r="H371068" s="12"/>
    </row>
    <row r="371069" spans="8:8">
      <c r="H371069" s="12"/>
    </row>
    <row r="371070" spans="8:8">
      <c r="H371070" s="12"/>
    </row>
    <row r="371071" spans="8:8">
      <c r="H371071" s="12"/>
    </row>
    <row r="371072" spans="8:8">
      <c r="H371072" s="12"/>
    </row>
    <row r="371073" spans="8:8">
      <c r="H371073" s="12"/>
    </row>
    <row r="371074" spans="8:8">
      <c r="H371074" s="12"/>
    </row>
    <row r="371075" spans="8:8">
      <c r="H371075" s="12"/>
    </row>
    <row r="371076" spans="8:8">
      <c r="H371076" s="12"/>
    </row>
    <row r="371077" spans="8:8">
      <c r="H371077" s="12"/>
    </row>
    <row r="371078" spans="8:8">
      <c r="H371078" s="12"/>
    </row>
    <row r="371079" spans="8:8">
      <c r="H371079" s="12"/>
    </row>
    <row r="371080" spans="8:8">
      <c r="H371080" s="12"/>
    </row>
    <row r="371081" spans="8:8">
      <c r="H371081" s="12"/>
    </row>
    <row r="371082" spans="8:8">
      <c r="H371082" s="12"/>
    </row>
    <row r="371083" spans="8:8">
      <c r="H371083" s="12"/>
    </row>
    <row r="371084" spans="8:8">
      <c r="H371084" s="12"/>
    </row>
    <row r="371085" spans="8:8">
      <c r="H371085" s="12"/>
    </row>
    <row r="371086" spans="8:8">
      <c r="H371086" s="12"/>
    </row>
    <row r="371087" spans="8:8">
      <c r="H371087" s="12"/>
    </row>
    <row r="371088" spans="8:8">
      <c r="H371088" s="12"/>
    </row>
    <row r="371089" spans="8:8">
      <c r="H371089" s="12"/>
    </row>
    <row r="371090" spans="8:8">
      <c r="H371090" s="12"/>
    </row>
    <row r="371091" spans="8:8">
      <c r="H371091" s="12"/>
    </row>
    <row r="371092" spans="8:8">
      <c r="H371092" s="12"/>
    </row>
    <row r="371093" spans="8:8">
      <c r="H371093" s="12"/>
    </row>
    <row r="371094" spans="8:8">
      <c r="H371094" s="12"/>
    </row>
    <row r="371095" spans="8:8">
      <c r="H371095" s="12"/>
    </row>
    <row r="371096" spans="8:8">
      <c r="H371096" s="12"/>
    </row>
    <row r="371097" spans="8:8">
      <c r="H371097" s="12"/>
    </row>
    <row r="371098" spans="8:8">
      <c r="H371098" s="12"/>
    </row>
    <row r="371099" spans="8:8">
      <c r="H371099" s="12"/>
    </row>
    <row r="371100" spans="8:8">
      <c r="H371100" s="12"/>
    </row>
    <row r="371101" spans="8:8">
      <c r="H371101" s="12"/>
    </row>
    <row r="371102" spans="8:8">
      <c r="H371102" s="12"/>
    </row>
    <row r="371103" spans="8:8">
      <c r="H371103" s="12"/>
    </row>
    <row r="371104" spans="8:8">
      <c r="H371104" s="12"/>
    </row>
    <row r="371105" spans="8:8">
      <c r="H371105" s="12"/>
    </row>
    <row r="371106" spans="8:8">
      <c r="H371106" s="12"/>
    </row>
    <row r="371107" spans="8:8">
      <c r="H371107" s="12"/>
    </row>
    <row r="371108" spans="8:8">
      <c r="H371108" s="12"/>
    </row>
    <row r="371109" spans="8:8">
      <c r="H371109" s="12"/>
    </row>
    <row r="371110" spans="8:8">
      <c r="H371110" s="12"/>
    </row>
    <row r="371111" spans="8:8">
      <c r="H371111" s="12"/>
    </row>
    <row r="371112" spans="8:8">
      <c r="H371112" s="12"/>
    </row>
    <row r="371113" spans="8:8">
      <c r="H371113" s="12"/>
    </row>
    <row r="371114" spans="8:8">
      <c r="H371114" s="12"/>
    </row>
    <row r="371115" spans="8:8">
      <c r="H371115" s="12"/>
    </row>
    <row r="371116" spans="8:8">
      <c r="H371116" s="12"/>
    </row>
    <row r="371117" spans="8:8">
      <c r="H371117" s="12"/>
    </row>
    <row r="371118" spans="8:8">
      <c r="H371118" s="12"/>
    </row>
    <row r="371119" spans="8:8">
      <c r="H371119" s="12"/>
    </row>
    <row r="371120" spans="8:8">
      <c r="H371120" s="12"/>
    </row>
    <row r="371121" spans="8:8">
      <c r="H371121" s="12"/>
    </row>
    <row r="371122" spans="8:8">
      <c r="H371122" s="12"/>
    </row>
    <row r="371123" spans="8:8">
      <c r="H371123" s="12"/>
    </row>
    <row r="371124" spans="8:8">
      <c r="H371124" s="12"/>
    </row>
    <row r="371125" spans="8:8">
      <c r="H371125" s="12"/>
    </row>
    <row r="371126" spans="8:8">
      <c r="H371126" s="12"/>
    </row>
    <row r="371127" spans="8:8">
      <c r="H371127" s="12"/>
    </row>
    <row r="371128" spans="8:8">
      <c r="H371128" s="12"/>
    </row>
    <row r="371129" spans="8:8">
      <c r="H371129" s="12"/>
    </row>
    <row r="371130" spans="8:8">
      <c r="H371130" s="12"/>
    </row>
    <row r="371131" spans="8:8">
      <c r="H371131" s="12"/>
    </row>
    <row r="371132" spans="8:8">
      <c r="H371132" s="12"/>
    </row>
    <row r="371133" spans="8:8">
      <c r="H371133" s="12"/>
    </row>
    <row r="371134" spans="8:8">
      <c r="H371134" s="12"/>
    </row>
    <row r="371135" spans="8:8">
      <c r="H371135" s="12"/>
    </row>
    <row r="371136" spans="8:8">
      <c r="H371136" s="12"/>
    </row>
    <row r="371137" spans="8:8">
      <c r="H371137" s="12"/>
    </row>
    <row r="371138" spans="8:8">
      <c r="H371138" s="12"/>
    </row>
    <row r="371139" spans="8:8">
      <c r="H371139" s="12"/>
    </row>
    <row r="371140" spans="8:8">
      <c r="H371140" s="12"/>
    </row>
    <row r="371141" spans="8:8">
      <c r="H371141" s="12"/>
    </row>
    <row r="371142" spans="8:8">
      <c r="H371142" s="12"/>
    </row>
    <row r="371143" spans="8:8">
      <c r="H371143" s="12"/>
    </row>
    <row r="371144" spans="8:8">
      <c r="H371144" s="12"/>
    </row>
    <row r="371145" spans="8:8">
      <c r="H371145" s="12"/>
    </row>
    <row r="371146" spans="8:8">
      <c r="H371146" s="12"/>
    </row>
    <row r="371147" spans="8:8">
      <c r="H371147" s="12"/>
    </row>
    <row r="371148" spans="8:8">
      <c r="H371148" s="12"/>
    </row>
    <row r="371149" spans="8:8">
      <c r="H371149" s="12"/>
    </row>
    <row r="371150" spans="8:8">
      <c r="H371150" s="12"/>
    </row>
    <row r="371151" spans="8:8">
      <c r="H371151" s="12"/>
    </row>
    <row r="371152" spans="8:8">
      <c r="H371152" s="12"/>
    </row>
    <row r="371153" spans="8:8">
      <c r="H371153" s="12"/>
    </row>
    <row r="371154" spans="8:8">
      <c r="H371154" s="12"/>
    </row>
    <row r="371155" spans="8:8">
      <c r="H371155" s="12"/>
    </row>
    <row r="371156" spans="8:8">
      <c r="H371156" s="12"/>
    </row>
    <row r="371157" spans="8:8">
      <c r="H371157" s="12"/>
    </row>
    <row r="371158" spans="8:8">
      <c r="H371158" s="12"/>
    </row>
    <row r="371159" spans="8:8">
      <c r="H371159" s="12"/>
    </row>
    <row r="371160" spans="8:8">
      <c r="H371160" s="12"/>
    </row>
    <row r="371161" spans="8:8">
      <c r="H371161" s="12"/>
    </row>
    <row r="371162" spans="8:8">
      <c r="H371162" s="12"/>
    </row>
    <row r="371163" spans="8:8">
      <c r="H371163" s="12"/>
    </row>
    <row r="371164" spans="8:8">
      <c r="H371164" s="12"/>
    </row>
    <row r="371165" spans="8:8">
      <c r="H371165" s="12"/>
    </row>
    <row r="371166" spans="8:8">
      <c r="H371166" s="12"/>
    </row>
    <row r="371167" spans="8:8">
      <c r="H371167" s="12"/>
    </row>
    <row r="371168" spans="8:8">
      <c r="H371168" s="12"/>
    </row>
    <row r="371169" spans="8:8">
      <c r="H371169" s="12"/>
    </row>
    <row r="371170" spans="8:8">
      <c r="H371170" s="12"/>
    </row>
    <row r="371171" spans="8:8">
      <c r="H371171" s="12"/>
    </row>
    <row r="371172" spans="8:8">
      <c r="H371172" s="12"/>
    </row>
    <row r="371173" spans="8:8">
      <c r="H371173" s="12"/>
    </row>
    <row r="371174" spans="8:8">
      <c r="H371174" s="12"/>
    </row>
    <row r="371175" spans="8:8">
      <c r="H371175" s="12"/>
    </row>
    <row r="371176" spans="8:8">
      <c r="H371176" s="12"/>
    </row>
    <row r="371177" spans="8:8">
      <c r="H371177" s="12"/>
    </row>
    <row r="371178" spans="8:8">
      <c r="H371178" s="12"/>
    </row>
    <row r="371179" spans="8:8">
      <c r="H371179" s="12"/>
    </row>
    <row r="371180" spans="8:8">
      <c r="H371180" s="12"/>
    </row>
    <row r="371181" spans="8:8">
      <c r="H371181" s="12"/>
    </row>
    <row r="371182" spans="8:8">
      <c r="H371182" s="12"/>
    </row>
    <row r="371183" spans="8:8">
      <c r="H371183" s="12"/>
    </row>
    <row r="371184" spans="8:8">
      <c r="H371184" s="12"/>
    </row>
    <row r="371185" spans="8:8">
      <c r="H371185" s="12"/>
    </row>
    <row r="371186" spans="8:8">
      <c r="H371186" s="12"/>
    </row>
    <row r="371187" spans="8:8">
      <c r="H371187" s="12"/>
    </row>
    <row r="371188" spans="8:8">
      <c r="H371188" s="12"/>
    </row>
    <row r="371189" spans="8:8">
      <c r="H371189" s="12"/>
    </row>
    <row r="371190" spans="8:8">
      <c r="H371190" s="12"/>
    </row>
    <row r="371191" spans="8:8">
      <c r="H371191" s="12"/>
    </row>
    <row r="371192" spans="8:8">
      <c r="H371192" s="12"/>
    </row>
    <row r="371193" spans="8:8">
      <c r="H371193" s="12"/>
    </row>
    <row r="371194" spans="8:8">
      <c r="H371194" s="12"/>
    </row>
    <row r="371195" spans="8:8">
      <c r="H371195" s="12"/>
    </row>
    <row r="371196" spans="8:8">
      <c r="H371196" s="12"/>
    </row>
    <row r="371197" spans="8:8">
      <c r="H371197" s="12"/>
    </row>
    <row r="371198" spans="8:8">
      <c r="H371198" s="12"/>
    </row>
    <row r="371199" spans="8:8">
      <c r="H371199" s="12"/>
    </row>
    <row r="371200" spans="8:8">
      <c r="H371200" s="12"/>
    </row>
    <row r="371201" spans="8:8">
      <c r="H371201" s="12"/>
    </row>
    <row r="371202" spans="8:8">
      <c r="H371202" s="12"/>
    </row>
    <row r="371203" spans="8:8">
      <c r="H371203" s="12"/>
    </row>
    <row r="371204" spans="8:8">
      <c r="H371204" s="12"/>
    </row>
    <row r="371205" spans="8:8">
      <c r="H371205" s="12"/>
    </row>
    <row r="371206" spans="8:8">
      <c r="H371206" s="12"/>
    </row>
    <row r="371207" spans="8:8">
      <c r="H371207" s="12"/>
    </row>
    <row r="371208" spans="8:8">
      <c r="H371208" s="12"/>
    </row>
    <row r="371209" spans="8:8">
      <c r="H371209" s="12"/>
    </row>
    <row r="371210" spans="8:8">
      <c r="H371210" s="12"/>
    </row>
    <row r="371211" spans="8:8">
      <c r="H371211" s="12"/>
    </row>
    <row r="371212" spans="8:8">
      <c r="H371212" s="12"/>
    </row>
    <row r="371213" spans="8:8">
      <c r="H371213" s="12"/>
    </row>
    <row r="371214" spans="8:8">
      <c r="H371214" s="12"/>
    </row>
    <row r="371215" spans="8:8">
      <c r="H371215" s="12"/>
    </row>
    <row r="371216" spans="8:8">
      <c r="H371216" s="12"/>
    </row>
    <row r="371217" spans="8:8">
      <c r="H371217" s="12"/>
    </row>
    <row r="371218" spans="8:8">
      <c r="H371218" s="12"/>
    </row>
    <row r="371219" spans="8:8">
      <c r="H371219" s="12"/>
    </row>
    <row r="371220" spans="8:8">
      <c r="H371220" s="12"/>
    </row>
    <row r="371221" spans="8:8">
      <c r="H371221" s="12"/>
    </row>
    <row r="371222" spans="8:8">
      <c r="H371222" s="12"/>
    </row>
    <row r="371223" spans="8:8">
      <c r="H371223" s="12"/>
    </row>
    <row r="371224" spans="8:8">
      <c r="H371224" s="12"/>
    </row>
    <row r="371225" spans="8:8">
      <c r="H371225" s="12"/>
    </row>
    <row r="371226" spans="8:8">
      <c r="H371226" s="12"/>
    </row>
    <row r="371227" spans="8:8">
      <c r="H371227" s="12"/>
    </row>
    <row r="371228" spans="8:8">
      <c r="H371228" s="12"/>
    </row>
    <row r="371229" spans="8:8">
      <c r="H371229" s="12"/>
    </row>
    <row r="371230" spans="8:8">
      <c r="H371230" s="12"/>
    </row>
    <row r="371231" spans="8:8">
      <c r="H371231" s="12"/>
    </row>
    <row r="371232" spans="8:8">
      <c r="H371232" s="12"/>
    </row>
    <row r="371233" spans="8:8">
      <c r="H371233" s="12"/>
    </row>
    <row r="371234" spans="8:8">
      <c r="H371234" s="12"/>
    </row>
    <row r="371235" spans="8:8">
      <c r="H371235" s="12"/>
    </row>
    <row r="371236" spans="8:8">
      <c r="H371236" s="12"/>
    </row>
    <row r="371237" spans="8:8">
      <c r="H371237" s="12"/>
    </row>
    <row r="371238" spans="8:8">
      <c r="H371238" s="12"/>
    </row>
    <row r="371239" spans="8:8">
      <c r="H371239" s="12"/>
    </row>
    <row r="371240" spans="8:8">
      <c r="H371240" s="12"/>
    </row>
    <row r="371241" spans="8:8">
      <c r="H371241" s="12"/>
    </row>
    <row r="371242" spans="8:8">
      <c r="H371242" s="12"/>
    </row>
    <row r="371243" spans="8:8">
      <c r="H371243" s="12"/>
    </row>
    <row r="371244" spans="8:8">
      <c r="H371244" s="12"/>
    </row>
    <row r="371245" spans="8:8">
      <c r="H371245" s="12"/>
    </row>
    <row r="371246" spans="8:8">
      <c r="H371246" s="12"/>
    </row>
    <row r="371247" spans="8:8">
      <c r="H371247" s="12"/>
    </row>
    <row r="371248" spans="8:8">
      <c r="H371248" s="12"/>
    </row>
    <row r="371249" spans="8:8">
      <c r="H371249" s="12"/>
    </row>
    <row r="371250" spans="8:8">
      <c r="H371250" s="12"/>
    </row>
    <row r="371251" spans="8:8">
      <c r="H371251" s="12"/>
    </row>
    <row r="371252" spans="8:8">
      <c r="H371252" s="12"/>
    </row>
    <row r="371253" spans="8:8">
      <c r="H371253" s="12"/>
    </row>
    <row r="371254" spans="8:8">
      <c r="H371254" s="12"/>
    </row>
    <row r="371255" spans="8:8">
      <c r="H371255" s="12"/>
    </row>
    <row r="371256" spans="8:8">
      <c r="H371256" s="12"/>
    </row>
    <row r="371257" spans="8:8">
      <c r="H371257" s="12"/>
    </row>
    <row r="371258" spans="8:8">
      <c r="H371258" s="12"/>
    </row>
    <row r="371259" spans="8:8">
      <c r="H371259" s="12"/>
    </row>
    <row r="371260" spans="8:8">
      <c r="H371260" s="12"/>
    </row>
    <row r="371261" spans="8:8">
      <c r="H371261" s="12"/>
    </row>
    <row r="371262" spans="8:8">
      <c r="H371262" s="12"/>
    </row>
    <row r="371263" spans="8:8">
      <c r="H371263" s="12"/>
    </row>
    <row r="371264" spans="8:8">
      <c r="H371264" s="12"/>
    </row>
    <row r="371265" spans="8:8">
      <c r="H371265" s="12"/>
    </row>
    <row r="371266" spans="8:8">
      <c r="H371266" s="12"/>
    </row>
    <row r="371267" spans="8:8">
      <c r="H371267" s="12"/>
    </row>
    <row r="371268" spans="8:8">
      <c r="H371268" s="12"/>
    </row>
    <row r="371269" spans="8:8">
      <c r="H371269" s="12"/>
    </row>
    <row r="371270" spans="8:8">
      <c r="H371270" s="12"/>
    </row>
    <row r="371271" spans="8:8">
      <c r="H371271" s="12"/>
    </row>
    <row r="371272" spans="8:8">
      <c r="H371272" s="12"/>
    </row>
    <row r="371273" spans="8:8">
      <c r="H371273" s="12"/>
    </row>
    <row r="371274" spans="8:8">
      <c r="H371274" s="12"/>
    </row>
    <row r="371275" spans="8:8">
      <c r="H371275" s="12"/>
    </row>
    <row r="371276" spans="8:8">
      <c r="H371276" s="12"/>
    </row>
    <row r="371277" spans="8:8">
      <c r="H371277" s="12"/>
    </row>
    <row r="371278" spans="8:8">
      <c r="H371278" s="12"/>
    </row>
    <row r="371279" spans="8:8">
      <c r="H371279" s="12"/>
    </row>
    <row r="371280" spans="8:8">
      <c r="H371280" s="12"/>
    </row>
    <row r="371281" spans="8:8">
      <c r="H371281" s="12"/>
    </row>
    <row r="371282" spans="8:8">
      <c r="H371282" s="12"/>
    </row>
    <row r="371283" spans="8:8">
      <c r="H371283" s="12"/>
    </row>
    <row r="371284" spans="8:8">
      <c r="H371284" s="12"/>
    </row>
    <row r="371285" spans="8:8">
      <c r="H371285" s="12"/>
    </row>
    <row r="371286" spans="8:8">
      <c r="H371286" s="12"/>
    </row>
    <row r="371287" spans="8:8">
      <c r="H371287" s="12"/>
    </row>
    <row r="371288" spans="8:8">
      <c r="H371288" s="12"/>
    </row>
    <row r="371289" spans="8:8">
      <c r="H371289" s="12"/>
    </row>
    <row r="371290" spans="8:8">
      <c r="H371290" s="12"/>
    </row>
    <row r="371291" spans="8:8">
      <c r="H371291" s="12"/>
    </row>
    <row r="371292" spans="8:8">
      <c r="H371292" s="12"/>
    </row>
    <row r="371293" spans="8:8">
      <c r="H371293" s="12"/>
    </row>
    <row r="371294" spans="8:8">
      <c r="H371294" s="12"/>
    </row>
    <row r="371295" spans="8:8">
      <c r="H371295" s="12"/>
    </row>
    <row r="371296" spans="8:8">
      <c r="H371296" s="12"/>
    </row>
    <row r="371297" spans="8:8">
      <c r="H371297" s="12"/>
    </row>
    <row r="371298" spans="8:8">
      <c r="H371298" s="12"/>
    </row>
    <row r="371299" spans="8:8">
      <c r="H371299" s="12"/>
    </row>
    <row r="371300" spans="8:8">
      <c r="H371300" s="12"/>
    </row>
    <row r="371301" spans="8:8">
      <c r="H371301" s="12"/>
    </row>
    <row r="371302" spans="8:8">
      <c r="H371302" s="12"/>
    </row>
    <row r="371303" spans="8:8">
      <c r="H371303" s="12"/>
    </row>
    <row r="371304" spans="8:8">
      <c r="H371304" s="12"/>
    </row>
    <row r="371305" spans="8:8">
      <c r="H371305" s="12"/>
    </row>
    <row r="371306" spans="8:8">
      <c r="H371306" s="12"/>
    </row>
    <row r="371307" spans="8:8">
      <c r="H371307" s="12"/>
    </row>
    <row r="371308" spans="8:8">
      <c r="H371308" s="12"/>
    </row>
    <row r="371309" spans="8:8">
      <c r="H371309" s="12"/>
    </row>
    <row r="371310" spans="8:8">
      <c r="H371310" s="12"/>
    </row>
    <row r="371311" spans="8:8">
      <c r="H371311" s="12"/>
    </row>
    <row r="371312" spans="8:8">
      <c r="H371312" s="12"/>
    </row>
    <row r="371313" spans="8:8">
      <c r="H371313" s="12"/>
    </row>
    <row r="371314" spans="8:8">
      <c r="H371314" s="12"/>
    </row>
    <row r="371315" spans="8:8">
      <c r="H371315" s="12"/>
    </row>
    <row r="371316" spans="8:8">
      <c r="H371316" s="12"/>
    </row>
    <row r="371317" spans="8:8">
      <c r="H371317" s="12"/>
    </row>
    <row r="371318" spans="8:8">
      <c r="H371318" s="12"/>
    </row>
    <row r="371319" spans="8:8">
      <c r="H371319" s="12"/>
    </row>
    <row r="371320" spans="8:8">
      <c r="H371320" s="12"/>
    </row>
    <row r="371321" spans="8:8">
      <c r="H371321" s="12"/>
    </row>
    <row r="371322" spans="8:8">
      <c r="H371322" s="12"/>
    </row>
    <row r="371323" spans="8:8">
      <c r="H371323" s="12"/>
    </row>
    <row r="371324" spans="8:8">
      <c r="H371324" s="12"/>
    </row>
    <row r="371325" spans="8:8">
      <c r="H371325" s="12"/>
    </row>
    <row r="371326" spans="8:8">
      <c r="H371326" s="12"/>
    </row>
    <row r="371327" spans="8:8">
      <c r="H371327" s="12"/>
    </row>
    <row r="371328" spans="8:8">
      <c r="H371328" s="12"/>
    </row>
    <row r="371329" spans="8:8">
      <c r="H371329" s="12"/>
    </row>
    <row r="371330" spans="8:8">
      <c r="H371330" s="12"/>
    </row>
    <row r="371331" spans="8:8">
      <c r="H371331" s="12"/>
    </row>
    <row r="371332" spans="8:8">
      <c r="H371332" s="12"/>
    </row>
    <row r="371333" spans="8:8">
      <c r="H371333" s="12"/>
    </row>
    <row r="371334" spans="8:8">
      <c r="H371334" s="12"/>
    </row>
    <row r="371335" spans="8:8">
      <c r="H371335" s="12"/>
    </row>
    <row r="371336" spans="8:8">
      <c r="H371336" s="12"/>
    </row>
    <row r="371337" spans="8:8">
      <c r="H371337" s="12"/>
    </row>
    <row r="371338" spans="8:8">
      <c r="H371338" s="12"/>
    </row>
    <row r="371339" spans="8:8">
      <c r="H371339" s="12"/>
    </row>
    <row r="371340" spans="8:8">
      <c r="H371340" s="12"/>
    </row>
    <row r="371341" spans="8:8">
      <c r="H371341" s="12"/>
    </row>
    <row r="371342" spans="8:8">
      <c r="H371342" s="12"/>
    </row>
    <row r="371343" spans="8:8">
      <c r="H371343" s="12"/>
    </row>
    <row r="371344" spans="8:8">
      <c r="H371344" s="12"/>
    </row>
    <row r="371345" spans="8:8">
      <c r="H371345" s="12"/>
    </row>
    <row r="371346" spans="8:8">
      <c r="H371346" s="12"/>
    </row>
    <row r="371347" spans="8:8">
      <c r="H371347" s="12"/>
    </row>
    <row r="371348" spans="8:8">
      <c r="H371348" s="12"/>
    </row>
    <row r="371349" spans="8:8">
      <c r="H371349" s="12"/>
    </row>
    <row r="371350" spans="8:8">
      <c r="H371350" s="12"/>
    </row>
    <row r="371351" spans="8:8">
      <c r="H371351" s="12"/>
    </row>
    <row r="371352" spans="8:8">
      <c r="H371352" s="12"/>
    </row>
    <row r="371353" spans="8:8">
      <c r="H371353" s="12"/>
    </row>
    <row r="371354" spans="8:8">
      <c r="H371354" s="12"/>
    </row>
    <row r="371355" spans="8:8">
      <c r="H371355" s="12"/>
    </row>
    <row r="371356" spans="8:8">
      <c r="H371356" s="12"/>
    </row>
    <row r="371357" spans="8:8">
      <c r="H371357" s="12"/>
    </row>
    <row r="371358" spans="8:8">
      <c r="H371358" s="12"/>
    </row>
    <row r="371359" spans="8:8">
      <c r="H371359" s="12"/>
    </row>
    <row r="371360" spans="8:8">
      <c r="H371360" s="12"/>
    </row>
    <row r="371361" spans="8:8">
      <c r="H371361" s="12"/>
    </row>
    <row r="371362" spans="8:8">
      <c r="H371362" s="12"/>
    </row>
    <row r="371363" spans="8:8">
      <c r="H371363" s="12"/>
    </row>
    <row r="371364" spans="8:8">
      <c r="H371364" s="12"/>
    </row>
    <row r="371365" spans="8:8">
      <c r="H371365" s="12"/>
    </row>
    <row r="371366" spans="8:8">
      <c r="H371366" s="12"/>
    </row>
    <row r="371367" spans="8:8">
      <c r="H371367" s="12"/>
    </row>
    <row r="371368" spans="8:8">
      <c r="H371368" s="12"/>
    </row>
    <row r="371369" spans="8:8">
      <c r="H371369" s="12"/>
    </row>
    <row r="371370" spans="8:8">
      <c r="H371370" s="12"/>
    </row>
    <row r="371371" spans="8:8">
      <c r="H371371" s="12"/>
    </row>
    <row r="371372" spans="8:8">
      <c r="H371372" s="12"/>
    </row>
    <row r="371373" spans="8:8">
      <c r="H371373" s="12"/>
    </row>
    <row r="371374" spans="8:8">
      <c r="H371374" s="12"/>
    </row>
    <row r="371375" spans="8:8">
      <c r="H371375" s="12"/>
    </row>
    <row r="371376" spans="8:8">
      <c r="H371376" s="12"/>
    </row>
    <row r="371377" spans="8:8">
      <c r="H371377" s="12"/>
    </row>
    <row r="371378" spans="8:8">
      <c r="H371378" s="12"/>
    </row>
    <row r="371379" spans="8:8">
      <c r="H371379" s="12"/>
    </row>
    <row r="371380" spans="8:8">
      <c r="H371380" s="12"/>
    </row>
    <row r="371381" spans="8:8">
      <c r="H371381" s="12"/>
    </row>
    <row r="371382" spans="8:8">
      <c r="H371382" s="12"/>
    </row>
    <row r="371383" spans="8:8">
      <c r="H371383" s="12"/>
    </row>
    <row r="371384" spans="8:8">
      <c r="H371384" s="12"/>
    </row>
    <row r="371385" spans="8:8">
      <c r="H371385" s="12"/>
    </row>
    <row r="371386" spans="8:8">
      <c r="H371386" s="12"/>
    </row>
    <row r="371387" spans="8:8">
      <c r="H371387" s="12"/>
    </row>
    <row r="371388" spans="8:8">
      <c r="H371388" s="12"/>
    </row>
    <row r="371389" spans="8:8">
      <c r="H371389" s="12"/>
    </row>
    <row r="371390" spans="8:8">
      <c r="H371390" s="12"/>
    </row>
    <row r="371391" spans="8:8">
      <c r="H371391" s="12"/>
    </row>
    <row r="371392" spans="8:8">
      <c r="H371392" s="12"/>
    </row>
    <row r="371393" spans="8:8">
      <c r="H371393" s="12"/>
    </row>
    <row r="371394" spans="8:8">
      <c r="H371394" s="12"/>
    </row>
    <row r="371395" spans="8:8">
      <c r="H371395" s="12"/>
    </row>
    <row r="371396" spans="8:8">
      <c r="H371396" s="12"/>
    </row>
    <row r="371397" spans="8:8">
      <c r="H371397" s="12"/>
    </row>
    <row r="371398" spans="8:8">
      <c r="H371398" s="12"/>
    </row>
    <row r="371399" spans="8:8">
      <c r="H371399" s="12"/>
    </row>
    <row r="371400" spans="8:8">
      <c r="H371400" s="12"/>
    </row>
    <row r="371401" spans="8:8">
      <c r="H371401" s="12"/>
    </row>
    <row r="371402" spans="8:8">
      <c r="H371402" s="12"/>
    </row>
    <row r="371403" spans="8:8">
      <c r="H371403" s="12"/>
    </row>
    <row r="371404" spans="8:8">
      <c r="H371404" s="12"/>
    </row>
    <row r="371405" spans="8:8">
      <c r="H371405" s="12"/>
    </row>
    <row r="371406" spans="8:8">
      <c r="H371406" s="12"/>
    </row>
    <row r="371407" spans="8:8">
      <c r="H371407" s="12"/>
    </row>
    <row r="371408" spans="8:8">
      <c r="H371408" s="12"/>
    </row>
    <row r="371409" spans="8:8">
      <c r="H371409" s="12"/>
    </row>
    <row r="371410" spans="8:8">
      <c r="H371410" s="12"/>
    </row>
    <row r="371411" spans="8:8">
      <c r="H371411" s="12"/>
    </row>
    <row r="371412" spans="8:8">
      <c r="H371412" s="12"/>
    </row>
    <row r="371413" spans="8:8">
      <c r="H371413" s="12"/>
    </row>
    <row r="371414" spans="8:8">
      <c r="H371414" s="12"/>
    </row>
    <row r="371415" spans="8:8">
      <c r="H371415" s="12"/>
    </row>
    <row r="371416" spans="8:8">
      <c r="H371416" s="12"/>
    </row>
    <row r="371417" spans="8:8">
      <c r="H371417" s="12"/>
    </row>
    <row r="371418" spans="8:8">
      <c r="H371418" s="12"/>
    </row>
    <row r="371419" spans="8:8">
      <c r="H371419" s="12"/>
    </row>
    <row r="371420" spans="8:8">
      <c r="H371420" s="12"/>
    </row>
    <row r="371421" spans="8:8">
      <c r="H371421" s="12"/>
    </row>
    <row r="371422" spans="8:8">
      <c r="H371422" s="12"/>
    </row>
    <row r="371423" spans="8:8">
      <c r="H371423" s="12"/>
    </row>
    <row r="371424" spans="8:8">
      <c r="H371424" s="12"/>
    </row>
    <row r="371425" spans="8:8">
      <c r="H371425" s="12"/>
    </row>
    <row r="371426" spans="8:8">
      <c r="H371426" s="12"/>
    </row>
    <row r="371427" spans="8:8">
      <c r="H371427" s="12"/>
    </row>
    <row r="371428" spans="8:8">
      <c r="H371428" s="12"/>
    </row>
    <row r="371429" spans="8:8">
      <c r="H371429" s="12"/>
    </row>
    <row r="371430" spans="8:8">
      <c r="H371430" s="12"/>
    </row>
    <row r="371431" spans="8:8">
      <c r="H371431" s="12"/>
    </row>
    <row r="371432" spans="8:8">
      <c r="H371432" s="12"/>
    </row>
    <row r="371433" spans="8:8">
      <c r="H371433" s="12"/>
    </row>
    <row r="371434" spans="8:8">
      <c r="H371434" s="12"/>
    </row>
    <row r="371435" spans="8:8">
      <c r="H371435" s="12"/>
    </row>
    <row r="371436" spans="8:8">
      <c r="H371436" s="12"/>
    </row>
    <row r="371437" spans="8:8">
      <c r="H371437" s="12"/>
    </row>
    <row r="371438" spans="8:8">
      <c r="H371438" s="12"/>
    </row>
    <row r="371439" spans="8:8">
      <c r="H371439" s="12"/>
    </row>
    <row r="371440" spans="8:8">
      <c r="H371440" s="12"/>
    </row>
    <row r="371441" spans="8:8">
      <c r="H371441" s="12"/>
    </row>
    <row r="371442" spans="8:8">
      <c r="H371442" s="12"/>
    </row>
    <row r="371443" spans="8:8">
      <c r="H371443" s="12"/>
    </row>
    <row r="371444" spans="8:8">
      <c r="H371444" s="12"/>
    </row>
    <row r="371445" spans="8:8">
      <c r="H371445" s="12"/>
    </row>
    <row r="371446" spans="8:8">
      <c r="H371446" s="12"/>
    </row>
    <row r="371447" spans="8:8">
      <c r="H371447" s="12"/>
    </row>
    <row r="371448" spans="8:8">
      <c r="H371448" s="12"/>
    </row>
    <row r="371449" spans="8:8">
      <c r="H371449" s="12"/>
    </row>
    <row r="371450" spans="8:8">
      <c r="H371450" s="12"/>
    </row>
    <row r="371451" spans="8:8">
      <c r="H371451" s="12"/>
    </row>
    <row r="371452" spans="8:8">
      <c r="H371452" s="12"/>
    </row>
    <row r="371453" spans="8:8">
      <c r="H371453" s="12"/>
    </row>
    <row r="371454" spans="8:8">
      <c r="H371454" s="12"/>
    </row>
    <row r="371455" spans="8:8">
      <c r="H371455" s="12"/>
    </row>
    <row r="371456" spans="8:8">
      <c r="H371456" s="12"/>
    </row>
    <row r="371457" spans="8:8">
      <c r="H371457" s="12"/>
    </row>
    <row r="371458" spans="8:8">
      <c r="H371458" s="12"/>
    </row>
    <row r="371459" spans="8:8">
      <c r="H371459" s="12"/>
    </row>
    <row r="371460" spans="8:8">
      <c r="H371460" s="12"/>
    </row>
    <row r="371461" spans="8:8">
      <c r="H371461" s="12"/>
    </row>
    <row r="371462" spans="8:8">
      <c r="H371462" s="12"/>
    </row>
    <row r="371463" spans="8:8">
      <c r="H371463" s="12"/>
    </row>
    <row r="371464" spans="8:8">
      <c r="H371464" s="12"/>
    </row>
    <row r="371465" spans="8:8">
      <c r="H371465" s="12"/>
    </row>
    <row r="371466" spans="8:8">
      <c r="H371466" s="12"/>
    </row>
    <row r="371467" spans="8:8">
      <c r="H371467" s="12"/>
    </row>
    <row r="371468" spans="8:8">
      <c r="H371468" s="12"/>
    </row>
    <row r="371469" spans="8:8">
      <c r="H371469" s="12"/>
    </row>
    <row r="371470" spans="8:8">
      <c r="H371470" s="12"/>
    </row>
    <row r="371471" spans="8:8">
      <c r="H371471" s="12"/>
    </row>
    <row r="371472" spans="8:8">
      <c r="H371472" s="12"/>
    </row>
    <row r="371473" spans="8:8">
      <c r="H371473" s="12"/>
    </row>
    <row r="371474" spans="8:8">
      <c r="H371474" s="12"/>
    </row>
    <row r="371475" spans="8:8">
      <c r="H371475" s="12"/>
    </row>
    <row r="371476" spans="8:8">
      <c r="H371476" s="12"/>
    </row>
    <row r="371477" spans="8:8">
      <c r="H371477" s="12"/>
    </row>
    <row r="371478" spans="8:8">
      <c r="H371478" s="12"/>
    </row>
    <row r="371479" spans="8:8">
      <c r="H371479" s="12"/>
    </row>
    <row r="371480" spans="8:8">
      <c r="H371480" s="12"/>
    </row>
    <row r="371481" spans="8:8">
      <c r="H371481" s="12"/>
    </row>
    <row r="371482" spans="8:8">
      <c r="H371482" s="12"/>
    </row>
    <row r="371483" spans="8:8">
      <c r="H371483" s="12"/>
    </row>
    <row r="371484" spans="8:8">
      <c r="H371484" s="12"/>
    </row>
    <row r="371485" spans="8:8">
      <c r="H371485" s="12"/>
    </row>
    <row r="371486" spans="8:8">
      <c r="H371486" s="12"/>
    </row>
    <row r="371487" spans="8:8">
      <c r="H371487" s="12"/>
    </row>
    <row r="371488" spans="8:8">
      <c r="H371488" s="12"/>
    </row>
    <row r="371489" spans="8:8">
      <c r="H371489" s="12"/>
    </row>
    <row r="371490" spans="8:8">
      <c r="H371490" s="12"/>
    </row>
    <row r="371491" spans="8:8">
      <c r="H371491" s="12"/>
    </row>
    <row r="371492" spans="8:8">
      <c r="H371492" s="12"/>
    </row>
    <row r="371493" spans="8:8">
      <c r="H371493" s="12"/>
    </row>
    <row r="371494" spans="8:8">
      <c r="H371494" s="12"/>
    </row>
    <row r="371495" spans="8:8">
      <c r="H371495" s="12"/>
    </row>
    <row r="371496" spans="8:8">
      <c r="H371496" s="12"/>
    </row>
    <row r="371497" spans="8:8">
      <c r="H371497" s="12"/>
    </row>
    <row r="371498" spans="8:8">
      <c r="H371498" s="12"/>
    </row>
    <row r="371499" spans="8:8">
      <c r="H371499" s="12"/>
    </row>
    <row r="371500" spans="8:8">
      <c r="H371500" s="12"/>
    </row>
    <row r="371501" spans="8:8">
      <c r="H371501" s="12"/>
    </row>
    <row r="371502" spans="8:8">
      <c r="H371502" s="12"/>
    </row>
    <row r="371503" spans="8:8">
      <c r="H371503" s="12"/>
    </row>
    <row r="371504" spans="8:8">
      <c r="H371504" s="12"/>
    </row>
    <row r="371505" spans="8:8">
      <c r="H371505" s="12"/>
    </row>
    <row r="371506" spans="8:8">
      <c r="H371506" s="12"/>
    </row>
    <row r="371507" spans="8:8">
      <c r="H371507" s="12"/>
    </row>
    <row r="371508" spans="8:8">
      <c r="H371508" s="12"/>
    </row>
    <row r="371509" spans="8:8">
      <c r="H371509" s="12"/>
    </row>
    <row r="371510" spans="8:8">
      <c r="H371510" s="12"/>
    </row>
    <row r="371511" spans="8:8">
      <c r="H371511" s="12"/>
    </row>
    <row r="371512" spans="8:8">
      <c r="H371512" s="12"/>
    </row>
    <row r="371513" spans="8:8">
      <c r="H371513" s="12"/>
    </row>
    <row r="371514" spans="8:8">
      <c r="H371514" s="12"/>
    </row>
    <row r="371515" spans="8:8">
      <c r="H371515" s="12"/>
    </row>
    <row r="371516" spans="8:8">
      <c r="H371516" s="12"/>
    </row>
    <row r="371517" spans="8:8">
      <c r="H371517" s="12"/>
    </row>
    <row r="371518" spans="8:8">
      <c r="H371518" s="12"/>
    </row>
    <row r="371519" spans="8:8">
      <c r="H371519" s="12"/>
    </row>
    <row r="371520" spans="8:8">
      <c r="H371520" s="12"/>
    </row>
    <row r="371521" spans="8:8">
      <c r="H371521" s="12"/>
    </row>
    <row r="371522" spans="8:8">
      <c r="H371522" s="12"/>
    </row>
    <row r="371523" spans="8:8">
      <c r="H371523" s="12"/>
    </row>
    <row r="371524" spans="8:8">
      <c r="H371524" s="12"/>
    </row>
    <row r="371525" spans="8:8">
      <c r="H371525" s="12"/>
    </row>
    <row r="371526" spans="8:8">
      <c r="H371526" s="12"/>
    </row>
    <row r="371527" spans="8:8">
      <c r="H371527" s="12"/>
    </row>
    <row r="371528" spans="8:8">
      <c r="H371528" s="12"/>
    </row>
    <row r="371529" spans="8:8">
      <c r="H371529" s="12"/>
    </row>
    <row r="371530" spans="8:8">
      <c r="H371530" s="12"/>
    </row>
    <row r="371531" spans="8:8">
      <c r="H371531" s="12"/>
    </row>
    <row r="371532" spans="8:8">
      <c r="H371532" s="12"/>
    </row>
    <row r="371533" spans="8:8">
      <c r="H371533" s="12"/>
    </row>
    <row r="371534" spans="8:8">
      <c r="H371534" s="12"/>
    </row>
    <row r="371535" spans="8:8">
      <c r="H371535" s="12"/>
    </row>
    <row r="371536" spans="8:8">
      <c r="H371536" s="12"/>
    </row>
    <row r="371537" spans="8:8">
      <c r="H371537" s="12"/>
    </row>
    <row r="371538" spans="8:8">
      <c r="H371538" s="12"/>
    </row>
    <row r="371539" spans="8:8">
      <c r="H371539" s="12"/>
    </row>
    <row r="371540" spans="8:8">
      <c r="H371540" s="12"/>
    </row>
    <row r="371541" spans="8:8">
      <c r="H371541" s="12"/>
    </row>
    <row r="371542" spans="8:8">
      <c r="H371542" s="12"/>
    </row>
    <row r="371543" spans="8:8">
      <c r="H371543" s="12"/>
    </row>
    <row r="371544" spans="8:8">
      <c r="H371544" s="12"/>
    </row>
    <row r="371545" spans="8:8">
      <c r="H371545" s="12"/>
    </row>
    <row r="371546" spans="8:8">
      <c r="H371546" s="12"/>
    </row>
    <row r="371547" spans="8:8">
      <c r="H371547" s="12"/>
    </row>
    <row r="371548" spans="8:8">
      <c r="H371548" s="12"/>
    </row>
    <row r="371549" spans="8:8">
      <c r="H371549" s="12"/>
    </row>
    <row r="371550" spans="8:8">
      <c r="H371550" s="12"/>
    </row>
    <row r="371551" spans="8:8">
      <c r="H371551" s="12"/>
    </row>
    <row r="371552" spans="8:8">
      <c r="H371552" s="12"/>
    </row>
    <row r="371553" spans="8:8">
      <c r="H371553" s="12"/>
    </row>
    <row r="371554" spans="8:8">
      <c r="H371554" s="12"/>
    </row>
    <row r="371555" spans="8:8">
      <c r="H371555" s="12"/>
    </row>
    <row r="371556" spans="8:8">
      <c r="H371556" s="12"/>
    </row>
    <row r="371557" spans="8:8">
      <c r="H371557" s="12"/>
    </row>
    <row r="371558" spans="8:8">
      <c r="H371558" s="12"/>
    </row>
    <row r="371559" spans="8:8">
      <c r="H371559" s="12"/>
    </row>
    <row r="371560" spans="8:8">
      <c r="H371560" s="12"/>
    </row>
    <row r="371561" spans="8:8">
      <c r="H371561" s="12"/>
    </row>
    <row r="371562" spans="8:8">
      <c r="H371562" s="12"/>
    </row>
    <row r="371563" spans="8:8">
      <c r="H371563" s="12"/>
    </row>
    <row r="371564" spans="8:8">
      <c r="H371564" s="12"/>
    </row>
    <row r="371565" spans="8:8">
      <c r="H371565" s="12"/>
    </row>
    <row r="371566" spans="8:8">
      <c r="H371566" s="12"/>
    </row>
    <row r="371567" spans="8:8">
      <c r="H371567" s="12"/>
    </row>
    <row r="371568" spans="8:8">
      <c r="H371568" s="12"/>
    </row>
    <row r="371569" spans="8:8">
      <c r="H371569" s="12"/>
    </row>
    <row r="371570" spans="8:8">
      <c r="H371570" s="12"/>
    </row>
    <row r="371571" spans="8:8">
      <c r="H371571" s="12"/>
    </row>
    <row r="371572" spans="8:8">
      <c r="H371572" s="12"/>
    </row>
    <row r="371573" spans="8:8">
      <c r="H371573" s="12"/>
    </row>
    <row r="371574" spans="8:8">
      <c r="H371574" s="12"/>
    </row>
    <row r="371575" spans="8:8">
      <c r="H371575" s="12"/>
    </row>
    <row r="371576" spans="8:8">
      <c r="H371576" s="12"/>
    </row>
    <row r="371577" spans="8:8">
      <c r="H371577" s="12"/>
    </row>
    <row r="371578" spans="8:8">
      <c r="H371578" s="12"/>
    </row>
    <row r="371579" spans="8:8">
      <c r="H371579" s="12"/>
    </row>
    <row r="371580" spans="8:8">
      <c r="H371580" s="12"/>
    </row>
    <row r="371581" spans="8:8">
      <c r="H371581" s="12"/>
    </row>
    <row r="371582" spans="8:8">
      <c r="H371582" s="12"/>
    </row>
    <row r="371583" spans="8:8">
      <c r="H371583" s="12"/>
    </row>
    <row r="371584" spans="8:8">
      <c r="H371584" s="12"/>
    </row>
    <row r="371585" spans="8:8">
      <c r="H371585" s="12"/>
    </row>
    <row r="371586" spans="8:8">
      <c r="H371586" s="12"/>
    </row>
    <row r="371587" spans="8:8">
      <c r="H371587" s="12"/>
    </row>
    <row r="371588" spans="8:8">
      <c r="H371588" s="12"/>
    </row>
    <row r="371589" spans="8:8">
      <c r="H371589" s="12"/>
    </row>
    <row r="371590" spans="8:8">
      <c r="H371590" s="12"/>
    </row>
    <row r="371591" spans="8:8">
      <c r="H371591" s="12"/>
    </row>
    <row r="371592" spans="8:8">
      <c r="H371592" s="12"/>
    </row>
    <row r="371593" spans="8:8">
      <c r="H371593" s="12"/>
    </row>
    <row r="371594" spans="8:8">
      <c r="H371594" s="12"/>
    </row>
    <row r="371595" spans="8:8">
      <c r="H371595" s="12"/>
    </row>
    <row r="371596" spans="8:8">
      <c r="H371596" s="12"/>
    </row>
    <row r="371597" spans="8:8">
      <c r="H371597" s="12"/>
    </row>
    <row r="371598" spans="8:8">
      <c r="H371598" s="12"/>
    </row>
    <row r="371599" spans="8:8">
      <c r="H371599" s="12"/>
    </row>
    <row r="371600" spans="8:8">
      <c r="H371600" s="12"/>
    </row>
    <row r="371601" spans="8:8">
      <c r="H371601" s="12"/>
    </row>
    <row r="371602" spans="8:8">
      <c r="H371602" s="12"/>
    </row>
    <row r="371603" spans="8:8">
      <c r="H371603" s="12"/>
    </row>
    <row r="371604" spans="8:8">
      <c r="H371604" s="12"/>
    </row>
    <row r="371605" spans="8:8">
      <c r="H371605" s="12"/>
    </row>
    <row r="371606" spans="8:8">
      <c r="H371606" s="12"/>
    </row>
    <row r="371607" spans="8:8">
      <c r="H371607" s="12"/>
    </row>
    <row r="371608" spans="8:8">
      <c r="H371608" s="12"/>
    </row>
    <row r="371609" spans="8:8">
      <c r="H371609" s="12"/>
    </row>
    <row r="371610" spans="8:8">
      <c r="H371610" s="12"/>
    </row>
    <row r="371611" spans="8:8">
      <c r="H371611" s="12"/>
    </row>
    <row r="371612" spans="8:8">
      <c r="H371612" s="12"/>
    </row>
    <row r="371613" spans="8:8">
      <c r="H371613" s="12"/>
    </row>
    <row r="371614" spans="8:8">
      <c r="H371614" s="12"/>
    </row>
    <row r="371615" spans="8:8">
      <c r="H371615" s="12"/>
    </row>
    <row r="371616" spans="8:8">
      <c r="H371616" s="12"/>
    </row>
    <row r="371617" spans="8:8">
      <c r="H371617" s="12"/>
    </row>
    <row r="371618" spans="8:8">
      <c r="H371618" s="12"/>
    </row>
    <row r="371619" spans="8:8">
      <c r="H371619" s="12"/>
    </row>
    <row r="371620" spans="8:8">
      <c r="H371620" s="12"/>
    </row>
    <row r="371621" spans="8:8">
      <c r="H371621" s="12"/>
    </row>
    <row r="371622" spans="8:8">
      <c r="H371622" s="12"/>
    </row>
    <row r="371623" spans="8:8">
      <c r="H371623" s="12"/>
    </row>
    <row r="371624" spans="8:8">
      <c r="H371624" s="12"/>
    </row>
    <row r="371625" spans="8:8">
      <c r="H371625" s="12"/>
    </row>
    <row r="371626" spans="8:8">
      <c r="H371626" s="12"/>
    </row>
    <row r="371627" spans="8:8">
      <c r="H371627" s="12"/>
    </row>
    <row r="371628" spans="8:8">
      <c r="H371628" s="12"/>
    </row>
    <row r="371629" spans="8:8">
      <c r="H371629" s="12"/>
    </row>
    <row r="371630" spans="8:8">
      <c r="H371630" s="12"/>
    </row>
    <row r="371631" spans="8:8">
      <c r="H371631" s="12"/>
    </row>
    <row r="371632" spans="8:8">
      <c r="H371632" s="12"/>
    </row>
    <row r="371633" spans="8:8">
      <c r="H371633" s="12"/>
    </row>
    <row r="371634" spans="8:8">
      <c r="H371634" s="12"/>
    </row>
    <row r="371635" spans="8:8">
      <c r="H371635" s="12"/>
    </row>
    <row r="371636" spans="8:8">
      <c r="H371636" s="12"/>
    </row>
    <row r="371637" spans="8:8">
      <c r="H371637" s="12"/>
    </row>
    <row r="371638" spans="8:8">
      <c r="H371638" s="12"/>
    </row>
    <row r="371639" spans="8:8">
      <c r="H371639" s="12"/>
    </row>
    <row r="371640" spans="8:8">
      <c r="H371640" s="12"/>
    </row>
    <row r="371641" spans="8:8">
      <c r="H371641" s="12"/>
    </row>
    <row r="371642" spans="8:8">
      <c r="H371642" s="12"/>
    </row>
    <row r="371643" spans="8:8">
      <c r="H371643" s="12"/>
    </row>
    <row r="371644" spans="8:8">
      <c r="H371644" s="12"/>
    </row>
    <row r="371645" spans="8:8">
      <c r="H371645" s="12"/>
    </row>
    <row r="371646" spans="8:8">
      <c r="H371646" s="12"/>
    </row>
    <row r="371647" spans="8:8">
      <c r="H371647" s="12"/>
    </row>
    <row r="371648" spans="8:8">
      <c r="H371648" s="12"/>
    </row>
    <row r="371649" spans="8:8">
      <c r="H371649" s="12"/>
    </row>
    <row r="371650" spans="8:8">
      <c r="H371650" s="12"/>
    </row>
    <row r="371651" spans="8:8">
      <c r="H371651" s="12"/>
    </row>
    <row r="371652" spans="8:8">
      <c r="H371652" s="12"/>
    </row>
    <row r="371653" spans="8:8">
      <c r="H371653" s="12"/>
    </row>
    <row r="371654" spans="8:8">
      <c r="H371654" s="12"/>
    </row>
    <row r="371655" spans="8:8">
      <c r="H371655" s="12"/>
    </row>
    <row r="371656" spans="8:8">
      <c r="H371656" s="12"/>
    </row>
    <row r="371657" spans="8:8">
      <c r="H371657" s="12"/>
    </row>
    <row r="371658" spans="8:8">
      <c r="H371658" s="12"/>
    </row>
    <row r="371659" spans="8:8">
      <c r="H371659" s="12"/>
    </row>
    <row r="371660" spans="8:8">
      <c r="H371660" s="12"/>
    </row>
    <row r="371661" spans="8:8">
      <c r="H371661" s="12"/>
    </row>
    <row r="371662" spans="8:8">
      <c r="H371662" s="12"/>
    </row>
    <row r="371663" spans="8:8">
      <c r="H371663" s="12"/>
    </row>
    <row r="371664" spans="8:8">
      <c r="H371664" s="12"/>
    </row>
    <row r="371665" spans="8:8">
      <c r="H371665" s="12"/>
    </row>
    <row r="371666" spans="8:8">
      <c r="H371666" s="12"/>
    </row>
    <row r="371667" spans="8:8">
      <c r="H371667" s="12"/>
    </row>
    <row r="371668" spans="8:8">
      <c r="H371668" s="12"/>
    </row>
    <row r="371669" spans="8:8">
      <c r="H371669" s="12"/>
    </row>
    <row r="371670" spans="8:8">
      <c r="H371670" s="12"/>
    </row>
    <row r="371671" spans="8:8">
      <c r="H371671" s="12"/>
    </row>
    <row r="371672" spans="8:8">
      <c r="H371672" s="12"/>
    </row>
    <row r="371673" spans="8:8">
      <c r="H371673" s="12"/>
    </row>
    <row r="371674" spans="8:8">
      <c r="H371674" s="12"/>
    </row>
    <row r="371675" spans="8:8">
      <c r="H371675" s="12"/>
    </row>
    <row r="371676" spans="8:8">
      <c r="H371676" s="12"/>
    </row>
    <row r="371677" spans="8:8">
      <c r="H371677" s="12"/>
    </row>
    <row r="371678" spans="8:8">
      <c r="H371678" s="12"/>
    </row>
    <row r="371679" spans="8:8">
      <c r="H371679" s="12"/>
    </row>
    <row r="371680" spans="8:8">
      <c r="H371680" s="12"/>
    </row>
    <row r="371681" spans="8:8">
      <c r="H371681" s="12"/>
    </row>
    <row r="371682" spans="8:8">
      <c r="H371682" s="12"/>
    </row>
    <row r="371683" spans="8:8">
      <c r="H371683" s="12"/>
    </row>
    <row r="371684" spans="8:8">
      <c r="H371684" s="12"/>
    </row>
    <row r="371685" spans="8:8">
      <c r="H371685" s="12"/>
    </row>
    <row r="371686" spans="8:8">
      <c r="H371686" s="12"/>
    </row>
    <row r="371687" spans="8:8">
      <c r="H371687" s="12"/>
    </row>
    <row r="371688" spans="8:8">
      <c r="H371688" s="12"/>
    </row>
    <row r="371689" spans="8:8">
      <c r="H371689" s="12"/>
    </row>
    <row r="371690" spans="8:8">
      <c r="H371690" s="12"/>
    </row>
    <row r="371691" spans="8:8">
      <c r="H371691" s="12"/>
    </row>
    <row r="371692" spans="8:8">
      <c r="H371692" s="12"/>
    </row>
    <row r="371693" spans="8:8">
      <c r="H371693" s="12"/>
    </row>
    <row r="371694" spans="8:8">
      <c r="H371694" s="12"/>
    </row>
    <row r="371695" spans="8:8">
      <c r="H371695" s="12"/>
    </row>
    <row r="371696" spans="8:8">
      <c r="H371696" s="12"/>
    </row>
    <row r="371697" spans="8:8">
      <c r="H371697" s="12"/>
    </row>
    <row r="371698" spans="8:8">
      <c r="H371698" s="12"/>
    </row>
    <row r="371699" spans="8:8">
      <c r="H371699" s="12"/>
    </row>
    <row r="371700" spans="8:8">
      <c r="H371700" s="12"/>
    </row>
    <row r="371701" spans="8:8">
      <c r="H371701" s="12"/>
    </row>
    <row r="371702" spans="8:8">
      <c r="H371702" s="12"/>
    </row>
    <row r="371703" spans="8:8">
      <c r="H371703" s="12"/>
    </row>
    <row r="371704" spans="8:8">
      <c r="H371704" s="12"/>
    </row>
    <row r="371705" spans="8:8">
      <c r="H371705" s="12"/>
    </row>
    <row r="371706" spans="8:8">
      <c r="H371706" s="12"/>
    </row>
    <row r="371707" spans="8:8">
      <c r="H371707" s="12"/>
    </row>
    <row r="371708" spans="8:8">
      <c r="H371708" s="12"/>
    </row>
    <row r="371709" spans="8:8">
      <c r="H371709" s="12"/>
    </row>
    <row r="371710" spans="8:8">
      <c r="H371710" s="12"/>
    </row>
    <row r="371711" spans="8:8">
      <c r="H371711" s="12"/>
    </row>
    <row r="371712" spans="8:8">
      <c r="H371712" s="12"/>
    </row>
    <row r="371713" spans="8:8">
      <c r="H371713" s="12"/>
    </row>
    <row r="371714" spans="8:8">
      <c r="H371714" s="12"/>
    </row>
    <row r="371715" spans="8:8">
      <c r="H371715" s="12"/>
    </row>
    <row r="371716" spans="8:8">
      <c r="H371716" s="12"/>
    </row>
    <row r="371717" spans="8:8">
      <c r="H371717" s="12"/>
    </row>
    <row r="371718" spans="8:8">
      <c r="H371718" s="12"/>
    </row>
    <row r="371719" spans="8:8">
      <c r="H371719" s="12"/>
    </row>
    <row r="371720" spans="8:8">
      <c r="H371720" s="12"/>
    </row>
    <row r="371721" spans="8:8">
      <c r="H371721" s="12"/>
    </row>
    <row r="371722" spans="8:8">
      <c r="H371722" s="12"/>
    </row>
    <row r="371723" spans="8:8">
      <c r="H371723" s="12"/>
    </row>
    <row r="371724" spans="8:8">
      <c r="H371724" s="12"/>
    </row>
    <row r="371725" spans="8:8">
      <c r="H371725" s="12"/>
    </row>
    <row r="371726" spans="8:8">
      <c r="H371726" s="12"/>
    </row>
    <row r="371727" spans="8:8">
      <c r="H371727" s="12"/>
    </row>
    <row r="371728" spans="8:8">
      <c r="H371728" s="12"/>
    </row>
    <row r="371729" spans="8:8">
      <c r="H371729" s="12"/>
    </row>
    <row r="371730" spans="8:8">
      <c r="H371730" s="12"/>
    </row>
    <row r="371731" spans="8:8">
      <c r="H371731" s="12"/>
    </row>
    <row r="371732" spans="8:8">
      <c r="H371732" s="12"/>
    </row>
    <row r="371733" spans="8:8">
      <c r="H371733" s="12"/>
    </row>
    <row r="371734" spans="8:8">
      <c r="H371734" s="12"/>
    </row>
    <row r="371735" spans="8:8">
      <c r="H371735" s="12"/>
    </row>
    <row r="371736" spans="8:8">
      <c r="H371736" s="12"/>
    </row>
    <row r="371737" spans="8:8">
      <c r="H371737" s="12"/>
    </row>
    <row r="371738" spans="8:8">
      <c r="H371738" s="12"/>
    </row>
    <row r="371739" spans="8:8">
      <c r="H371739" s="12"/>
    </row>
    <row r="371740" spans="8:8">
      <c r="H371740" s="12"/>
    </row>
    <row r="371741" spans="8:8">
      <c r="H371741" s="12"/>
    </row>
    <row r="371742" spans="8:8">
      <c r="H371742" s="12"/>
    </row>
    <row r="371743" spans="8:8">
      <c r="H371743" s="12"/>
    </row>
    <row r="371744" spans="8:8">
      <c r="H371744" s="12"/>
    </row>
    <row r="371745" spans="8:8">
      <c r="H371745" s="12"/>
    </row>
    <row r="371746" spans="8:8">
      <c r="H371746" s="12"/>
    </row>
    <row r="371747" spans="8:8">
      <c r="H371747" s="12"/>
    </row>
    <row r="371748" spans="8:8">
      <c r="H371748" s="12"/>
    </row>
    <row r="371749" spans="8:8">
      <c r="H371749" s="12"/>
    </row>
    <row r="371750" spans="8:8">
      <c r="H371750" s="12"/>
    </row>
    <row r="371751" spans="8:8">
      <c r="H371751" s="12"/>
    </row>
    <row r="371752" spans="8:8">
      <c r="H371752" s="12"/>
    </row>
    <row r="371753" spans="8:8">
      <c r="H371753" s="12"/>
    </row>
    <row r="371754" spans="8:8">
      <c r="H371754" s="12"/>
    </row>
    <row r="371755" spans="8:8">
      <c r="H371755" s="12"/>
    </row>
    <row r="371756" spans="8:8">
      <c r="H371756" s="12"/>
    </row>
    <row r="371757" spans="8:8">
      <c r="H371757" s="12"/>
    </row>
    <row r="371758" spans="8:8">
      <c r="H371758" s="12"/>
    </row>
    <row r="371759" spans="8:8">
      <c r="H371759" s="12"/>
    </row>
    <row r="371760" spans="8:8">
      <c r="H371760" s="12"/>
    </row>
    <row r="371761" spans="8:8">
      <c r="H371761" s="12"/>
    </row>
    <row r="371762" spans="8:8">
      <c r="H371762" s="12"/>
    </row>
    <row r="371763" spans="8:8">
      <c r="H371763" s="12"/>
    </row>
    <row r="371764" spans="8:8">
      <c r="H371764" s="12"/>
    </row>
    <row r="371765" spans="8:8">
      <c r="H371765" s="12"/>
    </row>
    <row r="371766" spans="8:8">
      <c r="H371766" s="12"/>
    </row>
    <row r="371767" spans="8:8">
      <c r="H371767" s="12"/>
    </row>
    <row r="371768" spans="8:8">
      <c r="H371768" s="12"/>
    </row>
    <row r="371769" spans="8:8">
      <c r="H371769" s="12"/>
    </row>
    <row r="371770" spans="8:8">
      <c r="H371770" s="12"/>
    </row>
    <row r="371771" spans="8:8">
      <c r="H371771" s="12"/>
    </row>
    <row r="371772" spans="8:8">
      <c r="H371772" s="12"/>
    </row>
    <row r="371773" spans="8:8">
      <c r="H371773" s="12"/>
    </row>
    <row r="371774" spans="8:8">
      <c r="H371774" s="12"/>
    </row>
    <row r="371775" spans="8:8">
      <c r="H371775" s="12"/>
    </row>
    <row r="371776" spans="8:8">
      <c r="H371776" s="12"/>
    </row>
    <row r="371777" spans="8:8">
      <c r="H371777" s="12"/>
    </row>
    <row r="371778" spans="8:8">
      <c r="H371778" s="12"/>
    </row>
    <row r="371779" spans="8:8">
      <c r="H371779" s="12"/>
    </row>
    <row r="371780" spans="8:8">
      <c r="H371780" s="12"/>
    </row>
    <row r="371781" spans="8:8">
      <c r="H371781" s="12"/>
    </row>
    <row r="371782" spans="8:8">
      <c r="H371782" s="12"/>
    </row>
    <row r="371783" spans="8:8">
      <c r="H371783" s="12"/>
    </row>
    <row r="371784" spans="8:8">
      <c r="H371784" s="12"/>
    </row>
    <row r="371785" spans="8:8">
      <c r="H371785" s="12"/>
    </row>
    <row r="371786" spans="8:8">
      <c r="H371786" s="12"/>
    </row>
    <row r="371787" spans="8:8">
      <c r="H371787" s="12"/>
    </row>
    <row r="371788" spans="8:8">
      <c r="H371788" s="12"/>
    </row>
    <row r="371789" spans="8:8">
      <c r="H371789" s="12"/>
    </row>
    <row r="371790" spans="8:8">
      <c r="H371790" s="12"/>
    </row>
    <row r="371791" spans="8:8">
      <c r="H371791" s="12"/>
    </row>
    <row r="371792" spans="8:8">
      <c r="H371792" s="12"/>
    </row>
    <row r="371793" spans="8:8">
      <c r="H371793" s="12"/>
    </row>
    <row r="371794" spans="8:8">
      <c r="H371794" s="12"/>
    </row>
    <row r="371795" spans="8:8">
      <c r="H371795" s="12"/>
    </row>
    <row r="371796" spans="8:8">
      <c r="H371796" s="12"/>
    </row>
    <row r="371797" spans="8:8">
      <c r="H371797" s="12"/>
    </row>
    <row r="371798" spans="8:8">
      <c r="H371798" s="12"/>
    </row>
    <row r="371799" spans="8:8">
      <c r="H371799" s="12"/>
    </row>
    <row r="371800" spans="8:8">
      <c r="H371800" s="12"/>
    </row>
    <row r="371801" spans="8:8">
      <c r="H371801" s="12"/>
    </row>
    <row r="371802" spans="8:8">
      <c r="H371802" s="12"/>
    </row>
    <row r="371803" spans="8:8">
      <c r="H371803" s="12"/>
    </row>
    <row r="371804" spans="8:8">
      <c r="H371804" s="12"/>
    </row>
    <row r="371805" spans="8:8">
      <c r="H371805" s="12"/>
    </row>
    <row r="371806" spans="8:8">
      <c r="H371806" s="12"/>
    </row>
    <row r="371807" spans="8:8">
      <c r="H371807" s="12"/>
    </row>
    <row r="371808" spans="8:8">
      <c r="H371808" s="12"/>
    </row>
    <row r="371809" spans="8:8">
      <c r="H371809" s="12"/>
    </row>
    <row r="371810" spans="8:8">
      <c r="H371810" s="12"/>
    </row>
    <row r="371811" spans="8:8">
      <c r="H371811" s="12"/>
    </row>
    <row r="371812" spans="8:8">
      <c r="H371812" s="12"/>
    </row>
    <row r="371813" spans="8:8">
      <c r="H371813" s="12"/>
    </row>
    <row r="371814" spans="8:8">
      <c r="H371814" s="12"/>
    </row>
    <row r="371815" spans="8:8">
      <c r="H371815" s="12"/>
    </row>
    <row r="371816" spans="8:8">
      <c r="H371816" s="12"/>
    </row>
    <row r="371817" spans="8:8">
      <c r="H371817" s="12"/>
    </row>
    <row r="371818" spans="8:8">
      <c r="H371818" s="12"/>
    </row>
    <row r="371819" spans="8:8">
      <c r="H371819" s="12"/>
    </row>
    <row r="371820" spans="8:8">
      <c r="H371820" s="12"/>
    </row>
    <row r="371821" spans="8:8">
      <c r="H371821" s="12"/>
    </row>
    <row r="371822" spans="8:8">
      <c r="H371822" s="12"/>
    </row>
    <row r="371823" spans="8:8">
      <c r="H371823" s="12"/>
    </row>
    <row r="371824" spans="8:8">
      <c r="H371824" s="12"/>
    </row>
    <row r="371825" spans="8:8">
      <c r="H371825" s="12"/>
    </row>
    <row r="371826" spans="8:8">
      <c r="H371826" s="12"/>
    </row>
    <row r="371827" spans="8:8">
      <c r="H371827" s="12"/>
    </row>
    <row r="371828" spans="8:8">
      <c r="H371828" s="12"/>
    </row>
    <row r="371829" spans="8:8">
      <c r="H371829" s="12"/>
    </row>
    <row r="371830" spans="8:8">
      <c r="H371830" s="12"/>
    </row>
    <row r="371831" spans="8:8">
      <c r="H371831" s="12"/>
    </row>
    <row r="371832" spans="8:8">
      <c r="H371832" s="12"/>
    </row>
    <row r="371833" spans="8:8">
      <c r="H371833" s="12"/>
    </row>
    <row r="371834" spans="8:8">
      <c r="H371834" s="12"/>
    </row>
    <row r="371835" spans="8:8">
      <c r="H371835" s="12"/>
    </row>
    <row r="371836" spans="8:8">
      <c r="H371836" s="12"/>
    </row>
    <row r="371837" spans="8:8">
      <c r="H371837" s="12"/>
    </row>
    <row r="371838" spans="8:8">
      <c r="H371838" s="12"/>
    </row>
    <row r="371839" spans="8:8">
      <c r="H371839" s="12"/>
    </row>
    <row r="371840" spans="8:8">
      <c r="H371840" s="12"/>
    </row>
    <row r="371841" spans="8:8">
      <c r="H371841" s="12"/>
    </row>
    <row r="371842" spans="8:8">
      <c r="H371842" s="12"/>
    </row>
    <row r="371843" spans="8:8">
      <c r="H371843" s="12"/>
    </row>
    <row r="371844" spans="8:8">
      <c r="H371844" s="12"/>
    </row>
    <row r="371845" spans="8:8">
      <c r="H371845" s="12"/>
    </row>
    <row r="371846" spans="8:8">
      <c r="H371846" s="12"/>
    </row>
    <row r="371847" spans="8:8">
      <c r="H371847" s="12"/>
    </row>
    <row r="371848" spans="8:8">
      <c r="H371848" s="12"/>
    </row>
    <row r="371849" spans="8:8">
      <c r="H371849" s="12"/>
    </row>
    <row r="371850" spans="8:8">
      <c r="H371850" s="12"/>
    </row>
    <row r="371851" spans="8:8">
      <c r="H371851" s="12"/>
    </row>
    <row r="371852" spans="8:8">
      <c r="H371852" s="12"/>
    </row>
    <row r="371853" spans="8:8">
      <c r="H371853" s="12"/>
    </row>
    <row r="371854" spans="8:8">
      <c r="H371854" s="12"/>
    </row>
    <row r="371855" spans="8:8">
      <c r="H371855" s="12"/>
    </row>
    <row r="371856" spans="8:8">
      <c r="H371856" s="12"/>
    </row>
    <row r="371857" spans="8:8">
      <c r="H371857" s="12"/>
    </row>
    <row r="371858" spans="8:8">
      <c r="H371858" s="12"/>
    </row>
    <row r="371859" spans="8:8">
      <c r="H371859" s="12"/>
    </row>
    <row r="371860" spans="8:8">
      <c r="H371860" s="12"/>
    </row>
    <row r="371861" spans="8:8">
      <c r="H371861" s="12"/>
    </row>
    <row r="371862" spans="8:8">
      <c r="H371862" s="12"/>
    </row>
    <row r="371863" spans="8:8">
      <c r="H371863" s="12"/>
    </row>
    <row r="371864" spans="8:8">
      <c r="H371864" s="12"/>
    </row>
    <row r="371865" spans="8:8">
      <c r="H371865" s="12"/>
    </row>
    <row r="371866" spans="8:8">
      <c r="H371866" s="12"/>
    </row>
    <row r="371867" spans="8:8">
      <c r="H371867" s="12"/>
    </row>
    <row r="371868" spans="8:8">
      <c r="H371868" s="12"/>
    </row>
    <row r="371869" spans="8:8">
      <c r="H371869" s="12"/>
    </row>
    <row r="371870" spans="8:8">
      <c r="H371870" s="12"/>
    </row>
    <row r="371871" spans="8:8">
      <c r="H371871" s="12"/>
    </row>
    <row r="371872" spans="8:8">
      <c r="H371872" s="12"/>
    </row>
    <row r="371873" spans="8:8">
      <c r="H371873" s="12"/>
    </row>
    <row r="371874" spans="8:8">
      <c r="H371874" s="12"/>
    </row>
    <row r="371875" spans="8:8">
      <c r="H371875" s="12"/>
    </row>
    <row r="371876" spans="8:8">
      <c r="H371876" s="12"/>
    </row>
    <row r="371877" spans="8:8">
      <c r="H371877" s="12"/>
    </row>
    <row r="371878" spans="8:8">
      <c r="H371878" s="12"/>
    </row>
    <row r="371879" spans="8:8">
      <c r="H371879" s="12"/>
    </row>
    <row r="371880" spans="8:8">
      <c r="H371880" s="12"/>
    </row>
    <row r="371881" spans="8:8">
      <c r="H371881" s="12"/>
    </row>
    <row r="371882" spans="8:8">
      <c r="H371882" s="12"/>
    </row>
    <row r="371883" spans="8:8">
      <c r="H371883" s="12"/>
    </row>
    <row r="371884" spans="8:8">
      <c r="H371884" s="12"/>
    </row>
    <row r="371885" spans="8:8">
      <c r="H371885" s="12"/>
    </row>
    <row r="371886" spans="8:8">
      <c r="H371886" s="12"/>
    </row>
    <row r="371887" spans="8:8">
      <c r="H371887" s="12"/>
    </row>
    <row r="371888" spans="8:8">
      <c r="H371888" s="12"/>
    </row>
    <row r="371889" spans="8:8">
      <c r="H371889" s="12"/>
    </row>
    <row r="371890" spans="8:8">
      <c r="H371890" s="12"/>
    </row>
    <row r="371891" spans="8:8">
      <c r="H371891" s="12"/>
    </row>
    <row r="371892" spans="8:8">
      <c r="H371892" s="12"/>
    </row>
    <row r="371893" spans="8:8">
      <c r="H371893" s="12"/>
    </row>
    <row r="371894" spans="8:8">
      <c r="H371894" s="12"/>
    </row>
    <row r="371895" spans="8:8">
      <c r="H371895" s="12"/>
    </row>
    <row r="371896" spans="8:8">
      <c r="H371896" s="12"/>
    </row>
    <row r="371897" spans="8:8">
      <c r="H371897" s="12"/>
    </row>
    <row r="371898" spans="8:8">
      <c r="H371898" s="12"/>
    </row>
    <row r="371899" spans="8:8">
      <c r="H371899" s="12"/>
    </row>
    <row r="371900" spans="8:8">
      <c r="H371900" s="12"/>
    </row>
    <row r="371901" spans="8:8">
      <c r="H371901" s="12"/>
    </row>
    <row r="371902" spans="8:8">
      <c r="H371902" s="12"/>
    </row>
    <row r="371903" spans="8:8">
      <c r="H371903" s="12"/>
    </row>
    <row r="371904" spans="8:8">
      <c r="H371904" s="12"/>
    </row>
    <row r="371905" spans="8:8">
      <c r="H371905" s="12"/>
    </row>
    <row r="371906" spans="8:8">
      <c r="H371906" s="12"/>
    </row>
    <row r="371907" spans="8:8">
      <c r="H371907" s="12"/>
    </row>
    <row r="371908" spans="8:8">
      <c r="H371908" s="12"/>
    </row>
    <row r="371909" spans="8:8">
      <c r="H371909" s="12"/>
    </row>
    <row r="371910" spans="8:8">
      <c r="H371910" s="12"/>
    </row>
    <row r="371911" spans="8:8">
      <c r="H371911" s="12"/>
    </row>
    <row r="371912" spans="8:8">
      <c r="H371912" s="12"/>
    </row>
    <row r="371913" spans="8:8">
      <c r="H371913" s="12"/>
    </row>
    <row r="371914" spans="8:8">
      <c r="H371914" s="12"/>
    </row>
    <row r="371915" spans="8:8">
      <c r="H371915" s="12"/>
    </row>
    <row r="371916" spans="8:8">
      <c r="H371916" s="12"/>
    </row>
    <row r="371917" spans="8:8">
      <c r="H371917" s="12"/>
    </row>
    <row r="371918" spans="8:8">
      <c r="H371918" s="12"/>
    </row>
    <row r="371919" spans="8:8">
      <c r="H371919" s="12"/>
    </row>
    <row r="371920" spans="8:8">
      <c r="H371920" s="12"/>
    </row>
    <row r="371921" spans="8:8">
      <c r="H371921" s="12"/>
    </row>
    <row r="371922" spans="8:8">
      <c r="H371922" s="12"/>
    </row>
    <row r="371923" spans="8:8">
      <c r="H371923" s="12"/>
    </row>
    <row r="371924" spans="8:8">
      <c r="H371924" s="12"/>
    </row>
    <row r="371925" spans="8:8">
      <c r="H371925" s="12"/>
    </row>
    <row r="371926" spans="8:8">
      <c r="H371926" s="12"/>
    </row>
    <row r="371927" spans="8:8">
      <c r="H371927" s="12"/>
    </row>
    <row r="371928" spans="8:8">
      <c r="H371928" s="12"/>
    </row>
    <row r="371929" spans="8:8">
      <c r="H371929" s="12"/>
    </row>
    <row r="371930" spans="8:8">
      <c r="H371930" s="12"/>
    </row>
    <row r="371931" spans="8:8">
      <c r="H371931" s="12"/>
    </row>
    <row r="371932" spans="8:8">
      <c r="H371932" s="12"/>
    </row>
    <row r="371933" spans="8:8">
      <c r="H371933" s="12"/>
    </row>
    <row r="371934" spans="8:8">
      <c r="H371934" s="12"/>
    </row>
    <row r="371935" spans="8:8">
      <c r="H371935" s="12"/>
    </row>
    <row r="371936" spans="8:8">
      <c r="H371936" s="12"/>
    </row>
    <row r="371937" spans="8:8">
      <c r="H371937" s="12"/>
    </row>
    <row r="371938" spans="8:8">
      <c r="H371938" s="12"/>
    </row>
    <row r="371939" spans="8:8">
      <c r="H371939" s="12"/>
    </row>
    <row r="371940" spans="8:8">
      <c r="H371940" s="12"/>
    </row>
    <row r="371941" spans="8:8">
      <c r="H371941" s="12"/>
    </row>
    <row r="371942" spans="8:8">
      <c r="H371942" s="12"/>
    </row>
    <row r="371943" spans="8:8">
      <c r="H371943" s="12"/>
    </row>
    <row r="371944" spans="8:8">
      <c r="H371944" s="12"/>
    </row>
    <row r="371945" spans="8:8">
      <c r="H371945" s="12"/>
    </row>
    <row r="371946" spans="8:8">
      <c r="H371946" s="12"/>
    </row>
    <row r="371947" spans="8:8">
      <c r="H371947" s="12"/>
    </row>
    <row r="371948" spans="8:8">
      <c r="H371948" s="12"/>
    </row>
    <row r="371949" spans="8:8">
      <c r="H371949" s="12"/>
    </row>
    <row r="371950" spans="8:8">
      <c r="H371950" s="12"/>
    </row>
    <row r="371951" spans="8:8">
      <c r="H371951" s="12"/>
    </row>
    <row r="371952" spans="8:8">
      <c r="H371952" s="12"/>
    </row>
    <row r="371953" spans="8:8">
      <c r="H371953" s="12"/>
    </row>
    <row r="371954" spans="8:8">
      <c r="H371954" s="12"/>
    </row>
    <row r="371955" spans="8:8">
      <c r="H371955" s="12"/>
    </row>
    <row r="371956" spans="8:8">
      <c r="H371956" s="12"/>
    </row>
    <row r="371957" spans="8:8">
      <c r="H371957" s="12"/>
    </row>
    <row r="371958" spans="8:8">
      <c r="H371958" s="12"/>
    </row>
    <row r="371959" spans="8:8">
      <c r="H371959" s="12"/>
    </row>
    <row r="371960" spans="8:8">
      <c r="H371960" s="12"/>
    </row>
    <row r="371961" spans="8:8">
      <c r="H371961" s="12"/>
    </row>
    <row r="371962" spans="8:8">
      <c r="H371962" s="12"/>
    </row>
    <row r="371963" spans="8:8">
      <c r="H371963" s="12"/>
    </row>
    <row r="371964" spans="8:8">
      <c r="H371964" s="12"/>
    </row>
    <row r="371965" spans="8:8">
      <c r="H371965" s="12"/>
    </row>
    <row r="371966" spans="8:8">
      <c r="H371966" s="12"/>
    </row>
    <row r="371967" spans="8:8">
      <c r="H371967" s="12"/>
    </row>
    <row r="371968" spans="8:8">
      <c r="H371968" s="12"/>
    </row>
    <row r="371969" spans="8:8">
      <c r="H371969" s="12"/>
    </row>
    <row r="371970" spans="8:8">
      <c r="H371970" s="12"/>
    </row>
    <row r="371971" spans="8:8">
      <c r="H371971" s="12"/>
    </row>
    <row r="371972" spans="8:8">
      <c r="H371972" s="12"/>
    </row>
    <row r="371973" spans="8:8">
      <c r="H371973" s="12"/>
    </row>
    <row r="371974" spans="8:8">
      <c r="H371974" s="12"/>
    </row>
    <row r="371975" spans="8:8">
      <c r="H371975" s="12"/>
    </row>
    <row r="371976" spans="8:8">
      <c r="H371976" s="12"/>
    </row>
    <row r="371977" spans="8:8">
      <c r="H371977" s="12"/>
    </row>
    <row r="371978" spans="8:8">
      <c r="H371978" s="12"/>
    </row>
    <row r="371979" spans="8:8">
      <c r="H371979" s="12"/>
    </row>
    <row r="371980" spans="8:8">
      <c r="H371980" s="12"/>
    </row>
    <row r="371981" spans="8:8">
      <c r="H371981" s="12"/>
    </row>
    <row r="371982" spans="8:8">
      <c r="H371982" s="12"/>
    </row>
    <row r="371983" spans="8:8">
      <c r="H371983" s="12"/>
    </row>
    <row r="371984" spans="8:8">
      <c r="H371984" s="12"/>
    </row>
    <row r="371985" spans="8:8">
      <c r="H371985" s="12"/>
    </row>
    <row r="371986" spans="8:8">
      <c r="H371986" s="12"/>
    </row>
    <row r="371987" spans="8:8">
      <c r="H371987" s="12"/>
    </row>
    <row r="371988" spans="8:8">
      <c r="H371988" s="12"/>
    </row>
    <row r="371989" spans="8:8">
      <c r="H371989" s="12"/>
    </row>
    <row r="371990" spans="8:8">
      <c r="H371990" s="12"/>
    </row>
    <row r="371991" spans="8:8">
      <c r="H371991" s="12"/>
    </row>
    <row r="371992" spans="8:8">
      <c r="H371992" s="12"/>
    </row>
    <row r="371993" spans="8:8">
      <c r="H371993" s="12"/>
    </row>
    <row r="371994" spans="8:8">
      <c r="H371994" s="12"/>
    </row>
    <row r="371995" spans="8:8">
      <c r="H371995" s="12"/>
    </row>
    <row r="371996" spans="8:8">
      <c r="H371996" s="12"/>
    </row>
    <row r="371997" spans="8:8">
      <c r="H371997" s="12"/>
    </row>
    <row r="371998" spans="8:8">
      <c r="H371998" s="12"/>
    </row>
    <row r="371999" spans="8:8">
      <c r="H371999" s="12"/>
    </row>
    <row r="372000" spans="8:8">
      <c r="H372000" s="12"/>
    </row>
    <row r="372001" spans="8:8">
      <c r="H372001" s="12"/>
    </row>
    <row r="372002" spans="8:8">
      <c r="H372002" s="12"/>
    </row>
    <row r="372003" spans="8:8">
      <c r="H372003" s="12"/>
    </row>
    <row r="372004" spans="8:8">
      <c r="H372004" s="12"/>
    </row>
    <row r="372005" spans="8:8">
      <c r="H372005" s="12"/>
    </row>
    <row r="372006" spans="8:8">
      <c r="H372006" s="12"/>
    </row>
    <row r="372007" spans="8:8">
      <c r="H372007" s="12"/>
    </row>
    <row r="372008" spans="8:8">
      <c r="H372008" s="12"/>
    </row>
    <row r="372009" spans="8:8">
      <c r="H372009" s="12"/>
    </row>
    <row r="372010" spans="8:8">
      <c r="H372010" s="12"/>
    </row>
    <row r="372011" spans="8:8">
      <c r="H372011" s="12"/>
    </row>
    <row r="372012" spans="8:8">
      <c r="H372012" s="12"/>
    </row>
    <row r="372013" spans="8:8">
      <c r="H372013" s="12"/>
    </row>
    <row r="372014" spans="8:8">
      <c r="H372014" s="12"/>
    </row>
    <row r="372015" spans="8:8">
      <c r="H372015" s="12"/>
    </row>
    <row r="372016" spans="8:8">
      <c r="H372016" s="12"/>
    </row>
    <row r="372017" spans="8:8">
      <c r="H372017" s="12"/>
    </row>
    <row r="372018" spans="8:8">
      <c r="H372018" s="12"/>
    </row>
    <row r="372019" spans="8:8">
      <c r="H372019" s="12"/>
    </row>
    <row r="372020" spans="8:8">
      <c r="H372020" s="12"/>
    </row>
    <row r="372021" spans="8:8">
      <c r="H372021" s="12"/>
    </row>
    <row r="372022" spans="8:8">
      <c r="H372022" s="12"/>
    </row>
    <row r="372023" spans="8:8">
      <c r="H372023" s="12"/>
    </row>
    <row r="372024" spans="8:8">
      <c r="H372024" s="12"/>
    </row>
    <row r="372025" spans="8:8">
      <c r="H372025" s="12"/>
    </row>
    <row r="372026" spans="8:8">
      <c r="H372026" s="12"/>
    </row>
    <row r="372027" spans="8:8">
      <c r="H372027" s="12"/>
    </row>
    <row r="372028" spans="8:8">
      <c r="H372028" s="12"/>
    </row>
    <row r="372029" spans="8:8">
      <c r="H372029" s="12"/>
    </row>
    <row r="372030" spans="8:8">
      <c r="H372030" s="12"/>
    </row>
    <row r="372031" spans="8:8">
      <c r="H372031" s="12"/>
    </row>
    <row r="372032" spans="8:8">
      <c r="H372032" s="12"/>
    </row>
    <row r="372033" spans="8:8">
      <c r="H372033" s="12"/>
    </row>
    <row r="372034" spans="8:8">
      <c r="H372034" s="12"/>
    </row>
    <row r="372035" spans="8:8">
      <c r="H372035" s="12"/>
    </row>
    <row r="372036" spans="8:8">
      <c r="H372036" s="12"/>
    </row>
    <row r="372037" spans="8:8">
      <c r="H372037" s="12"/>
    </row>
    <row r="372038" spans="8:8">
      <c r="H372038" s="12"/>
    </row>
    <row r="372039" spans="8:8">
      <c r="H372039" s="12"/>
    </row>
    <row r="372040" spans="8:8">
      <c r="H372040" s="12"/>
    </row>
    <row r="372041" spans="8:8">
      <c r="H372041" s="12"/>
    </row>
    <row r="372042" spans="8:8">
      <c r="H372042" s="12"/>
    </row>
    <row r="372043" spans="8:8">
      <c r="H372043" s="12"/>
    </row>
    <row r="372044" spans="8:8">
      <c r="H372044" s="12"/>
    </row>
    <row r="372045" spans="8:8">
      <c r="H372045" s="12"/>
    </row>
    <row r="372046" spans="8:8">
      <c r="H372046" s="12"/>
    </row>
    <row r="372047" spans="8:8">
      <c r="H372047" s="12"/>
    </row>
    <row r="372048" spans="8:8">
      <c r="H372048" s="12"/>
    </row>
    <row r="372049" spans="8:8">
      <c r="H372049" s="12"/>
    </row>
    <row r="372050" spans="8:8">
      <c r="H372050" s="12"/>
    </row>
    <row r="372051" spans="8:8">
      <c r="H372051" s="12"/>
    </row>
    <row r="372052" spans="8:8">
      <c r="H372052" s="12"/>
    </row>
    <row r="372053" spans="8:8">
      <c r="H372053" s="12"/>
    </row>
    <row r="372054" spans="8:8">
      <c r="H372054" s="12"/>
    </row>
    <row r="372055" spans="8:8">
      <c r="H372055" s="12"/>
    </row>
    <row r="372056" spans="8:8">
      <c r="H372056" s="12"/>
    </row>
    <row r="372057" spans="8:8">
      <c r="H372057" s="12"/>
    </row>
    <row r="372058" spans="8:8">
      <c r="H372058" s="12"/>
    </row>
    <row r="372059" spans="8:8">
      <c r="H372059" s="12"/>
    </row>
    <row r="372060" spans="8:8">
      <c r="H372060" s="12"/>
    </row>
    <row r="372061" spans="8:8">
      <c r="H372061" s="12"/>
    </row>
    <row r="372062" spans="8:8">
      <c r="H372062" s="12"/>
    </row>
    <row r="372063" spans="8:8">
      <c r="H372063" s="12"/>
    </row>
    <row r="372064" spans="8:8">
      <c r="H372064" s="12"/>
    </row>
    <row r="372065" spans="8:8">
      <c r="H372065" s="12"/>
    </row>
    <row r="372066" spans="8:8">
      <c r="H372066" s="12"/>
    </row>
    <row r="372067" spans="8:8">
      <c r="H372067" s="12"/>
    </row>
    <row r="372068" spans="8:8">
      <c r="H372068" s="12"/>
    </row>
    <row r="372069" spans="8:8">
      <c r="H372069" s="12"/>
    </row>
    <row r="372070" spans="8:8">
      <c r="H372070" s="12"/>
    </row>
    <row r="372071" spans="8:8">
      <c r="H372071" s="12"/>
    </row>
    <row r="372072" spans="8:8">
      <c r="H372072" s="12"/>
    </row>
    <row r="372073" spans="8:8">
      <c r="H372073" s="12"/>
    </row>
    <row r="372074" spans="8:8">
      <c r="H372074" s="12"/>
    </row>
    <row r="372075" spans="8:8">
      <c r="H372075" s="12"/>
    </row>
    <row r="372076" spans="8:8">
      <c r="H372076" s="12"/>
    </row>
    <row r="372077" spans="8:8">
      <c r="H372077" s="12"/>
    </row>
    <row r="372078" spans="8:8">
      <c r="H372078" s="12"/>
    </row>
    <row r="372079" spans="8:8">
      <c r="H372079" s="12"/>
    </row>
    <row r="372080" spans="8:8">
      <c r="H372080" s="12"/>
    </row>
    <row r="372081" spans="8:8">
      <c r="H372081" s="12"/>
    </row>
    <row r="372082" spans="8:8">
      <c r="H372082" s="12"/>
    </row>
    <row r="372083" spans="8:8">
      <c r="H372083" s="12"/>
    </row>
    <row r="372084" spans="8:8">
      <c r="H372084" s="12"/>
    </row>
    <row r="372085" spans="8:8">
      <c r="H372085" s="12"/>
    </row>
    <row r="372086" spans="8:8">
      <c r="H372086" s="12"/>
    </row>
    <row r="372087" spans="8:8">
      <c r="H372087" s="12"/>
    </row>
    <row r="372088" spans="8:8">
      <c r="H372088" s="12"/>
    </row>
    <row r="372089" spans="8:8">
      <c r="H372089" s="12"/>
    </row>
    <row r="372090" spans="8:8">
      <c r="H372090" s="12"/>
    </row>
    <row r="372091" spans="8:8">
      <c r="H372091" s="12"/>
    </row>
    <row r="372092" spans="8:8">
      <c r="H372092" s="12"/>
    </row>
    <row r="372093" spans="8:8">
      <c r="H372093" s="12"/>
    </row>
    <row r="372094" spans="8:8">
      <c r="H372094" s="12"/>
    </row>
    <row r="372095" spans="8:8">
      <c r="H372095" s="12"/>
    </row>
    <row r="372096" spans="8:8">
      <c r="H372096" s="12"/>
    </row>
    <row r="372097" spans="8:8">
      <c r="H372097" s="12"/>
    </row>
    <row r="372098" spans="8:8">
      <c r="H372098" s="12"/>
    </row>
    <row r="372099" spans="8:8">
      <c r="H372099" s="12"/>
    </row>
    <row r="372100" spans="8:8">
      <c r="H372100" s="12"/>
    </row>
    <row r="372101" spans="8:8">
      <c r="H372101" s="12"/>
    </row>
    <row r="372102" spans="8:8">
      <c r="H372102" s="12"/>
    </row>
    <row r="372103" spans="8:8">
      <c r="H372103" s="12"/>
    </row>
    <row r="372104" spans="8:8">
      <c r="H372104" s="12"/>
    </row>
    <row r="372105" spans="8:8">
      <c r="H372105" s="12"/>
    </row>
    <row r="372106" spans="8:8">
      <c r="H372106" s="12"/>
    </row>
    <row r="372107" spans="8:8">
      <c r="H372107" s="12"/>
    </row>
    <row r="372108" spans="8:8">
      <c r="H372108" s="12"/>
    </row>
    <row r="372109" spans="8:8">
      <c r="H372109" s="12"/>
    </row>
    <row r="372110" spans="8:8">
      <c r="H372110" s="12"/>
    </row>
    <row r="372111" spans="8:8">
      <c r="H372111" s="12"/>
    </row>
    <row r="372112" spans="8:8">
      <c r="H372112" s="12"/>
    </row>
    <row r="372113" spans="8:8">
      <c r="H372113" s="12"/>
    </row>
    <row r="372114" spans="8:8">
      <c r="H372114" s="12"/>
    </row>
    <row r="372115" spans="8:8">
      <c r="H372115" s="12"/>
    </row>
    <row r="372116" spans="8:8">
      <c r="H372116" s="12"/>
    </row>
    <row r="372117" spans="8:8">
      <c r="H372117" s="12"/>
    </row>
    <row r="372118" spans="8:8">
      <c r="H372118" s="12"/>
    </row>
    <row r="372119" spans="8:8">
      <c r="H372119" s="12"/>
    </row>
    <row r="372120" spans="8:8">
      <c r="H372120" s="12"/>
    </row>
    <row r="372121" spans="8:8">
      <c r="H372121" s="12"/>
    </row>
    <row r="372122" spans="8:8">
      <c r="H372122" s="12"/>
    </row>
    <row r="372123" spans="8:8">
      <c r="H372123" s="12"/>
    </row>
    <row r="372124" spans="8:8">
      <c r="H372124" s="12"/>
    </row>
    <row r="372125" spans="8:8">
      <c r="H372125" s="12"/>
    </row>
    <row r="372126" spans="8:8">
      <c r="H372126" s="12"/>
    </row>
    <row r="372127" spans="8:8">
      <c r="H372127" s="12"/>
    </row>
    <row r="372128" spans="8:8">
      <c r="H372128" s="12"/>
    </row>
    <row r="372129" spans="8:8">
      <c r="H372129" s="12"/>
    </row>
    <row r="372130" spans="8:8">
      <c r="H372130" s="12"/>
    </row>
    <row r="372131" spans="8:8">
      <c r="H372131" s="12"/>
    </row>
    <row r="372132" spans="8:8">
      <c r="H372132" s="12"/>
    </row>
    <row r="372133" spans="8:8">
      <c r="H372133" s="12"/>
    </row>
    <row r="372134" spans="8:8">
      <c r="H372134" s="12"/>
    </row>
    <row r="372135" spans="8:8">
      <c r="H372135" s="12"/>
    </row>
    <row r="372136" spans="8:8">
      <c r="H372136" s="12"/>
    </row>
    <row r="372137" spans="8:8">
      <c r="H372137" s="12"/>
    </row>
    <row r="372138" spans="8:8">
      <c r="H372138" s="12"/>
    </row>
    <row r="372139" spans="8:8">
      <c r="H372139" s="12"/>
    </row>
    <row r="372140" spans="8:8">
      <c r="H372140" s="12"/>
    </row>
    <row r="372141" spans="8:8">
      <c r="H372141" s="12"/>
    </row>
    <row r="372142" spans="8:8">
      <c r="H372142" s="12"/>
    </row>
    <row r="372143" spans="8:8">
      <c r="H372143" s="12"/>
    </row>
    <row r="372144" spans="8:8">
      <c r="H372144" s="12"/>
    </row>
    <row r="372145" spans="8:8">
      <c r="H372145" s="12"/>
    </row>
    <row r="372146" spans="8:8">
      <c r="H372146" s="12"/>
    </row>
    <row r="372147" spans="8:8">
      <c r="H372147" s="12"/>
    </row>
    <row r="372148" spans="8:8">
      <c r="H372148" s="12"/>
    </row>
    <row r="372149" spans="8:8">
      <c r="H372149" s="12"/>
    </row>
    <row r="372150" spans="8:8">
      <c r="H372150" s="12"/>
    </row>
    <row r="372151" spans="8:8">
      <c r="H372151" s="12"/>
    </row>
    <row r="372152" spans="8:8">
      <c r="H372152" s="12"/>
    </row>
    <row r="372153" spans="8:8">
      <c r="H372153" s="12"/>
    </row>
    <row r="372154" spans="8:8">
      <c r="H372154" s="12"/>
    </row>
    <row r="372155" spans="8:8">
      <c r="H372155" s="12"/>
    </row>
    <row r="372156" spans="8:8">
      <c r="H372156" s="12"/>
    </row>
    <row r="372157" spans="8:8">
      <c r="H372157" s="12"/>
    </row>
    <row r="372158" spans="8:8">
      <c r="H372158" s="12"/>
    </row>
    <row r="372159" spans="8:8">
      <c r="H372159" s="12"/>
    </row>
    <row r="372160" spans="8:8">
      <c r="H372160" s="12"/>
    </row>
    <row r="372161" spans="8:8">
      <c r="H372161" s="12"/>
    </row>
    <row r="372162" spans="8:8">
      <c r="H372162" s="12"/>
    </row>
    <row r="372163" spans="8:8">
      <c r="H372163" s="12"/>
    </row>
    <row r="372164" spans="8:8">
      <c r="H372164" s="12"/>
    </row>
    <row r="372165" spans="8:8">
      <c r="H372165" s="12"/>
    </row>
    <row r="372166" spans="8:8">
      <c r="H372166" s="12"/>
    </row>
    <row r="372167" spans="8:8">
      <c r="H372167" s="12"/>
    </row>
    <row r="372168" spans="8:8">
      <c r="H372168" s="12"/>
    </row>
    <row r="372169" spans="8:8">
      <c r="H372169" s="12"/>
    </row>
    <row r="372170" spans="8:8">
      <c r="H372170" s="12"/>
    </row>
    <row r="372171" spans="8:8">
      <c r="H372171" s="12"/>
    </row>
    <row r="372172" spans="8:8">
      <c r="H372172" s="12"/>
    </row>
    <row r="372173" spans="8:8">
      <c r="H372173" s="12"/>
    </row>
    <row r="372174" spans="8:8">
      <c r="H372174" s="12"/>
    </row>
    <row r="372175" spans="8:8">
      <c r="H372175" s="12"/>
    </row>
    <row r="372176" spans="8:8">
      <c r="H372176" s="12"/>
    </row>
    <row r="372177" spans="8:8">
      <c r="H372177" s="12"/>
    </row>
    <row r="372178" spans="8:8">
      <c r="H372178" s="12"/>
    </row>
    <row r="372179" spans="8:8">
      <c r="H372179" s="12"/>
    </row>
    <row r="372180" spans="8:8">
      <c r="H372180" s="12"/>
    </row>
    <row r="372181" spans="8:8">
      <c r="H372181" s="12"/>
    </row>
    <row r="372182" spans="8:8">
      <c r="H372182" s="12"/>
    </row>
    <row r="372183" spans="8:8">
      <c r="H372183" s="12"/>
    </row>
    <row r="372184" spans="8:8">
      <c r="H372184" s="12"/>
    </row>
    <row r="372185" spans="8:8">
      <c r="H372185" s="12"/>
    </row>
    <row r="372186" spans="8:8">
      <c r="H372186" s="12"/>
    </row>
    <row r="372187" spans="8:8">
      <c r="H372187" s="12"/>
    </row>
    <row r="372188" spans="8:8">
      <c r="H372188" s="12"/>
    </row>
    <row r="372189" spans="8:8">
      <c r="H372189" s="12"/>
    </row>
    <row r="372190" spans="8:8">
      <c r="H372190" s="12"/>
    </row>
    <row r="372191" spans="8:8">
      <c r="H372191" s="12"/>
    </row>
    <row r="372192" spans="8:8">
      <c r="H372192" s="12"/>
    </row>
    <row r="372193" spans="8:8">
      <c r="H372193" s="12"/>
    </row>
    <row r="372194" spans="8:8">
      <c r="H372194" s="12"/>
    </row>
    <row r="372195" spans="8:8">
      <c r="H372195" s="12"/>
    </row>
    <row r="372196" spans="8:8">
      <c r="H372196" s="12"/>
    </row>
    <row r="372197" spans="8:8">
      <c r="H372197" s="12"/>
    </row>
    <row r="372198" spans="8:8">
      <c r="H372198" s="12"/>
    </row>
    <row r="372199" spans="8:8">
      <c r="H372199" s="12"/>
    </row>
    <row r="372200" spans="8:8">
      <c r="H372200" s="12"/>
    </row>
    <row r="372201" spans="8:8">
      <c r="H372201" s="12"/>
    </row>
    <row r="372202" spans="8:8">
      <c r="H372202" s="12"/>
    </row>
    <row r="372203" spans="8:8">
      <c r="H372203" s="12"/>
    </row>
    <row r="372204" spans="8:8">
      <c r="H372204" s="12"/>
    </row>
    <row r="372205" spans="8:8">
      <c r="H372205" s="12"/>
    </row>
    <row r="372206" spans="8:8">
      <c r="H372206" s="12"/>
    </row>
    <row r="372207" spans="8:8">
      <c r="H372207" s="12"/>
    </row>
    <row r="372208" spans="8:8">
      <c r="H372208" s="12"/>
    </row>
    <row r="372209" spans="8:8">
      <c r="H372209" s="12"/>
    </row>
    <row r="372210" spans="8:8">
      <c r="H372210" s="12"/>
    </row>
    <row r="372211" spans="8:8">
      <c r="H372211" s="12"/>
    </row>
    <row r="372212" spans="8:8">
      <c r="H372212" s="12"/>
    </row>
    <row r="372213" spans="8:8">
      <c r="H372213" s="12"/>
    </row>
    <row r="372214" spans="8:8">
      <c r="H372214" s="12"/>
    </row>
    <row r="372215" spans="8:8">
      <c r="H372215" s="12"/>
    </row>
    <row r="372216" spans="8:8">
      <c r="H372216" s="12"/>
    </row>
    <row r="372217" spans="8:8">
      <c r="H372217" s="12"/>
    </row>
    <row r="372218" spans="8:8">
      <c r="H372218" s="12"/>
    </row>
    <row r="372219" spans="8:8">
      <c r="H372219" s="12"/>
    </row>
    <row r="372220" spans="8:8">
      <c r="H372220" s="12"/>
    </row>
    <row r="372221" spans="8:8">
      <c r="H372221" s="12"/>
    </row>
    <row r="372222" spans="8:8">
      <c r="H372222" s="12"/>
    </row>
    <row r="372223" spans="8:8">
      <c r="H372223" s="12"/>
    </row>
    <row r="372224" spans="8:8">
      <c r="H372224" s="12"/>
    </row>
    <row r="372225" spans="8:8">
      <c r="H372225" s="12"/>
    </row>
    <row r="372226" spans="8:8">
      <c r="H372226" s="12"/>
    </row>
    <row r="372227" spans="8:8">
      <c r="H372227" s="12"/>
    </row>
    <row r="372228" spans="8:8">
      <c r="H372228" s="12"/>
    </row>
    <row r="372229" spans="8:8">
      <c r="H372229" s="12"/>
    </row>
    <row r="372230" spans="8:8">
      <c r="H372230" s="12"/>
    </row>
    <row r="372231" spans="8:8">
      <c r="H372231" s="12"/>
    </row>
    <row r="372232" spans="8:8">
      <c r="H372232" s="12"/>
    </row>
    <row r="372233" spans="8:8">
      <c r="H372233" s="12"/>
    </row>
    <row r="372234" spans="8:8">
      <c r="H372234" s="12"/>
    </row>
    <row r="372235" spans="8:8">
      <c r="H372235" s="12"/>
    </row>
    <row r="372236" spans="8:8">
      <c r="H372236" s="12"/>
    </row>
    <row r="372237" spans="8:8">
      <c r="H372237" s="12"/>
    </row>
    <row r="372238" spans="8:8">
      <c r="H372238" s="12"/>
    </row>
    <row r="372239" spans="8:8">
      <c r="H372239" s="12"/>
    </row>
    <row r="372240" spans="8:8">
      <c r="H372240" s="12"/>
    </row>
    <row r="372241" spans="8:8">
      <c r="H372241" s="12"/>
    </row>
    <row r="372242" spans="8:8">
      <c r="H372242" s="12"/>
    </row>
    <row r="372243" spans="8:8">
      <c r="H372243" s="12"/>
    </row>
    <row r="372244" spans="8:8">
      <c r="H372244" s="12"/>
    </row>
    <row r="372245" spans="8:8">
      <c r="H372245" s="12"/>
    </row>
    <row r="372246" spans="8:8">
      <c r="H372246" s="12"/>
    </row>
    <row r="372247" spans="8:8">
      <c r="H372247" s="12"/>
    </row>
    <row r="372248" spans="8:8">
      <c r="H372248" s="12"/>
    </row>
    <row r="372249" spans="8:8">
      <c r="H372249" s="12"/>
    </row>
    <row r="372250" spans="8:8">
      <c r="H372250" s="12"/>
    </row>
    <row r="372251" spans="8:8">
      <c r="H372251" s="12"/>
    </row>
    <row r="372252" spans="8:8">
      <c r="H372252" s="12"/>
    </row>
    <row r="372253" spans="8:8">
      <c r="H372253" s="12"/>
    </row>
    <row r="372254" spans="8:8">
      <c r="H372254" s="12"/>
    </row>
    <row r="372255" spans="8:8">
      <c r="H372255" s="12"/>
    </row>
    <row r="372256" spans="8:8">
      <c r="H372256" s="12"/>
    </row>
    <row r="372257" spans="8:8">
      <c r="H372257" s="12"/>
    </row>
    <row r="372258" spans="8:8">
      <c r="H372258" s="12"/>
    </row>
    <row r="372259" spans="8:8">
      <c r="H372259" s="12"/>
    </row>
    <row r="372260" spans="8:8">
      <c r="H372260" s="12"/>
    </row>
    <row r="372261" spans="8:8">
      <c r="H372261" s="12"/>
    </row>
    <row r="372262" spans="8:8">
      <c r="H372262" s="12"/>
    </row>
    <row r="372263" spans="8:8">
      <c r="H372263" s="12"/>
    </row>
    <row r="372264" spans="8:8">
      <c r="H372264" s="12"/>
    </row>
    <row r="372265" spans="8:8">
      <c r="H372265" s="12"/>
    </row>
    <row r="372266" spans="8:8">
      <c r="H372266" s="12"/>
    </row>
    <row r="372267" spans="8:8">
      <c r="H372267" s="12"/>
    </row>
    <row r="372268" spans="8:8">
      <c r="H372268" s="12"/>
    </row>
    <row r="372269" spans="8:8">
      <c r="H372269" s="12"/>
    </row>
    <row r="372270" spans="8:8">
      <c r="H372270" s="12"/>
    </row>
    <row r="372271" spans="8:8">
      <c r="H372271" s="12"/>
    </row>
    <row r="372272" spans="8:8">
      <c r="H372272" s="12"/>
    </row>
    <row r="372273" spans="8:8">
      <c r="H372273" s="12"/>
    </row>
    <row r="372274" spans="8:8">
      <c r="H372274" s="12"/>
    </row>
    <row r="372275" spans="8:8">
      <c r="H372275" s="12"/>
    </row>
    <row r="372276" spans="8:8">
      <c r="H372276" s="12"/>
    </row>
    <row r="372277" spans="8:8">
      <c r="H372277" s="12"/>
    </row>
    <row r="372278" spans="8:8">
      <c r="H372278" s="12"/>
    </row>
    <row r="372279" spans="8:8">
      <c r="H372279" s="12"/>
    </row>
    <row r="372280" spans="8:8">
      <c r="H372280" s="12"/>
    </row>
    <row r="372281" spans="8:8">
      <c r="H372281" s="12"/>
    </row>
    <row r="372282" spans="8:8">
      <c r="H372282" s="12"/>
    </row>
    <row r="372283" spans="8:8">
      <c r="H372283" s="12"/>
    </row>
    <row r="372284" spans="8:8">
      <c r="H372284" s="12"/>
    </row>
    <row r="372285" spans="8:8">
      <c r="H372285" s="12"/>
    </row>
    <row r="372286" spans="8:8">
      <c r="H372286" s="12"/>
    </row>
    <row r="372287" spans="8:8">
      <c r="H372287" s="12"/>
    </row>
    <row r="372288" spans="8:8">
      <c r="H372288" s="12"/>
    </row>
    <row r="372289" spans="8:8">
      <c r="H372289" s="12"/>
    </row>
    <row r="372290" spans="8:8">
      <c r="H372290" s="12"/>
    </row>
    <row r="372291" spans="8:8">
      <c r="H372291" s="12"/>
    </row>
    <row r="372292" spans="8:8">
      <c r="H372292" s="12"/>
    </row>
    <row r="372293" spans="8:8">
      <c r="H372293" s="12"/>
    </row>
    <row r="372294" spans="8:8">
      <c r="H372294" s="12"/>
    </row>
    <row r="372295" spans="8:8">
      <c r="H372295" s="12"/>
    </row>
    <row r="372296" spans="8:8">
      <c r="H372296" s="12"/>
    </row>
    <row r="372297" spans="8:8">
      <c r="H372297" s="12"/>
    </row>
    <row r="372298" spans="8:8">
      <c r="H372298" s="12"/>
    </row>
    <row r="372299" spans="8:8">
      <c r="H372299" s="12"/>
    </row>
    <row r="372300" spans="8:8">
      <c r="H372300" s="12"/>
    </row>
    <row r="372301" spans="8:8">
      <c r="H372301" s="12"/>
    </row>
    <row r="372302" spans="8:8">
      <c r="H372302" s="12"/>
    </row>
    <row r="372303" spans="8:8">
      <c r="H372303" s="12"/>
    </row>
    <row r="372304" spans="8:8">
      <c r="H372304" s="12"/>
    </row>
    <row r="372305" spans="8:8">
      <c r="H372305" s="12"/>
    </row>
    <row r="372306" spans="8:8">
      <c r="H372306" s="12"/>
    </row>
    <row r="372307" spans="8:8">
      <c r="H372307" s="12"/>
    </row>
    <row r="372308" spans="8:8">
      <c r="H372308" s="12"/>
    </row>
    <row r="372309" spans="8:8">
      <c r="H372309" s="12"/>
    </row>
    <row r="372310" spans="8:8">
      <c r="H372310" s="12"/>
    </row>
    <row r="372311" spans="8:8">
      <c r="H372311" s="12"/>
    </row>
    <row r="372312" spans="8:8">
      <c r="H372312" s="12"/>
    </row>
    <row r="372313" spans="8:8">
      <c r="H372313" s="12"/>
    </row>
    <row r="372314" spans="8:8">
      <c r="H372314" s="12"/>
    </row>
    <row r="372315" spans="8:8">
      <c r="H372315" s="12"/>
    </row>
    <row r="372316" spans="8:8">
      <c r="H372316" s="12"/>
    </row>
    <row r="372317" spans="8:8">
      <c r="H372317" s="12"/>
    </row>
    <row r="372318" spans="8:8">
      <c r="H372318" s="12"/>
    </row>
    <row r="372319" spans="8:8">
      <c r="H372319" s="12"/>
    </row>
    <row r="372320" spans="8:8">
      <c r="H372320" s="12"/>
    </row>
    <row r="372321" spans="8:8">
      <c r="H372321" s="12"/>
    </row>
    <row r="372322" spans="8:8">
      <c r="H372322" s="12"/>
    </row>
    <row r="372323" spans="8:8">
      <c r="H372323" s="12"/>
    </row>
    <row r="372324" spans="8:8">
      <c r="H372324" s="12"/>
    </row>
    <row r="372325" spans="8:8">
      <c r="H372325" s="12"/>
    </row>
    <row r="372326" spans="8:8">
      <c r="H372326" s="12"/>
    </row>
    <row r="372327" spans="8:8">
      <c r="H372327" s="12"/>
    </row>
    <row r="372328" spans="8:8">
      <c r="H372328" s="12"/>
    </row>
    <row r="372329" spans="8:8">
      <c r="H372329" s="12"/>
    </row>
    <row r="372330" spans="8:8">
      <c r="H372330" s="12"/>
    </row>
    <row r="372331" spans="8:8">
      <c r="H372331" s="12"/>
    </row>
    <row r="372332" spans="8:8">
      <c r="H372332" s="12"/>
    </row>
    <row r="372333" spans="8:8">
      <c r="H372333" s="12"/>
    </row>
    <row r="372334" spans="8:8">
      <c r="H372334" s="12"/>
    </row>
    <row r="372335" spans="8:8">
      <c r="H372335" s="12"/>
    </row>
    <row r="372336" spans="8:8">
      <c r="H372336" s="12"/>
    </row>
    <row r="372337" spans="8:8">
      <c r="H372337" s="12"/>
    </row>
    <row r="372338" spans="8:8">
      <c r="H372338" s="12"/>
    </row>
    <row r="372339" spans="8:8">
      <c r="H372339" s="12"/>
    </row>
    <row r="372340" spans="8:8">
      <c r="H372340" s="12"/>
    </row>
    <row r="372341" spans="8:8">
      <c r="H372341" s="12"/>
    </row>
    <row r="372342" spans="8:8">
      <c r="H372342" s="12"/>
    </row>
    <row r="372343" spans="8:8">
      <c r="H372343" s="12"/>
    </row>
    <row r="372344" spans="8:8">
      <c r="H372344" s="12"/>
    </row>
    <row r="372345" spans="8:8">
      <c r="H372345" s="12"/>
    </row>
    <row r="372346" spans="8:8">
      <c r="H372346" s="12"/>
    </row>
    <row r="372347" spans="8:8">
      <c r="H372347" s="12"/>
    </row>
    <row r="372348" spans="8:8">
      <c r="H372348" s="12"/>
    </row>
    <row r="372349" spans="8:8">
      <c r="H372349" s="12"/>
    </row>
    <row r="372350" spans="8:8">
      <c r="H372350" s="12"/>
    </row>
    <row r="372351" spans="8:8">
      <c r="H372351" s="12"/>
    </row>
    <row r="372352" spans="8:8">
      <c r="H372352" s="12"/>
    </row>
    <row r="372353" spans="8:8">
      <c r="H372353" s="12"/>
    </row>
    <row r="372354" spans="8:8">
      <c r="H372354" s="12"/>
    </row>
    <row r="372355" spans="8:8">
      <c r="H372355" s="12"/>
    </row>
    <row r="372356" spans="8:8">
      <c r="H372356" s="12"/>
    </row>
    <row r="372357" spans="8:8">
      <c r="H372357" s="12"/>
    </row>
    <row r="372358" spans="8:8">
      <c r="H372358" s="12"/>
    </row>
    <row r="372359" spans="8:8">
      <c r="H372359" s="12"/>
    </row>
    <row r="372360" spans="8:8">
      <c r="H372360" s="12"/>
    </row>
    <row r="372361" spans="8:8">
      <c r="H372361" s="12"/>
    </row>
    <row r="372362" spans="8:8">
      <c r="H372362" s="12"/>
    </row>
    <row r="372363" spans="8:8">
      <c r="H372363" s="12"/>
    </row>
    <row r="372364" spans="8:8">
      <c r="H372364" s="12"/>
    </row>
    <row r="372365" spans="8:8">
      <c r="H372365" s="12"/>
    </row>
    <row r="372366" spans="8:8">
      <c r="H372366" s="12"/>
    </row>
    <row r="372367" spans="8:8">
      <c r="H372367" s="12"/>
    </row>
    <row r="372368" spans="8:8">
      <c r="H372368" s="12"/>
    </row>
    <row r="372369" spans="8:8">
      <c r="H372369" s="12"/>
    </row>
    <row r="372370" spans="8:8">
      <c r="H372370" s="12"/>
    </row>
    <row r="372371" spans="8:8">
      <c r="H372371" s="12"/>
    </row>
    <row r="372372" spans="8:8">
      <c r="H372372" s="12"/>
    </row>
    <row r="372373" spans="8:8">
      <c r="H372373" s="12"/>
    </row>
    <row r="372374" spans="8:8">
      <c r="H372374" s="12"/>
    </row>
    <row r="372375" spans="8:8">
      <c r="H372375" s="12"/>
    </row>
    <row r="372376" spans="8:8">
      <c r="H372376" s="12"/>
    </row>
    <row r="372377" spans="8:8">
      <c r="H372377" s="12"/>
    </row>
    <row r="372378" spans="8:8">
      <c r="H372378" s="12"/>
    </row>
    <row r="372379" spans="8:8">
      <c r="H372379" s="12"/>
    </row>
    <row r="372380" spans="8:8">
      <c r="H372380" s="12"/>
    </row>
    <row r="372381" spans="8:8">
      <c r="H372381" s="12"/>
    </row>
    <row r="372382" spans="8:8">
      <c r="H372382" s="12"/>
    </row>
    <row r="372383" spans="8:8">
      <c r="H372383" s="12"/>
    </row>
    <row r="372384" spans="8:8">
      <c r="H372384" s="12"/>
    </row>
    <row r="372385" spans="8:8">
      <c r="H372385" s="12"/>
    </row>
    <row r="372386" spans="8:8">
      <c r="H372386" s="12"/>
    </row>
    <row r="372387" spans="8:8">
      <c r="H372387" s="12"/>
    </row>
    <row r="372388" spans="8:8">
      <c r="H372388" s="12"/>
    </row>
    <row r="372389" spans="8:8">
      <c r="H372389" s="12"/>
    </row>
    <row r="372390" spans="8:8">
      <c r="H372390" s="12"/>
    </row>
    <row r="372391" spans="8:8">
      <c r="H372391" s="12"/>
    </row>
    <row r="372392" spans="8:8">
      <c r="H372392" s="12"/>
    </row>
    <row r="372393" spans="8:8">
      <c r="H372393" s="12"/>
    </row>
    <row r="372394" spans="8:8">
      <c r="H372394" s="12"/>
    </row>
    <row r="372395" spans="8:8">
      <c r="H372395" s="12"/>
    </row>
    <row r="372396" spans="8:8">
      <c r="H372396" s="12"/>
    </row>
    <row r="372397" spans="8:8">
      <c r="H372397" s="12"/>
    </row>
    <row r="372398" spans="8:8">
      <c r="H372398" s="12"/>
    </row>
    <row r="372399" spans="8:8">
      <c r="H372399" s="12"/>
    </row>
    <row r="372400" spans="8:8">
      <c r="H372400" s="12"/>
    </row>
    <row r="372401" spans="8:8">
      <c r="H372401" s="12"/>
    </row>
    <row r="372402" spans="8:8">
      <c r="H372402" s="12"/>
    </row>
    <row r="372403" spans="8:8">
      <c r="H372403" s="12"/>
    </row>
    <row r="372404" spans="8:8">
      <c r="H372404" s="12"/>
    </row>
    <row r="372405" spans="8:8">
      <c r="H372405" s="12"/>
    </row>
    <row r="372406" spans="8:8">
      <c r="H372406" s="12"/>
    </row>
    <row r="372407" spans="8:8">
      <c r="H372407" s="12"/>
    </row>
    <row r="372408" spans="8:8">
      <c r="H372408" s="12"/>
    </row>
    <row r="372409" spans="8:8">
      <c r="H372409" s="12"/>
    </row>
    <row r="372410" spans="8:8">
      <c r="H372410" s="12"/>
    </row>
    <row r="372411" spans="8:8">
      <c r="H372411" s="12"/>
    </row>
    <row r="372412" spans="8:8">
      <c r="H372412" s="12"/>
    </row>
    <row r="372413" spans="8:8">
      <c r="H372413" s="12"/>
    </row>
    <row r="372414" spans="8:8">
      <c r="H372414" s="12"/>
    </row>
    <row r="372415" spans="8:8">
      <c r="H372415" s="12"/>
    </row>
    <row r="372416" spans="8:8">
      <c r="H372416" s="12"/>
    </row>
    <row r="372417" spans="8:8">
      <c r="H372417" s="12"/>
    </row>
    <row r="372418" spans="8:8">
      <c r="H372418" s="12"/>
    </row>
    <row r="372419" spans="8:8">
      <c r="H372419" s="12"/>
    </row>
    <row r="372420" spans="8:8">
      <c r="H372420" s="12"/>
    </row>
    <row r="372421" spans="8:8">
      <c r="H372421" s="12"/>
    </row>
    <row r="372422" spans="8:8">
      <c r="H372422" s="12"/>
    </row>
    <row r="372423" spans="8:8">
      <c r="H372423" s="12"/>
    </row>
    <row r="372424" spans="8:8">
      <c r="H372424" s="12"/>
    </row>
    <row r="372425" spans="8:8">
      <c r="H372425" s="12"/>
    </row>
    <row r="372426" spans="8:8">
      <c r="H372426" s="12"/>
    </row>
    <row r="372427" spans="8:8">
      <c r="H372427" s="12"/>
    </row>
    <row r="372428" spans="8:8">
      <c r="H372428" s="12"/>
    </row>
    <row r="372429" spans="8:8">
      <c r="H372429" s="12"/>
    </row>
    <row r="372430" spans="8:8">
      <c r="H372430" s="12"/>
    </row>
    <row r="372431" spans="8:8">
      <c r="H372431" s="12"/>
    </row>
    <row r="372432" spans="8:8">
      <c r="H372432" s="12"/>
    </row>
    <row r="372433" spans="8:8">
      <c r="H372433" s="12"/>
    </row>
    <row r="372434" spans="8:8">
      <c r="H372434" s="12"/>
    </row>
    <row r="372435" spans="8:8">
      <c r="H372435" s="12"/>
    </row>
    <row r="372436" spans="8:8">
      <c r="H372436" s="12"/>
    </row>
    <row r="372437" spans="8:8">
      <c r="H372437" s="12"/>
    </row>
    <row r="372438" spans="8:8">
      <c r="H372438" s="12"/>
    </row>
    <row r="372439" spans="8:8">
      <c r="H372439" s="12"/>
    </row>
    <row r="372440" spans="8:8">
      <c r="H372440" s="12"/>
    </row>
    <row r="372441" spans="8:8">
      <c r="H372441" s="12"/>
    </row>
    <row r="372442" spans="8:8">
      <c r="H372442" s="12"/>
    </row>
    <row r="372443" spans="8:8">
      <c r="H372443" s="12"/>
    </row>
    <row r="372444" spans="8:8">
      <c r="H372444" s="12"/>
    </row>
    <row r="372445" spans="8:8">
      <c r="H372445" s="12"/>
    </row>
    <row r="372446" spans="8:8">
      <c r="H372446" s="12"/>
    </row>
    <row r="372447" spans="8:8">
      <c r="H372447" s="12"/>
    </row>
    <row r="372448" spans="8:8">
      <c r="H372448" s="12"/>
    </row>
    <row r="372449" spans="8:8">
      <c r="H372449" s="12"/>
    </row>
    <row r="372450" spans="8:8">
      <c r="H372450" s="12"/>
    </row>
    <row r="372451" spans="8:8">
      <c r="H372451" s="12"/>
    </row>
    <row r="372452" spans="8:8">
      <c r="H372452" s="12"/>
    </row>
    <row r="372453" spans="8:8">
      <c r="H372453" s="12"/>
    </row>
    <row r="372454" spans="8:8">
      <c r="H372454" s="12"/>
    </row>
    <row r="372455" spans="8:8">
      <c r="H372455" s="12"/>
    </row>
    <row r="372456" spans="8:8">
      <c r="H372456" s="12"/>
    </row>
    <row r="372457" spans="8:8">
      <c r="H372457" s="12"/>
    </row>
    <row r="372458" spans="8:8">
      <c r="H372458" s="12"/>
    </row>
    <row r="372459" spans="8:8">
      <c r="H372459" s="12"/>
    </row>
    <row r="372460" spans="8:8">
      <c r="H372460" s="12"/>
    </row>
    <row r="372461" spans="8:8">
      <c r="H372461" s="12"/>
    </row>
    <row r="372462" spans="8:8">
      <c r="H372462" s="12"/>
    </row>
    <row r="372463" spans="8:8">
      <c r="H372463" s="12"/>
    </row>
    <row r="372464" spans="8:8">
      <c r="H372464" s="12"/>
    </row>
    <row r="372465" spans="8:8">
      <c r="H372465" s="12"/>
    </row>
    <row r="372466" spans="8:8">
      <c r="H372466" s="12"/>
    </row>
    <row r="372467" spans="8:8">
      <c r="H372467" s="12"/>
    </row>
    <row r="372468" spans="8:8">
      <c r="H372468" s="12"/>
    </row>
    <row r="372469" spans="8:8">
      <c r="H372469" s="12"/>
    </row>
    <row r="372470" spans="8:8">
      <c r="H372470" s="12"/>
    </row>
    <row r="372471" spans="8:8">
      <c r="H372471" s="12"/>
    </row>
    <row r="372472" spans="8:8">
      <c r="H372472" s="12"/>
    </row>
    <row r="372473" spans="8:8">
      <c r="H372473" s="12"/>
    </row>
    <row r="372474" spans="8:8">
      <c r="H372474" s="12"/>
    </row>
    <row r="372475" spans="8:8">
      <c r="H372475" s="12"/>
    </row>
    <row r="372476" spans="8:8">
      <c r="H372476" s="12"/>
    </row>
    <row r="372477" spans="8:8">
      <c r="H372477" s="12"/>
    </row>
    <row r="372478" spans="8:8">
      <c r="H372478" s="12"/>
    </row>
    <row r="372479" spans="8:8">
      <c r="H372479" s="12"/>
    </row>
    <row r="372480" spans="8:8">
      <c r="H372480" s="12"/>
    </row>
    <row r="372481" spans="8:8">
      <c r="H372481" s="12"/>
    </row>
    <row r="372482" spans="8:8">
      <c r="H372482" s="12"/>
    </row>
    <row r="372483" spans="8:8">
      <c r="H372483" s="12"/>
    </row>
    <row r="372484" spans="8:8">
      <c r="H372484" s="12"/>
    </row>
    <row r="372485" spans="8:8">
      <c r="H372485" s="12"/>
    </row>
    <row r="372486" spans="8:8">
      <c r="H372486" s="12"/>
    </row>
    <row r="372487" spans="8:8">
      <c r="H372487" s="12"/>
    </row>
    <row r="372488" spans="8:8">
      <c r="H372488" s="12"/>
    </row>
    <row r="372489" spans="8:8">
      <c r="H372489" s="12"/>
    </row>
    <row r="372490" spans="8:8">
      <c r="H372490" s="12"/>
    </row>
    <row r="372491" spans="8:8">
      <c r="H372491" s="12"/>
    </row>
    <row r="372492" spans="8:8">
      <c r="H372492" s="12"/>
    </row>
    <row r="372493" spans="8:8">
      <c r="H372493" s="12"/>
    </row>
    <row r="372494" spans="8:8">
      <c r="H372494" s="12"/>
    </row>
    <row r="372495" spans="8:8">
      <c r="H372495" s="12"/>
    </row>
    <row r="372496" spans="8:8">
      <c r="H372496" s="12"/>
    </row>
    <row r="372497" spans="8:8">
      <c r="H372497" s="12"/>
    </row>
    <row r="372498" spans="8:8">
      <c r="H372498" s="12"/>
    </row>
    <row r="372499" spans="8:8">
      <c r="H372499" s="12"/>
    </row>
    <row r="372500" spans="8:8">
      <c r="H372500" s="12"/>
    </row>
    <row r="372501" spans="8:8">
      <c r="H372501" s="12"/>
    </row>
    <row r="372502" spans="8:8">
      <c r="H372502" s="12"/>
    </row>
    <row r="372503" spans="8:8">
      <c r="H372503" s="12"/>
    </row>
    <row r="372504" spans="8:8">
      <c r="H372504" s="12"/>
    </row>
    <row r="372505" spans="8:8">
      <c r="H372505" s="12"/>
    </row>
    <row r="372506" spans="8:8">
      <c r="H372506" s="12"/>
    </row>
    <row r="372507" spans="8:8">
      <c r="H372507" s="12"/>
    </row>
    <row r="372508" spans="8:8">
      <c r="H372508" s="12"/>
    </row>
    <row r="372509" spans="8:8">
      <c r="H372509" s="12"/>
    </row>
    <row r="372510" spans="8:8">
      <c r="H372510" s="12"/>
    </row>
    <row r="372511" spans="8:8">
      <c r="H372511" s="12"/>
    </row>
    <row r="372512" spans="8:8">
      <c r="H372512" s="12"/>
    </row>
    <row r="372513" spans="8:8">
      <c r="H372513" s="12"/>
    </row>
    <row r="372514" spans="8:8">
      <c r="H372514" s="12"/>
    </row>
    <row r="372515" spans="8:8">
      <c r="H372515" s="12"/>
    </row>
    <row r="372516" spans="8:8">
      <c r="H372516" s="12"/>
    </row>
    <row r="372517" spans="8:8">
      <c r="H372517" s="12"/>
    </row>
    <row r="372518" spans="8:8">
      <c r="H372518" s="12"/>
    </row>
    <row r="372519" spans="8:8">
      <c r="H372519" s="12"/>
    </row>
    <row r="372520" spans="8:8">
      <c r="H372520" s="12"/>
    </row>
    <row r="372521" spans="8:8">
      <c r="H372521" s="12"/>
    </row>
    <row r="372522" spans="8:8">
      <c r="H372522" s="12"/>
    </row>
    <row r="372523" spans="8:8">
      <c r="H372523" s="12"/>
    </row>
    <row r="372524" spans="8:8">
      <c r="H372524" s="12"/>
    </row>
    <row r="372525" spans="8:8">
      <c r="H372525" s="12"/>
    </row>
    <row r="372526" spans="8:8">
      <c r="H372526" s="12"/>
    </row>
    <row r="372527" spans="8:8">
      <c r="H372527" s="12"/>
    </row>
    <row r="372528" spans="8:8">
      <c r="H372528" s="12"/>
    </row>
    <row r="372529" spans="8:8">
      <c r="H372529" s="12"/>
    </row>
    <row r="372530" spans="8:8">
      <c r="H372530" s="12"/>
    </row>
    <row r="372531" spans="8:8">
      <c r="H372531" s="12"/>
    </row>
    <row r="372532" spans="8:8">
      <c r="H372532" s="12"/>
    </row>
    <row r="372533" spans="8:8">
      <c r="H372533" s="12"/>
    </row>
    <row r="372534" spans="8:8">
      <c r="H372534" s="12"/>
    </row>
    <row r="372535" spans="8:8">
      <c r="H372535" s="12"/>
    </row>
    <row r="372536" spans="8:8">
      <c r="H372536" s="12"/>
    </row>
    <row r="372537" spans="8:8">
      <c r="H372537" s="12"/>
    </row>
    <row r="372538" spans="8:8">
      <c r="H372538" s="12"/>
    </row>
    <row r="372539" spans="8:8">
      <c r="H372539" s="12"/>
    </row>
    <row r="372540" spans="8:8">
      <c r="H372540" s="12"/>
    </row>
    <row r="372541" spans="8:8">
      <c r="H372541" s="12"/>
    </row>
    <row r="372542" spans="8:8">
      <c r="H372542" s="12"/>
    </row>
    <row r="372543" spans="8:8">
      <c r="H372543" s="12"/>
    </row>
    <row r="372544" spans="8:8">
      <c r="H372544" s="12"/>
    </row>
    <row r="372545" spans="8:8">
      <c r="H372545" s="12"/>
    </row>
    <row r="372546" spans="8:8">
      <c r="H372546" s="12"/>
    </row>
    <row r="372547" spans="8:8">
      <c r="H372547" s="12"/>
    </row>
    <row r="372548" spans="8:8">
      <c r="H372548" s="12"/>
    </row>
    <row r="372549" spans="8:8">
      <c r="H372549" s="12"/>
    </row>
    <row r="372550" spans="8:8">
      <c r="H372550" s="12"/>
    </row>
    <row r="372551" spans="8:8">
      <c r="H372551" s="12"/>
    </row>
    <row r="372552" spans="8:8">
      <c r="H372552" s="12"/>
    </row>
    <row r="372553" spans="8:8">
      <c r="H372553" s="12"/>
    </row>
    <row r="372554" spans="8:8">
      <c r="H372554" s="12"/>
    </row>
    <row r="372555" spans="8:8">
      <c r="H372555" s="12"/>
    </row>
    <row r="372556" spans="8:8">
      <c r="H372556" s="12"/>
    </row>
    <row r="372557" spans="8:8">
      <c r="H372557" s="12"/>
    </row>
    <row r="372558" spans="8:8">
      <c r="H372558" s="12"/>
    </row>
    <row r="372559" spans="8:8">
      <c r="H372559" s="12"/>
    </row>
    <row r="372560" spans="8:8">
      <c r="H372560" s="12"/>
    </row>
    <row r="372561" spans="8:8">
      <c r="H372561" s="12"/>
    </row>
    <row r="372562" spans="8:8">
      <c r="H372562" s="12"/>
    </row>
    <row r="372563" spans="8:8">
      <c r="H372563" s="12"/>
    </row>
    <row r="372564" spans="8:8">
      <c r="H372564" s="12"/>
    </row>
    <row r="372565" spans="8:8">
      <c r="H372565" s="12"/>
    </row>
    <row r="372566" spans="8:8">
      <c r="H372566" s="12"/>
    </row>
    <row r="372567" spans="8:8">
      <c r="H372567" s="12"/>
    </row>
    <row r="372568" spans="8:8">
      <c r="H372568" s="12"/>
    </row>
    <row r="372569" spans="8:8">
      <c r="H372569" s="12"/>
    </row>
    <row r="372570" spans="8:8">
      <c r="H372570" s="12"/>
    </row>
    <row r="372571" spans="8:8">
      <c r="H372571" s="12"/>
    </row>
    <row r="372572" spans="8:8">
      <c r="H372572" s="12"/>
    </row>
    <row r="372573" spans="8:8">
      <c r="H372573" s="12"/>
    </row>
    <row r="372574" spans="8:8">
      <c r="H372574" s="12"/>
    </row>
    <row r="372575" spans="8:8">
      <c r="H372575" s="12"/>
    </row>
    <row r="372576" spans="8:8">
      <c r="H372576" s="12"/>
    </row>
    <row r="372577" spans="8:8">
      <c r="H372577" s="12"/>
    </row>
    <row r="372578" spans="8:8">
      <c r="H372578" s="12"/>
    </row>
    <row r="372579" spans="8:8">
      <c r="H372579" s="12"/>
    </row>
    <row r="372580" spans="8:8">
      <c r="H372580" s="12"/>
    </row>
    <row r="372581" spans="8:8">
      <c r="H372581" s="12"/>
    </row>
    <row r="372582" spans="8:8">
      <c r="H372582" s="12"/>
    </row>
    <row r="372583" spans="8:8">
      <c r="H372583" s="12"/>
    </row>
    <row r="372584" spans="8:8">
      <c r="H372584" s="12"/>
    </row>
    <row r="372585" spans="8:8">
      <c r="H372585" s="12"/>
    </row>
    <row r="372586" spans="8:8">
      <c r="H372586" s="12"/>
    </row>
    <row r="372587" spans="8:8">
      <c r="H372587" s="12"/>
    </row>
    <row r="372588" spans="8:8">
      <c r="H372588" s="12"/>
    </row>
    <row r="372589" spans="8:8">
      <c r="H372589" s="12"/>
    </row>
    <row r="372590" spans="8:8">
      <c r="H372590" s="12"/>
    </row>
    <row r="372591" spans="8:8">
      <c r="H372591" s="12"/>
    </row>
    <row r="372592" spans="8:8">
      <c r="H372592" s="12"/>
    </row>
    <row r="372593" spans="8:8">
      <c r="H372593" s="12"/>
    </row>
    <row r="372594" spans="8:8">
      <c r="H372594" s="12"/>
    </row>
    <row r="372595" spans="8:8">
      <c r="H372595" s="12"/>
    </row>
    <row r="372596" spans="8:8">
      <c r="H372596" s="12"/>
    </row>
    <row r="372597" spans="8:8">
      <c r="H372597" s="12"/>
    </row>
    <row r="372598" spans="8:8">
      <c r="H372598" s="12"/>
    </row>
    <row r="372599" spans="8:8">
      <c r="H372599" s="12"/>
    </row>
    <row r="372600" spans="8:8">
      <c r="H372600" s="12"/>
    </row>
    <row r="372601" spans="8:8">
      <c r="H372601" s="12"/>
    </row>
    <row r="372602" spans="8:8">
      <c r="H372602" s="12"/>
    </row>
    <row r="372603" spans="8:8">
      <c r="H372603" s="12"/>
    </row>
    <row r="372604" spans="8:8">
      <c r="H372604" s="12"/>
    </row>
    <row r="372605" spans="8:8">
      <c r="H372605" s="12"/>
    </row>
    <row r="372606" spans="8:8">
      <c r="H372606" s="12"/>
    </row>
    <row r="372607" spans="8:8">
      <c r="H372607" s="12"/>
    </row>
    <row r="372608" spans="8:8">
      <c r="H372608" s="12"/>
    </row>
    <row r="372609" spans="8:8">
      <c r="H372609" s="12"/>
    </row>
    <row r="372610" spans="8:8">
      <c r="H372610" s="12"/>
    </row>
    <row r="372611" spans="8:8">
      <c r="H372611" s="12"/>
    </row>
    <row r="372612" spans="8:8">
      <c r="H372612" s="12"/>
    </row>
    <row r="372613" spans="8:8">
      <c r="H372613" s="12"/>
    </row>
    <row r="372614" spans="8:8">
      <c r="H372614" s="12"/>
    </row>
    <row r="372615" spans="8:8">
      <c r="H372615" s="12"/>
    </row>
    <row r="372616" spans="8:8">
      <c r="H372616" s="12"/>
    </row>
    <row r="372617" spans="8:8">
      <c r="H372617" s="12"/>
    </row>
    <row r="372618" spans="8:8">
      <c r="H372618" s="12"/>
    </row>
    <row r="372619" spans="8:8">
      <c r="H372619" s="12"/>
    </row>
    <row r="372620" spans="8:8">
      <c r="H372620" s="12"/>
    </row>
    <row r="372621" spans="8:8">
      <c r="H372621" s="12"/>
    </row>
    <row r="372622" spans="8:8">
      <c r="H372622" s="12"/>
    </row>
    <row r="372623" spans="8:8">
      <c r="H372623" s="12"/>
    </row>
    <row r="372624" spans="8:8">
      <c r="H372624" s="12"/>
    </row>
    <row r="372625" spans="8:8">
      <c r="H372625" s="12"/>
    </row>
    <row r="372626" spans="8:8">
      <c r="H372626" s="12"/>
    </row>
    <row r="372627" spans="8:8">
      <c r="H372627" s="12"/>
    </row>
    <row r="372628" spans="8:8">
      <c r="H372628" s="12"/>
    </row>
    <row r="372629" spans="8:8">
      <c r="H372629" s="12"/>
    </row>
    <row r="372630" spans="8:8">
      <c r="H372630" s="12"/>
    </row>
    <row r="372631" spans="8:8">
      <c r="H372631" s="12"/>
    </row>
    <row r="372632" spans="8:8">
      <c r="H372632" s="12"/>
    </row>
    <row r="372633" spans="8:8">
      <c r="H372633" s="12"/>
    </row>
    <row r="372634" spans="8:8">
      <c r="H372634" s="12"/>
    </row>
    <row r="372635" spans="8:8">
      <c r="H372635" s="12"/>
    </row>
    <row r="372636" spans="8:8">
      <c r="H372636" s="12"/>
    </row>
    <row r="372637" spans="8:8">
      <c r="H372637" s="12"/>
    </row>
    <row r="372638" spans="8:8">
      <c r="H372638" s="12"/>
    </row>
    <row r="372639" spans="8:8">
      <c r="H372639" s="12"/>
    </row>
    <row r="372640" spans="8:8">
      <c r="H372640" s="12"/>
    </row>
    <row r="372641" spans="8:8">
      <c r="H372641" s="12"/>
    </row>
    <row r="372642" spans="8:8">
      <c r="H372642" s="12"/>
    </row>
    <row r="372643" spans="8:8">
      <c r="H372643" s="12"/>
    </row>
    <row r="372644" spans="8:8">
      <c r="H372644" s="12"/>
    </row>
    <row r="372645" spans="8:8">
      <c r="H372645" s="12"/>
    </row>
    <row r="372646" spans="8:8">
      <c r="H372646" s="12"/>
    </row>
    <row r="372647" spans="8:8">
      <c r="H372647" s="12"/>
    </row>
    <row r="372648" spans="8:8">
      <c r="H372648" s="12"/>
    </row>
    <row r="372649" spans="8:8">
      <c r="H372649" s="12"/>
    </row>
    <row r="372650" spans="8:8">
      <c r="H372650" s="12"/>
    </row>
    <row r="372651" spans="8:8">
      <c r="H372651" s="12"/>
    </row>
    <row r="372652" spans="8:8">
      <c r="H372652" s="12"/>
    </row>
    <row r="372653" spans="8:8">
      <c r="H372653" s="12"/>
    </row>
    <row r="372654" spans="8:8">
      <c r="H372654" s="12"/>
    </row>
    <row r="372655" spans="8:8">
      <c r="H372655" s="12"/>
    </row>
    <row r="372656" spans="8:8">
      <c r="H372656" s="12"/>
    </row>
    <row r="372657" spans="8:8">
      <c r="H372657" s="12"/>
    </row>
    <row r="372658" spans="8:8">
      <c r="H372658" s="12"/>
    </row>
    <row r="372659" spans="8:8">
      <c r="H372659" s="12"/>
    </row>
    <row r="372660" spans="8:8">
      <c r="H372660" s="12"/>
    </row>
    <row r="372661" spans="8:8">
      <c r="H372661" s="12"/>
    </row>
    <row r="372662" spans="8:8">
      <c r="H372662" s="12"/>
    </row>
    <row r="372663" spans="8:8">
      <c r="H372663" s="12"/>
    </row>
    <row r="372664" spans="8:8">
      <c r="H372664" s="12"/>
    </row>
    <row r="372665" spans="8:8">
      <c r="H372665" s="12"/>
    </row>
    <row r="372666" spans="8:8">
      <c r="H372666" s="12"/>
    </row>
    <row r="372667" spans="8:8">
      <c r="H372667" s="12"/>
    </row>
    <row r="372668" spans="8:8">
      <c r="H372668" s="12"/>
    </row>
    <row r="372669" spans="8:8">
      <c r="H372669" s="12"/>
    </row>
    <row r="372670" spans="8:8">
      <c r="H372670" s="12"/>
    </row>
    <row r="372671" spans="8:8">
      <c r="H372671" s="12"/>
    </row>
    <row r="372672" spans="8:8">
      <c r="H372672" s="12"/>
    </row>
    <row r="372673" spans="8:8">
      <c r="H372673" s="12"/>
    </row>
    <row r="372674" spans="8:8">
      <c r="H372674" s="12"/>
    </row>
    <row r="372675" spans="8:8">
      <c r="H372675" s="12"/>
    </row>
    <row r="372676" spans="8:8">
      <c r="H372676" s="12"/>
    </row>
    <row r="372677" spans="8:8">
      <c r="H372677" s="12"/>
    </row>
    <row r="372678" spans="8:8">
      <c r="H372678" s="12"/>
    </row>
    <row r="372679" spans="8:8">
      <c r="H372679" s="12"/>
    </row>
    <row r="372680" spans="8:8">
      <c r="H372680" s="12"/>
    </row>
    <row r="372681" spans="8:8">
      <c r="H372681" s="12"/>
    </row>
    <row r="372682" spans="8:8">
      <c r="H372682" s="12"/>
    </row>
    <row r="372683" spans="8:8">
      <c r="H372683" s="12"/>
    </row>
    <row r="372684" spans="8:8">
      <c r="H372684" s="12"/>
    </row>
    <row r="372685" spans="8:8">
      <c r="H372685" s="12"/>
    </row>
    <row r="372686" spans="8:8">
      <c r="H372686" s="12"/>
    </row>
    <row r="372687" spans="8:8">
      <c r="H372687" s="12"/>
    </row>
    <row r="372688" spans="8:8">
      <c r="H372688" s="12"/>
    </row>
    <row r="372689" spans="8:8">
      <c r="H372689" s="12"/>
    </row>
    <row r="372690" spans="8:8">
      <c r="H372690" s="12"/>
    </row>
    <row r="372691" spans="8:8">
      <c r="H372691" s="12"/>
    </row>
    <row r="372692" spans="8:8">
      <c r="H372692" s="12"/>
    </row>
    <row r="372693" spans="8:8">
      <c r="H372693" s="12"/>
    </row>
    <row r="372694" spans="8:8">
      <c r="H372694" s="12"/>
    </row>
    <row r="372695" spans="8:8">
      <c r="H372695" s="12"/>
    </row>
    <row r="372696" spans="8:8">
      <c r="H372696" s="12"/>
    </row>
    <row r="372697" spans="8:8">
      <c r="H372697" s="12"/>
    </row>
    <row r="372698" spans="8:8">
      <c r="H372698" s="12"/>
    </row>
    <row r="372699" spans="8:8">
      <c r="H372699" s="12"/>
    </row>
    <row r="372700" spans="8:8">
      <c r="H372700" s="12"/>
    </row>
    <row r="372701" spans="8:8">
      <c r="H372701" s="12"/>
    </row>
    <row r="372702" spans="8:8">
      <c r="H372702" s="12"/>
    </row>
    <row r="372703" spans="8:8">
      <c r="H372703" s="12"/>
    </row>
    <row r="372704" spans="8:8">
      <c r="H372704" s="12"/>
    </row>
    <row r="372705" spans="8:8">
      <c r="H372705" s="12"/>
    </row>
    <row r="372706" spans="8:8">
      <c r="H372706" s="12"/>
    </row>
    <row r="372707" spans="8:8">
      <c r="H372707" s="12"/>
    </row>
    <row r="372708" spans="8:8">
      <c r="H372708" s="12"/>
    </row>
    <row r="372709" spans="8:8">
      <c r="H372709" s="12"/>
    </row>
    <row r="372710" spans="8:8">
      <c r="H372710" s="12"/>
    </row>
    <row r="372711" spans="8:8">
      <c r="H372711" s="12"/>
    </row>
    <row r="372712" spans="8:8">
      <c r="H372712" s="12"/>
    </row>
    <row r="372713" spans="8:8">
      <c r="H372713" s="12"/>
    </row>
    <row r="372714" spans="8:8">
      <c r="H372714" s="12"/>
    </row>
    <row r="372715" spans="8:8">
      <c r="H372715" s="12"/>
    </row>
    <row r="372716" spans="8:8">
      <c r="H372716" s="12"/>
    </row>
    <row r="372717" spans="8:8">
      <c r="H372717" s="12"/>
    </row>
    <row r="372718" spans="8:8">
      <c r="H372718" s="12"/>
    </row>
    <row r="372719" spans="8:8">
      <c r="H372719" s="12"/>
    </row>
    <row r="372720" spans="8:8">
      <c r="H372720" s="12"/>
    </row>
    <row r="372721" spans="8:8">
      <c r="H372721" s="12"/>
    </row>
    <row r="372722" spans="8:8">
      <c r="H372722" s="12"/>
    </row>
    <row r="372723" spans="8:8">
      <c r="H372723" s="12"/>
    </row>
    <row r="372724" spans="8:8">
      <c r="H372724" s="12"/>
    </row>
    <row r="372725" spans="8:8">
      <c r="H372725" s="12"/>
    </row>
    <row r="372726" spans="8:8">
      <c r="H372726" s="12"/>
    </row>
    <row r="372727" spans="8:8">
      <c r="H372727" s="12"/>
    </row>
    <row r="372728" spans="8:8">
      <c r="H372728" s="12"/>
    </row>
    <row r="372729" spans="8:8">
      <c r="H372729" s="12"/>
    </row>
    <row r="372730" spans="8:8">
      <c r="H372730" s="12"/>
    </row>
    <row r="372731" spans="8:8">
      <c r="H372731" s="12"/>
    </row>
    <row r="372732" spans="8:8">
      <c r="H372732" s="12"/>
    </row>
    <row r="372733" spans="8:8">
      <c r="H372733" s="12"/>
    </row>
    <row r="372734" spans="8:8">
      <c r="H372734" s="12"/>
    </row>
    <row r="372735" spans="8:8">
      <c r="H372735" s="12"/>
    </row>
    <row r="372736" spans="8:8">
      <c r="H372736" s="12"/>
    </row>
    <row r="372737" spans="8:8">
      <c r="H372737" s="12"/>
    </row>
    <row r="372738" spans="8:8">
      <c r="H372738" s="12"/>
    </row>
    <row r="372739" spans="8:8">
      <c r="H372739" s="12"/>
    </row>
    <row r="372740" spans="8:8">
      <c r="H372740" s="12"/>
    </row>
    <row r="372741" spans="8:8">
      <c r="H372741" s="12"/>
    </row>
    <row r="372742" spans="8:8">
      <c r="H372742" s="12"/>
    </row>
    <row r="372743" spans="8:8">
      <c r="H372743" s="12"/>
    </row>
    <row r="372744" spans="8:8">
      <c r="H372744" s="12"/>
    </row>
    <row r="372745" spans="8:8">
      <c r="H372745" s="12"/>
    </row>
    <row r="372746" spans="8:8">
      <c r="H372746" s="12"/>
    </row>
    <row r="372747" spans="8:8">
      <c r="H372747" s="12"/>
    </row>
    <row r="372748" spans="8:8">
      <c r="H372748" s="12"/>
    </row>
    <row r="372749" spans="8:8">
      <c r="H372749" s="12"/>
    </row>
    <row r="372750" spans="8:8">
      <c r="H372750" s="12"/>
    </row>
    <row r="372751" spans="8:8">
      <c r="H372751" s="12"/>
    </row>
    <row r="372752" spans="8:8">
      <c r="H372752" s="12"/>
    </row>
    <row r="372753" spans="8:8">
      <c r="H372753" s="12"/>
    </row>
    <row r="372754" spans="8:8">
      <c r="H372754" s="12"/>
    </row>
    <row r="372755" spans="8:8">
      <c r="H372755" s="12"/>
    </row>
    <row r="372756" spans="8:8">
      <c r="H372756" s="12"/>
    </row>
    <row r="372757" spans="8:8">
      <c r="H372757" s="12"/>
    </row>
    <row r="372758" spans="8:8">
      <c r="H372758" s="12"/>
    </row>
    <row r="372759" spans="8:8">
      <c r="H372759" s="12"/>
    </row>
    <row r="372760" spans="8:8">
      <c r="H372760" s="12"/>
    </row>
    <row r="372761" spans="8:8">
      <c r="H372761" s="12"/>
    </row>
    <row r="372762" spans="8:8">
      <c r="H372762" s="12"/>
    </row>
    <row r="372763" spans="8:8">
      <c r="H372763" s="12"/>
    </row>
    <row r="372764" spans="8:8">
      <c r="H372764" s="12"/>
    </row>
    <row r="372765" spans="8:8">
      <c r="H372765" s="12"/>
    </row>
    <row r="372766" spans="8:8">
      <c r="H372766" s="12"/>
    </row>
    <row r="372767" spans="8:8">
      <c r="H372767" s="12"/>
    </row>
    <row r="372768" spans="8:8">
      <c r="H372768" s="12"/>
    </row>
    <row r="372769" spans="8:8">
      <c r="H372769" s="12"/>
    </row>
    <row r="372770" spans="8:8">
      <c r="H372770" s="12"/>
    </row>
    <row r="372771" spans="8:8">
      <c r="H372771" s="12"/>
    </row>
    <row r="372772" spans="8:8">
      <c r="H372772" s="12"/>
    </row>
    <row r="372773" spans="8:8">
      <c r="H372773" s="12"/>
    </row>
    <row r="372774" spans="8:8">
      <c r="H372774" s="12"/>
    </row>
    <row r="372775" spans="8:8">
      <c r="H372775" s="12"/>
    </row>
    <row r="372776" spans="8:8">
      <c r="H372776" s="12"/>
    </row>
    <row r="372777" spans="8:8">
      <c r="H372777" s="12"/>
    </row>
    <row r="372778" spans="8:8">
      <c r="H372778" s="12"/>
    </row>
    <row r="372779" spans="8:8">
      <c r="H372779" s="12"/>
    </row>
    <row r="372780" spans="8:8">
      <c r="H372780" s="12"/>
    </row>
    <row r="372781" spans="8:8">
      <c r="H372781" s="12"/>
    </row>
    <row r="372782" spans="8:8">
      <c r="H372782" s="12"/>
    </row>
    <row r="372783" spans="8:8">
      <c r="H372783" s="12"/>
    </row>
    <row r="372784" spans="8:8">
      <c r="H372784" s="12"/>
    </row>
    <row r="372785" spans="8:8">
      <c r="H372785" s="12"/>
    </row>
    <row r="372786" spans="8:8">
      <c r="H372786" s="12"/>
    </row>
    <row r="372787" spans="8:8">
      <c r="H372787" s="12"/>
    </row>
    <row r="372788" spans="8:8">
      <c r="H372788" s="12"/>
    </row>
    <row r="372789" spans="8:8">
      <c r="H372789" s="12"/>
    </row>
    <row r="372790" spans="8:8">
      <c r="H372790" s="12"/>
    </row>
    <row r="372791" spans="8:8">
      <c r="H372791" s="12"/>
    </row>
    <row r="372792" spans="8:8">
      <c r="H372792" s="12"/>
    </row>
    <row r="372793" spans="8:8">
      <c r="H372793" s="12"/>
    </row>
    <row r="372794" spans="8:8">
      <c r="H372794" s="12"/>
    </row>
    <row r="372795" spans="8:8">
      <c r="H372795" s="12"/>
    </row>
    <row r="372796" spans="8:8">
      <c r="H372796" s="12"/>
    </row>
    <row r="372797" spans="8:8">
      <c r="H372797" s="12"/>
    </row>
    <row r="372798" spans="8:8">
      <c r="H372798" s="12"/>
    </row>
    <row r="372799" spans="8:8">
      <c r="H372799" s="12"/>
    </row>
    <row r="372800" spans="8:8">
      <c r="H372800" s="12"/>
    </row>
    <row r="372801" spans="8:8">
      <c r="H372801" s="12"/>
    </row>
    <row r="372802" spans="8:8">
      <c r="H372802" s="12"/>
    </row>
    <row r="372803" spans="8:8">
      <c r="H372803" s="12"/>
    </row>
    <row r="372804" spans="8:8">
      <c r="H372804" s="12"/>
    </row>
    <row r="372805" spans="8:8">
      <c r="H372805" s="12"/>
    </row>
    <row r="372806" spans="8:8">
      <c r="H372806" s="12"/>
    </row>
    <row r="372807" spans="8:8">
      <c r="H372807" s="12"/>
    </row>
    <row r="372808" spans="8:8">
      <c r="H372808" s="12"/>
    </row>
    <row r="372809" spans="8:8">
      <c r="H372809" s="12"/>
    </row>
    <row r="372810" spans="8:8">
      <c r="H372810" s="12"/>
    </row>
    <row r="372811" spans="8:8">
      <c r="H372811" s="12"/>
    </row>
    <row r="372812" spans="8:8">
      <c r="H372812" s="12"/>
    </row>
    <row r="372813" spans="8:8">
      <c r="H372813" s="12"/>
    </row>
    <row r="372814" spans="8:8">
      <c r="H372814" s="12"/>
    </row>
    <row r="372815" spans="8:8">
      <c r="H372815" s="12"/>
    </row>
    <row r="372816" spans="8:8">
      <c r="H372816" s="12"/>
    </row>
    <row r="372817" spans="8:8">
      <c r="H372817" s="12"/>
    </row>
    <row r="372818" spans="8:8">
      <c r="H372818" s="12"/>
    </row>
    <row r="372819" spans="8:8">
      <c r="H372819" s="12"/>
    </row>
    <row r="372820" spans="8:8">
      <c r="H372820" s="12"/>
    </row>
    <row r="372821" spans="8:8">
      <c r="H372821" s="12"/>
    </row>
    <row r="372822" spans="8:8">
      <c r="H372822" s="12"/>
    </row>
    <row r="372823" spans="8:8">
      <c r="H372823" s="12"/>
    </row>
    <row r="372824" spans="8:8">
      <c r="H372824" s="12"/>
    </row>
    <row r="372825" spans="8:8">
      <c r="H372825" s="12"/>
    </row>
    <row r="372826" spans="8:8">
      <c r="H372826" s="12"/>
    </row>
    <row r="372827" spans="8:8">
      <c r="H372827" s="12"/>
    </row>
    <row r="372828" spans="8:8">
      <c r="H372828" s="12"/>
    </row>
    <row r="372829" spans="8:8">
      <c r="H372829" s="12"/>
    </row>
    <row r="372830" spans="8:8">
      <c r="H372830" s="12"/>
    </row>
    <row r="372831" spans="8:8">
      <c r="H372831" s="12"/>
    </row>
    <row r="372832" spans="8:8">
      <c r="H372832" s="12"/>
    </row>
    <row r="372833" spans="8:8">
      <c r="H372833" s="12"/>
    </row>
    <row r="372834" spans="8:8">
      <c r="H372834" s="12"/>
    </row>
    <row r="372835" spans="8:8">
      <c r="H372835" s="12"/>
    </row>
    <row r="372836" spans="8:8">
      <c r="H372836" s="12"/>
    </row>
    <row r="372837" spans="8:8">
      <c r="H372837" s="12"/>
    </row>
    <row r="372838" spans="8:8">
      <c r="H372838" s="12"/>
    </row>
    <row r="372839" spans="8:8">
      <c r="H372839" s="12"/>
    </row>
    <row r="372840" spans="8:8">
      <c r="H372840" s="12"/>
    </row>
    <row r="372841" spans="8:8">
      <c r="H372841" s="12"/>
    </row>
    <row r="372842" spans="8:8">
      <c r="H372842" s="12"/>
    </row>
    <row r="372843" spans="8:8">
      <c r="H372843" s="12"/>
    </row>
    <row r="372844" spans="8:8">
      <c r="H372844" s="12"/>
    </row>
    <row r="372845" spans="8:8">
      <c r="H372845" s="12"/>
    </row>
    <row r="372846" spans="8:8">
      <c r="H372846" s="12"/>
    </row>
    <row r="372847" spans="8:8">
      <c r="H372847" s="12"/>
    </row>
    <row r="372848" spans="8:8">
      <c r="H372848" s="12"/>
    </row>
    <row r="372849" spans="8:8">
      <c r="H372849" s="12"/>
    </row>
    <row r="372850" spans="8:8">
      <c r="H372850" s="12"/>
    </row>
    <row r="372851" spans="8:8">
      <c r="H372851" s="12"/>
    </row>
    <row r="372852" spans="8:8">
      <c r="H372852" s="12"/>
    </row>
    <row r="372853" spans="8:8">
      <c r="H372853" s="12"/>
    </row>
    <row r="372854" spans="8:8">
      <c r="H372854" s="12"/>
    </row>
    <row r="372855" spans="8:8">
      <c r="H372855" s="12"/>
    </row>
    <row r="372856" spans="8:8">
      <c r="H372856" s="12"/>
    </row>
    <row r="372857" spans="8:8">
      <c r="H372857" s="12"/>
    </row>
    <row r="372858" spans="8:8">
      <c r="H372858" s="12"/>
    </row>
    <row r="372859" spans="8:8">
      <c r="H372859" s="12"/>
    </row>
    <row r="372860" spans="8:8">
      <c r="H372860" s="12"/>
    </row>
    <row r="372861" spans="8:8">
      <c r="H372861" s="12"/>
    </row>
    <row r="372862" spans="8:8">
      <c r="H372862" s="12"/>
    </row>
    <row r="372863" spans="8:8">
      <c r="H372863" s="12"/>
    </row>
    <row r="372864" spans="8:8">
      <c r="H372864" s="12"/>
    </row>
    <row r="372865" spans="8:8">
      <c r="H372865" s="12"/>
    </row>
    <row r="372866" spans="8:8">
      <c r="H372866" s="12"/>
    </row>
    <row r="372867" spans="8:8">
      <c r="H372867" s="12"/>
    </row>
    <row r="372868" spans="8:8">
      <c r="H372868" s="12"/>
    </row>
    <row r="372869" spans="8:8">
      <c r="H372869" s="12"/>
    </row>
    <row r="372870" spans="8:8">
      <c r="H372870" s="12"/>
    </row>
    <row r="372871" spans="8:8">
      <c r="H372871" s="12"/>
    </row>
    <row r="372872" spans="8:8">
      <c r="H372872" s="12"/>
    </row>
    <row r="372873" spans="8:8">
      <c r="H372873" s="12"/>
    </row>
    <row r="372874" spans="8:8">
      <c r="H372874" s="12"/>
    </row>
    <row r="372875" spans="8:8">
      <c r="H372875" s="12"/>
    </row>
    <row r="372876" spans="8:8">
      <c r="H372876" s="12"/>
    </row>
    <row r="372877" spans="8:8">
      <c r="H372877" s="12"/>
    </row>
    <row r="372878" spans="8:8">
      <c r="H372878" s="12"/>
    </row>
    <row r="372879" spans="8:8">
      <c r="H372879" s="12"/>
    </row>
    <row r="372880" spans="8:8">
      <c r="H372880" s="12"/>
    </row>
    <row r="372881" spans="8:8">
      <c r="H372881" s="12"/>
    </row>
    <row r="372882" spans="8:8">
      <c r="H372882" s="12"/>
    </row>
    <row r="372883" spans="8:8">
      <c r="H372883" s="12"/>
    </row>
    <row r="372884" spans="8:8">
      <c r="H372884" s="12"/>
    </row>
    <row r="372885" spans="8:8">
      <c r="H372885" s="12"/>
    </row>
    <row r="372886" spans="8:8">
      <c r="H372886" s="12"/>
    </row>
    <row r="372887" spans="8:8">
      <c r="H372887" s="12"/>
    </row>
    <row r="372888" spans="8:8">
      <c r="H372888" s="12"/>
    </row>
    <row r="372889" spans="8:8">
      <c r="H372889" s="12"/>
    </row>
    <row r="372890" spans="8:8">
      <c r="H372890" s="12"/>
    </row>
    <row r="372891" spans="8:8">
      <c r="H372891" s="12"/>
    </row>
    <row r="372892" spans="8:8">
      <c r="H372892" s="12"/>
    </row>
    <row r="372893" spans="8:8">
      <c r="H372893" s="12"/>
    </row>
    <row r="372894" spans="8:8">
      <c r="H372894" s="12"/>
    </row>
    <row r="372895" spans="8:8">
      <c r="H372895" s="12"/>
    </row>
    <row r="372896" spans="8:8">
      <c r="H372896" s="12"/>
    </row>
    <row r="372897" spans="8:8">
      <c r="H372897" s="12"/>
    </row>
    <row r="372898" spans="8:8">
      <c r="H372898" s="12"/>
    </row>
    <row r="372899" spans="8:8">
      <c r="H372899" s="12"/>
    </row>
    <row r="372900" spans="8:8">
      <c r="H372900" s="12"/>
    </row>
    <row r="372901" spans="8:8">
      <c r="H372901" s="12"/>
    </row>
    <row r="372902" spans="8:8">
      <c r="H372902" s="12"/>
    </row>
    <row r="372903" spans="8:8">
      <c r="H372903" s="12"/>
    </row>
    <row r="372904" spans="8:8">
      <c r="H372904" s="12"/>
    </row>
    <row r="372905" spans="8:8">
      <c r="H372905" s="12"/>
    </row>
    <row r="372906" spans="8:8">
      <c r="H372906" s="12"/>
    </row>
    <row r="372907" spans="8:8">
      <c r="H372907" s="12"/>
    </row>
    <row r="372908" spans="8:8">
      <c r="H372908" s="12"/>
    </row>
    <row r="372909" spans="8:8">
      <c r="H372909" s="12"/>
    </row>
    <row r="372910" spans="8:8">
      <c r="H372910" s="12"/>
    </row>
    <row r="372911" spans="8:8">
      <c r="H372911" s="12"/>
    </row>
    <row r="372912" spans="8:8">
      <c r="H372912" s="12"/>
    </row>
    <row r="372913" spans="8:8">
      <c r="H372913" s="12"/>
    </row>
    <row r="372914" spans="8:8">
      <c r="H372914" s="12"/>
    </row>
    <row r="372915" spans="8:8">
      <c r="H372915" s="12"/>
    </row>
    <row r="372916" spans="8:8">
      <c r="H372916" s="12"/>
    </row>
    <row r="372917" spans="8:8">
      <c r="H372917" s="12"/>
    </row>
    <row r="372918" spans="8:8">
      <c r="H372918" s="12"/>
    </row>
    <row r="372919" spans="8:8">
      <c r="H372919" s="12"/>
    </row>
    <row r="372920" spans="8:8">
      <c r="H372920" s="12"/>
    </row>
    <row r="372921" spans="8:8">
      <c r="H372921" s="12"/>
    </row>
    <row r="372922" spans="8:8">
      <c r="H372922" s="12"/>
    </row>
    <row r="372923" spans="8:8">
      <c r="H372923" s="12"/>
    </row>
    <row r="372924" spans="8:8">
      <c r="H372924" s="12"/>
    </row>
    <row r="372925" spans="8:8">
      <c r="H372925" s="12"/>
    </row>
    <row r="372926" spans="8:8">
      <c r="H372926" s="12"/>
    </row>
    <row r="372927" spans="8:8">
      <c r="H372927" s="12"/>
    </row>
    <row r="372928" spans="8:8">
      <c r="H372928" s="12"/>
    </row>
    <row r="372929" spans="8:8">
      <c r="H372929" s="12"/>
    </row>
    <row r="372930" spans="8:8">
      <c r="H372930" s="12"/>
    </row>
    <row r="372931" spans="8:8">
      <c r="H372931" s="12"/>
    </row>
    <row r="372932" spans="8:8">
      <c r="H372932" s="12"/>
    </row>
    <row r="372933" spans="8:8">
      <c r="H372933" s="12"/>
    </row>
    <row r="372934" spans="8:8">
      <c r="H372934" s="12"/>
    </row>
    <row r="372935" spans="8:8">
      <c r="H372935" s="12"/>
    </row>
    <row r="372936" spans="8:8">
      <c r="H372936" s="12"/>
    </row>
    <row r="372937" spans="8:8">
      <c r="H372937" s="12"/>
    </row>
    <row r="372938" spans="8:8">
      <c r="H372938" s="12"/>
    </row>
    <row r="372939" spans="8:8">
      <c r="H372939" s="12"/>
    </row>
    <row r="372940" spans="8:8">
      <c r="H372940" s="12"/>
    </row>
    <row r="372941" spans="8:8">
      <c r="H372941" s="12"/>
    </row>
    <row r="372942" spans="8:8">
      <c r="H372942" s="12"/>
    </row>
    <row r="372943" spans="8:8">
      <c r="H372943" s="12"/>
    </row>
    <row r="372944" spans="8:8">
      <c r="H372944" s="12"/>
    </row>
    <row r="372945" spans="8:8">
      <c r="H372945" s="12"/>
    </row>
    <row r="372946" spans="8:8">
      <c r="H372946" s="12"/>
    </row>
    <row r="372947" spans="8:8">
      <c r="H372947" s="12"/>
    </row>
    <row r="372948" spans="8:8">
      <c r="H372948" s="12"/>
    </row>
    <row r="372949" spans="8:8">
      <c r="H372949" s="12"/>
    </row>
    <row r="372950" spans="8:8">
      <c r="H372950" s="12"/>
    </row>
    <row r="372951" spans="8:8">
      <c r="H372951" s="12"/>
    </row>
    <row r="372952" spans="8:8">
      <c r="H372952" s="12"/>
    </row>
    <row r="372953" spans="8:8">
      <c r="H372953" s="12"/>
    </row>
    <row r="372954" spans="8:8">
      <c r="H372954" s="12"/>
    </row>
    <row r="372955" spans="8:8">
      <c r="H372955" s="12"/>
    </row>
    <row r="372956" spans="8:8">
      <c r="H372956" s="12"/>
    </row>
    <row r="372957" spans="8:8">
      <c r="H372957" s="12"/>
    </row>
    <row r="372958" spans="8:8">
      <c r="H372958" s="12"/>
    </row>
    <row r="372959" spans="8:8">
      <c r="H372959" s="12"/>
    </row>
    <row r="372960" spans="8:8">
      <c r="H372960" s="12"/>
    </row>
    <row r="372961" spans="8:8">
      <c r="H372961" s="12"/>
    </row>
    <row r="372962" spans="8:8">
      <c r="H372962" s="12"/>
    </row>
    <row r="372963" spans="8:8">
      <c r="H372963" s="12"/>
    </row>
    <row r="372964" spans="8:8">
      <c r="H372964" s="12"/>
    </row>
    <row r="372965" spans="8:8">
      <c r="H372965" s="12"/>
    </row>
    <row r="372966" spans="8:8">
      <c r="H372966" s="12"/>
    </row>
    <row r="372967" spans="8:8">
      <c r="H372967" s="12"/>
    </row>
    <row r="372968" spans="8:8">
      <c r="H372968" s="12"/>
    </row>
    <row r="372969" spans="8:8">
      <c r="H372969" s="12"/>
    </row>
    <row r="372970" spans="8:8">
      <c r="H372970" s="12"/>
    </row>
    <row r="372971" spans="8:8">
      <c r="H372971" s="12"/>
    </row>
    <row r="372972" spans="8:8">
      <c r="H372972" s="12"/>
    </row>
    <row r="372973" spans="8:8">
      <c r="H372973" s="12"/>
    </row>
    <row r="372974" spans="8:8">
      <c r="H372974" s="12"/>
    </row>
    <row r="372975" spans="8:8">
      <c r="H372975" s="12"/>
    </row>
    <row r="372976" spans="8:8">
      <c r="H372976" s="12"/>
    </row>
    <row r="372977" spans="8:8">
      <c r="H372977" s="12"/>
    </row>
    <row r="372978" spans="8:8">
      <c r="H372978" s="12"/>
    </row>
    <row r="372979" spans="8:8">
      <c r="H372979" s="12"/>
    </row>
    <row r="372980" spans="8:8">
      <c r="H372980" s="12"/>
    </row>
    <row r="372981" spans="8:8">
      <c r="H372981" s="12"/>
    </row>
    <row r="372982" spans="8:8">
      <c r="H372982" s="12"/>
    </row>
    <row r="372983" spans="8:8">
      <c r="H372983" s="12"/>
    </row>
    <row r="372984" spans="8:8">
      <c r="H372984" s="12"/>
    </row>
    <row r="372985" spans="8:8">
      <c r="H372985" s="12"/>
    </row>
    <row r="372986" spans="8:8">
      <c r="H372986" s="12"/>
    </row>
    <row r="372987" spans="8:8">
      <c r="H372987" s="12"/>
    </row>
    <row r="372988" spans="8:8">
      <c r="H372988" s="12"/>
    </row>
    <row r="372989" spans="8:8">
      <c r="H372989" s="12"/>
    </row>
    <row r="372990" spans="8:8">
      <c r="H372990" s="12"/>
    </row>
    <row r="372991" spans="8:8">
      <c r="H372991" s="12"/>
    </row>
    <row r="372992" spans="8:8">
      <c r="H372992" s="12"/>
    </row>
    <row r="372993" spans="8:8">
      <c r="H372993" s="12"/>
    </row>
    <row r="372994" spans="8:8">
      <c r="H372994" s="12"/>
    </row>
    <row r="372995" spans="8:8">
      <c r="H372995" s="12"/>
    </row>
    <row r="372996" spans="8:8">
      <c r="H372996" s="12"/>
    </row>
    <row r="372997" spans="8:8">
      <c r="H372997" s="12"/>
    </row>
    <row r="372998" spans="8:8">
      <c r="H372998" s="12"/>
    </row>
    <row r="372999" spans="8:8">
      <c r="H372999" s="12"/>
    </row>
    <row r="373000" spans="8:8">
      <c r="H373000" s="12"/>
    </row>
    <row r="373001" spans="8:8">
      <c r="H373001" s="12"/>
    </row>
    <row r="373002" spans="8:8">
      <c r="H373002" s="12"/>
    </row>
    <row r="373003" spans="8:8">
      <c r="H373003" s="12"/>
    </row>
    <row r="373004" spans="8:8">
      <c r="H373004" s="12"/>
    </row>
    <row r="373005" spans="8:8">
      <c r="H373005" s="12"/>
    </row>
    <row r="373006" spans="8:8">
      <c r="H373006" s="12"/>
    </row>
    <row r="373007" spans="8:8">
      <c r="H373007" s="12"/>
    </row>
    <row r="373008" spans="8:8">
      <c r="H373008" s="12"/>
    </row>
    <row r="373009" spans="8:8">
      <c r="H373009" s="12"/>
    </row>
    <row r="373010" spans="8:8">
      <c r="H373010" s="12"/>
    </row>
    <row r="373011" spans="8:8">
      <c r="H373011" s="12"/>
    </row>
    <row r="373012" spans="8:8">
      <c r="H373012" s="12"/>
    </row>
    <row r="373013" spans="8:8">
      <c r="H373013" s="12"/>
    </row>
    <row r="373014" spans="8:8">
      <c r="H373014" s="12"/>
    </row>
    <row r="373015" spans="8:8">
      <c r="H373015" s="12"/>
    </row>
    <row r="373016" spans="8:8">
      <c r="H373016" s="12"/>
    </row>
    <row r="373017" spans="8:8">
      <c r="H373017" s="12"/>
    </row>
    <row r="373018" spans="8:8">
      <c r="H373018" s="12"/>
    </row>
    <row r="373019" spans="8:8">
      <c r="H373019" s="12"/>
    </row>
    <row r="373020" spans="8:8">
      <c r="H373020" s="12"/>
    </row>
    <row r="373021" spans="8:8">
      <c r="H373021" s="12"/>
    </row>
    <row r="373022" spans="8:8">
      <c r="H373022" s="12"/>
    </row>
    <row r="373023" spans="8:8">
      <c r="H373023" s="12"/>
    </row>
    <row r="373024" spans="8:8">
      <c r="H373024" s="12"/>
    </row>
    <row r="373025" spans="8:8">
      <c r="H373025" s="12"/>
    </row>
    <row r="373026" spans="8:8">
      <c r="H373026" s="12"/>
    </row>
    <row r="373027" spans="8:8">
      <c r="H373027" s="12"/>
    </row>
    <row r="373028" spans="8:8">
      <c r="H373028" s="12"/>
    </row>
    <row r="373029" spans="8:8">
      <c r="H373029" s="12"/>
    </row>
    <row r="373030" spans="8:8">
      <c r="H373030" s="12"/>
    </row>
    <row r="373031" spans="8:8">
      <c r="H373031" s="12"/>
    </row>
    <row r="373032" spans="8:8">
      <c r="H373032" s="12"/>
    </row>
    <row r="373033" spans="8:8">
      <c r="H373033" s="12"/>
    </row>
    <row r="373034" spans="8:8">
      <c r="H373034" s="12"/>
    </row>
    <row r="373035" spans="8:8">
      <c r="H373035" s="12"/>
    </row>
    <row r="373036" spans="8:8">
      <c r="H373036" s="12"/>
    </row>
    <row r="373037" spans="8:8">
      <c r="H373037" s="12"/>
    </row>
    <row r="373038" spans="8:8">
      <c r="H373038" s="12"/>
    </row>
    <row r="373039" spans="8:8">
      <c r="H373039" s="12"/>
    </row>
    <row r="373040" spans="8:8">
      <c r="H373040" s="12"/>
    </row>
    <row r="373041" spans="8:8">
      <c r="H373041" s="12"/>
    </row>
    <row r="373042" spans="8:8">
      <c r="H373042" s="12"/>
    </row>
    <row r="373043" spans="8:8">
      <c r="H373043" s="12"/>
    </row>
    <row r="373044" spans="8:8">
      <c r="H373044" s="12"/>
    </row>
    <row r="373045" spans="8:8">
      <c r="H373045" s="12"/>
    </row>
    <row r="373046" spans="8:8">
      <c r="H373046" s="12"/>
    </row>
    <row r="373047" spans="8:8">
      <c r="H373047" s="12"/>
    </row>
    <row r="373048" spans="8:8">
      <c r="H373048" s="12"/>
    </row>
    <row r="373049" spans="8:8">
      <c r="H373049" s="12"/>
    </row>
    <row r="373050" spans="8:8">
      <c r="H373050" s="12"/>
    </row>
    <row r="373051" spans="8:8">
      <c r="H373051" s="12"/>
    </row>
    <row r="373052" spans="8:8">
      <c r="H373052" s="12"/>
    </row>
    <row r="373053" spans="8:8">
      <c r="H373053" s="12"/>
    </row>
    <row r="373054" spans="8:8">
      <c r="H373054" s="12"/>
    </row>
    <row r="373055" spans="8:8">
      <c r="H373055" s="12"/>
    </row>
    <row r="373056" spans="8:8">
      <c r="H373056" s="12"/>
    </row>
    <row r="373057" spans="8:8">
      <c r="H373057" s="12"/>
    </row>
    <row r="373058" spans="8:8">
      <c r="H373058" s="12"/>
    </row>
    <row r="373059" spans="8:8">
      <c r="H373059" s="12"/>
    </row>
    <row r="373060" spans="8:8">
      <c r="H373060" s="12"/>
    </row>
    <row r="373061" spans="8:8">
      <c r="H373061" s="12"/>
    </row>
    <row r="373062" spans="8:8">
      <c r="H373062" s="12"/>
    </row>
    <row r="373063" spans="8:8">
      <c r="H373063" s="12"/>
    </row>
    <row r="373064" spans="8:8">
      <c r="H373064" s="12"/>
    </row>
    <row r="373065" spans="8:8">
      <c r="H373065" s="12"/>
    </row>
    <row r="373066" spans="8:8">
      <c r="H373066" s="12"/>
    </row>
    <row r="373067" spans="8:8">
      <c r="H373067" s="12"/>
    </row>
    <row r="373068" spans="8:8">
      <c r="H373068" s="12"/>
    </row>
    <row r="373069" spans="8:8">
      <c r="H373069" s="12"/>
    </row>
    <row r="373070" spans="8:8">
      <c r="H373070" s="12"/>
    </row>
    <row r="373071" spans="8:8">
      <c r="H373071" s="12"/>
    </row>
    <row r="373072" spans="8:8">
      <c r="H373072" s="12"/>
    </row>
    <row r="373073" spans="8:8">
      <c r="H373073" s="12"/>
    </row>
    <row r="373074" spans="8:8">
      <c r="H373074" s="12"/>
    </row>
    <row r="373075" spans="8:8">
      <c r="H373075" s="12"/>
    </row>
    <row r="373076" spans="8:8">
      <c r="H373076" s="12"/>
    </row>
    <row r="373077" spans="8:8">
      <c r="H373077" s="12"/>
    </row>
    <row r="373078" spans="8:8">
      <c r="H373078" s="12"/>
    </row>
    <row r="373079" spans="8:8">
      <c r="H373079" s="12"/>
    </row>
    <row r="373080" spans="8:8">
      <c r="H373080" s="12"/>
    </row>
    <row r="373081" spans="8:8">
      <c r="H373081" s="12"/>
    </row>
    <row r="373082" spans="8:8">
      <c r="H373082" s="12"/>
    </row>
    <row r="373083" spans="8:8">
      <c r="H373083" s="12"/>
    </row>
    <row r="373084" spans="8:8">
      <c r="H373084" s="12"/>
    </row>
    <row r="373085" spans="8:8">
      <c r="H373085" s="12"/>
    </row>
    <row r="373086" spans="8:8">
      <c r="H373086" s="12"/>
    </row>
    <row r="373087" spans="8:8">
      <c r="H373087" s="12"/>
    </row>
    <row r="373088" spans="8:8">
      <c r="H373088" s="12"/>
    </row>
    <row r="373089" spans="8:8">
      <c r="H373089" s="12"/>
    </row>
    <row r="373090" spans="8:8">
      <c r="H373090" s="12"/>
    </row>
    <row r="373091" spans="8:8">
      <c r="H373091" s="12"/>
    </row>
    <row r="373092" spans="8:8">
      <c r="H373092" s="12"/>
    </row>
    <row r="373093" spans="8:8">
      <c r="H373093" s="12"/>
    </row>
    <row r="373094" spans="8:8">
      <c r="H373094" s="12"/>
    </row>
    <row r="373095" spans="8:8">
      <c r="H373095" s="12"/>
    </row>
    <row r="373096" spans="8:8">
      <c r="H373096" s="12"/>
    </row>
    <row r="373097" spans="8:8">
      <c r="H373097" s="12"/>
    </row>
    <row r="373098" spans="8:8">
      <c r="H373098" s="12"/>
    </row>
    <row r="373099" spans="8:8">
      <c r="H373099" s="12"/>
    </row>
    <row r="373100" spans="8:8">
      <c r="H373100" s="12"/>
    </row>
    <row r="373101" spans="8:8">
      <c r="H373101" s="12"/>
    </row>
    <row r="373102" spans="8:8">
      <c r="H373102" s="12"/>
    </row>
    <row r="373103" spans="8:8">
      <c r="H373103" s="12"/>
    </row>
    <row r="373104" spans="8:8">
      <c r="H373104" s="12"/>
    </row>
    <row r="373105" spans="8:8">
      <c r="H373105" s="12"/>
    </row>
    <row r="373106" spans="8:8">
      <c r="H373106" s="12"/>
    </row>
    <row r="373107" spans="8:8">
      <c r="H373107" s="12"/>
    </row>
    <row r="373108" spans="8:8">
      <c r="H373108" s="12"/>
    </row>
    <row r="373109" spans="8:8">
      <c r="H373109" s="12"/>
    </row>
    <row r="373110" spans="8:8">
      <c r="H373110" s="12"/>
    </row>
    <row r="373111" spans="8:8">
      <c r="H373111" s="12"/>
    </row>
    <row r="373112" spans="8:8">
      <c r="H373112" s="12"/>
    </row>
    <row r="373113" spans="8:8">
      <c r="H373113" s="12"/>
    </row>
    <row r="373114" spans="8:8">
      <c r="H373114" s="12"/>
    </row>
    <row r="373115" spans="8:8">
      <c r="H373115" s="12"/>
    </row>
    <row r="373116" spans="8:8">
      <c r="H373116" s="12"/>
    </row>
    <row r="373117" spans="8:8">
      <c r="H373117" s="12"/>
    </row>
    <row r="373118" spans="8:8">
      <c r="H373118" s="12"/>
    </row>
    <row r="373119" spans="8:8">
      <c r="H373119" s="12"/>
    </row>
    <row r="373120" spans="8:8">
      <c r="H373120" s="12"/>
    </row>
    <row r="373121" spans="8:8">
      <c r="H373121" s="12"/>
    </row>
    <row r="373122" spans="8:8">
      <c r="H373122" s="12"/>
    </row>
    <row r="373123" spans="8:8">
      <c r="H373123" s="12"/>
    </row>
    <row r="373124" spans="8:8">
      <c r="H373124" s="12"/>
    </row>
    <row r="373125" spans="8:8">
      <c r="H373125" s="12"/>
    </row>
    <row r="373126" spans="8:8">
      <c r="H373126" s="12"/>
    </row>
    <row r="373127" spans="8:8">
      <c r="H373127" s="12"/>
    </row>
    <row r="373128" spans="8:8">
      <c r="H373128" s="12"/>
    </row>
    <row r="373129" spans="8:8">
      <c r="H373129" s="12"/>
    </row>
    <row r="373130" spans="8:8">
      <c r="H373130" s="12"/>
    </row>
    <row r="373131" spans="8:8">
      <c r="H373131" s="12"/>
    </row>
    <row r="373132" spans="8:8">
      <c r="H373132" s="12"/>
    </row>
    <row r="373133" spans="8:8">
      <c r="H373133" s="12"/>
    </row>
    <row r="373134" spans="8:8">
      <c r="H373134" s="12"/>
    </row>
    <row r="373135" spans="8:8">
      <c r="H373135" s="12"/>
    </row>
    <row r="373136" spans="8:8">
      <c r="H373136" s="12"/>
    </row>
    <row r="373137" spans="8:8">
      <c r="H373137" s="12"/>
    </row>
    <row r="373138" spans="8:8">
      <c r="H373138" s="12"/>
    </row>
    <row r="373139" spans="8:8">
      <c r="H373139" s="12"/>
    </row>
    <row r="373140" spans="8:8">
      <c r="H373140" s="12"/>
    </row>
    <row r="373141" spans="8:8">
      <c r="H373141" s="12"/>
    </row>
    <row r="373142" spans="8:8">
      <c r="H373142" s="12"/>
    </row>
    <row r="373143" spans="8:8">
      <c r="H373143" s="12"/>
    </row>
    <row r="373144" spans="8:8">
      <c r="H373144" s="12"/>
    </row>
    <row r="373145" spans="8:8">
      <c r="H373145" s="12"/>
    </row>
    <row r="373146" spans="8:8">
      <c r="H373146" s="12"/>
    </row>
    <row r="373147" spans="8:8">
      <c r="H373147" s="12"/>
    </row>
    <row r="373148" spans="8:8">
      <c r="H373148" s="12"/>
    </row>
    <row r="373149" spans="8:8">
      <c r="H373149" s="12"/>
    </row>
    <row r="373150" spans="8:8">
      <c r="H373150" s="12"/>
    </row>
    <row r="373151" spans="8:8">
      <c r="H373151" s="12"/>
    </row>
    <row r="373152" spans="8:8">
      <c r="H373152" s="12"/>
    </row>
    <row r="373153" spans="8:8">
      <c r="H373153" s="12"/>
    </row>
    <row r="373154" spans="8:8">
      <c r="H373154" s="12"/>
    </row>
    <row r="373155" spans="8:8">
      <c r="H373155" s="12"/>
    </row>
    <row r="373156" spans="8:8">
      <c r="H373156" s="12"/>
    </row>
    <row r="373157" spans="8:8">
      <c r="H373157" s="12"/>
    </row>
    <row r="373158" spans="8:8">
      <c r="H373158" s="12"/>
    </row>
    <row r="373159" spans="8:8">
      <c r="H373159" s="12"/>
    </row>
    <row r="373160" spans="8:8">
      <c r="H373160" s="12"/>
    </row>
    <row r="373161" spans="8:8">
      <c r="H373161" s="12"/>
    </row>
    <row r="373162" spans="8:8">
      <c r="H373162" s="12"/>
    </row>
    <row r="373163" spans="8:8">
      <c r="H373163" s="12"/>
    </row>
    <row r="373164" spans="8:8">
      <c r="H373164" s="12"/>
    </row>
    <row r="373165" spans="8:8">
      <c r="H373165" s="12"/>
    </row>
    <row r="373166" spans="8:8">
      <c r="H373166" s="12"/>
    </row>
    <row r="373167" spans="8:8">
      <c r="H373167" s="12"/>
    </row>
    <row r="373168" spans="8:8">
      <c r="H373168" s="12"/>
    </row>
    <row r="373169" spans="8:8">
      <c r="H373169" s="12"/>
    </row>
    <row r="373170" spans="8:8">
      <c r="H373170" s="12"/>
    </row>
    <row r="373171" spans="8:8">
      <c r="H373171" s="12"/>
    </row>
    <row r="373172" spans="8:8">
      <c r="H373172" s="12"/>
    </row>
    <row r="373173" spans="8:8">
      <c r="H373173" s="12"/>
    </row>
    <row r="373174" spans="8:8">
      <c r="H373174" s="12"/>
    </row>
    <row r="373175" spans="8:8">
      <c r="H373175" s="12"/>
    </row>
    <row r="373176" spans="8:8">
      <c r="H373176" s="12"/>
    </row>
    <row r="373177" spans="8:8">
      <c r="H373177" s="12"/>
    </row>
    <row r="373178" spans="8:8">
      <c r="H373178" s="12"/>
    </row>
    <row r="373179" spans="8:8">
      <c r="H373179" s="12"/>
    </row>
    <row r="373180" spans="8:8">
      <c r="H373180" s="12"/>
    </row>
    <row r="373181" spans="8:8">
      <c r="H373181" s="12"/>
    </row>
    <row r="373182" spans="8:8">
      <c r="H373182" s="12"/>
    </row>
    <row r="373183" spans="8:8">
      <c r="H373183" s="12"/>
    </row>
    <row r="373184" spans="8:8">
      <c r="H373184" s="12"/>
    </row>
    <row r="373185" spans="8:8">
      <c r="H373185" s="12"/>
    </row>
    <row r="373186" spans="8:8">
      <c r="H373186" s="12"/>
    </row>
    <row r="373187" spans="8:8">
      <c r="H373187" s="12"/>
    </row>
    <row r="373188" spans="8:8">
      <c r="H373188" s="12"/>
    </row>
    <row r="373189" spans="8:8">
      <c r="H373189" s="12"/>
    </row>
    <row r="373190" spans="8:8">
      <c r="H373190" s="12"/>
    </row>
    <row r="373191" spans="8:8">
      <c r="H373191" s="12"/>
    </row>
    <row r="373192" spans="8:8">
      <c r="H373192" s="12"/>
    </row>
    <row r="373193" spans="8:8">
      <c r="H373193" s="12"/>
    </row>
    <row r="373194" spans="8:8">
      <c r="H373194" s="12"/>
    </row>
    <row r="373195" spans="8:8">
      <c r="H373195" s="12"/>
    </row>
    <row r="373196" spans="8:8">
      <c r="H373196" s="12"/>
    </row>
    <row r="373197" spans="8:8">
      <c r="H373197" s="12"/>
    </row>
    <row r="373198" spans="8:8">
      <c r="H373198" s="12"/>
    </row>
    <row r="373199" spans="8:8">
      <c r="H373199" s="12"/>
    </row>
    <row r="373200" spans="8:8">
      <c r="H373200" s="12"/>
    </row>
    <row r="373201" spans="8:8">
      <c r="H373201" s="12"/>
    </row>
    <row r="373202" spans="8:8">
      <c r="H373202" s="12"/>
    </row>
    <row r="373203" spans="8:8">
      <c r="H373203" s="12"/>
    </row>
    <row r="373204" spans="8:8">
      <c r="H373204" s="12"/>
    </row>
    <row r="373205" spans="8:8">
      <c r="H373205" s="12"/>
    </row>
    <row r="373206" spans="8:8">
      <c r="H373206" s="12"/>
    </row>
    <row r="373207" spans="8:8">
      <c r="H373207" s="12"/>
    </row>
    <row r="373208" spans="8:8">
      <c r="H373208" s="12"/>
    </row>
    <row r="373209" spans="8:8">
      <c r="H373209" s="12"/>
    </row>
    <row r="373210" spans="8:8">
      <c r="H373210" s="12"/>
    </row>
    <row r="373211" spans="8:8">
      <c r="H373211" s="12"/>
    </row>
    <row r="373212" spans="8:8">
      <c r="H373212" s="12"/>
    </row>
    <row r="373213" spans="8:8">
      <c r="H373213" s="12"/>
    </row>
    <row r="373214" spans="8:8">
      <c r="H373214" s="12"/>
    </row>
    <row r="373215" spans="8:8">
      <c r="H373215" s="12"/>
    </row>
    <row r="373216" spans="8:8">
      <c r="H373216" s="12"/>
    </row>
    <row r="373217" spans="8:8">
      <c r="H373217" s="12"/>
    </row>
    <row r="373218" spans="8:8">
      <c r="H373218" s="12"/>
    </row>
    <row r="373219" spans="8:8">
      <c r="H373219" s="12"/>
    </row>
    <row r="373220" spans="8:8">
      <c r="H373220" s="12"/>
    </row>
    <row r="373221" spans="8:8">
      <c r="H373221" s="12"/>
    </row>
    <row r="373222" spans="8:8">
      <c r="H373222" s="12"/>
    </row>
    <row r="373223" spans="8:8">
      <c r="H373223" s="12"/>
    </row>
    <row r="373224" spans="8:8">
      <c r="H373224" s="12"/>
    </row>
    <row r="373225" spans="8:8">
      <c r="H373225" s="12"/>
    </row>
    <row r="373226" spans="8:8">
      <c r="H373226" s="12"/>
    </row>
    <row r="373227" spans="8:8">
      <c r="H373227" s="12"/>
    </row>
    <row r="373228" spans="8:8">
      <c r="H373228" s="12"/>
    </row>
    <row r="373229" spans="8:8">
      <c r="H373229" s="12"/>
    </row>
    <row r="373230" spans="8:8">
      <c r="H373230" s="12"/>
    </row>
    <row r="373231" spans="8:8">
      <c r="H373231" s="12"/>
    </row>
    <row r="373232" spans="8:8">
      <c r="H373232" s="12"/>
    </row>
    <row r="373233" spans="8:8">
      <c r="H373233" s="12"/>
    </row>
    <row r="373234" spans="8:8">
      <c r="H373234" s="12"/>
    </row>
    <row r="373235" spans="8:8">
      <c r="H373235" s="12"/>
    </row>
    <row r="373236" spans="8:8">
      <c r="H373236" s="12"/>
    </row>
    <row r="373237" spans="8:8">
      <c r="H373237" s="12"/>
    </row>
    <row r="373238" spans="8:8">
      <c r="H373238" s="12"/>
    </row>
    <row r="373239" spans="8:8">
      <c r="H373239" s="12"/>
    </row>
    <row r="373240" spans="8:8">
      <c r="H373240" s="12"/>
    </row>
    <row r="373241" spans="8:8">
      <c r="H373241" s="12"/>
    </row>
    <row r="373242" spans="8:8">
      <c r="H373242" s="12"/>
    </row>
    <row r="373243" spans="8:8">
      <c r="H373243" s="12"/>
    </row>
    <row r="373244" spans="8:8">
      <c r="H373244" s="12"/>
    </row>
    <row r="373245" spans="8:8">
      <c r="H373245" s="12"/>
    </row>
    <row r="373246" spans="8:8">
      <c r="H373246" s="12"/>
    </row>
    <row r="373247" spans="8:8">
      <c r="H373247" s="12"/>
    </row>
    <row r="373248" spans="8:8">
      <c r="H373248" s="12"/>
    </row>
    <row r="373249" spans="8:8">
      <c r="H373249" s="12"/>
    </row>
    <row r="373250" spans="8:8">
      <c r="H373250" s="12"/>
    </row>
    <row r="373251" spans="8:8">
      <c r="H373251" s="12"/>
    </row>
    <row r="373252" spans="8:8">
      <c r="H373252" s="12"/>
    </row>
    <row r="373253" spans="8:8">
      <c r="H373253" s="12"/>
    </row>
    <row r="373254" spans="8:8">
      <c r="H373254" s="12"/>
    </row>
    <row r="373255" spans="8:8">
      <c r="H373255" s="12"/>
    </row>
    <row r="373256" spans="8:8">
      <c r="H373256" s="12"/>
    </row>
    <row r="373257" spans="8:8">
      <c r="H373257" s="12"/>
    </row>
    <row r="373258" spans="8:8">
      <c r="H373258" s="12"/>
    </row>
    <row r="373259" spans="8:8">
      <c r="H373259" s="12"/>
    </row>
    <row r="373260" spans="8:8">
      <c r="H373260" s="12"/>
    </row>
    <row r="373261" spans="8:8">
      <c r="H373261" s="12"/>
    </row>
    <row r="373262" spans="8:8">
      <c r="H373262" s="12"/>
    </row>
    <row r="373263" spans="8:8">
      <c r="H373263" s="12"/>
    </row>
    <row r="373264" spans="8:8">
      <c r="H373264" s="12"/>
    </row>
    <row r="373265" spans="8:8">
      <c r="H373265" s="12"/>
    </row>
    <row r="373266" spans="8:8">
      <c r="H373266" s="12"/>
    </row>
    <row r="373267" spans="8:8">
      <c r="H373267" s="12"/>
    </row>
    <row r="373268" spans="8:8">
      <c r="H373268" s="12"/>
    </row>
    <row r="373269" spans="8:8">
      <c r="H373269" s="12"/>
    </row>
    <row r="373270" spans="8:8">
      <c r="H373270" s="12"/>
    </row>
    <row r="373271" spans="8:8">
      <c r="H373271" s="12"/>
    </row>
    <row r="373272" spans="8:8">
      <c r="H373272" s="12"/>
    </row>
    <row r="373273" spans="8:8">
      <c r="H373273" s="12"/>
    </row>
    <row r="373274" spans="8:8">
      <c r="H373274" s="12"/>
    </row>
    <row r="373275" spans="8:8">
      <c r="H373275" s="12"/>
    </row>
    <row r="373276" spans="8:8">
      <c r="H373276" s="12"/>
    </row>
    <row r="373277" spans="8:8">
      <c r="H373277" s="12"/>
    </row>
    <row r="373278" spans="8:8">
      <c r="H373278" s="12"/>
    </row>
    <row r="373279" spans="8:8">
      <c r="H373279" s="12"/>
    </row>
    <row r="373280" spans="8:8">
      <c r="H373280" s="12"/>
    </row>
    <row r="373281" spans="8:8">
      <c r="H373281" s="12"/>
    </row>
    <row r="373282" spans="8:8">
      <c r="H373282" s="12"/>
    </row>
    <row r="373283" spans="8:8">
      <c r="H373283" s="12"/>
    </row>
    <row r="373284" spans="8:8">
      <c r="H373284" s="12"/>
    </row>
    <row r="373285" spans="8:8">
      <c r="H373285" s="12"/>
    </row>
    <row r="373286" spans="8:8">
      <c r="H373286" s="12"/>
    </row>
    <row r="373287" spans="8:8">
      <c r="H373287" s="12"/>
    </row>
    <row r="373288" spans="8:8">
      <c r="H373288" s="12"/>
    </row>
    <row r="373289" spans="8:8">
      <c r="H373289" s="12"/>
    </row>
    <row r="373290" spans="8:8">
      <c r="H373290" s="12"/>
    </row>
    <row r="373291" spans="8:8">
      <c r="H373291" s="12"/>
    </row>
    <row r="373292" spans="8:8">
      <c r="H373292" s="12"/>
    </row>
    <row r="373293" spans="8:8">
      <c r="H373293" s="12"/>
    </row>
    <row r="373294" spans="8:8">
      <c r="H373294" s="12"/>
    </row>
    <row r="373295" spans="8:8">
      <c r="H373295" s="12"/>
    </row>
    <row r="373296" spans="8:8">
      <c r="H373296" s="12"/>
    </row>
    <row r="373297" spans="8:8">
      <c r="H373297" s="12"/>
    </row>
    <row r="373298" spans="8:8">
      <c r="H373298" s="12"/>
    </row>
    <row r="373299" spans="8:8">
      <c r="H373299" s="12"/>
    </row>
    <row r="373300" spans="8:8">
      <c r="H373300" s="12"/>
    </row>
    <row r="373301" spans="8:8">
      <c r="H373301" s="12"/>
    </row>
    <row r="373302" spans="8:8">
      <c r="H373302" s="12"/>
    </row>
    <row r="373303" spans="8:8">
      <c r="H373303" s="12"/>
    </row>
    <row r="373304" spans="8:8">
      <c r="H373304" s="12"/>
    </row>
    <row r="373305" spans="8:8">
      <c r="H373305" s="12"/>
    </row>
    <row r="373306" spans="8:8">
      <c r="H373306" s="12"/>
    </row>
    <row r="373307" spans="8:8">
      <c r="H373307" s="12"/>
    </row>
    <row r="373308" spans="8:8">
      <c r="H373308" s="12"/>
    </row>
    <row r="373309" spans="8:8">
      <c r="H373309" s="12"/>
    </row>
    <row r="373310" spans="8:8">
      <c r="H373310" s="12"/>
    </row>
    <row r="373311" spans="8:8">
      <c r="H373311" s="12"/>
    </row>
    <row r="373312" spans="8:8">
      <c r="H373312" s="12"/>
    </row>
    <row r="373313" spans="8:8">
      <c r="H373313" s="12"/>
    </row>
    <row r="373314" spans="8:8">
      <c r="H373314" s="12"/>
    </row>
    <row r="373315" spans="8:8">
      <c r="H373315" s="12"/>
    </row>
    <row r="373316" spans="8:8">
      <c r="H373316" s="12"/>
    </row>
    <row r="373317" spans="8:8">
      <c r="H373317" s="12"/>
    </row>
    <row r="373318" spans="8:8">
      <c r="H373318" s="12"/>
    </row>
    <row r="373319" spans="8:8">
      <c r="H373319" s="12"/>
    </row>
    <row r="373320" spans="8:8">
      <c r="H373320" s="12"/>
    </row>
    <row r="373321" spans="8:8">
      <c r="H373321" s="12"/>
    </row>
    <row r="373322" spans="8:8">
      <c r="H373322" s="12"/>
    </row>
    <row r="373323" spans="8:8">
      <c r="H373323" s="12"/>
    </row>
    <row r="373324" spans="8:8">
      <c r="H373324" s="12"/>
    </row>
    <row r="373325" spans="8:8">
      <c r="H373325" s="12"/>
    </row>
    <row r="373326" spans="8:8">
      <c r="H373326" s="12"/>
    </row>
    <row r="373327" spans="8:8">
      <c r="H373327" s="12"/>
    </row>
    <row r="373328" spans="8:8">
      <c r="H373328" s="12"/>
    </row>
    <row r="373329" spans="8:8">
      <c r="H373329" s="12"/>
    </row>
    <row r="373330" spans="8:8">
      <c r="H373330" s="12"/>
    </row>
    <row r="373331" spans="8:8">
      <c r="H373331" s="12"/>
    </row>
    <row r="373332" spans="8:8">
      <c r="H373332" s="12"/>
    </row>
    <row r="373333" spans="8:8">
      <c r="H373333" s="12"/>
    </row>
    <row r="373334" spans="8:8">
      <c r="H373334" s="12"/>
    </row>
    <row r="373335" spans="8:8">
      <c r="H373335" s="12"/>
    </row>
    <row r="373336" spans="8:8">
      <c r="H373336" s="12"/>
    </row>
    <row r="373337" spans="8:8">
      <c r="H373337" s="12"/>
    </row>
    <row r="373338" spans="8:8">
      <c r="H373338" s="12"/>
    </row>
    <row r="373339" spans="8:8">
      <c r="H373339" s="12"/>
    </row>
    <row r="373340" spans="8:8">
      <c r="H373340" s="12"/>
    </row>
    <row r="373341" spans="8:8">
      <c r="H373341" s="12"/>
    </row>
    <row r="373342" spans="8:8">
      <c r="H373342" s="12"/>
    </row>
    <row r="373343" spans="8:8">
      <c r="H373343" s="12"/>
    </row>
    <row r="373344" spans="8:8">
      <c r="H373344" s="12"/>
    </row>
    <row r="373345" spans="8:8">
      <c r="H373345" s="12"/>
    </row>
    <row r="373346" spans="8:8">
      <c r="H373346" s="12"/>
    </row>
    <row r="373347" spans="8:8">
      <c r="H373347" s="12"/>
    </row>
    <row r="373348" spans="8:8">
      <c r="H373348" s="12"/>
    </row>
    <row r="373349" spans="8:8">
      <c r="H373349" s="12"/>
    </row>
    <row r="373350" spans="8:8">
      <c r="H373350" s="12"/>
    </row>
    <row r="373351" spans="8:8">
      <c r="H373351" s="12"/>
    </row>
    <row r="373352" spans="8:8">
      <c r="H373352" s="12"/>
    </row>
    <row r="373353" spans="8:8">
      <c r="H373353" s="12"/>
    </row>
    <row r="373354" spans="8:8">
      <c r="H373354" s="12"/>
    </row>
    <row r="373355" spans="8:8">
      <c r="H373355" s="12"/>
    </row>
    <row r="373356" spans="8:8">
      <c r="H373356" s="12"/>
    </row>
    <row r="373357" spans="8:8">
      <c r="H373357" s="12"/>
    </row>
    <row r="373358" spans="8:8">
      <c r="H373358" s="12"/>
    </row>
    <row r="373359" spans="8:8">
      <c r="H373359" s="12"/>
    </row>
    <row r="373360" spans="8:8">
      <c r="H373360" s="12"/>
    </row>
    <row r="373361" spans="8:8">
      <c r="H373361" s="12"/>
    </row>
    <row r="373362" spans="8:8">
      <c r="H373362" s="12"/>
    </row>
    <row r="373363" spans="8:8">
      <c r="H373363" s="12"/>
    </row>
    <row r="373364" spans="8:8">
      <c r="H373364" s="12"/>
    </row>
    <row r="373365" spans="8:8">
      <c r="H373365" s="12"/>
    </row>
    <row r="373366" spans="8:8">
      <c r="H373366" s="12"/>
    </row>
    <row r="373367" spans="8:8">
      <c r="H373367" s="12"/>
    </row>
    <row r="373368" spans="8:8">
      <c r="H373368" s="12"/>
    </row>
    <row r="373369" spans="8:8">
      <c r="H373369" s="12"/>
    </row>
    <row r="373370" spans="8:8">
      <c r="H373370" s="12"/>
    </row>
    <row r="373371" spans="8:8">
      <c r="H373371" s="12"/>
    </row>
    <row r="373372" spans="8:8">
      <c r="H373372" s="12"/>
    </row>
    <row r="373373" spans="8:8">
      <c r="H373373" s="12"/>
    </row>
    <row r="373374" spans="8:8">
      <c r="H373374" s="12"/>
    </row>
    <row r="373375" spans="8:8">
      <c r="H373375" s="12"/>
    </row>
    <row r="373376" spans="8:8">
      <c r="H373376" s="12"/>
    </row>
    <row r="373377" spans="8:8">
      <c r="H373377" s="12"/>
    </row>
    <row r="373378" spans="8:8">
      <c r="H373378" s="12"/>
    </row>
    <row r="373379" spans="8:8">
      <c r="H373379" s="12"/>
    </row>
    <row r="373380" spans="8:8">
      <c r="H373380" s="12"/>
    </row>
    <row r="373381" spans="8:8">
      <c r="H373381" s="12"/>
    </row>
    <row r="373382" spans="8:8">
      <c r="H373382" s="12"/>
    </row>
    <row r="373383" spans="8:8">
      <c r="H373383" s="12"/>
    </row>
    <row r="373384" spans="8:8">
      <c r="H373384" s="12"/>
    </row>
    <row r="373385" spans="8:8">
      <c r="H373385" s="12"/>
    </row>
    <row r="373386" spans="8:8">
      <c r="H373386" s="12"/>
    </row>
    <row r="373387" spans="8:8">
      <c r="H373387" s="12"/>
    </row>
    <row r="373388" spans="8:8">
      <c r="H373388" s="12"/>
    </row>
    <row r="373389" spans="8:8">
      <c r="H373389" s="12"/>
    </row>
    <row r="373390" spans="8:8">
      <c r="H373390" s="12"/>
    </row>
    <row r="373391" spans="8:8">
      <c r="H373391" s="12"/>
    </row>
    <row r="373392" spans="8:8">
      <c r="H373392" s="12"/>
    </row>
    <row r="373393" spans="8:8">
      <c r="H373393" s="12"/>
    </row>
    <row r="373394" spans="8:8">
      <c r="H373394" s="12"/>
    </row>
    <row r="373395" spans="8:8">
      <c r="H373395" s="12"/>
    </row>
    <row r="373396" spans="8:8">
      <c r="H373396" s="12"/>
    </row>
    <row r="373397" spans="8:8">
      <c r="H373397" s="12"/>
    </row>
    <row r="373398" spans="8:8">
      <c r="H373398" s="12"/>
    </row>
    <row r="373399" spans="8:8">
      <c r="H373399" s="12"/>
    </row>
    <row r="373400" spans="8:8">
      <c r="H373400" s="12"/>
    </row>
    <row r="373401" spans="8:8">
      <c r="H373401" s="12"/>
    </row>
    <row r="373402" spans="8:8">
      <c r="H373402" s="12"/>
    </row>
    <row r="373403" spans="8:8">
      <c r="H373403" s="12"/>
    </row>
    <row r="373404" spans="8:8">
      <c r="H373404" s="12"/>
    </row>
    <row r="373405" spans="8:8">
      <c r="H373405" s="12"/>
    </row>
    <row r="373406" spans="8:8">
      <c r="H373406" s="12"/>
    </row>
    <row r="373407" spans="8:8">
      <c r="H373407" s="12"/>
    </row>
    <row r="373408" spans="8:8">
      <c r="H373408" s="12"/>
    </row>
    <row r="373409" spans="8:8">
      <c r="H373409" s="12"/>
    </row>
    <row r="373410" spans="8:8">
      <c r="H373410" s="12"/>
    </row>
    <row r="373411" spans="8:8">
      <c r="H373411" s="12"/>
    </row>
    <row r="373412" spans="8:8">
      <c r="H373412" s="12"/>
    </row>
    <row r="373413" spans="8:8">
      <c r="H373413" s="12"/>
    </row>
    <row r="373414" spans="8:8">
      <c r="H373414" s="12"/>
    </row>
    <row r="373415" spans="8:8">
      <c r="H373415" s="12"/>
    </row>
    <row r="373416" spans="8:8">
      <c r="H373416" s="12"/>
    </row>
    <row r="373417" spans="8:8">
      <c r="H373417" s="12"/>
    </row>
    <row r="373418" spans="8:8">
      <c r="H373418" s="12"/>
    </row>
    <row r="373419" spans="8:8">
      <c r="H373419" s="12"/>
    </row>
    <row r="373420" spans="8:8">
      <c r="H373420" s="12"/>
    </row>
    <row r="373421" spans="8:8">
      <c r="H373421" s="12"/>
    </row>
    <row r="373422" spans="8:8">
      <c r="H373422" s="12"/>
    </row>
    <row r="373423" spans="8:8">
      <c r="H373423" s="12"/>
    </row>
    <row r="373424" spans="8:8">
      <c r="H373424" s="12"/>
    </row>
    <row r="373425" spans="8:8">
      <c r="H373425" s="12"/>
    </row>
    <row r="373426" spans="8:8">
      <c r="H373426" s="12"/>
    </row>
    <row r="373427" spans="8:8">
      <c r="H373427" s="12"/>
    </row>
    <row r="373428" spans="8:8">
      <c r="H373428" s="12"/>
    </row>
    <row r="373429" spans="8:8">
      <c r="H373429" s="12"/>
    </row>
    <row r="373430" spans="8:8">
      <c r="H373430" s="12"/>
    </row>
    <row r="373431" spans="8:8">
      <c r="H373431" s="12"/>
    </row>
    <row r="373432" spans="8:8">
      <c r="H373432" s="12"/>
    </row>
    <row r="373433" spans="8:8">
      <c r="H373433" s="12"/>
    </row>
    <row r="373434" spans="8:8">
      <c r="H373434" s="12"/>
    </row>
    <row r="373435" spans="8:8">
      <c r="H373435" s="12"/>
    </row>
    <row r="373436" spans="8:8">
      <c r="H373436" s="12"/>
    </row>
    <row r="373437" spans="8:8">
      <c r="H373437" s="12"/>
    </row>
    <row r="373438" spans="8:8">
      <c r="H373438" s="12"/>
    </row>
    <row r="373439" spans="8:8">
      <c r="H373439" s="12"/>
    </row>
    <row r="373440" spans="8:8">
      <c r="H373440" s="12"/>
    </row>
    <row r="373441" spans="8:8">
      <c r="H373441" s="12"/>
    </row>
    <row r="373442" spans="8:8">
      <c r="H373442" s="12"/>
    </row>
    <row r="373443" spans="8:8">
      <c r="H373443" s="12"/>
    </row>
    <row r="373444" spans="8:8">
      <c r="H373444" s="12"/>
    </row>
    <row r="373445" spans="8:8">
      <c r="H373445" s="12"/>
    </row>
    <row r="373446" spans="8:8">
      <c r="H373446" s="12"/>
    </row>
    <row r="373447" spans="8:8">
      <c r="H373447" s="12"/>
    </row>
    <row r="373448" spans="8:8">
      <c r="H373448" s="12"/>
    </row>
    <row r="373449" spans="8:8">
      <c r="H373449" s="12"/>
    </row>
    <row r="373450" spans="8:8">
      <c r="H373450" s="12"/>
    </row>
    <row r="373451" spans="8:8">
      <c r="H373451" s="12"/>
    </row>
    <row r="373452" spans="8:8">
      <c r="H373452" s="12"/>
    </row>
    <row r="373453" spans="8:8">
      <c r="H373453" s="12"/>
    </row>
    <row r="373454" spans="8:8">
      <c r="H373454" s="12"/>
    </row>
    <row r="373455" spans="8:8">
      <c r="H373455" s="12"/>
    </row>
    <row r="373456" spans="8:8">
      <c r="H373456" s="12"/>
    </row>
    <row r="373457" spans="8:8">
      <c r="H373457" s="12"/>
    </row>
    <row r="373458" spans="8:8">
      <c r="H373458" s="12"/>
    </row>
    <row r="373459" spans="8:8">
      <c r="H373459" s="12"/>
    </row>
    <row r="373460" spans="8:8">
      <c r="H373460" s="12"/>
    </row>
    <row r="373461" spans="8:8">
      <c r="H373461" s="12"/>
    </row>
    <row r="373462" spans="8:8">
      <c r="H373462" s="12"/>
    </row>
    <row r="373463" spans="8:8">
      <c r="H373463" s="12"/>
    </row>
    <row r="373464" spans="8:8">
      <c r="H373464" s="12"/>
    </row>
    <row r="373465" spans="8:8">
      <c r="H373465" s="12"/>
    </row>
    <row r="373466" spans="8:8">
      <c r="H373466" s="12"/>
    </row>
    <row r="373467" spans="8:8">
      <c r="H373467" s="12"/>
    </row>
    <row r="373468" spans="8:8">
      <c r="H373468" s="12"/>
    </row>
    <row r="373469" spans="8:8">
      <c r="H373469" s="12"/>
    </row>
    <row r="373470" spans="8:8">
      <c r="H373470" s="12"/>
    </row>
    <row r="373471" spans="8:8">
      <c r="H373471" s="12"/>
    </row>
    <row r="373472" spans="8:8">
      <c r="H373472" s="12"/>
    </row>
    <row r="373473" spans="8:8">
      <c r="H373473" s="12"/>
    </row>
    <row r="373474" spans="8:8">
      <c r="H373474" s="12"/>
    </row>
    <row r="373475" spans="8:8">
      <c r="H373475" s="12"/>
    </row>
    <row r="373476" spans="8:8">
      <c r="H373476" s="12"/>
    </row>
    <row r="373477" spans="8:8">
      <c r="H373477" s="12"/>
    </row>
    <row r="373478" spans="8:8">
      <c r="H373478" s="12"/>
    </row>
    <row r="373479" spans="8:8">
      <c r="H373479" s="12"/>
    </row>
    <row r="373480" spans="8:8">
      <c r="H373480" s="12"/>
    </row>
    <row r="373481" spans="8:8">
      <c r="H373481" s="12"/>
    </row>
    <row r="373482" spans="8:8">
      <c r="H373482" s="12"/>
    </row>
    <row r="373483" spans="8:8">
      <c r="H373483" s="12"/>
    </row>
    <row r="373484" spans="8:8">
      <c r="H373484" s="12"/>
    </row>
    <row r="373485" spans="8:8">
      <c r="H373485" s="12"/>
    </row>
    <row r="373486" spans="8:8">
      <c r="H373486" s="12"/>
    </row>
    <row r="373487" spans="8:8">
      <c r="H373487" s="12"/>
    </row>
    <row r="373488" spans="8:8">
      <c r="H373488" s="12"/>
    </row>
    <row r="373489" spans="8:8">
      <c r="H373489" s="12"/>
    </row>
    <row r="373490" spans="8:8">
      <c r="H373490" s="12"/>
    </row>
    <row r="373491" spans="8:8">
      <c r="H373491" s="12"/>
    </row>
    <row r="373492" spans="8:8">
      <c r="H373492" s="12"/>
    </row>
    <row r="373493" spans="8:8">
      <c r="H373493" s="12"/>
    </row>
    <row r="373494" spans="8:8">
      <c r="H373494" s="12"/>
    </row>
    <row r="373495" spans="8:8">
      <c r="H373495" s="12"/>
    </row>
    <row r="373496" spans="8:8">
      <c r="H373496" s="12"/>
    </row>
    <row r="373497" spans="8:8">
      <c r="H373497" s="12"/>
    </row>
    <row r="373498" spans="8:8">
      <c r="H373498" s="12"/>
    </row>
    <row r="373499" spans="8:8">
      <c r="H373499" s="12"/>
    </row>
    <row r="373500" spans="8:8">
      <c r="H373500" s="12"/>
    </row>
    <row r="373501" spans="8:8">
      <c r="H373501" s="12"/>
    </row>
    <row r="373502" spans="8:8">
      <c r="H373502" s="12"/>
    </row>
    <row r="373503" spans="8:8">
      <c r="H373503" s="12"/>
    </row>
    <row r="373504" spans="8:8">
      <c r="H373504" s="12"/>
    </row>
    <row r="373505" spans="8:8">
      <c r="H373505" s="12"/>
    </row>
    <row r="373506" spans="8:8">
      <c r="H373506" s="12"/>
    </row>
    <row r="373507" spans="8:8">
      <c r="H373507" s="12"/>
    </row>
    <row r="373508" spans="8:8">
      <c r="H373508" s="12"/>
    </row>
    <row r="373509" spans="8:8">
      <c r="H373509" s="12"/>
    </row>
    <row r="373510" spans="8:8">
      <c r="H373510" s="12"/>
    </row>
    <row r="373511" spans="8:8">
      <c r="H373511" s="12"/>
    </row>
    <row r="373512" spans="8:8">
      <c r="H373512" s="12"/>
    </row>
    <row r="373513" spans="8:8">
      <c r="H373513" s="12"/>
    </row>
    <row r="373514" spans="8:8">
      <c r="H373514" s="12"/>
    </row>
    <row r="373515" spans="8:8">
      <c r="H373515" s="12"/>
    </row>
    <row r="373516" spans="8:8">
      <c r="H373516" s="12"/>
    </row>
    <row r="373517" spans="8:8">
      <c r="H373517" s="12"/>
    </row>
    <row r="373518" spans="8:8">
      <c r="H373518" s="12"/>
    </row>
    <row r="373519" spans="8:8">
      <c r="H373519" s="12"/>
    </row>
    <row r="373520" spans="8:8">
      <c r="H373520" s="12"/>
    </row>
    <row r="373521" spans="8:8">
      <c r="H373521" s="12"/>
    </row>
    <row r="373522" spans="8:8">
      <c r="H373522" s="12"/>
    </row>
    <row r="373523" spans="8:8">
      <c r="H373523" s="12"/>
    </row>
    <row r="373524" spans="8:8">
      <c r="H373524" s="12"/>
    </row>
    <row r="373525" spans="8:8">
      <c r="H373525" s="12"/>
    </row>
    <row r="373526" spans="8:8">
      <c r="H373526" s="12"/>
    </row>
    <row r="373527" spans="8:8">
      <c r="H373527" s="12"/>
    </row>
    <row r="373528" spans="8:8">
      <c r="H373528" s="12"/>
    </row>
    <row r="373529" spans="8:8">
      <c r="H373529" s="12"/>
    </row>
    <row r="373530" spans="8:8">
      <c r="H373530" s="12"/>
    </row>
    <row r="373531" spans="8:8">
      <c r="H373531" s="12"/>
    </row>
    <row r="373532" spans="8:8">
      <c r="H373532" s="12"/>
    </row>
    <row r="373533" spans="8:8">
      <c r="H373533" s="12"/>
    </row>
    <row r="373534" spans="8:8">
      <c r="H373534" s="12"/>
    </row>
    <row r="373535" spans="8:8">
      <c r="H373535" s="12"/>
    </row>
    <row r="373536" spans="8:8">
      <c r="H373536" s="12"/>
    </row>
    <row r="373537" spans="8:8">
      <c r="H373537" s="12"/>
    </row>
    <row r="373538" spans="8:8">
      <c r="H373538" s="12"/>
    </row>
    <row r="373539" spans="8:8">
      <c r="H373539" s="12"/>
    </row>
    <row r="373540" spans="8:8">
      <c r="H373540" s="12"/>
    </row>
    <row r="373541" spans="8:8">
      <c r="H373541" s="12"/>
    </row>
    <row r="373542" spans="8:8">
      <c r="H373542" s="12"/>
    </row>
    <row r="373543" spans="8:8">
      <c r="H373543" s="12"/>
    </row>
    <row r="373544" spans="8:8">
      <c r="H373544" s="12"/>
    </row>
    <row r="373545" spans="8:8">
      <c r="H373545" s="12"/>
    </row>
    <row r="373546" spans="8:8">
      <c r="H373546" s="12"/>
    </row>
    <row r="373547" spans="8:8">
      <c r="H373547" s="12"/>
    </row>
    <row r="373548" spans="8:8">
      <c r="H373548" s="12"/>
    </row>
    <row r="373549" spans="8:8">
      <c r="H373549" s="12"/>
    </row>
    <row r="373550" spans="8:8">
      <c r="H373550" s="12"/>
    </row>
    <row r="373551" spans="8:8">
      <c r="H373551" s="12"/>
    </row>
    <row r="373552" spans="8:8">
      <c r="H373552" s="12"/>
    </row>
    <row r="373553" spans="8:8">
      <c r="H373553" s="12"/>
    </row>
    <row r="373554" spans="8:8">
      <c r="H373554" s="12"/>
    </row>
    <row r="373555" spans="8:8">
      <c r="H373555" s="12"/>
    </row>
    <row r="373556" spans="8:8">
      <c r="H373556" s="12"/>
    </row>
    <row r="373557" spans="8:8">
      <c r="H373557" s="12"/>
    </row>
    <row r="373558" spans="8:8">
      <c r="H373558" s="12"/>
    </row>
    <row r="373559" spans="8:8">
      <c r="H373559" s="12"/>
    </row>
    <row r="373560" spans="8:8">
      <c r="H373560" s="12"/>
    </row>
    <row r="373561" spans="8:8">
      <c r="H373561" s="12"/>
    </row>
    <row r="373562" spans="8:8">
      <c r="H373562" s="12"/>
    </row>
    <row r="373563" spans="8:8">
      <c r="H373563" s="12"/>
    </row>
    <row r="373564" spans="8:8">
      <c r="H373564" s="12"/>
    </row>
    <row r="373565" spans="8:8">
      <c r="H373565" s="12"/>
    </row>
    <row r="373566" spans="8:8">
      <c r="H373566" s="12"/>
    </row>
    <row r="373567" spans="8:8">
      <c r="H373567" s="12"/>
    </row>
    <row r="373568" spans="8:8">
      <c r="H373568" s="12"/>
    </row>
    <row r="373569" spans="8:8">
      <c r="H373569" s="12"/>
    </row>
    <row r="373570" spans="8:8">
      <c r="H373570" s="12"/>
    </row>
    <row r="373571" spans="8:8">
      <c r="H373571" s="12"/>
    </row>
    <row r="373572" spans="8:8">
      <c r="H373572" s="12"/>
    </row>
    <row r="373573" spans="8:8">
      <c r="H373573" s="12"/>
    </row>
    <row r="373574" spans="8:8">
      <c r="H373574" s="12"/>
    </row>
    <row r="373575" spans="8:8">
      <c r="H373575" s="12"/>
    </row>
    <row r="373576" spans="8:8">
      <c r="H373576" s="12"/>
    </row>
    <row r="373577" spans="8:8">
      <c r="H373577" s="12"/>
    </row>
    <row r="373578" spans="8:8">
      <c r="H373578" s="12"/>
    </row>
    <row r="373579" spans="8:8">
      <c r="H373579" s="12"/>
    </row>
    <row r="373580" spans="8:8">
      <c r="H373580" s="12"/>
    </row>
    <row r="373581" spans="8:8">
      <c r="H373581" s="12"/>
    </row>
    <row r="373582" spans="8:8">
      <c r="H373582" s="12"/>
    </row>
    <row r="373583" spans="8:8">
      <c r="H373583" s="12"/>
    </row>
    <row r="373584" spans="8:8">
      <c r="H373584" s="12"/>
    </row>
    <row r="373585" spans="8:8">
      <c r="H373585" s="12"/>
    </row>
    <row r="373586" spans="8:8">
      <c r="H373586" s="12"/>
    </row>
    <row r="373587" spans="8:8">
      <c r="H373587" s="12"/>
    </row>
    <row r="373588" spans="8:8">
      <c r="H373588" s="12"/>
    </row>
    <row r="373589" spans="8:8">
      <c r="H373589" s="12"/>
    </row>
    <row r="373590" spans="8:8">
      <c r="H373590" s="12"/>
    </row>
    <row r="373591" spans="8:8">
      <c r="H373591" s="12"/>
    </row>
    <row r="373592" spans="8:8">
      <c r="H373592" s="12"/>
    </row>
    <row r="373593" spans="8:8">
      <c r="H373593" s="12"/>
    </row>
    <row r="373594" spans="8:8">
      <c r="H373594" s="12"/>
    </row>
    <row r="373595" spans="8:8">
      <c r="H373595" s="12"/>
    </row>
    <row r="373596" spans="8:8">
      <c r="H373596" s="12"/>
    </row>
    <row r="373597" spans="8:8">
      <c r="H373597" s="12"/>
    </row>
    <row r="373598" spans="8:8">
      <c r="H373598" s="12"/>
    </row>
    <row r="373599" spans="8:8">
      <c r="H373599" s="12"/>
    </row>
    <row r="373600" spans="8:8">
      <c r="H373600" s="12"/>
    </row>
    <row r="373601" spans="8:8">
      <c r="H373601" s="12"/>
    </row>
    <row r="373602" spans="8:8">
      <c r="H373602" s="12"/>
    </row>
    <row r="373603" spans="8:8">
      <c r="H373603" s="12"/>
    </row>
    <row r="373604" spans="8:8">
      <c r="H373604" s="12"/>
    </row>
    <row r="373605" spans="8:8">
      <c r="H373605" s="12"/>
    </row>
    <row r="373606" spans="8:8">
      <c r="H373606" s="12"/>
    </row>
    <row r="373607" spans="8:8">
      <c r="H373607" s="12"/>
    </row>
    <row r="373608" spans="8:8">
      <c r="H373608" s="12"/>
    </row>
    <row r="373609" spans="8:8">
      <c r="H373609" s="12"/>
    </row>
    <row r="373610" spans="8:8">
      <c r="H373610" s="12"/>
    </row>
    <row r="373611" spans="8:8">
      <c r="H373611" s="12"/>
    </row>
    <row r="373612" spans="8:8">
      <c r="H373612" s="12"/>
    </row>
    <row r="373613" spans="8:8">
      <c r="H373613" s="12"/>
    </row>
    <row r="373614" spans="8:8">
      <c r="H373614" s="12"/>
    </row>
    <row r="373615" spans="8:8">
      <c r="H373615" s="12"/>
    </row>
    <row r="373616" spans="8:8">
      <c r="H373616" s="12"/>
    </row>
    <row r="373617" spans="8:8">
      <c r="H373617" s="12"/>
    </row>
    <row r="373618" spans="8:8">
      <c r="H373618" s="12"/>
    </row>
    <row r="373619" spans="8:8">
      <c r="H373619" s="12"/>
    </row>
    <row r="373620" spans="8:8">
      <c r="H373620" s="12"/>
    </row>
    <row r="373621" spans="8:8">
      <c r="H373621" s="12"/>
    </row>
    <row r="373622" spans="8:8">
      <c r="H373622" s="12"/>
    </row>
    <row r="373623" spans="8:8">
      <c r="H373623" s="12"/>
    </row>
    <row r="373624" spans="8:8">
      <c r="H373624" s="12"/>
    </row>
    <row r="373625" spans="8:8">
      <c r="H373625" s="12"/>
    </row>
    <row r="373626" spans="8:8">
      <c r="H373626" s="12"/>
    </row>
    <row r="373627" spans="8:8">
      <c r="H373627" s="12"/>
    </row>
    <row r="373628" spans="8:8">
      <c r="H373628" s="12"/>
    </row>
    <row r="373629" spans="8:8">
      <c r="H373629" s="12"/>
    </row>
    <row r="373630" spans="8:8">
      <c r="H373630" s="12"/>
    </row>
    <row r="373631" spans="8:8">
      <c r="H373631" s="12"/>
    </row>
    <row r="373632" spans="8:8">
      <c r="H373632" s="12"/>
    </row>
    <row r="373633" spans="8:8">
      <c r="H373633" s="12"/>
    </row>
    <row r="373634" spans="8:8">
      <c r="H373634" s="12"/>
    </row>
    <row r="373635" spans="8:8">
      <c r="H373635" s="12"/>
    </row>
    <row r="373636" spans="8:8">
      <c r="H373636" s="12"/>
    </row>
    <row r="373637" spans="8:8">
      <c r="H373637" s="12"/>
    </row>
    <row r="373638" spans="8:8">
      <c r="H373638" s="12"/>
    </row>
    <row r="373639" spans="8:8">
      <c r="H373639" s="12"/>
    </row>
    <row r="373640" spans="8:8">
      <c r="H373640" s="12"/>
    </row>
    <row r="373641" spans="8:8">
      <c r="H373641" s="12"/>
    </row>
    <row r="373642" spans="8:8">
      <c r="H373642" s="12"/>
    </row>
    <row r="373643" spans="8:8">
      <c r="H373643" s="12"/>
    </row>
    <row r="373644" spans="8:8">
      <c r="H373644" s="12"/>
    </row>
    <row r="373645" spans="8:8">
      <c r="H373645" s="12"/>
    </row>
    <row r="373646" spans="8:8">
      <c r="H373646" s="12"/>
    </row>
    <row r="373647" spans="8:8">
      <c r="H373647" s="12"/>
    </row>
    <row r="373648" spans="8:8">
      <c r="H373648" s="12"/>
    </row>
    <row r="373649" spans="8:8">
      <c r="H373649" s="12"/>
    </row>
    <row r="373650" spans="8:8">
      <c r="H373650" s="12"/>
    </row>
    <row r="373651" spans="8:8">
      <c r="H373651" s="12"/>
    </row>
    <row r="373652" spans="8:8">
      <c r="H373652" s="12"/>
    </row>
    <row r="373653" spans="8:8">
      <c r="H373653" s="12"/>
    </row>
    <row r="373654" spans="8:8">
      <c r="H373654" s="12"/>
    </row>
    <row r="373655" spans="8:8">
      <c r="H373655" s="12"/>
    </row>
    <row r="373656" spans="8:8">
      <c r="H373656" s="12"/>
    </row>
    <row r="373657" spans="8:8">
      <c r="H373657" s="12"/>
    </row>
    <row r="373658" spans="8:8">
      <c r="H373658" s="12"/>
    </row>
    <row r="373659" spans="8:8">
      <c r="H373659" s="12"/>
    </row>
    <row r="373660" spans="8:8">
      <c r="H373660" s="12"/>
    </row>
    <row r="373661" spans="8:8">
      <c r="H373661" s="12"/>
    </row>
    <row r="373662" spans="8:8">
      <c r="H373662" s="12"/>
    </row>
    <row r="373663" spans="8:8">
      <c r="H373663" s="12"/>
    </row>
    <row r="373664" spans="8:8">
      <c r="H373664" s="12"/>
    </row>
    <row r="373665" spans="8:8">
      <c r="H373665" s="12"/>
    </row>
    <row r="373666" spans="8:8">
      <c r="H373666" s="12"/>
    </row>
    <row r="373667" spans="8:8">
      <c r="H373667" s="12"/>
    </row>
    <row r="373668" spans="8:8">
      <c r="H373668" s="12"/>
    </row>
    <row r="373669" spans="8:8">
      <c r="H373669" s="12"/>
    </row>
    <row r="373670" spans="8:8">
      <c r="H373670" s="12"/>
    </row>
    <row r="373671" spans="8:8">
      <c r="H373671" s="12"/>
    </row>
    <row r="373672" spans="8:8">
      <c r="H373672" s="12"/>
    </row>
    <row r="373673" spans="8:8">
      <c r="H373673" s="12"/>
    </row>
    <row r="373674" spans="8:8">
      <c r="H373674" s="12"/>
    </row>
    <row r="373675" spans="8:8">
      <c r="H373675" s="12"/>
    </row>
    <row r="373676" spans="8:8">
      <c r="H373676" s="12"/>
    </row>
    <row r="373677" spans="8:8">
      <c r="H373677" s="12"/>
    </row>
    <row r="373678" spans="8:8">
      <c r="H373678" s="12"/>
    </row>
    <row r="373679" spans="8:8">
      <c r="H373679" s="12"/>
    </row>
    <row r="373680" spans="8:8">
      <c r="H373680" s="12"/>
    </row>
    <row r="373681" spans="8:8">
      <c r="H373681" s="12"/>
    </row>
    <row r="373682" spans="8:8">
      <c r="H373682" s="12"/>
    </row>
    <row r="373683" spans="8:8">
      <c r="H373683" s="12"/>
    </row>
    <row r="373684" spans="8:8">
      <c r="H373684" s="12"/>
    </row>
    <row r="373685" spans="8:8">
      <c r="H373685" s="12"/>
    </row>
    <row r="373686" spans="8:8">
      <c r="H373686" s="12"/>
    </row>
    <row r="373687" spans="8:8">
      <c r="H373687" s="12"/>
    </row>
    <row r="373688" spans="8:8">
      <c r="H373688" s="12"/>
    </row>
    <row r="373689" spans="8:8">
      <c r="H373689" s="12"/>
    </row>
    <row r="373690" spans="8:8">
      <c r="H373690" s="12"/>
    </row>
    <row r="373691" spans="8:8">
      <c r="H373691" s="12"/>
    </row>
    <row r="373692" spans="8:8">
      <c r="H373692" s="12"/>
    </row>
    <row r="373693" spans="8:8">
      <c r="H373693" s="12"/>
    </row>
    <row r="373694" spans="8:8">
      <c r="H373694" s="12"/>
    </row>
    <row r="373695" spans="8:8">
      <c r="H373695" s="12"/>
    </row>
    <row r="373696" spans="8:8">
      <c r="H373696" s="12"/>
    </row>
    <row r="373697" spans="8:8">
      <c r="H373697" s="12"/>
    </row>
    <row r="373698" spans="8:8">
      <c r="H373698" s="12"/>
    </row>
    <row r="373699" spans="8:8">
      <c r="H373699" s="12"/>
    </row>
    <row r="373700" spans="8:8">
      <c r="H373700" s="12"/>
    </row>
    <row r="373701" spans="8:8">
      <c r="H373701" s="12"/>
    </row>
    <row r="373702" spans="8:8">
      <c r="H373702" s="12"/>
    </row>
    <row r="373703" spans="8:8">
      <c r="H373703" s="12"/>
    </row>
    <row r="373704" spans="8:8">
      <c r="H373704" s="12"/>
    </row>
    <row r="373705" spans="8:8">
      <c r="H373705" s="12"/>
    </row>
    <row r="373706" spans="8:8">
      <c r="H373706" s="12"/>
    </row>
    <row r="373707" spans="8:8">
      <c r="H373707" s="12"/>
    </row>
    <row r="373708" spans="8:8">
      <c r="H373708" s="12"/>
    </row>
    <row r="373709" spans="8:8">
      <c r="H373709" s="12"/>
    </row>
    <row r="373710" spans="8:8">
      <c r="H373710" s="12"/>
    </row>
    <row r="373711" spans="8:8">
      <c r="H373711" s="12"/>
    </row>
    <row r="373712" spans="8:8">
      <c r="H373712" s="12"/>
    </row>
    <row r="373713" spans="8:8">
      <c r="H373713" s="12"/>
    </row>
    <row r="373714" spans="8:8">
      <c r="H373714" s="12"/>
    </row>
    <row r="373715" spans="8:8">
      <c r="H373715" s="12"/>
    </row>
    <row r="373716" spans="8:8">
      <c r="H373716" s="12"/>
    </row>
    <row r="373717" spans="8:8">
      <c r="H373717" s="12"/>
    </row>
    <row r="373718" spans="8:8">
      <c r="H373718" s="12"/>
    </row>
    <row r="373719" spans="8:8">
      <c r="H373719" s="12"/>
    </row>
    <row r="373720" spans="8:8">
      <c r="H373720" s="12"/>
    </row>
    <row r="373721" spans="8:8">
      <c r="H373721" s="12"/>
    </row>
    <row r="373722" spans="8:8">
      <c r="H373722" s="12"/>
    </row>
    <row r="373723" spans="8:8">
      <c r="H373723" s="12"/>
    </row>
    <row r="373724" spans="8:8">
      <c r="H373724" s="12"/>
    </row>
    <row r="373725" spans="8:8">
      <c r="H373725" s="12"/>
    </row>
    <row r="373726" spans="8:8">
      <c r="H373726" s="12"/>
    </row>
    <row r="373727" spans="8:8">
      <c r="H373727" s="12"/>
    </row>
    <row r="373728" spans="8:8">
      <c r="H373728" s="12"/>
    </row>
    <row r="373729" spans="8:8">
      <c r="H373729" s="12"/>
    </row>
    <row r="373730" spans="8:8">
      <c r="H373730" s="12"/>
    </row>
    <row r="373731" spans="8:8">
      <c r="H373731" s="12"/>
    </row>
    <row r="373732" spans="8:8">
      <c r="H373732" s="12"/>
    </row>
    <row r="373733" spans="8:8">
      <c r="H373733" s="12"/>
    </row>
    <row r="373734" spans="8:8">
      <c r="H373734" s="12"/>
    </row>
    <row r="373735" spans="8:8">
      <c r="H373735" s="12"/>
    </row>
    <row r="373736" spans="8:8">
      <c r="H373736" s="12"/>
    </row>
    <row r="373737" spans="8:8">
      <c r="H373737" s="12"/>
    </row>
    <row r="373738" spans="8:8">
      <c r="H373738" s="12"/>
    </row>
    <row r="373739" spans="8:8">
      <c r="H373739" s="12"/>
    </row>
    <row r="373740" spans="8:8">
      <c r="H373740" s="12"/>
    </row>
    <row r="373741" spans="8:8">
      <c r="H373741" s="12"/>
    </row>
    <row r="373742" spans="8:8">
      <c r="H373742" s="12"/>
    </row>
    <row r="373743" spans="8:8">
      <c r="H373743" s="12"/>
    </row>
    <row r="373744" spans="8:8">
      <c r="H373744" s="12"/>
    </row>
    <row r="373745" spans="8:8">
      <c r="H373745" s="12"/>
    </row>
    <row r="373746" spans="8:8">
      <c r="H373746" s="12"/>
    </row>
    <row r="373747" spans="8:8">
      <c r="H373747" s="12"/>
    </row>
    <row r="373748" spans="8:8">
      <c r="H373748" s="12"/>
    </row>
    <row r="373749" spans="8:8">
      <c r="H373749" s="12"/>
    </row>
    <row r="373750" spans="8:8">
      <c r="H373750" s="12"/>
    </row>
    <row r="373751" spans="8:8">
      <c r="H373751" s="12"/>
    </row>
    <row r="373752" spans="8:8">
      <c r="H373752" s="12"/>
    </row>
    <row r="373753" spans="8:8">
      <c r="H373753" s="12"/>
    </row>
    <row r="373754" spans="8:8">
      <c r="H373754" s="12"/>
    </row>
    <row r="373755" spans="8:8">
      <c r="H373755" s="12"/>
    </row>
    <row r="373756" spans="8:8">
      <c r="H373756" s="12"/>
    </row>
    <row r="373757" spans="8:8">
      <c r="H373757" s="12"/>
    </row>
    <row r="373758" spans="8:8">
      <c r="H373758" s="12"/>
    </row>
    <row r="373759" spans="8:8">
      <c r="H373759" s="12"/>
    </row>
    <row r="373760" spans="8:8">
      <c r="H373760" s="12"/>
    </row>
    <row r="373761" spans="8:8">
      <c r="H373761" s="12"/>
    </row>
    <row r="373762" spans="8:8">
      <c r="H373762" s="12"/>
    </row>
    <row r="373763" spans="8:8">
      <c r="H373763" s="12"/>
    </row>
    <row r="373764" spans="8:8">
      <c r="H373764" s="12"/>
    </row>
    <row r="373765" spans="8:8">
      <c r="H373765" s="12"/>
    </row>
    <row r="373766" spans="8:8">
      <c r="H373766" s="12"/>
    </row>
    <row r="373767" spans="8:8">
      <c r="H373767" s="12"/>
    </row>
    <row r="373768" spans="8:8">
      <c r="H373768" s="12"/>
    </row>
    <row r="373769" spans="8:8">
      <c r="H373769" s="12"/>
    </row>
    <row r="373770" spans="8:8">
      <c r="H373770" s="12"/>
    </row>
    <row r="373771" spans="8:8">
      <c r="H373771" s="12"/>
    </row>
    <row r="373772" spans="8:8">
      <c r="H373772" s="12"/>
    </row>
    <row r="373773" spans="8:8">
      <c r="H373773" s="12"/>
    </row>
    <row r="373774" spans="8:8">
      <c r="H373774" s="12"/>
    </row>
    <row r="373775" spans="8:8">
      <c r="H373775" s="12"/>
    </row>
    <row r="373776" spans="8:8">
      <c r="H373776" s="12"/>
    </row>
    <row r="373777" spans="8:8">
      <c r="H373777" s="12"/>
    </row>
    <row r="373778" spans="8:8">
      <c r="H373778" s="12"/>
    </row>
    <row r="373779" spans="8:8">
      <c r="H373779" s="12"/>
    </row>
    <row r="373780" spans="8:8">
      <c r="H373780" s="12"/>
    </row>
    <row r="373781" spans="8:8">
      <c r="H373781" s="12"/>
    </row>
    <row r="373782" spans="8:8">
      <c r="H373782" s="12"/>
    </row>
    <row r="373783" spans="8:8">
      <c r="H373783" s="12"/>
    </row>
    <row r="373784" spans="8:8">
      <c r="H373784" s="12"/>
    </row>
    <row r="373785" spans="8:8">
      <c r="H373785" s="12"/>
    </row>
    <row r="373786" spans="8:8">
      <c r="H373786" s="12"/>
    </row>
    <row r="373787" spans="8:8">
      <c r="H373787" s="12"/>
    </row>
    <row r="373788" spans="8:8">
      <c r="H373788" s="12"/>
    </row>
    <row r="373789" spans="8:8">
      <c r="H373789" s="12"/>
    </row>
    <row r="373790" spans="8:8">
      <c r="H373790" s="12"/>
    </row>
    <row r="373791" spans="8:8">
      <c r="H373791" s="12"/>
    </row>
    <row r="373792" spans="8:8">
      <c r="H373792" s="12"/>
    </row>
    <row r="373793" spans="8:8">
      <c r="H373793" s="12"/>
    </row>
    <row r="373794" spans="8:8">
      <c r="H373794" s="12"/>
    </row>
    <row r="373795" spans="8:8">
      <c r="H373795" s="12"/>
    </row>
    <row r="373796" spans="8:8">
      <c r="H373796" s="12"/>
    </row>
    <row r="373797" spans="8:8">
      <c r="H373797" s="12"/>
    </row>
    <row r="373798" spans="8:8">
      <c r="H373798" s="12"/>
    </row>
    <row r="373799" spans="8:8">
      <c r="H373799" s="12"/>
    </row>
    <row r="373800" spans="8:8">
      <c r="H373800" s="12"/>
    </row>
    <row r="373801" spans="8:8">
      <c r="H373801" s="12"/>
    </row>
    <row r="373802" spans="8:8">
      <c r="H373802" s="12"/>
    </row>
    <row r="373803" spans="8:8">
      <c r="H373803" s="12"/>
    </row>
    <row r="373804" spans="8:8">
      <c r="H373804" s="12"/>
    </row>
    <row r="373805" spans="8:8">
      <c r="H373805" s="12"/>
    </row>
    <row r="373806" spans="8:8">
      <c r="H373806" s="12"/>
    </row>
    <row r="373807" spans="8:8">
      <c r="H373807" s="12"/>
    </row>
    <row r="373808" spans="8:8">
      <c r="H373808" s="12"/>
    </row>
    <row r="373809" spans="8:8">
      <c r="H373809" s="12"/>
    </row>
    <row r="373810" spans="8:8">
      <c r="H373810" s="12"/>
    </row>
    <row r="373811" spans="8:8">
      <c r="H373811" s="12"/>
    </row>
    <row r="373812" spans="8:8">
      <c r="H373812" s="12"/>
    </row>
    <row r="373813" spans="8:8">
      <c r="H373813" s="12"/>
    </row>
    <row r="373814" spans="8:8">
      <c r="H373814" s="12"/>
    </row>
    <row r="373815" spans="8:8">
      <c r="H373815" s="12"/>
    </row>
    <row r="373816" spans="8:8">
      <c r="H373816" s="12"/>
    </row>
    <row r="373817" spans="8:8">
      <c r="H373817" s="12"/>
    </row>
    <row r="373818" spans="8:8">
      <c r="H373818" s="12"/>
    </row>
    <row r="373819" spans="8:8">
      <c r="H373819" s="12"/>
    </row>
    <row r="373820" spans="8:8">
      <c r="H373820" s="12"/>
    </row>
    <row r="373821" spans="8:8">
      <c r="H373821" s="12"/>
    </row>
    <row r="373822" spans="8:8">
      <c r="H373822" s="12"/>
    </row>
    <row r="373823" spans="8:8">
      <c r="H373823" s="12"/>
    </row>
    <row r="373824" spans="8:8">
      <c r="H373824" s="12"/>
    </row>
    <row r="373825" spans="8:8">
      <c r="H373825" s="12"/>
    </row>
    <row r="373826" spans="8:8">
      <c r="H373826" s="12"/>
    </row>
    <row r="373827" spans="8:8">
      <c r="H373827" s="12"/>
    </row>
    <row r="373828" spans="8:8">
      <c r="H373828" s="12"/>
    </row>
    <row r="373829" spans="8:8">
      <c r="H373829" s="12"/>
    </row>
    <row r="373830" spans="8:8">
      <c r="H373830" s="12"/>
    </row>
    <row r="373831" spans="8:8">
      <c r="H373831" s="12"/>
    </row>
    <row r="373832" spans="8:8">
      <c r="H373832" s="12"/>
    </row>
    <row r="373833" spans="8:8">
      <c r="H373833" s="12"/>
    </row>
    <row r="373834" spans="8:8">
      <c r="H373834" s="12"/>
    </row>
    <row r="373835" spans="8:8">
      <c r="H373835" s="12"/>
    </row>
    <row r="373836" spans="8:8">
      <c r="H373836" s="12"/>
    </row>
    <row r="373837" spans="8:8">
      <c r="H373837" s="12"/>
    </row>
    <row r="373838" spans="8:8">
      <c r="H373838" s="12"/>
    </row>
    <row r="373839" spans="8:8">
      <c r="H373839" s="12"/>
    </row>
    <row r="373840" spans="8:8">
      <c r="H373840" s="12"/>
    </row>
    <row r="373841" spans="8:8">
      <c r="H373841" s="12"/>
    </row>
    <row r="373842" spans="8:8">
      <c r="H373842" s="12"/>
    </row>
    <row r="373843" spans="8:8">
      <c r="H373843" s="12"/>
    </row>
    <row r="373844" spans="8:8">
      <c r="H373844" s="12"/>
    </row>
    <row r="373845" spans="8:8">
      <c r="H373845" s="12"/>
    </row>
    <row r="373846" spans="8:8">
      <c r="H373846" s="12"/>
    </row>
    <row r="373847" spans="8:8">
      <c r="H373847" s="12"/>
    </row>
    <row r="373848" spans="8:8">
      <c r="H373848" s="12"/>
    </row>
    <row r="373849" spans="8:8">
      <c r="H373849" s="12"/>
    </row>
    <row r="373850" spans="8:8">
      <c r="H373850" s="12"/>
    </row>
    <row r="373851" spans="8:8">
      <c r="H373851" s="12"/>
    </row>
    <row r="373852" spans="8:8">
      <c r="H373852" s="12"/>
    </row>
    <row r="373853" spans="8:8">
      <c r="H373853" s="12"/>
    </row>
    <row r="373854" spans="8:8">
      <c r="H373854" s="12"/>
    </row>
    <row r="373855" spans="8:8">
      <c r="H373855" s="12"/>
    </row>
    <row r="373856" spans="8:8">
      <c r="H373856" s="12"/>
    </row>
    <row r="373857" spans="8:8">
      <c r="H373857" s="12"/>
    </row>
    <row r="373858" spans="8:8">
      <c r="H373858" s="12"/>
    </row>
    <row r="373859" spans="8:8">
      <c r="H373859" s="12"/>
    </row>
    <row r="373860" spans="8:8">
      <c r="H373860" s="12"/>
    </row>
    <row r="373861" spans="8:8">
      <c r="H373861" s="12"/>
    </row>
    <row r="373862" spans="8:8">
      <c r="H373862" s="12"/>
    </row>
    <row r="373863" spans="8:8">
      <c r="H373863" s="12"/>
    </row>
    <row r="373864" spans="8:8">
      <c r="H373864" s="12"/>
    </row>
    <row r="373865" spans="8:8">
      <c r="H373865" s="12"/>
    </row>
    <row r="373866" spans="8:8">
      <c r="H373866" s="12"/>
    </row>
    <row r="373867" spans="8:8">
      <c r="H373867" s="12"/>
    </row>
    <row r="373868" spans="8:8">
      <c r="H373868" s="12"/>
    </row>
    <row r="373869" spans="8:8">
      <c r="H373869" s="12"/>
    </row>
    <row r="373870" spans="8:8">
      <c r="H373870" s="12"/>
    </row>
    <row r="373871" spans="8:8">
      <c r="H373871" s="12"/>
    </row>
    <row r="373872" spans="8:8">
      <c r="H373872" s="12"/>
    </row>
    <row r="373873" spans="8:8">
      <c r="H373873" s="12"/>
    </row>
    <row r="373874" spans="8:8">
      <c r="H373874" s="12"/>
    </row>
    <row r="373875" spans="8:8">
      <c r="H373875" s="12"/>
    </row>
    <row r="373876" spans="8:8">
      <c r="H373876" s="12"/>
    </row>
    <row r="373877" spans="8:8">
      <c r="H373877" s="12"/>
    </row>
    <row r="373878" spans="8:8">
      <c r="H373878" s="12"/>
    </row>
    <row r="373879" spans="8:8">
      <c r="H373879" s="12"/>
    </row>
    <row r="373880" spans="8:8">
      <c r="H373880" s="12"/>
    </row>
    <row r="373881" spans="8:8">
      <c r="H373881" s="12"/>
    </row>
    <row r="373882" spans="8:8">
      <c r="H373882" s="12"/>
    </row>
    <row r="373883" spans="8:8">
      <c r="H373883" s="12"/>
    </row>
    <row r="373884" spans="8:8">
      <c r="H373884" s="12"/>
    </row>
    <row r="373885" spans="8:8">
      <c r="H373885" s="12"/>
    </row>
    <row r="373886" spans="8:8">
      <c r="H373886" s="12"/>
    </row>
    <row r="373887" spans="8:8">
      <c r="H373887" s="12"/>
    </row>
    <row r="373888" spans="8:8">
      <c r="H373888" s="12"/>
    </row>
    <row r="373889" spans="8:8">
      <c r="H373889" s="12"/>
    </row>
    <row r="373890" spans="8:8">
      <c r="H373890" s="12"/>
    </row>
    <row r="373891" spans="8:8">
      <c r="H373891" s="12"/>
    </row>
    <row r="373892" spans="8:8">
      <c r="H373892" s="12"/>
    </row>
    <row r="373893" spans="8:8">
      <c r="H373893" s="12"/>
    </row>
    <row r="373894" spans="8:8">
      <c r="H373894" s="12"/>
    </row>
    <row r="373895" spans="8:8">
      <c r="H373895" s="12"/>
    </row>
    <row r="373896" spans="8:8">
      <c r="H373896" s="12"/>
    </row>
    <row r="373897" spans="8:8">
      <c r="H373897" s="12"/>
    </row>
    <row r="373898" spans="8:8">
      <c r="H373898" s="12"/>
    </row>
    <row r="373899" spans="8:8">
      <c r="H373899" s="12"/>
    </row>
    <row r="373900" spans="8:8">
      <c r="H373900" s="12"/>
    </row>
    <row r="373901" spans="8:8">
      <c r="H373901" s="12"/>
    </row>
    <row r="373902" spans="8:8">
      <c r="H373902" s="12"/>
    </row>
    <row r="373903" spans="8:8">
      <c r="H373903" s="12"/>
    </row>
    <row r="373904" spans="8:8">
      <c r="H373904" s="12"/>
    </row>
    <row r="373905" spans="8:8">
      <c r="H373905" s="12"/>
    </row>
    <row r="373906" spans="8:8">
      <c r="H373906" s="12"/>
    </row>
    <row r="373907" spans="8:8">
      <c r="H373907" s="12"/>
    </row>
    <row r="373908" spans="8:8">
      <c r="H373908" s="12"/>
    </row>
    <row r="373909" spans="8:8">
      <c r="H373909" s="12"/>
    </row>
    <row r="373910" spans="8:8">
      <c r="H373910" s="12"/>
    </row>
    <row r="373911" spans="8:8">
      <c r="H373911" s="12"/>
    </row>
    <row r="373912" spans="8:8">
      <c r="H373912" s="12"/>
    </row>
    <row r="373913" spans="8:8">
      <c r="H373913" s="12"/>
    </row>
    <row r="373914" spans="8:8">
      <c r="H373914" s="12"/>
    </row>
    <row r="373915" spans="8:8">
      <c r="H373915" s="12"/>
    </row>
    <row r="373916" spans="8:8">
      <c r="H373916" s="12"/>
    </row>
    <row r="373917" spans="8:8">
      <c r="H373917" s="12"/>
    </row>
    <row r="373918" spans="8:8">
      <c r="H373918" s="12"/>
    </row>
    <row r="373919" spans="8:8">
      <c r="H373919" s="12"/>
    </row>
    <row r="373920" spans="8:8">
      <c r="H373920" s="12"/>
    </row>
    <row r="373921" spans="8:8">
      <c r="H373921" s="12"/>
    </row>
    <row r="373922" spans="8:8">
      <c r="H373922" s="12"/>
    </row>
    <row r="373923" spans="8:8">
      <c r="H373923" s="12"/>
    </row>
    <row r="373924" spans="8:8">
      <c r="H373924" s="12"/>
    </row>
    <row r="373925" spans="8:8">
      <c r="H373925" s="12"/>
    </row>
    <row r="373926" spans="8:8">
      <c r="H373926" s="12"/>
    </row>
    <row r="373927" spans="8:8">
      <c r="H373927" s="12"/>
    </row>
    <row r="373928" spans="8:8">
      <c r="H373928" s="12"/>
    </row>
    <row r="373929" spans="8:8">
      <c r="H373929" s="12"/>
    </row>
    <row r="373930" spans="8:8">
      <c r="H373930" s="12"/>
    </row>
    <row r="373931" spans="8:8">
      <c r="H373931" s="12"/>
    </row>
    <row r="373932" spans="8:8">
      <c r="H373932" s="12"/>
    </row>
    <row r="373933" spans="8:8">
      <c r="H373933" s="12"/>
    </row>
    <row r="373934" spans="8:8">
      <c r="H373934" s="12"/>
    </row>
    <row r="373935" spans="8:8">
      <c r="H373935" s="12"/>
    </row>
    <row r="373936" spans="8:8">
      <c r="H373936" s="12"/>
    </row>
    <row r="373937" spans="8:8">
      <c r="H373937" s="12"/>
    </row>
    <row r="373938" spans="8:8">
      <c r="H373938" s="12"/>
    </row>
    <row r="373939" spans="8:8">
      <c r="H373939" s="12"/>
    </row>
    <row r="373940" spans="8:8">
      <c r="H373940" s="12"/>
    </row>
    <row r="373941" spans="8:8">
      <c r="H373941" s="12"/>
    </row>
    <row r="373942" spans="8:8">
      <c r="H373942" s="12"/>
    </row>
    <row r="373943" spans="8:8">
      <c r="H373943" s="12"/>
    </row>
    <row r="373944" spans="8:8">
      <c r="H373944" s="12"/>
    </row>
    <row r="373945" spans="8:8">
      <c r="H373945" s="12"/>
    </row>
    <row r="373946" spans="8:8">
      <c r="H373946" s="12"/>
    </row>
    <row r="373947" spans="8:8">
      <c r="H373947" s="12"/>
    </row>
    <row r="373948" spans="8:8">
      <c r="H373948" s="12"/>
    </row>
    <row r="373949" spans="8:8">
      <c r="H373949" s="12"/>
    </row>
    <row r="373950" spans="8:8">
      <c r="H373950" s="12"/>
    </row>
    <row r="373951" spans="8:8">
      <c r="H373951" s="12"/>
    </row>
    <row r="373952" spans="8:8">
      <c r="H373952" s="12"/>
    </row>
    <row r="373953" spans="8:8">
      <c r="H373953" s="12"/>
    </row>
    <row r="373954" spans="8:8">
      <c r="H373954" s="12"/>
    </row>
    <row r="373955" spans="8:8">
      <c r="H373955" s="12"/>
    </row>
    <row r="373956" spans="8:8">
      <c r="H373956" s="12"/>
    </row>
    <row r="373957" spans="8:8">
      <c r="H373957" s="12"/>
    </row>
    <row r="373958" spans="8:8">
      <c r="H373958" s="12"/>
    </row>
    <row r="373959" spans="8:8">
      <c r="H373959" s="12"/>
    </row>
    <row r="373960" spans="8:8">
      <c r="H373960" s="12"/>
    </row>
    <row r="373961" spans="8:8">
      <c r="H373961" s="12"/>
    </row>
    <row r="373962" spans="8:8">
      <c r="H373962" s="12"/>
    </row>
    <row r="373963" spans="8:8">
      <c r="H373963" s="12"/>
    </row>
    <row r="373964" spans="8:8">
      <c r="H373964" s="12"/>
    </row>
    <row r="373965" spans="8:8">
      <c r="H373965" s="12"/>
    </row>
    <row r="373966" spans="8:8">
      <c r="H373966" s="12"/>
    </row>
    <row r="373967" spans="8:8">
      <c r="H373967" s="12"/>
    </row>
    <row r="373968" spans="8:8">
      <c r="H373968" s="12"/>
    </row>
    <row r="373969" spans="8:8">
      <c r="H373969" s="12"/>
    </row>
    <row r="373970" spans="8:8">
      <c r="H373970" s="12"/>
    </row>
    <row r="373971" spans="8:8">
      <c r="H373971" s="12"/>
    </row>
    <row r="373972" spans="8:8">
      <c r="H373972" s="12"/>
    </row>
    <row r="373973" spans="8:8">
      <c r="H373973" s="12"/>
    </row>
    <row r="373974" spans="8:8">
      <c r="H373974" s="12"/>
    </row>
    <row r="373975" spans="8:8">
      <c r="H373975" s="12"/>
    </row>
    <row r="373976" spans="8:8">
      <c r="H373976" s="12"/>
    </row>
    <row r="373977" spans="8:8">
      <c r="H373977" s="12"/>
    </row>
    <row r="373978" spans="8:8">
      <c r="H373978" s="12"/>
    </row>
    <row r="373979" spans="8:8">
      <c r="H373979" s="12"/>
    </row>
    <row r="373980" spans="8:8">
      <c r="H373980" s="12"/>
    </row>
    <row r="373981" spans="8:8">
      <c r="H373981" s="12"/>
    </row>
    <row r="373982" spans="8:8">
      <c r="H373982" s="12"/>
    </row>
    <row r="373983" spans="8:8">
      <c r="H373983" s="12"/>
    </row>
    <row r="373984" spans="8:8">
      <c r="H373984" s="12"/>
    </row>
    <row r="373985" spans="8:8">
      <c r="H373985" s="12"/>
    </row>
    <row r="373986" spans="8:8">
      <c r="H373986" s="12"/>
    </row>
    <row r="373987" spans="8:8">
      <c r="H373987" s="12"/>
    </row>
    <row r="373988" spans="8:8">
      <c r="H373988" s="12"/>
    </row>
    <row r="373989" spans="8:8">
      <c r="H373989" s="12"/>
    </row>
    <row r="373990" spans="8:8">
      <c r="H373990" s="12"/>
    </row>
    <row r="373991" spans="8:8">
      <c r="H373991" s="12"/>
    </row>
    <row r="373992" spans="8:8">
      <c r="H373992" s="12"/>
    </row>
    <row r="373993" spans="8:8">
      <c r="H373993" s="12"/>
    </row>
    <row r="373994" spans="8:8">
      <c r="H373994" s="12"/>
    </row>
    <row r="373995" spans="8:8">
      <c r="H373995" s="12"/>
    </row>
    <row r="373996" spans="8:8">
      <c r="H373996" s="12"/>
    </row>
    <row r="373997" spans="8:8">
      <c r="H373997" s="12"/>
    </row>
    <row r="373998" spans="8:8">
      <c r="H373998" s="12"/>
    </row>
    <row r="373999" spans="8:8">
      <c r="H373999" s="12"/>
    </row>
    <row r="374000" spans="8:8">
      <c r="H374000" s="12"/>
    </row>
    <row r="374001" spans="8:8">
      <c r="H374001" s="12"/>
    </row>
    <row r="374002" spans="8:8">
      <c r="H374002" s="12"/>
    </row>
    <row r="374003" spans="8:8">
      <c r="H374003" s="12"/>
    </row>
    <row r="374004" spans="8:8">
      <c r="H374004" s="12"/>
    </row>
    <row r="374005" spans="8:8">
      <c r="H374005" s="12"/>
    </row>
    <row r="374006" spans="8:8">
      <c r="H374006" s="12"/>
    </row>
    <row r="374007" spans="8:8">
      <c r="H374007" s="12"/>
    </row>
    <row r="374008" spans="8:8">
      <c r="H374008" s="12"/>
    </row>
    <row r="374009" spans="8:8">
      <c r="H374009" s="12"/>
    </row>
    <row r="374010" spans="8:8">
      <c r="H374010" s="12"/>
    </row>
    <row r="374011" spans="8:8">
      <c r="H374011" s="12"/>
    </row>
    <row r="374012" spans="8:8">
      <c r="H374012" s="12"/>
    </row>
    <row r="374013" spans="8:8">
      <c r="H374013" s="12"/>
    </row>
    <row r="374014" spans="8:8">
      <c r="H374014" s="12"/>
    </row>
    <row r="374015" spans="8:8">
      <c r="H374015" s="12"/>
    </row>
    <row r="374016" spans="8:8">
      <c r="H374016" s="12"/>
    </row>
    <row r="374017" spans="8:8">
      <c r="H374017" s="12"/>
    </row>
    <row r="374018" spans="8:8">
      <c r="H374018" s="12"/>
    </row>
    <row r="374019" spans="8:8">
      <c r="H374019" s="12"/>
    </row>
    <row r="374020" spans="8:8">
      <c r="H374020" s="12"/>
    </row>
    <row r="374021" spans="8:8">
      <c r="H374021" s="12"/>
    </row>
    <row r="374022" spans="8:8">
      <c r="H374022" s="12"/>
    </row>
    <row r="374023" spans="8:8">
      <c r="H374023" s="12"/>
    </row>
    <row r="374024" spans="8:8">
      <c r="H374024" s="12"/>
    </row>
    <row r="374025" spans="8:8">
      <c r="H374025" s="12"/>
    </row>
    <row r="374026" spans="8:8">
      <c r="H374026" s="12"/>
    </row>
    <row r="374027" spans="8:8">
      <c r="H374027" s="12"/>
    </row>
    <row r="374028" spans="8:8">
      <c r="H374028" s="12"/>
    </row>
    <row r="374029" spans="8:8">
      <c r="H374029" s="12"/>
    </row>
    <row r="374030" spans="8:8">
      <c r="H374030" s="12"/>
    </row>
    <row r="374031" spans="8:8">
      <c r="H374031" s="12"/>
    </row>
    <row r="374032" spans="8:8">
      <c r="H374032" s="12"/>
    </row>
    <row r="374033" spans="8:8">
      <c r="H374033" s="12"/>
    </row>
    <row r="374034" spans="8:8">
      <c r="H374034" s="12"/>
    </row>
    <row r="374035" spans="8:8">
      <c r="H374035" s="12"/>
    </row>
    <row r="374036" spans="8:8">
      <c r="H374036" s="12"/>
    </row>
    <row r="374037" spans="8:8">
      <c r="H374037" s="12"/>
    </row>
    <row r="374038" spans="8:8">
      <c r="H374038" s="12"/>
    </row>
    <row r="374039" spans="8:8">
      <c r="H374039" s="12"/>
    </row>
    <row r="374040" spans="8:8">
      <c r="H374040" s="12"/>
    </row>
    <row r="374041" spans="8:8">
      <c r="H374041" s="12"/>
    </row>
    <row r="374042" spans="8:8">
      <c r="H374042" s="12"/>
    </row>
    <row r="374043" spans="8:8">
      <c r="H374043" s="12"/>
    </row>
    <row r="374044" spans="8:8">
      <c r="H374044" s="12"/>
    </row>
    <row r="374045" spans="8:8">
      <c r="H374045" s="12"/>
    </row>
    <row r="374046" spans="8:8">
      <c r="H374046" s="12"/>
    </row>
    <row r="374047" spans="8:8">
      <c r="H374047" s="12"/>
    </row>
    <row r="374048" spans="8:8">
      <c r="H374048" s="12"/>
    </row>
    <row r="374049" spans="8:8">
      <c r="H374049" s="12"/>
    </row>
    <row r="374050" spans="8:8">
      <c r="H374050" s="12"/>
    </row>
    <row r="374051" spans="8:8">
      <c r="H374051" s="12"/>
    </row>
    <row r="374052" spans="8:8">
      <c r="H374052" s="12"/>
    </row>
    <row r="374053" spans="8:8">
      <c r="H374053" s="12"/>
    </row>
    <row r="374054" spans="8:8">
      <c r="H374054" s="12"/>
    </row>
    <row r="374055" spans="8:8">
      <c r="H374055" s="12"/>
    </row>
    <row r="374056" spans="8:8">
      <c r="H374056" s="12"/>
    </row>
    <row r="374057" spans="8:8">
      <c r="H374057" s="12"/>
    </row>
    <row r="374058" spans="8:8">
      <c r="H374058" s="12"/>
    </row>
    <row r="374059" spans="8:8">
      <c r="H374059" s="12"/>
    </row>
    <row r="374060" spans="8:8">
      <c r="H374060" s="12"/>
    </row>
    <row r="374061" spans="8:8">
      <c r="H374061" s="12"/>
    </row>
    <row r="374062" spans="8:8">
      <c r="H374062" s="12"/>
    </row>
    <row r="374063" spans="8:8">
      <c r="H374063" s="12"/>
    </row>
    <row r="374064" spans="8:8">
      <c r="H374064" s="12"/>
    </row>
    <row r="374065" spans="8:8">
      <c r="H374065" s="12"/>
    </row>
    <row r="374066" spans="8:8">
      <c r="H374066" s="12"/>
    </row>
    <row r="374067" spans="8:8">
      <c r="H374067" s="12"/>
    </row>
    <row r="374068" spans="8:8">
      <c r="H374068" s="12"/>
    </row>
    <row r="374069" spans="8:8">
      <c r="H374069" s="12"/>
    </row>
    <row r="374070" spans="8:8">
      <c r="H374070" s="12"/>
    </row>
    <row r="374071" spans="8:8">
      <c r="H374071" s="12"/>
    </row>
    <row r="374072" spans="8:8">
      <c r="H374072" s="12"/>
    </row>
    <row r="374073" spans="8:8">
      <c r="H374073" s="12"/>
    </row>
    <row r="374074" spans="8:8">
      <c r="H374074" s="12"/>
    </row>
    <row r="374075" spans="8:8">
      <c r="H374075" s="12"/>
    </row>
    <row r="374076" spans="8:8">
      <c r="H374076" s="12"/>
    </row>
    <row r="374077" spans="8:8">
      <c r="H374077" s="12"/>
    </row>
    <row r="374078" spans="8:8">
      <c r="H374078" s="12"/>
    </row>
    <row r="374079" spans="8:8">
      <c r="H374079" s="12"/>
    </row>
    <row r="374080" spans="8:8">
      <c r="H374080" s="12"/>
    </row>
    <row r="374081" spans="8:8">
      <c r="H374081" s="12"/>
    </row>
    <row r="374082" spans="8:8">
      <c r="H374082" s="12"/>
    </row>
    <row r="374083" spans="8:8">
      <c r="H374083" s="12"/>
    </row>
    <row r="374084" spans="8:8">
      <c r="H374084" s="12"/>
    </row>
    <row r="374085" spans="8:8">
      <c r="H374085" s="12"/>
    </row>
    <row r="374086" spans="8:8">
      <c r="H374086" s="12"/>
    </row>
    <row r="374087" spans="8:8">
      <c r="H374087" s="12"/>
    </row>
    <row r="374088" spans="8:8">
      <c r="H374088" s="12"/>
    </row>
    <row r="374089" spans="8:8">
      <c r="H374089" s="12"/>
    </row>
    <row r="374090" spans="8:8">
      <c r="H374090" s="12"/>
    </row>
    <row r="374091" spans="8:8">
      <c r="H374091" s="12"/>
    </row>
    <row r="374092" spans="8:8">
      <c r="H374092" s="12"/>
    </row>
    <row r="374093" spans="8:8">
      <c r="H374093" s="12"/>
    </row>
    <row r="374094" spans="8:8">
      <c r="H374094" s="12"/>
    </row>
    <row r="374095" spans="8:8">
      <c r="H374095" s="12"/>
    </row>
    <row r="374096" spans="8:8">
      <c r="H374096" s="12"/>
    </row>
    <row r="374097" spans="8:8">
      <c r="H374097" s="12"/>
    </row>
    <row r="374098" spans="8:8">
      <c r="H374098" s="12"/>
    </row>
    <row r="374099" spans="8:8">
      <c r="H374099" s="12"/>
    </row>
    <row r="374100" spans="8:8">
      <c r="H374100" s="12"/>
    </row>
    <row r="374101" spans="8:8">
      <c r="H374101" s="12"/>
    </row>
    <row r="374102" spans="8:8">
      <c r="H374102" s="12"/>
    </row>
    <row r="374103" spans="8:8">
      <c r="H374103" s="12"/>
    </row>
    <row r="374104" spans="8:8">
      <c r="H374104" s="12"/>
    </row>
    <row r="374105" spans="8:8">
      <c r="H374105" s="12"/>
    </row>
    <row r="374106" spans="8:8">
      <c r="H374106" s="12"/>
    </row>
    <row r="374107" spans="8:8">
      <c r="H374107" s="12"/>
    </row>
    <row r="374108" spans="8:8">
      <c r="H374108" s="12"/>
    </row>
    <row r="374109" spans="8:8">
      <c r="H374109" s="12"/>
    </row>
    <row r="374110" spans="8:8">
      <c r="H374110" s="12"/>
    </row>
    <row r="374111" spans="8:8">
      <c r="H374111" s="12"/>
    </row>
    <row r="374112" spans="8:8">
      <c r="H374112" s="12"/>
    </row>
    <row r="374113" spans="8:8">
      <c r="H374113" s="12"/>
    </row>
    <row r="374114" spans="8:8">
      <c r="H374114" s="12"/>
    </row>
    <row r="374115" spans="8:8">
      <c r="H374115" s="12"/>
    </row>
    <row r="374116" spans="8:8">
      <c r="H374116" s="12"/>
    </row>
    <row r="374117" spans="8:8">
      <c r="H374117" s="12"/>
    </row>
    <row r="374118" spans="8:8">
      <c r="H374118" s="12"/>
    </row>
    <row r="374119" spans="8:8">
      <c r="H374119" s="12"/>
    </row>
    <row r="374120" spans="8:8">
      <c r="H374120" s="12"/>
    </row>
    <row r="374121" spans="8:8">
      <c r="H374121" s="12"/>
    </row>
    <row r="374122" spans="8:8">
      <c r="H374122" s="12"/>
    </row>
    <row r="374123" spans="8:8">
      <c r="H374123" s="12"/>
    </row>
    <row r="374124" spans="8:8">
      <c r="H374124" s="12"/>
    </row>
    <row r="374125" spans="8:8">
      <c r="H374125" s="12"/>
    </row>
    <row r="374126" spans="8:8">
      <c r="H374126" s="12"/>
    </row>
    <row r="374127" spans="8:8">
      <c r="H374127" s="12"/>
    </row>
    <row r="374128" spans="8:8">
      <c r="H374128" s="12"/>
    </row>
    <row r="374129" spans="8:8">
      <c r="H374129" s="12"/>
    </row>
    <row r="374130" spans="8:8">
      <c r="H374130" s="12"/>
    </row>
    <row r="374131" spans="8:8">
      <c r="H374131" s="12"/>
    </row>
    <row r="374132" spans="8:8">
      <c r="H374132" s="12"/>
    </row>
    <row r="374133" spans="8:8">
      <c r="H374133" s="12"/>
    </row>
    <row r="374134" spans="8:8">
      <c r="H374134" s="12"/>
    </row>
    <row r="374135" spans="8:8">
      <c r="H374135" s="12"/>
    </row>
    <row r="374136" spans="8:8">
      <c r="H374136" s="12"/>
    </row>
    <row r="374137" spans="8:8">
      <c r="H374137" s="12"/>
    </row>
    <row r="374138" spans="8:8">
      <c r="H374138" s="12"/>
    </row>
    <row r="374139" spans="8:8">
      <c r="H374139" s="12"/>
    </row>
    <row r="374140" spans="8:8">
      <c r="H374140" s="12"/>
    </row>
    <row r="374141" spans="8:8">
      <c r="H374141" s="12"/>
    </row>
    <row r="374142" spans="8:8">
      <c r="H374142" s="12"/>
    </row>
    <row r="374143" spans="8:8">
      <c r="H374143" s="12"/>
    </row>
    <row r="374144" spans="8:8">
      <c r="H374144" s="12"/>
    </row>
    <row r="374145" spans="8:8">
      <c r="H374145" s="12"/>
    </row>
    <row r="374146" spans="8:8">
      <c r="H374146" s="12"/>
    </row>
    <row r="374147" spans="8:8">
      <c r="H374147" s="12"/>
    </row>
    <row r="374148" spans="8:8">
      <c r="H374148" s="12"/>
    </row>
    <row r="374149" spans="8:8">
      <c r="H374149" s="12"/>
    </row>
    <row r="374150" spans="8:8">
      <c r="H374150" s="12"/>
    </row>
    <row r="374151" spans="8:8">
      <c r="H374151" s="12"/>
    </row>
    <row r="374152" spans="8:8">
      <c r="H374152" s="12"/>
    </row>
    <row r="374153" spans="8:8">
      <c r="H374153" s="12"/>
    </row>
    <row r="374154" spans="8:8">
      <c r="H374154" s="12"/>
    </row>
    <row r="374155" spans="8:8">
      <c r="H374155" s="12"/>
    </row>
    <row r="374156" spans="8:8">
      <c r="H374156" s="12"/>
    </row>
    <row r="374157" spans="8:8">
      <c r="H374157" s="12"/>
    </row>
    <row r="374158" spans="8:8">
      <c r="H374158" s="12"/>
    </row>
    <row r="374159" spans="8:8">
      <c r="H374159" s="12"/>
    </row>
    <row r="374160" spans="8:8">
      <c r="H374160" s="12"/>
    </row>
    <row r="374161" spans="8:8">
      <c r="H374161" s="12"/>
    </row>
    <row r="374162" spans="8:8">
      <c r="H374162" s="12"/>
    </row>
    <row r="374163" spans="8:8">
      <c r="H374163" s="12"/>
    </row>
    <row r="374164" spans="8:8">
      <c r="H374164" s="12"/>
    </row>
    <row r="374165" spans="8:8">
      <c r="H374165" s="12"/>
    </row>
    <row r="374166" spans="8:8">
      <c r="H374166" s="12"/>
    </row>
    <row r="374167" spans="8:8">
      <c r="H374167" s="12"/>
    </row>
    <row r="374168" spans="8:8">
      <c r="H374168" s="12"/>
    </row>
    <row r="374169" spans="8:8">
      <c r="H374169" s="12"/>
    </row>
    <row r="374170" spans="8:8">
      <c r="H374170" s="12"/>
    </row>
    <row r="374171" spans="8:8">
      <c r="H374171" s="12"/>
    </row>
    <row r="374172" spans="8:8">
      <c r="H374172" s="12"/>
    </row>
    <row r="374173" spans="8:8">
      <c r="H374173" s="12"/>
    </row>
    <row r="374174" spans="8:8">
      <c r="H374174" s="12"/>
    </row>
    <row r="374175" spans="8:8">
      <c r="H374175" s="12"/>
    </row>
    <row r="374176" spans="8:8">
      <c r="H374176" s="12"/>
    </row>
    <row r="374177" spans="8:8">
      <c r="H374177" s="12"/>
    </row>
    <row r="374178" spans="8:8">
      <c r="H374178" s="12"/>
    </row>
    <row r="374179" spans="8:8">
      <c r="H374179" s="12"/>
    </row>
    <row r="374180" spans="8:8">
      <c r="H374180" s="12"/>
    </row>
    <row r="374181" spans="8:8">
      <c r="H374181" s="12"/>
    </row>
    <row r="374182" spans="8:8">
      <c r="H374182" s="12"/>
    </row>
    <row r="374183" spans="8:8">
      <c r="H374183" s="12"/>
    </row>
    <row r="374184" spans="8:8">
      <c r="H374184" s="12"/>
    </row>
    <row r="374185" spans="8:8">
      <c r="H374185" s="12"/>
    </row>
    <row r="374186" spans="8:8">
      <c r="H374186" s="12"/>
    </row>
    <row r="374187" spans="8:8">
      <c r="H374187" s="12"/>
    </row>
    <row r="374188" spans="8:8">
      <c r="H374188" s="12"/>
    </row>
    <row r="374189" spans="8:8">
      <c r="H374189" s="12"/>
    </row>
    <row r="374190" spans="8:8">
      <c r="H374190" s="12"/>
    </row>
    <row r="374191" spans="8:8">
      <c r="H374191" s="12"/>
    </row>
    <row r="374192" spans="8:8">
      <c r="H374192" s="12"/>
    </row>
    <row r="374193" spans="8:8">
      <c r="H374193" s="12"/>
    </row>
    <row r="374194" spans="8:8">
      <c r="H374194" s="12"/>
    </row>
    <row r="374195" spans="8:8">
      <c r="H374195" s="12"/>
    </row>
    <row r="374196" spans="8:8">
      <c r="H374196" s="12"/>
    </row>
    <row r="374197" spans="8:8">
      <c r="H374197" s="12"/>
    </row>
    <row r="374198" spans="8:8">
      <c r="H374198" s="12"/>
    </row>
    <row r="374199" spans="8:8">
      <c r="H374199" s="12"/>
    </row>
    <row r="374200" spans="8:8">
      <c r="H374200" s="12"/>
    </row>
    <row r="374201" spans="8:8">
      <c r="H374201" s="12"/>
    </row>
    <row r="374202" spans="8:8">
      <c r="H374202" s="12"/>
    </row>
    <row r="374203" spans="8:8">
      <c r="H374203" s="12"/>
    </row>
    <row r="374204" spans="8:8">
      <c r="H374204" s="12"/>
    </row>
    <row r="374205" spans="8:8">
      <c r="H374205" s="12"/>
    </row>
    <row r="374206" spans="8:8">
      <c r="H374206" s="12"/>
    </row>
    <row r="374207" spans="8:8">
      <c r="H374207" s="12"/>
    </row>
    <row r="374208" spans="8:8">
      <c r="H374208" s="12"/>
    </row>
    <row r="374209" spans="8:8">
      <c r="H374209" s="12"/>
    </row>
    <row r="374210" spans="8:8">
      <c r="H374210" s="12"/>
    </row>
    <row r="374211" spans="8:8">
      <c r="H374211" s="12"/>
    </row>
    <row r="374212" spans="8:8">
      <c r="H374212" s="12"/>
    </row>
    <row r="374213" spans="8:8">
      <c r="H374213" s="12"/>
    </row>
    <row r="374214" spans="8:8">
      <c r="H374214" s="12"/>
    </row>
    <row r="374215" spans="8:8">
      <c r="H374215" s="12"/>
    </row>
    <row r="374216" spans="8:8">
      <c r="H374216" s="12"/>
    </row>
    <row r="374217" spans="8:8">
      <c r="H374217" s="12"/>
    </row>
    <row r="374218" spans="8:8">
      <c r="H374218" s="12"/>
    </row>
    <row r="374219" spans="8:8">
      <c r="H374219" s="12"/>
    </row>
    <row r="374220" spans="8:8">
      <c r="H374220" s="12"/>
    </row>
    <row r="374221" spans="8:8">
      <c r="H374221" s="12"/>
    </row>
    <row r="374222" spans="8:8">
      <c r="H374222" s="12"/>
    </row>
    <row r="374223" spans="8:8">
      <c r="H374223" s="12"/>
    </row>
    <row r="374224" spans="8:8">
      <c r="H374224" s="12"/>
    </row>
    <row r="374225" spans="8:8">
      <c r="H374225" s="12"/>
    </row>
    <row r="374226" spans="8:8">
      <c r="H374226" s="12"/>
    </row>
    <row r="374227" spans="8:8">
      <c r="H374227" s="12"/>
    </row>
    <row r="374228" spans="8:8">
      <c r="H374228" s="12"/>
    </row>
    <row r="374229" spans="8:8">
      <c r="H374229" s="12"/>
    </row>
    <row r="374230" spans="8:8">
      <c r="H374230" s="12"/>
    </row>
    <row r="374231" spans="8:8">
      <c r="H374231" s="12"/>
    </row>
    <row r="374232" spans="8:8">
      <c r="H374232" s="12"/>
    </row>
    <row r="374233" spans="8:8">
      <c r="H374233" s="12"/>
    </row>
    <row r="374234" spans="8:8">
      <c r="H374234" s="12"/>
    </row>
    <row r="374235" spans="8:8">
      <c r="H374235" s="12"/>
    </row>
    <row r="374236" spans="8:8">
      <c r="H374236" s="12"/>
    </row>
    <row r="374237" spans="8:8">
      <c r="H374237" s="12"/>
    </row>
    <row r="374238" spans="8:8">
      <c r="H374238" s="12"/>
    </row>
    <row r="374239" spans="8:8">
      <c r="H374239" s="12"/>
    </row>
    <row r="374240" spans="8:8">
      <c r="H374240" s="12"/>
    </row>
    <row r="374241" spans="8:8">
      <c r="H374241" s="12"/>
    </row>
    <row r="374242" spans="8:8">
      <c r="H374242" s="12"/>
    </row>
    <row r="374243" spans="8:8">
      <c r="H374243" s="12"/>
    </row>
    <row r="374244" spans="8:8">
      <c r="H374244" s="12"/>
    </row>
    <row r="374245" spans="8:8">
      <c r="H374245" s="12"/>
    </row>
    <row r="374246" spans="8:8">
      <c r="H374246" s="12"/>
    </row>
    <row r="374247" spans="8:8">
      <c r="H374247" s="12"/>
    </row>
    <row r="374248" spans="8:8">
      <c r="H374248" s="12"/>
    </row>
    <row r="374249" spans="8:8">
      <c r="H374249" s="12"/>
    </row>
    <row r="374250" spans="8:8">
      <c r="H374250" s="12"/>
    </row>
    <row r="374251" spans="8:8">
      <c r="H374251" s="12"/>
    </row>
    <row r="374252" spans="8:8">
      <c r="H374252" s="12"/>
    </row>
    <row r="374253" spans="8:8">
      <c r="H374253" s="12"/>
    </row>
    <row r="374254" spans="8:8">
      <c r="H374254" s="12"/>
    </row>
    <row r="374255" spans="8:8">
      <c r="H374255" s="12"/>
    </row>
    <row r="374256" spans="8:8">
      <c r="H374256" s="12"/>
    </row>
    <row r="374257" spans="8:8">
      <c r="H374257" s="12"/>
    </row>
    <row r="374258" spans="8:8">
      <c r="H374258" s="12"/>
    </row>
    <row r="374259" spans="8:8">
      <c r="H374259" s="12"/>
    </row>
    <row r="374260" spans="8:8">
      <c r="H374260" s="12"/>
    </row>
    <row r="374261" spans="8:8">
      <c r="H374261" s="12"/>
    </row>
    <row r="374262" spans="8:8">
      <c r="H374262" s="12"/>
    </row>
    <row r="374263" spans="8:8">
      <c r="H374263" s="12"/>
    </row>
    <row r="374264" spans="8:8">
      <c r="H374264" s="12"/>
    </row>
    <row r="374265" spans="8:8">
      <c r="H374265" s="12"/>
    </row>
    <row r="374266" spans="8:8">
      <c r="H374266" s="12"/>
    </row>
    <row r="374267" spans="8:8">
      <c r="H374267" s="12"/>
    </row>
    <row r="374268" spans="8:8">
      <c r="H374268" s="12"/>
    </row>
    <row r="374269" spans="8:8">
      <c r="H374269" s="12"/>
    </row>
    <row r="374270" spans="8:8">
      <c r="H374270" s="12"/>
    </row>
    <row r="374271" spans="8:8">
      <c r="H374271" s="12"/>
    </row>
    <row r="374272" spans="8:8">
      <c r="H374272" s="12"/>
    </row>
    <row r="374273" spans="8:8">
      <c r="H374273" s="12"/>
    </row>
    <row r="374274" spans="8:8">
      <c r="H374274" s="12"/>
    </row>
    <row r="374275" spans="8:8">
      <c r="H374275" s="12"/>
    </row>
    <row r="374276" spans="8:8">
      <c r="H374276" s="12"/>
    </row>
    <row r="374277" spans="8:8">
      <c r="H374277" s="12"/>
    </row>
    <row r="374278" spans="8:8">
      <c r="H374278" s="12"/>
    </row>
    <row r="374279" spans="8:8">
      <c r="H374279" s="12"/>
    </row>
    <row r="374280" spans="8:8">
      <c r="H374280" s="12"/>
    </row>
    <row r="374281" spans="8:8">
      <c r="H374281" s="12"/>
    </row>
    <row r="374282" spans="8:8">
      <c r="H374282" s="12"/>
    </row>
    <row r="374283" spans="8:8">
      <c r="H374283" s="12"/>
    </row>
    <row r="374284" spans="8:8">
      <c r="H374284" s="12"/>
    </row>
    <row r="374285" spans="8:8">
      <c r="H374285" s="12"/>
    </row>
    <row r="374286" spans="8:8">
      <c r="H374286" s="12"/>
    </row>
    <row r="374287" spans="8:8">
      <c r="H374287" s="12"/>
    </row>
    <row r="374288" spans="8:8">
      <c r="H374288" s="12"/>
    </row>
    <row r="374289" spans="8:8">
      <c r="H374289" s="12"/>
    </row>
    <row r="374290" spans="8:8">
      <c r="H374290" s="12"/>
    </row>
    <row r="374291" spans="8:8">
      <c r="H374291" s="12"/>
    </row>
    <row r="374292" spans="8:8">
      <c r="H374292" s="12"/>
    </row>
    <row r="374293" spans="8:8">
      <c r="H374293" s="12"/>
    </row>
    <row r="374294" spans="8:8">
      <c r="H374294" s="12"/>
    </row>
    <row r="374295" spans="8:8">
      <c r="H374295" s="12"/>
    </row>
    <row r="374296" spans="8:8">
      <c r="H374296" s="12"/>
    </row>
    <row r="374297" spans="8:8">
      <c r="H374297" s="12"/>
    </row>
    <row r="374298" spans="8:8">
      <c r="H374298" s="12"/>
    </row>
    <row r="374299" spans="8:8">
      <c r="H374299" s="12"/>
    </row>
    <row r="374300" spans="8:8">
      <c r="H374300" s="12"/>
    </row>
    <row r="374301" spans="8:8">
      <c r="H374301" s="12"/>
    </row>
    <row r="374302" spans="8:8">
      <c r="H374302" s="12"/>
    </row>
    <row r="374303" spans="8:8">
      <c r="H374303" s="12"/>
    </row>
    <row r="374304" spans="8:8">
      <c r="H374304" s="12"/>
    </row>
    <row r="374305" spans="8:8">
      <c r="H374305" s="12"/>
    </row>
    <row r="374306" spans="8:8">
      <c r="H374306" s="12"/>
    </row>
    <row r="374307" spans="8:8">
      <c r="H374307" s="12"/>
    </row>
    <row r="374308" spans="8:8">
      <c r="H374308" s="12"/>
    </row>
    <row r="374309" spans="8:8">
      <c r="H374309" s="12"/>
    </row>
    <row r="374310" spans="8:8">
      <c r="H374310" s="12"/>
    </row>
    <row r="374311" spans="8:8">
      <c r="H374311" s="12"/>
    </row>
    <row r="374312" spans="8:8">
      <c r="H374312" s="12"/>
    </row>
    <row r="374313" spans="8:8">
      <c r="H374313" s="12"/>
    </row>
    <row r="374314" spans="8:8">
      <c r="H374314" s="12"/>
    </row>
    <row r="374315" spans="8:8">
      <c r="H374315" s="12"/>
    </row>
    <row r="374316" spans="8:8">
      <c r="H374316" s="12"/>
    </row>
    <row r="374317" spans="8:8">
      <c r="H374317" s="12"/>
    </row>
    <row r="374318" spans="8:8">
      <c r="H374318" s="12"/>
    </row>
    <row r="374319" spans="8:8">
      <c r="H374319" s="12"/>
    </row>
    <row r="374320" spans="8:8">
      <c r="H374320" s="12"/>
    </row>
    <row r="374321" spans="8:8">
      <c r="H374321" s="12"/>
    </row>
    <row r="374322" spans="8:8">
      <c r="H374322" s="12"/>
    </row>
    <row r="374323" spans="8:8">
      <c r="H374323" s="12"/>
    </row>
    <row r="374324" spans="8:8">
      <c r="H374324" s="12"/>
    </row>
    <row r="374325" spans="8:8">
      <c r="H374325" s="12"/>
    </row>
    <row r="374326" spans="8:8">
      <c r="H374326" s="12"/>
    </row>
    <row r="374327" spans="8:8">
      <c r="H374327" s="12"/>
    </row>
    <row r="374328" spans="8:8">
      <c r="H374328" s="12"/>
    </row>
    <row r="374329" spans="8:8">
      <c r="H374329" s="12"/>
    </row>
    <row r="374330" spans="8:8">
      <c r="H374330" s="12"/>
    </row>
    <row r="374331" spans="8:8">
      <c r="H374331" s="12"/>
    </row>
    <row r="374332" spans="8:8">
      <c r="H374332" s="12"/>
    </row>
    <row r="374333" spans="8:8">
      <c r="H374333" s="12"/>
    </row>
    <row r="374334" spans="8:8">
      <c r="H374334" s="12"/>
    </row>
    <row r="374335" spans="8:8">
      <c r="H374335" s="12"/>
    </row>
    <row r="374336" spans="8:8">
      <c r="H374336" s="12"/>
    </row>
    <row r="374337" spans="8:8">
      <c r="H374337" s="12"/>
    </row>
    <row r="374338" spans="8:8">
      <c r="H374338" s="12"/>
    </row>
    <row r="374339" spans="8:8">
      <c r="H374339" s="12"/>
    </row>
    <row r="374340" spans="8:8">
      <c r="H374340" s="12"/>
    </row>
    <row r="374341" spans="8:8">
      <c r="H374341" s="12"/>
    </row>
    <row r="374342" spans="8:8">
      <c r="H374342" s="12"/>
    </row>
    <row r="374343" spans="8:8">
      <c r="H374343" s="12"/>
    </row>
    <row r="374344" spans="8:8">
      <c r="H374344" s="12"/>
    </row>
    <row r="374345" spans="8:8">
      <c r="H374345" s="12"/>
    </row>
    <row r="374346" spans="8:8">
      <c r="H374346" s="12"/>
    </row>
    <row r="374347" spans="8:8">
      <c r="H374347" s="12"/>
    </row>
    <row r="374348" spans="8:8">
      <c r="H374348" s="12"/>
    </row>
    <row r="374349" spans="8:8">
      <c r="H374349" s="12"/>
    </row>
    <row r="374350" spans="8:8">
      <c r="H374350" s="12"/>
    </row>
    <row r="374351" spans="8:8">
      <c r="H374351" s="12"/>
    </row>
    <row r="374352" spans="8:8">
      <c r="H374352" s="12"/>
    </row>
    <row r="374353" spans="8:8">
      <c r="H374353" s="12"/>
    </row>
    <row r="374354" spans="8:8">
      <c r="H374354" s="12"/>
    </row>
    <row r="374355" spans="8:8">
      <c r="H374355" s="12"/>
    </row>
    <row r="374356" spans="8:8">
      <c r="H374356" s="12"/>
    </row>
    <row r="374357" spans="8:8">
      <c r="H374357" s="12"/>
    </row>
    <row r="374358" spans="8:8">
      <c r="H374358" s="12"/>
    </row>
    <row r="374359" spans="8:8">
      <c r="H374359" s="12"/>
    </row>
    <row r="374360" spans="8:8">
      <c r="H374360" s="12"/>
    </row>
    <row r="374361" spans="8:8">
      <c r="H374361" s="12"/>
    </row>
    <row r="374362" spans="8:8">
      <c r="H374362" s="12"/>
    </row>
    <row r="374363" spans="8:8">
      <c r="H374363" s="12"/>
    </row>
    <row r="374364" spans="8:8">
      <c r="H374364" s="12"/>
    </row>
    <row r="374365" spans="8:8">
      <c r="H374365" s="12"/>
    </row>
    <row r="374366" spans="8:8">
      <c r="H374366" s="12"/>
    </row>
    <row r="374367" spans="8:8">
      <c r="H374367" s="12"/>
    </row>
    <row r="374368" spans="8:8">
      <c r="H374368" s="12"/>
    </row>
    <row r="374369" spans="8:8">
      <c r="H374369" s="12"/>
    </row>
    <row r="374370" spans="8:8">
      <c r="H374370" s="12"/>
    </row>
    <row r="374371" spans="8:8">
      <c r="H374371" s="12"/>
    </row>
    <row r="374372" spans="8:8">
      <c r="H374372" s="12"/>
    </row>
    <row r="374373" spans="8:8">
      <c r="H374373" s="12"/>
    </row>
    <row r="374374" spans="8:8">
      <c r="H374374" s="12"/>
    </row>
    <row r="374375" spans="8:8">
      <c r="H374375" s="12"/>
    </row>
    <row r="374376" spans="8:8">
      <c r="H374376" s="12"/>
    </row>
    <row r="374377" spans="8:8">
      <c r="H374377" s="12"/>
    </row>
    <row r="374378" spans="8:8">
      <c r="H374378" s="12"/>
    </row>
    <row r="374379" spans="8:8">
      <c r="H374379" s="12"/>
    </row>
    <row r="374380" spans="8:8">
      <c r="H374380" s="12"/>
    </row>
    <row r="374381" spans="8:8">
      <c r="H374381" s="12"/>
    </row>
    <row r="374382" spans="8:8">
      <c r="H374382" s="12"/>
    </row>
    <row r="374383" spans="8:8">
      <c r="H374383" s="12"/>
    </row>
    <row r="374384" spans="8:8">
      <c r="H374384" s="12"/>
    </row>
    <row r="374385" spans="8:8">
      <c r="H374385" s="12"/>
    </row>
    <row r="374386" spans="8:8">
      <c r="H374386" s="12"/>
    </row>
    <row r="374387" spans="8:8">
      <c r="H374387" s="12"/>
    </row>
    <row r="374388" spans="8:8">
      <c r="H374388" s="12"/>
    </row>
    <row r="374389" spans="8:8">
      <c r="H374389" s="12"/>
    </row>
    <row r="374390" spans="8:8">
      <c r="H374390" s="12"/>
    </row>
    <row r="374391" spans="8:8">
      <c r="H374391" s="12"/>
    </row>
    <row r="374392" spans="8:8">
      <c r="H374392" s="12"/>
    </row>
    <row r="374393" spans="8:8">
      <c r="H374393" s="12"/>
    </row>
    <row r="374394" spans="8:8">
      <c r="H374394" s="12"/>
    </row>
    <row r="374395" spans="8:8">
      <c r="H374395" s="12"/>
    </row>
    <row r="374396" spans="8:8">
      <c r="H374396" s="12"/>
    </row>
    <row r="374397" spans="8:8">
      <c r="H374397" s="12"/>
    </row>
    <row r="374398" spans="8:8">
      <c r="H374398" s="12"/>
    </row>
    <row r="374399" spans="8:8">
      <c r="H374399" s="12"/>
    </row>
    <row r="374400" spans="8:8">
      <c r="H374400" s="12"/>
    </row>
    <row r="374401" spans="8:8">
      <c r="H374401" s="12"/>
    </row>
    <row r="374402" spans="8:8">
      <c r="H374402" s="12"/>
    </row>
    <row r="374403" spans="8:8">
      <c r="H374403" s="12"/>
    </row>
    <row r="374404" spans="8:8">
      <c r="H374404" s="12"/>
    </row>
    <row r="374405" spans="8:8">
      <c r="H374405" s="12"/>
    </row>
    <row r="374406" spans="8:8">
      <c r="H374406" s="12"/>
    </row>
    <row r="374407" spans="8:8">
      <c r="H374407" s="12"/>
    </row>
    <row r="374408" spans="8:8">
      <c r="H374408" s="12"/>
    </row>
    <row r="374409" spans="8:8">
      <c r="H374409" s="12"/>
    </row>
    <row r="374410" spans="8:8">
      <c r="H374410" s="12"/>
    </row>
    <row r="374411" spans="8:8">
      <c r="H374411" s="12"/>
    </row>
    <row r="374412" spans="8:8">
      <c r="H374412" s="12"/>
    </row>
    <row r="374413" spans="8:8">
      <c r="H374413" s="12"/>
    </row>
    <row r="374414" spans="8:8">
      <c r="H374414" s="12"/>
    </row>
    <row r="374415" spans="8:8">
      <c r="H374415" s="12"/>
    </row>
    <row r="374416" spans="8:8">
      <c r="H374416" s="12"/>
    </row>
    <row r="374417" spans="8:8">
      <c r="H374417" s="12"/>
    </row>
    <row r="374418" spans="8:8">
      <c r="H374418" s="12"/>
    </row>
    <row r="374419" spans="8:8">
      <c r="H374419" s="12"/>
    </row>
    <row r="374420" spans="8:8">
      <c r="H374420" s="12"/>
    </row>
    <row r="374421" spans="8:8">
      <c r="H374421" s="12"/>
    </row>
    <row r="374422" spans="8:8">
      <c r="H374422" s="12"/>
    </row>
    <row r="374423" spans="8:8">
      <c r="H374423" s="12"/>
    </row>
    <row r="374424" spans="8:8">
      <c r="H374424" s="12"/>
    </row>
    <row r="374425" spans="8:8">
      <c r="H374425" s="12"/>
    </row>
    <row r="374426" spans="8:8">
      <c r="H374426" s="12"/>
    </row>
    <row r="374427" spans="8:8">
      <c r="H374427" s="12"/>
    </row>
    <row r="374428" spans="8:8">
      <c r="H374428" s="12"/>
    </row>
    <row r="374429" spans="8:8">
      <c r="H374429" s="12"/>
    </row>
    <row r="374430" spans="8:8">
      <c r="H374430" s="12"/>
    </row>
    <row r="374431" spans="8:8">
      <c r="H374431" s="12"/>
    </row>
    <row r="374432" spans="8:8">
      <c r="H374432" s="12"/>
    </row>
    <row r="374433" spans="8:8">
      <c r="H374433" s="12"/>
    </row>
    <row r="374434" spans="8:8">
      <c r="H374434" s="12"/>
    </row>
    <row r="374435" spans="8:8">
      <c r="H374435" s="12"/>
    </row>
    <row r="374436" spans="8:8">
      <c r="H374436" s="12"/>
    </row>
    <row r="374437" spans="8:8">
      <c r="H374437" s="12"/>
    </row>
    <row r="374438" spans="8:8">
      <c r="H374438" s="12"/>
    </row>
    <row r="374439" spans="8:8">
      <c r="H374439" s="12"/>
    </row>
    <row r="374440" spans="8:8">
      <c r="H374440" s="12"/>
    </row>
    <row r="374441" spans="8:8">
      <c r="H374441" s="12"/>
    </row>
    <row r="374442" spans="8:8">
      <c r="H374442" s="12"/>
    </row>
    <row r="374443" spans="8:8">
      <c r="H374443" s="12"/>
    </row>
    <row r="374444" spans="8:8">
      <c r="H374444" s="12"/>
    </row>
    <row r="374445" spans="8:8">
      <c r="H374445" s="12"/>
    </row>
    <row r="374446" spans="8:8">
      <c r="H374446" s="12"/>
    </row>
    <row r="374447" spans="8:8">
      <c r="H374447" s="12"/>
    </row>
    <row r="374448" spans="8:8">
      <c r="H374448" s="12"/>
    </row>
    <row r="374449" spans="8:8">
      <c r="H374449" s="12"/>
    </row>
    <row r="374450" spans="8:8">
      <c r="H374450" s="12"/>
    </row>
    <row r="374451" spans="8:8">
      <c r="H374451" s="12"/>
    </row>
    <row r="374452" spans="8:8">
      <c r="H374452" s="12"/>
    </row>
    <row r="374453" spans="8:8">
      <c r="H374453" s="12"/>
    </row>
    <row r="374454" spans="8:8">
      <c r="H374454" s="12"/>
    </row>
    <row r="374455" spans="8:8">
      <c r="H374455" s="12"/>
    </row>
    <row r="374456" spans="8:8">
      <c r="H374456" s="12"/>
    </row>
    <row r="374457" spans="8:8">
      <c r="H374457" s="12"/>
    </row>
    <row r="374458" spans="8:8">
      <c r="H374458" s="12"/>
    </row>
    <row r="374459" spans="8:8">
      <c r="H374459" s="12"/>
    </row>
    <row r="374460" spans="8:8">
      <c r="H374460" s="12"/>
    </row>
    <row r="374461" spans="8:8">
      <c r="H374461" s="12"/>
    </row>
    <row r="374462" spans="8:8">
      <c r="H374462" s="12"/>
    </row>
    <row r="374463" spans="8:8">
      <c r="H374463" s="12"/>
    </row>
    <row r="374464" spans="8:8">
      <c r="H374464" s="12"/>
    </row>
    <row r="374465" spans="8:8">
      <c r="H374465" s="12"/>
    </row>
    <row r="374466" spans="8:8">
      <c r="H374466" s="12"/>
    </row>
    <row r="374467" spans="8:8">
      <c r="H374467" s="12"/>
    </row>
    <row r="374468" spans="8:8">
      <c r="H374468" s="12"/>
    </row>
    <row r="374469" spans="8:8">
      <c r="H374469" s="12"/>
    </row>
    <row r="374470" spans="8:8">
      <c r="H374470" s="12"/>
    </row>
    <row r="374471" spans="8:8">
      <c r="H374471" s="12"/>
    </row>
    <row r="374472" spans="8:8">
      <c r="H374472" s="12"/>
    </row>
    <row r="374473" spans="8:8">
      <c r="H374473" s="12"/>
    </row>
    <row r="374474" spans="8:8">
      <c r="H374474" s="12"/>
    </row>
    <row r="374475" spans="8:8">
      <c r="H374475" s="12"/>
    </row>
    <row r="374476" spans="8:8">
      <c r="H374476" s="12"/>
    </row>
    <row r="374477" spans="8:8">
      <c r="H374477" s="12"/>
    </row>
    <row r="374478" spans="8:8">
      <c r="H374478" s="12"/>
    </row>
    <row r="374479" spans="8:8">
      <c r="H374479" s="12"/>
    </row>
    <row r="374480" spans="8:8">
      <c r="H374480" s="12"/>
    </row>
    <row r="374481" spans="8:8">
      <c r="H374481" s="12"/>
    </row>
    <row r="374482" spans="8:8">
      <c r="H374482" s="12"/>
    </row>
    <row r="374483" spans="8:8">
      <c r="H374483" s="12"/>
    </row>
    <row r="374484" spans="8:8">
      <c r="H374484" s="12"/>
    </row>
    <row r="374485" spans="8:8">
      <c r="H374485" s="12"/>
    </row>
    <row r="374486" spans="8:8">
      <c r="H374486" s="12"/>
    </row>
    <row r="374487" spans="8:8">
      <c r="H374487" s="12"/>
    </row>
    <row r="374488" spans="8:8">
      <c r="H374488" s="12"/>
    </row>
    <row r="374489" spans="8:8">
      <c r="H374489" s="12"/>
    </row>
    <row r="374490" spans="8:8">
      <c r="H374490" s="12"/>
    </row>
    <row r="374491" spans="8:8">
      <c r="H374491" s="12"/>
    </row>
    <row r="374492" spans="8:8">
      <c r="H374492" s="12"/>
    </row>
    <row r="374493" spans="8:8">
      <c r="H374493" s="12"/>
    </row>
    <row r="374494" spans="8:8">
      <c r="H374494" s="12"/>
    </row>
    <row r="374495" spans="8:8">
      <c r="H374495" s="12"/>
    </row>
    <row r="374496" spans="8:8">
      <c r="H374496" s="12"/>
    </row>
    <row r="374497" spans="8:8">
      <c r="H374497" s="12"/>
    </row>
    <row r="374498" spans="8:8">
      <c r="H374498" s="12"/>
    </row>
    <row r="374499" spans="8:8">
      <c r="H374499" s="12"/>
    </row>
    <row r="374500" spans="8:8">
      <c r="H374500" s="12"/>
    </row>
    <row r="374501" spans="8:8">
      <c r="H374501" s="12"/>
    </row>
    <row r="374502" spans="8:8">
      <c r="H374502" s="12"/>
    </row>
    <row r="374503" spans="8:8">
      <c r="H374503" s="12"/>
    </row>
    <row r="374504" spans="8:8">
      <c r="H374504" s="12"/>
    </row>
    <row r="374505" spans="8:8">
      <c r="H374505" s="12"/>
    </row>
    <row r="374506" spans="8:8">
      <c r="H374506" s="12"/>
    </row>
    <row r="374507" spans="8:8">
      <c r="H374507" s="12"/>
    </row>
    <row r="374508" spans="8:8">
      <c r="H374508" s="12"/>
    </row>
    <row r="374509" spans="8:8">
      <c r="H374509" s="12"/>
    </row>
    <row r="374510" spans="8:8">
      <c r="H374510" s="12"/>
    </row>
    <row r="374511" spans="8:8">
      <c r="H374511" s="12"/>
    </row>
    <row r="374512" spans="8:8">
      <c r="H374512" s="12"/>
    </row>
    <row r="374513" spans="8:8">
      <c r="H374513" s="12"/>
    </row>
    <row r="374514" spans="8:8">
      <c r="H374514" s="12"/>
    </row>
    <row r="374515" spans="8:8">
      <c r="H374515" s="12"/>
    </row>
    <row r="374516" spans="8:8">
      <c r="H374516" s="12"/>
    </row>
    <row r="374517" spans="8:8">
      <c r="H374517" s="12"/>
    </row>
    <row r="374518" spans="8:8">
      <c r="H374518" s="12"/>
    </row>
    <row r="374519" spans="8:8">
      <c r="H374519" s="12"/>
    </row>
    <row r="374520" spans="8:8">
      <c r="H374520" s="12"/>
    </row>
    <row r="374521" spans="8:8">
      <c r="H374521" s="12"/>
    </row>
    <row r="374522" spans="8:8">
      <c r="H374522" s="12"/>
    </row>
    <row r="374523" spans="8:8">
      <c r="H374523" s="12"/>
    </row>
    <row r="374524" spans="8:8">
      <c r="H374524" s="12"/>
    </row>
    <row r="374525" spans="8:8">
      <c r="H374525" s="12"/>
    </row>
    <row r="374526" spans="8:8">
      <c r="H374526" s="12"/>
    </row>
    <row r="374527" spans="8:8">
      <c r="H374527" s="12"/>
    </row>
    <row r="374528" spans="8:8">
      <c r="H374528" s="12"/>
    </row>
    <row r="374529" spans="8:8">
      <c r="H374529" s="12"/>
    </row>
    <row r="374530" spans="8:8">
      <c r="H374530" s="12"/>
    </row>
    <row r="374531" spans="8:8">
      <c r="H374531" s="12"/>
    </row>
    <row r="374532" spans="8:8">
      <c r="H374532" s="12"/>
    </row>
    <row r="374533" spans="8:8">
      <c r="H374533" s="12"/>
    </row>
    <row r="374534" spans="8:8">
      <c r="H374534" s="12"/>
    </row>
    <row r="374535" spans="8:8">
      <c r="H374535" s="12"/>
    </row>
    <row r="374536" spans="8:8">
      <c r="H374536" s="12"/>
    </row>
    <row r="374537" spans="8:8">
      <c r="H374537" s="12"/>
    </row>
    <row r="374538" spans="8:8">
      <c r="H374538" s="12"/>
    </row>
    <row r="374539" spans="8:8">
      <c r="H374539" s="12"/>
    </row>
    <row r="374540" spans="8:8">
      <c r="H374540" s="12"/>
    </row>
    <row r="374541" spans="8:8">
      <c r="H374541" s="12"/>
    </row>
    <row r="374542" spans="8:8">
      <c r="H374542" s="12"/>
    </row>
    <row r="374543" spans="8:8">
      <c r="H374543" s="12"/>
    </row>
    <row r="374544" spans="8:8">
      <c r="H374544" s="12"/>
    </row>
    <row r="374545" spans="8:8">
      <c r="H374545" s="12"/>
    </row>
    <row r="374546" spans="8:8">
      <c r="H374546" s="12"/>
    </row>
    <row r="374547" spans="8:8">
      <c r="H374547" s="12"/>
    </row>
    <row r="374548" spans="8:8">
      <c r="H374548" s="12"/>
    </row>
    <row r="374549" spans="8:8">
      <c r="H374549" s="12"/>
    </row>
    <row r="374550" spans="8:8">
      <c r="H374550" s="12"/>
    </row>
    <row r="374551" spans="8:8">
      <c r="H374551" s="12"/>
    </row>
    <row r="374552" spans="8:8">
      <c r="H374552" s="12"/>
    </row>
    <row r="374553" spans="8:8">
      <c r="H374553" s="12"/>
    </row>
    <row r="374554" spans="8:8">
      <c r="H374554" s="12"/>
    </row>
    <row r="374555" spans="8:8">
      <c r="H374555" s="12"/>
    </row>
    <row r="374556" spans="8:8">
      <c r="H374556" s="12"/>
    </row>
    <row r="374557" spans="8:8">
      <c r="H374557" s="12"/>
    </row>
    <row r="374558" spans="8:8">
      <c r="H374558" s="12"/>
    </row>
    <row r="374559" spans="8:8">
      <c r="H374559" s="12"/>
    </row>
    <row r="374560" spans="8:8">
      <c r="H374560" s="12"/>
    </row>
    <row r="374561" spans="8:8">
      <c r="H374561" s="12"/>
    </row>
    <row r="374562" spans="8:8">
      <c r="H374562" s="12"/>
    </row>
    <row r="374563" spans="8:8">
      <c r="H374563" s="12"/>
    </row>
    <row r="374564" spans="8:8">
      <c r="H374564" s="12"/>
    </row>
    <row r="374565" spans="8:8">
      <c r="H374565" s="12"/>
    </row>
    <row r="374566" spans="8:8">
      <c r="H374566" s="12"/>
    </row>
    <row r="374567" spans="8:8">
      <c r="H374567" s="12"/>
    </row>
    <row r="374568" spans="8:8">
      <c r="H374568" s="12"/>
    </row>
    <row r="374569" spans="8:8">
      <c r="H374569" s="12"/>
    </row>
    <row r="374570" spans="8:8">
      <c r="H374570" s="12"/>
    </row>
    <row r="374571" spans="8:8">
      <c r="H374571" s="12"/>
    </row>
    <row r="374572" spans="8:8">
      <c r="H374572" s="12"/>
    </row>
    <row r="374573" spans="8:8">
      <c r="H374573" s="12"/>
    </row>
    <row r="374574" spans="8:8">
      <c r="H374574" s="12"/>
    </row>
    <row r="374575" spans="8:8">
      <c r="H374575" s="12"/>
    </row>
    <row r="374576" spans="8:8">
      <c r="H374576" s="12"/>
    </row>
    <row r="374577" spans="8:8">
      <c r="H374577" s="12"/>
    </row>
    <row r="374578" spans="8:8">
      <c r="H374578" s="12"/>
    </row>
    <row r="374579" spans="8:8">
      <c r="H374579" s="12"/>
    </row>
    <row r="374580" spans="8:8">
      <c r="H374580" s="12"/>
    </row>
    <row r="374581" spans="8:8">
      <c r="H374581" s="12"/>
    </row>
    <row r="374582" spans="8:8">
      <c r="H374582" s="12"/>
    </row>
    <row r="374583" spans="8:8">
      <c r="H374583" s="12"/>
    </row>
    <row r="374584" spans="8:8">
      <c r="H374584" s="12"/>
    </row>
    <row r="374585" spans="8:8">
      <c r="H374585" s="12"/>
    </row>
    <row r="374586" spans="8:8">
      <c r="H374586" s="12"/>
    </row>
    <row r="374587" spans="8:8">
      <c r="H374587" s="12"/>
    </row>
    <row r="374588" spans="8:8">
      <c r="H374588" s="12"/>
    </row>
    <row r="374589" spans="8:8">
      <c r="H374589" s="12"/>
    </row>
    <row r="374590" spans="8:8">
      <c r="H374590" s="12"/>
    </row>
    <row r="374591" spans="8:8">
      <c r="H374591" s="12"/>
    </row>
    <row r="374592" spans="8:8">
      <c r="H374592" s="12"/>
    </row>
    <row r="374593" spans="8:8">
      <c r="H374593" s="12"/>
    </row>
    <row r="374594" spans="8:8">
      <c r="H374594" s="12"/>
    </row>
    <row r="374595" spans="8:8">
      <c r="H374595" s="12"/>
    </row>
    <row r="374596" spans="8:8">
      <c r="H374596" s="12"/>
    </row>
    <row r="374597" spans="8:8">
      <c r="H374597" s="12"/>
    </row>
    <row r="374598" spans="8:8">
      <c r="H374598" s="12"/>
    </row>
    <row r="374599" spans="8:8">
      <c r="H374599" s="12"/>
    </row>
    <row r="374600" spans="8:8">
      <c r="H374600" s="12"/>
    </row>
    <row r="374601" spans="8:8">
      <c r="H374601" s="12"/>
    </row>
    <row r="374602" spans="8:8">
      <c r="H374602" s="12"/>
    </row>
    <row r="374603" spans="8:8">
      <c r="H374603" s="12"/>
    </row>
    <row r="374604" spans="8:8">
      <c r="H374604" s="12"/>
    </row>
    <row r="374605" spans="8:8">
      <c r="H374605" s="12"/>
    </row>
    <row r="374606" spans="8:8">
      <c r="H374606" s="12"/>
    </row>
    <row r="374607" spans="8:8">
      <c r="H374607" s="12"/>
    </row>
    <row r="374608" spans="8:8">
      <c r="H374608" s="12"/>
    </row>
    <row r="374609" spans="8:8">
      <c r="H374609" s="12"/>
    </row>
    <row r="374610" spans="8:8">
      <c r="H374610" s="12"/>
    </row>
    <row r="374611" spans="8:8">
      <c r="H374611" s="12"/>
    </row>
    <row r="374612" spans="8:8">
      <c r="H374612" s="12"/>
    </row>
    <row r="374613" spans="8:8">
      <c r="H374613" s="12"/>
    </row>
    <row r="374614" spans="8:8">
      <c r="H374614" s="12"/>
    </row>
    <row r="374615" spans="8:8">
      <c r="H374615" s="12"/>
    </row>
    <row r="374616" spans="8:8">
      <c r="H374616" s="12"/>
    </row>
    <row r="374617" spans="8:8">
      <c r="H374617" s="12"/>
    </row>
    <row r="374618" spans="8:8">
      <c r="H374618" s="12"/>
    </row>
    <row r="374619" spans="8:8">
      <c r="H374619" s="12"/>
    </row>
    <row r="374620" spans="8:8">
      <c r="H374620" s="12"/>
    </row>
    <row r="374621" spans="8:8">
      <c r="H374621" s="12"/>
    </row>
    <row r="374622" spans="8:8">
      <c r="H374622" s="12"/>
    </row>
    <row r="374623" spans="8:8">
      <c r="H374623" s="12"/>
    </row>
    <row r="374624" spans="8:8">
      <c r="H374624" s="12"/>
    </row>
    <row r="374625" spans="8:8">
      <c r="H374625" s="12"/>
    </row>
    <row r="374626" spans="8:8">
      <c r="H374626" s="12"/>
    </row>
    <row r="374627" spans="8:8">
      <c r="H374627" s="12"/>
    </row>
    <row r="374628" spans="8:8">
      <c r="H374628" s="12"/>
    </row>
    <row r="374629" spans="8:8">
      <c r="H374629" s="12"/>
    </row>
    <row r="374630" spans="8:8">
      <c r="H374630" s="12"/>
    </row>
    <row r="374631" spans="8:8">
      <c r="H374631" s="12"/>
    </row>
    <row r="374632" spans="8:8">
      <c r="H374632" s="12"/>
    </row>
    <row r="374633" spans="8:8">
      <c r="H374633" s="12"/>
    </row>
    <row r="374634" spans="8:8">
      <c r="H374634" s="12"/>
    </row>
    <row r="374635" spans="8:8">
      <c r="H374635" s="12"/>
    </row>
    <row r="374636" spans="8:8">
      <c r="H374636" s="12"/>
    </row>
    <row r="374637" spans="8:8">
      <c r="H374637" s="12"/>
    </row>
    <row r="374638" spans="8:8">
      <c r="H374638" s="12"/>
    </row>
    <row r="374639" spans="8:8">
      <c r="H374639" s="12"/>
    </row>
    <row r="374640" spans="8:8">
      <c r="H374640" s="12"/>
    </row>
    <row r="374641" spans="8:8">
      <c r="H374641" s="12"/>
    </row>
    <row r="374642" spans="8:8">
      <c r="H374642" s="12"/>
    </row>
    <row r="374643" spans="8:8">
      <c r="H374643" s="12"/>
    </row>
    <row r="374644" spans="8:8">
      <c r="H374644" s="12"/>
    </row>
    <row r="374645" spans="8:8">
      <c r="H374645" s="12"/>
    </row>
    <row r="374646" spans="8:8">
      <c r="H374646" s="12"/>
    </row>
    <row r="374647" spans="8:8">
      <c r="H374647" s="12"/>
    </row>
    <row r="374648" spans="8:8">
      <c r="H374648" s="12"/>
    </row>
    <row r="374649" spans="8:8">
      <c r="H374649" s="12"/>
    </row>
    <row r="374650" spans="8:8">
      <c r="H374650" s="12"/>
    </row>
    <row r="374651" spans="8:8">
      <c r="H374651" s="12"/>
    </row>
    <row r="374652" spans="8:8">
      <c r="H374652" s="12"/>
    </row>
    <row r="374653" spans="8:8">
      <c r="H374653" s="12"/>
    </row>
    <row r="374654" spans="8:8">
      <c r="H374654" s="12"/>
    </row>
    <row r="374655" spans="8:8">
      <c r="H374655" s="12"/>
    </row>
    <row r="374656" spans="8:8">
      <c r="H374656" s="12"/>
    </row>
    <row r="374657" spans="8:8">
      <c r="H374657" s="12"/>
    </row>
    <row r="374658" spans="8:8">
      <c r="H374658" s="12"/>
    </row>
    <row r="374659" spans="8:8">
      <c r="H374659" s="12"/>
    </row>
    <row r="374660" spans="8:8">
      <c r="H374660" s="12"/>
    </row>
    <row r="374661" spans="8:8">
      <c r="H374661" s="12"/>
    </row>
    <row r="374662" spans="8:8">
      <c r="H374662" s="12"/>
    </row>
    <row r="374663" spans="8:8">
      <c r="H374663" s="12"/>
    </row>
    <row r="374664" spans="8:8">
      <c r="H374664" s="12"/>
    </row>
    <row r="374665" spans="8:8">
      <c r="H374665" s="12"/>
    </row>
    <row r="374666" spans="8:8">
      <c r="H374666" s="12"/>
    </row>
    <row r="374667" spans="8:8">
      <c r="H374667" s="12"/>
    </row>
    <row r="374668" spans="8:8">
      <c r="H374668" s="12"/>
    </row>
    <row r="374669" spans="8:8">
      <c r="H374669" s="12"/>
    </row>
    <row r="374670" spans="8:8">
      <c r="H374670" s="12"/>
    </row>
    <row r="374671" spans="8:8">
      <c r="H374671" s="12"/>
    </row>
    <row r="374672" spans="8:8">
      <c r="H374672" s="12"/>
    </row>
    <row r="374673" spans="8:8">
      <c r="H374673" s="12"/>
    </row>
    <row r="374674" spans="8:8">
      <c r="H374674" s="12"/>
    </row>
    <row r="374675" spans="8:8">
      <c r="H374675" s="12"/>
    </row>
    <row r="374676" spans="8:8">
      <c r="H374676" s="12"/>
    </row>
    <row r="374677" spans="8:8">
      <c r="H374677" s="12"/>
    </row>
    <row r="374678" spans="8:8">
      <c r="H374678" s="12"/>
    </row>
    <row r="374679" spans="8:8">
      <c r="H374679" s="12"/>
    </row>
    <row r="374680" spans="8:8">
      <c r="H374680" s="12"/>
    </row>
    <row r="374681" spans="8:8">
      <c r="H374681" s="12"/>
    </row>
    <row r="374682" spans="8:8">
      <c r="H374682" s="12"/>
    </row>
    <row r="374683" spans="8:8">
      <c r="H374683" s="12"/>
    </row>
    <row r="374684" spans="8:8">
      <c r="H374684" s="12"/>
    </row>
    <row r="374685" spans="8:8">
      <c r="H374685" s="12"/>
    </row>
    <row r="374686" spans="8:8">
      <c r="H374686" s="12"/>
    </row>
    <row r="374687" spans="8:8">
      <c r="H374687" s="12"/>
    </row>
    <row r="374688" spans="8:8">
      <c r="H374688" s="12"/>
    </row>
    <row r="374689" spans="8:8">
      <c r="H374689" s="12"/>
    </row>
    <row r="374690" spans="8:8">
      <c r="H374690" s="12"/>
    </row>
    <row r="374691" spans="8:8">
      <c r="H374691" s="12"/>
    </row>
    <row r="374692" spans="8:8">
      <c r="H374692" s="12"/>
    </row>
    <row r="374693" spans="8:8">
      <c r="H374693" s="12"/>
    </row>
    <row r="374694" spans="8:8">
      <c r="H374694" s="12"/>
    </row>
    <row r="374695" spans="8:8">
      <c r="H374695" s="12"/>
    </row>
    <row r="374696" spans="8:8">
      <c r="H374696" s="12"/>
    </row>
    <row r="374697" spans="8:8">
      <c r="H374697" s="12"/>
    </row>
    <row r="374698" spans="8:8">
      <c r="H374698" s="12"/>
    </row>
    <row r="374699" spans="8:8">
      <c r="H374699" s="12"/>
    </row>
    <row r="374700" spans="8:8">
      <c r="H374700" s="12"/>
    </row>
    <row r="374701" spans="8:8">
      <c r="H374701" s="12"/>
    </row>
    <row r="374702" spans="8:8">
      <c r="H374702" s="12"/>
    </row>
    <row r="374703" spans="8:8">
      <c r="H374703" s="12"/>
    </row>
    <row r="374704" spans="8:8">
      <c r="H374704" s="12"/>
    </row>
    <row r="374705" spans="8:8">
      <c r="H374705" s="12"/>
    </row>
    <row r="374706" spans="8:8">
      <c r="H374706" s="12"/>
    </row>
    <row r="374707" spans="8:8">
      <c r="H374707" s="12"/>
    </row>
    <row r="374708" spans="8:8">
      <c r="H374708" s="12"/>
    </row>
    <row r="374709" spans="8:8">
      <c r="H374709" s="12"/>
    </row>
    <row r="374710" spans="8:8">
      <c r="H374710" s="12"/>
    </row>
    <row r="374711" spans="8:8">
      <c r="H374711" s="12"/>
    </row>
    <row r="374712" spans="8:8">
      <c r="H374712" s="12"/>
    </row>
    <row r="374713" spans="8:8">
      <c r="H374713" s="12"/>
    </row>
    <row r="374714" spans="8:8">
      <c r="H374714" s="12"/>
    </row>
    <row r="374715" spans="8:8">
      <c r="H374715" s="12"/>
    </row>
    <row r="374716" spans="8:8">
      <c r="H374716" s="12"/>
    </row>
    <row r="374717" spans="8:8">
      <c r="H374717" s="12"/>
    </row>
    <row r="374718" spans="8:8">
      <c r="H374718" s="12"/>
    </row>
    <row r="374719" spans="8:8">
      <c r="H374719" s="12"/>
    </row>
    <row r="374720" spans="8:8">
      <c r="H374720" s="12"/>
    </row>
    <row r="374721" spans="8:8">
      <c r="H374721" s="12"/>
    </row>
    <row r="374722" spans="8:8">
      <c r="H374722" s="12"/>
    </row>
    <row r="374723" spans="8:8">
      <c r="H374723" s="12"/>
    </row>
    <row r="374724" spans="8:8">
      <c r="H374724" s="12"/>
    </row>
    <row r="374725" spans="8:8">
      <c r="H374725" s="12"/>
    </row>
    <row r="374726" spans="8:8">
      <c r="H374726" s="12"/>
    </row>
    <row r="374727" spans="8:8">
      <c r="H374727" s="12"/>
    </row>
    <row r="374728" spans="8:8">
      <c r="H374728" s="12"/>
    </row>
    <row r="374729" spans="8:8">
      <c r="H374729" s="12"/>
    </row>
    <row r="374730" spans="8:8">
      <c r="H374730" s="12"/>
    </row>
    <row r="374731" spans="8:8">
      <c r="H374731" s="12"/>
    </row>
    <row r="374732" spans="8:8">
      <c r="H374732" s="12"/>
    </row>
    <row r="374733" spans="8:8">
      <c r="H374733" s="12"/>
    </row>
    <row r="374734" spans="8:8">
      <c r="H374734" s="12"/>
    </row>
    <row r="374735" spans="8:8">
      <c r="H374735" s="12"/>
    </row>
    <row r="374736" spans="8:8">
      <c r="H374736" s="12"/>
    </row>
    <row r="374737" spans="8:8">
      <c r="H374737" s="12"/>
    </row>
    <row r="374738" spans="8:8">
      <c r="H374738" s="12"/>
    </row>
    <row r="374739" spans="8:8">
      <c r="H374739" s="12"/>
    </row>
    <row r="374740" spans="8:8">
      <c r="H374740" s="12"/>
    </row>
    <row r="374741" spans="8:8">
      <c r="H374741" s="12"/>
    </row>
    <row r="374742" spans="8:8">
      <c r="H374742" s="12"/>
    </row>
    <row r="374743" spans="8:8">
      <c r="H374743" s="12"/>
    </row>
    <row r="374744" spans="8:8">
      <c r="H374744" s="12"/>
    </row>
    <row r="374745" spans="8:8">
      <c r="H374745" s="12"/>
    </row>
    <row r="374746" spans="8:8">
      <c r="H374746" s="12"/>
    </row>
    <row r="374747" spans="8:8">
      <c r="H374747" s="12"/>
    </row>
    <row r="374748" spans="8:8">
      <c r="H374748" s="12"/>
    </row>
    <row r="374749" spans="8:8">
      <c r="H374749" s="12"/>
    </row>
    <row r="374750" spans="8:8">
      <c r="H374750" s="12"/>
    </row>
    <row r="374751" spans="8:8">
      <c r="H374751" s="12"/>
    </row>
    <row r="374752" spans="8:8">
      <c r="H374752" s="12"/>
    </row>
    <row r="374753" spans="8:8">
      <c r="H374753" s="12"/>
    </row>
    <row r="374754" spans="8:8">
      <c r="H374754" s="12"/>
    </row>
    <row r="374755" spans="8:8">
      <c r="H374755" s="12"/>
    </row>
    <row r="374756" spans="8:8">
      <c r="H374756" s="12"/>
    </row>
    <row r="374757" spans="8:8">
      <c r="H374757" s="12"/>
    </row>
    <row r="374758" spans="8:8">
      <c r="H374758" s="12"/>
    </row>
    <row r="374759" spans="8:8">
      <c r="H374759" s="12"/>
    </row>
    <row r="374760" spans="8:8">
      <c r="H374760" s="12"/>
    </row>
    <row r="374761" spans="8:8">
      <c r="H374761" s="12"/>
    </row>
    <row r="374762" spans="8:8">
      <c r="H374762" s="12"/>
    </row>
    <row r="374763" spans="8:8">
      <c r="H374763" s="12"/>
    </row>
    <row r="374764" spans="8:8">
      <c r="H374764" s="12"/>
    </row>
    <row r="374765" spans="8:8">
      <c r="H374765" s="12"/>
    </row>
    <row r="374766" spans="8:8">
      <c r="H374766" s="12"/>
    </row>
    <row r="374767" spans="8:8">
      <c r="H374767" s="12"/>
    </row>
    <row r="374768" spans="8:8">
      <c r="H374768" s="12"/>
    </row>
    <row r="374769" spans="8:8">
      <c r="H374769" s="12"/>
    </row>
    <row r="374770" spans="8:8">
      <c r="H374770" s="12"/>
    </row>
    <row r="374771" spans="8:8">
      <c r="H374771" s="12"/>
    </row>
    <row r="374772" spans="8:8">
      <c r="H374772" s="12"/>
    </row>
    <row r="374773" spans="8:8">
      <c r="H374773" s="12"/>
    </row>
    <row r="374774" spans="8:8">
      <c r="H374774" s="12"/>
    </row>
    <row r="374775" spans="8:8">
      <c r="H374775" s="12"/>
    </row>
    <row r="374776" spans="8:8">
      <c r="H374776" s="12"/>
    </row>
    <row r="374777" spans="8:8">
      <c r="H374777" s="12"/>
    </row>
    <row r="374778" spans="8:8">
      <c r="H374778" s="12"/>
    </row>
    <row r="374779" spans="8:8">
      <c r="H374779" s="12"/>
    </row>
    <row r="374780" spans="8:8">
      <c r="H374780" s="12"/>
    </row>
    <row r="374781" spans="8:8">
      <c r="H374781" s="12"/>
    </row>
    <row r="374782" spans="8:8">
      <c r="H374782" s="12"/>
    </row>
    <row r="374783" spans="8:8">
      <c r="H374783" s="12"/>
    </row>
    <row r="374784" spans="8:8">
      <c r="H374784" s="12"/>
    </row>
    <row r="374785" spans="8:8">
      <c r="H374785" s="12"/>
    </row>
    <row r="374786" spans="8:8">
      <c r="H374786" s="12"/>
    </row>
    <row r="374787" spans="8:8">
      <c r="H374787" s="12"/>
    </row>
    <row r="374788" spans="8:8">
      <c r="H374788" s="12"/>
    </row>
    <row r="374789" spans="8:8">
      <c r="H374789" s="12"/>
    </row>
    <row r="374790" spans="8:8">
      <c r="H374790" s="12"/>
    </row>
    <row r="374791" spans="8:8">
      <c r="H374791" s="12"/>
    </row>
    <row r="374792" spans="8:8">
      <c r="H374792" s="12"/>
    </row>
    <row r="374793" spans="8:8">
      <c r="H374793" s="12"/>
    </row>
    <row r="374794" spans="8:8">
      <c r="H374794" s="12"/>
    </row>
    <row r="374795" spans="8:8">
      <c r="H374795" s="12"/>
    </row>
    <row r="374796" spans="8:8">
      <c r="H374796" s="12"/>
    </row>
    <row r="374797" spans="8:8">
      <c r="H374797" s="12"/>
    </row>
    <row r="374798" spans="8:8">
      <c r="H374798" s="12"/>
    </row>
    <row r="374799" spans="8:8">
      <c r="H374799" s="12"/>
    </row>
    <row r="374800" spans="8:8">
      <c r="H374800" s="12"/>
    </row>
    <row r="374801" spans="8:8">
      <c r="H374801" s="12"/>
    </row>
    <row r="374802" spans="8:8">
      <c r="H374802" s="12"/>
    </row>
    <row r="374803" spans="8:8">
      <c r="H374803" s="12"/>
    </row>
    <row r="374804" spans="8:8">
      <c r="H374804" s="12"/>
    </row>
    <row r="374805" spans="8:8">
      <c r="H374805" s="12"/>
    </row>
    <row r="374806" spans="8:8">
      <c r="H374806" s="12"/>
    </row>
    <row r="374807" spans="8:8">
      <c r="H374807" s="12"/>
    </row>
    <row r="374808" spans="8:8">
      <c r="H374808" s="12"/>
    </row>
    <row r="374809" spans="8:8">
      <c r="H374809" s="12"/>
    </row>
    <row r="374810" spans="8:8">
      <c r="H374810" s="12"/>
    </row>
    <row r="374811" spans="8:8">
      <c r="H374811" s="12"/>
    </row>
    <row r="374812" spans="8:8">
      <c r="H374812" s="12"/>
    </row>
    <row r="374813" spans="8:8">
      <c r="H374813" s="12"/>
    </row>
    <row r="374814" spans="8:8">
      <c r="H374814" s="12"/>
    </row>
    <row r="374815" spans="8:8">
      <c r="H374815" s="12"/>
    </row>
    <row r="374816" spans="8:8">
      <c r="H374816" s="12"/>
    </row>
    <row r="374817" spans="8:8">
      <c r="H374817" s="12"/>
    </row>
    <row r="374818" spans="8:8">
      <c r="H374818" s="12"/>
    </row>
    <row r="374819" spans="8:8">
      <c r="H374819" s="12"/>
    </row>
    <row r="374820" spans="8:8">
      <c r="H374820" s="12"/>
    </row>
    <row r="374821" spans="8:8">
      <c r="H374821" s="12"/>
    </row>
    <row r="374822" spans="8:8">
      <c r="H374822" s="12"/>
    </row>
    <row r="374823" spans="8:8">
      <c r="H374823" s="12"/>
    </row>
    <row r="374824" spans="8:8">
      <c r="H374824" s="12"/>
    </row>
    <row r="374825" spans="8:8">
      <c r="H374825" s="12"/>
    </row>
    <row r="374826" spans="8:8">
      <c r="H374826" s="12"/>
    </row>
    <row r="374827" spans="8:8">
      <c r="H374827" s="12"/>
    </row>
    <row r="374828" spans="8:8">
      <c r="H374828" s="12"/>
    </row>
    <row r="374829" spans="8:8">
      <c r="H374829" s="12"/>
    </row>
    <row r="374830" spans="8:8">
      <c r="H374830" s="12"/>
    </row>
    <row r="374831" spans="8:8">
      <c r="H374831" s="12"/>
    </row>
    <row r="374832" spans="8:8">
      <c r="H374832" s="12"/>
    </row>
    <row r="374833" spans="8:8">
      <c r="H374833" s="12"/>
    </row>
    <row r="374834" spans="8:8">
      <c r="H374834" s="12"/>
    </row>
    <row r="374835" spans="8:8">
      <c r="H374835" s="12"/>
    </row>
    <row r="374836" spans="8:8">
      <c r="H374836" s="12"/>
    </row>
    <row r="374837" spans="8:8">
      <c r="H374837" s="12"/>
    </row>
    <row r="374838" spans="8:8">
      <c r="H374838" s="12"/>
    </row>
    <row r="374839" spans="8:8">
      <c r="H374839" s="12"/>
    </row>
    <row r="374840" spans="8:8">
      <c r="H374840" s="12"/>
    </row>
    <row r="374841" spans="8:8">
      <c r="H374841" s="12"/>
    </row>
    <row r="374842" spans="8:8">
      <c r="H374842" s="12"/>
    </row>
    <row r="374843" spans="8:8">
      <c r="H374843" s="12"/>
    </row>
    <row r="374844" spans="8:8">
      <c r="H374844" s="12"/>
    </row>
    <row r="374845" spans="8:8">
      <c r="H374845" s="12"/>
    </row>
    <row r="374846" spans="8:8">
      <c r="H374846" s="12"/>
    </row>
    <row r="374847" spans="8:8">
      <c r="H374847" s="12"/>
    </row>
    <row r="374848" spans="8:8">
      <c r="H374848" s="12"/>
    </row>
    <row r="374849" spans="8:8">
      <c r="H374849" s="12"/>
    </row>
    <row r="374850" spans="8:8">
      <c r="H374850" s="12"/>
    </row>
    <row r="374851" spans="8:8">
      <c r="H374851" s="12"/>
    </row>
    <row r="374852" spans="8:8">
      <c r="H374852" s="12"/>
    </row>
    <row r="374853" spans="8:8">
      <c r="H374853" s="12"/>
    </row>
    <row r="374854" spans="8:8">
      <c r="H374854" s="12"/>
    </row>
    <row r="374855" spans="8:8">
      <c r="H374855" s="12"/>
    </row>
    <row r="374856" spans="8:8">
      <c r="H374856" s="12"/>
    </row>
    <row r="374857" spans="8:8">
      <c r="H374857" s="12"/>
    </row>
    <row r="374858" spans="8:8">
      <c r="H374858" s="12"/>
    </row>
    <row r="374859" spans="8:8">
      <c r="H374859" s="12"/>
    </row>
    <row r="374860" spans="8:8">
      <c r="H374860" s="12"/>
    </row>
    <row r="374861" spans="8:8">
      <c r="H374861" s="12"/>
    </row>
    <row r="374862" spans="8:8">
      <c r="H374862" s="12"/>
    </row>
    <row r="374863" spans="8:8">
      <c r="H374863" s="12"/>
    </row>
    <row r="374864" spans="8:8">
      <c r="H374864" s="12"/>
    </row>
    <row r="374865" spans="8:8">
      <c r="H374865" s="12"/>
    </row>
    <row r="374866" spans="8:8">
      <c r="H374866" s="12"/>
    </row>
    <row r="374867" spans="8:8">
      <c r="H374867" s="12"/>
    </row>
    <row r="374868" spans="8:8">
      <c r="H374868" s="12"/>
    </row>
    <row r="374869" spans="8:8">
      <c r="H374869" s="12"/>
    </row>
    <row r="374870" spans="8:8">
      <c r="H374870" s="12"/>
    </row>
    <row r="374871" spans="8:8">
      <c r="H374871" s="12"/>
    </row>
    <row r="374872" spans="8:8">
      <c r="H374872" s="12"/>
    </row>
    <row r="374873" spans="8:8">
      <c r="H374873" s="12"/>
    </row>
    <row r="374874" spans="8:8">
      <c r="H374874" s="12"/>
    </row>
    <row r="374875" spans="8:8">
      <c r="H374875" s="12"/>
    </row>
    <row r="374876" spans="8:8">
      <c r="H374876" s="12"/>
    </row>
    <row r="374877" spans="8:8">
      <c r="H374877" s="12"/>
    </row>
    <row r="374878" spans="8:8">
      <c r="H374878" s="12"/>
    </row>
    <row r="374879" spans="8:8">
      <c r="H374879" s="12"/>
    </row>
    <row r="374880" spans="8:8">
      <c r="H374880" s="12"/>
    </row>
    <row r="374881" spans="8:8">
      <c r="H374881" s="12"/>
    </row>
    <row r="374882" spans="8:8">
      <c r="H374882" s="12"/>
    </row>
    <row r="374883" spans="8:8">
      <c r="H374883" s="12"/>
    </row>
    <row r="374884" spans="8:8">
      <c r="H374884" s="12"/>
    </row>
    <row r="374885" spans="8:8">
      <c r="H374885" s="12"/>
    </row>
    <row r="374886" spans="8:8">
      <c r="H374886" s="12"/>
    </row>
    <row r="374887" spans="8:8">
      <c r="H374887" s="12"/>
    </row>
    <row r="374888" spans="8:8">
      <c r="H374888" s="12"/>
    </row>
    <row r="374889" spans="8:8">
      <c r="H374889" s="12"/>
    </row>
    <row r="374890" spans="8:8">
      <c r="H374890" s="12"/>
    </row>
    <row r="374891" spans="8:8">
      <c r="H374891" s="12"/>
    </row>
    <row r="374892" spans="8:8">
      <c r="H374892" s="12"/>
    </row>
    <row r="374893" spans="8:8">
      <c r="H374893" s="12"/>
    </row>
    <row r="374894" spans="8:8">
      <c r="H374894" s="12"/>
    </row>
    <row r="374895" spans="8:8">
      <c r="H374895" s="12"/>
    </row>
    <row r="374896" spans="8:8">
      <c r="H374896" s="12"/>
    </row>
    <row r="374897" spans="8:8">
      <c r="H374897" s="12"/>
    </row>
    <row r="374898" spans="8:8">
      <c r="H374898" s="12"/>
    </row>
    <row r="374899" spans="8:8">
      <c r="H374899" s="12"/>
    </row>
    <row r="374900" spans="8:8">
      <c r="H374900" s="12"/>
    </row>
    <row r="374901" spans="8:8">
      <c r="H374901" s="12"/>
    </row>
    <row r="374902" spans="8:8">
      <c r="H374902" s="12"/>
    </row>
    <row r="374903" spans="8:8">
      <c r="H374903" s="12"/>
    </row>
    <row r="374904" spans="8:8">
      <c r="H374904" s="12"/>
    </row>
    <row r="374905" spans="8:8">
      <c r="H374905" s="12"/>
    </row>
    <row r="374906" spans="8:8">
      <c r="H374906" s="12"/>
    </row>
    <row r="374907" spans="8:8">
      <c r="H374907" s="12"/>
    </row>
    <row r="374908" spans="8:8">
      <c r="H374908" s="12"/>
    </row>
    <row r="374909" spans="8:8">
      <c r="H374909" s="12"/>
    </row>
    <row r="374910" spans="8:8">
      <c r="H374910" s="12"/>
    </row>
    <row r="374911" spans="8:8">
      <c r="H374911" s="12"/>
    </row>
    <row r="374912" spans="8:8">
      <c r="H374912" s="12"/>
    </row>
    <row r="374913" spans="8:8">
      <c r="H374913" s="12"/>
    </row>
    <row r="374914" spans="8:8">
      <c r="H374914" s="12"/>
    </row>
    <row r="374915" spans="8:8">
      <c r="H374915" s="12"/>
    </row>
    <row r="374916" spans="8:8">
      <c r="H374916" s="12"/>
    </row>
    <row r="374917" spans="8:8">
      <c r="H374917" s="12"/>
    </row>
    <row r="374918" spans="8:8">
      <c r="H374918" s="12"/>
    </row>
    <row r="374919" spans="8:8">
      <c r="H374919" s="12"/>
    </row>
    <row r="374920" spans="8:8">
      <c r="H374920" s="12"/>
    </row>
    <row r="374921" spans="8:8">
      <c r="H374921" s="12"/>
    </row>
    <row r="374922" spans="8:8">
      <c r="H374922" s="12"/>
    </row>
    <row r="374923" spans="8:8">
      <c r="H374923" s="12"/>
    </row>
    <row r="374924" spans="8:8">
      <c r="H374924" s="12"/>
    </row>
    <row r="374925" spans="8:8">
      <c r="H374925" s="12"/>
    </row>
    <row r="374926" spans="8:8">
      <c r="H374926" s="12"/>
    </row>
    <row r="374927" spans="8:8">
      <c r="H374927" s="12"/>
    </row>
    <row r="374928" spans="8:8">
      <c r="H374928" s="12"/>
    </row>
    <row r="374929" spans="8:8">
      <c r="H374929" s="12"/>
    </row>
    <row r="374930" spans="8:8">
      <c r="H374930" s="12"/>
    </row>
    <row r="374931" spans="8:8">
      <c r="H374931" s="12"/>
    </row>
    <row r="374932" spans="8:8">
      <c r="H374932" s="12"/>
    </row>
    <row r="374933" spans="8:8">
      <c r="H374933" s="12"/>
    </row>
    <row r="374934" spans="8:8">
      <c r="H374934" s="12"/>
    </row>
    <row r="374935" spans="8:8">
      <c r="H374935" s="12"/>
    </row>
    <row r="374936" spans="8:8">
      <c r="H374936" s="12"/>
    </row>
    <row r="374937" spans="8:8">
      <c r="H374937" s="12"/>
    </row>
    <row r="374938" spans="8:8">
      <c r="H374938" s="12"/>
    </row>
    <row r="374939" spans="8:8">
      <c r="H374939" s="12"/>
    </row>
    <row r="374940" spans="8:8">
      <c r="H374940" s="12"/>
    </row>
    <row r="374941" spans="8:8">
      <c r="H374941" s="12"/>
    </row>
    <row r="374942" spans="8:8">
      <c r="H374942" s="12"/>
    </row>
    <row r="374943" spans="8:8">
      <c r="H374943" s="12"/>
    </row>
    <row r="374944" spans="8:8">
      <c r="H374944" s="12"/>
    </row>
    <row r="374945" spans="8:8">
      <c r="H374945" s="12"/>
    </row>
    <row r="374946" spans="8:8">
      <c r="H374946" s="12"/>
    </row>
    <row r="374947" spans="8:8">
      <c r="H374947" s="12"/>
    </row>
    <row r="374948" spans="8:8">
      <c r="H374948" s="12"/>
    </row>
    <row r="374949" spans="8:8">
      <c r="H374949" s="12"/>
    </row>
    <row r="374950" spans="8:8">
      <c r="H374950" s="12"/>
    </row>
    <row r="374951" spans="8:8">
      <c r="H374951" s="12"/>
    </row>
    <row r="374952" spans="8:8">
      <c r="H374952" s="12"/>
    </row>
    <row r="374953" spans="8:8">
      <c r="H374953" s="12"/>
    </row>
    <row r="374954" spans="8:8">
      <c r="H374954" s="12"/>
    </row>
    <row r="374955" spans="8:8">
      <c r="H374955" s="12"/>
    </row>
    <row r="374956" spans="8:8">
      <c r="H374956" s="12"/>
    </row>
    <row r="374957" spans="8:8">
      <c r="H374957" s="12"/>
    </row>
    <row r="374958" spans="8:8">
      <c r="H374958" s="12"/>
    </row>
    <row r="374959" spans="8:8">
      <c r="H374959" s="12"/>
    </row>
    <row r="374960" spans="8:8">
      <c r="H374960" s="12"/>
    </row>
    <row r="374961" spans="8:8">
      <c r="H374961" s="12"/>
    </row>
    <row r="374962" spans="8:8">
      <c r="H374962" s="12"/>
    </row>
    <row r="374963" spans="8:8">
      <c r="H374963" s="12"/>
    </row>
    <row r="374964" spans="8:8">
      <c r="H374964" s="12"/>
    </row>
    <row r="374965" spans="8:8">
      <c r="H374965" s="12"/>
    </row>
    <row r="374966" spans="8:8">
      <c r="H374966" s="12"/>
    </row>
    <row r="374967" spans="8:8">
      <c r="H374967" s="12"/>
    </row>
    <row r="374968" spans="8:8">
      <c r="H374968" s="12"/>
    </row>
    <row r="374969" spans="8:8">
      <c r="H374969" s="12"/>
    </row>
    <row r="374970" spans="8:8">
      <c r="H374970" s="12"/>
    </row>
    <row r="374971" spans="8:8">
      <c r="H374971" s="12"/>
    </row>
    <row r="374972" spans="8:8">
      <c r="H374972" s="12"/>
    </row>
    <row r="374973" spans="8:8">
      <c r="H374973" s="12"/>
    </row>
    <row r="374974" spans="8:8">
      <c r="H374974" s="12"/>
    </row>
    <row r="374975" spans="8:8">
      <c r="H374975" s="12"/>
    </row>
    <row r="374976" spans="8:8">
      <c r="H374976" s="12"/>
    </row>
    <row r="374977" spans="8:8">
      <c r="H374977" s="12"/>
    </row>
    <row r="374978" spans="8:8">
      <c r="H374978" s="12"/>
    </row>
    <row r="374979" spans="8:8">
      <c r="H374979" s="12"/>
    </row>
    <row r="374980" spans="8:8">
      <c r="H374980" s="12"/>
    </row>
    <row r="374981" spans="8:8">
      <c r="H374981" s="12"/>
    </row>
    <row r="374982" spans="8:8">
      <c r="H374982" s="12"/>
    </row>
    <row r="374983" spans="8:8">
      <c r="H374983" s="12"/>
    </row>
    <row r="374984" spans="8:8">
      <c r="H374984" s="12"/>
    </row>
    <row r="374985" spans="8:8">
      <c r="H374985" s="12"/>
    </row>
    <row r="374986" spans="8:8">
      <c r="H374986" s="12"/>
    </row>
    <row r="374987" spans="8:8">
      <c r="H374987" s="12"/>
    </row>
    <row r="374988" spans="8:8">
      <c r="H374988" s="12"/>
    </row>
    <row r="374989" spans="8:8">
      <c r="H374989" s="12"/>
    </row>
    <row r="374990" spans="8:8">
      <c r="H374990" s="12"/>
    </row>
    <row r="374991" spans="8:8">
      <c r="H374991" s="12"/>
    </row>
    <row r="374992" spans="8:8">
      <c r="H374992" s="12"/>
    </row>
    <row r="374993" spans="8:8">
      <c r="H374993" s="12"/>
    </row>
    <row r="374994" spans="8:8">
      <c r="H374994" s="12"/>
    </row>
    <row r="374995" spans="8:8">
      <c r="H374995" s="12"/>
    </row>
    <row r="374996" spans="8:8">
      <c r="H374996" s="12"/>
    </row>
    <row r="374997" spans="8:8">
      <c r="H374997" s="12"/>
    </row>
    <row r="374998" spans="8:8">
      <c r="H374998" s="12"/>
    </row>
    <row r="374999" spans="8:8">
      <c r="H374999" s="12"/>
    </row>
    <row r="375000" spans="8:8">
      <c r="H375000" s="12"/>
    </row>
    <row r="375001" spans="8:8">
      <c r="H375001" s="12"/>
    </row>
    <row r="375002" spans="8:8">
      <c r="H375002" s="12"/>
    </row>
    <row r="375003" spans="8:8">
      <c r="H375003" s="12"/>
    </row>
    <row r="375004" spans="8:8">
      <c r="H375004" s="12"/>
    </row>
    <row r="375005" spans="8:8">
      <c r="H375005" s="12"/>
    </row>
    <row r="375006" spans="8:8">
      <c r="H375006" s="12"/>
    </row>
    <row r="375007" spans="8:8">
      <c r="H375007" s="12"/>
    </row>
    <row r="375008" spans="8:8">
      <c r="H375008" s="12"/>
    </row>
    <row r="375009" spans="8:8">
      <c r="H375009" s="12"/>
    </row>
    <row r="375010" spans="8:8">
      <c r="H375010" s="12"/>
    </row>
    <row r="375011" spans="8:8">
      <c r="H375011" s="12"/>
    </row>
    <row r="375012" spans="8:8">
      <c r="H375012" s="12"/>
    </row>
    <row r="375013" spans="8:8">
      <c r="H375013" s="12"/>
    </row>
    <row r="375014" spans="8:8">
      <c r="H375014" s="12"/>
    </row>
    <row r="375015" spans="8:8">
      <c r="H375015" s="12"/>
    </row>
    <row r="375016" spans="8:8">
      <c r="H375016" s="12"/>
    </row>
    <row r="375017" spans="8:8">
      <c r="H375017" s="12"/>
    </row>
    <row r="375018" spans="8:8">
      <c r="H375018" s="12"/>
    </row>
    <row r="375019" spans="8:8">
      <c r="H375019" s="12"/>
    </row>
    <row r="375020" spans="8:8">
      <c r="H375020" s="12"/>
    </row>
    <row r="375021" spans="8:8">
      <c r="H375021" s="12"/>
    </row>
    <row r="375022" spans="8:8">
      <c r="H375022" s="12"/>
    </row>
    <row r="375023" spans="8:8">
      <c r="H375023" s="12"/>
    </row>
    <row r="375024" spans="8:8">
      <c r="H375024" s="12"/>
    </row>
    <row r="375025" spans="8:8">
      <c r="H375025" s="12"/>
    </row>
    <row r="375026" spans="8:8">
      <c r="H375026" s="12"/>
    </row>
    <row r="375027" spans="8:8">
      <c r="H375027" s="12"/>
    </row>
    <row r="375028" spans="8:8">
      <c r="H375028" s="12"/>
    </row>
    <row r="375029" spans="8:8">
      <c r="H375029" s="12"/>
    </row>
    <row r="375030" spans="8:8">
      <c r="H375030" s="12"/>
    </row>
    <row r="375031" spans="8:8">
      <c r="H375031" s="12"/>
    </row>
    <row r="375032" spans="8:8">
      <c r="H375032" s="12"/>
    </row>
    <row r="375033" spans="8:8">
      <c r="H375033" s="12"/>
    </row>
    <row r="375034" spans="8:8">
      <c r="H375034" s="12"/>
    </row>
    <row r="375035" spans="8:8">
      <c r="H375035" s="12"/>
    </row>
    <row r="375036" spans="8:8">
      <c r="H375036" s="12"/>
    </row>
    <row r="375037" spans="8:8">
      <c r="H375037" s="12"/>
    </row>
    <row r="375038" spans="8:8">
      <c r="H375038" s="12"/>
    </row>
    <row r="375039" spans="8:8">
      <c r="H375039" s="12"/>
    </row>
    <row r="375040" spans="8:8">
      <c r="H375040" s="12"/>
    </row>
    <row r="375041" spans="8:8">
      <c r="H375041" s="12"/>
    </row>
    <row r="375042" spans="8:8">
      <c r="H375042" s="12"/>
    </row>
    <row r="375043" spans="8:8">
      <c r="H375043" s="12"/>
    </row>
    <row r="375044" spans="8:8">
      <c r="H375044" s="12"/>
    </row>
    <row r="375045" spans="8:8">
      <c r="H375045" s="12"/>
    </row>
    <row r="375046" spans="8:8">
      <c r="H375046" s="12"/>
    </row>
    <row r="375047" spans="8:8">
      <c r="H375047" s="12"/>
    </row>
    <row r="375048" spans="8:8">
      <c r="H375048" s="12"/>
    </row>
    <row r="375049" spans="8:8">
      <c r="H375049" s="12"/>
    </row>
    <row r="375050" spans="8:8">
      <c r="H375050" s="12"/>
    </row>
    <row r="375051" spans="8:8">
      <c r="H375051" s="12"/>
    </row>
    <row r="375052" spans="8:8">
      <c r="H375052" s="12"/>
    </row>
    <row r="375053" spans="8:8">
      <c r="H375053" s="12"/>
    </row>
    <row r="375054" spans="8:8">
      <c r="H375054" s="12"/>
    </row>
    <row r="375055" spans="8:8">
      <c r="H375055" s="12"/>
    </row>
    <row r="375056" spans="8:8">
      <c r="H375056" s="12"/>
    </row>
    <row r="375057" spans="8:8">
      <c r="H375057" s="12"/>
    </row>
    <row r="375058" spans="8:8">
      <c r="H375058" s="12"/>
    </row>
    <row r="375059" spans="8:8">
      <c r="H375059" s="12"/>
    </row>
    <row r="375060" spans="8:8">
      <c r="H375060" s="12"/>
    </row>
    <row r="375061" spans="8:8">
      <c r="H375061" s="12"/>
    </row>
    <row r="375062" spans="8:8">
      <c r="H375062" s="12"/>
    </row>
    <row r="375063" spans="8:8">
      <c r="H375063" s="12"/>
    </row>
    <row r="375064" spans="8:8">
      <c r="H375064" s="12"/>
    </row>
    <row r="375065" spans="8:8">
      <c r="H375065" s="12"/>
    </row>
    <row r="375066" spans="8:8">
      <c r="H375066" s="12"/>
    </row>
    <row r="375067" spans="8:8">
      <c r="H375067" s="12"/>
    </row>
    <row r="375068" spans="8:8">
      <c r="H375068" s="12"/>
    </row>
    <row r="375069" spans="8:8">
      <c r="H375069" s="12"/>
    </row>
    <row r="375070" spans="8:8">
      <c r="H375070" s="12"/>
    </row>
    <row r="375071" spans="8:8">
      <c r="H375071" s="12"/>
    </row>
    <row r="375072" spans="8:8">
      <c r="H375072" s="12"/>
    </row>
    <row r="375073" spans="8:8">
      <c r="H375073" s="12"/>
    </row>
    <row r="375074" spans="8:8">
      <c r="H375074" s="12"/>
    </row>
    <row r="375075" spans="8:8">
      <c r="H375075" s="12"/>
    </row>
    <row r="375076" spans="8:8">
      <c r="H375076" s="12"/>
    </row>
    <row r="375077" spans="8:8">
      <c r="H375077" s="12"/>
    </row>
    <row r="375078" spans="8:8">
      <c r="H375078" s="12"/>
    </row>
    <row r="375079" spans="8:8">
      <c r="H375079" s="12"/>
    </row>
    <row r="375080" spans="8:8">
      <c r="H375080" s="12"/>
    </row>
    <row r="375081" spans="8:8">
      <c r="H375081" s="12"/>
    </row>
    <row r="375082" spans="8:8">
      <c r="H375082" s="12"/>
    </row>
    <row r="375083" spans="8:8">
      <c r="H375083" s="12"/>
    </row>
    <row r="375084" spans="8:8">
      <c r="H375084" s="12"/>
    </row>
    <row r="375085" spans="8:8">
      <c r="H375085" s="12"/>
    </row>
    <row r="375086" spans="8:8">
      <c r="H375086" s="12"/>
    </row>
    <row r="375087" spans="8:8">
      <c r="H375087" s="12"/>
    </row>
    <row r="375088" spans="8:8">
      <c r="H375088" s="12"/>
    </row>
    <row r="375089" spans="8:8">
      <c r="H375089" s="12"/>
    </row>
    <row r="375090" spans="8:8">
      <c r="H375090" s="12"/>
    </row>
    <row r="375091" spans="8:8">
      <c r="H375091" s="12"/>
    </row>
    <row r="375092" spans="8:8">
      <c r="H375092" s="12"/>
    </row>
    <row r="375093" spans="8:8">
      <c r="H375093" s="12"/>
    </row>
    <row r="375094" spans="8:8">
      <c r="H375094" s="12"/>
    </row>
    <row r="375095" spans="8:8">
      <c r="H375095" s="12"/>
    </row>
    <row r="375096" spans="8:8">
      <c r="H375096" s="12"/>
    </row>
    <row r="375097" spans="8:8">
      <c r="H375097" s="12"/>
    </row>
    <row r="375098" spans="8:8">
      <c r="H375098" s="12"/>
    </row>
    <row r="375099" spans="8:8">
      <c r="H375099" s="12"/>
    </row>
    <row r="375100" spans="8:8">
      <c r="H375100" s="12"/>
    </row>
    <row r="375101" spans="8:8">
      <c r="H375101" s="12"/>
    </row>
    <row r="375102" spans="8:8">
      <c r="H375102" s="12"/>
    </row>
    <row r="375103" spans="8:8">
      <c r="H375103" s="12"/>
    </row>
    <row r="375104" spans="8:8">
      <c r="H375104" s="12"/>
    </row>
    <row r="375105" spans="8:8">
      <c r="H375105" s="12"/>
    </row>
    <row r="375106" spans="8:8">
      <c r="H375106" s="12"/>
    </row>
    <row r="375107" spans="8:8">
      <c r="H375107" s="12"/>
    </row>
    <row r="375108" spans="8:8">
      <c r="H375108" s="12"/>
    </row>
    <row r="375109" spans="8:8">
      <c r="H375109" s="12"/>
    </row>
    <row r="375110" spans="8:8">
      <c r="H375110" s="12"/>
    </row>
    <row r="375111" spans="8:8">
      <c r="H375111" s="12"/>
    </row>
    <row r="375112" spans="8:8">
      <c r="H375112" s="12"/>
    </row>
    <row r="375113" spans="8:8">
      <c r="H375113" s="12"/>
    </row>
    <row r="375114" spans="8:8">
      <c r="H375114" s="12"/>
    </row>
    <row r="375115" spans="8:8">
      <c r="H375115" s="12"/>
    </row>
    <row r="375116" spans="8:8">
      <c r="H375116" s="12"/>
    </row>
    <row r="375117" spans="8:8">
      <c r="H375117" s="12"/>
    </row>
    <row r="375118" spans="8:8">
      <c r="H375118" s="12"/>
    </row>
    <row r="375119" spans="8:8">
      <c r="H375119" s="12"/>
    </row>
    <row r="375120" spans="8:8">
      <c r="H375120" s="12"/>
    </row>
    <row r="375121" spans="8:8">
      <c r="H375121" s="12"/>
    </row>
    <row r="375122" spans="8:8">
      <c r="H375122" s="12"/>
    </row>
    <row r="375123" spans="8:8">
      <c r="H375123" s="12"/>
    </row>
    <row r="375124" spans="8:8">
      <c r="H375124" s="12"/>
    </row>
    <row r="375125" spans="8:8">
      <c r="H375125" s="12"/>
    </row>
    <row r="375126" spans="8:8">
      <c r="H375126" s="12"/>
    </row>
    <row r="375127" spans="8:8">
      <c r="H375127" s="12"/>
    </row>
    <row r="375128" spans="8:8">
      <c r="H375128" s="12"/>
    </row>
    <row r="375129" spans="8:8">
      <c r="H375129" s="12"/>
    </row>
    <row r="375130" spans="8:8">
      <c r="H375130" s="12"/>
    </row>
    <row r="375131" spans="8:8">
      <c r="H375131" s="12"/>
    </row>
    <row r="375132" spans="8:8">
      <c r="H375132" s="12"/>
    </row>
    <row r="375133" spans="8:8">
      <c r="H375133" s="12"/>
    </row>
    <row r="375134" spans="8:8">
      <c r="H375134" s="12"/>
    </row>
    <row r="375135" spans="8:8">
      <c r="H375135" s="12"/>
    </row>
    <row r="375136" spans="8:8">
      <c r="H375136" s="12"/>
    </row>
    <row r="375137" spans="8:8">
      <c r="H375137" s="12"/>
    </row>
    <row r="375138" spans="8:8">
      <c r="H375138" s="12"/>
    </row>
    <row r="375139" spans="8:8">
      <c r="H375139" s="12"/>
    </row>
    <row r="375140" spans="8:8">
      <c r="H375140" s="12"/>
    </row>
    <row r="375141" spans="8:8">
      <c r="H375141" s="12"/>
    </row>
    <row r="375142" spans="8:8">
      <c r="H375142" s="12"/>
    </row>
    <row r="375143" spans="8:8">
      <c r="H375143" s="12"/>
    </row>
    <row r="375144" spans="8:8">
      <c r="H375144" s="12"/>
    </row>
    <row r="375145" spans="8:8">
      <c r="H375145" s="12"/>
    </row>
    <row r="375146" spans="8:8">
      <c r="H375146" s="12"/>
    </row>
    <row r="375147" spans="8:8">
      <c r="H375147" s="12"/>
    </row>
    <row r="375148" spans="8:8">
      <c r="H375148" s="12"/>
    </row>
    <row r="375149" spans="8:8">
      <c r="H375149" s="12"/>
    </row>
    <row r="375150" spans="8:8">
      <c r="H375150" s="12"/>
    </row>
    <row r="375151" spans="8:8">
      <c r="H375151" s="12"/>
    </row>
    <row r="375152" spans="8:8">
      <c r="H375152" s="12"/>
    </row>
    <row r="375153" spans="8:8">
      <c r="H375153" s="12"/>
    </row>
    <row r="375154" spans="8:8">
      <c r="H375154" s="12"/>
    </row>
    <row r="375155" spans="8:8">
      <c r="H375155" s="12"/>
    </row>
    <row r="375156" spans="8:8">
      <c r="H375156" s="12"/>
    </row>
    <row r="375157" spans="8:8">
      <c r="H375157" s="12"/>
    </row>
    <row r="375158" spans="8:8">
      <c r="H375158" s="12"/>
    </row>
    <row r="375159" spans="8:8">
      <c r="H375159" s="12"/>
    </row>
    <row r="375160" spans="8:8">
      <c r="H375160" s="12"/>
    </row>
    <row r="375161" spans="8:8">
      <c r="H375161" s="12"/>
    </row>
    <row r="375162" spans="8:8">
      <c r="H375162" s="12"/>
    </row>
    <row r="375163" spans="8:8">
      <c r="H375163" s="12"/>
    </row>
    <row r="375164" spans="8:8">
      <c r="H375164" s="12"/>
    </row>
    <row r="375165" spans="8:8">
      <c r="H375165" s="12"/>
    </row>
    <row r="375166" spans="8:8">
      <c r="H375166" s="12"/>
    </row>
    <row r="375167" spans="8:8">
      <c r="H375167" s="12"/>
    </row>
    <row r="375168" spans="8:8">
      <c r="H375168" s="12"/>
    </row>
    <row r="375169" spans="8:8">
      <c r="H375169" s="12"/>
    </row>
    <row r="375170" spans="8:8">
      <c r="H375170" s="12"/>
    </row>
    <row r="375171" spans="8:8">
      <c r="H375171" s="12"/>
    </row>
    <row r="375172" spans="8:8">
      <c r="H375172" s="12"/>
    </row>
    <row r="375173" spans="8:8">
      <c r="H375173" s="12"/>
    </row>
    <row r="375174" spans="8:8">
      <c r="H375174" s="12"/>
    </row>
    <row r="375175" spans="8:8">
      <c r="H375175" s="12"/>
    </row>
    <row r="375176" spans="8:8">
      <c r="H375176" s="12"/>
    </row>
    <row r="375177" spans="8:8">
      <c r="H375177" s="12"/>
    </row>
    <row r="375178" spans="8:8">
      <c r="H375178" s="12"/>
    </row>
    <row r="375179" spans="8:8">
      <c r="H375179" s="12"/>
    </row>
    <row r="375180" spans="8:8">
      <c r="H375180" s="12"/>
    </row>
    <row r="375181" spans="8:8">
      <c r="H375181" s="12"/>
    </row>
    <row r="375182" spans="8:8">
      <c r="H375182" s="12"/>
    </row>
    <row r="375183" spans="8:8">
      <c r="H375183" s="12"/>
    </row>
    <row r="375184" spans="8:8">
      <c r="H375184" s="12"/>
    </row>
    <row r="375185" spans="8:8">
      <c r="H375185" s="12"/>
    </row>
    <row r="375186" spans="8:8">
      <c r="H375186" s="12"/>
    </row>
    <row r="375187" spans="8:8">
      <c r="H375187" s="12"/>
    </row>
    <row r="375188" spans="8:8">
      <c r="H375188" s="12"/>
    </row>
    <row r="375189" spans="8:8">
      <c r="H375189" s="12"/>
    </row>
    <row r="375190" spans="8:8">
      <c r="H375190" s="12"/>
    </row>
    <row r="375191" spans="8:8">
      <c r="H375191" s="12"/>
    </row>
    <row r="375192" spans="8:8">
      <c r="H375192" s="12"/>
    </row>
    <row r="375193" spans="8:8">
      <c r="H375193" s="12"/>
    </row>
    <row r="375194" spans="8:8">
      <c r="H375194" s="12"/>
    </row>
    <row r="375195" spans="8:8">
      <c r="H375195" s="12"/>
    </row>
    <row r="375196" spans="8:8">
      <c r="H375196" s="12"/>
    </row>
    <row r="375197" spans="8:8">
      <c r="H375197" s="12"/>
    </row>
    <row r="375198" spans="8:8">
      <c r="H375198" s="12"/>
    </row>
    <row r="375199" spans="8:8">
      <c r="H375199" s="12"/>
    </row>
    <row r="375200" spans="8:8">
      <c r="H375200" s="12"/>
    </row>
    <row r="375201" spans="8:8">
      <c r="H375201" s="12"/>
    </row>
    <row r="375202" spans="8:8">
      <c r="H375202" s="12"/>
    </row>
    <row r="375203" spans="8:8">
      <c r="H375203" s="12"/>
    </row>
    <row r="375204" spans="8:8">
      <c r="H375204" s="12"/>
    </row>
    <row r="375205" spans="8:8">
      <c r="H375205" s="12"/>
    </row>
    <row r="375206" spans="8:8">
      <c r="H375206" s="12"/>
    </row>
    <row r="375207" spans="8:8">
      <c r="H375207" s="12"/>
    </row>
    <row r="375208" spans="8:8">
      <c r="H375208" s="12"/>
    </row>
    <row r="375209" spans="8:8">
      <c r="H375209" s="12"/>
    </row>
    <row r="375210" spans="8:8">
      <c r="H375210" s="12"/>
    </row>
    <row r="375211" spans="8:8">
      <c r="H375211" s="12"/>
    </row>
    <row r="375212" spans="8:8">
      <c r="H375212" s="12"/>
    </row>
    <row r="375213" spans="8:8">
      <c r="H375213" s="12"/>
    </row>
    <row r="375214" spans="8:8">
      <c r="H375214" s="12"/>
    </row>
    <row r="375215" spans="8:8">
      <c r="H375215" s="12"/>
    </row>
    <row r="375216" spans="8:8">
      <c r="H375216" s="12"/>
    </row>
    <row r="375217" spans="8:8">
      <c r="H375217" s="12"/>
    </row>
    <row r="375218" spans="8:8">
      <c r="H375218" s="12"/>
    </row>
    <row r="375219" spans="8:8">
      <c r="H375219" s="12"/>
    </row>
    <row r="375220" spans="8:8">
      <c r="H375220" s="12"/>
    </row>
    <row r="375221" spans="8:8">
      <c r="H375221" s="12"/>
    </row>
    <row r="375222" spans="8:8">
      <c r="H375222" s="12"/>
    </row>
    <row r="375223" spans="8:8">
      <c r="H375223" s="12"/>
    </row>
    <row r="375224" spans="8:8">
      <c r="H375224" s="12"/>
    </row>
    <row r="375225" spans="8:8">
      <c r="H375225" s="12"/>
    </row>
    <row r="375226" spans="8:8">
      <c r="H375226" s="12"/>
    </row>
    <row r="375227" spans="8:8">
      <c r="H375227" s="12"/>
    </row>
    <row r="375228" spans="8:8">
      <c r="H375228" s="12"/>
    </row>
    <row r="375229" spans="8:8">
      <c r="H375229" s="12"/>
    </row>
    <row r="375230" spans="8:8">
      <c r="H375230" s="12"/>
    </row>
    <row r="375231" spans="8:8">
      <c r="H375231" s="12"/>
    </row>
    <row r="375232" spans="8:8">
      <c r="H375232" s="12"/>
    </row>
    <row r="375233" spans="8:8">
      <c r="H375233" s="12"/>
    </row>
    <row r="375234" spans="8:8">
      <c r="H375234" s="12"/>
    </row>
    <row r="375235" spans="8:8">
      <c r="H375235" s="12"/>
    </row>
    <row r="375236" spans="8:8">
      <c r="H375236" s="12"/>
    </row>
    <row r="375237" spans="8:8">
      <c r="H375237" s="12"/>
    </row>
    <row r="375238" spans="8:8">
      <c r="H375238" s="12"/>
    </row>
    <row r="375239" spans="8:8">
      <c r="H375239" s="12"/>
    </row>
    <row r="375240" spans="8:8">
      <c r="H375240" s="12"/>
    </row>
    <row r="375241" spans="8:8">
      <c r="H375241" s="12"/>
    </row>
    <row r="375242" spans="8:8">
      <c r="H375242" s="12"/>
    </row>
    <row r="375243" spans="8:8">
      <c r="H375243" s="12"/>
    </row>
    <row r="375244" spans="8:8">
      <c r="H375244" s="12"/>
    </row>
    <row r="375245" spans="8:8">
      <c r="H375245" s="12"/>
    </row>
    <row r="375246" spans="8:8">
      <c r="H375246" s="12"/>
    </row>
    <row r="375247" spans="8:8">
      <c r="H375247" s="12"/>
    </row>
    <row r="375248" spans="8:8">
      <c r="H375248" s="12"/>
    </row>
    <row r="375249" spans="8:8">
      <c r="H375249" s="12"/>
    </row>
    <row r="375250" spans="8:8">
      <c r="H375250" s="12"/>
    </row>
    <row r="375251" spans="8:8">
      <c r="H375251" s="12"/>
    </row>
    <row r="375252" spans="8:8">
      <c r="H375252" s="12"/>
    </row>
    <row r="375253" spans="8:8">
      <c r="H375253" s="12"/>
    </row>
    <row r="375254" spans="8:8">
      <c r="H375254" s="12"/>
    </row>
    <row r="375255" spans="8:8">
      <c r="H375255" s="12"/>
    </row>
    <row r="375256" spans="8:8">
      <c r="H375256" s="12"/>
    </row>
    <row r="375257" spans="8:8">
      <c r="H375257" s="12"/>
    </row>
    <row r="375258" spans="8:8">
      <c r="H375258" s="12"/>
    </row>
    <row r="375259" spans="8:8">
      <c r="H375259" s="12"/>
    </row>
    <row r="375260" spans="8:8">
      <c r="H375260" s="12"/>
    </row>
    <row r="375261" spans="8:8">
      <c r="H375261" s="12"/>
    </row>
    <row r="375262" spans="8:8">
      <c r="H375262" s="12"/>
    </row>
    <row r="375263" spans="8:8">
      <c r="H375263" s="12"/>
    </row>
    <row r="375264" spans="8:8">
      <c r="H375264" s="12"/>
    </row>
    <row r="375265" spans="8:8">
      <c r="H375265" s="12"/>
    </row>
    <row r="375266" spans="8:8">
      <c r="H375266" s="12"/>
    </row>
    <row r="375267" spans="8:8">
      <c r="H375267" s="12"/>
    </row>
    <row r="375268" spans="8:8">
      <c r="H375268" s="12"/>
    </row>
    <row r="375269" spans="8:8">
      <c r="H375269" s="12"/>
    </row>
    <row r="375270" spans="8:8">
      <c r="H375270" s="12"/>
    </row>
    <row r="375271" spans="8:8">
      <c r="H375271" s="12"/>
    </row>
    <row r="375272" spans="8:8">
      <c r="H375272" s="12"/>
    </row>
    <row r="375273" spans="8:8">
      <c r="H375273" s="12"/>
    </row>
    <row r="375274" spans="8:8">
      <c r="H375274" s="12"/>
    </row>
    <row r="375275" spans="8:8">
      <c r="H375275" s="12"/>
    </row>
    <row r="375276" spans="8:8">
      <c r="H375276" s="12"/>
    </row>
    <row r="375277" spans="8:8">
      <c r="H375277" s="12"/>
    </row>
    <row r="375278" spans="8:8">
      <c r="H375278" s="12"/>
    </row>
    <row r="375279" spans="8:8">
      <c r="H375279" s="12"/>
    </row>
    <row r="375280" spans="8:8">
      <c r="H375280" s="12"/>
    </row>
    <row r="375281" spans="8:8">
      <c r="H375281" s="12"/>
    </row>
    <row r="375282" spans="8:8">
      <c r="H375282" s="12"/>
    </row>
    <row r="375283" spans="8:8">
      <c r="H375283" s="12"/>
    </row>
    <row r="375284" spans="8:8">
      <c r="H375284" s="12"/>
    </row>
    <row r="375285" spans="8:8">
      <c r="H375285" s="12"/>
    </row>
    <row r="375286" spans="8:8">
      <c r="H375286" s="12"/>
    </row>
    <row r="375287" spans="8:8">
      <c r="H375287" s="12"/>
    </row>
    <row r="375288" spans="8:8">
      <c r="H375288" s="12"/>
    </row>
    <row r="375289" spans="8:8">
      <c r="H375289" s="12"/>
    </row>
    <row r="375290" spans="8:8">
      <c r="H375290" s="12"/>
    </row>
    <row r="375291" spans="8:8">
      <c r="H375291" s="12"/>
    </row>
    <row r="375292" spans="8:8">
      <c r="H375292" s="12"/>
    </row>
    <row r="375293" spans="8:8">
      <c r="H375293" s="12"/>
    </row>
    <row r="375294" spans="8:8">
      <c r="H375294" s="12"/>
    </row>
    <row r="375295" spans="8:8">
      <c r="H375295" s="12"/>
    </row>
    <row r="375296" spans="8:8">
      <c r="H375296" s="12"/>
    </row>
    <row r="375297" spans="8:8">
      <c r="H375297" s="12"/>
    </row>
    <row r="375298" spans="8:8">
      <c r="H375298" s="12"/>
    </row>
    <row r="375299" spans="8:8">
      <c r="H375299" s="12"/>
    </row>
    <row r="375300" spans="8:8">
      <c r="H375300" s="12"/>
    </row>
    <row r="375301" spans="8:8">
      <c r="H375301" s="12"/>
    </row>
    <row r="375302" spans="8:8">
      <c r="H375302" s="12"/>
    </row>
    <row r="375303" spans="8:8">
      <c r="H375303" s="12"/>
    </row>
    <row r="375304" spans="8:8">
      <c r="H375304" s="12"/>
    </row>
    <row r="375305" spans="8:8">
      <c r="H375305" s="12"/>
    </row>
    <row r="375306" spans="8:8">
      <c r="H375306" s="12"/>
    </row>
    <row r="375307" spans="8:8">
      <c r="H375307" s="12"/>
    </row>
    <row r="375308" spans="8:8">
      <c r="H375308" s="12"/>
    </row>
    <row r="375309" spans="8:8">
      <c r="H375309" s="12"/>
    </row>
    <row r="375310" spans="8:8">
      <c r="H375310" s="12"/>
    </row>
    <row r="375311" spans="8:8">
      <c r="H375311" s="12"/>
    </row>
    <row r="375312" spans="8:8">
      <c r="H375312" s="12"/>
    </row>
    <row r="375313" spans="8:8">
      <c r="H375313" s="12"/>
    </row>
    <row r="375314" spans="8:8">
      <c r="H375314" s="12"/>
    </row>
    <row r="375315" spans="8:8">
      <c r="H375315" s="12"/>
    </row>
    <row r="375316" spans="8:8">
      <c r="H375316" s="12"/>
    </row>
    <row r="375317" spans="8:8">
      <c r="H375317" s="12"/>
    </row>
    <row r="375318" spans="8:8">
      <c r="H375318" s="12"/>
    </row>
    <row r="375319" spans="8:8">
      <c r="H375319" s="12"/>
    </row>
    <row r="375320" spans="8:8">
      <c r="H375320" s="12"/>
    </row>
    <row r="375321" spans="8:8">
      <c r="H375321" s="12"/>
    </row>
    <row r="375322" spans="8:8">
      <c r="H375322" s="12"/>
    </row>
    <row r="375323" spans="8:8">
      <c r="H375323" s="12"/>
    </row>
    <row r="375324" spans="8:8">
      <c r="H375324" s="12"/>
    </row>
    <row r="375325" spans="8:8">
      <c r="H375325" s="12"/>
    </row>
    <row r="375326" spans="8:8">
      <c r="H375326" s="12"/>
    </row>
    <row r="375327" spans="8:8">
      <c r="H375327" s="12"/>
    </row>
    <row r="375328" spans="8:8">
      <c r="H375328" s="12"/>
    </row>
    <row r="375329" spans="8:8">
      <c r="H375329" s="12"/>
    </row>
    <row r="375330" spans="8:8">
      <c r="H375330" s="12"/>
    </row>
    <row r="375331" spans="8:8">
      <c r="H375331" s="12"/>
    </row>
    <row r="375332" spans="8:8">
      <c r="H375332" s="12"/>
    </row>
    <row r="375333" spans="8:8">
      <c r="H375333" s="12"/>
    </row>
    <row r="375334" spans="8:8">
      <c r="H375334" s="12"/>
    </row>
    <row r="375335" spans="8:8">
      <c r="H375335" s="12"/>
    </row>
    <row r="375336" spans="8:8">
      <c r="H375336" s="12"/>
    </row>
    <row r="375337" spans="8:8">
      <c r="H375337" s="12"/>
    </row>
    <row r="375338" spans="8:8">
      <c r="H375338" s="12"/>
    </row>
    <row r="375339" spans="8:8">
      <c r="H375339" s="12"/>
    </row>
    <row r="375340" spans="8:8">
      <c r="H375340" s="12"/>
    </row>
    <row r="375341" spans="8:8">
      <c r="H375341" s="12"/>
    </row>
    <row r="375342" spans="8:8">
      <c r="H375342" s="12"/>
    </row>
    <row r="375343" spans="8:8">
      <c r="H375343" s="12"/>
    </row>
    <row r="375344" spans="8:8">
      <c r="H375344" s="12"/>
    </row>
    <row r="375345" spans="8:8">
      <c r="H375345" s="12"/>
    </row>
    <row r="375346" spans="8:8">
      <c r="H375346" s="12"/>
    </row>
    <row r="375347" spans="8:8">
      <c r="H375347" s="12"/>
    </row>
    <row r="375348" spans="8:8">
      <c r="H375348" s="12"/>
    </row>
    <row r="375349" spans="8:8">
      <c r="H375349" s="12"/>
    </row>
    <row r="375350" spans="8:8">
      <c r="H375350" s="12"/>
    </row>
    <row r="375351" spans="8:8">
      <c r="H375351" s="12"/>
    </row>
    <row r="375352" spans="8:8">
      <c r="H375352" s="12"/>
    </row>
    <row r="375353" spans="8:8">
      <c r="H375353" s="12"/>
    </row>
    <row r="375354" spans="8:8">
      <c r="H375354" s="12"/>
    </row>
    <row r="375355" spans="8:8">
      <c r="H375355" s="12"/>
    </row>
    <row r="375356" spans="8:8">
      <c r="H375356" s="12"/>
    </row>
    <row r="375357" spans="8:8">
      <c r="H375357" s="12"/>
    </row>
    <row r="375358" spans="8:8">
      <c r="H375358" s="12"/>
    </row>
    <row r="375359" spans="8:8">
      <c r="H375359" s="12"/>
    </row>
    <row r="375360" spans="8:8">
      <c r="H375360" s="12"/>
    </row>
    <row r="375361" spans="8:8">
      <c r="H375361" s="12"/>
    </row>
    <row r="375362" spans="8:8">
      <c r="H375362" s="12"/>
    </row>
    <row r="375363" spans="8:8">
      <c r="H375363" s="12"/>
    </row>
    <row r="375364" spans="8:8">
      <c r="H375364" s="12"/>
    </row>
    <row r="375365" spans="8:8">
      <c r="H375365" s="12"/>
    </row>
    <row r="375366" spans="8:8">
      <c r="H375366" s="12"/>
    </row>
    <row r="375367" spans="8:8">
      <c r="H375367" s="12"/>
    </row>
    <row r="375368" spans="8:8">
      <c r="H375368" s="12"/>
    </row>
    <row r="375369" spans="8:8">
      <c r="H375369" s="12"/>
    </row>
    <row r="375370" spans="8:8">
      <c r="H375370" s="12"/>
    </row>
    <row r="375371" spans="8:8">
      <c r="H375371" s="12"/>
    </row>
    <row r="375372" spans="8:8">
      <c r="H375372" s="12"/>
    </row>
    <row r="375373" spans="8:8">
      <c r="H375373" s="12"/>
    </row>
    <row r="375374" spans="8:8">
      <c r="H375374" s="12"/>
    </row>
    <row r="375375" spans="8:8">
      <c r="H375375" s="12"/>
    </row>
    <row r="375376" spans="8:8">
      <c r="H375376" s="12"/>
    </row>
    <row r="375377" spans="8:8">
      <c r="H375377" s="12"/>
    </row>
    <row r="375378" spans="8:8">
      <c r="H375378" s="12"/>
    </row>
    <row r="375379" spans="8:8">
      <c r="H375379" s="12"/>
    </row>
    <row r="375380" spans="8:8">
      <c r="H375380" s="12"/>
    </row>
    <row r="375381" spans="8:8">
      <c r="H375381" s="12"/>
    </row>
    <row r="375382" spans="8:8">
      <c r="H375382" s="12"/>
    </row>
    <row r="375383" spans="8:8">
      <c r="H375383" s="12"/>
    </row>
    <row r="375384" spans="8:8">
      <c r="H375384" s="12"/>
    </row>
    <row r="375385" spans="8:8">
      <c r="H375385" s="12"/>
    </row>
    <row r="375386" spans="8:8">
      <c r="H375386" s="12"/>
    </row>
    <row r="375387" spans="8:8">
      <c r="H375387" s="12"/>
    </row>
    <row r="375388" spans="8:8">
      <c r="H375388" s="12"/>
    </row>
    <row r="375389" spans="8:8">
      <c r="H375389" s="12"/>
    </row>
    <row r="375390" spans="8:8">
      <c r="H375390" s="12"/>
    </row>
    <row r="375391" spans="8:8">
      <c r="H375391" s="12"/>
    </row>
    <row r="375392" spans="8:8">
      <c r="H375392" s="12"/>
    </row>
    <row r="375393" spans="8:8">
      <c r="H375393" s="12"/>
    </row>
    <row r="375394" spans="8:8">
      <c r="H375394" s="12"/>
    </row>
    <row r="375395" spans="8:8">
      <c r="H375395" s="12"/>
    </row>
    <row r="375396" spans="8:8">
      <c r="H375396" s="12"/>
    </row>
    <row r="375397" spans="8:8">
      <c r="H375397" s="12"/>
    </row>
    <row r="375398" spans="8:8">
      <c r="H375398" s="12"/>
    </row>
    <row r="375399" spans="8:8">
      <c r="H375399" s="12"/>
    </row>
    <row r="375400" spans="8:8">
      <c r="H375400" s="12"/>
    </row>
    <row r="375401" spans="8:8">
      <c r="H375401" s="12"/>
    </row>
    <row r="375402" spans="8:8">
      <c r="H375402" s="12"/>
    </row>
    <row r="375403" spans="8:8">
      <c r="H375403" s="12"/>
    </row>
    <row r="375404" spans="8:8">
      <c r="H375404" s="12"/>
    </row>
    <row r="375405" spans="8:8">
      <c r="H375405" s="12"/>
    </row>
    <row r="375406" spans="8:8">
      <c r="H375406" s="12"/>
    </row>
    <row r="375407" spans="8:8">
      <c r="H375407" s="12"/>
    </row>
    <row r="375408" spans="8:8">
      <c r="H375408" s="12"/>
    </row>
    <row r="375409" spans="8:8">
      <c r="H375409" s="12"/>
    </row>
    <row r="375410" spans="8:8">
      <c r="H375410" s="12"/>
    </row>
    <row r="375411" spans="8:8">
      <c r="H375411" s="12"/>
    </row>
    <row r="375412" spans="8:8">
      <c r="H375412" s="12"/>
    </row>
    <row r="375413" spans="8:8">
      <c r="H375413" s="12"/>
    </row>
    <row r="375414" spans="8:8">
      <c r="H375414" s="12"/>
    </row>
    <row r="375415" spans="8:8">
      <c r="H375415" s="12"/>
    </row>
    <row r="375416" spans="8:8">
      <c r="H375416" s="12"/>
    </row>
    <row r="375417" spans="8:8">
      <c r="H375417" s="12"/>
    </row>
    <row r="375418" spans="8:8">
      <c r="H375418" s="12"/>
    </row>
    <row r="375419" spans="8:8">
      <c r="H375419" s="12"/>
    </row>
    <row r="375420" spans="8:8">
      <c r="H375420" s="12"/>
    </row>
    <row r="375421" spans="8:8">
      <c r="H375421" s="12"/>
    </row>
    <row r="375422" spans="8:8">
      <c r="H375422" s="12"/>
    </row>
    <row r="375423" spans="8:8">
      <c r="H375423" s="12"/>
    </row>
    <row r="375424" spans="8:8">
      <c r="H375424" s="12"/>
    </row>
    <row r="375425" spans="8:8">
      <c r="H375425" s="12"/>
    </row>
    <row r="375426" spans="8:8">
      <c r="H375426" s="12"/>
    </row>
    <row r="375427" spans="8:8">
      <c r="H375427" s="12"/>
    </row>
    <row r="375428" spans="8:8">
      <c r="H375428" s="12"/>
    </row>
    <row r="375429" spans="8:8">
      <c r="H375429" s="12"/>
    </row>
    <row r="375430" spans="8:8">
      <c r="H375430" s="12"/>
    </row>
    <row r="375431" spans="8:8">
      <c r="H375431" s="12"/>
    </row>
    <row r="375432" spans="8:8">
      <c r="H375432" s="12"/>
    </row>
    <row r="375433" spans="8:8">
      <c r="H375433" s="12"/>
    </row>
    <row r="375434" spans="8:8">
      <c r="H375434" s="12"/>
    </row>
    <row r="375435" spans="8:8">
      <c r="H375435" s="12"/>
    </row>
    <row r="375436" spans="8:8">
      <c r="H375436" s="12"/>
    </row>
    <row r="375437" spans="8:8">
      <c r="H375437" s="12"/>
    </row>
    <row r="375438" spans="8:8">
      <c r="H375438" s="12"/>
    </row>
    <row r="375439" spans="8:8">
      <c r="H375439" s="12"/>
    </row>
    <row r="375440" spans="8:8">
      <c r="H375440" s="12"/>
    </row>
    <row r="375441" spans="8:8">
      <c r="H375441" s="12"/>
    </row>
    <row r="375442" spans="8:8">
      <c r="H375442" s="12"/>
    </row>
    <row r="375443" spans="8:8">
      <c r="H375443" s="12"/>
    </row>
    <row r="375444" spans="8:8">
      <c r="H375444" s="12"/>
    </row>
    <row r="375445" spans="8:8">
      <c r="H375445" s="12"/>
    </row>
    <row r="375446" spans="8:8">
      <c r="H375446" s="12"/>
    </row>
    <row r="375447" spans="8:8">
      <c r="H375447" s="12"/>
    </row>
    <row r="375448" spans="8:8">
      <c r="H375448" s="12"/>
    </row>
    <row r="375449" spans="8:8">
      <c r="H375449" s="12"/>
    </row>
    <row r="375450" spans="8:8">
      <c r="H375450" s="12"/>
    </row>
    <row r="375451" spans="8:8">
      <c r="H375451" s="12"/>
    </row>
    <row r="375452" spans="8:8">
      <c r="H375452" s="12"/>
    </row>
    <row r="375453" spans="8:8">
      <c r="H375453" s="12"/>
    </row>
    <row r="375454" spans="8:8">
      <c r="H375454" s="12"/>
    </row>
    <row r="375455" spans="8:8">
      <c r="H375455" s="12"/>
    </row>
    <row r="375456" spans="8:8">
      <c r="H375456" s="12"/>
    </row>
    <row r="375457" spans="8:8">
      <c r="H375457" s="12"/>
    </row>
    <row r="375458" spans="8:8">
      <c r="H375458" s="12"/>
    </row>
    <row r="375459" spans="8:8">
      <c r="H375459" s="12"/>
    </row>
    <row r="375460" spans="8:8">
      <c r="H375460" s="12"/>
    </row>
    <row r="375461" spans="8:8">
      <c r="H375461" s="12"/>
    </row>
    <row r="375462" spans="8:8">
      <c r="H375462" s="12"/>
    </row>
    <row r="375463" spans="8:8">
      <c r="H375463" s="12"/>
    </row>
    <row r="375464" spans="8:8">
      <c r="H375464" s="12"/>
    </row>
    <row r="375465" spans="8:8">
      <c r="H375465" s="12"/>
    </row>
    <row r="375466" spans="8:8">
      <c r="H375466" s="12"/>
    </row>
    <row r="375467" spans="8:8">
      <c r="H375467" s="12"/>
    </row>
    <row r="375468" spans="8:8">
      <c r="H375468" s="12"/>
    </row>
    <row r="375469" spans="8:8">
      <c r="H375469" s="12"/>
    </row>
    <row r="375470" spans="8:8">
      <c r="H375470" s="12"/>
    </row>
    <row r="375471" spans="8:8">
      <c r="H375471" s="12"/>
    </row>
    <row r="375472" spans="8:8">
      <c r="H375472" s="12"/>
    </row>
    <row r="375473" spans="8:8">
      <c r="H375473" s="12"/>
    </row>
    <row r="375474" spans="8:8">
      <c r="H375474" s="12"/>
    </row>
    <row r="375475" spans="8:8">
      <c r="H375475" s="12"/>
    </row>
    <row r="375476" spans="8:8">
      <c r="H375476" s="12"/>
    </row>
    <row r="375477" spans="8:8">
      <c r="H375477" s="12"/>
    </row>
    <row r="375478" spans="8:8">
      <c r="H375478" s="12"/>
    </row>
    <row r="375479" spans="8:8">
      <c r="H375479" s="12"/>
    </row>
    <row r="375480" spans="8:8">
      <c r="H375480" s="12"/>
    </row>
    <row r="375481" spans="8:8">
      <c r="H375481" s="12"/>
    </row>
    <row r="375482" spans="8:8">
      <c r="H375482" s="12"/>
    </row>
    <row r="375483" spans="8:8">
      <c r="H375483" s="12"/>
    </row>
    <row r="375484" spans="8:8">
      <c r="H375484" s="12"/>
    </row>
    <row r="375485" spans="8:8">
      <c r="H375485" s="12"/>
    </row>
    <row r="375486" spans="8:8">
      <c r="H375486" s="12"/>
    </row>
    <row r="375487" spans="8:8">
      <c r="H375487" s="12"/>
    </row>
    <row r="375488" spans="8:8">
      <c r="H375488" s="12"/>
    </row>
    <row r="375489" spans="8:8">
      <c r="H375489" s="12"/>
    </row>
    <row r="375490" spans="8:8">
      <c r="H375490" s="12"/>
    </row>
    <row r="375491" spans="8:8">
      <c r="H375491" s="12"/>
    </row>
    <row r="375492" spans="8:8">
      <c r="H375492" s="12"/>
    </row>
    <row r="375493" spans="8:8">
      <c r="H375493" s="12"/>
    </row>
    <row r="375494" spans="8:8">
      <c r="H375494" s="12"/>
    </row>
    <row r="375495" spans="8:8">
      <c r="H375495" s="12"/>
    </row>
    <row r="375496" spans="8:8">
      <c r="H375496" s="12"/>
    </row>
    <row r="375497" spans="8:8">
      <c r="H375497" s="12"/>
    </row>
    <row r="375498" spans="8:8">
      <c r="H375498" s="12"/>
    </row>
    <row r="375499" spans="8:8">
      <c r="H375499" s="12"/>
    </row>
    <row r="375500" spans="8:8">
      <c r="H375500" s="12"/>
    </row>
    <row r="375501" spans="8:8">
      <c r="H375501" s="12"/>
    </row>
    <row r="375502" spans="8:8">
      <c r="H375502" s="12"/>
    </row>
    <row r="375503" spans="8:8">
      <c r="H375503" s="12"/>
    </row>
    <row r="375504" spans="8:8">
      <c r="H375504" s="12"/>
    </row>
    <row r="375505" spans="8:8">
      <c r="H375505" s="12"/>
    </row>
    <row r="375506" spans="8:8">
      <c r="H375506" s="12"/>
    </row>
    <row r="375507" spans="8:8">
      <c r="H375507" s="12"/>
    </row>
    <row r="375508" spans="8:8">
      <c r="H375508" s="12"/>
    </row>
    <row r="375509" spans="8:8">
      <c r="H375509" s="12"/>
    </row>
    <row r="375510" spans="8:8">
      <c r="H375510" s="12"/>
    </row>
    <row r="375511" spans="8:8">
      <c r="H375511" s="12"/>
    </row>
    <row r="375512" spans="8:8">
      <c r="H375512" s="12"/>
    </row>
    <row r="375513" spans="8:8">
      <c r="H375513" s="12"/>
    </row>
    <row r="375514" spans="8:8">
      <c r="H375514" s="12"/>
    </row>
    <row r="375515" spans="8:8">
      <c r="H375515" s="12"/>
    </row>
    <row r="375516" spans="8:8">
      <c r="H375516" s="12"/>
    </row>
    <row r="375517" spans="8:8">
      <c r="H375517" s="12"/>
    </row>
    <row r="375518" spans="8:8">
      <c r="H375518" s="12"/>
    </row>
    <row r="375519" spans="8:8">
      <c r="H375519" s="12"/>
    </row>
    <row r="375520" spans="8:8">
      <c r="H375520" s="12"/>
    </row>
    <row r="375521" spans="8:8">
      <c r="H375521" s="12"/>
    </row>
    <row r="375522" spans="8:8">
      <c r="H375522" s="12"/>
    </row>
    <row r="375523" spans="8:8">
      <c r="H375523" s="12"/>
    </row>
    <row r="375524" spans="8:8">
      <c r="H375524" s="12"/>
    </row>
    <row r="375525" spans="8:8">
      <c r="H375525" s="12"/>
    </row>
    <row r="375526" spans="8:8">
      <c r="H375526" s="12"/>
    </row>
    <row r="375527" spans="8:8">
      <c r="H375527" s="12"/>
    </row>
    <row r="375528" spans="8:8">
      <c r="H375528" s="12"/>
    </row>
    <row r="375529" spans="8:8">
      <c r="H375529" s="12"/>
    </row>
    <row r="375530" spans="8:8">
      <c r="H375530" s="12"/>
    </row>
    <row r="375531" spans="8:8">
      <c r="H375531" s="12"/>
    </row>
    <row r="375532" spans="8:8">
      <c r="H375532" s="12"/>
    </row>
    <row r="375533" spans="8:8">
      <c r="H375533" s="12"/>
    </row>
    <row r="375534" spans="8:8">
      <c r="H375534" s="12"/>
    </row>
    <row r="375535" spans="8:8">
      <c r="H375535" s="12"/>
    </row>
    <row r="375536" spans="8:8">
      <c r="H375536" s="12"/>
    </row>
    <row r="375537" spans="8:8">
      <c r="H375537" s="12"/>
    </row>
    <row r="375538" spans="8:8">
      <c r="H375538" s="12"/>
    </row>
    <row r="375539" spans="8:8">
      <c r="H375539" s="12"/>
    </row>
    <row r="375540" spans="8:8">
      <c r="H375540" s="12"/>
    </row>
    <row r="375541" spans="8:8">
      <c r="H375541" s="12"/>
    </row>
    <row r="375542" spans="8:8">
      <c r="H375542" s="12"/>
    </row>
    <row r="375543" spans="8:8">
      <c r="H375543" s="12"/>
    </row>
    <row r="375544" spans="8:8">
      <c r="H375544" s="12"/>
    </row>
    <row r="375545" spans="8:8">
      <c r="H375545" s="12"/>
    </row>
    <row r="375546" spans="8:8">
      <c r="H375546" s="12"/>
    </row>
    <row r="375547" spans="8:8">
      <c r="H375547" s="12"/>
    </row>
    <row r="375548" spans="8:8">
      <c r="H375548" s="12"/>
    </row>
    <row r="375549" spans="8:8">
      <c r="H375549" s="12"/>
    </row>
    <row r="375550" spans="8:8">
      <c r="H375550" s="12"/>
    </row>
    <row r="375551" spans="8:8">
      <c r="H375551" s="12"/>
    </row>
    <row r="375552" spans="8:8">
      <c r="H375552" s="12"/>
    </row>
    <row r="375553" spans="8:8">
      <c r="H375553" s="12"/>
    </row>
    <row r="375554" spans="8:8">
      <c r="H375554" s="12"/>
    </row>
    <row r="375555" spans="8:8">
      <c r="H375555" s="12"/>
    </row>
    <row r="375556" spans="8:8">
      <c r="H375556" s="12"/>
    </row>
    <row r="375557" spans="8:8">
      <c r="H375557" s="12"/>
    </row>
    <row r="375558" spans="8:8">
      <c r="H375558" s="12"/>
    </row>
    <row r="375559" spans="8:8">
      <c r="H375559" s="12"/>
    </row>
    <row r="375560" spans="8:8">
      <c r="H375560" s="12"/>
    </row>
    <row r="375561" spans="8:8">
      <c r="H375561" s="12"/>
    </row>
    <row r="375562" spans="8:8">
      <c r="H375562" s="12"/>
    </row>
    <row r="375563" spans="8:8">
      <c r="H375563" s="12"/>
    </row>
    <row r="375564" spans="8:8">
      <c r="H375564" s="12"/>
    </row>
    <row r="375565" spans="8:8">
      <c r="H375565" s="12"/>
    </row>
    <row r="375566" spans="8:8">
      <c r="H375566" s="12"/>
    </row>
    <row r="375567" spans="8:8">
      <c r="H375567" s="12"/>
    </row>
    <row r="375568" spans="8:8">
      <c r="H375568" s="12"/>
    </row>
    <row r="375569" spans="8:8">
      <c r="H375569" s="12"/>
    </row>
    <row r="375570" spans="8:8">
      <c r="H375570" s="12"/>
    </row>
    <row r="375571" spans="8:8">
      <c r="H375571" s="12"/>
    </row>
    <row r="375572" spans="8:8">
      <c r="H375572" s="12"/>
    </row>
    <row r="375573" spans="8:8">
      <c r="H375573" s="12"/>
    </row>
    <row r="375574" spans="8:8">
      <c r="H375574" s="12"/>
    </row>
    <row r="375575" spans="8:8">
      <c r="H375575" s="12"/>
    </row>
    <row r="375576" spans="8:8">
      <c r="H375576" s="12"/>
    </row>
    <row r="375577" spans="8:8">
      <c r="H375577" s="12"/>
    </row>
    <row r="375578" spans="8:8">
      <c r="H375578" s="12"/>
    </row>
    <row r="375579" spans="8:8">
      <c r="H375579" s="12"/>
    </row>
    <row r="375580" spans="8:8">
      <c r="H375580" s="12"/>
    </row>
    <row r="375581" spans="8:8">
      <c r="H375581" s="12"/>
    </row>
    <row r="375582" spans="8:8">
      <c r="H375582" s="12"/>
    </row>
    <row r="375583" spans="8:8">
      <c r="H375583" s="12"/>
    </row>
    <row r="375584" spans="8:8">
      <c r="H375584" s="12"/>
    </row>
    <row r="375585" spans="8:8">
      <c r="H375585" s="12"/>
    </row>
    <row r="375586" spans="8:8">
      <c r="H375586" s="12"/>
    </row>
    <row r="375587" spans="8:8">
      <c r="H375587" s="12"/>
    </row>
    <row r="375588" spans="8:8">
      <c r="H375588" s="12"/>
    </row>
    <row r="375589" spans="8:8">
      <c r="H375589" s="12"/>
    </row>
    <row r="375590" spans="8:8">
      <c r="H375590" s="12"/>
    </row>
    <row r="375591" spans="8:8">
      <c r="H375591" s="12"/>
    </row>
    <row r="375592" spans="8:8">
      <c r="H375592" s="12"/>
    </row>
    <row r="375593" spans="8:8">
      <c r="H375593" s="12"/>
    </row>
    <row r="375594" spans="8:8">
      <c r="H375594" s="12"/>
    </row>
    <row r="375595" spans="8:8">
      <c r="H375595" s="12"/>
    </row>
    <row r="375596" spans="8:8">
      <c r="H375596" s="12"/>
    </row>
    <row r="375597" spans="8:8">
      <c r="H375597" s="12"/>
    </row>
    <row r="375598" spans="8:8">
      <c r="H375598" s="12"/>
    </row>
    <row r="375599" spans="8:8">
      <c r="H375599" s="12"/>
    </row>
    <row r="375600" spans="8:8">
      <c r="H375600" s="12"/>
    </row>
    <row r="375601" spans="8:8">
      <c r="H375601" s="12"/>
    </row>
    <row r="375602" spans="8:8">
      <c r="H375602" s="12"/>
    </row>
    <row r="375603" spans="8:8">
      <c r="H375603" s="12"/>
    </row>
    <row r="375604" spans="8:8">
      <c r="H375604" s="12"/>
    </row>
    <row r="375605" spans="8:8">
      <c r="H375605" s="12"/>
    </row>
    <row r="375606" spans="8:8">
      <c r="H375606" s="12"/>
    </row>
    <row r="375607" spans="8:8">
      <c r="H375607" s="12"/>
    </row>
    <row r="375608" spans="8:8">
      <c r="H375608" s="12"/>
    </row>
    <row r="375609" spans="8:8">
      <c r="H375609" s="12"/>
    </row>
    <row r="375610" spans="8:8">
      <c r="H375610" s="12"/>
    </row>
    <row r="375611" spans="8:8">
      <c r="H375611" s="12"/>
    </row>
    <row r="375612" spans="8:8">
      <c r="H375612" s="12"/>
    </row>
    <row r="375613" spans="8:8">
      <c r="H375613" s="12"/>
    </row>
    <row r="375614" spans="8:8">
      <c r="H375614" s="12"/>
    </row>
    <row r="375615" spans="8:8">
      <c r="H375615" s="12"/>
    </row>
    <row r="375616" spans="8:8">
      <c r="H375616" s="12"/>
    </row>
    <row r="375617" spans="8:8">
      <c r="H375617" s="12"/>
    </row>
    <row r="375618" spans="8:8">
      <c r="H375618" s="12"/>
    </row>
    <row r="375619" spans="8:8">
      <c r="H375619" s="12"/>
    </row>
    <row r="375620" spans="8:8">
      <c r="H375620" s="12"/>
    </row>
    <row r="375621" spans="8:8">
      <c r="H375621" s="12"/>
    </row>
    <row r="375622" spans="8:8">
      <c r="H375622" s="12"/>
    </row>
    <row r="375623" spans="8:8">
      <c r="H375623" s="12"/>
    </row>
    <row r="375624" spans="8:8">
      <c r="H375624" s="12"/>
    </row>
    <row r="375625" spans="8:8">
      <c r="H375625" s="12"/>
    </row>
    <row r="375626" spans="8:8">
      <c r="H375626" s="12"/>
    </row>
    <row r="375627" spans="8:8">
      <c r="H375627" s="12"/>
    </row>
    <row r="375628" spans="8:8">
      <c r="H375628" s="12"/>
    </row>
    <row r="375629" spans="8:8">
      <c r="H375629" s="12"/>
    </row>
    <row r="375630" spans="8:8">
      <c r="H375630" s="12"/>
    </row>
    <row r="375631" spans="8:8">
      <c r="H375631" s="12"/>
    </row>
    <row r="375632" spans="8:8">
      <c r="H375632" s="12"/>
    </row>
    <row r="375633" spans="8:8">
      <c r="H375633" s="12"/>
    </row>
    <row r="375634" spans="8:8">
      <c r="H375634" s="12"/>
    </row>
    <row r="375635" spans="8:8">
      <c r="H375635" s="12"/>
    </row>
    <row r="375636" spans="8:8">
      <c r="H375636" s="12"/>
    </row>
    <row r="375637" spans="8:8">
      <c r="H375637" s="12"/>
    </row>
    <row r="375638" spans="8:8">
      <c r="H375638" s="12"/>
    </row>
    <row r="375639" spans="8:8">
      <c r="H375639" s="12"/>
    </row>
    <row r="375640" spans="8:8">
      <c r="H375640" s="12"/>
    </row>
    <row r="375641" spans="8:8">
      <c r="H375641" s="12"/>
    </row>
    <row r="375642" spans="8:8">
      <c r="H375642" s="12"/>
    </row>
    <row r="375643" spans="8:8">
      <c r="H375643" s="12"/>
    </row>
    <row r="375644" spans="8:8">
      <c r="H375644" s="12"/>
    </row>
    <row r="375645" spans="8:8">
      <c r="H375645" s="12"/>
    </row>
    <row r="375646" spans="8:8">
      <c r="H375646" s="12"/>
    </row>
    <row r="375647" spans="8:8">
      <c r="H375647" s="12"/>
    </row>
    <row r="375648" spans="8:8">
      <c r="H375648" s="12"/>
    </row>
    <row r="375649" spans="8:8">
      <c r="H375649" s="12"/>
    </row>
    <row r="375650" spans="8:8">
      <c r="H375650" s="12"/>
    </row>
    <row r="375651" spans="8:8">
      <c r="H375651" s="12"/>
    </row>
    <row r="375652" spans="8:8">
      <c r="H375652" s="12"/>
    </row>
    <row r="375653" spans="8:8">
      <c r="H375653" s="12"/>
    </row>
    <row r="375654" spans="8:8">
      <c r="H375654" s="12"/>
    </row>
    <row r="375655" spans="8:8">
      <c r="H375655" s="12"/>
    </row>
    <row r="375656" spans="8:8">
      <c r="H375656" s="12"/>
    </row>
    <row r="375657" spans="8:8">
      <c r="H375657" s="12"/>
    </row>
    <row r="375658" spans="8:8">
      <c r="H375658" s="12"/>
    </row>
    <row r="375659" spans="8:8">
      <c r="H375659" s="12"/>
    </row>
    <row r="375660" spans="8:8">
      <c r="H375660" s="12"/>
    </row>
    <row r="375661" spans="8:8">
      <c r="H375661" s="12"/>
    </row>
    <row r="375662" spans="8:8">
      <c r="H375662" s="12"/>
    </row>
    <row r="375663" spans="8:8">
      <c r="H375663" s="12"/>
    </row>
    <row r="375664" spans="8:8">
      <c r="H375664" s="12"/>
    </row>
    <row r="375665" spans="8:8">
      <c r="H375665" s="12"/>
    </row>
    <row r="375666" spans="8:8">
      <c r="H375666" s="12"/>
    </row>
    <row r="375667" spans="8:8">
      <c r="H375667" s="12"/>
    </row>
    <row r="375668" spans="8:8">
      <c r="H375668" s="12"/>
    </row>
    <row r="375669" spans="8:8">
      <c r="H375669" s="12"/>
    </row>
    <row r="375670" spans="8:8">
      <c r="H375670" s="12"/>
    </row>
    <row r="375671" spans="8:8">
      <c r="H375671" s="12"/>
    </row>
    <row r="375672" spans="8:8">
      <c r="H375672" s="12"/>
    </row>
    <row r="375673" spans="8:8">
      <c r="H375673" s="12"/>
    </row>
    <row r="375674" spans="8:8">
      <c r="H375674" s="12"/>
    </row>
    <row r="375675" spans="8:8">
      <c r="H375675" s="12"/>
    </row>
    <row r="375676" spans="8:8">
      <c r="H375676" s="12"/>
    </row>
    <row r="375677" spans="8:8">
      <c r="H375677" s="12"/>
    </row>
    <row r="375678" spans="8:8">
      <c r="H375678" s="12"/>
    </row>
    <row r="375679" spans="8:8">
      <c r="H375679" s="12"/>
    </row>
    <row r="375680" spans="8:8">
      <c r="H375680" s="12"/>
    </row>
    <row r="375681" spans="8:8">
      <c r="H375681" s="12"/>
    </row>
    <row r="375682" spans="8:8">
      <c r="H375682" s="12"/>
    </row>
    <row r="375683" spans="8:8">
      <c r="H375683" s="12"/>
    </row>
    <row r="375684" spans="8:8">
      <c r="H375684" s="12"/>
    </row>
    <row r="375685" spans="8:8">
      <c r="H375685" s="12"/>
    </row>
    <row r="375686" spans="8:8">
      <c r="H375686" s="12"/>
    </row>
    <row r="375687" spans="8:8">
      <c r="H375687" s="12"/>
    </row>
    <row r="375688" spans="8:8">
      <c r="H375688" s="12"/>
    </row>
    <row r="375689" spans="8:8">
      <c r="H375689" s="12"/>
    </row>
    <row r="375690" spans="8:8">
      <c r="H375690" s="12"/>
    </row>
    <row r="375691" spans="8:8">
      <c r="H375691" s="12"/>
    </row>
    <row r="375692" spans="8:8">
      <c r="H375692" s="12"/>
    </row>
    <row r="375693" spans="8:8">
      <c r="H375693" s="12"/>
    </row>
    <row r="375694" spans="8:8">
      <c r="H375694" s="12"/>
    </row>
    <row r="375695" spans="8:8">
      <c r="H375695" s="12"/>
    </row>
    <row r="375696" spans="8:8">
      <c r="H375696" s="12"/>
    </row>
    <row r="375697" spans="8:8">
      <c r="H375697" s="12"/>
    </row>
    <row r="375698" spans="8:8">
      <c r="H375698" s="12"/>
    </row>
    <row r="375699" spans="8:8">
      <c r="H375699" s="12"/>
    </row>
    <row r="375700" spans="8:8">
      <c r="H375700" s="12"/>
    </row>
    <row r="375701" spans="8:8">
      <c r="H375701" s="12"/>
    </row>
    <row r="375702" spans="8:8">
      <c r="H375702" s="12"/>
    </row>
    <row r="375703" spans="8:8">
      <c r="H375703" s="12"/>
    </row>
    <row r="375704" spans="8:8">
      <c r="H375704" s="12"/>
    </row>
    <row r="375705" spans="8:8">
      <c r="H375705" s="12"/>
    </row>
    <row r="375706" spans="8:8">
      <c r="H375706" s="12"/>
    </row>
    <row r="375707" spans="8:8">
      <c r="H375707" s="12"/>
    </row>
    <row r="375708" spans="8:8">
      <c r="H375708" s="12"/>
    </row>
    <row r="375709" spans="8:8">
      <c r="H375709" s="12"/>
    </row>
    <row r="375710" spans="8:8">
      <c r="H375710" s="12"/>
    </row>
    <row r="375711" spans="8:8">
      <c r="H375711" s="12"/>
    </row>
    <row r="375712" spans="8:8">
      <c r="H375712" s="12"/>
    </row>
    <row r="375713" spans="8:8">
      <c r="H375713" s="12"/>
    </row>
    <row r="375714" spans="8:8">
      <c r="H375714" s="12"/>
    </row>
    <row r="375715" spans="8:8">
      <c r="H375715" s="12"/>
    </row>
    <row r="375716" spans="8:8">
      <c r="H375716" s="12"/>
    </row>
    <row r="375717" spans="8:8">
      <c r="H375717" s="12"/>
    </row>
    <row r="375718" spans="8:8">
      <c r="H375718" s="12"/>
    </row>
    <row r="375719" spans="8:8">
      <c r="H375719" s="12"/>
    </row>
    <row r="375720" spans="8:8">
      <c r="H375720" s="12"/>
    </row>
    <row r="375721" spans="8:8">
      <c r="H375721" s="12"/>
    </row>
    <row r="375722" spans="8:8">
      <c r="H375722" s="12"/>
    </row>
    <row r="375723" spans="8:8">
      <c r="H375723" s="12"/>
    </row>
    <row r="375724" spans="8:8">
      <c r="H375724" s="12"/>
    </row>
    <row r="375725" spans="8:8">
      <c r="H375725" s="12"/>
    </row>
    <row r="375726" spans="8:8">
      <c r="H375726" s="12"/>
    </row>
    <row r="375727" spans="8:8">
      <c r="H375727" s="12"/>
    </row>
    <row r="375728" spans="8:8">
      <c r="H375728" s="12"/>
    </row>
    <row r="375729" spans="8:8">
      <c r="H375729" s="12"/>
    </row>
    <row r="375730" spans="8:8">
      <c r="H375730" s="12"/>
    </row>
    <row r="375731" spans="8:8">
      <c r="H375731" s="12"/>
    </row>
    <row r="375732" spans="8:8">
      <c r="H375732" s="12"/>
    </row>
    <row r="375733" spans="8:8">
      <c r="H375733" s="12"/>
    </row>
    <row r="375734" spans="8:8">
      <c r="H375734" s="12"/>
    </row>
    <row r="375735" spans="8:8">
      <c r="H375735" s="12"/>
    </row>
    <row r="375736" spans="8:8">
      <c r="H375736" s="12"/>
    </row>
    <row r="375737" spans="8:8">
      <c r="H375737" s="12"/>
    </row>
    <row r="375738" spans="8:8">
      <c r="H375738" s="12"/>
    </row>
    <row r="375739" spans="8:8">
      <c r="H375739" s="12"/>
    </row>
    <row r="375740" spans="8:8">
      <c r="H375740" s="12"/>
    </row>
    <row r="375741" spans="8:8">
      <c r="H375741" s="12"/>
    </row>
    <row r="375742" spans="8:8">
      <c r="H375742" s="12"/>
    </row>
    <row r="375743" spans="8:8">
      <c r="H375743" s="12"/>
    </row>
    <row r="375744" spans="8:8">
      <c r="H375744" s="12"/>
    </row>
    <row r="375745" spans="8:8">
      <c r="H375745" s="12"/>
    </row>
    <row r="375746" spans="8:8">
      <c r="H375746" s="12"/>
    </row>
    <row r="375747" spans="8:8">
      <c r="H375747" s="12"/>
    </row>
    <row r="375748" spans="8:8">
      <c r="H375748" s="12"/>
    </row>
    <row r="375749" spans="8:8">
      <c r="H375749" s="12"/>
    </row>
    <row r="375750" spans="8:8">
      <c r="H375750" s="12"/>
    </row>
    <row r="375751" spans="8:8">
      <c r="H375751" s="12"/>
    </row>
    <row r="375752" spans="8:8">
      <c r="H375752" s="12"/>
    </row>
    <row r="375753" spans="8:8">
      <c r="H375753" s="12"/>
    </row>
    <row r="375754" spans="8:8">
      <c r="H375754" s="12"/>
    </row>
    <row r="375755" spans="8:8">
      <c r="H375755" s="12"/>
    </row>
    <row r="375756" spans="8:8">
      <c r="H375756" s="12"/>
    </row>
    <row r="375757" spans="8:8">
      <c r="H375757" s="12"/>
    </row>
    <row r="375758" spans="8:8">
      <c r="H375758" s="12"/>
    </row>
    <row r="375759" spans="8:8">
      <c r="H375759" s="12"/>
    </row>
    <row r="375760" spans="8:8">
      <c r="H375760" s="12"/>
    </row>
    <row r="375761" spans="8:8">
      <c r="H375761" s="12"/>
    </row>
    <row r="375762" spans="8:8">
      <c r="H375762" s="12"/>
    </row>
    <row r="375763" spans="8:8">
      <c r="H375763" s="12"/>
    </row>
    <row r="375764" spans="8:8">
      <c r="H375764" s="12"/>
    </row>
    <row r="375765" spans="8:8">
      <c r="H375765" s="12"/>
    </row>
    <row r="375766" spans="8:8">
      <c r="H375766" s="12"/>
    </row>
    <row r="375767" spans="8:8">
      <c r="H375767" s="12"/>
    </row>
    <row r="375768" spans="8:8">
      <c r="H375768" s="12"/>
    </row>
    <row r="375769" spans="8:8">
      <c r="H375769" s="12"/>
    </row>
    <row r="375770" spans="8:8">
      <c r="H375770" s="12"/>
    </row>
    <row r="375771" spans="8:8">
      <c r="H375771" s="12"/>
    </row>
    <row r="375772" spans="8:8">
      <c r="H375772" s="12"/>
    </row>
    <row r="375773" spans="8:8">
      <c r="H375773" s="12"/>
    </row>
    <row r="375774" spans="8:8">
      <c r="H375774" s="12"/>
    </row>
    <row r="375775" spans="8:8">
      <c r="H375775" s="12"/>
    </row>
    <row r="375776" spans="8:8">
      <c r="H375776" s="12"/>
    </row>
    <row r="375777" spans="8:8">
      <c r="H375777" s="12"/>
    </row>
    <row r="375778" spans="8:8">
      <c r="H375778" s="12"/>
    </row>
    <row r="375779" spans="8:8">
      <c r="H375779" s="12"/>
    </row>
    <row r="375780" spans="8:8">
      <c r="H375780" s="12"/>
    </row>
    <row r="375781" spans="8:8">
      <c r="H375781" s="12"/>
    </row>
    <row r="375782" spans="8:8">
      <c r="H375782" s="12"/>
    </row>
    <row r="375783" spans="8:8">
      <c r="H375783" s="12"/>
    </row>
    <row r="375784" spans="8:8">
      <c r="H375784" s="12"/>
    </row>
    <row r="375785" spans="8:8">
      <c r="H375785" s="12"/>
    </row>
    <row r="375786" spans="8:8">
      <c r="H375786" s="12"/>
    </row>
    <row r="375787" spans="8:8">
      <c r="H375787" s="12"/>
    </row>
    <row r="375788" spans="8:8">
      <c r="H375788" s="12"/>
    </row>
    <row r="375789" spans="8:8">
      <c r="H375789" s="12"/>
    </row>
    <row r="375790" spans="8:8">
      <c r="H375790" s="12"/>
    </row>
    <row r="375791" spans="8:8">
      <c r="H375791" s="12"/>
    </row>
    <row r="375792" spans="8:8">
      <c r="H375792" s="12"/>
    </row>
    <row r="375793" spans="8:8">
      <c r="H375793" s="12"/>
    </row>
    <row r="375794" spans="8:8">
      <c r="H375794" s="12"/>
    </row>
    <row r="375795" spans="8:8">
      <c r="H375795" s="12"/>
    </row>
    <row r="375796" spans="8:8">
      <c r="H375796" s="12"/>
    </row>
    <row r="375797" spans="8:8">
      <c r="H375797" s="12"/>
    </row>
    <row r="375798" spans="8:8">
      <c r="H375798" s="12"/>
    </row>
    <row r="375799" spans="8:8">
      <c r="H375799" s="12"/>
    </row>
    <row r="375800" spans="8:8">
      <c r="H375800" s="12"/>
    </row>
    <row r="375801" spans="8:8">
      <c r="H375801" s="12"/>
    </row>
    <row r="375802" spans="8:8">
      <c r="H375802" s="12"/>
    </row>
    <row r="375803" spans="8:8">
      <c r="H375803" s="12"/>
    </row>
    <row r="375804" spans="8:8">
      <c r="H375804" s="12"/>
    </row>
    <row r="375805" spans="8:8">
      <c r="H375805" s="12"/>
    </row>
    <row r="375806" spans="8:8">
      <c r="H375806" s="12"/>
    </row>
    <row r="375807" spans="8:8">
      <c r="H375807" s="12"/>
    </row>
    <row r="375808" spans="8:8">
      <c r="H375808" s="12"/>
    </row>
    <row r="375809" spans="8:8">
      <c r="H375809" s="12"/>
    </row>
    <row r="375810" spans="8:8">
      <c r="H375810" s="12"/>
    </row>
    <row r="375811" spans="8:8">
      <c r="H375811" s="12"/>
    </row>
    <row r="375812" spans="8:8">
      <c r="H375812" s="12"/>
    </row>
    <row r="375813" spans="8:8">
      <c r="H375813" s="12"/>
    </row>
    <row r="375814" spans="8:8">
      <c r="H375814" s="12"/>
    </row>
    <row r="375815" spans="8:8">
      <c r="H375815" s="12"/>
    </row>
    <row r="375816" spans="8:8">
      <c r="H375816" s="12"/>
    </row>
    <row r="375817" spans="8:8">
      <c r="H375817" s="12"/>
    </row>
    <row r="375818" spans="8:8">
      <c r="H375818" s="12"/>
    </row>
    <row r="375819" spans="8:8">
      <c r="H375819" s="12"/>
    </row>
    <row r="375820" spans="8:8">
      <c r="H375820" s="12"/>
    </row>
    <row r="375821" spans="8:8">
      <c r="H375821" s="12"/>
    </row>
    <row r="375822" spans="8:8">
      <c r="H375822" s="12"/>
    </row>
    <row r="375823" spans="8:8">
      <c r="H375823" s="12"/>
    </row>
    <row r="375824" spans="8:8">
      <c r="H375824" s="12"/>
    </row>
    <row r="375825" spans="8:8">
      <c r="H375825" s="12"/>
    </row>
    <row r="375826" spans="8:8">
      <c r="H375826" s="12"/>
    </row>
    <row r="375827" spans="8:8">
      <c r="H375827" s="12"/>
    </row>
    <row r="375828" spans="8:8">
      <c r="H375828" s="12"/>
    </row>
    <row r="375829" spans="8:8">
      <c r="H375829" s="12"/>
    </row>
    <row r="375830" spans="8:8">
      <c r="H375830" s="12"/>
    </row>
    <row r="375831" spans="8:8">
      <c r="H375831" s="12"/>
    </row>
    <row r="375832" spans="8:8">
      <c r="H375832" s="12"/>
    </row>
    <row r="375833" spans="8:8">
      <c r="H375833" s="12"/>
    </row>
    <row r="375834" spans="8:8">
      <c r="H375834" s="12"/>
    </row>
    <row r="375835" spans="8:8">
      <c r="H375835" s="12"/>
    </row>
    <row r="375836" spans="8:8">
      <c r="H375836" s="12"/>
    </row>
    <row r="375837" spans="8:8">
      <c r="H375837" s="12"/>
    </row>
    <row r="375838" spans="8:8">
      <c r="H375838" s="12"/>
    </row>
    <row r="375839" spans="8:8">
      <c r="H375839" s="12"/>
    </row>
    <row r="375840" spans="8:8">
      <c r="H375840" s="12"/>
    </row>
    <row r="375841" spans="8:8">
      <c r="H375841" s="12"/>
    </row>
    <row r="375842" spans="8:8">
      <c r="H375842" s="12"/>
    </row>
    <row r="375843" spans="8:8">
      <c r="H375843" s="12"/>
    </row>
    <row r="375844" spans="8:8">
      <c r="H375844" s="12"/>
    </row>
    <row r="375845" spans="8:8">
      <c r="H375845" s="12"/>
    </row>
    <row r="375846" spans="8:8">
      <c r="H375846" s="12"/>
    </row>
    <row r="375847" spans="8:8">
      <c r="H375847" s="12"/>
    </row>
    <row r="375848" spans="8:8">
      <c r="H375848" s="12"/>
    </row>
    <row r="375849" spans="8:8">
      <c r="H375849" s="12"/>
    </row>
    <row r="375850" spans="8:8">
      <c r="H375850" s="12"/>
    </row>
    <row r="375851" spans="8:8">
      <c r="H375851" s="12"/>
    </row>
    <row r="375852" spans="8:8">
      <c r="H375852" s="12"/>
    </row>
    <row r="375853" spans="8:8">
      <c r="H375853" s="12"/>
    </row>
    <row r="375854" spans="8:8">
      <c r="H375854" s="12"/>
    </row>
    <row r="375855" spans="8:8">
      <c r="H375855" s="12"/>
    </row>
    <row r="375856" spans="8:8">
      <c r="H375856" s="12"/>
    </row>
    <row r="375857" spans="8:8">
      <c r="H375857" s="12"/>
    </row>
    <row r="375858" spans="8:8">
      <c r="H375858" s="12"/>
    </row>
    <row r="375859" spans="8:8">
      <c r="H375859" s="12"/>
    </row>
    <row r="375860" spans="8:8">
      <c r="H375860" s="12"/>
    </row>
    <row r="375861" spans="8:8">
      <c r="H375861" s="12"/>
    </row>
    <row r="375862" spans="8:8">
      <c r="H375862" s="12"/>
    </row>
    <row r="375863" spans="8:8">
      <c r="H375863" s="12"/>
    </row>
    <row r="375864" spans="8:8">
      <c r="H375864" s="12"/>
    </row>
    <row r="375865" spans="8:8">
      <c r="H375865" s="12"/>
    </row>
    <row r="375866" spans="8:8">
      <c r="H375866" s="12"/>
    </row>
    <row r="375867" spans="8:8">
      <c r="H375867" s="12"/>
    </row>
    <row r="375868" spans="8:8">
      <c r="H375868" s="12"/>
    </row>
    <row r="375869" spans="8:8">
      <c r="H375869" s="12"/>
    </row>
    <row r="375870" spans="8:8">
      <c r="H375870" s="12"/>
    </row>
    <row r="375871" spans="8:8">
      <c r="H375871" s="12"/>
    </row>
    <row r="375872" spans="8:8">
      <c r="H375872" s="12"/>
    </row>
    <row r="375873" spans="8:8">
      <c r="H375873" s="12"/>
    </row>
    <row r="375874" spans="8:8">
      <c r="H375874" s="12"/>
    </row>
    <row r="375875" spans="8:8">
      <c r="H375875" s="12"/>
    </row>
    <row r="375876" spans="8:8">
      <c r="H375876" s="12"/>
    </row>
    <row r="375877" spans="8:8">
      <c r="H375877" s="12"/>
    </row>
    <row r="375878" spans="8:8">
      <c r="H375878" s="12"/>
    </row>
    <row r="375879" spans="8:8">
      <c r="H375879" s="12"/>
    </row>
    <row r="375880" spans="8:8">
      <c r="H375880" s="12"/>
    </row>
    <row r="375881" spans="8:8">
      <c r="H375881" s="12"/>
    </row>
    <row r="375882" spans="8:8">
      <c r="H375882" s="12"/>
    </row>
    <row r="375883" spans="8:8">
      <c r="H375883" s="12"/>
    </row>
    <row r="375884" spans="8:8">
      <c r="H375884" s="12"/>
    </row>
    <row r="375885" spans="8:8">
      <c r="H375885" s="12"/>
    </row>
    <row r="375886" spans="8:8">
      <c r="H375886" s="12"/>
    </row>
    <row r="375887" spans="8:8">
      <c r="H375887" s="12"/>
    </row>
    <row r="375888" spans="8:8">
      <c r="H375888" s="12"/>
    </row>
    <row r="375889" spans="8:8">
      <c r="H375889" s="12"/>
    </row>
    <row r="375890" spans="8:8">
      <c r="H375890" s="12"/>
    </row>
    <row r="375891" spans="8:8">
      <c r="H375891" s="12"/>
    </row>
    <row r="375892" spans="8:8">
      <c r="H375892" s="12"/>
    </row>
    <row r="375893" spans="8:8">
      <c r="H375893" s="12"/>
    </row>
    <row r="375894" spans="8:8">
      <c r="H375894" s="12"/>
    </row>
    <row r="375895" spans="8:8">
      <c r="H375895" s="12"/>
    </row>
    <row r="375896" spans="8:8">
      <c r="H375896" s="12"/>
    </row>
    <row r="375897" spans="8:8">
      <c r="H375897" s="12"/>
    </row>
    <row r="375898" spans="8:8">
      <c r="H375898" s="12"/>
    </row>
    <row r="375899" spans="8:8">
      <c r="H375899" s="12"/>
    </row>
    <row r="375900" spans="8:8">
      <c r="H375900" s="12"/>
    </row>
    <row r="375901" spans="8:8">
      <c r="H375901" s="12"/>
    </row>
    <row r="375902" spans="8:8">
      <c r="H375902" s="12"/>
    </row>
    <row r="375903" spans="8:8">
      <c r="H375903" s="12"/>
    </row>
    <row r="375904" spans="8:8">
      <c r="H375904" s="12"/>
    </row>
    <row r="375905" spans="8:8">
      <c r="H375905" s="12"/>
    </row>
    <row r="375906" spans="8:8">
      <c r="H375906" s="12"/>
    </row>
    <row r="375907" spans="8:8">
      <c r="H375907" s="12"/>
    </row>
    <row r="375908" spans="8:8">
      <c r="H375908" s="12"/>
    </row>
    <row r="375909" spans="8:8">
      <c r="H375909" s="12"/>
    </row>
    <row r="375910" spans="8:8">
      <c r="H375910" s="12"/>
    </row>
    <row r="375911" spans="8:8">
      <c r="H375911" s="12"/>
    </row>
    <row r="375912" spans="8:8">
      <c r="H375912" s="12"/>
    </row>
    <row r="375913" spans="8:8">
      <c r="H375913" s="12"/>
    </row>
    <row r="375914" spans="8:8">
      <c r="H375914" s="12"/>
    </row>
    <row r="375915" spans="8:8">
      <c r="H375915" s="12"/>
    </row>
    <row r="375916" spans="8:8">
      <c r="H375916" s="12"/>
    </row>
    <row r="375917" spans="8:8">
      <c r="H375917" s="12"/>
    </row>
    <row r="375918" spans="8:8">
      <c r="H375918" s="12"/>
    </row>
    <row r="375919" spans="8:8">
      <c r="H375919" s="12"/>
    </row>
    <row r="375920" spans="8:8">
      <c r="H375920" s="12"/>
    </row>
    <row r="375921" spans="8:8">
      <c r="H375921" s="12"/>
    </row>
    <row r="375922" spans="8:8">
      <c r="H375922" s="12"/>
    </row>
    <row r="375923" spans="8:8">
      <c r="H375923" s="12"/>
    </row>
    <row r="375924" spans="8:8">
      <c r="H375924" s="12"/>
    </row>
    <row r="375925" spans="8:8">
      <c r="H375925" s="12"/>
    </row>
    <row r="375926" spans="8:8">
      <c r="H375926" s="12"/>
    </row>
    <row r="375927" spans="8:8">
      <c r="H375927" s="12"/>
    </row>
    <row r="375928" spans="8:8">
      <c r="H375928" s="12"/>
    </row>
    <row r="375929" spans="8:8">
      <c r="H375929" s="12"/>
    </row>
    <row r="375930" spans="8:8">
      <c r="H375930" s="12"/>
    </row>
    <row r="375931" spans="8:8">
      <c r="H375931" s="12"/>
    </row>
    <row r="375932" spans="8:8">
      <c r="H375932" s="12"/>
    </row>
    <row r="375933" spans="8:8">
      <c r="H375933" s="12"/>
    </row>
    <row r="375934" spans="8:8">
      <c r="H375934" s="12"/>
    </row>
    <row r="375935" spans="8:8">
      <c r="H375935" s="12"/>
    </row>
    <row r="375936" spans="8:8">
      <c r="H375936" s="12"/>
    </row>
    <row r="375937" spans="8:8">
      <c r="H375937" s="12"/>
    </row>
    <row r="375938" spans="8:8">
      <c r="H375938" s="12"/>
    </row>
    <row r="375939" spans="8:8">
      <c r="H375939" s="12"/>
    </row>
    <row r="375940" spans="8:8">
      <c r="H375940" s="12"/>
    </row>
    <row r="375941" spans="8:8">
      <c r="H375941" s="12"/>
    </row>
    <row r="375942" spans="8:8">
      <c r="H375942" s="12"/>
    </row>
    <row r="375943" spans="8:8">
      <c r="H375943" s="12"/>
    </row>
    <row r="375944" spans="8:8">
      <c r="H375944" s="12"/>
    </row>
    <row r="375945" spans="8:8">
      <c r="H375945" s="12"/>
    </row>
    <row r="375946" spans="8:8">
      <c r="H375946" s="12"/>
    </row>
    <row r="375947" spans="8:8">
      <c r="H375947" s="12"/>
    </row>
    <row r="375948" spans="8:8">
      <c r="H375948" s="12"/>
    </row>
    <row r="375949" spans="8:8">
      <c r="H375949" s="12"/>
    </row>
    <row r="375950" spans="8:8">
      <c r="H375950" s="12"/>
    </row>
    <row r="375951" spans="8:8">
      <c r="H375951" s="12"/>
    </row>
    <row r="375952" spans="8:8">
      <c r="H375952" s="12"/>
    </row>
    <row r="375953" spans="8:8">
      <c r="H375953" s="12"/>
    </row>
    <row r="375954" spans="8:8">
      <c r="H375954" s="12"/>
    </row>
    <row r="375955" spans="8:8">
      <c r="H375955" s="12"/>
    </row>
    <row r="375956" spans="8:8">
      <c r="H375956" s="12"/>
    </row>
    <row r="375957" spans="8:8">
      <c r="H375957" s="12"/>
    </row>
    <row r="375958" spans="8:8">
      <c r="H375958" s="12"/>
    </row>
    <row r="375959" spans="8:8">
      <c r="H375959" s="12"/>
    </row>
    <row r="375960" spans="8:8">
      <c r="H375960" s="12"/>
    </row>
    <row r="375961" spans="8:8">
      <c r="H375961" s="12"/>
    </row>
    <row r="375962" spans="8:8">
      <c r="H375962" s="12"/>
    </row>
    <row r="375963" spans="8:8">
      <c r="H375963" s="12"/>
    </row>
    <row r="375964" spans="8:8">
      <c r="H375964" s="12"/>
    </row>
    <row r="375965" spans="8:8">
      <c r="H375965" s="12"/>
    </row>
    <row r="375966" spans="8:8">
      <c r="H375966" s="12"/>
    </row>
    <row r="375967" spans="8:8">
      <c r="H375967" s="12"/>
    </row>
    <row r="375968" spans="8:8">
      <c r="H375968" s="12"/>
    </row>
    <row r="375969" spans="8:8">
      <c r="H375969" s="12"/>
    </row>
    <row r="375970" spans="8:8">
      <c r="H375970" s="12"/>
    </row>
    <row r="375971" spans="8:8">
      <c r="H375971" s="12"/>
    </row>
    <row r="375972" spans="8:8">
      <c r="H375972" s="12"/>
    </row>
    <row r="375973" spans="8:8">
      <c r="H375973" s="12"/>
    </row>
    <row r="375974" spans="8:8">
      <c r="H375974" s="12"/>
    </row>
    <row r="375975" spans="8:8">
      <c r="H375975" s="12"/>
    </row>
    <row r="375976" spans="8:8">
      <c r="H375976" s="12"/>
    </row>
    <row r="375977" spans="8:8">
      <c r="H375977" s="12"/>
    </row>
    <row r="375978" spans="8:8">
      <c r="H375978" s="12"/>
    </row>
    <row r="375979" spans="8:8">
      <c r="H375979" s="12"/>
    </row>
    <row r="375980" spans="8:8">
      <c r="H375980" s="12"/>
    </row>
    <row r="375981" spans="8:8">
      <c r="H375981" s="12"/>
    </row>
    <row r="375982" spans="8:8">
      <c r="H375982" s="12"/>
    </row>
    <row r="375983" spans="8:8">
      <c r="H375983" s="12"/>
    </row>
    <row r="375984" spans="8:8">
      <c r="H375984" s="12"/>
    </row>
    <row r="375985" spans="8:8">
      <c r="H375985" s="12"/>
    </row>
    <row r="375986" spans="8:8">
      <c r="H375986" s="12"/>
    </row>
    <row r="375987" spans="8:8">
      <c r="H375987" s="12"/>
    </row>
    <row r="375988" spans="8:8">
      <c r="H375988" s="12"/>
    </row>
    <row r="375989" spans="8:8">
      <c r="H375989" s="12"/>
    </row>
    <row r="375990" spans="8:8">
      <c r="H375990" s="12"/>
    </row>
    <row r="375991" spans="8:8">
      <c r="H375991" s="12"/>
    </row>
    <row r="375992" spans="8:8">
      <c r="H375992" s="12"/>
    </row>
    <row r="375993" spans="8:8">
      <c r="H375993" s="12"/>
    </row>
    <row r="375994" spans="8:8">
      <c r="H375994" s="12"/>
    </row>
    <row r="375995" spans="8:8">
      <c r="H375995" s="12"/>
    </row>
    <row r="375996" spans="8:8">
      <c r="H375996" s="12"/>
    </row>
    <row r="375997" spans="8:8">
      <c r="H375997" s="12"/>
    </row>
    <row r="375998" spans="8:8">
      <c r="H375998" s="12"/>
    </row>
    <row r="375999" spans="8:8">
      <c r="H375999" s="12"/>
    </row>
    <row r="376000" spans="8:8">
      <c r="H376000" s="12"/>
    </row>
    <row r="376001" spans="8:8">
      <c r="H376001" s="12"/>
    </row>
    <row r="376002" spans="8:8">
      <c r="H376002" s="12"/>
    </row>
    <row r="376003" spans="8:8">
      <c r="H376003" s="12"/>
    </row>
    <row r="376004" spans="8:8">
      <c r="H376004" s="12"/>
    </row>
    <row r="376005" spans="8:8">
      <c r="H376005" s="12"/>
    </row>
    <row r="376006" spans="8:8">
      <c r="H376006" s="12"/>
    </row>
    <row r="376007" spans="8:8">
      <c r="H376007" s="12"/>
    </row>
    <row r="376008" spans="8:8">
      <c r="H376008" s="12"/>
    </row>
    <row r="376009" spans="8:8">
      <c r="H376009" s="12"/>
    </row>
    <row r="376010" spans="8:8">
      <c r="H376010" s="12"/>
    </row>
    <row r="376011" spans="8:8">
      <c r="H376011" s="12"/>
    </row>
    <row r="376012" spans="8:8">
      <c r="H376012" s="12"/>
    </row>
    <row r="376013" spans="8:8">
      <c r="H376013" s="12"/>
    </row>
    <row r="376014" spans="8:8">
      <c r="H376014" s="12"/>
    </row>
    <row r="376015" spans="8:8">
      <c r="H376015" s="12"/>
    </row>
    <row r="376016" spans="8:8">
      <c r="H376016" s="12"/>
    </row>
    <row r="376017" spans="8:8">
      <c r="H376017" s="12"/>
    </row>
    <row r="376018" spans="8:8">
      <c r="H376018" s="12"/>
    </row>
    <row r="376019" spans="8:8">
      <c r="H376019" s="12"/>
    </row>
    <row r="376020" spans="8:8">
      <c r="H376020" s="12"/>
    </row>
    <row r="376021" spans="8:8">
      <c r="H376021" s="12"/>
    </row>
    <row r="376022" spans="8:8">
      <c r="H376022" s="12"/>
    </row>
    <row r="376023" spans="8:8">
      <c r="H376023" s="12"/>
    </row>
    <row r="376024" spans="8:8">
      <c r="H376024" s="12"/>
    </row>
    <row r="376025" spans="8:8">
      <c r="H376025" s="12"/>
    </row>
    <row r="376026" spans="8:8">
      <c r="H376026" s="12"/>
    </row>
    <row r="376027" spans="8:8">
      <c r="H376027" s="12"/>
    </row>
    <row r="376028" spans="8:8">
      <c r="H376028" s="12"/>
    </row>
    <row r="376029" spans="8:8">
      <c r="H376029" s="12"/>
    </row>
    <row r="376030" spans="8:8">
      <c r="H376030" s="12"/>
    </row>
    <row r="376031" spans="8:8">
      <c r="H376031" s="12"/>
    </row>
    <row r="376032" spans="8:8">
      <c r="H376032" s="12"/>
    </row>
    <row r="376033" spans="8:8">
      <c r="H376033" s="12"/>
    </row>
    <row r="376034" spans="8:8">
      <c r="H376034" s="12"/>
    </row>
    <row r="376035" spans="8:8">
      <c r="H376035" s="12"/>
    </row>
    <row r="376036" spans="8:8">
      <c r="H376036" s="12"/>
    </row>
    <row r="376037" spans="8:8">
      <c r="H376037" s="12"/>
    </row>
    <row r="376038" spans="8:8">
      <c r="H376038" s="12"/>
    </row>
    <row r="376039" spans="8:8">
      <c r="H376039" s="12"/>
    </row>
    <row r="376040" spans="8:8">
      <c r="H376040" s="12"/>
    </row>
    <row r="376041" spans="8:8">
      <c r="H376041" s="12"/>
    </row>
    <row r="376042" spans="8:8">
      <c r="H376042" s="12"/>
    </row>
    <row r="376043" spans="8:8">
      <c r="H376043" s="12"/>
    </row>
    <row r="376044" spans="8:8">
      <c r="H376044" s="12"/>
    </row>
    <row r="376045" spans="8:8">
      <c r="H376045" s="12"/>
    </row>
    <row r="376046" spans="8:8">
      <c r="H376046" s="12"/>
    </row>
    <row r="376047" spans="8:8">
      <c r="H376047" s="12"/>
    </row>
    <row r="376048" spans="8:8">
      <c r="H376048" s="12"/>
    </row>
    <row r="376049" spans="8:8">
      <c r="H376049" s="12"/>
    </row>
    <row r="376050" spans="8:8">
      <c r="H376050" s="12"/>
    </row>
    <row r="376051" spans="8:8">
      <c r="H376051" s="12"/>
    </row>
    <row r="376052" spans="8:8">
      <c r="H376052" s="12"/>
    </row>
    <row r="376053" spans="8:8">
      <c r="H376053" s="12"/>
    </row>
    <row r="376054" spans="8:8">
      <c r="H376054" s="12"/>
    </row>
    <row r="376055" spans="8:8">
      <c r="H376055" s="12"/>
    </row>
    <row r="376056" spans="8:8">
      <c r="H376056" s="12"/>
    </row>
    <row r="376057" spans="8:8">
      <c r="H376057" s="12"/>
    </row>
    <row r="376058" spans="8:8">
      <c r="H376058" s="12"/>
    </row>
    <row r="376059" spans="8:8">
      <c r="H376059" s="12"/>
    </row>
    <row r="376060" spans="8:8">
      <c r="H376060" s="12"/>
    </row>
    <row r="376061" spans="8:8">
      <c r="H376061" s="12"/>
    </row>
    <row r="376062" spans="8:8">
      <c r="H376062" s="12"/>
    </row>
    <row r="376063" spans="8:8">
      <c r="H376063" s="12"/>
    </row>
    <row r="376064" spans="8:8">
      <c r="H376064" s="12"/>
    </row>
    <row r="376065" spans="8:8">
      <c r="H376065" s="12"/>
    </row>
    <row r="376066" spans="8:8">
      <c r="H376066" s="12"/>
    </row>
    <row r="376067" spans="8:8">
      <c r="H376067" s="12"/>
    </row>
    <row r="376068" spans="8:8">
      <c r="H376068" s="12"/>
    </row>
    <row r="376069" spans="8:8">
      <c r="H376069" s="12"/>
    </row>
    <row r="376070" spans="8:8">
      <c r="H376070" s="12"/>
    </row>
    <row r="376071" spans="8:8">
      <c r="H376071" s="12"/>
    </row>
    <row r="376072" spans="8:8">
      <c r="H376072" s="12"/>
    </row>
    <row r="376073" spans="8:8">
      <c r="H376073" s="12"/>
    </row>
    <row r="376074" spans="8:8">
      <c r="H376074" s="12"/>
    </row>
    <row r="376075" spans="8:8">
      <c r="H376075" s="12"/>
    </row>
    <row r="376076" spans="8:8">
      <c r="H376076" s="12"/>
    </row>
    <row r="376077" spans="8:8">
      <c r="H376077" s="12"/>
    </row>
    <row r="376078" spans="8:8">
      <c r="H376078" s="12"/>
    </row>
    <row r="376079" spans="8:8">
      <c r="H376079" s="12"/>
    </row>
    <row r="376080" spans="8:8">
      <c r="H376080" s="12"/>
    </row>
    <row r="376081" spans="8:8">
      <c r="H376081" s="12"/>
    </row>
    <row r="376082" spans="8:8">
      <c r="H376082" s="12"/>
    </row>
    <row r="376083" spans="8:8">
      <c r="H376083" s="12"/>
    </row>
    <row r="376084" spans="8:8">
      <c r="H376084" s="12"/>
    </row>
    <row r="376085" spans="8:8">
      <c r="H376085" s="12"/>
    </row>
    <row r="376086" spans="8:8">
      <c r="H376086" s="12"/>
    </row>
    <row r="376087" spans="8:8">
      <c r="H376087" s="12"/>
    </row>
    <row r="376088" spans="8:8">
      <c r="H376088" s="12"/>
    </row>
    <row r="376089" spans="8:8">
      <c r="H376089" s="12"/>
    </row>
    <row r="376090" spans="8:8">
      <c r="H376090" s="12"/>
    </row>
    <row r="376091" spans="8:8">
      <c r="H376091" s="12"/>
    </row>
    <row r="376092" spans="8:8">
      <c r="H376092" s="12"/>
    </row>
    <row r="376093" spans="8:8">
      <c r="H376093" s="12"/>
    </row>
    <row r="376094" spans="8:8">
      <c r="H376094" s="12"/>
    </row>
    <row r="376095" spans="8:8">
      <c r="H376095" s="12"/>
    </row>
    <row r="376096" spans="8:8">
      <c r="H376096" s="12"/>
    </row>
    <row r="376097" spans="8:8">
      <c r="H376097" s="12"/>
    </row>
    <row r="376098" spans="8:8">
      <c r="H376098" s="12"/>
    </row>
    <row r="376099" spans="8:8">
      <c r="H376099" s="12"/>
    </row>
    <row r="376100" spans="8:8">
      <c r="H376100" s="12"/>
    </row>
    <row r="376101" spans="8:8">
      <c r="H376101" s="12"/>
    </row>
    <row r="376102" spans="8:8">
      <c r="H376102" s="12"/>
    </row>
    <row r="376103" spans="8:8">
      <c r="H376103" s="12"/>
    </row>
    <row r="376104" spans="8:8">
      <c r="H376104" s="12"/>
    </row>
    <row r="376105" spans="8:8">
      <c r="H376105" s="12"/>
    </row>
    <row r="376106" spans="8:8">
      <c r="H376106" s="12"/>
    </row>
    <row r="376107" spans="8:8">
      <c r="H376107" s="12"/>
    </row>
    <row r="376108" spans="8:8">
      <c r="H376108" s="12"/>
    </row>
    <row r="376109" spans="8:8">
      <c r="H376109" s="12"/>
    </row>
    <row r="376110" spans="8:8">
      <c r="H376110" s="12"/>
    </row>
    <row r="376111" spans="8:8">
      <c r="H376111" s="12"/>
    </row>
    <row r="376112" spans="8:8">
      <c r="H376112" s="12"/>
    </row>
    <row r="376113" spans="8:8">
      <c r="H376113" s="12"/>
    </row>
    <row r="376114" spans="8:8">
      <c r="H376114" s="12"/>
    </row>
    <row r="376115" spans="8:8">
      <c r="H376115" s="12"/>
    </row>
    <row r="376116" spans="8:8">
      <c r="H376116" s="12"/>
    </row>
    <row r="376117" spans="8:8">
      <c r="H376117" s="12"/>
    </row>
    <row r="376118" spans="8:8">
      <c r="H376118" s="12"/>
    </row>
    <row r="376119" spans="8:8">
      <c r="H376119" s="12"/>
    </row>
    <row r="376120" spans="8:8">
      <c r="H376120" s="12"/>
    </row>
    <row r="376121" spans="8:8">
      <c r="H376121" s="12"/>
    </row>
    <row r="376122" spans="8:8">
      <c r="H376122" s="12"/>
    </row>
    <row r="376123" spans="8:8">
      <c r="H376123" s="12"/>
    </row>
    <row r="376124" spans="8:8">
      <c r="H376124" s="12"/>
    </row>
    <row r="376125" spans="8:8">
      <c r="H376125" s="12"/>
    </row>
    <row r="376126" spans="8:8">
      <c r="H376126" s="12"/>
    </row>
    <row r="376127" spans="8:8">
      <c r="H376127" s="12"/>
    </row>
    <row r="376128" spans="8:8">
      <c r="H376128" s="12"/>
    </row>
    <row r="376129" spans="8:8">
      <c r="H376129" s="12"/>
    </row>
    <row r="376130" spans="8:8">
      <c r="H376130" s="12"/>
    </row>
    <row r="376131" spans="8:8">
      <c r="H376131" s="12"/>
    </row>
    <row r="376132" spans="8:8">
      <c r="H376132" s="12"/>
    </row>
    <row r="376133" spans="8:8">
      <c r="H376133" s="12"/>
    </row>
    <row r="376134" spans="8:8">
      <c r="H376134" s="12"/>
    </row>
    <row r="376135" spans="8:8">
      <c r="H376135" s="12"/>
    </row>
    <row r="376136" spans="8:8">
      <c r="H376136" s="12"/>
    </row>
    <row r="376137" spans="8:8">
      <c r="H376137" s="12"/>
    </row>
    <row r="376138" spans="8:8">
      <c r="H376138" s="12"/>
    </row>
    <row r="376139" spans="8:8">
      <c r="H376139" s="12"/>
    </row>
    <row r="376140" spans="8:8">
      <c r="H376140" s="12"/>
    </row>
    <row r="376141" spans="8:8">
      <c r="H376141" s="12"/>
    </row>
    <row r="376142" spans="8:8">
      <c r="H376142" s="12"/>
    </row>
    <row r="376143" spans="8:8">
      <c r="H376143" s="12"/>
    </row>
    <row r="376144" spans="8:8">
      <c r="H376144" s="12"/>
    </row>
    <row r="376145" spans="8:8">
      <c r="H376145" s="12"/>
    </row>
    <row r="376146" spans="8:8">
      <c r="H376146" s="12"/>
    </row>
    <row r="376147" spans="8:8">
      <c r="H376147" s="12"/>
    </row>
    <row r="376148" spans="8:8">
      <c r="H376148" s="12"/>
    </row>
    <row r="376149" spans="8:8">
      <c r="H376149" s="12"/>
    </row>
    <row r="376150" spans="8:8">
      <c r="H376150" s="12"/>
    </row>
    <row r="376151" spans="8:8">
      <c r="H376151" s="12"/>
    </row>
    <row r="376152" spans="8:8">
      <c r="H376152" s="12"/>
    </row>
    <row r="376153" spans="8:8">
      <c r="H376153" s="12"/>
    </row>
    <row r="376154" spans="8:8">
      <c r="H376154" s="12"/>
    </row>
    <row r="376155" spans="8:8">
      <c r="H376155" s="12"/>
    </row>
    <row r="376156" spans="8:8">
      <c r="H376156" s="12"/>
    </row>
    <row r="376157" spans="8:8">
      <c r="H376157" s="12"/>
    </row>
    <row r="376158" spans="8:8">
      <c r="H376158" s="12"/>
    </row>
    <row r="376159" spans="8:8">
      <c r="H376159" s="12"/>
    </row>
    <row r="376160" spans="8:8">
      <c r="H376160" s="12"/>
    </row>
    <row r="376161" spans="8:8">
      <c r="H376161" s="12"/>
    </row>
    <row r="376162" spans="8:8">
      <c r="H376162" s="12"/>
    </row>
    <row r="376163" spans="8:8">
      <c r="H376163" s="12"/>
    </row>
    <row r="376164" spans="8:8">
      <c r="H376164" s="12"/>
    </row>
    <row r="376165" spans="8:8">
      <c r="H376165" s="12"/>
    </row>
    <row r="376166" spans="8:8">
      <c r="H376166" s="12"/>
    </row>
    <row r="376167" spans="8:8">
      <c r="H376167" s="12"/>
    </row>
    <row r="376168" spans="8:8">
      <c r="H376168" s="12"/>
    </row>
    <row r="376169" spans="8:8">
      <c r="H376169" s="12"/>
    </row>
    <row r="376170" spans="8:8">
      <c r="H376170" s="12"/>
    </row>
    <row r="376171" spans="8:8">
      <c r="H376171" s="12"/>
    </row>
    <row r="376172" spans="8:8">
      <c r="H376172" s="12"/>
    </row>
    <row r="376173" spans="8:8">
      <c r="H376173" s="12"/>
    </row>
    <row r="376174" spans="8:8">
      <c r="H376174" s="12"/>
    </row>
    <row r="376175" spans="8:8">
      <c r="H376175" s="12"/>
    </row>
    <row r="376176" spans="8:8">
      <c r="H376176" s="12"/>
    </row>
    <row r="376177" spans="8:8">
      <c r="H376177" s="12"/>
    </row>
    <row r="376178" spans="8:8">
      <c r="H376178" s="12"/>
    </row>
    <row r="376179" spans="8:8">
      <c r="H376179" s="12"/>
    </row>
    <row r="376180" spans="8:8">
      <c r="H376180" s="12"/>
    </row>
    <row r="376181" spans="8:8">
      <c r="H376181" s="12"/>
    </row>
    <row r="376182" spans="8:8">
      <c r="H376182" s="12"/>
    </row>
    <row r="376183" spans="8:8">
      <c r="H376183" s="12"/>
    </row>
    <row r="376184" spans="8:8">
      <c r="H376184" s="12"/>
    </row>
    <row r="376185" spans="8:8">
      <c r="H376185" s="12"/>
    </row>
    <row r="376186" spans="8:8">
      <c r="H376186" s="12"/>
    </row>
    <row r="376187" spans="8:8">
      <c r="H376187" s="12"/>
    </row>
    <row r="376188" spans="8:8">
      <c r="H376188" s="12"/>
    </row>
    <row r="376189" spans="8:8">
      <c r="H376189" s="12"/>
    </row>
    <row r="376190" spans="8:8">
      <c r="H376190" s="12"/>
    </row>
    <row r="376191" spans="8:8">
      <c r="H376191" s="12"/>
    </row>
    <row r="376192" spans="8:8">
      <c r="H376192" s="12"/>
    </row>
    <row r="376193" spans="8:8">
      <c r="H376193" s="12"/>
    </row>
    <row r="376194" spans="8:8">
      <c r="H376194" s="12"/>
    </row>
    <row r="376195" spans="8:8">
      <c r="H376195" s="12"/>
    </row>
    <row r="376196" spans="8:8">
      <c r="H376196" s="12"/>
    </row>
    <row r="376197" spans="8:8">
      <c r="H376197" s="12"/>
    </row>
    <row r="376198" spans="8:8">
      <c r="H376198" s="12"/>
    </row>
    <row r="376199" spans="8:8">
      <c r="H376199" s="12"/>
    </row>
    <row r="376200" spans="8:8">
      <c r="H376200" s="12"/>
    </row>
    <row r="376201" spans="8:8">
      <c r="H376201" s="12"/>
    </row>
    <row r="376202" spans="8:8">
      <c r="H376202" s="12"/>
    </row>
    <row r="376203" spans="8:8">
      <c r="H376203" s="12"/>
    </row>
    <row r="376204" spans="8:8">
      <c r="H376204" s="12"/>
    </row>
    <row r="376205" spans="8:8">
      <c r="H376205" s="12"/>
    </row>
    <row r="376206" spans="8:8">
      <c r="H376206" s="12"/>
    </row>
    <row r="376207" spans="8:8">
      <c r="H376207" s="12"/>
    </row>
    <row r="376208" spans="8:8">
      <c r="H376208" s="12"/>
    </row>
    <row r="376209" spans="8:8">
      <c r="H376209" s="12"/>
    </row>
    <row r="376210" spans="8:8">
      <c r="H376210" s="12"/>
    </row>
    <row r="376211" spans="8:8">
      <c r="H376211" s="12"/>
    </row>
    <row r="376212" spans="8:8">
      <c r="H376212" s="12"/>
    </row>
    <row r="376213" spans="8:8">
      <c r="H376213" s="12"/>
    </row>
    <row r="376214" spans="8:8">
      <c r="H376214" s="12"/>
    </row>
    <row r="376215" spans="8:8">
      <c r="H376215" s="12"/>
    </row>
    <row r="376216" spans="8:8">
      <c r="H376216" s="12"/>
    </row>
    <row r="376217" spans="8:8">
      <c r="H376217" s="12"/>
    </row>
    <row r="376218" spans="8:8">
      <c r="H376218" s="12"/>
    </row>
    <row r="376219" spans="8:8">
      <c r="H376219" s="12"/>
    </row>
    <row r="376220" spans="8:8">
      <c r="H376220" s="12"/>
    </row>
    <row r="376221" spans="8:8">
      <c r="H376221" s="12"/>
    </row>
    <row r="376222" spans="8:8">
      <c r="H376222" s="12"/>
    </row>
    <row r="376223" spans="8:8">
      <c r="H376223" s="12"/>
    </row>
    <row r="376224" spans="8:8">
      <c r="H376224" s="12"/>
    </row>
    <row r="376225" spans="8:8">
      <c r="H376225" s="12"/>
    </row>
    <row r="376226" spans="8:8">
      <c r="H376226" s="12"/>
    </row>
    <row r="376227" spans="8:8">
      <c r="H376227" s="12"/>
    </row>
    <row r="376228" spans="8:8">
      <c r="H376228" s="12"/>
    </row>
    <row r="376229" spans="8:8">
      <c r="H376229" s="12"/>
    </row>
    <row r="376230" spans="8:8">
      <c r="H376230" s="12"/>
    </row>
    <row r="376231" spans="8:8">
      <c r="H376231" s="12"/>
    </row>
    <row r="376232" spans="8:8">
      <c r="H376232" s="12"/>
    </row>
    <row r="376233" spans="8:8">
      <c r="H376233" s="12"/>
    </row>
    <row r="376234" spans="8:8">
      <c r="H376234" s="12"/>
    </row>
    <row r="376235" spans="8:8">
      <c r="H376235" s="12"/>
    </row>
    <row r="376236" spans="8:8">
      <c r="H376236" s="12"/>
    </row>
    <row r="376237" spans="8:8">
      <c r="H376237" s="12"/>
    </row>
    <row r="376238" spans="8:8">
      <c r="H376238" s="12"/>
    </row>
    <row r="376239" spans="8:8">
      <c r="H376239" s="12"/>
    </row>
    <row r="376240" spans="8:8">
      <c r="H376240" s="12"/>
    </row>
    <row r="376241" spans="8:8">
      <c r="H376241" s="12"/>
    </row>
    <row r="376242" spans="8:8">
      <c r="H376242" s="12"/>
    </row>
    <row r="376243" spans="8:8">
      <c r="H376243" s="12"/>
    </row>
    <row r="376244" spans="8:8">
      <c r="H376244" s="12"/>
    </row>
    <row r="376245" spans="8:8">
      <c r="H376245" s="12"/>
    </row>
    <row r="376246" spans="8:8">
      <c r="H376246" s="12"/>
    </row>
    <row r="376247" spans="8:8">
      <c r="H376247" s="12"/>
    </row>
    <row r="376248" spans="8:8">
      <c r="H376248" s="12"/>
    </row>
    <row r="376249" spans="8:8">
      <c r="H376249" s="12"/>
    </row>
    <row r="376250" spans="8:8">
      <c r="H376250" s="12"/>
    </row>
    <row r="376251" spans="8:8">
      <c r="H376251" s="12"/>
    </row>
    <row r="376252" spans="8:8">
      <c r="H376252" s="12"/>
    </row>
    <row r="376253" spans="8:8">
      <c r="H376253" s="12"/>
    </row>
    <row r="376254" spans="8:8">
      <c r="H376254" s="12"/>
    </row>
    <row r="376255" spans="8:8">
      <c r="H376255" s="12"/>
    </row>
    <row r="376256" spans="8:8">
      <c r="H376256" s="12"/>
    </row>
    <row r="376257" spans="8:8">
      <c r="H376257" s="12"/>
    </row>
    <row r="376258" spans="8:8">
      <c r="H376258" s="12"/>
    </row>
    <row r="376259" spans="8:8">
      <c r="H376259" s="12"/>
    </row>
    <row r="376260" spans="8:8">
      <c r="H376260" s="12"/>
    </row>
    <row r="376261" spans="8:8">
      <c r="H376261" s="12"/>
    </row>
    <row r="376262" spans="8:8">
      <c r="H376262" s="12"/>
    </row>
    <row r="376263" spans="8:8">
      <c r="H376263" s="12"/>
    </row>
    <row r="376264" spans="8:8">
      <c r="H376264" s="12"/>
    </row>
    <row r="376265" spans="8:8">
      <c r="H376265" s="12"/>
    </row>
    <row r="376266" spans="8:8">
      <c r="H376266" s="12"/>
    </row>
    <row r="376267" spans="8:8">
      <c r="H376267" s="12"/>
    </row>
    <row r="376268" spans="8:8">
      <c r="H376268" s="12"/>
    </row>
    <row r="376269" spans="8:8">
      <c r="H376269" s="12"/>
    </row>
    <row r="376270" spans="8:8">
      <c r="H376270" s="12"/>
    </row>
    <row r="376271" spans="8:8">
      <c r="H376271" s="12"/>
    </row>
    <row r="376272" spans="8:8">
      <c r="H376272" s="12"/>
    </row>
    <row r="376273" spans="8:8">
      <c r="H376273" s="12"/>
    </row>
    <row r="376274" spans="8:8">
      <c r="H376274" s="12"/>
    </row>
    <row r="376275" spans="8:8">
      <c r="H376275" s="12"/>
    </row>
    <row r="376276" spans="8:8">
      <c r="H376276" s="12"/>
    </row>
    <row r="376277" spans="8:8">
      <c r="H376277" s="12"/>
    </row>
    <row r="376278" spans="8:8">
      <c r="H376278" s="12"/>
    </row>
    <row r="376279" spans="8:8">
      <c r="H376279" s="12"/>
    </row>
    <row r="376280" spans="8:8">
      <c r="H376280" s="12"/>
    </row>
    <row r="376281" spans="8:8">
      <c r="H376281" s="12"/>
    </row>
    <row r="376282" spans="8:8">
      <c r="H376282" s="12"/>
    </row>
    <row r="376283" spans="8:8">
      <c r="H376283" s="12"/>
    </row>
    <row r="376284" spans="8:8">
      <c r="H376284" s="12"/>
    </row>
    <row r="376285" spans="8:8">
      <c r="H376285" s="12"/>
    </row>
    <row r="376286" spans="8:8">
      <c r="H376286" s="12"/>
    </row>
    <row r="376287" spans="8:8">
      <c r="H376287" s="12"/>
    </row>
    <row r="376288" spans="8:8">
      <c r="H376288" s="12"/>
    </row>
    <row r="376289" spans="8:8">
      <c r="H376289" s="12"/>
    </row>
    <row r="376290" spans="8:8">
      <c r="H376290" s="12"/>
    </row>
    <row r="376291" spans="8:8">
      <c r="H376291" s="12"/>
    </row>
    <row r="376292" spans="8:8">
      <c r="H376292" s="12"/>
    </row>
    <row r="376293" spans="8:8">
      <c r="H376293" s="12"/>
    </row>
    <row r="376294" spans="8:8">
      <c r="H376294" s="12"/>
    </row>
    <row r="376295" spans="8:8">
      <c r="H376295" s="12"/>
    </row>
    <row r="376296" spans="8:8">
      <c r="H376296" s="12"/>
    </row>
    <row r="376297" spans="8:8">
      <c r="H376297" s="12"/>
    </row>
    <row r="376298" spans="8:8">
      <c r="H376298" s="12"/>
    </row>
    <row r="376299" spans="8:8">
      <c r="H376299" s="12"/>
    </row>
    <row r="376300" spans="8:8">
      <c r="H376300" s="12"/>
    </row>
    <row r="376301" spans="8:8">
      <c r="H376301" s="12"/>
    </row>
    <row r="376302" spans="8:8">
      <c r="H376302" s="12"/>
    </row>
    <row r="376303" spans="8:8">
      <c r="H376303" s="12"/>
    </row>
    <row r="376304" spans="8:8">
      <c r="H376304" s="12"/>
    </row>
    <row r="376305" spans="8:8">
      <c r="H376305" s="12"/>
    </row>
    <row r="376306" spans="8:8">
      <c r="H376306" s="12"/>
    </row>
    <row r="376307" spans="8:8">
      <c r="H376307" s="12"/>
    </row>
    <row r="376308" spans="8:8">
      <c r="H376308" s="12"/>
    </row>
    <row r="376309" spans="8:8">
      <c r="H376309" s="12"/>
    </row>
    <row r="376310" spans="8:8">
      <c r="H376310" s="12"/>
    </row>
    <row r="376311" spans="8:8">
      <c r="H376311" s="12"/>
    </row>
    <row r="376312" spans="8:8">
      <c r="H376312" s="12"/>
    </row>
    <row r="376313" spans="8:8">
      <c r="H376313" s="12"/>
    </row>
    <row r="376314" spans="8:8">
      <c r="H376314" s="12"/>
    </row>
    <row r="376315" spans="8:8">
      <c r="H376315" s="12"/>
    </row>
    <row r="376316" spans="8:8">
      <c r="H376316" s="12"/>
    </row>
    <row r="376317" spans="8:8">
      <c r="H376317" s="12"/>
    </row>
    <row r="376318" spans="8:8">
      <c r="H376318" s="12"/>
    </row>
    <row r="376319" spans="8:8">
      <c r="H376319" s="12"/>
    </row>
    <row r="376320" spans="8:8">
      <c r="H376320" s="12"/>
    </row>
    <row r="376321" spans="8:8">
      <c r="H376321" s="12"/>
    </row>
    <row r="376322" spans="8:8">
      <c r="H376322" s="12"/>
    </row>
    <row r="376323" spans="8:8">
      <c r="H376323" s="12"/>
    </row>
    <row r="376324" spans="8:8">
      <c r="H376324" s="12"/>
    </row>
    <row r="376325" spans="8:8">
      <c r="H376325" s="12"/>
    </row>
    <row r="376326" spans="8:8">
      <c r="H376326" s="12"/>
    </row>
    <row r="376327" spans="8:8">
      <c r="H376327" s="12"/>
    </row>
    <row r="376328" spans="8:8">
      <c r="H376328" s="12"/>
    </row>
    <row r="376329" spans="8:8">
      <c r="H376329" s="12"/>
    </row>
    <row r="376330" spans="8:8">
      <c r="H376330" s="12"/>
    </row>
    <row r="376331" spans="8:8">
      <c r="H376331" s="12"/>
    </row>
    <row r="376332" spans="8:8">
      <c r="H376332" s="12"/>
    </row>
    <row r="376333" spans="8:8">
      <c r="H376333" s="12"/>
    </row>
    <row r="376334" spans="8:8">
      <c r="H376334" s="12"/>
    </row>
    <row r="376335" spans="8:8">
      <c r="H376335" s="12"/>
    </row>
    <row r="376336" spans="8:8">
      <c r="H376336" s="12"/>
    </row>
    <row r="376337" spans="8:8">
      <c r="H376337" s="12"/>
    </row>
    <row r="376338" spans="8:8">
      <c r="H376338" s="12"/>
    </row>
    <row r="376339" spans="8:8">
      <c r="H376339" s="12"/>
    </row>
    <row r="376340" spans="8:8">
      <c r="H376340" s="12"/>
    </row>
    <row r="376341" spans="8:8">
      <c r="H376341" s="12"/>
    </row>
    <row r="376342" spans="8:8">
      <c r="H376342" s="12"/>
    </row>
    <row r="376343" spans="8:8">
      <c r="H376343" s="12"/>
    </row>
    <row r="376344" spans="8:8">
      <c r="H376344" s="12"/>
    </row>
    <row r="376345" spans="8:8">
      <c r="H376345" s="12"/>
    </row>
    <row r="376346" spans="8:8">
      <c r="H376346" s="12"/>
    </row>
    <row r="376347" spans="8:8">
      <c r="H376347" s="12"/>
    </row>
    <row r="376348" spans="8:8">
      <c r="H376348" s="12"/>
    </row>
    <row r="376349" spans="8:8">
      <c r="H376349" s="12"/>
    </row>
    <row r="376350" spans="8:8">
      <c r="H376350" s="12"/>
    </row>
    <row r="376351" spans="8:8">
      <c r="H376351" s="12"/>
    </row>
    <row r="376352" spans="8:8">
      <c r="H376352" s="12"/>
    </row>
    <row r="376353" spans="8:8">
      <c r="H376353" s="12"/>
    </row>
    <row r="376354" spans="8:8">
      <c r="H376354" s="12"/>
    </row>
    <row r="376355" spans="8:8">
      <c r="H376355" s="12"/>
    </row>
    <row r="376356" spans="8:8">
      <c r="H376356" s="12"/>
    </row>
    <row r="376357" spans="8:8">
      <c r="H376357" s="12"/>
    </row>
    <row r="376358" spans="8:8">
      <c r="H376358" s="12"/>
    </row>
    <row r="376359" spans="8:8">
      <c r="H376359" s="12"/>
    </row>
    <row r="376360" spans="8:8">
      <c r="H376360" s="12"/>
    </row>
    <row r="376361" spans="8:8">
      <c r="H376361" s="12"/>
    </row>
    <row r="376362" spans="8:8">
      <c r="H376362" s="12"/>
    </row>
    <row r="376363" spans="8:8">
      <c r="H376363" s="12"/>
    </row>
    <row r="376364" spans="8:8">
      <c r="H376364" s="12"/>
    </row>
    <row r="376365" spans="8:8">
      <c r="H376365" s="12"/>
    </row>
    <row r="376366" spans="8:8">
      <c r="H376366" s="12"/>
    </row>
    <row r="376367" spans="8:8">
      <c r="H376367" s="12"/>
    </row>
    <row r="376368" spans="8:8">
      <c r="H376368" s="12"/>
    </row>
    <row r="376369" spans="8:8">
      <c r="H376369" s="12"/>
    </row>
    <row r="376370" spans="8:8">
      <c r="H376370" s="12"/>
    </row>
    <row r="376371" spans="8:8">
      <c r="H376371" s="12"/>
    </row>
    <row r="376372" spans="8:8">
      <c r="H376372" s="12"/>
    </row>
    <row r="376373" spans="8:8">
      <c r="H376373" s="12"/>
    </row>
    <row r="376374" spans="8:8">
      <c r="H376374" s="12"/>
    </row>
    <row r="376375" spans="8:8">
      <c r="H376375" s="12"/>
    </row>
    <row r="376376" spans="8:8">
      <c r="H376376" s="12"/>
    </row>
    <row r="376377" spans="8:8">
      <c r="H376377" s="12"/>
    </row>
    <row r="376378" spans="8:8">
      <c r="H376378" s="12"/>
    </row>
    <row r="376379" spans="8:8">
      <c r="H376379" s="12"/>
    </row>
    <row r="376380" spans="8:8">
      <c r="H376380" s="12"/>
    </row>
    <row r="376381" spans="8:8">
      <c r="H376381" s="12"/>
    </row>
    <row r="376382" spans="8:8">
      <c r="H376382" s="12"/>
    </row>
    <row r="376383" spans="8:8">
      <c r="H376383" s="12"/>
    </row>
    <row r="376384" spans="8:8">
      <c r="H376384" s="12"/>
    </row>
    <row r="376385" spans="8:8">
      <c r="H376385" s="12"/>
    </row>
    <row r="376386" spans="8:8">
      <c r="H376386" s="12"/>
    </row>
    <row r="376387" spans="8:8">
      <c r="H376387" s="12"/>
    </row>
    <row r="376388" spans="8:8">
      <c r="H376388" s="12"/>
    </row>
    <row r="376389" spans="8:8">
      <c r="H376389" s="12"/>
    </row>
    <row r="376390" spans="8:8">
      <c r="H376390" s="12"/>
    </row>
    <row r="376391" spans="8:8">
      <c r="H376391" s="12"/>
    </row>
    <row r="376392" spans="8:8">
      <c r="H376392" s="12"/>
    </row>
    <row r="376393" spans="8:8">
      <c r="H376393" s="12"/>
    </row>
    <row r="376394" spans="8:8">
      <c r="H376394" s="12"/>
    </row>
    <row r="376395" spans="8:8">
      <c r="H376395" s="12"/>
    </row>
    <row r="376396" spans="8:8">
      <c r="H376396" s="12"/>
    </row>
    <row r="376397" spans="8:8">
      <c r="H376397" s="12"/>
    </row>
    <row r="376398" spans="8:8">
      <c r="H376398" s="12"/>
    </row>
    <row r="376399" spans="8:8">
      <c r="H376399" s="12"/>
    </row>
    <row r="376400" spans="8:8">
      <c r="H376400" s="12"/>
    </row>
    <row r="376401" spans="8:8">
      <c r="H376401" s="12"/>
    </row>
    <row r="376402" spans="8:8">
      <c r="H376402" s="12"/>
    </row>
    <row r="376403" spans="8:8">
      <c r="H376403" s="12"/>
    </row>
    <row r="376404" spans="8:8">
      <c r="H376404" s="12"/>
    </row>
    <row r="376405" spans="8:8">
      <c r="H376405" s="12"/>
    </row>
    <row r="376406" spans="8:8">
      <c r="H376406" s="12"/>
    </row>
    <row r="376407" spans="8:8">
      <c r="H376407" s="12"/>
    </row>
    <row r="376408" spans="8:8">
      <c r="H376408" s="12"/>
    </row>
    <row r="376409" spans="8:8">
      <c r="H376409" s="12"/>
    </row>
    <row r="376410" spans="8:8">
      <c r="H376410" s="12"/>
    </row>
    <row r="376411" spans="8:8">
      <c r="H376411" s="12"/>
    </row>
    <row r="376412" spans="8:8">
      <c r="H376412" s="12"/>
    </row>
    <row r="376413" spans="8:8">
      <c r="H376413" s="12"/>
    </row>
    <row r="376414" spans="8:8">
      <c r="H376414" s="12"/>
    </row>
    <row r="376415" spans="8:8">
      <c r="H376415" s="12"/>
    </row>
    <row r="376416" spans="8:8">
      <c r="H376416" s="12"/>
    </row>
    <row r="376417" spans="8:8">
      <c r="H376417" s="12"/>
    </row>
    <row r="376418" spans="8:8">
      <c r="H376418" s="12"/>
    </row>
    <row r="376419" spans="8:8">
      <c r="H376419" s="12"/>
    </row>
    <row r="376420" spans="8:8">
      <c r="H376420" s="12"/>
    </row>
    <row r="376421" spans="8:8">
      <c r="H376421" s="12"/>
    </row>
    <row r="376422" spans="8:8">
      <c r="H376422" s="12"/>
    </row>
    <row r="376423" spans="8:8">
      <c r="H376423" s="12"/>
    </row>
    <row r="376424" spans="8:8">
      <c r="H376424" s="12"/>
    </row>
    <row r="376425" spans="8:8">
      <c r="H376425" s="12"/>
    </row>
    <row r="376426" spans="8:8">
      <c r="H376426" s="12"/>
    </row>
    <row r="376427" spans="8:8">
      <c r="H376427" s="12"/>
    </row>
    <row r="376428" spans="8:8">
      <c r="H376428" s="12"/>
    </row>
    <row r="376429" spans="8:8">
      <c r="H376429" s="12"/>
    </row>
    <row r="376430" spans="8:8">
      <c r="H376430" s="12"/>
    </row>
    <row r="376431" spans="8:8">
      <c r="H376431" s="12"/>
    </row>
    <row r="376432" spans="8:8">
      <c r="H376432" s="12"/>
    </row>
    <row r="376433" spans="8:8">
      <c r="H376433" s="12"/>
    </row>
    <row r="376434" spans="8:8">
      <c r="H376434" s="12"/>
    </row>
    <row r="376435" spans="8:8">
      <c r="H376435" s="12"/>
    </row>
    <row r="376436" spans="8:8">
      <c r="H376436" s="12"/>
    </row>
    <row r="376437" spans="8:8">
      <c r="H376437" s="12"/>
    </row>
    <row r="376438" spans="8:8">
      <c r="H376438" s="12"/>
    </row>
    <row r="376439" spans="8:8">
      <c r="H376439" s="12"/>
    </row>
    <row r="376440" spans="8:8">
      <c r="H376440" s="12"/>
    </row>
    <row r="376441" spans="8:8">
      <c r="H376441" s="12"/>
    </row>
    <row r="376442" spans="8:8">
      <c r="H376442" s="12"/>
    </row>
    <row r="376443" spans="8:8">
      <c r="H376443" s="12"/>
    </row>
    <row r="376444" spans="8:8">
      <c r="H376444" s="12"/>
    </row>
    <row r="376445" spans="8:8">
      <c r="H376445" s="12"/>
    </row>
    <row r="376446" spans="8:8">
      <c r="H376446" s="12"/>
    </row>
    <row r="376447" spans="8:8">
      <c r="H376447" s="12"/>
    </row>
    <row r="376448" spans="8:8">
      <c r="H376448" s="12"/>
    </row>
    <row r="376449" spans="8:8">
      <c r="H376449" s="12"/>
    </row>
    <row r="376450" spans="8:8">
      <c r="H376450" s="12"/>
    </row>
    <row r="376451" spans="8:8">
      <c r="H376451" s="12"/>
    </row>
    <row r="376452" spans="8:8">
      <c r="H376452" s="12"/>
    </row>
    <row r="376453" spans="8:8">
      <c r="H376453" s="12"/>
    </row>
    <row r="376454" spans="8:8">
      <c r="H376454" s="12"/>
    </row>
    <row r="376455" spans="8:8">
      <c r="H376455" s="12"/>
    </row>
    <row r="376456" spans="8:8">
      <c r="H376456" s="12"/>
    </row>
    <row r="376457" spans="8:8">
      <c r="H376457" s="12"/>
    </row>
    <row r="376458" spans="8:8">
      <c r="H376458" s="12"/>
    </row>
    <row r="376459" spans="8:8">
      <c r="H376459" s="12"/>
    </row>
    <row r="376460" spans="8:8">
      <c r="H376460" s="12"/>
    </row>
    <row r="376461" spans="8:8">
      <c r="H376461" s="12"/>
    </row>
    <row r="376462" spans="8:8">
      <c r="H376462" s="12"/>
    </row>
    <row r="376463" spans="8:8">
      <c r="H376463" s="12"/>
    </row>
    <row r="376464" spans="8:8">
      <c r="H376464" s="12"/>
    </row>
    <row r="376465" spans="8:8">
      <c r="H376465" s="12"/>
    </row>
    <row r="376466" spans="8:8">
      <c r="H376466" s="12"/>
    </row>
    <row r="376467" spans="8:8">
      <c r="H376467" s="12"/>
    </row>
    <row r="376468" spans="8:8">
      <c r="H376468" s="12"/>
    </row>
    <row r="376469" spans="8:8">
      <c r="H376469" s="12"/>
    </row>
    <row r="376470" spans="8:8">
      <c r="H376470" s="12"/>
    </row>
    <row r="376471" spans="8:8">
      <c r="H376471" s="12"/>
    </row>
    <row r="376472" spans="8:8">
      <c r="H376472" s="12"/>
    </row>
    <row r="376473" spans="8:8">
      <c r="H376473" s="12"/>
    </row>
    <row r="376474" spans="8:8">
      <c r="H376474" s="12"/>
    </row>
    <row r="376475" spans="8:8">
      <c r="H376475" s="12"/>
    </row>
    <row r="376476" spans="8:8">
      <c r="H376476" s="12"/>
    </row>
    <row r="376477" spans="8:8">
      <c r="H376477" s="12"/>
    </row>
    <row r="376478" spans="8:8">
      <c r="H376478" s="12"/>
    </row>
    <row r="376479" spans="8:8">
      <c r="H376479" s="12"/>
    </row>
    <row r="376480" spans="8:8">
      <c r="H376480" s="12"/>
    </row>
    <row r="376481" spans="8:8">
      <c r="H376481" s="12"/>
    </row>
    <row r="376482" spans="8:8">
      <c r="H376482" s="12"/>
    </row>
    <row r="376483" spans="8:8">
      <c r="H376483" s="12"/>
    </row>
    <row r="376484" spans="8:8">
      <c r="H376484" s="12"/>
    </row>
    <row r="376485" spans="8:8">
      <c r="H376485" s="12"/>
    </row>
    <row r="376486" spans="8:8">
      <c r="H376486" s="12"/>
    </row>
    <row r="376487" spans="8:8">
      <c r="H376487" s="12"/>
    </row>
    <row r="376488" spans="8:8">
      <c r="H376488" s="12"/>
    </row>
    <row r="376489" spans="8:8">
      <c r="H376489" s="12"/>
    </row>
    <row r="376490" spans="8:8">
      <c r="H376490" s="12"/>
    </row>
    <row r="376491" spans="8:8">
      <c r="H376491" s="12"/>
    </row>
    <row r="376492" spans="8:8">
      <c r="H376492" s="12"/>
    </row>
    <row r="376493" spans="8:8">
      <c r="H376493" s="12"/>
    </row>
    <row r="376494" spans="8:8">
      <c r="H376494" s="12"/>
    </row>
    <row r="376495" spans="8:8">
      <c r="H376495" s="12"/>
    </row>
    <row r="376496" spans="8:8">
      <c r="H376496" s="12"/>
    </row>
    <row r="376497" spans="8:8">
      <c r="H376497" s="12"/>
    </row>
    <row r="376498" spans="8:8">
      <c r="H376498" s="12"/>
    </row>
    <row r="376499" spans="8:8">
      <c r="H376499" s="12"/>
    </row>
    <row r="376500" spans="8:8">
      <c r="H376500" s="12"/>
    </row>
    <row r="376501" spans="8:8">
      <c r="H376501" s="12"/>
    </row>
    <row r="376502" spans="8:8">
      <c r="H376502" s="12"/>
    </row>
    <row r="376503" spans="8:8">
      <c r="H376503" s="12"/>
    </row>
    <row r="376504" spans="8:8">
      <c r="H376504" s="12"/>
    </row>
    <row r="376505" spans="8:8">
      <c r="H376505" s="12"/>
    </row>
    <row r="376506" spans="8:8">
      <c r="H376506" s="12"/>
    </row>
    <row r="376507" spans="8:8">
      <c r="H376507" s="12"/>
    </row>
    <row r="376508" spans="8:8">
      <c r="H376508" s="12"/>
    </row>
    <row r="376509" spans="8:8">
      <c r="H376509" s="12"/>
    </row>
    <row r="376510" spans="8:8">
      <c r="H376510" s="12"/>
    </row>
    <row r="376511" spans="8:8">
      <c r="H376511" s="12"/>
    </row>
    <row r="376512" spans="8:8">
      <c r="H376512" s="12"/>
    </row>
    <row r="376513" spans="8:8">
      <c r="H376513" s="12"/>
    </row>
    <row r="376514" spans="8:8">
      <c r="H376514" s="12"/>
    </row>
    <row r="376515" spans="8:8">
      <c r="H376515" s="12"/>
    </row>
    <row r="376516" spans="8:8">
      <c r="H376516" s="12"/>
    </row>
    <row r="376517" spans="8:8">
      <c r="H376517" s="12"/>
    </row>
    <row r="376518" spans="8:8">
      <c r="H376518" s="12"/>
    </row>
    <row r="376519" spans="8:8">
      <c r="H376519" s="12"/>
    </row>
    <row r="376520" spans="8:8">
      <c r="H376520" s="12"/>
    </row>
    <row r="376521" spans="8:8">
      <c r="H376521" s="12"/>
    </row>
    <row r="376522" spans="8:8">
      <c r="H376522" s="12"/>
    </row>
    <row r="376523" spans="8:8">
      <c r="H376523" s="12"/>
    </row>
    <row r="376524" spans="8:8">
      <c r="H376524" s="12"/>
    </row>
    <row r="376525" spans="8:8">
      <c r="H376525" s="12"/>
    </row>
    <row r="376526" spans="8:8">
      <c r="H376526" s="12"/>
    </row>
    <row r="376527" spans="8:8">
      <c r="H376527" s="12"/>
    </row>
    <row r="376528" spans="8:8">
      <c r="H376528" s="12"/>
    </row>
    <row r="376529" spans="8:8">
      <c r="H376529" s="12"/>
    </row>
    <row r="376530" spans="8:8">
      <c r="H376530" s="12"/>
    </row>
    <row r="376531" spans="8:8">
      <c r="H376531" s="12"/>
    </row>
    <row r="376532" spans="8:8">
      <c r="H376532" s="12"/>
    </row>
    <row r="376533" spans="8:8">
      <c r="H376533" s="12"/>
    </row>
    <row r="376534" spans="8:8">
      <c r="H376534" s="12"/>
    </row>
    <row r="376535" spans="8:8">
      <c r="H376535" s="12"/>
    </row>
    <row r="376536" spans="8:8">
      <c r="H376536" s="12"/>
    </row>
    <row r="376537" spans="8:8">
      <c r="H376537" s="12"/>
    </row>
    <row r="376538" spans="8:8">
      <c r="H376538" s="12"/>
    </row>
    <row r="376539" spans="8:8">
      <c r="H376539" s="12"/>
    </row>
    <row r="376540" spans="8:8">
      <c r="H376540" s="12"/>
    </row>
    <row r="376541" spans="8:8">
      <c r="H376541" s="12"/>
    </row>
    <row r="376542" spans="8:8">
      <c r="H376542" s="12"/>
    </row>
    <row r="376543" spans="8:8">
      <c r="H376543" s="12"/>
    </row>
    <row r="376544" spans="8:8">
      <c r="H376544" s="12"/>
    </row>
    <row r="376545" spans="8:8">
      <c r="H376545" s="12"/>
    </row>
    <row r="376546" spans="8:8">
      <c r="H376546" s="12"/>
    </row>
    <row r="376547" spans="8:8">
      <c r="H376547" s="12"/>
    </row>
    <row r="376548" spans="8:8">
      <c r="H376548" s="12"/>
    </row>
    <row r="376549" spans="8:8">
      <c r="H376549" s="12"/>
    </row>
    <row r="376550" spans="8:8">
      <c r="H376550" s="12"/>
    </row>
    <row r="376551" spans="8:8">
      <c r="H376551" s="12"/>
    </row>
    <row r="376552" spans="8:8">
      <c r="H376552" s="12"/>
    </row>
    <row r="376553" spans="8:8">
      <c r="H376553" s="12"/>
    </row>
    <row r="376554" spans="8:8">
      <c r="H376554" s="12"/>
    </row>
    <row r="376555" spans="8:8">
      <c r="H376555" s="12"/>
    </row>
    <row r="376556" spans="8:8">
      <c r="H376556" s="12"/>
    </row>
    <row r="376557" spans="8:8">
      <c r="H376557" s="12"/>
    </row>
    <row r="376558" spans="8:8">
      <c r="H376558" s="12"/>
    </row>
    <row r="376559" spans="8:8">
      <c r="H376559" s="12"/>
    </row>
    <row r="376560" spans="8:8">
      <c r="H376560" s="12"/>
    </row>
    <row r="376561" spans="8:8">
      <c r="H376561" s="12"/>
    </row>
    <row r="376562" spans="8:8">
      <c r="H376562" s="12"/>
    </row>
    <row r="376563" spans="8:8">
      <c r="H376563" s="12"/>
    </row>
    <row r="376564" spans="8:8">
      <c r="H376564" s="12"/>
    </row>
    <row r="376565" spans="8:8">
      <c r="H376565" s="12"/>
    </row>
    <row r="376566" spans="8:8">
      <c r="H376566" s="12"/>
    </row>
    <row r="376567" spans="8:8">
      <c r="H376567" s="12"/>
    </row>
    <row r="376568" spans="8:8">
      <c r="H376568" s="12"/>
    </row>
    <row r="376569" spans="8:8">
      <c r="H376569" s="12"/>
    </row>
    <row r="376570" spans="8:8">
      <c r="H376570" s="12"/>
    </row>
    <row r="376571" spans="8:8">
      <c r="H376571" s="12"/>
    </row>
    <row r="376572" spans="8:8">
      <c r="H376572" s="12"/>
    </row>
    <row r="376573" spans="8:8">
      <c r="H376573" s="12"/>
    </row>
    <row r="376574" spans="8:8">
      <c r="H376574" s="12"/>
    </row>
    <row r="376575" spans="8:8">
      <c r="H376575" s="12"/>
    </row>
    <row r="376576" spans="8:8">
      <c r="H376576" s="12"/>
    </row>
    <row r="376577" spans="8:8">
      <c r="H376577" s="12"/>
    </row>
    <row r="376578" spans="8:8">
      <c r="H376578" s="12"/>
    </row>
    <row r="376579" spans="8:8">
      <c r="H376579" s="12"/>
    </row>
    <row r="376580" spans="8:8">
      <c r="H376580" s="12"/>
    </row>
    <row r="376581" spans="8:8">
      <c r="H376581" s="12"/>
    </row>
    <row r="376582" spans="8:8">
      <c r="H376582" s="12"/>
    </row>
    <row r="376583" spans="8:8">
      <c r="H376583" s="12"/>
    </row>
    <row r="376584" spans="8:8">
      <c r="H376584" s="12"/>
    </row>
    <row r="376585" spans="8:8">
      <c r="H376585" s="12"/>
    </row>
    <row r="376586" spans="8:8">
      <c r="H376586" s="12"/>
    </row>
    <row r="376587" spans="8:8">
      <c r="H376587" s="12"/>
    </row>
    <row r="376588" spans="8:8">
      <c r="H376588" s="12"/>
    </row>
    <row r="376589" spans="8:8">
      <c r="H376589" s="12"/>
    </row>
    <row r="376590" spans="8:8">
      <c r="H376590" s="12"/>
    </row>
    <row r="376591" spans="8:8">
      <c r="H376591" s="12"/>
    </row>
    <row r="376592" spans="8:8">
      <c r="H376592" s="12"/>
    </row>
    <row r="376593" spans="8:8">
      <c r="H376593" s="12"/>
    </row>
    <row r="376594" spans="8:8">
      <c r="H376594" s="12"/>
    </row>
    <row r="376595" spans="8:8">
      <c r="H376595" s="12"/>
    </row>
    <row r="376596" spans="8:8">
      <c r="H376596" s="12"/>
    </row>
    <row r="376597" spans="8:8">
      <c r="H376597" s="12"/>
    </row>
    <row r="376598" spans="8:8">
      <c r="H376598" s="12"/>
    </row>
    <row r="376599" spans="8:8">
      <c r="H376599" s="12"/>
    </row>
    <row r="376600" spans="8:8">
      <c r="H376600" s="12"/>
    </row>
    <row r="376601" spans="8:8">
      <c r="H376601" s="12"/>
    </row>
    <row r="376602" spans="8:8">
      <c r="H376602" s="12"/>
    </row>
    <row r="376603" spans="8:8">
      <c r="H376603" s="12"/>
    </row>
    <row r="376604" spans="8:8">
      <c r="H376604" s="12"/>
    </row>
    <row r="376605" spans="8:8">
      <c r="H376605" s="12"/>
    </row>
    <row r="376606" spans="8:8">
      <c r="H376606" s="12"/>
    </row>
    <row r="376607" spans="8:8">
      <c r="H376607" s="12"/>
    </row>
    <row r="376608" spans="8:8">
      <c r="H376608" s="12"/>
    </row>
    <row r="376609" spans="8:8">
      <c r="H376609" s="12"/>
    </row>
    <row r="376610" spans="8:8">
      <c r="H376610" s="12"/>
    </row>
    <row r="376611" spans="8:8">
      <c r="H376611" s="12"/>
    </row>
    <row r="376612" spans="8:8">
      <c r="H376612" s="12"/>
    </row>
    <row r="376613" spans="8:8">
      <c r="H376613" s="12"/>
    </row>
    <row r="376614" spans="8:8">
      <c r="H376614" s="12"/>
    </row>
    <row r="376615" spans="8:8">
      <c r="H376615" s="12"/>
    </row>
    <row r="376616" spans="8:8">
      <c r="H376616" s="12"/>
    </row>
    <row r="376617" spans="8:8">
      <c r="H376617" s="12"/>
    </row>
    <row r="376618" spans="8:8">
      <c r="H376618" s="12"/>
    </row>
    <row r="376619" spans="8:8">
      <c r="H376619" s="12"/>
    </row>
    <row r="376620" spans="8:8">
      <c r="H376620" s="12"/>
    </row>
    <row r="376621" spans="8:8">
      <c r="H376621" s="12"/>
    </row>
    <row r="376622" spans="8:8">
      <c r="H376622" s="12"/>
    </row>
    <row r="376623" spans="8:8">
      <c r="H376623" s="12"/>
    </row>
    <row r="376624" spans="8:8">
      <c r="H376624" s="12"/>
    </row>
    <row r="376625" spans="8:8">
      <c r="H376625" s="12"/>
    </row>
    <row r="376626" spans="8:8">
      <c r="H376626" s="12"/>
    </row>
    <row r="376627" spans="8:8">
      <c r="H376627" s="12"/>
    </row>
    <row r="376628" spans="8:8">
      <c r="H376628" s="12"/>
    </row>
    <row r="376629" spans="8:8">
      <c r="H376629" s="12"/>
    </row>
    <row r="376630" spans="8:8">
      <c r="H376630" s="12"/>
    </row>
    <row r="376631" spans="8:8">
      <c r="H376631" s="12"/>
    </row>
    <row r="376632" spans="8:8">
      <c r="H376632" s="12"/>
    </row>
    <row r="376633" spans="8:8">
      <c r="H376633" s="12"/>
    </row>
    <row r="376634" spans="8:8">
      <c r="H376634" s="12"/>
    </row>
    <row r="376635" spans="8:8">
      <c r="H376635" s="12"/>
    </row>
    <row r="376636" spans="8:8">
      <c r="H376636" s="12"/>
    </row>
    <row r="376637" spans="8:8">
      <c r="H376637" s="12"/>
    </row>
    <row r="376638" spans="8:8">
      <c r="H376638" s="12"/>
    </row>
    <row r="376639" spans="8:8">
      <c r="H376639" s="12"/>
    </row>
    <row r="376640" spans="8:8">
      <c r="H376640" s="12"/>
    </row>
    <row r="376641" spans="8:8">
      <c r="H376641" s="12"/>
    </row>
    <row r="376642" spans="8:8">
      <c r="H376642" s="12"/>
    </row>
    <row r="376643" spans="8:8">
      <c r="H376643" s="12"/>
    </row>
    <row r="376644" spans="8:8">
      <c r="H376644" s="12"/>
    </row>
    <row r="376645" spans="8:8">
      <c r="H376645" s="12"/>
    </row>
    <row r="376646" spans="8:8">
      <c r="H376646" s="12"/>
    </row>
    <row r="376647" spans="8:8">
      <c r="H376647" s="12"/>
    </row>
    <row r="376648" spans="8:8">
      <c r="H376648" s="12"/>
    </row>
    <row r="376649" spans="8:8">
      <c r="H376649" s="12"/>
    </row>
    <row r="376650" spans="8:8">
      <c r="H376650" s="12"/>
    </row>
    <row r="376651" spans="8:8">
      <c r="H376651" s="12"/>
    </row>
    <row r="376652" spans="8:8">
      <c r="H376652" s="12"/>
    </row>
    <row r="376653" spans="8:8">
      <c r="H376653" s="12"/>
    </row>
    <row r="376654" spans="8:8">
      <c r="H376654" s="12"/>
    </row>
    <row r="376655" spans="8:8">
      <c r="H376655" s="12"/>
    </row>
    <row r="376656" spans="8:8">
      <c r="H376656" s="12"/>
    </row>
    <row r="376657" spans="8:8">
      <c r="H376657" s="12"/>
    </row>
    <row r="376658" spans="8:8">
      <c r="H376658" s="12"/>
    </row>
    <row r="376659" spans="8:8">
      <c r="H376659" s="12"/>
    </row>
    <row r="376660" spans="8:8">
      <c r="H376660" s="12"/>
    </row>
    <row r="376661" spans="8:8">
      <c r="H376661" s="12"/>
    </row>
    <row r="376662" spans="8:8">
      <c r="H376662" s="12"/>
    </row>
    <row r="376663" spans="8:8">
      <c r="H376663" s="12"/>
    </row>
    <row r="376664" spans="8:8">
      <c r="H376664" s="12"/>
    </row>
    <row r="376665" spans="8:8">
      <c r="H376665" s="12"/>
    </row>
    <row r="376666" spans="8:8">
      <c r="H376666" s="12"/>
    </row>
    <row r="376667" spans="8:8">
      <c r="H376667" s="12"/>
    </row>
    <row r="376668" spans="8:8">
      <c r="H376668" s="12"/>
    </row>
    <row r="376669" spans="8:8">
      <c r="H376669" s="12"/>
    </row>
    <row r="376670" spans="8:8">
      <c r="H376670" s="12"/>
    </row>
    <row r="376671" spans="8:8">
      <c r="H376671" s="12"/>
    </row>
    <row r="376672" spans="8:8">
      <c r="H376672" s="12"/>
    </row>
    <row r="376673" spans="8:8">
      <c r="H376673" s="12"/>
    </row>
    <row r="376674" spans="8:8">
      <c r="H376674" s="12"/>
    </row>
    <row r="376675" spans="8:8">
      <c r="H376675" s="12"/>
    </row>
    <row r="376676" spans="8:8">
      <c r="H376676" s="12"/>
    </row>
    <row r="376677" spans="8:8">
      <c r="H376677" s="12"/>
    </row>
    <row r="376678" spans="8:8">
      <c r="H376678" s="12"/>
    </row>
    <row r="376679" spans="8:8">
      <c r="H376679" s="12"/>
    </row>
    <row r="376680" spans="8:8">
      <c r="H376680" s="12"/>
    </row>
    <row r="376681" spans="8:8">
      <c r="H376681" s="12"/>
    </row>
    <row r="376682" spans="8:8">
      <c r="H376682" s="12"/>
    </row>
    <row r="376683" spans="8:8">
      <c r="H376683" s="12"/>
    </row>
    <row r="376684" spans="8:8">
      <c r="H376684" s="12"/>
    </row>
    <row r="376685" spans="8:8">
      <c r="H376685" s="12"/>
    </row>
    <row r="376686" spans="8:8">
      <c r="H376686" s="12"/>
    </row>
    <row r="376687" spans="8:8">
      <c r="H376687" s="12"/>
    </row>
    <row r="376688" spans="8:8">
      <c r="H376688" s="12"/>
    </row>
    <row r="376689" spans="8:8">
      <c r="H376689" s="12"/>
    </row>
    <row r="376690" spans="8:8">
      <c r="H376690" s="12"/>
    </row>
    <row r="376691" spans="8:8">
      <c r="H376691" s="12"/>
    </row>
    <row r="376692" spans="8:8">
      <c r="H376692" s="12"/>
    </row>
    <row r="376693" spans="8:8">
      <c r="H376693" s="12"/>
    </row>
    <row r="376694" spans="8:8">
      <c r="H376694" s="12"/>
    </row>
    <row r="376695" spans="8:8">
      <c r="H376695" s="12"/>
    </row>
    <row r="376696" spans="8:8">
      <c r="H376696" s="12"/>
    </row>
    <row r="376697" spans="8:8">
      <c r="H376697" s="12"/>
    </row>
    <row r="376698" spans="8:8">
      <c r="H376698" s="12"/>
    </row>
    <row r="376699" spans="8:8">
      <c r="H376699" s="12"/>
    </row>
    <row r="376700" spans="8:8">
      <c r="H376700" s="12"/>
    </row>
    <row r="376701" spans="8:8">
      <c r="H376701" s="12"/>
    </row>
    <row r="376702" spans="8:8">
      <c r="H376702" s="12"/>
    </row>
    <row r="376703" spans="8:8">
      <c r="H376703" s="12"/>
    </row>
    <row r="376704" spans="8:8">
      <c r="H376704" s="12"/>
    </row>
    <row r="376705" spans="8:8">
      <c r="H376705" s="12"/>
    </row>
    <row r="376706" spans="8:8">
      <c r="H376706" s="12"/>
    </row>
    <row r="376707" spans="8:8">
      <c r="H376707" s="12"/>
    </row>
    <row r="376708" spans="8:8">
      <c r="H376708" s="12"/>
    </row>
    <row r="376709" spans="8:8">
      <c r="H376709" s="12"/>
    </row>
    <row r="376710" spans="8:8">
      <c r="H376710" s="12"/>
    </row>
    <row r="376711" spans="8:8">
      <c r="H376711" s="12"/>
    </row>
    <row r="376712" spans="8:8">
      <c r="H376712" s="12"/>
    </row>
    <row r="376713" spans="8:8">
      <c r="H376713" s="12"/>
    </row>
    <row r="376714" spans="8:8">
      <c r="H376714" s="12"/>
    </row>
    <row r="376715" spans="8:8">
      <c r="H376715" s="12"/>
    </row>
    <row r="376716" spans="8:8">
      <c r="H376716" s="12"/>
    </row>
    <row r="376717" spans="8:8">
      <c r="H376717" s="12"/>
    </row>
    <row r="376718" spans="8:8">
      <c r="H376718" s="12"/>
    </row>
    <row r="376719" spans="8:8">
      <c r="H376719" s="12"/>
    </row>
    <row r="376720" spans="8:8">
      <c r="H376720" s="12"/>
    </row>
    <row r="376721" spans="8:8">
      <c r="H376721" s="12"/>
    </row>
    <row r="376722" spans="8:8">
      <c r="H376722" s="12"/>
    </row>
    <row r="376723" spans="8:8">
      <c r="H376723" s="12"/>
    </row>
    <row r="376724" spans="8:8">
      <c r="H376724" s="12"/>
    </row>
    <row r="376725" spans="8:8">
      <c r="H376725" s="12"/>
    </row>
    <row r="376726" spans="8:8">
      <c r="H376726" s="12"/>
    </row>
    <row r="376727" spans="8:8">
      <c r="H376727" s="12"/>
    </row>
    <row r="376728" spans="8:8">
      <c r="H376728" s="12"/>
    </row>
    <row r="376729" spans="8:8">
      <c r="H376729" s="12"/>
    </row>
    <row r="376730" spans="8:8">
      <c r="H376730" s="12"/>
    </row>
    <row r="376731" spans="8:8">
      <c r="H376731" s="12"/>
    </row>
    <row r="376732" spans="8:8">
      <c r="H376732" s="12"/>
    </row>
    <row r="376733" spans="8:8">
      <c r="H376733" s="12"/>
    </row>
    <row r="376734" spans="8:8">
      <c r="H376734" s="12"/>
    </row>
    <row r="376735" spans="8:8">
      <c r="H376735" s="12"/>
    </row>
    <row r="376736" spans="8:8">
      <c r="H376736" s="12"/>
    </row>
    <row r="376737" spans="8:8">
      <c r="H376737" s="12"/>
    </row>
    <row r="376738" spans="8:8">
      <c r="H376738" s="12"/>
    </row>
    <row r="376739" spans="8:8">
      <c r="H376739" s="12"/>
    </row>
    <row r="376740" spans="8:8">
      <c r="H376740" s="12"/>
    </row>
    <row r="376741" spans="8:8">
      <c r="H376741" s="12"/>
    </row>
    <row r="376742" spans="8:8">
      <c r="H376742" s="12"/>
    </row>
    <row r="376743" spans="8:8">
      <c r="H376743" s="12"/>
    </row>
    <row r="376744" spans="8:8">
      <c r="H376744" s="12"/>
    </row>
    <row r="376745" spans="8:8">
      <c r="H376745" s="12"/>
    </row>
    <row r="376746" spans="8:8">
      <c r="H376746" s="12"/>
    </row>
    <row r="376747" spans="8:8">
      <c r="H376747" s="12"/>
    </row>
    <row r="376748" spans="8:8">
      <c r="H376748" s="12"/>
    </row>
    <row r="376749" spans="8:8">
      <c r="H376749" s="12"/>
    </row>
    <row r="376750" spans="8:8">
      <c r="H376750" s="12"/>
    </row>
    <row r="376751" spans="8:8">
      <c r="H376751" s="12"/>
    </row>
    <row r="376752" spans="8:8">
      <c r="H376752" s="12"/>
    </row>
    <row r="376753" spans="8:8">
      <c r="H376753" s="12"/>
    </row>
    <row r="376754" spans="8:8">
      <c r="H376754" s="12"/>
    </row>
    <row r="376755" spans="8:8">
      <c r="H376755" s="12"/>
    </row>
    <row r="376756" spans="8:8">
      <c r="H376756" s="12"/>
    </row>
    <row r="376757" spans="8:8">
      <c r="H376757" s="12"/>
    </row>
    <row r="376758" spans="8:8">
      <c r="H376758" s="12"/>
    </row>
    <row r="376759" spans="8:8">
      <c r="H376759" s="12"/>
    </row>
    <row r="376760" spans="8:8">
      <c r="H376760" s="12"/>
    </row>
    <row r="376761" spans="8:8">
      <c r="H376761" s="12"/>
    </row>
    <row r="376762" spans="8:8">
      <c r="H376762" s="12"/>
    </row>
    <row r="376763" spans="8:8">
      <c r="H376763" s="12"/>
    </row>
    <row r="376764" spans="8:8">
      <c r="H376764" s="12"/>
    </row>
    <row r="376765" spans="8:8">
      <c r="H376765" s="12"/>
    </row>
    <row r="376766" spans="8:8">
      <c r="H376766" s="12"/>
    </row>
    <row r="376767" spans="8:8">
      <c r="H376767" s="12"/>
    </row>
    <row r="376768" spans="8:8">
      <c r="H376768" s="12"/>
    </row>
    <row r="376769" spans="8:8">
      <c r="H376769" s="12"/>
    </row>
    <row r="376770" spans="8:8">
      <c r="H376770" s="12"/>
    </row>
    <row r="376771" spans="8:8">
      <c r="H376771" s="12"/>
    </row>
    <row r="376772" spans="8:8">
      <c r="H376772" s="12"/>
    </row>
    <row r="376773" spans="8:8">
      <c r="H376773" s="12"/>
    </row>
    <row r="376774" spans="8:8">
      <c r="H376774" s="12"/>
    </row>
    <row r="376775" spans="8:8">
      <c r="H376775" s="12"/>
    </row>
    <row r="376776" spans="8:8">
      <c r="H376776" s="12"/>
    </row>
    <row r="376777" spans="8:8">
      <c r="H376777" s="12"/>
    </row>
    <row r="376778" spans="8:8">
      <c r="H376778" s="12"/>
    </row>
    <row r="376779" spans="8:8">
      <c r="H376779" s="12"/>
    </row>
    <row r="376780" spans="8:8">
      <c r="H376780" s="12"/>
    </row>
    <row r="376781" spans="8:8">
      <c r="H376781" s="12"/>
    </row>
    <row r="376782" spans="8:8">
      <c r="H376782" s="12"/>
    </row>
    <row r="376783" spans="8:8">
      <c r="H376783" s="12"/>
    </row>
    <row r="376784" spans="8:8">
      <c r="H376784" s="12"/>
    </row>
    <row r="376785" spans="8:8">
      <c r="H376785" s="12"/>
    </row>
    <row r="376786" spans="8:8">
      <c r="H376786" s="12"/>
    </row>
    <row r="376787" spans="8:8">
      <c r="H376787" s="12"/>
    </row>
    <row r="376788" spans="8:8">
      <c r="H376788" s="12"/>
    </row>
    <row r="376789" spans="8:8">
      <c r="H376789" s="12"/>
    </row>
    <row r="376790" spans="8:8">
      <c r="H376790" s="12"/>
    </row>
    <row r="376791" spans="8:8">
      <c r="H376791" s="12"/>
    </row>
    <row r="376792" spans="8:8">
      <c r="H376792" s="12"/>
    </row>
    <row r="376793" spans="8:8">
      <c r="H376793" s="12"/>
    </row>
    <row r="376794" spans="8:8">
      <c r="H376794" s="12"/>
    </row>
    <row r="376795" spans="8:8">
      <c r="H376795" s="12"/>
    </row>
    <row r="376796" spans="8:8">
      <c r="H376796" s="12"/>
    </row>
    <row r="376797" spans="8:8">
      <c r="H376797" s="12"/>
    </row>
    <row r="376798" spans="8:8">
      <c r="H376798" s="12"/>
    </row>
    <row r="376799" spans="8:8">
      <c r="H376799" s="12"/>
    </row>
    <row r="376800" spans="8:8">
      <c r="H376800" s="12"/>
    </row>
    <row r="376801" spans="8:8">
      <c r="H376801" s="12"/>
    </row>
    <row r="376802" spans="8:8">
      <c r="H376802" s="12"/>
    </row>
    <row r="376803" spans="8:8">
      <c r="H376803" s="12"/>
    </row>
    <row r="376804" spans="8:8">
      <c r="H376804" s="12"/>
    </row>
    <row r="376805" spans="8:8">
      <c r="H376805" s="12"/>
    </row>
    <row r="376806" spans="8:8">
      <c r="H376806" s="12"/>
    </row>
    <row r="376807" spans="8:8">
      <c r="H376807" s="12"/>
    </row>
    <row r="376808" spans="8:8">
      <c r="H376808" s="12"/>
    </row>
    <row r="376809" spans="8:8">
      <c r="H376809" s="12"/>
    </row>
    <row r="376810" spans="8:8">
      <c r="H376810" s="12"/>
    </row>
    <row r="376811" spans="8:8">
      <c r="H376811" s="12"/>
    </row>
    <row r="376812" spans="8:8">
      <c r="H376812" s="12"/>
    </row>
    <row r="376813" spans="8:8">
      <c r="H376813" s="12"/>
    </row>
    <row r="376814" spans="8:8">
      <c r="H376814" s="12"/>
    </row>
    <row r="376815" spans="8:8">
      <c r="H376815" s="12"/>
    </row>
    <row r="376816" spans="8:8">
      <c r="H376816" s="12"/>
    </row>
    <row r="376817" spans="8:8">
      <c r="H376817" s="12"/>
    </row>
    <row r="376818" spans="8:8">
      <c r="H376818" s="12"/>
    </row>
    <row r="376819" spans="8:8">
      <c r="H376819" s="12"/>
    </row>
    <row r="376820" spans="8:8">
      <c r="H376820" s="12"/>
    </row>
    <row r="376821" spans="8:8">
      <c r="H376821" s="12"/>
    </row>
    <row r="376822" spans="8:8">
      <c r="H376822" s="12"/>
    </row>
    <row r="376823" spans="8:8">
      <c r="H376823" s="12"/>
    </row>
    <row r="376824" spans="8:8">
      <c r="H376824" s="12"/>
    </row>
    <row r="376825" spans="8:8">
      <c r="H376825" s="12"/>
    </row>
    <row r="376826" spans="8:8">
      <c r="H376826" s="12"/>
    </row>
    <row r="376827" spans="8:8">
      <c r="H376827" s="12"/>
    </row>
    <row r="376828" spans="8:8">
      <c r="H376828" s="12"/>
    </row>
    <row r="376829" spans="8:8">
      <c r="H376829" s="12"/>
    </row>
    <row r="376830" spans="8:8">
      <c r="H376830" s="12"/>
    </row>
    <row r="376831" spans="8:8">
      <c r="H376831" s="12"/>
    </row>
    <row r="376832" spans="8:8">
      <c r="H376832" s="12"/>
    </row>
    <row r="376833" spans="8:8">
      <c r="H376833" s="12"/>
    </row>
    <row r="376834" spans="8:8">
      <c r="H376834" s="12"/>
    </row>
    <row r="376835" spans="8:8">
      <c r="H376835" s="12"/>
    </row>
    <row r="376836" spans="8:8">
      <c r="H376836" s="12"/>
    </row>
    <row r="376837" spans="8:8">
      <c r="H376837" s="12"/>
    </row>
    <row r="376838" spans="8:8">
      <c r="H376838" s="12"/>
    </row>
    <row r="376839" spans="8:8">
      <c r="H376839" s="12"/>
    </row>
    <row r="376840" spans="8:8">
      <c r="H376840" s="12"/>
    </row>
    <row r="376841" spans="8:8">
      <c r="H376841" s="12"/>
    </row>
    <row r="376842" spans="8:8">
      <c r="H376842" s="12"/>
    </row>
    <row r="376843" spans="8:8">
      <c r="H376843" s="12"/>
    </row>
    <row r="376844" spans="8:8">
      <c r="H376844" s="12"/>
    </row>
    <row r="376845" spans="8:8">
      <c r="H376845" s="12"/>
    </row>
    <row r="376846" spans="8:8">
      <c r="H376846" s="12"/>
    </row>
    <row r="376847" spans="8:8">
      <c r="H376847" s="12"/>
    </row>
    <row r="376848" spans="8:8">
      <c r="H376848" s="12"/>
    </row>
    <row r="376849" spans="8:8">
      <c r="H376849" s="12"/>
    </row>
    <row r="376850" spans="8:8">
      <c r="H376850" s="12"/>
    </row>
    <row r="376851" spans="8:8">
      <c r="H376851" s="12"/>
    </row>
    <row r="376852" spans="8:8">
      <c r="H376852" s="12"/>
    </row>
    <row r="376853" spans="8:8">
      <c r="H376853" s="12"/>
    </row>
    <row r="376854" spans="8:8">
      <c r="H376854" s="12"/>
    </row>
    <row r="376855" spans="8:8">
      <c r="H376855" s="12"/>
    </row>
    <row r="376856" spans="8:8">
      <c r="H376856" s="12"/>
    </row>
    <row r="376857" spans="8:8">
      <c r="H376857" s="12"/>
    </row>
    <row r="376858" spans="8:8">
      <c r="H376858" s="12"/>
    </row>
    <row r="376859" spans="8:8">
      <c r="H376859" s="12"/>
    </row>
    <row r="376860" spans="8:8">
      <c r="H376860" s="12"/>
    </row>
    <row r="376861" spans="8:8">
      <c r="H376861" s="12"/>
    </row>
    <row r="376862" spans="8:8">
      <c r="H376862" s="12"/>
    </row>
    <row r="376863" spans="8:8">
      <c r="H376863" s="12"/>
    </row>
    <row r="376864" spans="8:8">
      <c r="H376864" s="12"/>
    </row>
    <row r="376865" spans="8:8">
      <c r="H376865" s="12"/>
    </row>
    <row r="376866" spans="8:8">
      <c r="H376866" s="12"/>
    </row>
    <row r="376867" spans="8:8">
      <c r="H376867" s="12"/>
    </row>
    <row r="376868" spans="8:8">
      <c r="H376868" s="12"/>
    </row>
    <row r="376869" spans="8:8">
      <c r="H376869" s="12"/>
    </row>
    <row r="376870" spans="8:8">
      <c r="H376870" s="12"/>
    </row>
    <row r="376871" spans="8:8">
      <c r="H376871" s="12"/>
    </row>
    <row r="376872" spans="8:8">
      <c r="H376872" s="12"/>
    </row>
    <row r="376873" spans="8:8">
      <c r="H376873" s="12"/>
    </row>
    <row r="376874" spans="8:8">
      <c r="H376874" s="12"/>
    </row>
    <row r="376875" spans="8:8">
      <c r="H376875" s="12"/>
    </row>
    <row r="376876" spans="8:8">
      <c r="H376876" s="12"/>
    </row>
    <row r="376877" spans="8:8">
      <c r="H376877" s="12"/>
    </row>
    <row r="376878" spans="8:8">
      <c r="H376878" s="12"/>
    </row>
    <row r="376879" spans="8:8">
      <c r="H376879" s="12"/>
    </row>
    <row r="376880" spans="8:8">
      <c r="H376880" s="12"/>
    </row>
    <row r="376881" spans="8:8">
      <c r="H376881" s="12"/>
    </row>
    <row r="376882" spans="8:8">
      <c r="H376882" s="12"/>
    </row>
    <row r="376883" spans="8:8">
      <c r="H376883" s="12"/>
    </row>
    <row r="376884" spans="8:8">
      <c r="H376884" s="12"/>
    </row>
    <row r="376885" spans="8:8">
      <c r="H376885" s="12"/>
    </row>
    <row r="376886" spans="8:8">
      <c r="H376886" s="12"/>
    </row>
    <row r="376887" spans="8:8">
      <c r="H376887" s="12"/>
    </row>
    <row r="376888" spans="8:8">
      <c r="H376888" s="12"/>
    </row>
    <row r="376889" spans="8:8">
      <c r="H376889" s="12"/>
    </row>
    <row r="376890" spans="8:8">
      <c r="H376890" s="12"/>
    </row>
    <row r="376891" spans="8:8">
      <c r="H376891" s="12"/>
    </row>
    <row r="376892" spans="8:8">
      <c r="H376892" s="12"/>
    </row>
    <row r="376893" spans="8:8">
      <c r="H376893" s="12"/>
    </row>
    <row r="376894" spans="8:8">
      <c r="H376894" s="12"/>
    </row>
    <row r="376895" spans="8:8">
      <c r="H376895" s="12"/>
    </row>
    <row r="376896" spans="8:8">
      <c r="H376896" s="12"/>
    </row>
    <row r="376897" spans="8:8">
      <c r="H376897" s="12"/>
    </row>
    <row r="376898" spans="8:8">
      <c r="H376898" s="12"/>
    </row>
    <row r="376899" spans="8:8">
      <c r="H376899" s="12"/>
    </row>
    <row r="376900" spans="8:8">
      <c r="H376900" s="12"/>
    </row>
    <row r="376901" spans="8:8">
      <c r="H376901" s="12"/>
    </row>
    <row r="376902" spans="8:8">
      <c r="H376902" s="12"/>
    </row>
    <row r="376903" spans="8:8">
      <c r="H376903" s="12"/>
    </row>
    <row r="376904" spans="8:8">
      <c r="H376904" s="12"/>
    </row>
    <row r="376905" spans="8:8">
      <c r="H376905" s="12"/>
    </row>
    <row r="376906" spans="8:8">
      <c r="H376906" s="12"/>
    </row>
    <row r="376907" spans="8:8">
      <c r="H376907" s="12"/>
    </row>
    <row r="376908" spans="8:8">
      <c r="H376908" s="12"/>
    </row>
    <row r="376909" spans="8:8">
      <c r="H376909" s="12"/>
    </row>
    <row r="376910" spans="8:8">
      <c r="H376910" s="12"/>
    </row>
    <row r="376911" spans="8:8">
      <c r="H376911" s="12"/>
    </row>
    <row r="376912" spans="8:8">
      <c r="H376912" s="12"/>
    </row>
    <row r="376913" spans="8:8">
      <c r="H376913" s="12"/>
    </row>
    <row r="376914" spans="8:8">
      <c r="H376914" s="12"/>
    </row>
    <row r="376915" spans="8:8">
      <c r="H376915" s="12"/>
    </row>
    <row r="376916" spans="8:8">
      <c r="H376916" s="12"/>
    </row>
    <row r="376917" spans="8:8">
      <c r="H376917" s="12"/>
    </row>
    <row r="376918" spans="8:8">
      <c r="H376918" s="12"/>
    </row>
    <row r="376919" spans="8:8">
      <c r="H376919" s="12"/>
    </row>
    <row r="376920" spans="8:8">
      <c r="H376920" s="12"/>
    </row>
    <row r="376921" spans="8:8">
      <c r="H376921" s="12"/>
    </row>
    <row r="376922" spans="8:8">
      <c r="H376922" s="12"/>
    </row>
    <row r="376923" spans="8:8">
      <c r="H376923" s="12"/>
    </row>
    <row r="376924" spans="8:8">
      <c r="H376924" s="12"/>
    </row>
    <row r="376925" spans="8:8">
      <c r="H376925" s="12"/>
    </row>
    <row r="376926" spans="8:8">
      <c r="H376926" s="12"/>
    </row>
    <row r="376927" spans="8:8">
      <c r="H376927" s="12"/>
    </row>
    <row r="376928" spans="8:8">
      <c r="H376928" s="12"/>
    </row>
    <row r="376929" spans="8:8">
      <c r="H376929" s="12"/>
    </row>
    <row r="376930" spans="8:8">
      <c r="H376930" s="12"/>
    </row>
    <row r="376931" spans="8:8">
      <c r="H376931" s="12"/>
    </row>
    <row r="376932" spans="8:8">
      <c r="H376932" s="12"/>
    </row>
    <row r="376933" spans="8:8">
      <c r="H376933" s="12"/>
    </row>
    <row r="376934" spans="8:8">
      <c r="H376934" s="12"/>
    </row>
    <row r="376935" spans="8:8">
      <c r="H376935" s="12"/>
    </row>
    <row r="376936" spans="8:8">
      <c r="H376936" s="12"/>
    </row>
    <row r="376937" spans="8:8">
      <c r="H376937" s="12"/>
    </row>
    <row r="376938" spans="8:8">
      <c r="H376938" s="12"/>
    </row>
    <row r="376939" spans="8:8">
      <c r="H376939" s="12"/>
    </row>
    <row r="376940" spans="8:8">
      <c r="H376940" s="12"/>
    </row>
    <row r="376941" spans="8:8">
      <c r="H376941" s="12"/>
    </row>
    <row r="376942" spans="8:8">
      <c r="H376942" s="12"/>
    </row>
    <row r="376943" spans="8:8">
      <c r="H376943" s="12"/>
    </row>
    <row r="376944" spans="8:8">
      <c r="H376944" s="12"/>
    </row>
    <row r="376945" spans="8:8">
      <c r="H376945" s="12"/>
    </row>
    <row r="376946" spans="8:8">
      <c r="H376946" s="12"/>
    </row>
    <row r="376947" spans="8:8">
      <c r="H376947" s="12"/>
    </row>
    <row r="376948" spans="8:8">
      <c r="H376948" s="12"/>
    </row>
    <row r="376949" spans="8:8">
      <c r="H376949" s="12"/>
    </row>
    <row r="376950" spans="8:8">
      <c r="H376950" s="12"/>
    </row>
    <row r="376951" spans="8:8">
      <c r="H376951" s="12"/>
    </row>
    <row r="376952" spans="8:8">
      <c r="H376952" s="12"/>
    </row>
    <row r="376953" spans="8:8">
      <c r="H376953" s="12"/>
    </row>
    <row r="376954" spans="8:8">
      <c r="H376954" s="12"/>
    </row>
    <row r="376955" spans="8:8">
      <c r="H376955" s="12"/>
    </row>
    <row r="376956" spans="8:8">
      <c r="H376956" s="12"/>
    </row>
    <row r="376957" spans="8:8">
      <c r="H376957" s="12"/>
    </row>
    <row r="376958" spans="8:8">
      <c r="H376958" s="12"/>
    </row>
    <row r="376959" spans="8:8">
      <c r="H376959" s="12"/>
    </row>
    <row r="376960" spans="8:8">
      <c r="H376960" s="12"/>
    </row>
    <row r="376961" spans="8:8">
      <c r="H376961" s="12"/>
    </row>
    <row r="376962" spans="8:8">
      <c r="H376962" s="12"/>
    </row>
    <row r="376963" spans="8:8">
      <c r="H376963" s="12"/>
    </row>
    <row r="376964" spans="8:8">
      <c r="H376964" s="12"/>
    </row>
    <row r="376965" spans="8:8">
      <c r="H376965" s="12"/>
    </row>
    <row r="376966" spans="8:8">
      <c r="H376966" s="12"/>
    </row>
    <row r="376967" spans="8:8">
      <c r="H376967" s="12"/>
    </row>
    <row r="376968" spans="8:8">
      <c r="H376968" s="12"/>
    </row>
    <row r="376969" spans="8:8">
      <c r="H376969" s="12"/>
    </row>
    <row r="376970" spans="8:8">
      <c r="H376970" s="12"/>
    </row>
    <row r="376971" spans="8:8">
      <c r="H376971" s="12"/>
    </row>
    <row r="376972" spans="8:8">
      <c r="H376972" s="12"/>
    </row>
    <row r="376973" spans="8:8">
      <c r="H376973" s="12"/>
    </row>
    <row r="376974" spans="8:8">
      <c r="H376974" s="12"/>
    </row>
    <row r="376975" spans="8:8">
      <c r="H376975" s="12"/>
    </row>
    <row r="376976" spans="8:8">
      <c r="H376976" s="12"/>
    </row>
    <row r="376977" spans="8:8">
      <c r="H376977" s="12"/>
    </row>
    <row r="376978" spans="8:8">
      <c r="H376978" s="12"/>
    </row>
    <row r="376979" spans="8:8">
      <c r="H376979" s="12"/>
    </row>
    <row r="376980" spans="8:8">
      <c r="H376980" s="12"/>
    </row>
    <row r="376981" spans="8:8">
      <c r="H376981" s="12"/>
    </row>
    <row r="376982" spans="8:8">
      <c r="H376982" s="12"/>
    </row>
    <row r="376983" spans="8:8">
      <c r="H376983" s="12"/>
    </row>
    <row r="376984" spans="8:8">
      <c r="H376984" s="12"/>
    </row>
    <row r="376985" spans="8:8">
      <c r="H376985" s="12"/>
    </row>
    <row r="376986" spans="8:8">
      <c r="H376986" s="12"/>
    </row>
    <row r="376987" spans="8:8">
      <c r="H376987" s="12"/>
    </row>
    <row r="376988" spans="8:8">
      <c r="H376988" s="12"/>
    </row>
    <row r="376989" spans="8:8">
      <c r="H376989" s="12"/>
    </row>
    <row r="376990" spans="8:8">
      <c r="H376990" s="12"/>
    </row>
    <row r="376991" spans="8:8">
      <c r="H376991" s="12"/>
    </row>
    <row r="376992" spans="8:8">
      <c r="H376992" s="12"/>
    </row>
    <row r="376993" spans="8:8">
      <c r="H376993" s="12"/>
    </row>
    <row r="376994" spans="8:8">
      <c r="H376994" s="12"/>
    </row>
    <row r="376995" spans="8:8">
      <c r="H376995" s="12"/>
    </row>
    <row r="376996" spans="8:8">
      <c r="H376996" s="12"/>
    </row>
    <row r="376997" spans="8:8">
      <c r="H376997" s="12"/>
    </row>
    <row r="376998" spans="8:8">
      <c r="H376998" s="12"/>
    </row>
    <row r="376999" spans="8:8">
      <c r="H376999" s="12"/>
    </row>
    <row r="377000" spans="8:8">
      <c r="H377000" s="12"/>
    </row>
    <row r="377001" spans="8:8">
      <c r="H377001" s="12"/>
    </row>
    <row r="377002" spans="8:8">
      <c r="H377002" s="12"/>
    </row>
    <row r="377003" spans="8:8">
      <c r="H377003" s="12"/>
    </row>
    <row r="377004" spans="8:8">
      <c r="H377004" s="12"/>
    </row>
    <row r="377005" spans="8:8">
      <c r="H377005" s="12"/>
    </row>
    <row r="377006" spans="8:8">
      <c r="H377006" s="12"/>
    </row>
    <row r="377007" spans="8:8">
      <c r="H377007" s="12"/>
    </row>
    <row r="377008" spans="8:8">
      <c r="H377008" s="12"/>
    </row>
    <row r="377009" spans="8:8">
      <c r="H377009" s="12"/>
    </row>
    <row r="377010" spans="8:8">
      <c r="H377010" s="12"/>
    </row>
    <row r="377011" spans="8:8">
      <c r="H377011" s="12"/>
    </row>
    <row r="377012" spans="8:8">
      <c r="H377012" s="12"/>
    </row>
    <row r="377013" spans="8:8">
      <c r="H377013" s="12"/>
    </row>
    <row r="377014" spans="8:8">
      <c r="H377014" s="12"/>
    </row>
    <row r="377015" spans="8:8">
      <c r="H377015" s="12"/>
    </row>
    <row r="377016" spans="8:8">
      <c r="H377016" s="12"/>
    </row>
    <row r="377017" spans="8:8">
      <c r="H377017" s="12"/>
    </row>
    <row r="377018" spans="8:8">
      <c r="H377018" s="12"/>
    </row>
    <row r="377019" spans="8:8">
      <c r="H377019" s="12"/>
    </row>
    <row r="377020" spans="8:8">
      <c r="H377020" s="12"/>
    </row>
    <row r="377021" spans="8:8">
      <c r="H377021" s="12"/>
    </row>
    <row r="377022" spans="8:8">
      <c r="H377022" s="12"/>
    </row>
    <row r="377023" spans="8:8">
      <c r="H377023" s="12"/>
    </row>
    <row r="377024" spans="8:8">
      <c r="H377024" s="12"/>
    </row>
    <row r="377025" spans="8:8">
      <c r="H377025" s="12"/>
    </row>
    <row r="377026" spans="8:8">
      <c r="H377026" s="12"/>
    </row>
    <row r="377027" spans="8:8">
      <c r="H377027" s="12"/>
    </row>
    <row r="377028" spans="8:8">
      <c r="H377028" s="12"/>
    </row>
    <row r="377029" spans="8:8">
      <c r="H377029" s="12"/>
    </row>
    <row r="377030" spans="8:8">
      <c r="H377030" s="12"/>
    </row>
    <row r="377031" spans="8:8">
      <c r="H377031" s="12"/>
    </row>
    <row r="377032" spans="8:8">
      <c r="H377032" s="12"/>
    </row>
    <row r="377033" spans="8:8">
      <c r="H377033" s="12"/>
    </row>
    <row r="377034" spans="8:8">
      <c r="H377034" s="12"/>
    </row>
    <row r="377035" spans="8:8">
      <c r="H377035" s="12"/>
    </row>
    <row r="377036" spans="8:8">
      <c r="H377036" s="12"/>
    </row>
    <row r="377037" spans="8:8">
      <c r="H377037" s="12"/>
    </row>
    <row r="377038" spans="8:8">
      <c r="H377038" s="12"/>
    </row>
    <row r="377039" spans="8:8">
      <c r="H377039" s="12"/>
    </row>
    <row r="377040" spans="8:8">
      <c r="H377040" s="12"/>
    </row>
    <row r="377041" spans="8:8">
      <c r="H377041" s="12"/>
    </row>
    <row r="377042" spans="8:8">
      <c r="H377042" s="12"/>
    </row>
    <row r="377043" spans="8:8">
      <c r="H377043" s="12"/>
    </row>
    <row r="377044" spans="8:8">
      <c r="H377044" s="12"/>
    </row>
    <row r="377045" spans="8:8">
      <c r="H377045" s="12"/>
    </row>
    <row r="377046" spans="8:8">
      <c r="H377046" s="12"/>
    </row>
    <row r="377047" spans="8:8">
      <c r="H377047" s="12"/>
    </row>
    <row r="377048" spans="8:8">
      <c r="H377048" s="12"/>
    </row>
    <row r="377049" spans="8:8">
      <c r="H377049" s="12"/>
    </row>
    <row r="377050" spans="8:8">
      <c r="H377050" s="12"/>
    </row>
    <row r="377051" spans="8:8">
      <c r="H377051" s="12"/>
    </row>
    <row r="377052" spans="8:8">
      <c r="H377052" s="12"/>
    </row>
    <row r="377053" spans="8:8">
      <c r="H377053" s="12"/>
    </row>
    <row r="377054" spans="8:8">
      <c r="H377054" s="12"/>
    </row>
    <row r="377055" spans="8:8">
      <c r="H377055" s="12"/>
    </row>
    <row r="377056" spans="8:8">
      <c r="H377056" s="12"/>
    </row>
    <row r="377057" spans="8:8">
      <c r="H377057" s="12"/>
    </row>
    <row r="377058" spans="8:8">
      <c r="H377058" s="12"/>
    </row>
    <row r="377059" spans="8:8">
      <c r="H377059" s="12"/>
    </row>
    <row r="377060" spans="8:8">
      <c r="H377060" s="12"/>
    </row>
    <row r="377061" spans="8:8">
      <c r="H377061" s="12"/>
    </row>
    <row r="377062" spans="8:8">
      <c r="H377062" s="12"/>
    </row>
    <row r="377063" spans="8:8">
      <c r="H377063" s="12"/>
    </row>
    <row r="377064" spans="8:8">
      <c r="H377064" s="12"/>
    </row>
    <row r="377065" spans="8:8">
      <c r="H377065" s="12"/>
    </row>
    <row r="377066" spans="8:8">
      <c r="H377066" s="12"/>
    </row>
    <row r="377067" spans="8:8">
      <c r="H377067" s="12"/>
    </row>
    <row r="377068" spans="8:8">
      <c r="H377068" s="12"/>
    </row>
    <row r="377069" spans="8:8">
      <c r="H377069" s="12"/>
    </row>
    <row r="377070" spans="8:8">
      <c r="H377070" s="12"/>
    </row>
    <row r="377071" spans="8:8">
      <c r="H377071" s="12"/>
    </row>
    <row r="377072" spans="8:8">
      <c r="H377072" s="12"/>
    </row>
    <row r="377073" spans="8:8">
      <c r="H377073" s="12"/>
    </row>
    <row r="377074" spans="8:8">
      <c r="H377074" s="12"/>
    </row>
    <row r="377075" spans="8:8">
      <c r="H377075" s="12"/>
    </row>
    <row r="377076" spans="8:8">
      <c r="H377076" s="12"/>
    </row>
    <row r="377077" spans="8:8">
      <c r="H377077" s="12"/>
    </row>
    <row r="377078" spans="8:8">
      <c r="H377078" s="12"/>
    </row>
    <row r="377079" spans="8:8">
      <c r="H377079" s="12"/>
    </row>
    <row r="377080" spans="8:8">
      <c r="H377080" s="12"/>
    </row>
    <row r="377081" spans="8:8">
      <c r="H377081" s="12"/>
    </row>
    <row r="377082" spans="8:8">
      <c r="H377082" s="12"/>
    </row>
    <row r="377083" spans="8:8">
      <c r="H377083" s="12"/>
    </row>
    <row r="377084" spans="8:8">
      <c r="H377084" s="12"/>
    </row>
    <row r="377085" spans="8:8">
      <c r="H377085" s="12"/>
    </row>
    <row r="377086" spans="8:8">
      <c r="H377086" s="12"/>
    </row>
    <row r="377087" spans="8:8">
      <c r="H377087" s="12"/>
    </row>
    <row r="377088" spans="8:8">
      <c r="H377088" s="12"/>
    </row>
    <row r="377089" spans="8:8">
      <c r="H377089" s="12"/>
    </row>
    <row r="377090" spans="8:8">
      <c r="H377090" s="12"/>
    </row>
    <row r="377091" spans="8:8">
      <c r="H377091" s="12"/>
    </row>
    <row r="377092" spans="8:8">
      <c r="H377092" s="12"/>
    </row>
    <row r="377093" spans="8:8">
      <c r="H377093" s="12"/>
    </row>
    <row r="377094" spans="8:8">
      <c r="H377094" s="12"/>
    </row>
    <row r="377095" spans="8:8">
      <c r="H377095" s="12"/>
    </row>
    <row r="377096" spans="8:8">
      <c r="H377096" s="12"/>
    </row>
    <row r="377097" spans="8:8">
      <c r="H377097" s="12"/>
    </row>
    <row r="377098" spans="8:8">
      <c r="H377098" s="12"/>
    </row>
    <row r="377099" spans="8:8">
      <c r="H377099" s="12"/>
    </row>
    <row r="377100" spans="8:8">
      <c r="H377100" s="12"/>
    </row>
    <row r="377101" spans="8:8">
      <c r="H377101" s="12"/>
    </row>
    <row r="377102" spans="8:8">
      <c r="H377102" s="12"/>
    </row>
    <row r="377103" spans="8:8">
      <c r="H377103" s="12"/>
    </row>
    <row r="377104" spans="8:8">
      <c r="H377104" s="12"/>
    </row>
    <row r="377105" spans="8:8">
      <c r="H377105" s="12"/>
    </row>
    <row r="377106" spans="8:8">
      <c r="H377106" s="12"/>
    </row>
    <row r="377107" spans="8:8">
      <c r="H377107" s="12"/>
    </row>
    <row r="377108" spans="8:8">
      <c r="H377108" s="12"/>
    </row>
    <row r="377109" spans="8:8">
      <c r="H377109" s="12"/>
    </row>
    <row r="377110" spans="8:8">
      <c r="H377110" s="12"/>
    </row>
    <row r="377111" spans="8:8">
      <c r="H377111" s="12"/>
    </row>
    <row r="377112" spans="8:8">
      <c r="H377112" s="12"/>
    </row>
    <row r="377113" spans="8:8">
      <c r="H377113" s="12"/>
    </row>
    <row r="377114" spans="8:8">
      <c r="H377114" s="12"/>
    </row>
    <row r="377115" spans="8:8">
      <c r="H377115" s="12"/>
    </row>
    <row r="377116" spans="8:8">
      <c r="H377116" s="12"/>
    </row>
    <row r="377117" spans="8:8">
      <c r="H377117" s="12"/>
    </row>
    <row r="377118" spans="8:8">
      <c r="H377118" s="12"/>
    </row>
    <row r="377119" spans="8:8">
      <c r="H377119" s="12"/>
    </row>
    <row r="377120" spans="8:8">
      <c r="H377120" s="12"/>
    </row>
    <row r="377121" spans="8:8">
      <c r="H377121" s="12"/>
    </row>
    <row r="377122" spans="8:8">
      <c r="H377122" s="12"/>
    </row>
    <row r="377123" spans="8:8">
      <c r="H377123" s="12"/>
    </row>
    <row r="377124" spans="8:8">
      <c r="H377124" s="12"/>
    </row>
    <row r="377125" spans="8:8">
      <c r="H377125" s="12"/>
    </row>
    <row r="377126" spans="8:8">
      <c r="H377126" s="12"/>
    </row>
    <row r="377127" spans="8:8">
      <c r="H377127" s="12"/>
    </row>
    <row r="377128" spans="8:8">
      <c r="H377128" s="12"/>
    </row>
    <row r="377129" spans="8:8">
      <c r="H377129" s="12"/>
    </row>
    <row r="377130" spans="8:8">
      <c r="H377130" s="12"/>
    </row>
    <row r="377131" spans="8:8">
      <c r="H377131" s="12"/>
    </row>
    <row r="377132" spans="8:8">
      <c r="H377132" s="12"/>
    </row>
    <row r="377133" spans="8:8">
      <c r="H377133" s="12"/>
    </row>
    <row r="377134" spans="8:8">
      <c r="H377134" s="12"/>
    </row>
    <row r="377135" spans="8:8">
      <c r="H377135" s="12"/>
    </row>
    <row r="377136" spans="8:8">
      <c r="H377136" s="12"/>
    </row>
    <row r="377137" spans="8:8">
      <c r="H377137" s="12"/>
    </row>
    <row r="377138" spans="8:8">
      <c r="H377138" s="12"/>
    </row>
    <row r="377139" spans="8:8">
      <c r="H377139" s="12"/>
    </row>
    <row r="377140" spans="8:8">
      <c r="H377140" s="12"/>
    </row>
    <row r="377141" spans="8:8">
      <c r="H377141" s="12"/>
    </row>
    <row r="377142" spans="8:8">
      <c r="H377142" s="12"/>
    </row>
    <row r="377143" spans="8:8">
      <c r="H377143" s="12"/>
    </row>
    <row r="377144" spans="8:8">
      <c r="H377144" s="12"/>
    </row>
    <row r="377145" spans="8:8">
      <c r="H377145" s="12"/>
    </row>
    <row r="377146" spans="8:8">
      <c r="H377146" s="12"/>
    </row>
    <row r="377147" spans="8:8">
      <c r="H377147" s="12"/>
    </row>
    <row r="377148" spans="8:8">
      <c r="H377148" s="12"/>
    </row>
    <row r="377149" spans="8:8">
      <c r="H377149" s="12"/>
    </row>
    <row r="377150" spans="8:8">
      <c r="H377150" s="12"/>
    </row>
    <row r="377151" spans="8:8">
      <c r="H377151" s="12"/>
    </row>
    <row r="377152" spans="8:8">
      <c r="H377152" s="12"/>
    </row>
    <row r="377153" spans="8:8">
      <c r="H377153" s="12"/>
    </row>
    <row r="377154" spans="8:8">
      <c r="H377154" s="12"/>
    </row>
    <row r="377155" spans="8:8">
      <c r="H377155" s="12"/>
    </row>
    <row r="377156" spans="8:8">
      <c r="H377156" s="12"/>
    </row>
    <row r="377157" spans="8:8">
      <c r="H377157" s="12"/>
    </row>
    <row r="377158" spans="8:8">
      <c r="H377158" s="12"/>
    </row>
    <row r="377159" spans="8:8">
      <c r="H377159" s="12"/>
    </row>
    <row r="377160" spans="8:8">
      <c r="H377160" s="12"/>
    </row>
    <row r="377161" spans="8:8">
      <c r="H377161" s="12"/>
    </row>
    <row r="377162" spans="8:8">
      <c r="H377162" s="12"/>
    </row>
    <row r="377163" spans="8:8">
      <c r="H377163" s="12"/>
    </row>
    <row r="377164" spans="8:8">
      <c r="H377164" s="12"/>
    </row>
    <row r="377165" spans="8:8">
      <c r="H377165" s="12"/>
    </row>
    <row r="377166" spans="8:8">
      <c r="H377166" s="12"/>
    </row>
    <row r="377167" spans="8:8">
      <c r="H377167" s="12"/>
    </row>
    <row r="377168" spans="8:8">
      <c r="H377168" s="12"/>
    </row>
    <row r="377169" spans="8:8">
      <c r="H377169" s="12"/>
    </row>
    <row r="377170" spans="8:8">
      <c r="H377170" s="12"/>
    </row>
    <row r="377171" spans="8:8">
      <c r="H377171" s="12"/>
    </row>
    <row r="377172" spans="8:8">
      <c r="H377172" s="12"/>
    </row>
    <row r="377173" spans="8:8">
      <c r="H377173" s="12"/>
    </row>
    <row r="377174" spans="8:8">
      <c r="H377174" s="12"/>
    </row>
    <row r="377175" spans="8:8">
      <c r="H377175" s="12"/>
    </row>
    <row r="377176" spans="8:8">
      <c r="H377176" s="12"/>
    </row>
    <row r="377177" spans="8:8">
      <c r="H377177" s="12"/>
    </row>
    <row r="377178" spans="8:8">
      <c r="H377178" s="12"/>
    </row>
    <row r="377179" spans="8:8">
      <c r="H377179" s="12"/>
    </row>
    <row r="377180" spans="8:8">
      <c r="H377180" s="12"/>
    </row>
    <row r="377181" spans="8:8">
      <c r="H377181" s="12"/>
    </row>
    <row r="377182" spans="8:8">
      <c r="H377182" s="12"/>
    </row>
    <row r="377183" spans="8:8">
      <c r="H377183" s="12"/>
    </row>
    <row r="377184" spans="8:8">
      <c r="H377184" s="12"/>
    </row>
    <row r="377185" spans="8:8">
      <c r="H377185" s="12"/>
    </row>
    <row r="377186" spans="8:8">
      <c r="H377186" s="12"/>
    </row>
    <row r="377187" spans="8:8">
      <c r="H377187" s="12"/>
    </row>
    <row r="377188" spans="8:8">
      <c r="H377188" s="12"/>
    </row>
    <row r="377189" spans="8:8">
      <c r="H377189" s="12"/>
    </row>
    <row r="377190" spans="8:8">
      <c r="H377190" s="12"/>
    </row>
    <row r="377191" spans="8:8">
      <c r="H377191" s="12"/>
    </row>
    <row r="377192" spans="8:8">
      <c r="H377192" s="12"/>
    </row>
    <row r="377193" spans="8:8">
      <c r="H377193" s="12"/>
    </row>
    <row r="377194" spans="8:8">
      <c r="H377194" s="12"/>
    </row>
    <row r="377195" spans="8:8">
      <c r="H377195" s="12"/>
    </row>
    <row r="377196" spans="8:8">
      <c r="H377196" s="12"/>
    </row>
    <row r="377197" spans="8:8">
      <c r="H377197" s="12"/>
    </row>
    <row r="377198" spans="8:8">
      <c r="H377198" s="12"/>
    </row>
    <row r="377199" spans="8:8">
      <c r="H377199" s="12"/>
    </row>
    <row r="377200" spans="8:8">
      <c r="H377200" s="12"/>
    </row>
    <row r="377201" spans="8:8">
      <c r="H377201" s="12"/>
    </row>
    <row r="377202" spans="8:8">
      <c r="H377202" s="12"/>
    </row>
    <row r="377203" spans="8:8">
      <c r="H377203" s="12"/>
    </row>
    <row r="377204" spans="8:8">
      <c r="H377204" s="12"/>
    </row>
    <row r="377205" spans="8:8">
      <c r="H377205" s="12"/>
    </row>
    <row r="377206" spans="8:8">
      <c r="H377206" s="12"/>
    </row>
    <row r="377207" spans="8:8">
      <c r="H377207" s="12"/>
    </row>
    <row r="377208" spans="8:8">
      <c r="H377208" s="12"/>
    </row>
    <row r="377209" spans="8:8">
      <c r="H377209" s="12"/>
    </row>
    <row r="377210" spans="8:8">
      <c r="H377210" s="12"/>
    </row>
    <row r="377211" spans="8:8">
      <c r="H377211" s="12"/>
    </row>
    <row r="377212" spans="8:8">
      <c r="H377212" s="12"/>
    </row>
    <row r="377213" spans="8:8">
      <c r="H377213" s="12"/>
    </row>
    <row r="377214" spans="8:8">
      <c r="H377214" s="12"/>
    </row>
    <row r="377215" spans="8:8">
      <c r="H377215" s="12"/>
    </row>
    <row r="377216" spans="8:8">
      <c r="H377216" s="12"/>
    </row>
    <row r="377217" spans="8:8">
      <c r="H377217" s="12"/>
    </row>
    <row r="377218" spans="8:8">
      <c r="H377218" s="12"/>
    </row>
    <row r="377219" spans="8:8">
      <c r="H377219" s="12"/>
    </row>
    <row r="377220" spans="8:8">
      <c r="H377220" s="12"/>
    </row>
    <row r="377221" spans="8:8">
      <c r="H377221" s="12"/>
    </row>
    <row r="377222" spans="8:8">
      <c r="H377222" s="12"/>
    </row>
    <row r="377223" spans="8:8">
      <c r="H377223" s="12"/>
    </row>
    <row r="377224" spans="8:8">
      <c r="H377224" s="12"/>
    </row>
    <row r="377225" spans="8:8">
      <c r="H377225" s="12"/>
    </row>
    <row r="377226" spans="8:8">
      <c r="H377226" s="12"/>
    </row>
    <row r="377227" spans="8:8">
      <c r="H377227" s="12"/>
    </row>
    <row r="377228" spans="8:8">
      <c r="H377228" s="12"/>
    </row>
    <row r="377229" spans="8:8">
      <c r="H377229" s="12"/>
    </row>
    <row r="377230" spans="8:8">
      <c r="H377230" s="12"/>
    </row>
    <row r="377231" spans="8:8">
      <c r="H377231" s="12"/>
    </row>
    <row r="377232" spans="8:8">
      <c r="H377232" s="12"/>
    </row>
    <row r="377233" spans="8:8">
      <c r="H377233" s="12"/>
    </row>
    <row r="377234" spans="8:8">
      <c r="H377234" s="12"/>
    </row>
    <row r="377235" spans="8:8">
      <c r="H377235" s="12"/>
    </row>
    <row r="377236" spans="8:8">
      <c r="H377236" s="12"/>
    </row>
    <row r="377237" spans="8:8">
      <c r="H377237" s="12"/>
    </row>
    <row r="377238" spans="8:8">
      <c r="H377238" s="12"/>
    </row>
    <row r="377239" spans="8:8">
      <c r="H377239" s="12"/>
    </row>
    <row r="377240" spans="8:8">
      <c r="H377240" s="12"/>
    </row>
    <row r="377241" spans="8:8">
      <c r="H377241" s="12"/>
    </row>
    <row r="377242" spans="8:8">
      <c r="H377242" s="12"/>
    </row>
    <row r="377243" spans="8:8">
      <c r="H377243" s="12"/>
    </row>
    <row r="377244" spans="8:8">
      <c r="H377244" s="12"/>
    </row>
    <row r="377245" spans="8:8">
      <c r="H377245" s="12"/>
    </row>
    <row r="377246" spans="8:8">
      <c r="H377246" s="12"/>
    </row>
    <row r="377247" spans="8:8">
      <c r="H377247" s="12"/>
    </row>
    <row r="377248" spans="8:8">
      <c r="H377248" s="12"/>
    </row>
    <row r="377249" spans="8:8">
      <c r="H377249" s="12"/>
    </row>
    <row r="377250" spans="8:8">
      <c r="H377250" s="12"/>
    </row>
    <row r="377251" spans="8:8">
      <c r="H377251" s="12"/>
    </row>
    <row r="377252" spans="8:8">
      <c r="H377252" s="12"/>
    </row>
    <row r="377253" spans="8:8">
      <c r="H377253" s="12"/>
    </row>
    <row r="377254" spans="8:8">
      <c r="H377254" s="12"/>
    </row>
    <row r="377255" spans="8:8">
      <c r="H377255" s="12"/>
    </row>
    <row r="377256" spans="8:8">
      <c r="H377256" s="12"/>
    </row>
    <row r="377257" spans="8:8">
      <c r="H377257" s="12"/>
    </row>
    <row r="377258" spans="8:8">
      <c r="H377258" s="12"/>
    </row>
    <row r="377259" spans="8:8">
      <c r="H377259" s="12"/>
    </row>
    <row r="377260" spans="8:8">
      <c r="H377260" s="12"/>
    </row>
    <row r="377261" spans="8:8">
      <c r="H377261" s="12"/>
    </row>
    <row r="377262" spans="8:8">
      <c r="H377262" s="12"/>
    </row>
    <row r="377263" spans="8:8">
      <c r="H377263" s="12"/>
    </row>
    <row r="377264" spans="8:8">
      <c r="H377264" s="12"/>
    </row>
    <row r="377265" spans="8:8">
      <c r="H377265" s="12"/>
    </row>
    <row r="377266" spans="8:8">
      <c r="H377266" s="12"/>
    </row>
    <row r="377267" spans="8:8">
      <c r="H377267" s="12"/>
    </row>
    <row r="377268" spans="8:8">
      <c r="H377268" s="12"/>
    </row>
    <row r="377269" spans="8:8">
      <c r="H377269" s="12"/>
    </row>
    <row r="377270" spans="8:8">
      <c r="H377270" s="12"/>
    </row>
    <row r="377271" spans="8:8">
      <c r="H377271" s="12"/>
    </row>
    <row r="377272" spans="8:8">
      <c r="H377272" s="12"/>
    </row>
    <row r="377273" spans="8:8">
      <c r="H377273" s="12"/>
    </row>
    <row r="377274" spans="8:8">
      <c r="H377274" s="12"/>
    </row>
    <row r="377275" spans="8:8">
      <c r="H377275" s="12"/>
    </row>
    <row r="377276" spans="8:8">
      <c r="H377276" s="12"/>
    </row>
    <row r="377277" spans="8:8">
      <c r="H377277" s="12"/>
    </row>
    <row r="377278" spans="8:8">
      <c r="H377278" s="12"/>
    </row>
    <row r="377279" spans="8:8">
      <c r="H377279" s="12"/>
    </row>
    <row r="377280" spans="8:8">
      <c r="H377280" s="12"/>
    </row>
    <row r="377281" spans="8:8">
      <c r="H377281" s="12"/>
    </row>
    <row r="377282" spans="8:8">
      <c r="H377282" s="12"/>
    </row>
    <row r="377283" spans="8:8">
      <c r="H377283" s="12"/>
    </row>
    <row r="377284" spans="8:8">
      <c r="H377284" s="12"/>
    </row>
    <row r="377285" spans="8:8">
      <c r="H377285" s="12"/>
    </row>
    <row r="377286" spans="8:8">
      <c r="H377286" s="12"/>
    </row>
    <row r="377287" spans="8:8">
      <c r="H377287" s="12"/>
    </row>
    <row r="377288" spans="8:8">
      <c r="H377288" s="12"/>
    </row>
    <row r="377289" spans="8:8">
      <c r="H377289" s="12"/>
    </row>
    <row r="377290" spans="8:8">
      <c r="H377290" s="12"/>
    </row>
    <row r="377291" spans="8:8">
      <c r="H377291" s="12"/>
    </row>
    <row r="377292" spans="8:8">
      <c r="H377292" s="12"/>
    </row>
    <row r="377293" spans="8:8">
      <c r="H377293" s="12"/>
    </row>
    <row r="377294" spans="8:8">
      <c r="H377294" s="12"/>
    </row>
    <row r="377295" spans="8:8">
      <c r="H377295" s="12"/>
    </row>
    <row r="377296" spans="8:8">
      <c r="H377296" s="12"/>
    </row>
    <row r="377297" spans="8:8">
      <c r="H377297" s="12"/>
    </row>
    <row r="377298" spans="8:8">
      <c r="H377298" s="12"/>
    </row>
    <row r="377299" spans="8:8">
      <c r="H377299" s="12"/>
    </row>
    <row r="377300" spans="8:8">
      <c r="H377300" s="12"/>
    </row>
    <row r="377301" spans="8:8">
      <c r="H377301" s="12"/>
    </row>
    <row r="377302" spans="8:8">
      <c r="H377302" s="12"/>
    </row>
    <row r="377303" spans="8:8">
      <c r="H377303" s="12"/>
    </row>
    <row r="377304" spans="8:8">
      <c r="H377304" s="12"/>
    </row>
    <row r="377305" spans="8:8">
      <c r="H377305" s="12"/>
    </row>
    <row r="377306" spans="8:8">
      <c r="H377306" s="12"/>
    </row>
    <row r="377307" spans="8:8">
      <c r="H377307" s="12"/>
    </row>
    <row r="377308" spans="8:8">
      <c r="H377308" s="12"/>
    </row>
    <row r="377309" spans="8:8">
      <c r="H377309" s="12"/>
    </row>
    <row r="377310" spans="8:8">
      <c r="H377310" s="12"/>
    </row>
    <row r="377311" spans="8:8">
      <c r="H377311" s="12"/>
    </row>
    <row r="377312" spans="8:8">
      <c r="H377312" s="12"/>
    </row>
    <row r="377313" spans="8:8">
      <c r="H377313" s="12"/>
    </row>
    <row r="377314" spans="8:8">
      <c r="H377314" s="12"/>
    </row>
    <row r="377315" spans="8:8">
      <c r="H377315" s="12"/>
    </row>
    <row r="377316" spans="8:8">
      <c r="H377316" s="12"/>
    </row>
    <row r="377317" spans="8:8">
      <c r="H377317" s="12"/>
    </row>
    <row r="377318" spans="8:8">
      <c r="H377318" s="12"/>
    </row>
    <row r="377319" spans="8:8">
      <c r="H377319" s="12"/>
    </row>
    <row r="377320" spans="8:8">
      <c r="H377320" s="12"/>
    </row>
    <row r="377321" spans="8:8">
      <c r="H377321" s="12"/>
    </row>
    <row r="377322" spans="8:8">
      <c r="H377322" s="12"/>
    </row>
    <row r="377323" spans="8:8">
      <c r="H377323" s="12"/>
    </row>
    <row r="377324" spans="8:8">
      <c r="H377324" s="12"/>
    </row>
    <row r="377325" spans="8:8">
      <c r="H377325" s="12"/>
    </row>
    <row r="377326" spans="8:8">
      <c r="H377326" s="12"/>
    </row>
    <row r="377327" spans="8:8">
      <c r="H377327" s="12"/>
    </row>
    <row r="377328" spans="8:8">
      <c r="H377328" s="12"/>
    </row>
    <row r="377329" spans="8:8">
      <c r="H377329" s="12"/>
    </row>
    <row r="377330" spans="8:8">
      <c r="H377330" s="12"/>
    </row>
    <row r="377331" spans="8:8">
      <c r="H377331" s="12"/>
    </row>
    <row r="377332" spans="8:8">
      <c r="H377332" s="12"/>
    </row>
    <row r="377333" spans="8:8">
      <c r="H377333" s="12"/>
    </row>
    <row r="377334" spans="8:8">
      <c r="H377334" s="12"/>
    </row>
    <row r="377335" spans="8:8">
      <c r="H377335" s="12"/>
    </row>
    <row r="377336" spans="8:8">
      <c r="H377336" s="12"/>
    </row>
    <row r="377337" spans="8:8">
      <c r="H377337" s="12"/>
    </row>
    <row r="377338" spans="8:8">
      <c r="H377338" s="12"/>
    </row>
    <row r="377339" spans="8:8">
      <c r="H377339" s="12"/>
    </row>
    <row r="377340" spans="8:8">
      <c r="H377340" s="12"/>
    </row>
    <row r="377341" spans="8:8">
      <c r="H377341" s="12"/>
    </row>
    <row r="377342" spans="8:8">
      <c r="H377342" s="12"/>
    </row>
    <row r="377343" spans="8:8">
      <c r="H377343" s="12"/>
    </row>
    <row r="377344" spans="8:8">
      <c r="H377344" s="12"/>
    </row>
    <row r="377345" spans="8:8">
      <c r="H377345" s="12"/>
    </row>
    <row r="377346" spans="8:8">
      <c r="H377346" s="12"/>
    </row>
    <row r="377347" spans="8:8">
      <c r="H377347" s="12"/>
    </row>
    <row r="377348" spans="8:8">
      <c r="H377348" s="12"/>
    </row>
    <row r="377349" spans="8:8">
      <c r="H377349" s="12"/>
    </row>
    <row r="377350" spans="8:8">
      <c r="H377350" s="12"/>
    </row>
    <row r="377351" spans="8:8">
      <c r="H377351" s="12"/>
    </row>
    <row r="377352" spans="8:8">
      <c r="H377352" s="12"/>
    </row>
    <row r="377353" spans="8:8">
      <c r="H377353" s="12"/>
    </row>
    <row r="377354" spans="8:8">
      <c r="H377354" s="12"/>
    </row>
    <row r="377355" spans="8:8">
      <c r="H377355" s="12"/>
    </row>
    <row r="377356" spans="8:8">
      <c r="H377356" s="12"/>
    </row>
    <row r="377357" spans="8:8">
      <c r="H377357" s="12"/>
    </row>
    <row r="377358" spans="8:8">
      <c r="H377358" s="12"/>
    </row>
    <row r="377359" spans="8:8">
      <c r="H377359" s="12"/>
    </row>
    <row r="377360" spans="8:8">
      <c r="H377360" s="12"/>
    </row>
    <row r="377361" spans="8:8">
      <c r="H377361" s="12"/>
    </row>
    <row r="377362" spans="8:8">
      <c r="H377362" s="12"/>
    </row>
    <row r="377363" spans="8:8">
      <c r="H377363" s="12"/>
    </row>
    <row r="377364" spans="8:8">
      <c r="H377364" s="12"/>
    </row>
    <row r="377365" spans="8:8">
      <c r="H377365" s="12"/>
    </row>
    <row r="377366" spans="8:8">
      <c r="H377366" s="12"/>
    </row>
    <row r="377367" spans="8:8">
      <c r="H377367" s="12"/>
    </row>
    <row r="377368" spans="8:8">
      <c r="H377368" s="12"/>
    </row>
    <row r="377369" spans="8:8">
      <c r="H377369" s="12"/>
    </row>
    <row r="377370" spans="8:8">
      <c r="H377370" s="12"/>
    </row>
    <row r="377371" spans="8:8">
      <c r="H377371" s="12"/>
    </row>
    <row r="377372" spans="8:8">
      <c r="H377372" s="12"/>
    </row>
    <row r="377373" spans="8:8">
      <c r="H377373" s="12"/>
    </row>
    <row r="377374" spans="8:8">
      <c r="H377374" s="12"/>
    </row>
    <row r="377375" spans="8:8">
      <c r="H377375" s="12"/>
    </row>
    <row r="377376" spans="8:8">
      <c r="H377376" s="12"/>
    </row>
    <row r="377377" spans="8:8">
      <c r="H377377" s="12"/>
    </row>
    <row r="377378" spans="8:8">
      <c r="H377378" s="12"/>
    </row>
    <row r="377379" spans="8:8">
      <c r="H377379" s="12"/>
    </row>
    <row r="377380" spans="8:8">
      <c r="H377380" s="12"/>
    </row>
    <row r="377381" spans="8:8">
      <c r="H377381" s="12"/>
    </row>
    <row r="377382" spans="8:8">
      <c r="H377382" s="12"/>
    </row>
    <row r="377383" spans="8:8">
      <c r="H377383" s="12"/>
    </row>
    <row r="377384" spans="8:8">
      <c r="H377384" s="12"/>
    </row>
    <row r="377385" spans="8:8">
      <c r="H377385" s="12"/>
    </row>
    <row r="377386" spans="8:8">
      <c r="H377386" s="12"/>
    </row>
    <row r="377387" spans="8:8">
      <c r="H377387" s="12"/>
    </row>
    <row r="377388" spans="8:8">
      <c r="H377388" s="12"/>
    </row>
    <row r="377389" spans="8:8">
      <c r="H377389" s="12"/>
    </row>
    <row r="377390" spans="8:8">
      <c r="H377390" s="12"/>
    </row>
    <row r="377391" spans="8:8">
      <c r="H377391" s="12"/>
    </row>
    <row r="377392" spans="8:8">
      <c r="H377392" s="12"/>
    </row>
    <row r="377393" spans="8:8">
      <c r="H377393" s="12"/>
    </row>
    <row r="377394" spans="8:8">
      <c r="H377394" s="12"/>
    </row>
    <row r="377395" spans="8:8">
      <c r="H377395" s="12"/>
    </row>
    <row r="377396" spans="8:8">
      <c r="H377396" s="12"/>
    </row>
    <row r="377397" spans="8:8">
      <c r="H377397" s="12"/>
    </row>
    <row r="377398" spans="8:8">
      <c r="H377398" s="12"/>
    </row>
    <row r="377399" spans="8:8">
      <c r="H377399" s="12"/>
    </row>
    <row r="377400" spans="8:8">
      <c r="H377400" s="12"/>
    </row>
    <row r="377401" spans="8:8">
      <c r="H377401" s="12"/>
    </row>
    <row r="377402" spans="8:8">
      <c r="H377402" s="12"/>
    </row>
    <row r="377403" spans="8:8">
      <c r="H377403" s="12"/>
    </row>
    <row r="377404" spans="8:8">
      <c r="H377404" s="12"/>
    </row>
    <row r="377405" spans="8:8">
      <c r="H377405" s="12"/>
    </row>
    <row r="377406" spans="8:8">
      <c r="H377406" s="12"/>
    </row>
    <row r="377407" spans="8:8">
      <c r="H377407" s="12"/>
    </row>
    <row r="377408" spans="8:8">
      <c r="H377408" s="12"/>
    </row>
    <row r="377409" spans="8:8">
      <c r="H377409" s="12"/>
    </row>
    <row r="377410" spans="8:8">
      <c r="H377410" s="12"/>
    </row>
    <row r="377411" spans="8:8">
      <c r="H377411" s="12"/>
    </row>
    <row r="377412" spans="8:8">
      <c r="H377412" s="12"/>
    </row>
    <row r="377413" spans="8:8">
      <c r="H377413" s="12"/>
    </row>
    <row r="377414" spans="8:8">
      <c r="H377414" s="12"/>
    </row>
    <row r="377415" spans="8:8">
      <c r="H377415" s="12"/>
    </row>
    <row r="377416" spans="8:8">
      <c r="H377416" s="12"/>
    </row>
    <row r="377417" spans="8:8">
      <c r="H377417" s="12"/>
    </row>
    <row r="377418" spans="8:8">
      <c r="H377418" s="12"/>
    </row>
    <row r="377419" spans="8:8">
      <c r="H377419" s="12"/>
    </row>
    <row r="377420" spans="8:8">
      <c r="H377420" s="12"/>
    </row>
    <row r="377421" spans="8:8">
      <c r="H377421" s="12"/>
    </row>
    <row r="377422" spans="8:8">
      <c r="H377422" s="12"/>
    </row>
    <row r="377423" spans="8:8">
      <c r="H377423" s="12"/>
    </row>
    <row r="377424" spans="8:8">
      <c r="H377424" s="12"/>
    </row>
    <row r="377425" spans="8:8">
      <c r="H377425" s="12"/>
    </row>
    <row r="377426" spans="8:8">
      <c r="H377426" s="12"/>
    </row>
    <row r="377427" spans="8:8">
      <c r="H377427" s="12"/>
    </row>
    <row r="377428" spans="8:8">
      <c r="H377428" s="12"/>
    </row>
    <row r="377429" spans="8:8">
      <c r="H377429" s="12"/>
    </row>
    <row r="377430" spans="8:8">
      <c r="H377430" s="12"/>
    </row>
    <row r="377431" spans="8:8">
      <c r="H377431" s="12"/>
    </row>
    <row r="377432" spans="8:8">
      <c r="H377432" s="12"/>
    </row>
    <row r="377433" spans="8:8">
      <c r="H377433" s="12"/>
    </row>
    <row r="377434" spans="8:8">
      <c r="H377434" s="12"/>
    </row>
    <row r="377435" spans="8:8">
      <c r="H377435" s="12"/>
    </row>
    <row r="377436" spans="8:8">
      <c r="H377436" s="12"/>
    </row>
    <row r="377437" spans="8:8">
      <c r="H377437" s="12"/>
    </row>
    <row r="377438" spans="8:8">
      <c r="H377438" s="12"/>
    </row>
    <row r="377439" spans="8:8">
      <c r="H377439" s="12"/>
    </row>
    <row r="377440" spans="8:8">
      <c r="H377440" s="12"/>
    </row>
    <row r="377441" spans="8:8">
      <c r="H377441" s="12"/>
    </row>
    <row r="377442" spans="8:8">
      <c r="H377442" s="12"/>
    </row>
    <row r="377443" spans="8:8">
      <c r="H377443" s="12"/>
    </row>
    <row r="377444" spans="8:8">
      <c r="H377444" s="12"/>
    </row>
    <row r="377445" spans="8:8">
      <c r="H377445" s="12"/>
    </row>
    <row r="377446" spans="8:8">
      <c r="H377446" s="12"/>
    </row>
    <row r="377447" spans="8:8">
      <c r="H377447" s="12"/>
    </row>
    <row r="377448" spans="8:8">
      <c r="H377448" s="12"/>
    </row>
    <row r="377449" spans="8:8">
      <c r="H377449" s="12"/>
    </row>
    <row r="377450" spans="8:8">
      <c r="H377450" s="12"/>
    </row>
    <row r="377451" spans="8:8">
      <c r="H377451" s="12"/>
    </row>
    <row r="377452" spans="8:8">
      <c r="H377452" s="12"/>
    </row>
    <row r="377453" spans="8:8">
      <c r="H377453" s="12"/>
    </row>
    <row r="377454" spans="8:8">
      <c r="H377454" s="12"/>
    </row>
    <row r="377455" spans="8:8">
      <c r="H377455" s="12"/>
    </row>
    <row r="377456" spans="8:8">
      <c r="H377456" s="12"/>
    </row>
    <row r="377457" spans="8:8">
      <c r="H377457" s="12"/>
    </row>
    <row r="377458" spans="8:8">
      <c r="H377458" s="12"/>
    </row>
    <row r="377459" spans="8:8">
      <c r="H377459" s="12"/>
    </row>
    <row r="377460" spans="8:8">
      <c r="H377460" s="12"/>
    </row>
    <row r="377461" spans="8:8">
      <c r="H377461" s="12"/>
    </row>
    <row r="377462" spans="8:8">
      <c r="H377462" s="12"/>
    </row>
    <row r="377463" spans="8:8">
      <c r="H377463" s="12"/>
    </row>
    <row r="377464" spans="8:8">
      <c r="H377464" s="12"/>
    </row>
    <row r="377465" spans="8:8">
      <c r="H377465" s="12"/>
    </row>
    <row r="377466" spans="8:8">
      <c r="H377466" s="12"/>
    </row>
    <row r="377467" spans="8:8">
      <c r="H377467" s="12"/>
    </row>
    <row r="377468" spans="8:8">
      <c r="H377468" s="12"/>
    </row>
    <row r="377469" spans="8:8">
      <c r="H377469" s="12"/>
    </row>
    <row r="377470" spans="8:8">
      <c r="H377470" s="12"/>
    </row>
    <row r="377471" spans="8:8">
      <c r="H377471" s="12"/>
    </row>
    <row r="377472" spans="8:8">
      <c r="H377472" s="12"/>
    </row>
    <row r="377473" spans="8:8">
      <c r="H377473" s="12"/>
    </row>
    <row r="377474" spans="8:8">
      <c r="H377474" s="12"/>
    </row>
    <row r="377475" spans="8:8">
      <c r="H377475" s="12"/>
    </row>
    <row r="377476" spans="8:8">
      <c r="H377476" s="12"/>
    </row>
    <row r="377477" spans="8:8">
      <c r="H377477" s="12"/>
    </row>
    <row r="377478" spans="8:8">
      <c r="H377478" s="12"/>
    </row>
    <row r="377479" spans="8:8">
      <c r="H377479" s="12"/>
    </row>
    <row r="377480" spans="8:8">
      <c r="H377480" s="12"/>
    </row>
    <row r="377481" spans="8:8">
      <c r="H377481" s="12"/>
    </row>
    <row r="377482" spans="8:8">
      <c r="H377482" s="12"/>
    </row>
    <row r="377483" spans="8:8">
      <c r="H377483" s="12"/>
    </row>
    <row r="377484" spans="8:8">
      <c r="H377484" s="12"/>
    </row>
    <row r="377485" spans="8:8">
      <c r="H377485" s="12"/>
    </row>
    <row r="377486" spans="8:8">
      <c r="H377486" s="12"/>
    </row>
    <row r="377487" spans="8:8">
      <c r="H377487" s="12"/>
    </row>
    <row r="377488" spans="8:8">
      <c r="H377488" s="12"/>
    </row>
    <row r="377489" spans="8:8">
      <c r="H377489" s="12"/>
    </row>
    <row r="377490" spans="8:8">
      <c r="H377490" s="12"/>
    </row>
    <row r="377491" spans="8:8">
      <c r="H377491" s="12"/>
    </row>
    <row r="377492" spans="8:8">
      <c r="H377492" s="12"/>
    </row>
    <row r="377493" spans="8:8">
      <c r="H377493" s="12"/>
    </row>
    <row r="377494" spans="8:8">
      <c r="H377494" s="12"/>
    </row>
    <row r="377495" spans="8:8">
      <c r="H377495" s="12"/>
    </row>
    <row r="377496" spans="8:8">
      <c r="H377496" s="12"/>
    </row>
    <row r="377497" spans="8:8">
      <c r="H377497" s="12"/>
    </row>
    <row r="377498" spans="8:8">
      <c r="H377498" s="12"/>
    </row>
    <row r="377499" spans="8:8">
      <c r="H377499" s="12"/>
    </row>
    <row r="377500" spans="8:8">
      <c r="H377500" s="12"/>
    </row>
    <row r="377501" spans="8:8">
      <c r="H377501" s="12"/>
    </row>
    <row r="377502" spans="8:8">
      <c r="H377502" s="12"/>
    </row>
    <row r="377503" spans="8:8">
      <c r="H377503" s="12"/>
    </row>
    <row r="377504" spans="8:8">
      <c r="H377504" s="12"/>
    </row>
    <row r="377505" spans="8:8">
      <c r="H377505" s="12"/>
    </row>
    <row r="377506" spans="8:8">
      <c r="H377506" s="12"/>
    </row>
    <row r="377507" spans="8:8">
      <c r="H377507" s="12"/>
    </row>
    <row r="377508" spans="8:8">
      <c r="H377508" s="12"/>
    </row>
    <row r="377509" spans="8:8">
      <c r="H377509" s="12"/>
    </row>
    <row r="377510" spans="8:8">
      <c r="H377510" s="12"/>
    </row>
    <row r="377511" spans="8:8">
      <c r="H377511" s="12"/>
    </row>
    <row r="377512" spans="8:8">
      <c r="H377512" s="12"/>
    </row>
    <row r="377513" spans="8:8">
      <c r="H377513" s="12"/>
    </row>
    <row r="377514" spans="8:8">
      <c r="H377514" s="12"/>
    </row>
    <row r="377515" spans="8:8">
      <c r="H377515" s="12"/>
    </row>
    <row r="377516" spans="8:8">
      <c r="H377516" s="12"/>
    </row>
    <row r="377517" spans="8:8">
      <c r="H377517" s="12"/>
    </row>
    <row r="377518" spans="8:8">
      <c r="H377518" s="12"/>
    </row>
    <row r="377519" spans="8:8">
      <c r="H377519" s="12"/>
    </row>
    <row r="377520" spans="8:8">
      <c r="H377520" s="12"/>
    </row>
    <row r="377521" spans="8:8">
      <c r="H377521" s="12"/>
    </row>
    <row r="377522" spans="8:8">
      <c r="H377522" s="12"/>
    </row>
    <row r="377523" spans="8:8">
      <c r="H377523" s="12"/>
    </row>
    <row r="377524" spans="8:8">
      <c r="H377524" s="12"/>
    </row>
    <row r="377525" spans="8:8">
      <c r="H377525" s="12"/>
    </row>
    <row r="377526" spans="8:8">
      <c r="H377526" s="12"/>
    </row>
    <row r="377527" spans="8:8">
      <c r="H377527" s="12"/>
    </row>
    <row r="377528" spans="8:8">
      <c r="H377528" s="12"/>
    </row>
    <row r="377529" spans="8:8">
      <c r="H377529" s="12"/>
    </row>
    <row r="377530" spans="8:8">
      <c r="H377530" s="12"/>
    </row>
    <row r="377531" spans="8:8">
      <c r="H377531" s="12"/>
    </row>
    <row r="377532" spans="8:8">
      <c r="H377532" s="12"/>
    </row>
    <row r="377533" spans="8:8">
      <c r="H377533" s="12"/>
    </row>
    <row r="377534" spans="8:8">
      <c r="H377534" s="12"/>
    </row>
    <row r="377535" spans="8:8">
      <c r="H377535" s="12"/>
    </row>
    <row r="377536" spans="8:8">
      <c r="H377536" s="12"/>
    </row>
    <row r="377537" spans="8:8">
      <c r="H377537" s="12"/>
    </row>
    <row r="377538" spans="8:8">
      <c r="H377538" s="12"/>
    </row>
    <row r="377539" spans="8:8">
      <c r="H377539" s="12"/>
    </row>
    <row r="377540" spans="8:8">
      <c r="H377540" s="12"/>
    </row>
    <row r="377541" spans="8:8">
      <c r="H377541" s="12"/>
    </row>
    <row r="377542" spans="8:8">
      <c r="H377542" s="12"/>
    </row>
    <row r="377543" spans="8:8">
      <c r="H377543" s="12"/>
    </row>
    <row r="377544" spans="8:8">
      <c r="H377544" s="12"/>
    </row>
    <row r="377545" spans="8:8">
      <c r="H377545" s="12"/>
    </row>
    <row r="377546" spans="8:8">
      <c r="H377546" s="12"/>
    </row>
    <row r="377547" spans="8:8">
      <c r="H377547" s="12"/>
    </row>
    <row r="377548" spans="8:8">
      <c r="H377548" s="12"/>
    </row>
    <row r="377549" spans="8:8">
      <c r="H377549" s="12"/>
    </row>
    <row r="377550" spans="8:8">
      <c r="H377550" s="12"/>
    </row>
    <row r="377551" spans="8:8">
      <c r="H377551" s="12"/>
    </row>
    <row r="377552" spans="8:8">
      <c r="H377552" s="12"/>
    </row>
    <row r="377553" spans="8:8">
      <c r="H377553" s="12"/>
    </row>
    <row r="377554" spans="8:8">
      <c r="H377554" s="12"/>
    </row>
    <row r="377555" spans="8:8">
      <c r="H377555" s="12"/>
    </row>
    <row r="377556" spans="8:8">
      <c r="H377556" s="12"/>
    </row>
    <row r="377557" spans="8:8">
      <c r="H377557" s="12"/>
    </row>
    <row r="377558" spans="8:8">
      <c r="H377558" s="12"/>
    </row>
    <row r="377559" spans="8:8">
      <c r="H377559" s="12"/>
    </row>
    <row r="377560" spans="8:8">
      <c r="H377560" s="12"/>
    </row>
    <row r="377561" spans="8:8">
      <c r="H377561" s="12"/>
    </row>
    <row r="377562" spans="8:8">
      <c r="H377562" s="12"/>
    </row>
    <row r="377563" spans="8:8">
      <c r="H377563" s="12"/>
    </row>
    <row r="377564" spans="8:8">
      <c r="H377564" s="12"/>
    </row>
    <row r="377565" spans="8:8">
      <c r="H377565" s="12"/>
    </row>
    <row r="377566" spans="8:8">
      <c r="H377566" s="12"/>
    </row>
    <row r="377567" spans="8:8">
      <c r="H377567" s="12"/>
    </row>
    <row r="377568" spans="8:8">
      <c r="H377568" s="12"/>
    </row>
    <row r="377569" spans="8:8">
      <c r="H377569" s="12"/>
    </row>
    <row r="377570" spans="8:8">
      <c r="H377570" s="12"/>
    </row>
    <row r="377571" spans="8:8">
      <c r="H377571" s="12"/>
    </row>
    <row r="377572" spans="8:8">
      <c r="H377572" s="12"/>
    </row>
    <row r="377573" spans="8:8">
      <c r="H377573" s="12"/>
    </row>
    <row r="377574" spans="8:8">
      <c r="H377574" s="12"/>
    </row>
    <row r="377575" spans="8:8">
      <c r="H377575" s="12"/>
    </row>
    <row r="377576" spans="8:8">
      <c r="H377576" s="12"/>
    </row>
    <row r="377577" spans="8:8">
      <c r="H377577" s="12"/>
    </row>
    <row r="377578" spans="8:8">
      <c r="H377578" s="12"/>
    </row>
    <row r="377579" spans="8:8">
      <c r="H377579" s="12"/>
    </row>
    <row r="377580" spans="8:8">
      <c r="H377580" s="12"/>
    </row>
    <row r="377581" spans="8:8">
      <c r="H377581" s="12"/>
    </row>
    <row r="377582" spans="8:8">
      <c r="H377582" s="12"/>
    </row>
    <row r="377583" spans="8:8">
      <c r="H377583" s="12"/>
    </row>
    <row r="377584" spans="8:8">
      <c r="H377584" s="12"/>
    </row>
    <row r="377585" spans="8:8">
      <c r="H377585" s="12"/>
    </row>
    <row r="377586" spans="8:8">
      <c r="H377586" s="12"/>
    </row>
    <row r="377587" spans="8:8">
      <c r="H377587" s="12"/>
    </row>
    <row r="377588" spans="8:8">
      <c r="H377588" s="12"/>
    </row>
    <row r="377589" spans="8:8">
      <c r="H377589" s="12"/>
    </row>
    <row r="377590" spans="8:8">
      <c r="H377590" s="12"/>
    </row>
    <row r="377591" spans="8:8">
      <c r="H377591" s="12"/>
    </row>
    <row r="377592" spans="8:8">
      <c r="H377592" s="12"/>
    </row>
    <row r="377593" spans="8:8">
      <c r="H377593" s="12"/>
    </row>
    <row r="377594" spans="8:8">
      <c r="H377594" s="12"/>
    </row>
    <row r="377595" spans="8:8">
      <c r="H377595" s="12"/>
    </row>
    <row r="377596" spans="8:8">
      <c r="H377596" s="12"/>
    </row>
    <row r="377597" spans="8:8">
      <c r="H377597" s="12"/>
    </row>
    <row r="377598" spans="8:8">
      <c r="H377598" s="12"/>
    </row>
    <row r="377599" spans="8:8">
      <c r="H377599" s="12"/>
    </row>
    <row r="377600" spans="8:8">
      <c r="H377600" s="12"/>
    </row>
    <row r="377601" spans="8:8">
      <c r="H377601" s="12"/>
    </row>
    <row r="377602" spans="8:8">
      <c r="H377602" s="12"/>
    </row>
    <row r="377603" spans="8:8">
      <c r="H377603" s="12"/>
    </row>
    <row r="377604" spans="8:8">
      <c r="H377604" s="12"/>
    </row>
    <row r="377605" spans="8:8">
      <c r="H377605" s="12"/>
    </row>
    <row r="377606" spans="8:8">
      <c r="H377606" s="12"/>
    </row>
    <row r="377607" spans="8:8">
      <c r="H377607" s="12"/>
    </row>
    <row r="377608" spans="8:8">
      <c r="H377608" s="12"/>
    </row>
    <row r="377609" spans="8:8">
      <c r="H377609" s="12"/>
    </row>
    <row r="377610" spans="8:8">
      <c r="H377610" s="12"/>
    </row>
    <row r="377611" spans="8:8">
      <c r="H377611" s="12"/>
    </row>
    <row r="377612" spans="8:8">
      <c r="H377612" s="12"/>
    </row>
    <row r="377613" spans="8:8">
      <c r="H377613" s="12"/>
    </row>
    <row r="377614" spans="8:8">
      <c r="H377614" s="12"/>
    </row>
    <row r="377615" spans="8:8">
      <c r="H377615" s="12"/>
    </row>
    <row r="377616" spans="8:8">
      <c r="H377616" s="12"/>
    </row>
    <row r="377617" spans="8:8">
      <c r="H377617" s="12"/>
    </row>
    <row r="377618" spans="8:8">
      <c r="H377618" s="12"/>
    </row>
    <row r="377619" spans="8:8">
      <c r="H377619" s="12"/>
    </row>
    <row r="377620" spans="8:8">
      <c r="H377620" s="12"/>
    </row>
    <row r="377621" spans="8:8">
      <c r="H377621" s="12"/>
    </row>
    <row r="377622" spans="8:8">
      <c r="H377622" s="12"/>
    </row>
    <row r="377623" spans="8:8">
      <c r="H377623" s="12"/>
    </row>
    <row r="377624" spans="8:8">
      <c r="H377624" s="12"/>
    </row>
    <row r="377625" spans="8:8">
      <c r="H377625" s="12"/>
    </row>
    <row r="377626" spans="8:8">
      <c r="H377626" s="12"/>
    </row>
    <row r="377627" spans="8:8">
      <c r="H377627" s="12"/>
    </row>
    <row r="377628" spans="8:8">
      <c r="H377628" s="12"/>
    </row>
    <row r="377629" spans="8:8">
      <c r="H377629" s="12"/>
    </row>
    <row r="377630" spans="8:8">
      <c r="H377630" s="12"/>
    </row>
    <row r="377631" spans="8:8">
      <c r="H377631" s="12"/>
    </row>
    <row r="377632" spans="8:8">
      <c r="H377632" s="12"/>
    </row>
    <row r="377633" spans="8:8">
      <c r="H377633" s="12"/>
    </row>
    <row r="377634" spans="8:8">
      <c r="H377634" s="12"/>
    </row>
    <row r="377635" spans="8:8">
      <c r="H377635" s="12"/>
    </row>
    <row r="377636" spans="8:8">
      <c r="H377636" s="12"/>
    </row>
    <row r="377637" spans="8:8">
      <c r="H377637" s="12"/>
    </row>
    <row r="377638" spans="8:8">
      <c r="H377638" s="12"/>
    </row>
    <row r="377639" spans="8:8">
      <c r="H377639" s="12"/>
    </row>
    <row r="377640" spans="8:8">
      <c r="H377640" s="12"/>
    </row>
    <row r="377641" spans="8:8">
      <c r="H377641" s="12"/>
    </row>
    <row r="377642" spans="8:8">
      <c r="H377642" s="12"/>
    </row>
    <row r="377643" spans="8:8">
      <c r="H377643" s="12"/>
    </row>
    <row r="377644" spans="8:8">
      <c r="H377644" s="12"/>
    </row>
    <row r="377645" spans="8:8">
      <c r="H377645" s="12"/>
    </row>
    <row r="377646" spans="8:8">
      <c r="H377646" s="12"/>
    </row>
    <row r="377647" spans="8:8">
      <c r="H377647" s="12"/>
    </row>
    <row r="377648" spans="8:8">
      <c r="H377648" s="12"/>
    </row>
    <row r="377649" spans="8:8">
      <c r="H377649" s="12"/>
    </row>
    <row r="377650" spans="8:8">
      <c r="H377650" s="12"/>
    </row>
    <row r="377651" spans="8:8">
      <c r="H377651" s="12"/>
    </row>
    <row r="377652" spans="8:8">
      <c r="H377652" s="12"/>
    </row>
    <row r="377653" spans="8:8">
      <c r="H377653" s="12"/>
    </row>
    <row r="377654" spans="8:8">
      <c r="H377654" s="12"/>
    </row>
    <row r="377655" spans="8:8">
      <c r="H377655" s="12"/>
    </row>
    <row r="377656" spans="8:8">
      <c r="H377656" s="12"/>
    </row>
    <row r="377657" spans="8:8">
      <c r="H377657" s="12"/>
    </row>
    <row r="377658" spans="8:8">
      <c r="H377658" s="12"/>
    </row>
    <row r="377659" spans="8:8">
      <c r="H377659" s="12"/>
    </row>
    <row r="377660" spans="8:8">
      <c r="H377660" s="12"/>
    </row>
    <row r="377661" spans="8:8">
      <c r="H377661" s="12"/>
    </row>
    <row r="377662" spans="8:8">
      <c r="H377662" s="12"/>
    </row>
    <row r="377663" spans="8:8">
      <c r="H377663" s="12"/>
    </row>
    <row r="377664" spans="8:8">
      <c r="H377664" s="12"/>
    </row>
    <row r="377665" spans="8:8">
      <c r="H377665" s="12"/>
    </row>
    <row r="377666" spans="8:8">
      <c r="H377666" s="12"/>
    </row>
    <row r="377667" spans="8:8">
      <c r="H377667" s="12"/>
    </row>
    <row r="377668" spans="8:8">
      <c r="H377668" s="12"/>
    </row>
    <row r="377669" spans="8:8">
      <c r="H377669" s="12"/>
    </row>
    <row r="377670" spans="8:8">
      <c r="H377670" s="12"/>
    </row>
    <row r="377671" spans="8:8">
      <c r="H377671" s="12"/>
    </row>
    <row r="377672" spans="8:8">
      <c r="H377672" s="12"/>
    </row>
    <row r="377673" spans="8:8">
      <c r="H377673" s="12"/>
    </row>
    <row r="377674" spans="8:8">
      <c r="H377674" s="12"/>
    </row>
    <row r="377675" spans="8:8">
      <c r="H377675" s="12"/>
    </row>
    <row r="377676" spans="8:8">
      <c r="H377676" s="12"/>
    </row>
    <row r="377677" spans="8:8">
      <c r="H377677" s="12"/>
    </row>
    <row r="377678" spans="8:8">
      <c r="H377678" s="12"/>
    </row>
    <row r="377679" spans="8:8">
      <c r="H377679" s="12"/>
    </row>
    <row r="377680" spans="8:8">
      <c r="H377680" s="12"/>
    </row>
    <row r="377681" spans="8:8">
      <c r="H377681" s="12"/>
    </row>
    <row r="377682" spans="8:8">
      <c r="H377682" s="12"/>
    </row>
    <row r="377683" spans="8:8">
      <c r="H377683" s="12"/>
    </row>
    <row r="377684" spans="8:8">
      <c r="H377684" s="12"/>
    </row>
    <row r="377685" spans="8:8">
      <c r="H377685" s="12"/>
    </row>
    <row r="377686" spans="8:8">
      <c r="H377686" s="12"/>
    </row>
    <row r="377687" spans="8:8">
      <c r="H377687" s="12"/>
    </row>
    <row r="377688" spans="8:8">
      <c r="H377688" s="12"/>
    </row>
    <row r="377689" spans="8:8">
      <c r="H377689" s="12"/>
    </row>
    <row r="377690" spans="8:8">
      <c r="H377690" s="12"/>
    </row>
    <row r="377691" spans="8:8">
      <c r="H377691" s="12"/>
    </row>
    <row r="377692" spans="8:8">
      <c r="H377692" s="12"/>
    </row>
    <row r="377693" spans="8:8">
      <c r="H377693" s="12"/>
    </row>
    <row r="377694" spans="8:8">
      <c r="H377694" s="12"/>
    </row>
    <row r="377695" spans="8:8">
      <c r="H377695" s="12"/>
    </row>
    <row r="377696" spans="8:8">
      <c r="H377696" s="12"/>
    </row>
    <row r="377697" spans="8:8">
      <c r="H377697" s="12"/>
    </row>
    <row r="377698" spans="8:8">
      <c r="H377698" s="12"/>
    </row>
    <row r="377699" spans="8:8">
      <c r="H377699" s="12"/>
    </row>
    <row r="377700" spans="8:8">
      <c r="H377700" s="12"/>
    </row>
    <row r="377701" spans="8:8">
      <c r="H377701" s="12"/>
    </row>
    <row r="377702" spans="8:8">
      <c r="H377702" s="12"/>
    </row>
    <row r="377703" spans="8:8">
      <c r="H377703" s="12"/>
    </row>
    <row r="377704" spans="8:8">
      <c r="H377704" s="12"/>
    </row>
    <row r="377705" spans="8:8">
      <c r="H377705" s="12"/>
    </row>
    <row r="377706" spans="8:8">
      <c r="H377706" s="12"/>
    </row>
    <row r="377707" spans="8:8">
      <c r="H377707" s="12"/>
    </row>
    <row r="377708" spans="8:8">
      <c r="H377708" s="12"/>
    </row>
    <row r="377709" spans="8:8">
      <c r="H377709" s="12"/>
    </row>
    <row r="377710" spans="8:8">
      <c r="H377710" s="12"/>
    </row>
    <row r="377711" spans="8:8">
      <c r="H377711" s="12"/>
    </row>
    <row r="377712" spans="8:8">
      <c r="H377712" s="12"/>
    </row>
    <row r="377713" spans="8:8">
      <c r="H377713" s="12"/>
    </row>
    <row r="377714" spans="8:8">
      <c r="H377714" s="12"/>
    </row>
    <row r="377715" spans="8:8">
      <c r="H377715" s="12"/>
    </row>
    <row r="377716" spans="8:8">
      <c r="H377716" s="12"/>
    </row>
    <row r="377717" spans="8:8">
      <c r="H377717" s="12"/>
    </row>
    <row r="377718" spans="8:8">
      <c r="H377718" s="12"/>
    </row>
    <row r="377719" spans="8:8">
      <c r="H377719" s="12"/>
    </row>
    <row r="377720" spans="8:8">
      <c r="H377720" s="12"/>
    </row>
    <row r="377721" spans="8:8">
      <c r="H377721" s="12"/>
    </row>
    <row r="377722" spans="8:8">
      <c r="H377722" s="12"/>
    </row>
    <row r="377723" spans="8:8">
      <c r="H377723" s="12"/>
    </row>
    <row r="377724" spans="8:8">
      <c r="H377724" s="12"/>
    </row>
    <row r="377725" spans="8:8">
      <c r="H377725" s="12"/>
    </row>
    <row r="377726" spans="8:8">
      <c r="H377726" s="12"/>
    </row>
    <row r="377727" spans="8:8">
      <c r="H377727" s="12"/>
    </row>
    <row r="377728" spans="8:8">
      <c r="H377728" s="12"/>
    </row>
    <row r="377729" spans="8:8">
      <c r="H377729" s="12"/>
    </row>
    <row r="377730" spans="8:8">
      <c r="H377730" s="12"/>
    </row>
    <row r="377731" spans="8:8">
      <c r="H377731" s="12"/>
    </row>
    <row r="377732" spans="8:8">
      <c r="H377732" s="12"/>
    </row>
    <row r="377733" spans="8:8">
      <c r="H377733" s="12"/>
    </row>
    <row r="377734" spans="8:8">
      <c r="H377734" s="12"/>
    </row>
    <row r="377735" spans="8:8">
      <c r="H377735" s="12"/>
    </row>
    <row r="377736" spans="8:8">
      <c r="H377736" s="12"/>
    </row>
    <row r="377737" spans="8:8">
      <c r="H377737" s="12"/>
    </row>
    <row r="377738" spans="8:8">
      <c r="H377738" s="12"/>
    </row>
    <row r="377739" spans="8:8">
      <c r="H377739" s="12"/>
    </row>
    <row r="377740" spans="8:8">
      <c r="H377740" s="12"/>
    </row>
    <row r="377741" spans="8:8">
      <c r="H377741" s="12"/>
    </row>
    <row r="377742" spans="8:8">
      <c r="H377742" s="12"/>
    </row>
    <row r="377743" spans="8:8">
      <c r="H377743" s="12"/>
    </row>
    <row r="377744" spans="8:8">
      <c r="H377744" s="12"/>
    </row>
    <row r="377745" spans="8:8">
      <c r="H377745" s="12"/>
    </row>
    <row r="377746" spans="8:8">
      <c r="H377746" s="12"/>
    </row>
    <row r="377747" spans="8:8">
      <c r="H377747" s="12"/>
    </row>
    <row r="377748" spans="8:8">
      <c r="H377748" s="12"/>
    </row>
    <row r="377749" spans="8:8">
      <c r="H377749" s="12"/>
    </row>
    <row r="377750" spans="8:8">
      <c r="H377750" s="12"/>
    </row>
    <row r="377751" spans="8:8">
      <c r="H377751" s="12"/>
    </row>
    <row r="377752" spans="8:8">
      <c r="H377752" s="12"/>
    </row>
    <row r="377753" spans="8:8">
      <c r="H377753" s="12"/>
    </row>
    <row r="377754" spans="8:8">
      <c r="H377754" s="12"/>
    </row>
    <row r="377755" spans="8:8">
      <c r="H377755" s="12"/>
    </row>
    <row r="377756" spans="8:8">
      <c r="H377756" s="12"/>
    </row>
    <row r="377757" spans="8:8">
      <c r="H377757" s="12"/>
    </row>
    <row r="377758" spans="8:8">
      <c r="H377758" s="12"/>
    </row>
    <row r="377759" spans="8:8">
      <c r="H377759" s="12"/>
    </row>
    <row r="377760" spans="8:8">
      <c r="H377760" s="12"/>
    </row>
    <row r="377761" spans="8:8">
      <c r="H377761" s="12"/>
    </row>
    <row r="377762" spans="8:8">
      <c r="H377762" s="12"/>
    </row>
    <row r="377763" spans="8:8">
      <c r="H377763" s="12"/>
    </row>
    <row r="377764" spans="8:8">
      <c r="H377764" s="12"/>
    </row>
    <row r="377765" spans="8:8">
      <c r="H377765" s="12"/>
    </row>
    <row r="377766" spans="8:8">
      <c r="H377766" s="12"/>
    </row>
    <row r="377767" spans="8:8">
      <c r="H377767" s="12"/>
    </row>
    <row r="377768" spans="8:8">
      <c r="H377768" s="12"/>
    </row>
    <row r="377769" spans="8:8">
      <c r="H377769" s="12"/>
    </row>
    <row r="377770" spans="8:8">
      <c r="H377770" s="12"/>
    </row>
    <row r="377771" spans="8:8">
      <c r="H377771" s="12"/>
    </row>
    <row r="377772" spans="8:8">
      <c r="H377772" s="12"/>
    </row>
    <row r="377773" spans="8:8">
      <c r="H377773" s="12"/>
    </row>
    <row r="377774" spans="8:8">
      <c r="H377774" s="12"/>
    </row>
    <row r="377775" spans="8:8">
      <c r="H377775" s="12"/>
    </row>
    <row r="377776" spans="8:8">
      <c r="H377776" s="12"/>
    </row>
    <row r="377777" spans="8:8">
      <c r="H377777" s="12"/>
    </row>
    <row r="377778" spans="8:8">
      <c r="H377778" s="12"/>
    </row>
    <row r="377779" spans="8:8">
      <c r="H377779" s="12"/>
    </row>
    <row r="377780" spans="8:8">
      <c r="H377780" s="12"/>
    </row>
    <row r="377781" spans="8:8">
      <c r="H377781" s="12"/>
    </row>
    <row r="377782" spans="8:8">
      <c r="H377782" s="12"/>
    </row>
    <row r="377783" spans="8:8">
      <c r="H377783" s="12"/>
    </row>
    <row r="377784" spans="8:8">
      <c r="H377784" s="12"/>
    </row>
    <row r="377785" spans="8:8">
      <c r="H377785" s="12"/>
    </row>
    <row r="377786" spans="8:8">
      <c r="H377786" s="12"/>
    </row>
    <row r="377787" spans="8:8">
      <c r="H377787" s="12"/>
    </row>
    <row r="377788" spans="8:8">
      <c r="H377788" s="12"/>
    </row>
    <row r="377789" spans="8:8">
      <c r="H377789" s="12"/>
    </row>
    <row r="377790" spans="8:8">
      <c r="H377790" s="12"/>
    </row>
    <row r="377791" spans="8:8">
      <c r="H377791" s="12"/>
    </row>
    <row r="377792" spans="8:8">
      <c r="H377792" s="12"/>
    </row>
    <row r="377793" spans="8:8">
      <c r="H377793" s="12"/>
    </row>
    <row r="377794" spans="8:8">
      <c r="H377794" s="12"/>
    </row>
    <row r="377795" spans="8:8">
      <c r="H377795" s="12"/>
    </row>
    <row r="377796" spans="8:8">
      <c r="H377796" s="12"/>
    </row>
    <row r="377797" spans="8:8">
      <c r="H377797" s="12"/>
    </row>
    <row r="377798" spans="8:8">
      <c r="H377798" s="12"/>
    </row>
    <row r="377799" spans="8:8">
      <c r="H377799" s="12"/>
    </row>
    <row r="377800" spans="8:8">
      <c r="H377800" s="12"/>
    </row>
    <row r="377801" spans="8:8">
      <c r="H377801" s="12"/>
    </row>
    <row r="377802" spans="8:8">
      <c r="H377802" s="12"/>
    </row>
    <row r="377803" spans="8:8">
      <c r="H377803" s="12"/>
    </row>
    <row r="377804" spans="8:8">
      <c r="H377804" s="12"/>
    </row>
    <row r="377805" spans="8:8">
      <c r="H377805" s="12"/>
    </row>
    <row r="377806" spans="8:8">
      <c r="H377806" s="12"/>
    </row>
    <row r="377807" spans="8:8">
      <c r="H377807" s="12"/>
    </row>
    <row r="377808" spans="8:8">
      <c r="H377808" s="12"/>
    </row>
    <row r="377809" spans="8:8">
      <c r="H377809" s="12"/>
    </row>
    <row r="377810" spans="8:8">
      <c r="H377810" s="12"/>
    </row>
    <row r="377811" spans="8:8">
      <c r="H377811" s="12"/>
    </row>
    <row r="377812" spans="8:8">
      <c r="H377812" s="12"/>
    </row>
    <row r="377813" spans="8:8">
      <c r="H377813" s="12"/>
    </row>
    <row r="377814" spans="8:8">
      <c r="H377814" s="12"/>
    </row>
    <row r="377815" spans="8:8">
      <c r="H377815" s="12"/>
    </row>
    <row r="377816" spans="8:8">
      <c r="H377816" s="12"/>
    </row>
    <row r="377817" spans="8:8">
      <c r="H377817" s="12"/>
    </row>
    <row r="377818" spans="8:8">
      <c r="H377818" s="12"/>
    </row>
    <row r="377819" spans="8:8">
      <c r="H377819" s="12"/>
    </row>
    <row r="377820" spans="8:8">
      <c r="H377820" s="12"/>
    </row>
    <row r="377821" spans="8:8">
      <c r="H377821" s="12"/>
    </row>
    <row r="377822" spans="8:8">
      <c r="H377822" s="12"/>
    </row>
    <row r="377823" spans="8:8">
      <c r="H377823" s="12"/>
    </row>
    <row r="377824" spans="8:8">
      <c r="H377824" s="12"/>
    </row>
    <row r="377825" spans="8:8">
      <c r="H377825" s="12"/>
    </row>
    <row r="377826" spans="8:8">
      <c r="H377826" s="12"/>
    </row>
    <row r="377827" spans="8:8">
      <c r="H377827" s="12"/>
    </row>
    <row r="377828" spans="8:8">
      <c r="H377828" s="12"/>
    </row>
    <row r="377829" spans="8:8">
      <c r="H377829" s="12"/>
    </row>
    <row r="377830" spans="8:8">
      <c r="H377830" s="12"/>
    </row>
    <row r="377831" spans="8:8">
      <c r="H377831" s="12"/>
    </row>
    <row r="377832" spans="8:8">
      <c r="H377832" s="12"/>
    </row>
    <row r="377833" spans="8:8">
      <c r="H377833" s="12"/>
    </row>
    <row r="377834" spans="8:8">
      <c r="H377834" s="12"/>
    </row>
    <row r="377835" spans="8:8">
      <c r="H377835" s="12"/>
    </row>
    <row r="377836" spans="8:8">
      <c r="H377836" s="12"/>
    </row>
    <row r="377837" spans="8:8">
      <c r="H377837" s="12"/>
    </row>
    <row r="377838" spans="8:8">
      <c r="H377838" s="12"/>
    </row>
    <row r="377839" spans="8:8">
      <c r="H377839" s="12"/>
    </row>
    <row r="377840" spans="8:8">
      <c r="H377840" s="12"/>
    </row>
    <row r="377841" spans="8:8">
      <c r="H377841" s="12"/>
    </row>
    <row r="377842" spans="8:8">
      <c r="H377842" s="12"/>
    </row>
    <row r="377843" spans="8:8">
      <c r="H377843" s="12"/>
    </row>
    <row r="377844" spans="8:8">
      <c r="H377844" s="12"/>
    </row>
    <row r="377845" spans="8:8">
      <c r="H377845" s="12"/>
    </row>
    <row r="377846" spans="8:8">
      <c r="H377846" s="12"/>
    </row>
    <row r="377847" spans="8:8">
      <c r="H377847" s="12"/>
    </row>
    <row r="377848" spans="8:8">
      <c r="H377848" s="12"/>
    </row>
    <row r="377849" spans="8:8">
      <c r="H377849" s="12"/>
    </row>
    <row r="377850" spans="8:8">
      <c r="H377850" s="12"/>
    </row>
    <row r="377851" spans="8:8">
      <c r="H377851" s="12"/>
    </row>
    <row r="377852" spans="8:8">
      <c r="H377852" s="12"/>
    </row>
    <row r="377853" spans="8:8">
      <c r="H377853" s="12"/>
    </row>
    <row r="377854" spans="8:8">
      <c r="H377854" s="12"/>
    </row>
    <row r="377855" spans="8:8">
      <c r="H377855" s="12"/>
    </row>
    <row r="377856" spans="8:8">
      <c r="H377856" s="12"/>
    </row>
    <row r="377857" spans="8:8">
      <c r="H377857" s="12"/>
    </row>
    <row r="377858" spans="8:8">
      <c r="H377858" s="12"/>
    </row>
    <row r="377859" spans="8:8">
      <c r="H377859" s="12"/>
    </row>
    <row r="377860" spans="8:8">
      <c r="H377860" s="12"/>
    </row>
    <row r="377861" spans="8:8">
      <c r="H377861" s="12"/>
    </row>
    <row r="377862" spans="8:8">
      <c r="H377862" s="12"/>
    </row>
    <row r="377863" spans="8:8">
      <c r="H377863" s="12"/>
    </row>
    <row r="377864" spans="8:8">
      <c r="H377864" s="12"/>
    </row>
    <row r="377865" spans="8:8">
      <c r="H377865" s="12"/>
    </row>
    <row r="377866" spans="8:8">
      <c r="H377866" s="12"/>
    </row>
    <row r="377867" spans="8:8">
      <c r="H377867" s="12"/>
    </row>
    <row r="377868" spans="8:8">
      <c r="H377868" s="12"/>
    </row>
    <row r="377869" spans="8:8">
      <c r="H377869" s="12"/>
    </row>
    <row r="377870" spans="8:8">
      <c r="H377870" s="12"/>
    </row>
    <row r="377871" spans="8:8">
      <c r="H377871" s="12"/>
    </row>
    <row r="377872" spans="8:8">
      <c r="H377872" s="12"/>
    </row>
    <row r="377873" spans="8:8">
      <c r="H377873" s="12"/>
    </row>
    <row r="377874" spans="8:8">
      <c r="H377874" s="12"/>
    </row>
    <row r="377875" spans="8:8">
      <c r="H377875" s="12"/>
    </row>
    <row r="377876" spans="8:8">
      <c r="H377876" s="12"/>
    </row>
    <row r="377877" spans="8:8">
      <c r="H377877" s="12"/>
    </row>
    <row r="377878" spans="8:8">
      <c r="H377878" s="12"/>
    </row>
    <row r="377879" spans="8:8">
      <c r="H377879" s="12"/>
    </row>
    <row r="377880" spans="8:8">
      <c r="H377880" s="12"/>
    </row>
    <row r="377881" spans="8:8">
      <c r="H377881" s="12"/>
    </row>
    <row r="377882" spans="8:8">
      <c r="H377882" s="12"/>
    </row>
    <row r="377883" spans="8:8">
      <c r="H377883" s="12"/>
    </row>
    <row r="377884" spans="8:8">
      <c r="H377884" s="12"/>
    </row>
    <row r="377885" spans="8:8">
      <c r="H377885" s="12"/>
    </row>
    <row r="377886" spans="8:8">
      <c r="H377886" s="12"/>
    </row>
    <row r="377887" spans="8:8">
      <c r="H377887" s="12"/>
    </row>
    <row r="377888" spans="8:8">
      <c r="H377888" s="12"/>
    </row>
    <row r="377889" spans="8:8">
      <c r="H377889" s="12"/>
    </row>
    <row r="377890" spans="8:8">
      <c r="H377890" s="12"/>
    </row>
    <row r="377891" spans="8:8">
      <c r="H377891" s="12"/>
    </row>
    <row r="377892" spans="8:8">
      <c r="H377892" s="12"/>
    </row>
    <row r="377893" spans="8:8">
      <c r="H377893" s="12"/>
    </row>
    <row r="377894" spans="8:8">
      <c r="H377894" s="12"/>
    </row>
    <row r="377895" spans="8:8">
      <c r="H377895" s="12"/>
    </row>
    <row r="377896" spans="8:8">
      <c r="H377896" s="12"/>
    </row>
    <row r="377897" spans="8:8">
      <c r="H377897" s="12"/>
    </row>
    <row r="377898" spans="8:8">
      <c r="H377898" s="12"/>
    </row>
    <row r="377899" spans="8:8">
      <c r="H377899" s="12"/>
    </row>
    <row r="377900" spans="8:8">
      <c r="H377900" s="12"/>
    </row>
    <row r="377901" spans="8:8">
      <c r="H377901" s="12"/>
    </row>
    <row r="377902" spans="8:8">
      <c r="H377902" s="12"/>
    </row>
    <row r="377903" spans="8:8">
      <c r="H377903" s="12"/>
    </row>
    <row r="377904" spans="8:8">
      <c r="H377904" s="12"/>
    </row>
    <row r="377905" spans="8:8">
      <c r="H377905" s="12"/>
    </row>
    <row r="377906" spans="8:8">
      <c r="H377906" s="12"/>
    </row>
    <row r="377907" spans="8:8">
      <c r="H377907" s="12"/>
    </row>
    <row r="377908" spans="8:8">
      <c r="H377908" s="12"/>
    </row>
    <row r="377909" spans="8:8">
      <c r="H377909" s="12"/>
    </row>
    <row r="377910" spans="8:8">
      <c r="H377910" s="12"/>
    </row>
    <row r="377911" spans="8:8">
      <c r="H377911" s="12"/>
    </row>
    <row r="377912" spans="8:8">
      <c r="H377912" s="12"/>
    </row>
    <row r="377913" spans="8:8">
      <c r="H377913" s="12"/>
    </row>
    <row r="377914" spans="8:8">
      <c r="H377914" s="12"/>
    </row>
    <row r="377915" spans="8:8">
      <c r="H377915" s="12"/>
    </row>
    <row r="377916" spans="8:8">
      <c r="H377916" s="12"/>
    </row>
    <row r="377917" spans="8:8">
      <c r="H377917" s="12"/>
    </row>
    <row r="377918" spans="8:8">
      <c r="H377918" s="12"/>
    </row>
    <row r="377919" spans="8:8">
      <c r="H377919" s="12"/>
    </row>
    <row r="377920" spans="8:8">
      <c r="H377920" s="12"/>
    </row>
    <row r="377921" spans="8:8">
      <c r="H377921" s="12"/>
    </row>
    <row r="377922" spans="8:8">
      <c r="H377922" s="12"/>
    </row>
    <row r="377923" spans="8:8">
      <c r="H377923" s="12"/>
    </row>
    <row r="377924" spans="8:8">
      <c r="H377924" s="12"/>
    </row>
    <row r="377925" spans="8:8">
      <c r="H377925" s="12"/>
    </row>
    <row r="377926" spans="8:8">
      <c r="H377926" s="12"/>
    </row>
    <row r="377927" spans="8:8">
      <c r="H377927" s="12"/>
    </row>
    <row r="377928" spans="8:8">
      <c r="H377928" s="12"/>
    </row>
    <row r="377929" spans="8:8">
      <c r="H377929" s="12"/>
    </row>
    <row r="377930" spans="8:8">
      <c r="H377930" s="12"/>
    </row>
    <row r="377931" spans="8:8">
      <c r="H377931" s="12"/>
    </row>
    <row r="377932" spans="8:8">
      <c r="H377932" s="12"/>
    </row>
    <row r="377933" spans="8:8">
      <c r="H377933" s="12"/>
    </row>
    <row r="377934" spans="8:8">
      <c r="H377934" s="12"/>
    </row>
    <row r="377935" spans="8:8">
      <c r="H377935" s="12"/>
    </row>
    <row r="377936" spans="8:8">
      <c r="H377936" s="12"/>
    </row>
    <row r="377937" spans="8:8">
      <c r="H377937" s="12"/>
    </row>
    <row r="377938" spans="8:8">
      <c r="H377938" s="12"/>
    </row>
    <row r="377939" spans="8:8">
      <c r="H377939" s="12"/>
    </row>
    <row r="377940" spans="8:8">
      <c r="H377940" s="12"/>
    </row>
    <row r="377941" spans="8:8">
      <c r="H377941" s="12"/>
    </row>
    <row r="377942" spans="8:8">
      <c r="H377942" s="12"/>
    </row>
    <row r="377943" spans="8:8">
      <c r="H377943" s="12"/>
    </row>
    <row r="377944" spans="8:8">
      <c r="H377944" s="12"/>
    </row>
    <row r="377945" spans="8:8">
      <c r="H377945" s="12"/>
    </row>
    <row r="377946" spans="8:8">
      <c r="H377946" s="12"/>
    </row>
    <row r="377947" spans="8:8">
      <c r="H377947" s="12"/>
    </row>
    <row r="377948" spans="8:8">
      <c r="H377948" s="12"/>
    </row>
    <row r="377949" spans="8:8">
      <c r="H377949" s="12"/>
    </row>
    <row r="377950" spans="8:8">
      <c r="H377950" s="12"/>
    </row>
    <row r="377951" spans="8:8">
      <c r="H377951" s="12"/>
    </row>
    <row r="377952" spans="8:8">
      <c r="H377952" s="12"/>
    </row>
    <row r="377953" spans="8:8">
      <c r="H377953" s="12"/>
    </row>
    <row r="377954" spans="8:8">
      <c r="H377954" s="12"/>
    </row>
    <row r="377955" spans="8:8">
      <c r="H377955" s="12"/>
    </row>
    <row r="377956" spans="8:8">
      <c r="H377956" s="12"/>
    </row>
    <row r="377957" spans="8:8">
      <c r="H377957" s="12"/>
    </row>
    <row r="377958" spans="8:8">
      <c r="H377958" s="12"/>
    </row>
    <row r="377959" spans="8:8">
      <c r="H377959" s="12"/>
    </row>
    <row r="377960" spans="8:8">
      <c r="H377960" s="12"/>
    </row>
    <row r="377961" spans="8:8">
      <c r="H377961" s="12"/>
    </row>
    <row r="377962" spans="8:8">
      <c r="H377962" s="12"/>
    </row>
    <row r="377963" spans="8:8">
      <c r="H377963" s="12"/>
    </row>
    <row r="377964" spans="8:8">
      <c r="H377964" s="12"/>
    </row>
    <row r="377965" spans="8:8">
      <c r="H377965" s="12"/>
    </row>
    <row r="377966" spans="8:8">
      <c r="H377966" s="12"/>
    </row>
    <row r="377967" spans="8:8">
      <c r="H377967" s="12"/>
    </row>
    <row r="377968" spans="8:8">
      <c r="H377968" s="12"/>
    </row>
    <row r="377969" spans="8:8">
      <c r="H377969" s="12"/>
    </row>
    <row r="377970" spans="8:8">
      <c r="H377970" s="12"/>
    </row>
    <row r="377971" spans="8:8">
      <c r="H377971" s="12"/>
    </row>
    <row r="377972" spans="8:8">
      <c r="H377972" s="12"/>
    </row>
    <row r="377973" spans="8:8">
      <c r="H377973" s="12"/>
    </row>
    <row r="377974" spans="8:8">
      <c r="H377974" s="12"/>
    </row>
    <row r="377975" spans="8:8">
      <c r="H377975" s="12"/>
    </row>
    <row r="377976" spans="8:8">
      <c r="H377976" s="12"/>
    </row>
    <row r="377977" spans="8:8">
      <c r="H377977" s="12"/>
    </row>
    <row r="377978" spans="8:8">
      <c r="H377978" s="12"/>
    </row>
    <row r="377979" spans="8:8">
      <c r="H377979" s="12"/>
    </row>
    <row r="377980" spans="8:8">
      <c r="H377980" s="12"/>
    </row>
    <row r="377981" spans="8:8">
      <c r="H377981" s="12"/>
    </row>
    <row r="377982" spans="8:8">
      <c r="H377982" s="12"/>
    </row>
    <row r="377983" spans="8:8">
      <c r="H377983" s="12"/>
    </row>
    <row r="377984" spans="8:8">
      <c r="H377984" s="12"/>
    </row>
    <row r="377985" spans="8:8">
      <c r="H377985" s="12"/>
    </row>
    <row r="377986" spans="8:8">
      <c r="H377986" s="12"/>
    </row>
    <row r="377987" spans="8:8">
      <c r="H377987" s="12"/>
    </row>
    <row r="377988" spans="8:8">
      <c r="H377988" s="12"/>
    </row>
    <row r="377989" spans="8:8">
      <c r="H377989" s="12"/>
    </row>
    <row r="377990" spans="8:8">
      <c r="H377990" s="12"/>
    </row>
    <row r="377991" spans="8:8">
      <c r="H377991" s="12"/>
    </row>
    <row r="377992" spans="8:8">
      <c r="H377992" s="12"/>
    </row>
    <row r="377993" spans="8:8">
      <c r="H377993" s="12"/>
    </row>
    <row r="377994" spans="8:8">
      <c r="H377994" s="12"/>
    </row>
    <row r="377995" spans="8:8">
      <c r="H377995" s="12"/>
    </row>
    <row r="377996" spans="8:8">
      <c r="H377996" s="12"/>
    </row>
    <row r="377997" spans="8:8">
      <c r="H377997" s="12"/>
    </row>
    <row r="377998" spans="8:8">
      <c r="H377998" s="12"/>
    </row>
    <row r="377999" spans="8:8">
      <c r="H377999" s="12"/>
    </row>
    <row r="378000" spans="8:8">
      <c r="H378000" s="12"/>
    </row>
    <row r="378001" spans="8:8">
      <c r="H378001" s="12"/>
    </row>
    <row r="378002" spans="8:8">
      <c r="H378002" s="12"/>
    </row>
    <row r="378003" spans="8:8">
      <c r="H378003" s="12"/>
    </row>
    <row r="378004" spans="8:8">
      <c r="H378004" s="12"/>
    </row>
    <row r="378005" spans="8:8">
      <c r="H378005" s="12"/>
    </row>
    <row r="378006" spans="8:8">
      <c r="H378006" s="12"/>
    </row>
    <row r="378007" spans="8:8">
      <c r="H378007" s="12"/>
    </row>
    <row r="378008" spans="8:8">
      <c r="H378008" s="12"/>
    </row>
    <row r="378009" spans="8:8">
      <c r="H378009" s="12"/>
    </row>
    <row r="378010" spans="8:8">
      <c r="H378010" s="12"/>
    </row>
    <row r="378011" spans="8:8">
      <c r="H378011" s="12"/>
    </row>
    <row r="378012" spans="8:8">
      <c r="H378012" s="12"/>
    </row>
    <row r="378013" spans="8:8">
      <c r="H378013" s="12"/>
    </row>
    <row r="378014" spans="8:8">
      <c r="H378014" s="12"/>
    </row>
    <row r="378015" spans="8:8">
      <c r="H378015" s="12"/>
    </row>
    <row r="378016" spans="8:8">
      <c r="H378016" s="12"/>
    </row>
    <row r="378017" spans="8:8">
      <c r="H378017" s="12"/>
    </row>
    <row r="378018" spans="8:8">
      <c r="H378018" s="12"/>
    </row>
    <row r="378019" spans="8:8">
      <c r="H378019" s="12"/>
    </row>
    <row r="378020" spans="8:8">
      <c r="H378020" s="12"/>
    </row>
    <row r="378021" spans="8:8">
      <c r="H378021" s="12"/>
    </row>
    <row r="378022" spans="8:8">
      <c r="H378022" s="12"/>
    </row>
    <row r="378023" spans="8:8">
      <c r="H378023" s="12"/>
    </row>
    <row r="378024" spans="8:8">
      <c r="H378024" s="12"/>
    </row>
    <row r="378025" spans="8:8">
      <c r="H378025" s="12"/>
    </row>
    <row r="378026" spans="8:8">
      <c r="H378026" s="12"/>
    </row>
    <row r="378027" spans="8:8">
      <c r="H378027" s="12"/>
    </row>
    <row r="378028" spans="8:8">
      <c r="H378028" s="12"/>
    </row>
    <row r="378029" spans="8:8">
      <c r="H378029" s="12"/>
    </row>
    <row r="378030" spans="8:8">
      <c r="H378030" s="12"/>
    </row>
    <row r="378031" spans="8:8">
      <c r="H378031" s="12"/>
    </row>
    <row r="378032" spans="8:8">
      <c r="H378032" s="12"/>
    </row>
    <row r="378033" spans="8:8">
      <c r="H378033" s="12"/>
    </row>
    <row r="378034" spans="8:8">
      <c r="H378034" s="12"/>
    </row>
    <row r="378035" spans="8:8">
      <c r="H378035" s="12"/>
    </row>
    <row r="378036" spans="8:8">
      <c r="H378036" s="12"/>
    </row>
    <row r="378037" spans="8:8">
      <c r="H378037" s="12"/>
    </row>
    <row r="378038" spans="8:8">
      <c r="H378038" s="12"/>
    </row>
    <row r="378039" spans="8:8">
      <c r="H378039" s="12"/>
    </row>
    <row r="378040" spans="8:8">
      <c r="H378040" s="12"/>
    </row>
    <row r="378041" spans="8:8">
      <c r="H378041" s="12"/>
    </row>
    <row r="378042" spans="8:8">
      <c r="H378042" s="12"/>
    </row>
    <row r="378043" spans="8:8">
      <c r="H378043" s="12"/>
    </row>
    <row r="378044" spans="8:8">
      <c r="H378044" s="12"/>
    </row>
    <row r="378045" spans="8:8">
      <c r="H378045" s="12"/>
    </row>
    <row r="378046" spans="8:8">
      <c r="H378046" s="12"/>
    </row>
    <row r="378047" spans="8:8">
      <c r="H378047" s="12"/>
    </row>
    <row r="378048" spans="8:8">
      <c r="H378048" s="12"/>
    </row>
    <row r="378049" spans="8:8">
      <c r="H378049" s="12"/>
    </row>
    <row r="378050" spans="8:8">
      <c r="H378050" s="12"/>
    </row>
    <row r="378051" spans="8:8">
      <c r="H378051" s="12"/>
    </row>
    <row r="378052" spans="8:8">
      <c r="H378052" s="12"/>
    </row>
    <row r="378053" spans="8:8">
      <c r="H378053" s="12"/>
    </row>
    <row r="378054" spans="8:8">
      <c r="H378054" s="12"/>
    </row>
    <row r="378055" spans="8:8">
      <c r="H378055" s="12"/>
    </row>
    <row r="378056" spans="8:8">
      <c r="H378056" s="12"/>
    </row>
    <row r="378057" spans="8:8">
      <c r="H378057" s="12"/>
    </row>
    <row r="378058" spans="8:8">
      <c r="H378058" s="12"/>
    </row>
    <row r="378059" spans="8:8">
      <c r="H378059" s="12"/>
    </row>
    <row r="378060" spans="8:8">
      <c r="H378060" s="12"/>
    </row>
    <row r="378061" spans="8:8">
      <c r="H378061" s="12"/>
    </row>
    <row r="378062" spans="8:8">
      <c r="H378062" s="12"/>
    </row>
    <row r="378063" spans="8:8">
      <c r="H378063" s="12"/>
    </row>
    <row r="378064" spans="8:8">
      <c r="H378064" s="12"/>
    </row>
    <row r="378065" spans="8:8">
      <c r="H378065" s="12"/>
    </row>
    <row r="378066" spans="8:8">
      <c r="H378066" s="12"/>
    </row>
    <row r="378067" spans="8:8">
      <c r="H378067" s="12"/>
    </row>
    <row r="378068" spans="8:8">
      <c r="H378068" s="12"/>
    </row>
    <row r="378069" spans="8:8">
      <c r="H378069" s="12"/>
    </row>
    <row r="378070" spans="8:8">
      <c r="H378070" s="12"/>
    </row>
    <row r="378071" spans="8:8">
      <c r="H378071" s="12"/>
    </row>
    <row r="378072" spans="8:8">
      <c r="H378072" s="12"/>
    </row>
    <row r="378073" spans="8:8">
      <c r="H378073" s="12"/>
    </row>
    <row r="378074" spans="8:8">
      <c r="H378074" s="12"/>
    </row>
    <row r="378075" spans="8:8">
      <c r="H378075" s="12"/>
    </row>
    <row r="378076" spans="8:8">
      <c r="H378076" s="12"/>
    </row>
    <row r="378077" spans="8:8">
      <c r="H378077" s="12"/>
    </row>
    <row r="378078" spans="8:8">
      <c r="H378078" s="12"/>
    </row>
    <row r="378079" spans="8:8">
      <c r="H378079" s="12"/>
    </row>
    <row r="378080" spans="8:8">
      <c r="H378080" s="12"/>
    </row>
    <row r="378081" spans="8:8">
      <c r="H378081" s="12"/>
    </row>
    <row r="378082" spans="8:8">
      <c r="H378082" s="12"/>
    </row>
    <row r="378083" spans="8:8">
      <c r="H378083" s="12"/>
    </row>
    <row r="378084" spans="8:8">
      <c r="H378084" s="12"/>
    </row>
    <row r="378085" spans="8:8">
      <c r="H378085" s="12"/>
    </row>
    <row r="378086" spans="8:8">
      <c r="H378086" s="12"/>
    </row>
    <row r="378087" spans="8:8">
      <c r="H378087" s="12"/>
    </row>
    <row r="378088" spans="8:8">
      <c r="H378088" s="12"/>
    </row>
    <row r="378089" spans="8:8">
      <c r="H378089" s="12"/>
    </row>
    <row r="378090" spans="8:8">
      <c r="H378090" s="12"/>
    </row>
    <row r="378091" spans="8:8">
      <c r="H378091" s="12"/>
    </row>
    <row r="378092" spans="8:8">
      <c r="H378092" s="12"/>
    </row>
    <row r="378093" spans="8:8">
      <c r="H378093" s="12"/>
    </row>
    <row r="378094" spans="8:8">
      <c r="H378094" s="12"/>
    </row>
    <row r="378095" spans="8:8">
      <c r="H378095" s="12"/>
    </row>
    <row r="378096" spans="8:8">
      <c r="H378096" s="12"/>
    </row>
    <row r="378097" spans="8:8">
      <c r="H378097" s="12"/>
    </row>
    <row r="378098" spans="8:8">
      <c r="H378098" s="12"/>
    </row>
    <row r="378099" spans="8:8">
      <c r="H378099" s="12"/>
    </row>
    <row r="378100" spans="8:8">
      <c r="H378100" s="12"/>
    </row>
    <row r="378101" spans="8:8">
      <c r="H378101" s="12"/>
    </row>
    <row r="378102" spans="8:8">
      <c r="H378102" s="12"/>
    </row>
    <row r="378103" spans="8:8">
      <c r="H378103" s="12"/>
    </row>
    <row r="378104" spans="8:8">
      <c r="H378104" s="12"/>
    </row>
    <row r="378105" spans="8:8">
      <c r="H378105" s="12"/>
    </row>
    <row r="378106" spans="8:8">
      <c r="H378106" s="12"/>
    </row>
    <row r="378107" spans="8:8">
      <c r="H378107" s="12"/>
    </row>
    <row r="378108" spans="8:8">
      <c r="H378108" s="12"/>
    </row>
    <row r="378109" spans="8:8">
      <c r="H378109" s="12"/>
    </row>
    <row r="378110" spans="8:8">
      <c r="H378110" s="12"/>
    </row>
    <row r="378111" spans="8:8">
      <c r="H378111" s="12"/>
    </row>
    <row r="378112" spans="8:8">
      <c r="H378112" s="12"/>
    </row>
    <row r="378113" spans="8:8">
      <c r="H378113" s="12"/>
    </row>
    <row r="378114" spans="8:8">
      <c r="H378114" s="12"/>
    </row>
    <row r="378115" spans="8:8">
      <c r="H378115" s="12"/>
    </row>
    <row r="378116" spans="8:8">
      <c r="H378116" s="12"/>
    </row>
    <row r="378117" spans="8:8">
      <c r="H378117" s="12"/>
    </row>
    <row r="378118" spans="8:8">
      <c r="H378118" s="12"/>
    </row>
    <row r="378119" spans="8:8">
      <c r="H378119" s="12"/>
    </row>
    <row r="378120" spans="8:8">
      <c r="H378120" s="12"/>
    </row>
    <row r="378121" spans="8:8">
      <c r="H378121" s="12"/>
    </row>
    <row r="378122" spans="8:8">
      <c r="H378122" s="12"/>
    </row>
    <row r="378123" spans="8:8">
      <c r="H378123" s="12"/>
    </row>
    <row r="378124" spans="8:8">
      <c r="H378124" s="12"/>
    </row>
    <row r="378125" spans="8:8">
      <c r="H378125" s="12"/>
    </row>
    <row r="378126" spans="8:8">
      <c r="H378126" s="12"/>
    </row>
    <row r="378127" spans="8:8">
      <c r="H378127" s="12"/>
    </row>
    <row r="378128" spans="8:8">
      <c r="H378128" s="12"/>
    </row>
    <row r="378129" spans="8:8">
      <c r="H378129" s="12"/>
    </row>
    <row r="378130" spans="8:8">
      <c r="H378130" s="12"/>
    </row>
    <row r="378131" spans="8:8">
      <c r="H378131" s="12"/>
    </row>
    <row r="378132" spans="8:8">
      <c r="H378132" s="12"/>
    </row>
    <row r="378133" spans="8:8">
      <c r="H378133" s="12"/>
    </row>
    <row r="378134" spans="8:8">
      <c r="H378134" s="12"/>
    </row>
    <row r="378135" spans="8:8">
      <c r="H378135" s="12"/>
    </row>
    <row r="378136" spans="8:8">
      <c r="H378136" s="12"/>
    </row>
    <row r="378137" spans="8:8">
      <c r="H378137" s="12"/>
    </row>
    <row r="378138" spans="8:8">
      <c r="H378138" s="12"/>
    </row>
    <row r="378139" spans="8:8">
      <c r="H378139" s="12"/>
    </row>
    <row r="378140" spans="8:8">
      <c r="H378140" s="12"/>
    </row>
    <row r="378141" spans="8:8">
      <c r="H378141" s="12"/>
    </row>
    <row r="378142" spans="8:8">
      <c r="H378142" s="12"/>
    </row>
    <row r="378143" spans="8:8">
      <c r="H378143" s="12"/>
    </row>
    <row r="378144" spans="8:8">
      <c r="H378144" s="12"/>
    </row>
    <row r="378145" spans="8:8">
      <c r="H378145" s="12"/>
    </row>
    <row r="378146" spans="8:8">
      <c r="H378146" s="12"/>
    </row>
    <row r="378147" spans="8:8">
      <c r="H378147" s="12"/>
    </row>
    <row r="378148" spans="8:8">
      <c r="H378148" s="12"/>
    </row>
    <row r="378149" spans="8:8">
      <c r="H378149" s="12"/>
    </row>
    <row r="378150" spans="8:8">
      <c r="H378150" s="12"/>
    </row>
    <row r="378151" spans="8:8">
      <c r="H378151" s="12"/>
    </row>
    <row r="378152" spans="8:8">
      <c r="H378152" s="12"/>
    </row>
    <row r="378153" spans="8:8">
      <c r="H378153" s="12"/>
    </row>
    <row r="378154" spans="8:8">
      <c r="H378154" s="12"/>
    </row>
    <row r="378155" spans="8:8">
      <c r="H378155" s="12"/>
    </row>
    <row r="378156" spans="8:8">
      <c r="H378156" s="12"/>
    </row>
    <row r="378157" spans="8:8">
      <c r="H378157" s="12"/>
    </row>
    <row r="378158" spans="8:8">
      <c r="H378158" s="12"/>
    </row>
    <row r="378159" spans="8:8">
      <c r="H378159" s="12"/>
    </row>
    <row r="378160" spans="8:8">
      <c r="H378160" s="12"/>
    </row>
    <row r="378161" spans="8:8">
      <c r="H378161" s="12"/>
    </row>
    <row r="378162" spans="8:8">
      <c r="H378162" s="12"/>
    </row>
    <row r="378163" spans="8:8">
      <c r="H378163" s="12"/>
    </row>
    <row r="378164" spans="8:8">
      <c r="H378164" s="12"/>
    </row>
    <row r="378165" spans="8:8">
      <c r="H378165" s="12"/>
    </row>
    <row r="378166" spans="8:8">
      <c r="H378166" s="12"/>
    </row>
    <row r="378167" spans="8:8">
      <c r="H378167" s="12"/>
    </row>
    <row r="378168" spans="8:8">
      <c r="H378168" s="12"/>
    </row>
    <row r="378169" spans="8:8">
      <c r="H378169" s="12"/>
    </row>
    <row r="378170" spans="8:8">
      <c r="H378170" s="12"/>
    </row>
    <row r="378171" spans="8:8">
      <c r="H378171" s="12"/>
    </row>
    <row r="378172" spans="8:8">
      <c r="H378172" s="12"/>
    </row>
    <row r="378173" spans="8:8">
      <c r="H378173" s="12"/>
    </row>
    <row r="378174" spans="8:8">
      <c r="H378174" s="12"/>
    </row>
    <row r="378175" spans="8:8">
      <c r="H378175" s="12"/>
    </row>
    <row r="378176" spans="8:8">
      <c r="H378176" s="12"/>
    </row>
    <row r="378177" spans="8:8">
      <c r="H378177" s="12"/>
    </row>
    <row r="378178" spans="8:8">
      <c r="H378178" s="12"/>
    </row>
    <row r="378179" spans="8:8">
      <c r="H378179" s="12"/>
    </row>
    <row r="378180" spans="8:8">
      <c r="H378180" s="12"/>
    </row>
    <row r="378181" spans="8:8">
      <c r="H378181" s="12"/>
    </row>
    <row r="378182" spans="8:8">
      <c r="H378182" s="12"/>
    </row>
    <row r="378183" spans="8:8">
      <c r="H378183" s="12"/>
    </row>
    <row r="378184" spans="8:8">
      <c r="H378184" s="12"/>
    </row>
    <row r="378185" spans="8:8">
      <c r="H378185" s="12"/>
    </row>
    <row r="378186" spans="8:8">
      <c r="H378186" s="12"/>
    </row>
    <row r="378187" spans="8:8">
      <c r="H378187" s="12"/>
    </row>
    <row r="378188" spans="8:8">
      <c r="H378188" s="12"/>
    </row>
    <row r="378189" spans="8:8">
      <c r="H378189" s="12"/>
    </row>
    <row r="378190" spans="8:8">
      <c r="H378190" s="12"/>
    </row>
    <row r="378191" spans="8:8">
      <c r="H378191" s="12"/>
    </row>
    <row r="378192" spans="8:8">
      <c r="H378192" s="12"/>
    </row>
    <row r="378193" spans="8:8">
      <c r="H378193" s="12"/>
    </row>
    <row r="378194" spans="8:8">
      <c r="H378194" s="12"/>
    </row>
    <row r="378195" spans="8:8">
      <c r="H378195" s="12"/>
    </row>
    <row r="378196" spans="8:8">
      <c r="H378196" s="12"/>
    </row>
    <row r="378197" spans="8:8">
      <c r="H378197" s="12"/>
    </row>
    <row r="378198" spans="8:8">
      <c r="H378198" s="12"/>
    </row>
    <row r="378199" spans="8:8">
      <c r="H378199" s="12"/>
    </row>
    <row r="378200" spans="8:8">
      <c r="H378200" s="12"/>
    </row>
    <row r="378201" spans="8:8">
      <c r="H378201" s="12"/>
    </row>
    <row r="378202" spans="8:8">
      <c r="H378202" s="12"/>
    </row>
    <row r="378203" spans="8:8">
      <c r="H378203" s="12"/>
    </row>
    <row r="378204" spans="8:8">
      <c r="H378204" s="12"/>
    </row>
    <row r="378205" spans="8:8">
      <c r="H378205" s="12"/>
    </row>
    <row r="378206" spans="8:8">
      <c r="H378206" s="12"/>
    </row>
    <row r="378207" spans="8:8">
      <c r="H378207" s="12"/>
    </row>
    <row r="378208" spans="8:8">
      <c r="H378208" s="12"/>
    </row>
    <row r="378209" spans="8:8">
      <c r="H378209" s="12"/>
    </row>
    <row r="378210" spans="8:8">
      <c r="H378210" s="12"/>
    </row>
    <row r="378211" spans="8:8">
      <c r="H378211" s="12"/>
    </row>
    <row r="378212" spans="8:8">
      <c r="H378212" s="12"/>
    </row>
    <row r="378213" spans="8:8">
      <c r="H378213" s="12"/>
    </row>
    <row r="378214" spans="8:8">
      <c r="H378214" s="12"/>
    </row>
    <row r="378215" spans="8:8">
      <c r="H378215" s="12"/>
    </row>
    <row r="378216" spans="8:8">
      <c r="H378216" s="12"/>
    </row>
    <row r="378217" spans="8:8">
      <c r="H378217" s="12"/>
    </row>
    <row r="378218" spans="8:8">
      <c r="H378218" s="12"/>
    </row>
    <row r="378219" spans="8:8">
      <c r="H378219" s="12"/>
    </row>
    <row r="378220" spans="8:8">
      <c r="H378220" s="12"/>
    </row>
    <row r="378221" spans="8:8">
      <c r="H378221" s="12"/>
    </row>
    <row r="378222" spans="8:8">
      <c r="H378222" s="12"/>
    </row>
    <row r="378223" spans="8:8">
      <c r="H378223" s="12"/>
    </row>
    <row r="378224" spans="8:8">
      <c r="H378224" s="12"/>
    </row>
    <row r="378225" spans="8:8">
      <c r="H378225" s="12"/>
    </row>
    <row r="378226" spans="8:8">
      <c r="H378226" s="12"/>
    </row>
    <row r="378227" spans="8:8">
      <c r="H378227" s="12"/>
    </row>
    <row r="378228" spans="8:8">
      <c r="H378228" s="12"/>
    </row>
    <row r="378229" spans="8:8">
      <c r="H378229" s="12"/>
    </row>
    <row r="378230" spans="8:8">
      <c r="H378230" s="12"/>
    </row>
    <row r="378231" spans="8:8">
      <c r="H378231" s="12"/>
    </row>
    <row r="378232" spans="8:8">
      <c r="H378232" s="12"/>
    </row>
    <row r="378233" spans="8:8">
      <c r="H378233" s="12"/>
    </row>
    <row r="378234" spans="8:8">
      <c r="H378234" s="12"/>
    </row>
    <row r="378235" spans="8:8">
      <c r="H378235" s="12"/>
    </row>
    <row r="378236" spans="8:8">
      <c r="H378236" s="12"/>
    </row>
    <row r="378237" spans="8:8">
      <c r="H378237" s="12"/>
    </row>
    <row r="378238" spans="8:8">
      <c r="H378238" s="12"/>
    </row>
    <row r="378239" spans="8:8">
      <c r="H378239" s="12"/>
    </row>
    <row r="378240" spans="8:8">
      <c r="H378240" s="12"/>
    </row>
    <row r="378241" spans="8:8">
      <c r="H378241" s="12"/>
    </row>
    <row r="378242" spans="8:8">
      <c r="H378242" s="12"/>
    </row>
    <row r="378243" spans="8:8">
      <c r="H378243" s="12"/>
    </row>
    <row r="378244" spans="8:8">
      <c r="H378244" s="12"/>
    </row>
    <row r="378245" spans="8:8">
      <c r="H378245" s="12"/>
    </row>
    <row r="378246" spans="8:8">
      <c r="H378246" s="12"/>
    </row>
    <row r="378247" spans="8:8">
      <c r="H378247" s="12"/>
    </row>
    <row r="378248" spans="8:8">
      <c r="H378248" s="12"/>
    </row>
    <row r="378249" spans="8:8">
      <c r="H378249" s="12"/>
    </row>
    <row r="378250" spans="8:8">
      <c r="H378250" s="12"/>
    </row>
    <row r="378251" spans="8:8">
      <c r="H378251" s="12"/>
    </row>
    <row r="378252" spans="8:8">
      <c r="H378252" s="12"/>
    </row>
    <row r="378253" spans="8:8">
      <c r="H378253" s="12"/>
    </row>
    <row r="378254" spans="8:8">
      <c r="H378254" s="12"/>
    </row>
    <row r="378255" spans="8:8">
      <c r="H378255" s="12"/>
    </row>
    <row r="378256" spans="8:8">
      <c r="H378256" s="12"/>
    </row>
    <row r="378257" spans="8:8">
      <c r="H378257" s="12"/>
    </row>
    <row r="378258" spans="8:8">
      <c r="H378258" s="12"/>
    </row>
    <row r="378259" spans="8:8">
      <c r="H378259" s="12"/>
    </row>
    <row r="378260" spans="8:8">
      <c r="H378260" s="12"/>
    </row>
    <row r="378261" spans="8:8">
      <c r="H378261" s="12"/>
    </row>
    <row r="378262" spans="8:8">
      <c r="H378262" s="12"/>
    </row>
    <row r="378263" spans="8:8">
      <c r="H378263" s="12"/>
    </row>
    <row r="378264" spans="8:8">
      <c r="H378264" s="12"/>
    </row>
    <row r="378265" spans="8:8">
      <c r="H378265" s="12"/>
    </row>
    <row r="378266" spans="8:8">
      <c r="H378266" s="12"/>
    </row>
    <row r="378267" spans="8:8">
      <c r="H378267" s="12"/>
    </row>
    <row r="378268" spans="8:8">
      <c r="H378268" s="12"/>
    </row>
    <row r="378269" spans="8:8">
      <c r="H378269" s="12"/>
    </row>
    <row r="378270" spans="8:8">
      <c r="H378270" s="12"/>
    </row>
    <row r="378271" spans="8:8">
      <c r="H378271" s="12"/>
    </row>
    <row r="378272" spans="8:8">
      <c r="H378272" s="12"/>
    </row>
    <row r="378273" spans="8:8">
      <c r="H378273" s="12"/>
    </row>
    <row r="378274" spans="8:8">
      <c r="H378274" s="12"/>
    </row>
    <row r="378275" spans="8:8">
      <c r="H378275" s="12"/>
    </row>
    <row r="378276" spans="8:8">
      <c r="H378276" s="12"/>
    </row>
    <row r="378277" spans="8:8">
      <c r="H378277" s="12"/>
    </row>
    <row r="378278" spans="8:8">
      <c r="H378278" s="12"/>
    </row>
    <row r="378279" spans="8:8">
      <c r="H378279" s="12"/>
    </row>
    <row r="378280" spans="8:8">
      <c r="H378280" s="12"/>
    </row>
    <row r="378281" spans="8:8">
      <c r="H378281" s="12"/>
    </row>
    <row r="378282" spans="8:8">
      <c r="H378282" s="12"/>
    </row>
    <row r="378283" spans="8:8">
      <c r="H378283" s="12"/>
    </row>
    <row r="378284" spans="8:8">
      <c r="H378284" s="12"/>
    </row>
    <row r="378285" spans="8:8">
      <c r="H378285" s="12"/>
    </row>
    <row r="378286" spans="8:8">
      <c r="H378286" s="12"/>
    </row>
    <row r="378287" spans="8:8">
      <c r="H378287" s="12"/>
    </row>
    <row r="378288" spans="8:8">
      <c r="H378288" s="12"/>
    </row>
    <row r="378289" spans="8:8">
      <c r="H378289" s="12"/>
    </row>
    <row r="378290" spans="8:8">
      <c r="H378290" s="12"/>
    </row>
    <row r="378291" spans="8:8">
      <c r="H378291" s="12"/>
    </row>
    <row r="378292" spans="8:8">
      <c r="H378292" s="12"/>
    </row>
    <row r="378293" spans="8:8">
      <c r="H378293" s="12"/>
    </row>
    <row r="378294" spans="8:8">
      <c r="H378294" s="12"/>
    </row>
    <row r="378295" spans="8:8">
      <c r="H378295" s="12"/>
    </row>
    <row r="378296" spans="8:8">
      <c r="H378296" s="12"/>
    </row>
    <row r="378297" spans="8:8">
      <c r="H378297" s="12"/>
    </row>
    <row r="378298" spans="8:8">
      <c r="H378298" s="12"/>
    </row>
    <row r="378299" spans="8:8">
      <c r="H378299" s="12"/>
    </row>
    <row r="378300" spans="8:8">
      <c r="H378300" s="12"/>
    </row>
    <row r="378301" spans="8:8">
      <c r="H378301" s="12"/>
    </row>
    <row r="378302" spans="8:8">
      <c r="H378302" s="12"/>
    </row>
    <row r="378303" spans="8:8">
      <c r="H378303" s="12"/>
    </row>
    <row r="378304" spans="8:8">
      <c r="H378304" s="12"/>
    </row>
    <row r="378305" spans="8:8">
      <c r="H378305" s="12"/>
    </row>
    <row r="378306" spans="8:8">
      <c r="H378306" s="12"/>
    </row>
    <row r="378307" spans="8:8">
      <c r="H378307" s="12"/>
    </row>
    <row r="378308" spans="8:8">
      <c r="H378308" s="12"/>
    </row>
    <row r="378309" spans="8:8">
      <c r="H378309" s="12"/>
    </row>
    <row r="378310" spans="8:8">
      <c r="H378310" s="12"/>
    </row>
    <row r="378311" spans="8:8">
      <c r="H378311" s="12"/>
    </row>
    <row r="378312" spans="8:8">
      <c r="H378312" s="12"/>
    </row>
    <row r="378313" spans="8:8">
      <c r="H378313" s="12"/>
    </row>
    <row r="378314" spans="8:8">
      <c r="H378314" s="12"/>
    </row>
    <row r="378315" spans="8:8">
      <c r="H378315" s="12"/>
    </row>
    <row r="378316" spans="8:8">
      <c r="H378316" s="12"/>
    </row>
    <row r="378317" spans="8:8">
      <c r="H378317" s="12"/>
    </row>
    <row r="378318" spans="8:8">
      <c r="H378318" s="12"/>
    </row>
    <row r="378319" spans="8:8">
      <c r="H378319" s="12"/>
    </row>
    <row r="378320" spans="8:8">
      <c r="H378320" s="12"/>
    </row>
    <row r="378321" spans="8:8">
      <c r="H378321" s="12"/>
    </row>
    <row r="378322" spans="8:8">
      <c r="H378322" s="12"/>
    </row>
    <row r="378323" spans="8:8">
      <c r="H378323" s="12"/>
    </row>
    <row r="378324" spans="8:8">
      <c r="H378324" s="12"/>
    </row>
    <row r="378325" spans="8:8">
      <c r="H378325" s="12"/>
    </row>
    <row r="378326" spans="8:8">
      <c r="H378326" s="12"/>
    </row>
    <row r="378327" spans="8:8">
      <c r="H378327" s="12"/>
    </row>
    <row r="378328" spans="8:8">
      <c r="H378328" s="12"/>
    </row>
    <row r="378329" spans="8:8">
      <c r="H378329" s="12"/>
    </row>
    <row r="378330" spans="8:8">
      <c r="H378330" s="12"/>
    </row>
    <row r="378331" spans="8:8">
      <c r="H378331" s="12"/>
    </row>
    <row r="378332" spans="8:8">
      <c r="H378332" s="12"/>
    </row>
    <row r="378333" spans="8:8">
      <c r="H378333" s="12"/>
    </row>
    <row r="378334" spans="8:8">
      <c r="H378334" s="12"/>
    </row>
    <row r="378335" spans="8:8">
      <c r="H378335" s="12"/>
    </row>
    <row r="378336" spans="8:8">
      <c r="H378336" s="12"/>
    </row>
    <row r="378337" spans="8:8">
      <c r="H378337" s="12"/>
    </row>
    <row r="378338" spans="8:8">
      <c r="H378338" s="12"/>
    </row>
    <row r="378339" spans="8:8">
      <c r="H378339" s="12"/>
    </row>
    <row r="378340" spans="8:8">
      <c r="H378340" s="12"/>
    </row>
    <row r="378341" spans="8:8">
      <c r="H378341" s="12"/>
    </row>
    <row r="378342" spans="8:8">
      <c r="H378342" s="12"/>
    </row>
    <row r="378343" spans="8:8">
      <c r="H378343" s="12"/>
    </row>
    <row r="378344" spans="8:8">
      <c r="H378344" s="12"/>
    </row>
    <row r="378345" spans="8:8">
      <c r="H378345" s="12"/>
    </row>
    <row r="378346" spans="8:8">
      <c r="H378346" s="12"/>
    </row>
    <row r="378347" spans="8:8">
      <c r="H378347" s="12"/>
    </row>
    <row r="378348" spans="8:8">
      <c r="H378348" s="12"/>
    </row>
    <row r="378349" spans="8:8">
      <c r="H378349" s="12"/>
    </row>
    <row r="378350" spans="8:8">
      <c r="H378350" s="12"/>
    </row>
    <row r="378351" spans="8:8">
      <c r="H378351" s="12"/>
    </row>
    <row r="378352" spans="8:8">
      <c r="H378352" s="12"/>
    </row>
    <row r="378353" spans="8:8">
      <c r="H378353" s="12"/>
    </row>
    <row r="378354" spans="8:8">
      <c r="H378354" s="12"/>
    </row>
    <row r="378355" spans="8:8">
      <c r="H378355" s="12"/>
    </row>
    <row r="378356" spans="8:8">
      <c r="H378356" s="12"/>
    </row>
    <row r="378357" spans="8:8">
      <c r="H378357" s="12"/>
    </row>
    <row r="378358" spans="8:8">
      <c r="H378358" s="12"/>
    </row>
    <row r="378359" spans="8:8">
      <c r="H378359" s="12"/>
    </row>
    <row r="378360" spans="8:8">
      <c r="H378360" s="12"/>
    </row>
    <row r="378361" spans="8:8">
      <c r="H378361" s="12"/>
    </row>
    <row r="378362" spans="8:8">
      <c r="H378362" s="12"/>
    </row>
    <row r="378363" spans="8:8">
      <c r="H378363" s="12"/>
    </row>
    <row r="378364" spans="8:8">
      <c r="H378364" s="12"/>
    </row>
    <row r="378365" spans="8:8">
      <c r="H378365" s="12"/>
    </row>
    <row r="378366" spans="8:8">
      <c r="H378366" s="12"/>
    </row>
    <row r="378367" spans="8:8">
      <c r="H378367" s="12"/>
    </row>
    <row r="378368" spans="8:8">
      <c r="H378368" s="12"/>
    </row>
    <row r="378369" spans="8:8">
      <c r="H378369" s="12"/>
    </row>
    <row r="378370" spans="8:8">
      <c r="H378370" s="12"/>
    </row>
    <row r="378371" spans="8:8">
      <c r="H378371" s="12"/>
    </row>
    <row r="378372" spans="8:8">
      <c r="H378372" s="12"/>
    </row>
    <row r="378373" spans="8:8">
      <c r="H378373" s="12"/>
    </row>
    <row r="378374" spans="8:8">
      <c r="H378374" s="12"/>
    </row>
    <row r="378375" spans="8:8">
      <c r="H378375" s="12"/>
    </row>
    <row r="378376" spans="8:8">
      <c r="H378376" s="12"/>
    </row>
    <row r="378377" spans="8:8">
      <c r="H378377" s="12"/>
    </row>
    <row r="378378" spans="8:8">
      <c r="H378378" s="12"/>
    </row>
    <row r="378379" spans="8:8">
      <c r="H378379" s="12"/>
    </row>
    <row r="378380" spans="8:8">
      <c r="H378380" s="12"/>
    </row>
    <row r="378381" spans="8:8">
      <c r="H378381" s="12"/>
    </row>
    <row r="378382" spans="8:8">
      <c r="H378382" s="12"/>
    </row>
    <row r="378383" spans="8:8">
      <c r="H378383" s="12"/>
    </row>
    <row r="378384" spans="8:8">
      <c r="H378384" s="12"/>
    </row>
    <row r="378385" spans="8:8">
      <c r="H378385" s="12"/>
    </row>
    <row r="378386" spans="8:8">
      <c r="H378386" s="12"/>
    </row>
    <row r="378387" spans="8:8">
      <c r="H378387" s="12"/>
    </row>
    <row r="378388" spans="8:8">
      <c r="H378388" s="12"/>
    </row>
    <row r="378389" spans="8:8">
      <c r="H378389" s="12"/>
    </row>
    <row r="378390" spans="8:8">
      <c r="H378390" s="12"/>
    </row>
    <row r="378391" spans="8:8">
      <c r="H378391" s="12"/>
    </row>
    <row r="378392" spans="8:8">
      <c r="H378392" s="12"/>
    </row>
    <row r="378393" spans="8:8">
      <c r="H378393" s="12"/>
    </row>
    <row r="378394" spans="8:8">
      <c r="H378394" s="12"/>
    </row>
    <row r="378395" spans="8:8">
      <c r="H378395" s="12"/>
    </row>
    <row r="378396" spans="8:8">
      <c r="H378396" s="12"/>
    </row>
    <row r="378397" spans="8:8">
      <c r="H378397" s="12"/>
    </row>
    <row r="378398" spans="8:8">
      <c r="H378398" s="12"/>
    </row>
    <row r="378399" spans="8:8">
      <c r="H378399" s="12"/>
    </row>
    <row r="378400" spans="8:8">
      <c r="H378400" s="12"/>
    </row>
    <row r="378401" spans="8:8">
      <c r="H378401" s="12"/>
    </row>
    <row r="378402" spans="8:8">
      <c r="H378402" s="12"/>
    </row>
    <row r="378403" spans="8:8">
      <c r="H378403" s="12"/>
    </row>
    <row r="378404" spans="8:8">
      <c r="H378404" s="12"/>
    </row>
    <row r="378405" spans="8:8">
      <c r="H378405" s="12"/>
    </row>
    <row r="378406" spans="8:8">
      <c r="H378406" s="12"/>
    </row>
    <row r="378407" spans="8:8">
      <c r="H378407" s="12"/>
    </row>
    <row r="378408" spans="8:8">
      <c r="H378408" s="12"/>
    </row>
    <row r="378409" spans="8:8">
      <c r="H378409" s="12"/>
    </row>
    <row r="378410" spans="8:8">
      <c r="H378410" s="12"/>
    </row>
    <row r="378411" spans="8:8">
      <c r="H378411" s="12"/>
    </row>
    <row r="378412" spans="8:8">
      <c r="H378412" s="12"/>
    </row>
    <row r="378413" spans="8:8">
      <c r="H378413" s="12"/>
    </row>
    <row r="378414" spans="8:8">
      <c r="H378414" s="12"/>
    </row>
    <row r="378415" spans="8:8">
      <c r="H378415" s="12"/>
    </row>
    <row r="378416" spans="8:8">
      <c r="H378416" s="12"/>
    </row>
    <row r="378417" spans="8:8">
      <c r="H378417" s="12"/>
    </row>
    <row r="378418" spans="8:8">
      <c r="H378418" s="12"/>
    </row>
    <row r="378419" spans="8:8">
      <c r="H378419" s="12"/>
    </row>
    <row r="378420" spans="8:8">
      <c r="H378420" s="12"/>
    </row>
    <row r="378421" spans="8:8">
      <c r="H378421" s="12"/>
    </row>
    <row r="378422" spans="8:8">
      <c r="H378422" s="12"/>
    </row>
    <row r="378423" spans="8:8">
      <c r="H378423" s="12"/>
    </row>
    <row r="378424" spans="8:8">
      <c r="H378424" s="12"/>
    </row>
    <row r="378425" spans="8:8">
      <c r="H378425" s="12"/>
    </row>
    <row r="378426" spans="8:8">
      <c r="H378426" s="12"/>
    </row>
    <row r="378427" spans="8:8">
      <c r="H378427" s="12"/>
    </row>
    <row r="378428" spans="8:8">
      <c r="H378428" s="12"/>
    </row>
    <row r="378429" spans="8:8">
      <c r="H378429" s="12"/>
    </row>
    <row r="378430" spans="8:8">
      <c r="H378430" s="12"/>
    </row>
    <row r="378431" spans="8:8">
      <c r="H378431" s="12"/>
    </row>
    <row r="378432" spans="8:8">
      <c r="H378432" s="12"/>
    </row>
    <row r="378433" spans="8:8">
      <c r="H378433" s="12"/>
    </row>
    <row r="378434" spans="8:8">
      <c r="H378434" s="12"/>
    </row>
    <row r="378435" spans="8:8">
      <c r="H378435" s="12"/>
    </row>
    <row r="378436" spans="8:8">
      <c r="H378436" s="12"/>
    </row>
    <row r="378437" spans="8:8">
      <c r="H378437" s="12"/>
    </row>
    <row r="378438" spans="8:8">
      <c r="H378438" s="12"/>
    </row>
    <row r="378439" spans="8:8">
      <c r="H378439" s="12"/>
    </row>
    <row r="378440" spans="8:8">
      <c r="H378440" s="12"/>
    </row>
    <row r="378441" spans="8:8">
      <c r="H378441" s="12"/>
    </row>
    <row r="378442" spans="8:8">
      <c r="H378442" s="12"/>
    </row>
    <row r="378443" spans="8:8">
      <c r="H378443" s="12"/>
    </row>
    <row r="378444" spans="8:8">
      <c r="H378444" s="12"/>
    </row>
    <row r="378445" spans="8:8">
      <c r="H378445" s="12"/>
    </row>
    <row r="378446" spans="8:8">
      <c r="H378446" s="12"/>
    </row>
    <row r="378447" spans="8:8">
      <c r="H378447" s="12"/>
    </row>
    <row r="378448" spans="8:8">
      <c r="H378448" s="12"/>
    </row>
    <row r="378449" spans="8:8">
      <c r="H378449" s="12"/>
    </row>
    <row r="378450" spans="8:8">
      <c r="H378450" s="12"/>
    </row>
    <row r="378451" spans="8:8">
      <c r="H378451" s="12"/>
    </row>
    <row r="378452" spans="8:8">
      <c r="H378452" s="12"/>
    </row>
    <row r="378453" spans="8:8">
      <c r="H378453" s="12"/>
    </row>
    <row r="378454" spans="8:8">
      <c r="H378454" s="12"/>
    </row>
    <row r="378455" spans="8:8">
      <c r="H378455" s="12"/>
    </row>
    <row r="378456" spans="8:8">
      <c r="H378456" s="12"/>
    </row>
    <row r="378457" spans="8:8">
      <c r="H378457" s="12"/>
    </row>
    <row r="378458" spans="8:8">
      <c r="H378458" s="12"/>
    </row>
    <row r="378459" spans="8:8">
      <c r="H378459" s="12"/>
    </row>
    <row r="378460" spans="8:8">
      <c r="H378460" s="12"/>
    </row>
    <row r="378461" spans="8:8">
      <c r="H378461" s="12"/>
    </row>
    <row r="378462" spans="8:8">
      <c r="H378462" s="12"/>
    </row>
    <row r="378463" spans="8:8">
      <c r="H378463" s="12"/>
    </row>
    <row r="378464" spans="8:8">
      <c r="H378464" s="12"/>
    </row>
    <row r="378465" spans="8:8">
      <c r="H378465" s="12"/>
    </row>
    <row r="378466" spans="8:8">
      <c r="H378466" s="12"/>
    </row>
    <row r="378467" spans="8:8">
      <c r="H378467" s="12"/>
    </row>
    <row r="378468" spans="8:8">
      <c r="H378468" s="12"/>
    </row>
    <row r="378469" spans="8:8">
      <c r="H378469" s="12"/>
    </row>
    <row r="378470" spans="8:8">
      <c r="H378470" s="12"/>
    </row>
    <row r="378471" spans="8:8">
      <c r="H378471" s="12"/>
    </row>
    <row r="378472" spans="8:8">
      <c r="H378472" s="12"/>
    </row>
    <row r="378473" spans="8:8">
      <c r="H378473" s="12"/>
    </row>
    <row r="378474" spans="8:8">
      <c r="H378474" s="12"/>
    </row>
    <row r="378475" spans="8:8">
      <c r="H378475" s="12"/>
    </row>
    <row r="378476" spans="8:8">
      <c r="H378476" s="12"/>
    </row>
    <row r="378477" spans="8:8">
      <c r="H378477" s="12"/>
    </row>
    <row r="378478" spans="8:8">
      <c r="H378478" s="12"/>
    </row>
    <row r="378479" spans="8:8">
      <c r="H378479" s="12"/>
    </row>
    <row r="378480" spans="8:8">
      <c r="H378480" s="12"/>
    </row>
    <row r="378481" spans="8:8">
      <c r="H378481" s="12"/>
    </row>
    <row r="378482" spans="8:8">
      <c r="H378482" s="12"/>
    </row>
    <row r="378483" spans="8:8">
      <c r="H378483" s="12"/>
    </row>
    <row r="378484" spans="8:8">
      <c r="H378484" s="12"/>
    </row>
    <row r="378485" spans="8:8">
      <c r="H378485" s="12"/>
    </row>
    <row r="378486" spans="8:8">
      <c r="H378486" s="12"/>
    </row>
    <row r="378487" spans="8:8">
      <c r="H378487" s="12"/>
    </row>
    <row r="378488" spans="8:8">
      <c r="H378488" s="12"/>
    </row>
    <row r="378489" spans="8:8">
      <c r="H378489" s="12"/>
    </row>
    <row r="378490" spans="8:8">
      <c r="H378490" s="12"/>
    </row>
    <row r="378491" spans="8:8">
      <c r="H378491" s="12"/>
    </row>
    <row r="378492" spans="8:8">
      <c r="H378492" s="12"/>
    </row>
    <row r="378493" spans="8:8">
      <c r="H378493" s="12"/>
    </row>
    <row r="378494" spans="8:8">
      <c r="H378494" s="12"/>
    </row>
    <row r="378495" spans="8:8">
      <c r="H378495" s="12"/>
    </row>
    <row r="378496" spans="8:8">
      <c r="H378496" s="12"/>
    </row>
    <row r="378497" spans="8:8">
      <c r="H378497" s="12"/>
    </row>
    <row r="378498" spans="8:8">
      <c r="H378498" s="12"/>
    </row>
    <row r="378499" spans="8:8">
      <c r="H378499" s="12"/>
    </row>
    <row r="378500" spans="8:8">
      <c r="H378500" s="12"/>
    </row>
    <row r="378501" spans="8:8">
      <c r="H378501" s="12"/>
    </row>
    <row r="378502" spans="8:8">
      <c r="H378502" s="12"/>
    </row>
    <row r="378503" spans="8:8">
      <c r="H378503" s="12"/>
    </row>
    <row r="378504" spans="8:8">
      <c r="H378504" s="12"/>
    </row>
    <row r="378505" spans="8:8">
      <c r="H378505" s="12"/>
    </row>
    <row r="378506" spans="8:8">
      <c r="H378506" s="12"/>
    </row>
    <row r="378507" spans="8:8">
      <c r="H378507" s="12"/>
    </row>
    <row r="378508" spans="8:8">
      <c r="H378508" s="12"/>
    </row>
    <row r="378509" spans="8:8">
      <c r="H378509" s="12"/>
    </row>
    <row r="378510" spans="8:8">
      <c r="H378510" s="12"/>
    </row>
    <row r="378511" spans="8:8">
      <c r="H378511" s="12"/>
    </row>
    <row r="378512" spans="8:8">
      <c r="H378512" s="12"/>
    </row>
    <row r="378513" spans="8:8">
      <c r="H378513" s="12"/>
    </row>
    <row r="378514" spans="8:8">
      <c r="H378514" s="12"/>
    </row>
    <row r="378515" spans="8:8">
      <c r="H378515" s="12"/>
    </row>
    <row r="378516" spans="8:8">
      <c r="H378516" s="12"/>
    </row>
    <row r="378517" spans="8:8">
      <c r="H378517" s="12"/>
    </row>
    <row r="378518" spans="8:8">
      <c r="H378518" s="12"/>
    </row>
    <row r="378519" spans="8:8">
      <c r="H378519" s="12"/>
    </row>
    <row r="378520" spans="8:8">
      <c r="H378520" s="12"/>
    </row>
    <row r="378521" spans="8:8">
      <c r="H378521" s="12"/>
    </row>
    <row r="378522" spans="8:8">
      <c r="H378522" s="12"/>
    </row>
    <row r="378523" spans="8:8">
      <c r="H378523" s="12"/>
    </row>
    <row r="378524" spans="8:8">
      <c r="H378524" s="12"/>
    </row>
    <row r="378525" spans="8:8">
      <c r="H378525" s="12"/>
    </row>
    <row r="378526" spans="8:8">
      <c r="H378526" s="12"/>
    </row>
    <row r="378527" spans="8:8">
      <c r="H378527" s="12"/>
    </row>
    <row r="378528" spans="8:8">
      <c r="H378528" s="12"/>
    </row>
    <row r="378529" spans="8:8">
      <c r="H378529" s="12"/>
    </row>
    <row r="378530" spans="8:8">
      <c r="H378530" s="12"/>
    </row>
    <row r="378531" spans="8:8">
      <c r="H378531" s="12"/>
    </row>
    <row r="378532" spans="8:8">
      <c r="H378532" s="12"/>
    </row>
    <row r="378533" spans="8:8">
      <c r="H378533" s="12"/>
    </row>
    <row r="378534" spans="8:8">
      <c r="H378534" s="12"/>
    </row>
    <row r="378535" spans="8:8">
      <c r="H378535" s="12"/>
    </row>
    <row r="378536" spans="8:8">
      <c r="H378536" s="12"/>
    </row>
    <row r="378537" spans="8:8">
      <c r="H378537" s="12"/>
    </row>
    <row r="378538" spans="8:8">
      <c r="H378538" s="12"/>
    </row>
    <row r="378539" spans="8:8">
      <c r="H378539" s="12"/>
    </row>
    <row r="378540" spans="8:8">
      <c r="H378540" s="12"/>
    </row>
    <row r="378541" spans="8:8">
      <c r="H378541" s="12"/>
    </row>
    <row r="378542" spans="8:8">
      <c r="H378542" s="12"/>
    </row>
    <row r="378543" spans="8:8">
      <c r="H378543" s="12"/>
    </row>
    <row r="378544" spans="8:8">
      <c r="H378544" s="12"/>
    </row>
    <row r="378545" spans="8:8">
      <c r="H378545" s="12"/>
    </row>
    <row r="378546" spans="8:8">
      <c r="H378546" s="12"/>
    </row>
    <row r="378547" spans="8:8">
      <c r="H378547" s="12"/>
    </row>
    <row r="378548" spans="8:8">
      <c r="H378548" s="12"/>
    </row>
    <row r="378549" spans="8:8">
      <c r="H378549" s="12"/>
    </row>
    <row r="378550" spans="8:8">
      <c r="H378550" s="12"/>
    </row>
    <row r="378551" spans="8:8">
      <c r="H378551" s="12"/>
    </row>
    <row r="378552" spans="8:8">
      <c r="H378552" s="12"/>
    </row>
    <row r="378553" spans="8:8">
      <c r="H378553" s="12"/>
    </row>
    <row r="378554" spans="8:8">
      <c r="H378554" s="12"/>
    </row>
    <row r="378555" spans="8:8">
      <c r="H378555" s="12"/>
    </row>
    <row r="378556" spans="8:8">
      <c r="H378556" s="12"/>
    </row>
    <row r="378557" spans="8:8">
      <c r="H378557" s="12"/>
    </row>
    <row r="378558" spans="8:8">
      <c r="H378558" s="12"/>
    </row>
    <row r="378559" spans="8:8">
      <c r="H378559" s="12"/>
    </row>
    <row r="378560" spans="8:8">
      <c r="H378560" s="12"/>
    </row>
    <row r="378561" spans="8:8">
      <c r="H378561" s="12"/>
    </row>
    <row r="378562" spans="8:8">
      <c r="H378562" s="12"/>
    </row>
    <row r="378563" spans="8:8">
      <c r="H378563" s="12"/>
    </row>
    <row r="378564" spans="8:8">
      <c r="H378564" s="12"/>
    </row>
    <row r="378565" spans="8:8">
      <c r="H378565" s="12"/>
    </row>
    <row r="378566" spans="8:8">
      <c r="H378566" s="12"/>
    </row>
    <row r="378567" spans="8:8">
      <c r="H378567" s="12"/>
    </row>
    <row r="378568" spans="8:8">
      <c r="H378568" s="12"/>
    </row>
    <row r="378569" spans="8:8">
      <c r="H378569" s="12"/>
    </row>
    <row r="378570" spans="8:8">
      <c r="H378570" s="12"/>
    </row>
    <row r="378571" spans="8:8">
      <c r="H378571" s="12"/>
    </row>
    <row r="378572" spans="8:8">
      <c r="H378572" s="12"/>
    </row>
    <row r="378573" spans="8:8">
      <c r="H378573" s="12"/>
    </row>
    <row r="378574" spans="8:8">
      <c r="H378574" s="12"/>
    </row>
    <row r="378575" spans="8:8">
      <c r="H378575" s="12"/>
    </row>
    <row r="378576" spans="8:8">
      <c r="H378576" s="12"/>
    </row>
    <row r="378577" spans="8:8">
      <c r="H378577" s="12"/>
    </row>
    <row r="378578" spans="8:8">
      <c r="H378578" s="12"/>
    </row>
    <row r="378579" spans="8:8">
      <c r="H378579" s="12"/>
    </row>
    <row r="378580" spans="8:8">
      <c r="H378580" s="12"/>
    </row>
    <row r="378581" spans="8:8">
      <c r="H378581" s="12"/>
    </row>
    <row r="378582" spans="8:8">
      <c r="H378582" s="12"/>
    </row>
    <row r="378583" spans="8:8">
      <c r="H378583" s="12"/>
    </row>
    <row r="378584" spans="8:8">
      <c r="H378584" s="12"/>
    </row>
    <row r="378585" spans="8:8">
      <c r="H378585" s="12"/>
    </row>
    <row r="378586" spans="8:8">
      <c r="H378586" s="12"/>
    </row>
    <row r="378587" spans="8:8">
      <c r="H378587" s="12"/>
    </row>
    <row r="378588" spans="8:8">
      <c r="H378588" s="12"/>
    </row>
    <row r="378589" spans="8:8">
      <c r="H378589" s="12"/>
    </row>
    <row r="378590" spans="8:8">
      <c r="H378590" s="12"/>
    </row>
    <row r="378591" spans="8:8">
      <c r="H378591" s="12"/>
    </row>
    <row r="378592" spans="8:8">
      <c r="H378592" s="12"/>
    </row>
    <row r="378593" spans="8:8">
      <c r="H378593" s="12"/>
    </row>
    <row r="378594" spans="8:8">
      <c r="H378594" s="12"/>
    </row>
    <row r="378595" spans="8:8">
      <c r="H378595" s="12"/>
    </row>
    <row r="378596" spans="8:8">
      <c r="H378596" s="12"/>
    </row>
    <row r="378597" spans="8:8">
      <c r="H378597" s="12"/>
    </row>
    <row r="378598" spans="8:8">
      <c r="H378598" s="12"/>
    </row>
    <row r="378599" spans="8:8">
      <c r="H378599" s="12"/>
    </row>
    <row r="378600" spans="8:8">
      <c r="H378600" s="12"/>
    </row>
    <row r="378601" spans="8:8">
      <c r="H378601" s="12"/>
    </row>
    <row r="378602" spans="8:8">
      <c r="H378602" s="12"/>
    </row>
    <row r="378603" spans="8:8">
      <c r="H378603" s="12"/>
    </row>
    <row r="378604" spans="8:8">
      <c r="H378604" s="12"/>
    </row>
    <row r="378605" spans="8:8">
      <c r="H378605" s="12"/>
    </row>
    <row r="378606" spans="8:8">
      <c r="H378606" s="12"/>
    </row>
    <row r="378607" spans="8:8">
      <c r="H378607" s="12"/>
    </row>
    <row r="378608" spans="8:8">
      <c r="H378608" s="12"/>
    </row>
    <row r="378609" spans="8:8">
      <c r="H378609" s="12"/>
    </row>
    <row r="378610" spans="8:8">
      <c r="H378610" s="12"/>
    </row>
    <row r="378611" spans="8:8">
      <c r="H378611" s="12"/>
    </row>
    <row r="378612" spans="8:8">
      <c r="H378612" s="12"/>
    </row>
    <row r="378613" spans="8:8">
      <c r="H378613" s="12"/>
    </row>
    <row r="378614" spans="8:8">
      <c r="H378614" s="12"/>
    </row>
    <row r="378615" spans="8:8">
      <c r="H378615" s="12"/>
    </row>
    <row r="378616" spans="8:8">
      <c r="H378616" s="12"/>
    </row>
    <row r="378617" spans="8:8">
      <c r="H378617" s="12"/>
    </row>
    <row r="378618" spans="8:8">
      <c r="H378618" s="12"/>
    </row>
    <row r="378619" spans="8:8">
      <c r="H378619" s="12"/>
    </row>
    <row r="378620" spans="8:8">
      <c r="H378620" s="12"/>
    </row>
    <row r="378621" spans="8:8">
      <c r="H378621" s="12"/>
    </row>
    <row r="378622" spans="8:8">
      <c r="H378622" s="12"/>
    </row>
    <row r="378623" spans="8:8">
      <c r="H378623" s="12"/>
    </row>
    <row r="378624" spans="8:8">
      <c r="H378624" s="12"/>
    </row>
    <row r="378625" spans="8:8">
      <c r="H378625" s="12"/>
    </row>
    <row r="378626" spans="8:8">
      <c r="H378626" s="12"/>
    </row>
    <row r="378627" spans="8:8">
      <c r="H378627" s="12"/>
    </row>
    <row r="378628" spans="8:8">
      <c r="H378628" s="12"/>
    </row>
    <row r="378629" spans="8:8">
      <c r="H378629" s="12"/>
    </row>
    <row r="378630" spans="8:8">
      <c r="H378630" s="12"/>
    </row>
    <row r="378631" spans="8:8">
      <c r="H378631" s="12"/>
    </row>
    <row r="378632" spans="8:8">
      <c r="H378632" s="12"/>
    </row>
    <row r="378633" spans="8:8">
      <c r="H378633" s="12"/>
    </row>
    <row r="378634" spans="8:8">
      <c r="H378634" s="12"/>
    </row>
    <row r="378635" spans="8:8">
      <c r="H378635" s="12"/>
    </row>
    <row r="378636" spans="8:8">
      <c r="H378636" s="12"/>
    </row>
    <row r="378637" spans="8:8">
      <c r="H378637" s="12"/>
    </row>
    <row r="378638" spans="8:8">
      <c r="H378638" s="12"/>
    </row>
    <row r="378639" spans="8:8">
      <c r="H378639" s="12"/>
    </row>
    <row r="378640" spans="8:8">
      <c r="H378640" s="12"/>
    </row>
    <row r="378641" spans="8:8">
      <c r="H378641" s="12"/>
    </row>
    <row r="378642" spans="8:8">
      <c r="H378642" s="12"/>
    </row>
    <row r="378643" spans="8:8">
      <c r="H378643" s="12"/>
    </row>
    <row r="378644" spans="8:8">
      <c r="H378644" s="12"/>
    </row>
    <row r="378645" spans="8:8">
      <c r="H378645" s="12"/>
    </row>
    <row r="378646" spans="8:8">
      <c r="H378646" s="12"/>
    </row>
    <row r="378647" spans="8:8">
      <c r="H378647" s="12"/>
    </row>
    <row r="378648" spans="8:8">
      <c r="H378648" s="12"/>
    </row>
    <row r="378649" spans="8:8">
      <c r="H378649" s="12"/>
    </row>
    <row r="378650" spans="8:8">
      <c r="H378650" s="12"/>
    </row>
    <row r="378651" spans="8:8">
      <c r="H378651" s="12"/>
    </row>
    <row r="378652" spans="8:8">
      <c r="H378652" s="12"/>
    </row>
    <row r="378653" spans="8:8">
      <c r="H378653" s="12"/>
    </row>
    <row r="378654" spans="8:8">
      <c r="H378654" s="12"/>
    </row>
    <row r="378655" spans="8:8">
      <c r="H378655" s="12"/>
    </row>
    <row r="378656" spans="8:8">
      <c r="H378656" s="12"/>
    </row>
    <row r="378657" spans="8:8">
      <c r="H378657" s="12"/>
    </row>
    <row r="378658" spans="8:8">
      <c r="H378658" s="12"/>
    </row>
    <row r="378659" spans="8:8">
      <c r="H378659" s="12"/>
    </row>
    <row r="378660" spans="8:8">
      <c r="H378660" s="12"/>
    </row>
    <row r="378661" spans="8:8">
      <c r="H378661" s="12"/>
    </row>
    <row r="378662" spans="8:8">
      <c r="H378662" s="12"/>
    </row>
    <row r="378663" spans="8:8">
      <c r="H378663" s="12"/>
    </row>
    <row r="378664" spans="8:8">
      <c r="H378664" s="12"/>
    </row>
    <row r="378665" spans="8:8">
      <c r="H378665" s="12"/>
    </row>
    <row r="378666" spans="8:8">
      <c r="H378666" s="12"/>
    </row>
    <row r="378667" spans="8:8">
      <c r="H378667" s="12"/>
    </row>
    <row r="378668" spans="8:8">
      <c r="H378668" s="12"/>
    </row>
    <row r="378669" spans="8:8">
      <c r="H378669" s="12"/>
    </row>
    <row r="378670" spans="8:8">
      <c r="H378670" s="12"/>
    </row>
    <row r="378671" spans="8:8">
      <c r="H378671" s="12"/>
    </row>
    <row r="378672" spans="8:8">
      <c r="H378672" s="12"/>
    </row>
    <row r="378673" spans="8:8">
      <c r="H378673" s="12"/>
    </row>
    <row r="378674" spans="8:8">
      <c r="H378674" s="12"/>
    </row>
    <row r="378675" spans="8:8">
      <c r="H378675" s="12"/>
    </row>
    <row r="378676" spans="8:8">
      <c r="H378676" s="12"/>
    </row>
    <row r="378677" spans="8:8">
      <c r="H378677" s="12"/>
    </row>
    <row r="378678" spans="8:8">
      <c r="H378678" s="12"/>
    </row>
    <row r="378679" spans="8:8">
      <c r="H378679" s="12"/>
    </row>
    <row r="378680" spans="8:8">
      <c r="H378680" s="12"/>
    </row>
    <row r="378681" spans="8:8">
      <c r="H378681" s="12"/>
    </row>
    <row r="378682" spans="8:8">
      <c r="H378682" s="12"/>
    </row>
    <row r="378683" spans="8:8">
      <c r="H378683" s="12"/>
    </row>
    <row r="378684" spans="8:8">
      <c r="H378684" s="12"/>
    </row>
    <row r="378685" spans="8:8">
      <c r="H378685" s="12"/>
    </row>
    <row r="378686" spans="8:8">
      <c r="H378686" s="12"/>
    </row>
    <row r="378687" spans="8:8">
      <c r="H378687" s="12"/>
    </row>
    <row r="378688" spans="8:8">
      <c r="H378688" s="12"/>
    </row>
    <row r="378689" spans="8:8">
      <c r="H378689" s="12"/>
    </row>
    <row r="378690" spans="8:8">
      <c r="H378690" s="12"/>
    </row>
    <row r="378691" spans="8:8">
      <c r="H378691" s="12"/>
    </row>
    <row r="378692" spans="8:8">
      <c r="H378692" s="12"/>
    </row>
    <row r="378693" spans="8:8">
      <c r="H378693" s="12"/>
    </row>
    <row r="378694" spans="8:8">
      <c r="H378694" s="12"/>
    </row>
    <row r="378695" spans="8:8">
      <c r="H378695" s="12"/>
    </row>
    <row r="378696" spans="8:8">
      <c r="H378696" s="12"/>
    </row>
    <row r="378697" spans="8:8">
      <c r="H378697" s="12"/>
    </row>
    <row r="378698" spans="8:8">
      <c r="H378698" s="12"/>
    </row>
    <row r="378699" spans="8:8">
      <c r="H378699" s="12"/>
    </row>
    <row r="378700" spans="8:8">
      <c r="H378700" s="12"/>
    </row>
    <row r="378701" spans="8:8">
      <c r="H378701" s="12"/>
    </row>
    <row r="378702" spans="8:8">
      <c r="H378702" s="12"/>
    </row>
    <row r="378703" spans="8:8">
      <c r="H378703" s="12"/>
    </row>
    <row r="378704" spans="8:8">
      <c r="H378704" s="12"/>
    </row>
    <row r="378705" spans="8:8">
      <c r="H378705" s="12"/>
    </row>
    <row r="378706" spans="8:8">
      <c r="H378706" s="12"/>
    </row>
    <row r="378707" spans="8:8">
      <c r="H378707" s="12"/>
    </row>
    <row r="378708" spans="8:8">
      <c r="H378708" s="12"/>
    </row>
    <row r="378709" spans="8:8">
      <c r="H378709" s="12"/>
    </row>
    <row r="378710" spans="8:8">
      <c r="H378710" s="12"/>
    </row>
    <row r="378711" spans="8:8">
      <c r="H378711" s="12"/>
    </row>
    <row r="378712" spans="8:8">
      <c r="H378712" s="12"/>
    </row>
    <row r="378713" spans="8:8">
      <c r="H378713" s="12"/>
    </row>
    <row r="378714" spans="8:8">
      <c r="H378714" s="12"/>
    </row>
    <row r="378715" spans="8:8">
      <c r="H378715" s="12"/>
    </row>
    <row r="378716" spans="8:8">
      <c r="H378716" s="12"/>
    </row>
    <row r="378717" spans="8:8">
      <c r="H378717" s="12"/>
    </row>
    <row r="378718" spans="8:8">
      <c r="H378718" s="12"/>
    </row>
    <row r="378719" spans="8:8">
      <c r="H378719" s="12"/>
    </row>
    <row r="378720" spans="8:8">
      <c r="H378720" s="12"/>
    </row>
    <row r="378721" spans="8:8">
      <c r="H378721" s="12"/>
    </row>
    <row r="378722" spans="8:8">
      <c r="H378722" s="12"/>
    </row>
    <row r="378723" spans="8:8">
      <c r="H378723" s="12"/>
    </row>
    <row r="378724" spans="8:8">
      <c r="H378724" s="12"/>
    </row>
    <row r="378725" spans="8:8">
      <c r="H378725" s="12"/>
    </row>
    <row r="378726" spans="8:8">
      <c r="H378726" s="12"/>
    </row>
    <row r="378727" spans="8:8">
      <c r="H378727" s="12"/>
    </row>
    <row r="378728" spans="8:8">
      <c r="H378728" s="12"/>
    </row>
    <row r="378729" spans="8:8">
      <c r="H378729" s="12"/>
    </row>
    <row r="378730" spans="8:8">
      <c r="H378730" s="12"/>
    </row>
    <row r="378731" spans="8:8">
      <c r="H378731" s="12"/>
    </row>
    <row r="378732" spans="8:8">
      <c r="H378732" s="12"/>
    </row>
    <row r="378733" spans="8:8">
      <c r="H378733" s="12"/>
    </row>
    <row r="378734" spans="8:8">
      <c r="H378734" s="12"/>
    </row>
    <row r="378735" spans="8:8">
      <c r="H378735" s="12"/>
    </row>
    <row r="378736" spans="8:8">
      <c r="H378736" s="12"/>
    </row>
    <row r="378737" spans="8:8">
      <c r="H378737" s="12"/>
    </row>
    <row r="378738" spans="8:8">
      <c r="H378738" s="12"/>
    </row>
    <row r="378739" spans="8:8">
      <c r="H378739" s="12"/>
    </row>
    <row r="378740" spans="8:8">
      <c r="H378740" s="12"/>
    </row>
    <row r="378741" spans="8:8">
      <c r="H378741" s="12"/>
    </row>
    <row r="378742" spans="8:8">
      <c r="H378742" s="12"/>
    </row>
    <row r="378743" spans="8:8">
      <c r="H378743" s="12"/>
    </row>
    <row r="378744" spans="8:8">
      <c r="H378744" s="12"/>
    </row>
    <row r="378745" spans="8:8">
      <c r="H378745" s="12"/>
    </row>
    <row r="378746" spans="8:8">
      <c r="H378746" s="12"/>
    </row>
    <row r="378747" spans="8:8">
      <c r="H378747" s="12"/>
    </row>
    <row r="378748" spans="8:8">
      <c r="H378748" s="12"/>
    </row>
    <row r="378749" spans="8:8">
      <c r="H378749" s="12"/>
    </row>
    <row r="378750" spans="8:8">
      <c r="H378750" s="12"/>
    </row>
    <row r="378751" spans="8:8">
      <c r="H378751" s="12"/>
    </row>
    <row r="378752" spans="8:8">
      <c r="H378752" s="12"/>
    </row>
    <row r="378753" spans="8:8">
      <c r="H378753" s="12"/>
    </row>
    <row r="378754" spans="8:8">
      <c r="H378754" s="12"/>
    </row>
    <row r="378755" spans="8:8">
      <c r="H378755" s="12"/>
    </row>
    <row r="378756" spans="8:8">
      <c r="H378756" s="12"/>
    </row>
    <row r="378757" spans="8:8">
      <c r="H378757" s="12"/>
    </row>
    <row r="378758" spans="8:8">
      <c r="H378758" s="12"/>
    </row>
    <row r="378759" spans="8:8">
      <c r="H378759" s="12"/>
    </row>
    <row r="378760" spans="8:8">
      <c r="H378760" s="12"/>
    </row>
    <row r="378761" spans="8:8">
      <c r="H378761" s="12"/>
    </row>
    <row r="378762" spans="8:8">
      <c r="H378762" s="12"/>
    </row>
    <row r="378763" spans="8:8">
      <c r="H378763" s="12"/>
    </row>
    <row r="378764" spans="8:8">
      <c r="H378764" s="12"/>
    </row>
    <row r="378765" spans="8:8">
      <c r="H378765" s="12"/>
    </row>
    <row r="378766" spans="8:8">
      <c r="H378766" s="12"/>
    </row>
    <row r="378767" spans="8:8">
      <c r="H378767" s="12"/>
    </row>
    <row r="378768" spans="8:8">
      <c r="H378768" s="12"/>
    </row>
    <row r="378769" spans="8:8">
      <c r="H378769" s="12"/>
    </row>
    <row r="378770" spans="8:8">
      <c r="H378770" s="12"/>
    </row>
    <row r="378771" spans="8:8">
      <c r="H378771" s="12"/>
    </row>
    <row r="378772" spans="8:8">
      <c r="H378772" s="12"/>
    </row>
    <row r="378773" spans="8:8">
      <c r="H378773" s="12"/>
    </row>
    <row r="378774" spans="8:8">
      <c r="H378774" s="12"/>
    </row>
    <row r="378775" spans="8:8">
      <c r="H378775" s="12"/>
    </row>
    <row r="378776" spans="8:8">
      <c r="H378776" s="12"/>
    </row>
    <row r="378777" spans="8:8">
      <c r="H378777" s="12"/>
    </row>
    <row r="378778" spans="8:8">
      <c r="H378778" s="12"/>
    </row>
    <row r="378779" spans="8:8">
      <c r="H378779" s="12"/>
    </row>
    <row r="378780" spans="8:8">
      <c r="H378780" s="12"/>
    </row>
    <row r="378781" spans="8:8">
      <c r="H378781" s="12"/>
    </row>
    <row r="378782" spans="8:8">
      <c r="H378782" s="12"/>
    </row>
    <row r="378783" spans="8:8">
      <c r="H378783" s="12"/>
    </row>
    <row r="378784" spans="8:8">
      <c r="H378784" s="12"/>
    </row>
    <row r="378785" spans="8:8">
      <c r="H378785" s="12"/>
    </row>
    <row r="378786" spans="8:8">
      <c r="H378786" s="12"/>
    </row>
    <row r="378787" spans="8:8">
      <c r="H378787" s="12"/>
    </row>
    <row r="378788" spans="8:8">
      <c r="H378788" s="12"/>
    </row>
    <row r="378789" spans="8:8">
      <c r="H378789" s="12"/>
    </row>
    <row r="378790" spans="8:8">
      <c r="H378790" s="12"/>
    </row>
    <row r="378791" spans="8:8">
      <c r="H378791" s="12"/>
    </row>
    <row r="378792" spans="8:8">
      <c r="H378792" s="12"/>
    </row>
    <row r="378793" spans="8:8">
      <c r="H378793" s="12"/>
    </row>
    <row r="378794" spans="8:8">
      <c r="H378794" s="12"/>
    </row>
    <row r="378795" spans="8:8">
      <c r="H378795" s="12"/>
    </row>
    <row r="378796" spans="8:8">
      <c r="H378796" s="12"/>
    </row>
    <row r="378797" spans="8:8">
      <c r="H378797" s="12"/>
    </row>
    <row r="378798" spans="8:8">
      <c r="H378798" s="12"/>
    </row>
    <row r="378799" spans="8:8">
      <c r="H378799" s="12"/>
    </row>
    <row r="378800" spans="8:8">
      <c r="H378800" s="12"/>
    </row>
    <row r="378801" spans="8:8">
      <c r="H378801" s="12"/>
    </row>
    <row r="378802" spans="8:8">
      <c r="H378802" s="12"/>
    </row>
    <row r="378803" spans="8:8">
      <c r="H378803" s="12"/>
    </row>
    <row r="378804" spans="8:8">
      <c r="H378804" s="12"/>
    </row>
    <row r="378805" spans="8:8">
      <c r="H378805" s="12"/>
    </row>
    <row r="378806" spans="8:8">
      <c r="H378806" s="12"/>
    </row>
    <row r="378807" spans="8:8">
      <c r="H378807" s="12"/>
    </row>
    <row r="378808" spans="8:8">
      <c r="H378808" s="12"/>
    </row>
    <row r="378809" spans="8:8">
      <c r="H378809" s="12"/>
    </row>
    <row r="378810" spans="8:8">
      <c r="H378810" s="12"/>
    </row>
    <row r="378811" spans="8:8">
      <c r="H378811" s="12"/>
    </row>
    <row r="378812" spans="8:8">
      <c r="H378812" s="12"/>
    </row>
    <row r="378813" spans="8:8">
      <c r="H378813" s="12"/>
    </row>
    <row r="378814" spans="8:8">
      <c r="H378814" s="12"/>
    </row>
    <row r="378815" spans="8:8">
      <c r="H378815" s="12"/>
    </row>
    <row r="378816" spans="8:8">
      <c r="H378816" s="12"/>
    </row>
    <row r="378817" spans="8:8">
      <c r="H378817" s="12"/>
    </row>
    <row r="378818" spans="8:8">
      <c r="H378818" s="12"/>
    </row>
    <row r="378819" spans="8:8">
      <c r="H378819" s="12"/>
    </row>
    <row r="378820" spans="8:8">
      <c r="H378820" s="12"/>
    </row>
    <row r="378821" spans="8:8">
      <c r="H378821" s="12"/>
    </row>
    <row r="378822" spans="8:8">
      <c r="H378822" s="12"/>
    </row>
    <row r="378823" spans="8:8">
      <c r="H378823" s="12"/>
    </row>
    <row r="378824" spans="8:8">
      <c r="H378824" s="12"/>
    </row>
    <row r="378825" spans="8:8">
      <c r="H378825" s="12"/>
    </row>
    <row r="378826" spans="8:8">
      <c r="H378826" s="12"/>
    </row>
    <row r="378827" spans="8:8">
      <c r="H378827" s="12"/>
    </row>
    <row r="378828" spans="8:8">
      <c r="H378828" s="12"/>
    </row>
    <row r="378829" spans="8:8">
      <c r="H378829" s="12"/>
    </row>
    <row r="378830" spans="8:8">
      <c r="H378830" s="12"/>
    </row>
    <row r="378831" spans="8:8">
      <c r="H378831" s="12"/>
    </row>
    <row r="378832" spans="8:8">
      <c r="H378832" s="12"/>
    </row>
    <row r="378833" spans="8:8">
      <c r="H378833" s="12"/>
    </row>
    <row r="378834" spans="8:8">
      <c r="H378834" s="12"/>
    </row>
    <row r="378835" spans="8:8">
      <c r="H378835" s="12"/>
    </row>
    <row r="378836" spans="8:8">
      <c r="H378836" s="12"/>
    </row>
    <row r="378837" spans="8:8">
      <c r="H378837" s="12"/>
    </row>
    <row r="378838" spans="8:8">
      <c r="H378838" s="12"/>
    </row>
    <row r="378839" spans="8:8">
      <c r="H378839" s="12"/>
    </row>
    <row r="378840" spans="8:8">
      <c r="H378840" s="12"/>
    </row>
    <row r="378841" spans="8:8">
      <c r="H378841" s="12"/>
    </row>
    <row r="378842" spans="8:8">
      <c r="H378842" s="12"/>
    </row>
    <row r="378843" spans="8:8">
      <c r="H378843" s="12"/>
    </row>
    <row r="378844" spans="8:8">
      <c r="H378844" s="12"/>
    </row>
    <row r="378845" spans="8:8">
      <c r="H378845" s="12"/>
    </row>
    <row r="378846" spans="8:8">
      <c r="H378846" s="12"/>
    </row>
    <row r="378847" spans="8:8">
      <c r="H378847" s="12"/>
    </row>
    <row r="378848" spans="8:8">
      <c r="H378848" s="12"/>
    </row>
    <row r="378849" spans="8:8">
      <c r="H378849" s="12"/>
    </row>
    <row r="378850" spans="8:8">
      <c r="H378850" s="12"/>
    </row>
    <row r="378851" spans="8:8">
      <c r="H378851" s="12"/>
    </row>
    <row r="378852" spans="8:8">
      <c r="H378852" s="12"/>
    </row>
    <row r="378853" spans="8:8">
      <c r="H378853" s="12"/>
    </row>
    <row r="378854" spans="8:8">
      <c r="H378854" s="12"/>
    </row>
    <row r="378855" spans="8:8">
      <c r="H378855" s="12"/>
    </row>
    <row r="378856" spans="8:8">
      <c r="H378856" s="12"/>
    </row>
    <row r="378857" spans="8:8">
      <c r="H378857" s="12"/>
    </row>
    <row r="378858" spans="8:8">
      <c r="H378858" s="12"/>
    </row>
    <row r="378859" spans="8:8">
      <c r="H378859" s="12"/>
    </row>
    <row r="378860" spans="8:8">
      <c r="H378860" s="12"/>
    </row>
    <row r="378861" spans="8:8">
      <c r="H378861" s="12"/>
    </row>
    <row r="378862" spans="8:8">
      <c r="H378862" s="12"/>
    </row>
    <row r="378863" spans="8:8">
      <c r="H378863" s="12"/>
    </row>
    <row r="378864" spans="8:8">
      <c r="H378864" s="12"/>
    </row>
    <row r="378865" spans="8:8">
      <c r="H378865" s="12"/>
    </row>
    <row r="378866" spans="8:8">
      <c r="H378866" s="12"/>
    </row>
    <row r="378867" spans="8:8">
      <c r="H378867" s="12"/>
    </row>
    <row r="378868" spans="8:8">
      <c r="H378868" s="12"/>
    </row>
    <row r="378869" spans="8:8">
      <c r="H378869" s="12"/>
    </row>
    <row r="378870" spans="8:8">
      <c r="H378870" s="12"/>
    </row>
    <row r="378871" spans="8:8">
      <c r="H378871" s="12"/>
    </row>
    <row r="378872" spans="8:8">
      <c r="H378872" s="12"/>
    </row>
    <row r="378873" spans="8:8">
      <c r="H378873" s="12"/>
    </row>
    <row r="378874" spans="8:8">
      <c r="H378874" s="12"/>
    </row>
    <row r="378875" spans="8:8">
      <c r="H378875" s="12"/>
    </row>
    <row r="378876" spans="8:8">
      <c r="H378876" s="12"/>
    </row>
    <row r="378877" spans="8:8">
      <c r="H378877" s="12"/>
    </row>
    <row r="378878" spans="8:8">
      <c r="H378878" s="12"/>
    </row>
    <row r="378879" spans="8:8">
      <c r="H378879" s="12"/>
    </row>
    <row r="378880" spans="8:8">
      <c r="H378880" s="12"/>
    </row>
    <row r="378881" spans="8:8">
      <c r="H378881" s="12"/>
    </row>
    <row r="378882" spans="8:8">
      <c r="H378882" s="12"/>
    </row>
    <row r="378883" spans="8:8">
      <c r="H378883" s="12"/>
    </row>
    <row r="378884" spans="8:8">
      <c r="H378884" s="12"/>
    </row>
    <row r="378885" spans="8:8">
      <c r="H378885" s="12"/>
    </row>
    <row r="378886" spans="8:8">
      <c r="H378886" s="12"/>
    </row>
    <row r="378887" spans="8:8">
      <c r="H378887" s="12"/>
    </row>
    <row r="378888" spans="8:8">
      <c r="H378888" s="12"/>
    </row>
    <row r="378889" spans="8:8">
      <c r="H378889" s="12"/>
    </row>
    <row r="378890" spans="8:8">
      <c r="H378890" s="12"/>
    </row>
    <row r="378891" spans="8:8">
      <c r="H378891" s="12"/>
    </row>
    <row r="378892" spans="8:8">
      <c r="H378892" s="12"/>
    </row>
    <row r="378893" spans="8:8">
      <c r="H378893" s="12"/>
    </row>
    <row r="378894" spans="8:8">
      <c r="H378894" s="12"/>
    </row>
    <row r="378895" spans="8:8">
      <c r="H378895" s="12"/>
    </row>
    <row r="378896" spans="8:8">
      <c r="H378896" s="12"/>
    </row>
    <row r="378897" spans="8:8">
      <c r="H378897" s="12"/>
    </row>
    <row r="378898" spans="8:8">
      <c r="H378898" s="12"/>
    </row>
    <row r="378899" spans="8:8">
      <c r="H378899" s="12"/>
    </row>
    <row r="378900" spans="8:8">
      <c r="H378900" s="12"/>
    </row>
    <row r="378901" spans="8:8">
      <c r="H378901" s="12"/>
    </row>
    <row r="378902" spans="8:8">
      <c r="H378902" s="12"/>
    </row>
    <row r="378903" spans="8:8">
      <c r="H378903" s="12"/>
    </row>
    <row r="378904" spans="8:8">
      <c r="H378904" s="12"/>
    </row>
    <row r="378905" spans="8:8">
      <c r="H378905" s="12"/>
    </row>
    <row r="378906" spans="8:8">
      <c r="H378906" s="12"/>
    </row>
    <row r="378907" spans="8:8">
      <c r="H378907" s="12"/>
    </row>
    <row r="378908" spans="8:8">
      <c r="H378908" s="12"/>
    </row>
    <row r="378909" spans="8:8">
      <c r="H378909" s="12"/>
    </row>
    <row r="378910" spans="8:8">
      <c r="H378910" s="12"/>
    </row>
    <row r="378911" spans="8:8">
      <c r="H378911" s="12"/>
    </row>
    <row r="378912" spans="8:8">
      <c r="H378912" s="12"/>
    </row>
    <row r="378913" spans="8:8">
      <c r="H378913" s="12"/>
    </row>
    <row r="378914" spans="8:8">
      <c r="H378914" s="12"/>
    </row>
    <row r="378915" spans="8:8">
      <c r="H378915" s="12"/>
    </row>
    <row r="378916" spans="8:8">
      <c r="H378916" s="12"/>
    </row>
    <row r="378917" spans="8:8">
      <c r="H378917" s="12"/>
    </row>
    <row r="378918" spans="8:8">
      <c r="H378918" s="12"/>
    </row>
    <row r="378919" spans="8:8">
      <c r="H378919" s="12"/>
    </row>
    <row r="378920" spans="8:8">
      <c r="H378920" s="12"/>
    </row>
    <row r="378921" spans="8:8">
      <c r="H378921" s="12"/>
    </row>
    <row r="378922" spans="8:8">
      <c r="H378922" s="12"/>
    </row>
    <row r="378923" spans="8:8">
      <c r="H378923" s="12"/>
    </row>
    <row r="378924" spans="8:8">
      <c r="H378924" s="12"/>
    </row>
    <row r="378925" spans="8:8">
      <c r="H378925" s="12"/>
    </row>
    <row r="378926" spans="8:8">
      <c r="H378926" s="12"/>
    </row>
    <row r="378927" spans="8:8">
      <c r="H378927" s="12"/>
    </row>
    <row r="378928" spans="8:8">
      <c r="H378928" s="12"/>
    </row>
    <row r="378929" spans="8:8">
      <c r="H378929" s="12"/>
    </row>
    <row r="378930" spans="8:8">
      <c r="H378930" s="12"/>
    </row>
    <row r="378931" spans="8:8">
      <c r="H378931" s="12"/>
    </row>
    <row r="378932" spans="8:8">
      <c r="H378932" s="12"/>
    </row>
    <row r="378933" spans="8:8">
      <c r="H378933" s="12"/>
    </row>
    <row r="378934" spans="8:8">
      <c r="H378934" s="12"/>
    </row>
    <row r="378935" spans="8:8">
      <c r="H378935" s="12"/>
    </row>
    <row r="378936" spans="8:8">
      <c r="H378936" s="12"/>
    </row>
    <row r="378937" spans="8:8">
      <c r="H378937" s="12"/>
    </row>
    <row r="378938" spans="8:8">
      <c r="H378938" s="12"/>
    </row>
    <row r="378939" spans="8:8">
      <c r="H378939" s="12"/>
    </row>
    <row r="378940" spans="8:8">
      <c r="H378940" s="12"/>
    </row>
    <row r="378941" spans="8:8">
      <c r="H378941" s="12"/>
    </row>
    <row r="378942" spans="8:8">
      <c r="H378942" s="12"/>
    </row>
    <row r="378943" spans="8:8">
      <c r="H378943" s="12"/>
    </row>
    <row r="378944" spans="8:8">
      <c r="H378944" s="12"/>
    </row>
    <row r="378945" spans="8:8">
      <c r="H378945" s="12"/>
    </row>
    <row r="378946" spans="8:8">
      <c r="H378946" s="12"/>
    </row>
    <row r="378947" spans="8:8">
      <c r="H378947" s="12"/>
    </row>
    <row r="378948" spans="8:8">
      <c r="H378948" s="12"/>
    </row>
    <row r="378949" spans="8:8">
      <c r="H378949" s="12"/>
    </row>
    <row r="378950" spans="8:8">
      <c r="H378950" s="12"/>
    </row>
    <row r="378951" spans="8:8">
      <c r="H378951" s="12"/>
    </row>
    <row r="378952" spans="8:8">
      <c r="H378952" s="12"/>
    </row>
    <row r="378953" spans="8:8">
      <c r="H378953" s="12"/>
    </row>
    <row r="378954" spans="8:8">
      <c r="H378954" s="12"/>
    </row>
    <row r="378955" spans="8:8">
      <c r="H378955" s="12"/>
    </row>
    <row r="378956" spans="8:8">
      <c r="H378956" s="12"/>
    </row>
    <row r="378957" spans="8:8">
      <c r="H378957" s="12"/>
    </row>
    <row r="378958" spans="8:8">
      <c r="H378958" s="12"/>
    </row>
    <row r="378959" spans="8:8">
      <c r="H378959" s="12"/>
    </row>
    <row r="378960" spans="8:8">
      <c r="H378960" s="12"/>
    </row>
    <row r="378961" spans="8:8">
      <c r="H378961" s="12"/>
    </row>
    <row r="378962" spans="8:8">
      <c r="H378962" s="12"/>
    </row>
    <row r="378963" spans="8:8">
      <c r="H378963" s="12"/>
    </row>
    <row r="378964" spans="8:8">
      <c r="H378964" s="12"/>
    </row>
    <row r="378965" spans="8:8">
      <c r="H378965" s="12"/>
    </row>
    <row r="378966" spans="8:8">
      <c r="H378966" s="12"/>
    </row>
    <row r="378967" spans="8:8">
      <c r="H378967" s="12"/>
    </row>
    <row r="378968" spans="8:8">
      <c r="H378968" s="12"/>
    </row>
    <row r="378969" spans="8:8">
      <c r="H378969" s="12"/>
    </row>
    <row r="378970" spans="8:8">
      <c r="H378970" s="12"/>
    </row>
    <row r="378971" spans="8:8">
      <c r="H378971" s="12"/>
    </row>
    <row r="378972" spans="8:8">
      <c r="H378972" s="12"/>
    </row>
    <row r="378973" spans="8:8">
      <c r="H378973" s="12"/>
    </row>
    <row r="378974" spans="8:8">
      <c r="H378974" s="12"/>
    </row>
    <row r="378975" spans="8:8">
      <c r="H378975" s="12"/>
    </row>
    <row r="378976" spans="8:8">
      <c r="H378976" s="12"/>
    </row>
    <row r="378977" spans="8:8">
      <c r="H378977" s="12"/>
    </row>
    <row r="378978" spans="8:8">
      <c r="H378978" s="12"/>
    </row>
    <row r="378979" spans="8:8">
      <c r="H378979" s="12"/>
    </row>
    <row r="378980" spans="8:8">
      <c r="H378980" s="12"/>
    </row>
    <row r="378981" spans="8:8">
      <c r="H378981" s="12"/>
    </row>
    <row r="378982" spans="8:8">
      <c r="H378982" s="12"/>
    </row>
    <row r="378983" spans="8:8">
      <c r="H378983" s="12"/>
    </row>
    <row r="378984" spans="8:8">
      <c r="H378984" s="12"/>
    </row>
    <row r="378985" spans="8:8">
      <c r="H378985" s="12"/>
    </row>
    <row r="378986" spans="8:8">
      <c r="H378986" s="12"/>
    </row>
    <row r="378987" spans="8:8">
      <c r="H378987" s="12"/>
    </row>
    <row r="378988" spans="8:8">
      <c r="H378988" s="12"/>
    </row>
    <row r="378989" spans="8:8">
      <c r="H378989" s="12"/>
    </row>
    <row r="378990" spans="8:8">
      <c r="H378990" s="12"/>
    </row>
    <row r="378991" spans="8:8">
      <c r="H378991" s="12"/>
    </row>
    <row r="378992" spans="8:8">
      <c r="H378992" s="12"/>
    </row>
    <row r="378993" spans="8:8">
      <c r="H378993" s="12"/>
    </row>
    <row r="378994" spans="8:8">
      <c r="H378994" s="12"/>
    </row>
    <row r="378995" spans="8:8">
      <c r="H378995" s="12"/>
    </row>
    <row r="378996" spans="8:8">
      <c r="H378996" s="12"/>
    </row>
    <row r="378997" spans="8:8">
      <c r="H378997" s="12"/>
    </row>
    <row r="378998" spans="8:8">
      <c r="H378998" s="12"/>
    </row>
    <row r="378999" spans="8:8">
      <c r="H378999" s="12"/>
    </row>
    <row r="379000" spans="8:8">
      <c r="H379000" s="12"/>
    </row>
    <row r="379001" spans="8:8">
      <c r="H379001" s="12"/>
    </row>
    <row r="379002" spans="8:8">
      <c r="H379002" s="12"/>
    </row>
    <row r="379003" spans="8:8">
      <c r="H379003" s="12"/>
    </row>
    <row r="379004" spans="8:8">
      <c r="H379004" s="12"/>
    </row>
    <row r="379005" spans="8:8">
      <c r="H379005" s="12"/>
    </row>
    <row r="379006" spans="8:8">
      <c r="H379006" s="12"/>
    </row>
    <row r="379007" spans="8:8">
      <c r="H379007" s="12"/>
    </row>
    <row r="379008" spans="8:8">
      <c r="H379008" s="12"/>
    </row>
    <row r="379009" spans="8:8">
      <c r="H379009" s="12"/>
    </row>
    <row r="379010" spans="8:8">
      <c r="H379010" s="12"/>
    </row>
    <row r="379011" spans="8:8">
      <c r="H379011" s="12"/>
    </row>
    <row r="379012" spans="8:8">
      <c r="H379012" s="12"/>
    </row>
    <row r="379013" spans="8:8">
      <c r="H379013" s="12"/>
    </row>
    <row r="379014" spans="8:8">
      <c r="H379014" s="12"/>
    </row>
    <row r="379015" spans="8:8">
      <c r="H379015" s="12"/>
    </row>
    <row r="379016" spans="8:8">
      <c r="H379016" s="12"/>
    </row>
    <row r="379017" spans="8:8">
      <c r="H379017" s="12"/>
    </row>
    <row r="379018" spans="8:8">
      <c r="H379018" s="12"/>
    </row>
    <row r="379019" spans="8:8">
      <c r="H379019" s="12"/>
    </row>
    <row r="379020" spans="8:8">
      <c r="H379020" s="12"/>
    </row>
    <row r="379021" spans="8:8">
      <c r="H379021" s="12"/>
    </row>
    <row r="379022" spans="8:8">
      <c r="H379022" s="12"/>
    </row>
    <row r="379023" spans="8:8">
      <c r="H379023" s="12"/>
    </row>
    <row r="379024" spans="8:8">
      <c r="H379024" s="12"/>
    </row>
    <row r="379025" spans="8:8">
      <c r="H379025" s="12"/>
    </row>
    <row r="379026" spans="8:8">
      <c r="H379026" s="12"/>
    </row>
    <row r="379027" spans="8:8">
      <c r="H379027" s="12"/>
    </row>
    <row r="379028" spans="8:8">
      <c r="H379028" s="12"/>
    </row>
    <row r="379029" spans="8:8">
      <c r="H379029" s="12"/>
    </row>
    <row r="379030" spans="8:8">
      <c r="H379030" s="12"/>
    </row>
    <row r="379031" spans="8:8">
      <c r="H379031" s="12"/>
    </row>
    <row r="379032" spans="8:8">
      <c r="H379032" s="12"/>
    </row>
    <row r="379033" spans="8:8">
      <c r="H379033" s="12"/>
    </row>
    <row r="379034" spans="8:8">
      <c r="H379034" s="12"/>
    </row>
    <row r="379035" spans="8:8">
      <c r="H379035" s="12"/>
    </row>
    <row r="379036" spans="8:8">
      <c r="H379036" s="12"/>
    </row>
    <row r="379037" spans="8:8">
      <c r="H379037" s="12"/>
    </row>
    <row r="379038" spans="8:8">
      <c r="H379038" s="12"/>
    </row>
    <row r="379039" spans="8:8">
      <c r="H379039" s="12"/>
    </row>
    <row r="379040" spans="8:8">
      <c r="H379040" s="12"/>
    </row>
    <row r="379041" spans="8:8">
      <c r="H379041" s="12"/>
    </row>
    <row r="379042" spans="8:8">
      <c r="H379042" s="12"/>
    </row>
    <row r="379043" spans="8:8">
      <c r="H379043" s="12"/>
    </row>
    <row r="379044" spans="8:8">
      <c r="H379044" s="12"/>
    </row>
    <row r="379045" spans="8:8">
      <c r="H379045" s="12"/>
    </row>
    <row r="379046" spans="8:8">
      <c r="H379046" s="12"/>
    </row>
    <row r="379047" spans="8:8">
      <c r="H379047" s="12"/>
    </row>
    <row r="379048" spans="8:8">
      <c r="H379048" s="12"/>
    </row>
    <row r="379049" spans="8:8">
      <c r="H379049" s="12"/>
    </row>
    <row r="379050" spans="8:8">
      <c r="H379050" s="12"/>
    </row>
    <row r="379051" spans="8:8">
      <c r="H379051" s="12"/>
    </row>
    <row r="379052" spans="8:8">
      <c r="H379052" s="12"/>
    </row>
    <row r="379053" spans="8:8">
      <c r="H379053" s="12"/>
    </row>
    <row r="379054" spans="8:8">
      <c r="H379054" s="12"/>
    </row>
    <row r="379055" spans="8:8">
      <c r="H379055" s="12"/>
    </row>
    <row r="379056" spans="8:8">
      <c r="H379056" s="12"/>
    </row>
    <row r="379057" spans="8:8">
      <c r="H379057" s="12"/>
    </row>
    <row r="379058" spans="8:8">
      <c r="H379058" s="12"/>
    </row>
    <row r="379059" spans="8:8">
      <c r="H379059" s="12"/>
    </row>
    <row r="379060" spans="8:8">
      <c r="H379060" s="12"/>
    </row>
    <row r="379061" spans="8:8">
      <c r="H379061" s="12"/>
    </row>
    <row r="379062" spans="8:8">
      <c r="H379062" s="12"/>
    </row>
    <row r="379063" spans="8:8">
      <c r="H379063" s="12"/>
    </row>
    <row r="379064" spans="8:8">
      <c r="H379064" s="12"/>
    </row>
    <row r="379065" spans="8:8">
      <c r="H379065" s="12"/>
    </row>
    <row r="379066" spans="8:8">
      <c r="H379066" s="12"/>
    </row>
    <row r="379067" spans="8:8">
      <c r="H379067" s="12"/>
    </row>
    <row r="379068" spans="8:8">
      <c r="H379068" s="12"/>
    </row>
    <row r="379069" spans="8:8">
      <c r="H379069" s="12"/>
    </row>
    <row r="379070" spans="8:8">
      <c r="H379070" s="12"/>
    </row>
    <row r="379071" spans="8:8">
      <c r="H379071" s="12"/>
    </row>
    <row r="379072" spans="8:8">
      <c r="H379072" s="12"/>
    </row>
    <row r="379073" spans="8:8">
      <c r="H379073" s="12"/>
    </row>
    <row r="379074" spans="8:8">
      <c r="H379074" s="12"/>
    </row>
    <row r="379075" spans="8:8">
      <c r="H379075" s="12"/>
    </row>
    <row r="379076" spans="8:8">
      <c r="H379076" s="12"/>
    </row>
    <row r="379077" spans="8:8">
      <c r="H379077" s="12"/>
    </row>
    <row r="379078" spans="8:8">
      <c r="H379078" s="12"/>
    </row>
    <row r="379079" spans="8:8">
      <c r="H379079" s="12"/>
    </row>
    <row r="379080" spans="8:8">
      <c r="H379080" s="12"/>
    </row>
    <row r="379081" spans="8:8">
      <c r="H379081" s="12"/>
    </row>
    <row r="379082" spans="8:8">
      <c r="H379082" s="12"/>
    </row>
    <row r="379083" spans="8:8">
      <c r="H379083" s="12"/>
    </row>
    <row r="379084" spans="8:8">
      <c r="H379084" s="12"/>
    </row>
    <row r="379085" spans="8:8">
      <c r="H379085" s="12"/>
    </row>
    <row r="379086" spans="8:8">
      <c r="H379086" s="12"/>
    </row>
    <row r="379087" spans="8:8">
      <c r="H379087" s="12"/>
    </row>
    <row r="379088" spans="8:8">
      <c r="H379088" s="12"/>
    </row>
    <row r="379089" spans="8:8">
      <c r="H379089" s="12"/>
    </row>
    <row r="379090" spans="8:8">
      <c r="H379090" s="12"/>
    </row>
    <row r="379091" spans="8:8">
      <c r="H379091" s="12"/>
    </row>
    <row r="379092" spans="8:8">
      <c r="H379092" s="12"/>
    </row>
    <row r="379093" spans="8:8">
      <c r="H379093" s="12"/>
    </row>
    <row r="379094" spans="8:8">
      <c r="H379094" s="12"/>
    </row>
    <row r="379095" spans="8:8">
      <c r="H379095" s="12"/>
    </row>
    <row r="379096" spans="8:8">
      <c r="H379096" s="12"/>
    </row>
    <row r="379097" spans="8:8">
      <c r="H379097" s="12"/>
    </row>
    <row r="379098" spans="8:8">
      <c r="H379098" s="12"/>
    </row>
    <row r="379099" spans="8:8">
      <c r="H379099" s="12"/>
    </row>
    <row r="379100" spans="8:8">
      <c r="H379100" s="12"/>
    </row>
    <row r="379101" spans="8:8">
      <c r="H379101" s="12"/>
    </row>
    <row r="379102" spans="8:8">
      <c r="H379102" s="12"/>
    </row>
    <row r="379103" spans="8:8">
      <c r="H379103" s="12"/>
    </row>
    <row r="379104" spans="8:8">
      <c r="H379104" s="12"/>
    </row>
    <row r="379105" spans="8:8">
      <c r="H379105" s="12"/>
    </row>
    <row r="379106" spans="8:8">
      <c r="H379106" s="12"/>
    </row>
    <row r="379107" spans="8:8">
      <c r="H379107" s="12"/>
    </row>
    <row r="379108" spans="8:8">
      <c r="H379108" s="12"/>
    </row>
    <row r="379109" spans="8:8">
      <c r="H379109" s="12"/>
    </row>
    <row r="379110" spans="8:8">
      <c r="H379110" s="12"/>
    </row>
    <row r="379111" spans="8:8">
      <c r="H379111" s="12"/>
    </row>
    <row r="379112" spans="8:8">
      <c r="H379112" s="12"/>
    </row>
    <row r="379113" spans="8:8">
      <c r="H379113" s="12"/>
    </row>
    <row r="379114" spans="8:8">
      <c r="H379114" s="12"/>
    </row>
    <row r="379115" spans="8:8">
      <c r="H379115" s="12"/>
    </row>
    <row r="379116" spans="8:8">
      <c r="H379116" s="12"/>
    </row>
    <row r="379117" spans="8:8">
      <c r="H379117" s="12"/>
    </row>
    <row r="379118" spans="8:8">
      <c r="H379118" s="12"/>
    </row>
    <row r="379119" spans="8:8">
      <c r="H379119" s="12"/>
    </row>
    <row r="379120" spans="8:8">
      <c r="H379120" s="12"/>
    </row>
    <row r="379121" spans="8:8">
      <c r="H379121" s="12"/>
    </row>
    <row r="379122" spans="8:8">
      <c r="H379122" s="12"/>
    </row>
    <row r="379123" spans="8:8">
      <c r="H379123" s="12"/>
    </row>
    <row r="379124" spans="8:8">
      <c r="H379124" s="12"/>
    </row>
    <row r="379125" spans="8:8">
      <c r="H379125" s="12"/>
    </row>
    <row r="379126" spans="8:8">
      <c r="H379126" s="12"/>
    </row>
    <row r="379127" spans="8:8">
      <c r="H379127" s="12"/>
    </row>
    <row r="379128" spans="8:8">
      <c r="H379128" s="12"/>
    </row>
    <row r="379129" spans="8:8">
      <c r="H379129" s="12"/>
    </row>
    <row r="379130" spans="8:8">
      <c r="H379130" s="12"/>
    </row>
    <row r="379131" spans="8:8">
      <c r="H379131" s="12"/>
    </row>
    <row r="379132" spans="8:8">
      <c r="H379132" s="12"/>
    </row>
    <row r="379133" spans="8:8">
      <c r="H379133" s="12"/>
    </row>
    <row r="379134" spans="8:8">
      <c r="H379134" s="12"/>
    </row>
    <row r="379135" spans="8:8">
      <c r="H379135" s="12"/>
    </row>
    <row r="379136" spans="8:8">
      <c r="H379136" s="12"/>
    </row>
    <row r="379137" spans="8:8">
      <c r="H379137" s="12"/>
    </row>
    <row r="379138" spans="8:8">
      <c r="H379138" s="12"/>
    </row>
    <row r="379139" spans="8:8">
      <c r="H379139" s="12"/>
    </row>
    <row r="379140" spans="8:8">
      <c r="H379140" s="12"/>
    </row>
    <row r="379141" spans="8:8">
      <c r="H379141" s="12"/>
    </row>
    <row r="379142" spans="8:8">
      <c r="H379142" s="12"/>
    </row>
    <row r="379143" spans="8:8">
      <c r="H379143" s="12"/>
    </row>
    <row r="379144" spans="8:8">
      <c r="H379144" s="12"/>
    </row>
    <row r="379145" spans="8:8">
      <c r="H379145" s="12"/>
    </row>
    <row r="379146" spans="8:8">
      <c r="H379146" s="12"/>
    </row>
    <row r="379147" spans="8:8">
      <c r="H379147" s="12"/>
    </row>
    <row r="379148" spans="8:8">
      <c r="H379148" s="12"/>
    </row>
    <row r="379149" spans="8:8">
      <c r="H379149" s="12"/>
    </row>
    <row r="379150" spans="8:8">
      <c r="H379150" s="12"/>
    </row>
    <row r="379151" spans="8:8">
      <c r="H379151" s="12"/>
    </row>
    <row r="379152" spans="8:8">
      <c r="H379152" s="12"/>
    </row>
    <row r="379153" spans="8:8">
      <c r="H379153" s="12"/>
    </row>
    <row r="379154" spans="8:8">
      <c r="H379154" s="12"/>
    </row>
    <row r="379155" spans="8:8">
      <c r="H379155" s="12"/>
    </row>
    <row r="379156" spans="8:8">
      <c r="H379156" s="12"/>
    </row>
    <row r="379157" spans="8:8">
      <c r="H379157" s="12"/>
    </row>
    <row r="379158" spans="8:8">
      <c r="H379158" s="12"/>
    </row>
    <row r="379159" spans="8:8">
      <c r="H379159" s="12"/>
    </row>
    <row r="379160" spans="8:8">
      <c r="H379160" s="12"/>
    </row>
    <row r="379161" spans="8:8">
      <c r="H379161" s="12"/>
    </row>
    <row r="379162" spans="8:8">
      <c r="H379162" s="12"/>
    </row>
    <row r="379163" spans="8:8">
      <c r="H379163" s="12"/>
    </row>
    <row r="379164" spans="8:8">
      <c r="H379164" s="12"/>
    </row>
    <row r="379165" spans="8:8">
      <c r="H379165" s="12"/>
    </row>
    <row r="379166" spans="8:8">
      <c r="H379166" s="12"/>
    </row>
    <row r="379167" spans="8:8">
      <c r="H379167" s="12"/>
    </row>
    <row r="379168" spans="8:8">
      <c r="H379168" s="12"/>
    </row>
    <row r="379169" spans="8:8">
      <c r="H379169" s="12"/>
    </row>
    <row r="379170" spans="8:8">
      <c r="H379170" s="12"/>
    </row>
    <row r="379171" spans="8:8">
      <c r="H379171" s="12"/>
    </row>
    <row r="379172" spans="8:8">
      <c r="H379172" s="12"/>
    </row>
    <row r="379173" spans="8:8">
      <c r="H379173" s="12"/>
    </row>
    <row r="379174" spans="8:8">
      <c r="H379174" s="12"/>
    </row>
    <row r="379175" spans="8:8">
      <c r="H379175" s="12"/>
    </row>
    <row r="379176" spans="8:8">
      <c r="H379176" s="12"/>
    </row>
    <row r="379177" spans="8:8">
      <c r="H379177" s="12"/>
    </row>
    <row r="379178" spans="8:8">
      <c r="H379178" s="12"/>
    </row>
    <row r="379179" spans="8:8">
      <c r="H379179" s="12"/>
    </row>
    <row r="379180" spans="8:8">
      <c r="H379180" s="12"/>
    </row>
    <row r="379181" spans="8:8">
      <c r="H379181" s="12"/>
    </row>
    <row r="379182" spans="8:8">
      <c r="H379182" s="12"/>
    </row>
    <row r="379183" spans="8:8">
      <c r="H379183" s="12"/>
    </row>
    <row r="379184" spans="8:8">
      <c r="H379184" s="12"/>
    </row>
    <row r="379185" spans="8:8">
      <c r="H379185" s="12"/>
    </row>
    <row r="379186" spans="8:8">
      <c r="H379186" s="12"/>
    </row>
    <row r="379187" spans="8:8">
      <c r="H379187" s="12"/>
    </row>
    <row r="379188" spans="8:8">
      <c r="H379188" s="12"/>
    </row>
    <row r="379189" spans="8:8">
      <c r="H379189" s="12"/>
    </row>
    <row r="379190" spans="8:8">
      <c r="H379190" s="12"/>
    </row>
    <row r="379191" spans="8:8">
      <c r="H379191" s="12"/>
    </row>
    <row r="379192" spans="8:8">
      <c r="H379192" s="12"/>
    </row>
    <row r="379193" spans="8:8">
      <c r="H379193" s="12"/>
    </row>
    <row r="379194" spans="8:8">
      <c r="H379194" s="12"/>
    </row>
    <row r="379195" spans="8:8">
      <c r="H379195" s="12"/>
    </row>
    <row r="379196" spans="8:8">
      <c r="H379196" s="12"/>
    </row>
    <row r="379197" spans="8:8">
      <c r="H379197" s="12"/>
    </row>
    <row r="379198" spans="8:8">
      <c r="H379198" s="12"/>
    </row>
    <row r="379199" spans="8:8">
      <c r="H379199" s="12"/>
    </row>
    <row r="379200" spans="8:8">
      <c r="H379200" s="12"/>
    </row>
    <row r="379201" spans="8:8">
      <c r="H379201" s="12"/>
    </row>
    <row r="379202" spans="8:8">
      <c r="H379202" s="12"/>
    </row>
    <row r="379203" spans="8:8">
      <c r="H379203" s="12"/>
    </row>
    <row r="379204" spans="8:8">
      <c r="H379204" s="12"/>
    </row>
    <row r="379205" spans="8:8">
      <c r="H379205" s="12"/>
    </row>
    <row r="379206" spans="8:8">
      <c r="H379206" s="12"/>
    </row>
    <row r="379207" spans="8:8">
      <c r="H379207" s="12"/>
    </row>
    <row r="379208" spans="8:8">
      <c r="H379208" s="12"/>
    </row>
    <row r="379209" spans="8:8">
      <c r="H379209" s="12"/>
    </row>
    <row r="379210" spans="8:8">
      <c r="H379210" s="12"/>
    </row>
    <row r="379211" spans="8:8">
      <c r="H379211" s="12"/>
    </row>
    <row r="379212" spans="8:8">
      <c r="H379212" s="12"/>
    </row>
    <row r="379213" spans="8:8">
      <c r="H379213" s="12"/>
    </row>
    <row r="379214" spans="8:8">
      <c r="H379214" s="12"/>
    </row>
    <row r="379215" spans="8:8">
      <c r="H379215" s="12"/>
    </row>
    <row r="379216" spans="8:8">
      <c r="H379216" s="12"/>
    </row>
    <row r="379217" spans="8:8">
      <c r="H379217" s="12"/>
    </row>
    <row r="379218" spans="8:8">
      <c r="H379218" s="12"/>
    </row>
    <row r="379219" spans="8:8">
      <c r="H379219" s="12"/>
    </row>
    <row r="379220" spans="8:8">
      <c r="H379220" s="12"/>
    </row>
    <row r="379221" spans="8:8">
      <c r="H379221" s="12"/>
    </row>
    <row r="379222" spans="8:8">
      <c r="H379222" s="12"/>
    </row>
    <row r="379223" spans="8:8">
      <c r="H379223" s="12"/>
    </row>
    <row r="379224" spans="8:8">
      <c r="H379224" s="12"/>
    </row>
    <row r="379225" spans="8:8">
      <c r="H379225" s="12"/>
    </row>
    <row r="379226" spans="8:8">
      <c r="H379226" s="12"/>
    </row>
    <row r="379227" spans="8:8">
      <c r="H379227" s="12"/>
    </row>
    <row r="379228" spans="8:8">
      <c r="H379228" s="12"/>
    </row>
    <row r="379229" spans="8:8">
      <c r="H379229" s="12"/>
    </row>
    <row r="379230" spans="8:8">
      <c r="H379230" s="12"/>
    </row>
    <row r="379231" spans="8:8">
      <c r="H379231" s="12"/>
    </row>
    <row r="379232" spans="8:8">
      <c r="H379232" s="12"/>
    </row>
    <row r="379233" spans="8:8">
      <c r="H379233" s="12"/>
    </row>
    <row r="379234" spans="8:8">
      <c r="H379234" s="12"/>
    </row>
    <row r="379235" spans="8:8">
      <c r="H379235" s="12"/>
    </row>
    <row r="379236" spans="8:8">
      <c r="H379236" s="12"/>
    </row>
    <row r="379237" spans="8:8">
      <c r="H379237" s="12"/>
    </row>
    <row r="379238" spans="8:8">
      <c r="H379238" s="12"/>
    </row>
    <row r="379239" spans="8:8">
      <c r="H379239" s="12"/>
    </row>
    <row r="379240" spans="8:8">
      <c r="H379240" s="12"/>
    </row>
    <row r="379241" spans="8:8">
      <c r="H379241" s="12"/>
    </row>
    <row r="379242" spans="8:8">
      <c r="H379242" s="12"/>
    </row>
    <row r="379243" spans="8:8">
      <c r="H379243" s="12"/>
    </row>
    <row r="379244" spans="8:8">
      <c r="H379244" s="12"/>
    </row>
    <row r="379245" spans="8:8">
      <c r="H379245" s="12"/>
    </row>
    <row r="379246" spans="8:8">
      <c r="H379246" s="12"/>
    </row>
    <row r="379247" spans="8:8">
      <c r="H379247" s="12"/>
    </row>
    <row r="379248" spans="8:8">
      <c r="H379248" s="12"/>
    </row>
    <row r="379249" spans="8:8">
      <c r="H379249" s="12"/>
    </row>
    <row r="379250" spans="8:8">
      <c r="H379250" s="12"/>
    </row>
    <row r="379251" spans="8:8">
      <c r="H379251" s="12"/>
    </row>
    <row r="379252" spans="8:8">
      <c r="H379252" s="12"/>
    </row>
    <row r="379253" spans="8:8">
      <c r="H379253" s="12"/>
    </row>
    <row r="379254" spans="8:8">
      <c r="H379254" s="12"/>
    </row>
    <row r="379255" spans="8:8">
      <c r="H379255" s="12"/>
    </row>
    <row r="379256" spans="8:8">
      <c r="H379256" s="12"/>
    </row>
    <row r="379257" spans="8:8">
      <c r="H379257" s="12"/>
    </row>
    <row r="379258" spans="8:8">
      <c r="H379258" s="12"/>
    </row>
    <row r="379259" spans="8:8">
      <c r="H379259" s="12"/>
    </row>
    <row r="379260" spans="8:8">
      <c r="H379260" s="12"/>
    </row>
    <row r="379261" spans="8:8">
      <c r="H379261" s="12"/>
    </row>
    <row r="379262" spans="8:8">
      <c r="H379262" s="12"/>
    </row>
    <row r="379263" spans="8:8">
      <c r="H379263" s="12"/>
    </row>
    <row r="379264" spans="8:8">
      <c r="H379264" s="12"/>
    </row>
    <row r="379265" spans="8:8">
      <c r="H379265" s="12"/>
    </row>
    <row r="379266" spans="8:8">
      <c r="H379266" s="12"/>
    </row>
    <row r="379267" spans="8:8">
      <c r="H379267" s="12"/>
    </row>
    <row r="379268" spans="8:8">
      <c r="H379268" s="12"/>
    </row>
    <row r="379269" spans="8:8">
      <c r="H379269" s="12"/>
    </row>
    <row r="379270" spans="8:8">
      <c r="H379270" s="12"/>
    </row>
    <row r="379271" spans="8:8">
      <c r="H379271" s="12"/>
    </row>
    <row r="379272" spans="8:8">
      <c r="H379272" s="12"/>
    </row>
    <row r="379273" spans="8:8">
      <c r="H379273" s="12"/>
    </row>
    <row r="379274" spans="8:8">
      <c r="H379274" s="12"/>
    </row>
    <row r="379275" spans="8:8">
      <c r="H379275" s="12"/>
    </row>
    <row r="379276" spans="8:8">
      <c r="H379276" s="12"/>
    </row>
    <row r="379277" spans="8:8">
      <c r="H379277" s="12"/>
    </row>
    <row r="379278" spans="8:8">
      <c r="H379278" s="12"/>
    </row>
    <row r="379279" spans="8:8">
      <c r="H379279" s="12"/>
    </row>
    <row r="379280" spans="8:8">
      <c r="H379280" s="12"/>
    </row>
    <row r="379281" spans="8:8">
      <c r="H379281" s="12"/>
    </row>
    <row r="379282" spans="8:8">
      <c r="H379282" s="12"/>
    </row>
    <row r="379283" spans="8:8">
      <c r="H379283" s="12"/>
    </row>
    <row r="379284" spans="8:8">
      <c r="H379284" s="12"/>
    </row>
    <row r="379285" spans="8:8">
      <c r="H379285" s="12"/>
    </row>
    <row r="379286" spans="8:8">
      <c r="H379286" s="12"/>
    </row>
    <row r="379287" spans="8:8">
      <c r="H379287" s="12"/>
    </row>
    <row r="379288" spans="8:8">
      <c r="H379288" s="12"/>
    </row>
    <row r="379289" spans="8:8">
      <c r="H379289" s="12"/>
    </row>
    <row r="379290" spans="8:8">
      <c r="H379290" s="12"/>
    </row>
    <row r="379291" spans="8:8">
      <c r="H379291" s="12"/>
    </row>
    <row r="379292" spans="8:8">
      <c r="H379292" s="12"/>
    </row>
    <row r="379293" spans="8:8">
      <c r="H379293" s="12"/>
    </row>
    <row r="379294" spans="8:8">
      <c r="H379294" s="12"/>
    </row>
    <row r="379295" spans="8:8">
      <c r="H379295" s="12"/>
    </row>
    <row r="379296" spans="8:8">
      <c r="H379296" s="12"/>
    </row>
    <row r="379297" spans="8:8">
      <c r="H379297" s="12"/>
    </row>
    <row r="379298" spans="8:8">
      <c r="H379298" s="12"/>
    </row>
    <row r="379299" spans="8:8">
      <c r="H379299" s="12"/>
    </row>
    <row r="379300" spans="8:8">
      <c r="H379300" s="12"/>
    </row>
    <row r="379301" spans="8:8">
      <c r="H379301" s="12"/>
    </row>
    <row r="379302" spans="8:8">
      <c r="H379302" s="12"/>
    </row>
    <row r="379303" spans="8:8">
      <c r="H379303" s="12"/>
    </row>
    <row r="379304" spans="8:8">
      <c r="H379304" s="12"/>
    </row>
    <row r="379305" spans="8:8">
      <c r="H379305" s="12"/>
    </row>
    <row r="379306" spans="8:8">
      <c r="H379306" s="12"/>
    </row>
    <row r="379307" spans="8:8">
      <c r="H379307" s="12"/>
    </row>
    <row r="379308" spans="8:8">
      <c r="H379308" s="12"/>
    </row>
    <row r="379309" spans="8:8">
      <c r="H379309" s="12"/>
    </row>
    <row r="379310" spans="8:8">
      <c r="H379310" s="12"/>
    </row>
    <row r="379311" spans="8:8">
      <c r="H379311" s="12"/>
    </row>
    <row r="379312" spans="8:8">
      <c r="H379312" s="12"/>
    </row>
    <row r="379313" spans="8:8">
      <c r="H379313" s="12"/>
    </row>
    <row r="379314" spans="8:8">
      <c r="H379314" s="12"/>
    </row>
    <row r="379315" spans="8:8">
      <c r="H379315" s="12"/>
    </row>
    <row r="379316" spans="8:8">
      <c r="H379316" s="12"/>
    </row>
    <row r="379317" spans="8:8">
      <c r="H379317" s="12"/>
    </row>
    <row r="379318" spans="8:8">
      <c r="H379318" s="12"/>
    </row>
    <row r="379319" spans="8:8">
      <c r="H379319" s="12"/>
    </row>
    <row r="379320" spans="8:8">
      <c r="H379320" s="12"/>
    </row>
    <row r="379321" spans="8:8">
      <c r="H379321" s="12"/>
    </row>
    <row r="379322" spans="8:8">
      <c r="H379322" s="12"/>
    </row>
    <row r="379323" spans="8:8">
      <c r="H379323" s="12"/>
    </row>
    <row r="379324" spans="8:8">
      <c r="H379324" s="12"/>
    </row>
    <row r="379325" spans="8:8">
      <c r="H379325" s="12"/>
    </row>
    <row r="379326" spans="8:8">
      <c r="H379326" s="12"/>
    </row>
    <row r="379327" spans="8:8">
      <c r="H379327" s="12"/>
    </row>
    <row r="379328" spans="8:8">
      <c r="H379328" s="12"/>
    </row>
    <row r="379329" spans="8:8">
      <c r="H379329" s="12"/>
    </row>
    <row r="379330" spans="8:8">
      <c r="H379330" s="12"/>
    </row>
    <row r="379331" spans="8:8">
      <c r="H379331" s="12"/>
    </row>
    <row r="379332" spans="8:8">
      <c r="H379332" s="12"/>
    </row>
    <row r="379333" spans="8:8">
      <c r="H379333" s="12"/>
    </row>
    <row r="379334" spans="8:8">
      <c r="H379334" s="12"/>
    </row>
    <row r="379335" spans="8:8">
      <c r="H379335" s="12"/>
    </row>
    <row r="379336" spans="8:8">
      <c r="H379336" s="12"/>
    </row>
    <row r="379337" spans="8:8">
      <c r="H379337" s="12"/>
    </row>
    <row r="379338" spans="8:8">
      <c r="H379338" s="12"/>
    </row>
    <row r="379339" spans="8:8">
      <c r="H379339" s="12"/>
    </row>
    <row r="379340" spans="8:8">
      <c r="H379340" s="12"/>
    </row>
    <row r="379341" spans="8:8">
      <c r="H379341" s="12"/>
    </row>
    <row r="379342" spans="8:8">
      <c r="H379342" s="12"/>
    </row>
    <row r="379343" spans="8:8">
      <c r="H379343" s="12"/>
    </row>
    <row r="379344" spans="8:8">
      <c r="H379344" s="12"/>
    </row>
    <row r="379345" spans="8:8">
      <c r="H379345" s="12"/>
    </row>
    <row r="379346" spans="8:8">
      <c r="H379346" s="12"/>
    </row>
    <row r="379347" spans="8:8">
      <c r="H379347" s="12"/>
    </row>
    <row r="379348" spans="8:8">
      <c r="H379348" s="12"/>
    </row>
    <row r="379349" spans="8:8">
      <c r="H379349" s="12"/>
    </row>
    <row r="379350" spans="8:8">
      <c r="H379350" s="12"/>
    </row>
    <row r="379351" spans="8:8">
      <c r="H379351" s="12"/>
    </row>
    <row r="379352" spans="8:8">
      <c r="H379352" s="12"/>
    </row>
    <row r="379353" spans="8:8">
      <c r="H379353" s="12"/>
    </row>
    <row r="379354" spans="8:8">
      <c r="H379354" s="12"/>
    </row>
    <row r="379355" spans="8:8">
      <c r="H379355" s="12"/>
    </row>
    <row r="379356" spans="8:8">
      <c r="H379356" s="12"/>
    </row>
    <row r="379357" spans="8:8">
      <c r="H379357" s="12"/>
    </row>
    <row r="379358" spans="8:8">
      <c r="H379358" s="12"/>
    </row>
    <row r="379359" spans="8:8">
      <c r="H379359" s="12"/>
    </row>
    <row r="379360" spans="8:8">
      <c r="H379360" s="12"/>
    </row>
    <row r="379361" spans="8:8">
      <c r="H379361" s="12"/>
    </row>
    <row r="379362" spans="8:8">
      <c r="H379362" s="12"/>
    </row>
    <row r="379363" spans="8:8">
      <c r="H379363" s="12"/>
    </row>
    <row r="379364" spans="8:8">
      <c r="H379364" s="12"/>
    </row>
    <row r="379365" spans="8:8">
      <c r="H379365" s="12"/>
    </row>
    <row r="379366" spans="8:8">
      <c r="H379366" s="12"/>
    </row>
    <row r="379367" spans="8:8">
      <c r="H379367" s="12"/>
    </row>
    <row r="379368" spans="8:8">
      <c r="H379368" s="12"/>
    </row>
    <row r="379369" spans="8:8">
      <c r="H379369" s="12"/>
    </row>
    <row r="379370" spans="8:8">
      <c r="H379370" s="12"/>
    </row>
    <row r="379371" spans="8:8">
      <c r="H379371" s="12"/>
    </row>
    <row r="379372" spans="8:8">
      <c r="H379372" s="12"/>
    </row>
    <row r="379373" spans="8:8">
      <c r="H379373" s="12"/>
    </row>
    <row r="379374" spans="8:8">
      <c r="H379374" s="12"/>
    </row>
    <row r="379375" spans="8:8">
      <c r="H379375" s="12"/>
    </row>
    <row r="379376" spans="8:8">
      <c r="H379376" s="12"/>
    </row>
    <row r="379377" spans="8:8">
      <c r="H379377" s="12"/>
    </row>
    <row r="379378" spans="8:8">
      <c r="H379378" s="12"/>
    </row>
    <row r="379379" spans="8:8">
      <c r="H379379" s="12"/>
    </row>
    <row r="379380" spans="8:8">
      <c r="H379380" s="12"/>
    </row>
    <row r="379381" spans="8:8">
      <c r="H379381" s="12"/>
    </row>
    <row r="379382" spans="8:8">
      <c r="H379382" s="12"/>
    </row>
    <row r="379383" spans="8:8">
      <c r="H379383" s="12"/>
    </row>
    <row r="379384" spans="8:8">
      <c r="H379384" s="12"/>
    </row>
    <row r="379385" spans="8:8">
      <c r="H379385" s="12"/>
    </row>
    <row r="379386" spans="8:8">
      <c r="H379386" s="12"/>
    </row>
    <row r="379387" spans="8:8">
      <c r="H379387" s="12"/>
    </row>
    <row r="379388" spans="8:8">
      <c r="H379388" s="12"/>
    </row>
    <row r="379389" spans="8:8">
      <c r="H379389" s="12"/>
    </row>
    <row r="379390" spans="8:8">
      <c r="H379390" s="12"/>
    </row>
    <row r="379391" spans="8:8">
      <c r="H379391" s="12"/>
    </row>
    <row r="379392" spans="8:8">
      <c r="H379392" s="12"/>
    </row>
    <row r="379393" spans="8:8">
      <c r="H379393" s="12"/>
    </row>
    <row r="379394" spans="8:8">
      <c r="H379394" s="12"/>
    </row>
    <row r="379395" spans="8:8">
      <c r="H379395" s="12"/>
    </row>
    <row r="379396" spans="8:8">
      <c r="H379396" s="12"/>
    </row>
    <row r="379397" spans="8:8">
      <c r="H379397" s="12"/>
    </row>
    <row r="379398" spans="8:8">
      <c r="H379398" s="12"/>
    </row>
    <row r="379399" spans="8:8">
      <c r="H379399" s="12"/>
    </row>
    <row r="379400" spans="8:8">
      <c r="H379400" s="12"/>
    </row>
    <row r="379401" spans="8:8">
      <c r="H379401" s="12"/>
    </row>
    <row r="379402" spans="8:8">
      <c r="H379402" s="12"/>
    </row>
    <row r="379403" spans="8:8">
      <c r="H379403" s="12"/>
    </row>
    <row r="379404" spans="8:8">
      <c r="H379404" s="12"/>
    </row>
    <row r="379405" spans="8:8">
      <c r="H379405" s="12"/>
    </row>
    <row r="379406" spans="8:8">
      <c r="H379406" s="12"/>
    </row>
    <row r="379407" spans="8:8">
      <c r="H379407" s="12"/>
    </row>
    <row r="379408" spans="8:8">
      <c r="H379408" s="12"/>
    </row>
    <row r="379409" spans="8:8">
      <c r="H379409" s="12"/>
    </row>
    <row r="379410" spans="8:8">
      <c r="H379410" s="12"/>
    </row>
    <row r="379411" spans="8:8">
      <c r="H379411" s="12"/>
    </row>
    <row r="379412" spans="8:8">
      <c r="H379412" s="12"/>
    </row>
    <row r="379413" spans="8:8">
      <c r="H379413" s="12"/>
    </row>
    <row r="379414" spans="8:8">
      <c r="H379414" s="12"/>
    </row>
    <row r="379415" spans="8:8">
      <c r="H379415" s="12"/>
    </row>
    <row r="379416" spans="8:8">
      <c r="H379416" s="12"/>
    </row>
    <row r="379417" spans="8:8">
      <c r="H379417" s="12"/>
    </row>
    <row r="379418" spans="8:8">
      <c r="H379418" s="12"/>
    </row>
    <row r="379419" spans="8:8">
      <c r="H379419" s="12"/>
    </row>
    <row r="379420" spans="8:8">
      <c r="H379420" s="12"/>
    </row>
    <row r="379421" spans="8:8">
      <c r="H379421" s="12"/>
    </row>
    <row r="379422" spans="8:8">
      <c r="H379422" s="12"/>
    </row>
    <row r="379423" spans="8:8">
      <c r="H379423" s="12"/>
    </row>
    <row r="379424" spans="8:8">
      <c r="H379424" s="12"/>
    </row>
    <row r="379425" spans="8:8">
      <c r="H379425" s="12"/>
    </row>
    <row r="379426" spans="8:8">
      <c r="H379426" s="12"/>
    </row>
    <row r="379427" spans="8:8">
      <c r="H379427" s="12"/>
    </row>
    <row r="379428" spans="8:8">
      <c r="H379428" s="12"/>
    </row>
    <row r="379429" spans="8:8">
      <c r="H379429" s="12"/>
    </row>
    <row r="379430" spans="8:8">
      <c r="H379430" s="12"/>
    </row>
    <row r="379431" spans="8:8">
      <c r="H379431" s="12"/>
    </row>
    <row r="379432" spans="8:8">
      <c r="H379432" s="12"/>
    </row>
    <row r="379433" spans="8:8">
      <c r="H379433" s="12"/>
    </row>
    <row r="379434" spans="8:8">
      <c r="H379434" s="12"/>
    </row>
    <row r="379435" spans="8:8">
      <c r="H379435" s="12"/>
    </row>
    <row r="379436" spans="8:8">
      <c r="H379436" s="12"/>
    </row>
    <row r="379437" spans="8:8">
      <c r="H379437" s="12"/>
    </row>
    <row r="379438" spans="8:8">
      <c r="H379438" s="12"/>
    </row>
    <row r="379439" spans="8:8">
      <c r="H379439" s="12"/>
    </row>
    <row r="379440" spans="8:8">
      <c r="H379440" s="12"/>
    </row>
    <row r="379441" spans="8:8">
      <c r="H379441" s="12"/>
    </row>
    <row r="379442" spans="8:8">
      <c r="H379442" s="12"/>
    </row>
    <row r="379443" spans="8:8">
      <c r="H379443" s="12"/>
    </row>
    <row r="379444" spans="8:8">
      <c r="H379444" s="12"/>
    </row>
    <row r="379445" spans="8:8">
      <c r="H379445" s="12"/>
    </row>
    <row r="379446" spans="8:8">
      <c r="H379446" s="12"/>
    </row>
    <row r="379447" spans="8:8">
      <c r="H379447" s="12"/>
    </row>
    <row r="379448" spans="8:8">
      <c r="H379448" s="12"/>
    </row>
    <row r="379449" spans="8:8">
      <c r="H379449" s="12"/>
    </row>
    <row r="379450" spans="8:8">
      <c r="H379450" s="12"/>
    </row>
    <row r="379451" spans="8:8">
      <c r="H379451" s="12"/>
    </row>
    <row r="379452" spans="8:8">
      <c r="H379452" s="12"/>
    </row>
    <row r="379453" spans="8:8">
      <c r="H379453" s="12"/>
    </row>
    <row r="379454" spans="8:8">
      <c r="H379454" s="12"/>
    </row>
    <row r="379455" spans="8:8">
      <c r="H379455" s="12"/>
    </row>
    <row r="379456" spans="8:8">
      <c r="H379456" s="12"/>
    </row>
    <row r="379457" spans="8:8">
      <c r="H379457" s="12"/>
    </row>
    <row r="379458" spans="8:8">
      <c r="H379458" s="12"/>
    </row>
    <row r="379459" spans="8:8">
      <c r="H379459" s="12"/>
    </row>
    <row r="379460" spans="8:8">
      <c r="H379460" s="12"/>
    </row>
    <row r="379461" spans="8:8">
      <c r="H379461" s="12"/>
    </row>
    <row r="379462" spans="8:8">
      <c r="H379462" s="12"/>
    </row>
    <row r="379463" spans="8:8">
      <c r="H379463" s="12"/>
    </row>
    <row r="379464" spans="8:8">
      <c r="H379464" s="12"/>
    </row>
    <row r="379465" spans="8:8">
      <c r="H379465" s="12"/>
    </row>
    <row r="379466" spans="8:8">
      <c r="H379466" s="12"/>
    </row>
    <row r="379467" spans="8:8">
      <c r="H379467" s="12"/>
    </row>
    <row r="379468" spans="8:8">
      <c r="H379468" s="12"/>
    </row>
    <row r="379469" spans="8:8">
      <c r="H379469" s="12"/>
    </row>
    <row r="379470" spans="8:8">
      <c r="H379470" s="12"/>
    </row>
    <row r="379471" spans="8:8">
      <c r="H379471" s="12"/>
    </row>
    <row r="379472" spans="8:8">
      <c r="H379472" s="12"/>
    </row>
    <row r="379473" spans="8:8">
      <c r="H379473" s="12"/>
    </row>
    <row r="379474" spans="8:8">
      <c r="H379474" s="12"/>
    </row>
    <row r="379475" spans="8:8">
      <c r="H379475" s="12"/>
    </row>
    <row r="379476" spans="8:8">
      <c r="H379476" s="12"/>
    </row>
    <row r="379477" spans="8:8">
      <c r="H379477" s="12"/>
    </row>
    <row r="379478" spans="8:8">
      <c r="H379478" s="12"/>
    </row>
    <row r="379479" spans="8:8">
      <c r="H379479" s="12"/>
    </row>
    <row r="379480" spans="8:8">
      <c r="H379480" s="12"/>
    </row>
    <row r="379481" spans="8:8">
      <c r="H379481" s="12"/>
    </row>
    <row r="379482" spans="8:8">
      <c r="H379482" s="12"/>
    </row>
    <row r="379483" spans="8:8">
      <c r="H379483" s="12"/>
    </row>
    <row r="379484" spans="8:8">
      <c r="H379484" s="12"/>
    </row>
    <row r="379485" spans="8:8">
      <c r="H379485" s="12"/>
    </row>
    <row r="379486" spans="8:8">
      <c r="H379486" s="12"/>
    </row>
    <row r="379487" spans="8:8">
      <c r="H379487" s="12"/>
    </row>
    <row r="379488" spans="8:8">
      <c r="H379488" s="12"/>
    </row>
    <row r="379489" spans="8:8">
      <c r="H379489" s="12"/>
    </row>
    <row r="379490" spans="8:8">
      <c r="H379490" s="12"/>
    </row>
    <row r="379491" spans="8:8">
      <c r="H379491" s="12"/>
    </row>
    <row r="379492" spans="8:8">
      <c r="H379492" s="12"/>
    </row>
    <row r="379493" spans="8:8">
      <c r="H379493" s="12"/>
    </row>
    <row r="379494" spans="8:8">
      <c r="H379494" s="12"/>
    </row>
    <row r="379495" spans="8:8">
      <c r="H379495" s="12"/>
    </row>
    <row r="379496" spans="8:8">
      <c r="H379496" s="12"/>
    </row>
    <row r="379497" spans="8:8">
      <c r="H379497" s="12"/>
    </row>
    <row r="379498" spans="8:8">
      <c r="H379498" s="12"/>
    </row>
    <row r="379499" spans="8:8">
      <c r="H379499" s="12"/>
    </row>
    <row r="379500" spans="8:8">
      <c r="H379500" s="12"/>
    </row>
    <row r="379501" spans="8:8">
      <c r="H379501" s="12"/>
    </row>
    <row r="379502" spans="8:8">
      <c r="H379502" s="12"/>
    </row>
    <row r="379503" spans="8:8">
      <c r="H379503" s="12"/>
    </row>
    <row r="379504" spans="8:8">
      <c r="H379504" s="12"/>
    </row>
    <row r="379505" spans="8:8">
      <c r="H379505" s="12"/>
    </row>
    <row r="379506" spans="8:8">
      <c r="H379506" s="12"/>
    </row>
    <row r="379507" spans="8:8">
      <c r="H379507" s="12"/>
    </row>
    <row r="379508" spans="8:8">
      <c r="H379508" s="12"/>
    </row>
    <row r="379509" spans="8:8">
      <c r="H379509" s="12"/>
    </row>
    <row r="379510" spans="8:8">
      <c r="H379510" s="12"/>
    </row>
    <row r="379511" spans="8:8">
      <c r="H379511" s="12"/>
    </row>
    <row r="379512" spans="8:8">
      <c r="H379512" s="12"/>
    </row>
    <row r="379513" spans="8:8">
      <c r="H379513" s="12"/>
    </row>
    <row r="379514" spans="8:8">
      <c r="H379514" s="12"/>
    </row>
    <row r="379515" spans="8:8">
      <c r="H379515" s="12"/>
    </row>
    <row r="379516" spans="8:8">
      <c r="H379516" s="12"/>
    </row>
    <row r="379517" spans="8:8">
      <c r="H379517" s="12"/>
    </row>
    <row r="379518" spans="8:8">
      <c r="H379518" s="12"/>
    </row>
    <row r="379519" spans="8:8">
      <c r="H379519" s="12"/>
    </row>
    <row r="379520" spans="8:8">
      <c r="H379520" s="12"/>
    </row>
    <row r="379521" spans="8:8">
      <c r="H379521" s="12"/>
    </row>
    <row r="379522" spans="8:8">
      <c r="H379522" s="12"/>
    </row>
    <row r="379523" spans="8:8">
      <c r="H379523" s="12"/>
    </row>
    <row r="379524" spans="8:8">
      <c r="H379524" s="12"/>
    </row>
    <row r="379525" spans="8:8">
      <c r="H379525" s="12"/>
    </row>
    <row r="379526" spans="8:8">
      <c r="H379526" s="12"/>
    </row>
    <row r="379527" spans="8:8">
      <c r="H379527" s="12"/>
    </row>
    <row r="379528" spans="8:8">
      <c r="H379528" s="12"/>
    </row>
    <row r="379529" spans="8:8">
      <c r="H379529" s="12"/>
    </row>
    <row r="379530" spans="8:8">
      <c r="H379530" s="12"/>
    </row>
    <row r="379531" spans="8:8">
      <c r="H379531" s="12"/>
    </row>
    <row r="379532" spans="8:8">
      <c r="H379532" s="12"/>
    </row>
    <row r="379533" spans="8:8">
      <c r="H379533" s="12"/>
    </row>
    <row r="379534" spans="8:8">
      <c r="H379534" s="12"/>
    </row>
    <row r="379535" spans="8:8">
      <c r="H379535" s="12"/>
    </row>
    <row r="379536" spans="8:8">
      <c r="H379536" s="12"/>
    </row>
    <row r="379537" spans="8:8">
      <c r="H379537" s="12"/>
    </row>
    <row r="379538" spans="8:8">
      <c r="H379538" s="12"/>
    </row>
    <row r="379539" spans="8:8">
      <c r="H379539" s="12"/>
    </row>
    <row r="379540" spans="8:8">
      <c r="H379540" s="12"/>
    </row>
    <row r="379541" spans="8:8">
      <c r="H379541" s="12"/>
    </row>
    <row r="379542" spans="8:8">
      <c r="H379542" s="12"/>
    </row>
    <row r="379543" spans="8:8">
      <c r="H379543" s="12"/>
    </row>
    <row r="379544" spans="8:8">
      <c r="H379544" s="12"/>
    </row>
    <row r="379545" spans="8:8">
      <c r="H379545" s="12"/>
    </row>
    <row r="379546" spans="8:8">
      <c r="H379546" s="12"/>
    </row>
    <row r="379547" spans="8:8">
      <c r="H379547" s="12"/>
    </row>
    <row r="379548" spans="8:8">
      <c r="H379548" s="12"/>
    </row>
    <row r="379549" spans="8:8">
      <c r="H379549" s="12"/>
    </row>
    <row r="379550" spans="8:8">
      <c r="H379550" s="12"/>
    </row>
    <row r="379551" spans="8:8">
      <c r="H379551" s="12"/>
    </row>
    <row r="379552" spans="8:8">
      <c r="H379552" s="12"/>
    </row>
    <row r="379553" spans="8:8">
      <c r="H379553" s="12"/>
    </row>
    <row r="379554" spans="8:8">
      <c r="H379554" s="12"/>
    </row>
    <row r="379555" spans="8:8">
      <c r="H379555" s="12"/>
    </row>
    <row r="379556" spans="8:8">
      <c r="H379556" s="12"/>
    </row>
    <row r="379557" spans="8:8">
      <c r="H379557" s="12"/>
    </row>
    <row r="379558" spans="8:8">
      <c r="H379558" s="12"/>
    </row>
    <row r="379559" spans="8:8">
      <c r="H379559" s="12"/>
    </row>
    <row r="379560" spans="8:8">
      <c r="H379560" s="12"/>
    </row>
    <row r="379561" spans="8:8">
      <c r="H379561" s="12"/>
    </row>
    <row r="379562" spans="8:8">
      <c r="H379562" s="12"/>
    </row>
    <row r="379563" spans="8:8">
      <c r="H379563" s="12"/>
    </row>
    <row r="379564" spans="8:8">
      <c r="H379564" s="12"/>
    </row>
    <row r="379565" spans="8:8">
      <c r="H379565" s="12"/>
    </row>
    <row r="379566" spans="8:8">
      <c r="H379566" s="12"/>
    </row>
    <row r="379567" spans="8:8">
      <c r="H379567" s="12"/>
    </row>
    <row r="379568" spans="8:8">
      <c r="H379568" s="12"/>
    </row>
    <row r="379569" spans="8:8">
      <c r="H379569" s="12"/>
    </row>
    <row r="379570" spans="8:8">
      <c r="H379570" s="12"/>
    </row>
    <row r="379571" spans="8:8">
      <c r="H379571" s="12"/>
    </row>
    <row r="379572" spans="8:8">
      <c r="H379572" s="12"/>
    </row>
    <row r="379573" spans="8:8">
      <c r="H379573" s="12"/>
    </row>
    <row r="379574" spans="8:8">
      <c r="H379574" s="12"/>
    </row>
    <row r="379575" spans="8:8">
      <c r="H379575" s="12"/>
    </row>
    <row r="379576" spans="8:8">
      <c r="H379576" s="12"/>
    </row>
    <row r="379577" spans="8:8">
      <c r="H379577" s="12"/>
    </row>
    <row r="379578" spans="8:8">
      <c r="H379578" s="12"/>
    </row>
    <row r="379579" spans="8:8">
      <c r="H379579" s="12"/>
    </row>
    <row r="379580" spans="8:8">
      <c r="H379580" s="12"/>
    </row>
    <row r="379581" spans="8:8">
      <c r="H379581" s="12"/>
    </row>
    <row r="379582" spans="8:8">
      <c r="H379582" s="12"/>
    </row>
    <row r="379583" spans="8:8">
      <c r="H379583" s="12"/>
    </row>
    <row r="379584" spans="8:8">
      <c r="H379584" s="12"/>
    </row>
    <row r="379585" spans="8:8">
      <c r="H379585" s="12"/>
    </row>
    <row r="379586" spans="8:8">
      <c r="H379586" s="12"/>
    </row>
    <row r="379587" spans="8:8">
      <c r="H379587" s="12"/>
    </row>
    <row r="379588" spans="8:8">
      <c r="H379588" s="12"/>
    </row>
    <row r="379589" spans="8:8">
      <c r="H379589" s="12"/>
    </row>
    <row r="379590" spans="8:8">
      <c r="H379590" s="12"/>
    </row>
    <row r="379591" spans="8:8">
      <c r="H379591" s="12"/>
    </row>
    <row r="379592" spans="8:8">
      <c r="H379592" s="12"/>
    </row>
    <row r="379593" spans="8:8">
      <c r="H379593" s="12"/>
    </row>
    <row r="379594" spans="8:8">
      <c r="H379594" s="12"/>
    </row>
    <row r="379595" spans="8:8">
      <c r="H379595" s="12"/>
    </row>
    <row r="379596" spans="8:8">
      <c r="H379596" s="12"/>
    </row>
    <row r="379597" spans="8:8">
      <c r="H379597" s="12"/>
    </row>
    <row r="379598" spans="8:8">
      <c r="H379598" s="12"/>
    </row>
    <row r="379599" spans="8:8">
      <c r="H379599" s="12"/>
    </row>
    <row r="379600" spans="8:8">
      <c r="H379600" s="12"/>
    </row>
    <row r="379601" spans="8:8">
      <c r="H379601" s="12"/>
    </row>
    <row r="379602" spans="8:8">
      <c r="H379602" s="12"/>
    </row>
    <row r="379603" spans="8:8">
      <c r="H379603" s="12"/>
    </row>
    <row r="379604" spans="8:8">
      <c r="H379604" s="12"/>
    </row>
    <row r="379605" spans="8:8">
      <c r="H379605" s="12"/>
    </row>
    <row r="379606" spans="8:8">
      <c r="H379606" s="12"/>
    </row>
    <row r="379607" spans="8:8">
      <c r="H379607" s="12"/>
    </row>
    <row r="379608" spans="8:8">
      <c r="H379608" s="12"/>
    </row>
    <row r="379609" spans="8:8">
      <c r="H379609" s="12"/>
    </row>
    <row r="379610" spans="8:8">
      <c r="H379610" s="12"/>
    </row>
    <row r="379611" spans="8:8">
      <c r="H379611" s="12"/>
    </row>
    <row r="379612" spans="8:8">
      <c r="H379612" s="12"/>
    </row>
    <row r="379613" spans="8:8">
      <c r="H379613" s="12"/>
    </row>
    <row r="379614" spans="8:8">
      <c r="H379614" s="12"/>
    </row>
    <row r="379615" spans="8:8">
      <c r="H379615" s="12"/>
    </row>
    <row r="379616" spans="8:8">
      <c r="H379616" s="12"/>
    </row>
    <row r="379617" spans="8:8">
      <c r="H379617" s="12"/>
    </row>
    <row r="379618" spans="8:8">
      <c r="H379618" s="12"/>
    </row>
    <row r="379619" spans="8:8">
      <c r="H379619" s="12"/>
    </row>
    <row r="379620" spans="8:8">
      <c r="H379620" s="12"/>
    </row>
    <row r="379621" spans="8:8">
      <c r="H379621" s="12"/>
    </row>
    <row r="379622" spans="8:8">
      <c r="H379622" s="12"/>
    </row>
    <row r="379623" spans="8:8">
      <c r="H379623" s="12"/>
    </row>
    <row r="379624" spans="8:8">
      <c r="H379624" s="12"/>
    </row>
    <row r="379625" spans="8:8">
      <c r="H379625" s="12"/>
    </row>
    <row r="379626" spans="8:8">
      <c r="H379626" s="12"/>
    </row>
    <row r="379627" spans="8:8">
      <c r="H379627" s="12"/>
    </row>
    <row r="379628" spans="8:8">
      <c r="H379628" s="12"/>
    </row>
    <row r="379629" spans="8:8">
      <c r="H379629" s="12"/>
    </row>
    <row r="379630" spans="8:8">
      <c r="H379630" s="12"/>
    </row>
    <row r="379631" spans="8:8">
      <c r="H379631" s="12"/>
    </row>
    <row r="379632" spans="8:8">
      <c r="H379632" s="12"/>
    </row>
    <row r="379633" spans="8:8">
      <c r="H379633" s="12"/>
    </row>
    <row r="379634" spans="8:8">
      <c r="H379634" s="12"/>
    </row>
    <row r="379635" spans="8:8">
      <c r="H379635" s="12"/>
    </row>
    <row r="379636" spans="8:8">
      <c r="H379636" s="12"/>
    </row>
    <row r="379637" spans="8:8">
      <c r="H379637" s="12"/>
    </row>
    <row r="379638" spans="8:8">
      <c r="H379638" s="12"/>
    </row>
    <row r="379639" spans="8:8">
      <c r="H379639" s="12"/>
    </row>
    <row r="379640" spans="8:8">
      <c r="H379640" s="12"/>
    </row>
    <row r="379641" spans="8:8">
      <c r="H379641" s="12"/>
    </row>
    <row r="379642" spans="8:8">
      <c r="H379642" s="12"/>
    </row>
    <row r="379643" spans="8:8">
      <c r="H379643" s="12"/>
    </row>
    <row r="379644" spans="8:8">
      <c r="H379644" s="12"/>
    </row>
    <row r="379645" spans="8:8">
      <c r="H379645" s="12"/>
    </row>
    <row r="379646" spans="8:8">
      <c r="H379646" s="12"/>
    </row>
    <row r="379647" spans="8:8">
      <c r="H379647" s="12"/>
    </row>
    <row r="379648" spans="8:8">
      <c r="H379648" s="12"/>
    </row>
    <row r="379649" spans="8:8">
      <c r="H379649" s="12"/>
    </row>
    <row r="379650" spans="8:8">
      <c r="H379650" s="12"/>
    </row>
    <row r="379651" spans="8:8">
      <c r="H379651" s="12"/>
    </row>
    <row r="379652" spans="8:8">
      <c r="H379652" s="12"/>
    </row>
    <row r="379653" spans="8:8">
      <c r="H379653" s="12"/>
    </row>
    <row r="379654" spans="8:8">
      <c r="H379654" s="12"/>
    </row>
    <row r="379655" spans="8:8">
      <c r="H379655" s="12"/>
    </row>
    <row r="379656" spans="8:8">
      <c r="H379656" s="12"/>
    </row>
    <row r="379657" spans="8:8">
      <c r="H379657" s="12"/>
    </row>
    <row r="379658" spans="8:8">
      <c r="H379658" s="12"/>
    </row>
    <row r="379659" spans="8:8">
      <c r="H379659" s="12"/>
    </row>
    <row r="379660" spans="8:8">
      <c r="H379660" s="12"/>
    </row>
    <row r="379661" spans="8:8">
      <c r="H379661" s="12"/>
    </row>
    <row r="379662" spans="8:8">
      <c r="H379662" s="12"/>
    </row>
    <row r="379663" spans="8:8">
      <c r="H379663" s="12"/>
    </row>
    <row r="379664" spans="8:8">
      <c r="H379664" s="12"/>
    </row>
    <row r="379665" spans="8:8">
      <c r="H379665" s="12"/>
    </row>
    <row r="379666" spans="8:8">
      <c r="H379666" s="12"/>
    </row>
    <row r="379667" spans="8:8">
      <c r="H379667" s="12"/>
    </row>
    <row r="379668" spans="8:8">
      <c r="H379668" s="12"/>
    </row>
    <row r="379669" spans="8:8">
      <c r="H379669" s="12"/>
    </row>
    <row r="379670" spans="8:8">
      <c r="H379670" s="12"/>
    </row>
    <row r="379671" spans="8:8">
      <c r="H379671" s="12"/>
    </row>
    <row r="379672" spans="8:8">
      <c r="H379672" s="12"/>
    </row>
    <row r="379673" spans="8:8">
      <c r="H379673" s="12"/>
    </row>
    <row r="379674" spans="8:8">
      <c r="H379674" s="12"/>
    </row>
    <row r="379675" spans="8:8">
      <c r="H379675" s="12"/>
    </row>
    <row r="379676" spans="8:8">
      <c r="H379676" s="12"/>
    </row>
    <row r="379677" spans="8:8">
      <c r="H379677" s="12"/>
    </row>
    <row r="379678" spans="8:8">
      <c r="H379678" s="12"/>
    </row>
    <row r="379679" spans="8:8">
      <c r="H379679" s="12"/>
    </row>
    <row r="379680" spans="8:8">
      <c r="H379680" s="12"/>
    </row>
    <row r="379681" spans="8:8">
      <c r="H379681" s="12"/>
    </row>
    <row r="379682" spans="8:8">
      <c r="H379682" s="12"/>
    </row>
    <row r="379683" spans="8:8">
      <c r="H379683" s="12"/>
    </row>
    <row r="379684" spans="8:8">
      <c r="H379684" s="12"/>
    </row>
    <row r="379685" spans="8:8">
      <c r="H379685" s="12"/>
    </row>
    <row r="379686" spans="8:8">
      <c r="H379686" s="12"/>
    </row>
    <row r="379687" spans="8:8">
      <c r="H379687" s="12"/>
    </row>
    <row r="379688" spans="8:8">
      <c r="H379688" s="12"/>
    </row>
    <row r="379689" spans="8:8">
      <c r="H379689" s="12"/>
    </row>
    <row r="379690" spans="8:8">
      <c r="H379690" s="12"/>
    </row>
    <row r="379691" spans="8:8">
      <c r="H379691" s="12"/>
    </row>
    <row r="379692" spans="8:8">
      <c r="H379692" s="12"/>
    </row>
    <row r="379693" spans="8:8">
      <c r="H379693" s="12"/>
    </row>
    <row r="379694" spans="8:8">
      <c r="H379694" s="12"/>
    </row>
    <row r="379695" spans="8:8">
      <c r="H379695" s="12"/>
    </row>
    <row r="379696" spans="8:8">
      <c r="H379696" s="12"/>
    </row>
    <row r="379697" spans="8:8">
      <c r="H379697" s="12"/>
    </row>
    <row r="379698" spans="8:8">
      <c r="H379698" s="12"/>
    </row>
    <row r="379699" spans="8:8">
      <c r="H379699" s="12"/>
    </row>
    <row r="379700" spans="8:8">
      <c r="H379700" s="12"/>
    </row>
    <row r="379701" spans="8:8">
      <c r="H379701" s="12"/>
    </row>
    <row r="379702" spans="8:8">
      <c r="H379702" s="12"/>
    </row>
    <row r="379703" spans="8:8">
      <c r="H379703" s="12"/>
    </row>
    <row r="379704" spans="8:8">
      <c r="H379704" s="12"/>
    </row>
    <row r="379705" spans="8:8">
      <c r="H379705" s="12"/>
    </row>
    <row r="379706" spans="8:8">
      <c r="H379706" s="12"/>
    </row>
    <row r="379707" spans="8:8">
      <c r="H379707" s="12"/>
    </row>
    <row r="379708" spans="8:8">
      <c r="H379708" s="12"/>
    </row>
    <row r="379709" spans="8:8">
      <c r="H379709" s="12"/>
    </row>
    <row r="379710" spans="8:8">
      <c r="H379710" s="12"/>
    </row>
    <row r="379711" spans="8:8">
      <c r="H379711" s="12"/>
    </row>
    <row r="379712" spans="8:8">
      <c r="H379712" s="12"/>
    </row>
    <row r="379713" spans="8:8">
      <c r="H379713" s="12"/>
    </row>
    <row r="379714" spans="8:8">
      <c r="H379714" s="12"/>
    </row>
    <row r="379715" spans="8:8">
      <c r="H379715" s="12"/>
    </row>
    <row r="379716" spans="8:8">
      <c r="H379716" s="12"/>
    </row>
    <row r="379717" spans="8:8">
      <c r="H379717" s="12"/>
    </row>
    <row r="379718" spans="8:8">
      <c r="H379718" s="12"/>
    </row>
    <row r="379719" spans="8:8">
      <c r="H379719" s="12"/>
    </row>
    <row r="379720" spans="8:8">
      <c r="H379720" s="12"/>
    </row>
    <row r="379721" spans="8:8">
      <c r="H379721" s="12"/>
    </row>
    <row r="379722" spans="8:8">
      <c r="H379722" s="12"/>
    </row>
    <row r="379723" spans="8:8">
      <c r="H379723" s="12"/>
    </row>
    <row r="379724" spans="8:8">
      <c r="H379724" s="12"/>
    </row>
    <row r="379725" spans="8:8">
      <c r="H379725" s="12"/>
    </row>
    <row r="379726" spans="8:8">
      <c r="H379726" s="12"/>
    </row>
    <row r="379727" spans="8:8">
      <c r="H379727" s="12"/>
    </row>
    <row r="379728" spans="8:8">
      <c r="H379728" s="12"/>
    </row>
    <row r="379729" spans="8:8">
      <c r="H379729" s="12"/>
    </row>
    <row r="379730" spans="8:8">
      <c r="H379730" s="12"/>
    </row>
    <row r="379731" spans="8:8">
      <c r="H379731" s="12"/>
    </row>
    <row r="379732" spans="8:8">
      <c r="H379732" s="12"/>
    </row>
    <row r="379733" spans="8:8">
      <c r="H379733" s="12"/>
    </row>
    <row r="379734" spans="8:8">
      <c r="H379734" s="12"/>
    </row>
    <row r="379735" spans="8:8">
      <c r="H379735" s="12"/>
    </row>
    <row r="379736" spans="8:8">
      <c r="H379736" s="12"/>
    </row>
    <row r="379737" spans="8:8">
      <c r="H379737" s="12"/>
    </row>
    <row r="379738" spans="8:8">
      <c r="H379738" s="12"/>
    </row>
    <row r="379739" spans="8:8">
      <c r="H379739" s="12"/>
    </row>
    <row r="379740" spans="8:8">
      <c r="H379740" s="12"/>
    </row>
    <row r="379741" spans="8:8">
      <c r="H379741" s="12"/>
    </row>
    <row r="379742" spans="8:8">
      <c r="H379742" s="12"/>
    </row>
    <row r="379743" spans="8:8">
      <c r="H379743" s="12"/>
    </row>
    <row r="379744" spans="8:8">
      <c r="H379744" s="12"/>
    </row>
    <row r="379745" spans="8:8">
      <c r="H379745" s="12"/>
    </row>
    <row r="379746" spans="8:8">
      <c r="H379746" s="12"/>
    </row>
    <row r="379747" spans="8:8">
      <c r="H379747" s="12"/>
    </row>
    <row r="379748" spans="8:8">
      <c r="H379748" s="12"/>
    </row>
    <row r="379749" spans="8:8">
      <c r="H379749" s="12"/>
    </row>
    <row r="379750" spans="8:8">
      <c r="H379750" s="12"/>
    </row>
    <row r="379751" spans="8:8">
      <c r="H379751" s="12"/>
    </row>
    <row r="379752" spans="8:8">
      <c r="H379752" s="12"/>
    </row>
    <row r="379753" spans="8:8">
      <c r="H379753" s="12"/>
    </row>
    <row r="379754" spans="8:8">
      <c r="H379754" s="12"/>
    </row>
    <row r="379755" spans="8:8">
      <c r="H379755" s="12"/>
    </row>
    <row r="379756" spans="8:8">
      <c r="H379756" s="12"/>
    </row>
    <row r="379757" spans="8:8">
      <c r="H379757" s="12"/>
    </row>
    <row r="379758" spans="8:8">
      <c r="H379758" s="12"/>
    </row>
    <row r="379759" spans="8:8">
      <c r="H379759" s="12"/>
    </row>
    <row r="379760" spans="8:8">
      <c r="H379760" s="12"/>
    </row>
    <row r="379761" spans="8:8">
      <c r="H379761" s="12"/>
    </row>
    <row r="379762" spans="8:8">
      <c r="H379762" s="12"/>
    </row>
    <row r="379763" spans="8:8">
      <c r="H379763" s="12"/>
    </row>
    <row r="379764" spans="8:8">
      <c r="H379764" s="12"/>
    </row>
    <row r="379765" spans="8:8">
      <c r="H379765" s="12"/>
    </row>
    <row r="379766" spans="8:8">
      <c r="H379766" s="12"/>
    </row>
    <row r="379767" spans="8:8">
      <c r="H379767" s="12"/>
    </row>
    <row r="379768" spans="8:8">
      <c r="H379768" s="12"/>
    </row>
    <row r="379769" spans="8:8">
      <c r="H379769" s="12"/>
    </row>
    <row r="379770" spans="8:8">
      <c r="H379770" s="12"/>
    </row>
    <row r="379771" spans="8:8">
      <c r="H379771" s="12"/>
    </row>
    <row r="379772" spans="8:8">
      <c r="H379772" s="12"/>
    </row>
    <row r="379773" spans="8:8">
      <c r="H379773" s="12"/>
    </row>
    <row r="379774" spans="8:8">
      <c r="H379774" s="12"/>
    </row>
    <row r="379775" spans="8:8">
      <c r="H379775" s="12"/>
    </row>
    <row r="379776" spans="8:8">
      <c r="H379776" s="12"/>
    </row>
    <row r="379777" spans="8:8">
      <c r="H379777" s="12"/>
    </row>
    <row r="379778" spans="8:8">
      <c r="H379778" s="12"/>
    </row>
    <row r="379779" spans="8:8">
      <c r="H379779" s="12"/>
    </row>
    <row r="379780" spans="8:8">
      <c r="H379780" s="12"/>
    </row>
    <row r="379781" spans="8:8">
      <c r="H379781" s="12"/>
    </row>
    <row r="379782" spans="8:8">
      <c r="H379782" s="12"/>
    </row>
    <row r="379783" spans="8:8">
      <c r="H379783" s="12"/>
    </row>
    <row r="379784" spans="8:8">
      <c r="H379784" s="12"/>
    </row>
    <row r="379785" spans="8:8">
      <c r="H379785" s="12"/>
    </row>
    <row r="379786" spans="8:8">
      <c r="H379786" s="12"/>
    </row>
    <row r="379787" spans="8:8">
      <c r="H379787" s="12"/>
    </row>
    <row r="379788" spans="8:8">
      <c r="H379788" s="12"/>
    </row>
    <row r="379789" spans="8:8">
      <c r="H379789" s="12"/>
    </row>
    <row r="379790" spans="8:8">
      <c r="H379790" s="12"/>
    </row>
    <row r="379791" spans="8:8">
      <c r="H379791" s="12"/>
    </row>
    <row r="379792" spans="8:8">
      <c r="H379792" s="12"/>
    </row>
    <row r="379793" spans="8:8">
      <c r="H379793" s="12"/>
    </row>
    <row r="379794" spans="8:8">
      <c r="H379794" s="12"/>
    </row>
    <row r="379795" spans="8:8">
      <c r="H379795" s="12"/>
    </row>
    <row r="379796" spans="8:8">
      <c r="H379796" s="12"/>
    </row>
    <row r="379797" spans="8:8">
      <c r="H379797" s="12"/>
    </row>
    <row r="379798" spans="8:8">
      <c r="H379798" s="12"/>
    </row>
    <row r="379799" spans="8:8">
      <c r="H379799" s="12"/>
    </row>
    <row r="379800" spans="8:8">
      <c r="H379800" s="12"/>
    </row>
    <row r="379801" spans="8:8">
      <c r="H379801" s="12"/>
    </row>
    <row r="379802" spans="8:8">
      <c r="H379802" s="12"/>
    </row>
    <row r="379803" spans="8:8">
      <c r="H379803" s="12"/>
    </row>
    <row r="379804" spans="8:8">
      <c r="H379804" s="12"/>
    </row>
    <row r="379805" spans="8:8">
      <c r="H379805" s="12"/>
    </row>
    <row r="379806" spans="8:8">
      <c r="H379806" s="12"/>
    </row>
    <row r="379807" spans="8:8">
      <c r="H379807" s="12"/>
    </row>
    <row r="379808" spans="8:8">
      <c r="H379808" s="12"/>
    </row>
    <row r="379809" spans="8:8">
      <c r="H379809" s="12"/>
    </row>
    <row r="379810" spans="8:8">
      <c r="H379810" s="12"/>
    </row>
    <row r="379811" spans="8:8">
      <c r="H379811" s="12"/>
    </row>
    <row r="379812" spans="8:8">
      <c r="H379812" s="12"/>
    </row>
    <row r="379813" spans="8:8">
      <c r="H379813" s="12"/>
    </row>
    <row r="379814" spans="8:8">
      <c r="H379814" s="12"/>
    </row>
    <row r="379815" spans="8:8">
      <c r="H379815" s="12"/>
    </row>
    <row r="379816" spans="8:8">
      <c r="H379816" s="12"/>
    </row>
    <row r="379817" spans="8:8">
      <c r="H379817" s="12"/>
    </row>
    <row r="379818" spans="8:8">
      <c r="H379818" s="12"/>
    </row>
    <row r="379819" spans="8:8">
      <c r="H379819" s="12"/>
    </row>
    <row r="379820" spans="8:8">
      <c r="H379820" s="12"/>
    </row>
    <row r="379821" spans="8:8">
      <c r="H379821" s="12"/>
    </row>
    <row r="379822" spans="8:8">
      <c r="H379822" s="12"/>
    </row>
    <row r="379823" spans="8:8">
      <c r="H379823" s="12"/>
    </row>
    <row r="379824" spans="8:8">
      <c r="H379824" s="12"/>
    </row>
    <row r="379825" spans="8:8">
      <c r="H379825" s="12"/>
    </row>
    <row r="379826" spans="8:8">
      <c r="H379826" s="12"/>
    </row>
    <row r="379827" spans="8:8">
      <c r="H379827" s="12"/>
    </row>
    <row r="379828" spans="8:8">
      <c r="H379828" s="12"/>
    </row>
    <row r="379829" spans="8:8">
      <c r="H379829" s="12"/>
    </row>
    <row r="379830" spans="8:8">
      <c r="H379830" s="12"/>
    </row>
    <row r="379831" spans="8:8">
      <c r="H379831" s="12"/>
    </row>
    <row r="379832" spans="8:8">
      <c r="H379832" s="12"/>
    </row>
    <row r="379833" spans="8:8">
      <c r="H379833" s="12"/>
    </row>
    <row r="379834" spans="8:8">
      <c r="H379834" s="12"/>
    </row>
    <row r="379835" spans="8:8">
      <c r="H379835" s="12"/>
    </row>
    <row r="379836" spans="8:8">
      <c r="H379836" s="12"/>
    </row>
    <row r="379837" spans="8:8">
      <c r="H379837" s="12"/>
    </row>
    <row r="379838" spans="8:8">
      <c r="H379838" s="12"/>
    </row>
    <row r="379839" spans="8:8">
      <c r="H379839" s="12"/>
    </row>
    <row r="379840" spans="8:8">
      <c r="H379840" s="12"/>
    </row>
    <row r="379841" spans="8:8">
      <c r="H379841" s="12"/>
    </row>
    <row r="379842" spans="8:8">
      <c r="H379842" s="12"/>
    </row>
    <row r="379843" spans="8:8">
      <c r="H379843" s="12"/>
    </row>
    <row r="379844" spans="8:8">
      <c r="H379844" s="12"/>
    </row>
    <row r="379845" spans="8:8">
      <c r="H379845" s="12"/>
    </row>
    <row r="379846" spans="8:8">
      <c r="H379846" s="12"/>
    </row>
    <row r="379847" spans="8:8">
      <c r="H379847" s="12"/>
    </row>
    <row r="379848" spans="8:8">
      <c r="H379848" s="12"/>
    </row>
    <row r="379849" spans="8:8">
      <c r="H379849" s="12"/>
    </row>
    <row r="379850" spans="8:8">
      <c r="H379850" s="12"/>
    </row>
    <row r="379851" spans="8:8">
      <c r="H379851" s="12"/>
    </row>
    <row r="379852" spans="8:8">
      <c r="H379852" s="12"/>
    </row>
    <row r="379853" spans="8:8">
      <c r="H379853" s="12"/>
    </row>
    <row r="379854" spans="8:8">
      <c r="H379854" s="12"/>
    </row>
    <row r="379855" spans="8:8">
      <c r="H379855" s="12"/>
    </row>
    <row r="379856" spans="8:8">
      <c r="H379856" s="12"/>
    </row>
    <row r="379857" spans="8:8">
      <c r="H379857" s="12"/>
    </row>
    <row r="379858" spans="8:8">
      <c r="H379858" s="12"/>
    </row>
    <row r="379859" spans="8:8">
      <c r="H379859" s="12"/>
    </row>
    <row r="379860" spans="8:8">
      <c r="H379860" s="12"/>
    </row>
    <row r="379861" spans="8:8">
      <c r="H379861" s="12"/>
    </row>
    <row r="379862" spans="8:8">
      <c r="H379862" s="12"/>
    </row>
    <row r="379863" spans="8:8">
      <c r="H379863" s="12"/>
    </row>
    <row r="379864" spans="8:8">
      <c r="H379864" s="12"/>
    </row>
    <row r="379865" spans="8:8">
      <c r="H379865" s="12"/>
    </row>
    <row r="379866" spans="8:8">
      <c r="H379866" s="12"/>
    </row>
    <row r="379867" spans="8:8">
      <c r="H379867" s="12"/>
    </row>
    <row r="379868" spans="8:8">
      <c r="H379868" s="12"/>
    </row>
    <row r="379869" spans="8:8">
      <c r="H379869" s="12"/>
    </row>
    <row r="379870" spans="8:8">
      <c r="H379870" s="12"/>
    </row>
    <row r="379871" spans="8:8">
      <c r="H379871" s="12"/>
    </row>
    <row r="379872" spans="8:8">
      <c r="H379872" s="12"/>
    </row>
    <row r="379873" spans="8:8">
      <c r="H379873" s="12"/>
    </row>
    <row r="379874" spans="8:8">
      <c r="H379874" s="12"/>
    </row>
    <row r="379875" spans="8:8">
      <c r="H379875" s="12"/>
    </row>
    <row r="379876" spans="8:8">
      <c r="H379876" s="12"/>
    </row>
    <row r="379877" spans="8:8">
      <c r="H379877" s="12"/>
    </row>
    <row r="379878" spans="8:8">
      <c r="H379878" s="12"/>
    </row>
    <row r="379879" spans="8:8">
      <c r="H379879" s="12"/>
    </row>
    <row r="379880" spans="8:8">
      <c r="H379880" s="12"/>
    </row>
    <row r="379881" spans="8:8">
      <c r="H379881" s="12"/>
    </row>
    <row r="379882" spans="8:8">
      <c r="H379882" s="12"/>
    </row>
    <row r="379883" spans="8:8">
      <c r="H379883" s="12"/>
    </row>
    <row r="379884" spans="8:8">
      <c r="H379884" s="12"/>
    </row>
    <row r="379885" spans="8:8">
      <c r="H379885" s="12"/>
    </row>
    <row r="379886" spans="8:8">
      <c r="H379886" s="12"/>
    </row>
    <row r="379887" spans="8:8">
      <c r="H379887" s="12"/>
    </row>
    <row r="379888" spans="8:8">
      <c r="H379888" s="12"/>
    </row>
    <row r="379889" spans="8:8">
      <c r="H379889" s="12"/>
    </row>
    <row r="379890" spans="8:8">
      <c r="H379890" s="12"/>
    </row>
    <row r="379891" spans="8:8">
      <c r="H379891" s="12"/>
    </row>
    <row r="379892" spans="8:8">
      <c r="H379892" s="12"/>
    </row>
    <row r="379893" spans="8:8">
      <c r="H379893" s="12"/>
    </row>
    <row r="379894" spans="8:8">
      <c r="H379894" s="12"/>
    </row>
    <row r="379895" spans="8:8">
      <c r="H379895" s="12"/>
    </row>
    <row r="379896" spans="8:8">
      <c r="H379896" s="12"/>
    </row>
    <row r="379897" spans="8:8">
      <c r="H379897" s="12"/>
    </row>
    <row r="379898" spans="8:8">
      <c r="H379898" s="12"/>
    </row>
    <row r="379899" spans="8:8">
      <c r="H379899" s="12"/>
    </row>
    <row r="379900" spans="8:8">
      <c r="H379900" s="12"/>
    </row>
    <row r="379901" spans="8:8">
      <c r="H379901" s="12"/>
    </row>
    <row r="379902" spans="8:8">
      <c r="H379902" s="12"/>
    </row>
    <row r="379903" spans="8:8">
      <c r="H379903" s="12"/>
    </row>
    <row r="379904" spans="8:8">
      <c r="H379904" s="12"/>
    </row>
    <row r="379905" spans="8:8">
      <c r="H379905" s="12"/>
    </row>
    <row r="379906" spans="8:8">
      <c r="H379906" s="12"/>
    </row>
    <row r="379907" spans="8:8">
      <c r="H379907" s="12"/>
    </row>
    <row r="379908" spans="8:8">
      <c r="H379908" s="12"/>
    </row>
    <row r="379909" spans="8:8">
      <c r="H379909" s="12"/>
    </row>
    <row r="379910" spans="8:8">
      <c r="H379910" s="12"/>
    </row>
    <row r="379911" spans="8:8">
      <c r="H379911" s="12"/>
    </row>
    <row r="379912" spans="8:8">
      <c r="H379912" s="12"/>
    </row>
    <row r="379913" spans="8:8">
      <c r="H379913" s="12"/>
    </row>
    <row r="379914" spans="8:8">
      <c r="H379914" s="12"/>
    </row>
    <row r="379915" spans="8:8">
      <c r="H379915" s="12"/>
    </row>
    <row r="379916" spans="8:8">
      <c r="H379916" s="12"/>
    </row>
    <row r="379917" spans="8:8">
      <c r="H379917" s="12"/>
    </row>
    <row r="379918" spans="8:8">
      <c r="H379918" s="12"/>
    </row>
    <row r="379919" spans="8:8">
      <c r="H379919" s="12"/>
    </row>
    <row r="379920" spans="8:8">
      <c r="H379920" s="12"/>
    </row>
    <row r="379921" spans="8:8">
      <c r="H379921" s="12"/>
    </row>
    <row r="379922" spans="8:8">
      <c r="H379922" s="12"/>
    </row>
    <row r="379923" spans="8:8">
      <c r="H379923" s="12"/>
    </row>
    <row r="379924" spans="8:8">
      <c r="H379924" s="12"/>
    </row>
    <row r="379925" spans="8:8">
      <c r="H379925" s="12"/>
    </row>
    <row r="379926" spans="8:8">
      <c r="H379926" s="12"/>
    </row>
    <row r="379927" spans="8:8">
      <c r="H379927" s="12"/>
    </row>
    <row r="379928" spans="8:8">
      <c r="H379928" s="12"/>
    </row>
    <row r="379929" spans="8:8">
      <c r="H379929" s="12"/>
    </row>
    <row r="379930" spans="8:8">
      <c r="H379930" s="12"/>
    </row>
    <row r="379931" spans="8:8">
      <c r="H379931" s="12"/>
    </row>
    <row r="379932" spans="8:8">
      <c r="H379932" s="12"/>
    </row>
    <row r="379933" spans="8:8">
      <c r="H379933" s="12"/>
    </row>
    <row r="379934" spans="8:8">
      <c r="H379934" s="12"/>
    </row>
    <row r="379935" spans="8:8">
      <c r="H379935" s="12"/>
    </row>
    <row r="379936" spans="8:8">
      <c r="H379936" s="12"/>
    </row>
    <row r="379937" spans="8:8">
      <c r="H379937" s="12"/>
    </row>
    <row r="379938" spans="8:8">
      <c r="H379938" s="12"/>
    </row>
    <row r="379939" spans="8:8">
      <c r="H379939" s="12"/>
    </row>
    <row r="379940" spans="8:8">
      <c r="H379940" s="12"/>
    </row>
    <row r="379941" spans="8:8">
      <c r="H379941" s="12"/>
    </row>
    <row r="379942" spans="8:8">
      <c r="H379942" s="12"/>
    </row>
    <row r="379943" spans="8:8">
      <c r="H379943" s="12"/>
    </row>
    <row r="379944" spans="8:8">
      <c r="H379944" s="12"/>
    </row>
    <row r="379945" spans="8:8">
      <c r="H379945" s="12"/>
    </row>
    <row r="379946" spans="8:8">
      <c r="H379946" s="12"/>
    </row>
    <row r="379947" spans="8:8">
      <c r="H379947" s="12"/>
    </row>
    <row r="379948" spans="8:8">
      <c r="H379948" s="12"/>
    </row>
    <row r="379949" spans="8:8">
      <c r="H379949" s="12"/>
    </row>
    <row r="379950" spans="8:8">
      <c r="H379950" s="12"/>
    </row>
    <row r="379951" spans="8:8">
      <c r="H379951" s="12"/>
    </row>
    <row r="379952" spans="8:8">
      <c r="H379952" s="12"/>
    </row>
    <row r="379953" spans="8:8">
      <c r="H379953" s="12"/>
    </row>
    <row r="379954" spans="8:8">
      <c r="H379954" s="12"/>
    </row>
    <row r="379955" spans="8:8">
      <c r="H379955" s="12"/>
    </row>
    <row r="379956" spans="8:8">
      <c r="H379956" s="12"/>
    </row>
    <row r="379957" spans="8:8">
      <c r="H379957" s="12"/>
    </row>
    <row r="379958" spans="8:8">
      <c r="H379958" s="12"/>
    </row>
    <row r="379959" spans="8:8">
      <c r="H379959" s="12"/>
    </row>
    <row r="379960" spans="8:8">
      <c r="H379960" s="12"/>
    </row>
    <row r="379961" spans="8:8">
      <c r="H379961" s="12"/>
    </row>
    <row r="379962" spans="8:8">
      <c r="H379962" s="12"/>
    </row>
    <row r="379963" spans="8:8">
      <c r="H379963" s="12"/>
    </row>
    <row r="379964" spans="8:8">
      <c r="H379964" s="12"/>
    </row>
    <row r="379965" spans="8:8">
      <c r="H379965" s="12"/>
    </row>
    <row r="379966" spans="8:8">
      <c r="H379966" s="12"/>
    </row>
    <row r="379967" spans="8:8">
      <c r="H379967" s="12"/>
    </row>
    <row r="379968" spans="8:8">
      <c r="H379968" s="12"/>
    </row>
    <row r="379969" spans="8:8">
      <c r="H379969" s="12"/>
    </row>
    <row r="379970" spans="8:8">
      <c r="H379970" s="12"/>
    </row>
    <row r="379971" spans="8:8">
      <c r="H379971" s="12"/>
    </row>
    <row r="379972" spans="8:8">
      <c r="H379972" s="12"/>
    </row>
    <row r="379973" spans="8:8">
      <c r="H379973" s="12"/>
    </row>
    <row r="379974" spans="8:8">
      <c r="H379974" s="12"/>
    </row>
    <row r="379975" spans="8:8">
      <c r="H379975" s="12"/>
    </row>
    <row r="379976" spans="8:8">
      <c r="H379976" s="12"/>
    </row>
    <row r="379977" spans="8:8">
      <c r="H379977" s="12"/>
    </row>
    <row r="379978" spans="8:8">
      <c r="H379978" s="12"/>
    </row>
    <row r="379979" spans="8:8">
      <c r="H379979" s="12"/>
    </row>
    <row r="379980" spans="8:8">
      <c r="H379980" s="12"/>
    </row>
    <row r="379981" spans="8:8">
      <c r="H379981" s="12"/>
    </row>
    <row r="379982" spans="8:8">
      <c r="H379982" s="12"/>
    </row>
    <row r="379983" spans="8:8">
      <c r="H379983" s="12"/>
    </row>
    <row r="379984" spans="8:8">
      <c r="H379984" s="12"/>
    </row>
    <row r="379985" spans="8:8">
      <c r="H379985" s="12"/>
    </row>
    <row r="379986" spans="8:8">
      <c r="H379986" s="12"/>
    </row>
    <row r="379987" spans="8:8">
      <c r="H379987" s="12"/>
    </row>
    <row r="379988" spans="8:8">
      <c r="H379988" s="12"/>
    </row>
    <row r="379989" spans="8:8">
      <c r="H379989" s="12"/>
    </row>
    <row r="379990" spans="8:8">
      <c r="H379990" s="12"/>
    </row>
    <row r="379991" spans="8:8">
      <c r="H379991" s="12"/>
    </row>
    <row r="379992" spans="8:8">
      <c r="H379992" s="12"/>
    </row>
    <row r="379993" spans="8:8">
      <c r="H379993" s="12"/>
    </row>
    <row r="379994" spans="8:8">
      <c r="H379994" s="12"/>
    </row>
    <row r="379995" spans="8:8">
      <c r="H379995" s="12"/>
    </row>
    <row r="379996" spans="8:8">
      <c r="H379996" s="12"/>
    </row>
    <row r="379997" spans="8:8">
      <c r="H379997" s="12"/>
    </row>
    <row r="379998" spans="8:8">
      <c r="H379998" s="12"/>
    </row>
    <row r="379999" spans="8:8">
      <c r="H379999" s="12"/>
    </row>
    <row r="380000" spans="8:8">
      <c r="H380000" s="12"/>
    </row>
    <row r="380001" spans="8:8">
      <c r="H380001" s="12"/>
    </row>
    <row r="380002" spans="8:8">
      <c r="H380002" s="12"/>
    </row>
    <row r="380003" spans="8:8">
      <c r="H380003" s="12"/>
    </row>
    <row r="380004" spans="8:8">
      <c r="H380004" s="12"/>
    </row>
    <row r="380005" spans="8:8">
      <c r="H380005" s="12"/>
    </row>
    <row r="380006" spans="8:8">
      <c r="H380006" s="12"/>
    </row>
    <row r="380007" spans="8:8">
      <c r="H380007" s="12"/>
    </row>
    <row r="380008" spans="8:8">
      <c r="H380008" s="12"/>
    </row>
    <row r="380009" spans="8:8">
      <c r="H380009" s="12"/>
    </row>
    <row r="380010" spans="8:8">
      <c r="H380010" s="12"/>
    </row>
    <row r="380011" spans="8:8">
      <c r="H380011" s="12"/>
    </row>
    <row r="380012" spans="8:8">
      <c r="H380012" s="12"/>
    </row>
    <row r="380013" spans="8:8">
      <c r="H380013" s="12"/>
    </row>
    <row r="380014" spans="8:8">
      <c r="H380014" s="12"/>
    </row>
    <row r="380015" spans="8:8">
      <c r="H380015" s="12"/>
    </row>
    <row r="380016" spans="8:8">
      <c r="H380016" s="12"/>
    </row>
    <row r="380017" spans="8:8">
      <c r="H380017" s="12"/>
    </row>
    <row r="380018" spans="8:8">
      <c r="H380018" s="12"/>
    </row>
    <row r="380019" spans="8:8">
      <c r="H380019" s="12"/>
    </row>
    <row r="380020" spans="8:8">
      <c r="H380020" s="12"/>
    </row>
    <row r="380021" spans="8:8">
      <c r="H380021" s="12"/>
    </row>
    <row r="380022" spans="8:8">
      <c r="H380022" s="12"/>
    </row>
    <row r="380023" spans="8:8">
      <c r="H380023" s="12"/>
    </row>
    <row r="380024" spans="8:8">
      <c r="H380024" s="12"/>
    </row>
    <row r="380025" spans="8:8">
      <c r="H380025" s="12"/>
    </row>
    <row r="380026" spans="8:8">
      <c r="H380026" s="12"/>
    </row>
    <row r="380027" spans="8:8">
      <c r="H380027" s="12"/>
    </row>
    <row r="380028" spans="8:8">
      <c r="H380028" s="12"/>
    </row>
    <row r="380029" spans="8:8">
      <c r="H380029" s="12"/>
    </row>
    <row r="380030" spans="8:8">
      <c r="H380030" s="12"/>
    </row>
    <row r="380031" spans="8:8">
      <c r="H380031" s="12"/>
    </row>
    <row r="380032" spans="8:8">
      <c r="H380032" s="12"/>
    </row>
    <row r="380033" spans="8:8">
      <c r="H380033" s="12"/>
    </row>
    <row r="380034" spans="8:8">
      <c r="H380034" s="12"/>
    </row>
    <row r="380035" spans="8:8">
      <c r="H380035" s="12"/>
    </row>
    <row r="380036" spans="8:8">
      <c r="H380036" s="12"/>
    </row>
    <row r="380037" spans="8:8">
      <c r="H380037" s="12"/>
    </row>
    <row r="380038" spans="8:8">
      <c r="H380038" s="12"/>
    </row>
    <row r="380039" spans="8:8">
      <c r="H380039" s="12"/>
    </row>
    <row r="380040" spans="8:8">
      <c r="H380040" s="12"/>
    </row>
    <row r="380041" spans="8:8">
      <c r="H380041" s="12"/>
    </row>
    <row r="380042" spans="8:8">
      <c r="H380042" s="12"/>
    </row>
    <row r="380043" spans="8:8">
      <c r="H380043" s="12"/>
    </row>
    <row r="380044" spans="8:8">
      <c r="H380044" s="12"/>
    </row>
    <row r="380045" spans="8:8">
      <c r="H380045" s="12"/>
    </row>
    <row r="380046" spans="8:8">
      <c r="H380046" s="12"/>
    </row>
    <row r="380047" spans="8:8">
      <c r="H380047" s="12"/>
    </row>
    <row r="380048" spans="8:8">
      <c r="H380048" s="12"/>
    </row>
    <row r="380049" spans="8:8">
      <c r="H380049" s="12"/>
    </row>
    <row r="380050" spans="8:8">
      <c r="H380050" s="12"/>
    </row>
    <row r="380051" spans="8:8">
      <c r="H380051" s="12"/>
    </row>
    <row r="380052" spans="8:8">
      <c r="H380052" s="12"/>
    </row>
    <row r="380053" spans="8:8">
      <c r="H380053" s="12"/>
    </row>
    <row r="380054" spans="8:8">
      <c r="H380054" s="12"/>
    </row>
    <row r="380055" spans="8:8">
      <c r="H380055" s="12"/>
    </row>
    <row r="380056" spans="8:8">
      <c r="H380056" s="12"/>
    </row>
    <row r="380057" spans="8:8">
      <c r="H380057" s="12"/>
    </row>
    <row r="380058" spans="8:8">
      <c r="H380058" s="12"/>
    </row>
    <row r="380059" spans="8:8">
      <c r="H380059" s="12"/>
    </row>
    <row r="380060" spans="8:8">
      <c r="H380060" s="12"/>
    </row>
    <row r="380061" spans="8:8">
      <c r="H380061" s="12"/>
    </row>
    <row r="380062" spans="8:8">
      <c r="H380062" s="12"/>
    </row>
    <row r="380063" spans="8:8">
      <c r="H380063" s="12"/>
    </row>
    <row r="380064" spans="8:8">
      <c r="H380064" s="12"/>
    </row>
    <row r="380065" spans="8:8">
      <c r="H380065" s="12"/>
    </row>
    <row r="380066" spans="8:8">
      <c r="H380066" s="12"/>
    </row>
    <row r="380067" spans="8:8">
      <c r="H380067" s="12"/>
    </row>
    <row r="380068" spans="8:8">
      <c r="H380068" s="12"/>
    </row>
    <row r="380069" spans="8:8">
      <c r="H380069" s="12"/>
    </row>
    <row r="380070" spans="8:8">
      <c r="H380070" s="12"/>
    </row>
    <row r="380071" spans="8:8">
      <c r="H380071" s="12"/>
    </row>
    <row r="380072" spans="8:8">
      <c r="H380072" s="12"/>
    </row>
    <row r="380073" spans="8:8">
      <c r="H380073" s="12"/>
    </row>
    <row r="380074" spans="8:8">
      <c r="H380074" s="12"/>
    </row>
    <row r="380075" spans="8:8">
      <c r="H380075" s="12"/>
    </row>
    <row r="380076" spans="8:8">
      <c r="H380076" s="12"/>
    </row>
    <row r="380077" spans="8:8">
      <c r="H380077" s="12"/>
    </row>
    <row r="380078" spans="8:8">
      <c r="H380078" s="12"/>
    </row>
    <row r="380079" spans="8:8">
      <c r="H380079" s="12"/>
    </row>
    <row r="380080" spans="8:8">
      <c r="H380080" s="12"/>
    </row>
    <row r="380081" spans="8:8">
      <c r="H380081" s="12"/>
    </row>
    <row r="380082" spans="8:8">
      <c r="H380082" s="12"/>
    </row>
    <row r="380083" spans="8:8">
      <c r="H380083" s="12"/>
    </row>
    <row r="380084" spans="8:8">
      <c r="H380084" s="12"/>
    </row>
    <row r="380085" spans="8:8">
      <c r="H380085" s="12"/>
    </row>
    <row r="380086" spans="8:8">
      <c r="H380086" s="12"/>
    </row>
    <row r="380087" spans="8:8">
      <c r="H380087" s="12"/>
    </row>
    <row r="380088" spans="8:8">
      <c r="H380088" s="12"/>
    </row>
    <row r="380089" spans="8:8">
      <c r="H380089" s="12"/>
    </row>
    <row r="380090" spans="8:8">
      <c r="H380090" s="12"/>
    </row>
    <row r="380091" spans="8:8">
      <c r="H380091" s="12"/>
    </row>
    <row r="380092" spans="8:8">
      <c r="H380092" s="12"/>
    </row>
    <row r="380093" spans="8:8">
      <c r="H380093" s="12"/>
    </row>
    <row r="380094" spans="8:8">
      <c r="H380094" s="12"/>
    </row>
    <row r="380095" spans="8:8">
      <c r="H380095" s="12"/>
    </row>
    <row r="380096" spans="8:8">
      <c r="H380096" s="12"/>
    </row>
    <row r="380097" spans="8:8">
      <c r="H380097" s="12"/>
    </row>
    <row r="380098" spans="8:8">
      <c r="H380098" s="12"/>
    </row>
    <row r="380099" spans="8:8">
      <c r="H380099" s="12"/>
    </row>
    <row r="380100" spans="8:8">
      <c r="H380100" s="12"/>
    </row>
    <row r="380101" spans="8:8">
      <c r="H380101" s="12"/>
    </row>
    <row r="380102" spans="8:8">
      <c r="H380102" s="12"/>
    </row>
    <row r="380103" spans="8:8">
      <c r="H380103" s="12"/>
    </row>
    <row r="380104" spans="8:8">
      <c r="H380104" s="12"/>
    </row>
    <row r="380105" spans="8:8">
      <c r="H380105" s="12"/>
    </row>
    <row r="380106" spans="8:8">
      <c r="H380106" s="12"/>
    </row>
    <row r="380107" spans="8:8">
      <c r="H380107" s="12"/>
    </row>
    <row r="380108" spans="8:8">
      <c r="H380108" s="12"/>
    </row>
    <row r="380109" spans="8:8">
      <c r="H380109" s="12"/>
    </row>
    <row r="380110" spans="8:8">
      <c r="H380110" s="12"/>
    </row>
    <row r="380111" spans="8:8">
      <c r="H380111" s="12"/>
    </row>
    <row r="380112" spans="8:8">
      <c r="H380112" s="12"/>
    </row>
    <row r="380113" spans="8:8">
      <c r="H380113" s="12"/>
    </row>
    <row r="380114" spans="8:8">
      <c r="H380114" s="12"/>
    </row>
    <row r="380115" spans="8:8">
      <c r="H380115" s="12"/>
    </row>
    <row r="380116" spans="8:8">
      <c r="H380116" s="12"/>
    </row>
    <row r="380117" spans="8:8">
      <c r="H380117" s="12"/>
    </row>
    <row r="380118" spans="8:8">
      <c r="H380118" s="12"/>
    </row>
    <row r="380119" spans="8:8">
      <c r="H380119" s="12"/>
    </row>
    <row r="380120" spans="8:8">
      <c r="H380120" s="12"/>
    </row>
    <row r="380121" spans="8:8">
      <c r="H380121" s="12"/>
    </row>
    <row r="380122" spans="8:8">
      <c r="H380122" s="12"/>
    </row>
    <row r="380123" spans="8:8">
      <c r="H380123" s="12"/>
    </row>
    <row r="380124" spans="8:8">
      <c r="H380124" s="12"/>
    </row>
    <row r="380125" spans="8:8">
      <c r="H380125" s="12"/>
    </row>
    <row r="380126" spans="8:8">
      <c r="H380126" s="12"/>
    </row>
    <row r="380127" spans="8:8">
      <c r="H380127" s="12"/>
    </row>
    <row r="380128" spans="8:8">
      <c r="H380128" s="12"/>
    </row>
    <row r="380129" spans="8:8">
      <c r="H380129" s="12"/>
    </row>
    <row r="380130" spans="8:8">
      <c r="H380130" s="12"/>
    </row>
    <row r="380131" spans="8:8">
      <c r="H380131" s="12"/>
    </row>
    <row r="380132" spans="8:8">
      <c r="H380132" s="12"/>
    </row>
    <row r="380133" spans="8:8">
      <c r="H380133" s="12"/>
    </row>
    <row r="380134" spans="8:8">
      <c r="H380134" s="12"/>
    </row>
    <row r="380135" spans="8:8">
      <c r="H380135" s="12"/>
    </row>
    <row r="380136" spans="8:8">
      <c r="H380136" s="12"/>
    </row>
    <row r="380137" spans="8:8">
      <c r="H380137" s="12"/>
    </row>
    <row r="380138" spans="8:8">
      <c r="H380138" s="12"/>
    </row>
    <row r="380139" spans="8:8">
      <c r="H380139" s="12"/>
    </row>
    <row r="380140" spans="8:8">
      <c r="H380140" s="12"/>
    </row>
    <row r="380141" spans="8:8">
      <c r="H380141" s="12"/>
    </row>
    <row r="380142" spans="8:8">
      <c r="H380142" s="12"/>
    </row>
    <row r="380143" spans="8:8">
      <c r="H380143" s="12"/>
    </row>
    <row r="380144" spans="8:8">
      <c r="H380144" s="12"/>
    </row>
    <row r="380145" spans="8:8">
      <c r="H380145" s="12"/>
    </row>
    <row r="380146" spans="8:8">
      <c r="H380146" s="12"/>
    </row>
    <row r="380147" spans="8:8">
      <c r="H380147" s="12"/>
    </row>
    <row r="380148" spans="8:8">
      <c r="H380148" s="12"/>
    </row>
    <row r="380149" spans="8:8">
      <c r="H380149" s="12"/>
    </row>
    <row r="380150" spans="8:8">
      <c r="H380150" s="12"/>
    </row>
    <row r="380151" spans="8:8">
      <c r="H380151" s="12"/>
    </row>
    <row r="380152" spans="8:8">
      <c r="H380152" s="12"/>
    </row>
    <row r="380153" spans="8:8">
      <c r="H380153" s="12"/>
    </row>
    <row r="380154" spans="8:8">
      <c r="H380154" s="12"/>
    </row>
    <row r="380155" spans="8:8">
      <c r="H380155" s="12"/>
    </row>
    <row r="380156" spans="8:8">
      <c r="H380156" s="12"/>
    </row>
    <row r="380157" spans="8:8">
      <c r="H380157" s="12"/>
    </row>
    <row r="380158" spans="8:8">
      <c r="H380158" s="12"/>
    </row>
    <row r="380159" spans="8:8">
      <c r="H380159" s="12"/>
    </row>
    <row r="380160" spans="8:8">
      <c r="H380160" s="12"/>
    </row>
    <row r="380161" spans="8:8">
      <c r="H380161" s="12"/>
    </row>
    <row r="380162" spans="8:8">
      <c r="H380162" s="12"/>
    </row>
    <row r="380163" spans="8:8">
      <c r="H380163" s="12"/>
    </row>
    <row r="380164" spans="8:8">
      <c r="H380164" s="12"/>
    </row>
    <row r="380165" spans="8:8">
      <c r="H380165" s="12"/>
    </row>
    <row r="380166" spans="8:8">
      <c r="H380166" s="12"/>
    </row>
    <row r="380167" spans="8:8">
      <c r="H380167" s="12"/>
    </row>
    <row r="380168" spans="8:8">
      <c r="H380168" s="12"/>
    </row>
    <row r="380169" spans="8:8">
      <c r="H380169" s="12"/>
    </row>
    <row r="380170" spans="8:8">
      <c r="H380170" s="12"/>
    </row>
    <row r="380171" spans="8:8">
      <c r="H380171" s="12"/>
    </row>
    <row r="380172" spans="8:8">
      <c r="H380172" s="12"/>
    </row>
    <row r="380173" spans="8:8">
      <c r="H380173" s="12"/>
    </row>
    <row r="380174" spans="8:8">
      <c r="H380174" s="12"/>
    </row>
    <row r="380175" spans="8:8">
      <c r="H380175" s="12"/>
    </row>
    <row r="380176" spans="8:8">
      <c r="H380176" s="12"/>
    </row>
    <row r="380177" spans="8:8">
      <c r="H380177" s="12"/>
    </row>
    <row r="380178" spans="8:8">
      <c r="H380178" s="12"/>
    </row>
    <row r="380179" spans="8:8">
      <c r="H380179" s="12"/>
    </row>
    <row r="380180" spans="8:8">
      <c r="H380180" s="12"/>
    </row>
    <row r="380181" spans="8:8">
      <c r="H380181" s="12"/>
    </row>
    <row r="380182" spans="8:8">
      <c r="H380182" s="12"/>
    </row>
    <row r="380183" spans="8:8">
      <c r="H380183" s="12"/>
    </row>
    <row r="380184" spans="8:8">
      <c r="H380184" s="12"/>
    </row>
    <row r="380185" spans="8:8">
      <c r="H380185" s="12"/>
    </row>
    <row r="380186" spans="8:8">
      <c r="H380186" s="12"/>
    </row>
    <row r="380187" spans="8:8">
      <c r="H380187" s="12"/>
    </row>
    <row r="380188" spans="8:8">
      <c r="H380188" s="12"/>
    </row>
    <row r="380189" spans="8:8">
      <c r="H380189" s="12"/>
    </row>
    <row r="380190" spans="8:8">
      <c r="H380190" s="12"/>
    </row>
    <row r="380191" spans="8:8">
      <c r="H380191" s="12"/>
    </row>
    <row r="380192" spans="8:8">
      <c r="H380192" s="12"/>
    </row>
    <row r="380193" spans="8:8">
      <c r="H380193" s="12"/>
    </row>
    <row r="380194" spans="8:8">
      <c r="H380194" s="12"/>
    </row>
    <row r="380195" spans="8:8">
      <c r="H380195" s="12"/>
    </row>
    <row r="380196" spans="8:8">
      <c r="H380196" s="12"/>
    </row>
    <row r="380197" spans="8:8">
      <c r="H380197" s="12"/>
    </row>
    <row r="380198" spans="8:8">
      <c r="H380198" s="12"/>
    </row>
    <row r="380199" spans="8:8">
      <c r="H380199" s="12"/>
    </row>
    <row r="380200" spans="8:8">
      <c r="H380200" s="12"/>
    </row>
    <row r="380201" spans="8:8">
      <c r="H380201" s="12"/>
    </row>
    <row r="380202" spans="8:8">
      <c r="H380202" s="12"/>
    </row>
    <row r="380203" spans="8:8">
      <c r="H380203" s="12"/>
    </row>
    <row r="380204" spans="8:8">
      <c r="H380204" s="12"/>
    </row>
    <row r="380205" spans="8:8">
      <c r="H380205" s="12"/>
    </row>
    <row r="380206" spans="8:8">
      <c r="H380206" s="12"/>
    </row>
    <row r="380207" spans="8:8">
      <c r="H380207" s="12"/>
    </row>
    <row r="380208" spans="8:8">
      <c r="H380208" s="12"/>
    </row>
    <row r="380209" spans="8:8">
      <c r="H380209" s="12"/>
    </row>
    <row r="380210" spans="8:8">
      <c r="H380210" s="12"/>
    </row>
    <row r="380211" spans="8:8">
      <c r="H380211" s="12"/>
    </row>
    <row r="380212" spans="8:8">
      <c r="H380212" s="12"/>
    </row>
    <row r="380213" spans="8:8">
      <c r="H380213" s="12"/>
    </row>
    <row r="380214" spans="8:8">
      <c r="H380214" s="12"/>
    </row>
    <row r="380215" spans="8:8">
      <c r="H380215" s="12"/>
    </row>
    <row r="380216" spans="8:8">
      <c r="H380216" s="12"/>
    </row>
    <row r="380217" spans="8:8">
      <c r="H380217" s="12"/>
    </row>
    <row r="380218" spans="8:8">
      <c r="H380218" s="12"/>
    </row>
    <row r="380219" spans="8:8">
      <c r="H380219" s="12"/>
    </row>
    <row r="380220" spans="8:8">
      <c r="H380220" s="12"/>
    </row>
    <row r="380221" spans="8:8">
      <c r="H380221" s="12"/>
    </row>
    <row r="380222" spans="8:8">
      <c r="H380222" s="12"/>
    </row>
    <row r="380223" spans="8:8">
      <c r="H380223" s="12"/>
    </row>
    <row r="380224" spans="8:8">
      <c r="H380224" s="12"/>
    </row>
    <row r="380225" spans="8:8">
      <c r="H380225" s="12"/>
    </row>
    <row r="380226" spans="8:8">
      <c r="H380226" s="12"/>
    </row>
    <row r="380227" spans="8:8">
      <c r="H380227" s="12"/>
    </row>
    <row r="380228" spans="8:8">
      <c r="H380228" s="12"/>
    </row>
    <row r="380229" spans="8:8">
      <c r="H380229" s="12"/>
    </row>
    <row r="380230" spans="8:8">
      <c r="H380230" s="12"/>
    </row>
    <row r="380231" spans="8:8">
      <c r="H380231" s="12"/>
    </row>
    <row r="380232" spans="8:8">
      <c r="H380232" s="12"/>
    </row>
    <row r="380233" spans="8:8">
      <c r="H380233" s="12"/>
    </row>
    <row r="380234" spans="8:8">
      <c r="H380234" s="12"/>
    </row>
    <row r="380235" spans="8:8">
      <c r="H380235" s="12"/>
    </row>
    <row r="380236" spans="8:8">
      <c r="H380236" s="12"/>
    </row>
    <row r="380237" spans="8:8">
      <c r="H380237" s="12"/>
    </row>
    <row r="380238" spans="8:8">
      <c r="H380238" s="12"/>
    </row>
    <row r="380239" spans="8:8">
      <c r="H380239" s="12"/>
    </row>
    <row r="380240" spans="8:8">
      <c r="H380240" s="12"/>
    </row>
    <row r="380241" spans="8:8">
      <c r="H380241" s="12"/>
    </row>
    <row r="380242" spans="8:8">
      <c r="H380242" s="12"/>
    </row>
    <row r="380243" spans="8:8">
      <c r="H380243" s="12"/>
    </row>
    <row r="380244" spans="8:8">
      <c r="H380244" s="12"/>
    </row>
    <row r="380245" spans="8:8">
      <c r="H380245" s="12"/>
    </row>
    <row r="380246" spans="8:8">
      <c r="H380246" s="12"/>
    </row>
    <row r="380247" spans="8:8">
      <c r="H380247" s="12"/>
    </row>
    <row r="380248" spans="8:8">
      <c r="H380248" s="12"/>
    </row>
    <row r="380249" spans="8:8">
      <c r="H380249" s="12"/>
    </row>
    <row r="380250" spans="8:8">
      <c r="H380250" s="12"/>
    </row>
    <row r="380251" spans="8:8">
      <c r="H380251" s="12"/>
    </row>
    <row r="380252" spans="8:8">
      <c r="H380252" s="12"/>
    </row>
    <row r="380253" spans="8:8">
      <c r="H380253" s="12"/>
    </row>
    <row r="380254" spans="8:8">
      <c r="H380254" s="12"/>
    </row>
    <row r="380255" spans="8:8">
      <c r="H380255" s="12"/>
    </row>
    <row r="380256" spans="8:8">
      <c r="H380256" s="12"/>
    </row>
    <row r="380257" spans="8:8">
      <c r="H380257" s="12"/>
    </row>
    <row r="380258" spans="8:8">
      <c r="H380258" s="12"/>
    </row>
    <row r="380259" spans="8:8">
      <c r="H380259" s="12"/>
    </row>
    <row r="380260" spans="8:8">
      <c r="H380260" s="12"/>
    </row>
    <row r="380261" spans="8:8">
      <c r="H380261" s="12"/>
    </row>
    <row r="380262" spans="8:8">
      <c r="H380262" s="12"/>
    </row>
    <row r="380263" spans="8:8">
      <c r="H380263" s="12"/>
    </row>
    <row r="380264" spans="8:8">
      <c r="H380264" s="12"/>
    </row>
    <row r="380265" spans="8:8">
      <c r="H380265" s="12"/>
    </row>
    <row r="380266" spans="8:8">
      <c r="H380266" s="12"/>
    </row>
    <row r="380267" spans="8:8">
      <c r="H380267" s="12"/>
    </row>
    <row r="380268" spans="8:8">
      <c r="H380268" s="12"/>
    </row>
    <row r="380269" spans="8:8">
      <c r="H380269" s="12"/>
    </row>
    <row r="380270" spans="8:8">
      <c r="H380270" s="12"/>
    </row>
    <row r="380271" spans="8:8">
      <c r="H380271" s="12"/>
    </row>
    <row r="380272" spans="8:8">
      <c r="H380272" s="12"/>
    </row>
    <row r="380273" spans="8:8">
      <c r="H380273" s="12"/>
    </row>
    <row r="380274" spans="8:8">
      <c r="H380274" s="12"/>
    </row>
    <row r="380275" spans="8:8">
      <c r="H380275" s="12"/>
    </row>
    <row r="380276" spans="8:8">
      <c r="H380276" s="12"/>
    </row>
    <row r="380277" spans="8:8">
      <c r="H380277" s="12"/>
    </row>
    <row r="380278" spans="8:8">
      <c r="H380278" s="12"/>
    </row>
    <row r="380279" spans="8:8">
      <c r="H380279" s="12"/>
    </row>
    <row r="380280" spans="8:8">
      <c r="H380280" s="12"/>
    </row>
    <row r="380281" spans="8:8">
      <c r="H380281" s="12"/>
    </row>
    <row r="380282" spans="8:8">
      <c r="H380282" s="12"/>
    </row>
    <row r="380283" spans="8:8">
      <c r="H380283" s="12"/>
    </row>
    <row r="380284" spans="8:8">
      <c r="H380284" s="12"/>
    </row>
    <row r="380285" spans="8:8">
      <c r="H380285" s="12"/>
    </row>
    <row r="380286" spans="8:8">
      <c r="H380286" s="12"/>
    </row>
    <row r="380287" spans="8:8">
      <c r="H380287" s="12"/>
    </row>
    <row r="380288" spans="8:8">
      <c r="H380288" s="12"/>
    </row>
    <row r="380289" spans="8:8">
      <c r="H380289" s="12"/>
    </row>
    <row r="380290" spans="8:8">
      <c r="H380290" s="12"/>
    </row>
    <row r="380291" spans="8:8">
      <c r="H380291" s="12"/>
    </row>
    <row r="380292" spans="8:8">
      <c r="H380292" s="12"/>
    </row>
    <row r="380293" spans="8:8">
      <c r="H380293" s="12"/>
    </row>
    <row r="380294" spans="8:8">
      <c r="H380294" s="12"/>
    </row>
    <row r="380295" spans="8:8">
      <c r="H380295" s="12"/>
    </row>
    <row r="380296" spans="8:8">
      <c r="H380296" s="12"/>
    </row>
    <row r="380297" spans="8:8">
      <c r="H380297" s="12"/>
    </row>
    <row r="380298" spans="8:8">
      <c r="H380298" s="12"/>
    </row>
    <row r="380299" spans="8:8">
      <c r="H380299" s="12"/>
    </row>
    <row r="380300" spans="8:8">
      <c r="H380300" s="12"/>
    </row>
    <row r="380301" spans="8:8">
      <c r="H380301" s="12"/>
    </row>
    <row r="380302" spans="8:8">
      <c r="H380302" s="12"/>
    </row>
    <row r="380303" spans="8:8">
      <c r="H380303" s="12"/>
    </row>
    <row r="380304" spans="8:8">
      <c r="H380304" s="12"/>
    </row>
    <row r="380305" spans="8:8">
      <c r="H380305" s="12"/>
    </row>
    <row r="380306" spans="8:8">
      <c r="H380306" s="12"/>
    </row>
    <row r="380307" spans="8:8">
      <c r="H380307" s="12"/>
    </row>
    <row r="380308" spans="8:8">
      <c r="H380308" s="12"/>
    </row>
    <row r="380309" spans="8:8">
      <c r="H380309" s="12"/>
    </row>
    <row r="380310" spans="8:8">
      <c r="H380310" s="12"/>
    </row>
    <row r="380311" spans="8:8">
      <c r="H380311" s="12"/>
    </row>
    <row r="380312" spans="8:8">
      <c r="H380312" s="12"/>
    </row>
    <row r="380313" spans="8:8">
      <c r="H380313" s="12"/>
    </row>
    <row r="380314" spans="8:8">
      <c r="H380314" s="12"/>
    </row>
    <row r="380315" spans="8:8">
      <c r="H380315" s="12"/>
    </row>
    <row r="380316" spans="8:8">
      <c r="H380316" s="12"/>
    </row>
    <row r="380317" spans="8:8">
      <c r="H380317" s="12"/>
    </row>
    <row r="380318" spans="8:8">
      <c r="H380318" s="12"/>
    </row>
    <row r="380319" spans="8:8">
      <c r="H380319" s="12"/>
    </row>
    <row r="380320" spans="8:8">
      <c r="H380320" s="12"/>
    </row>
    <row r="380321" spans="8:8">
      <c r="H380321" s="12"/>
    </row>
    <row r="380322" spans="8:8">
      <c r="H380322" s="12"/>
    </row>
    <row r="380323" spans="8:8">
      <c r="H380323" s="12"/>
    </row>
    <row r="380324" spans="8:8">
      <c r="H380324" s="12"/>
    </row>
    <row r="380325" spans="8:8">
      <c r="H380325" s="12"/>
    </row>
    <row r="380326" spans="8:8">
      <c r="H380326" s="12"/>
    </row>
    <row r="380327" spans="8:8">
      <c r="H380327" s="12"/>
    </row>
    <row r="380328" spans="8:8">
      <c r="H380328" s="12"/>
    </row>
    <row r="380329" spans="8:8">
      <c r="H380329" s="12"/>
    </row>
    <row r="380330" spans="8:8">
      <c r="H380330" s="12"/>
    </row>
    <row r="380331" spans="8:8">
      <c r="H380331" s="12"/>
    </row>
    <row r="380332" spans="8:8">
      <c r="H380332" s="12"/>
    </row>
    <row r="380333" spans="8:8">
      <c r="H380333" s="12"/>
    </row>
    <row r="380334" spans="8:8">
      <c r="H380334" s="12"/>
    </row>
    <row r="380335" spans="8:8">
      <c r="H380335" s="12"/>
    </row>
    <row r="380336" spans="8:8">
      <c r="H380336" s="12"/>
    </row>
    <row r="380337" spans="8:8">
      <c r="H380337" s="12"/>
    </row>
    <row r="380338" spans="8:8">
      <c r="H380338" s="12"/>
    </row>
    <row r="380339" spans="8:8">
      <c r="H380339" s="12"/>
    </row>
    <row r="380340" spans="8:8">
      <c r="H380340" s="12"/>
    </row>
    <row r="380341" spans="8:8">
      <c r="H380341" s="12"/>
    </row>
    <row r="380342" spans="8:8">
      <c r="H380342" s="12"/>
    </row>
    <row r="380343" spans="8:8">
      <c r="H380343" s="12"/>
    </row>
    <row r="380344" spans="8:8">
      <c r="H380344" s="12"/>
    </row>
    <row r="380345" spans="8:8">
      <c r="H380345" s="12"/>
    </row>
    <row r="380346" spans="8:8">
      <c r="H380346" s="12"/>
    </row>
    <row r="380347" spans="8:8">
      <c r="H380347" s="12"/>
    </row>
    <row r="380348" spans="8:8">
      <c r="H380348" s="12"/>
    </row>
    <row r="380349" spans="8:8">
      <c r="H380349" s="12"/>
    </row>
    <row r="380350" spans="8:8">
      <c r="H380350" s="12"/>
    </row>
    <row r="380351" spans="8:8">
      <c r="H380351" s="12"/>
    </row>
    <row r="380352" spans="8:8">
      <c r="H380352" s="12"/>
    </row>
    <row r="380353" spans="8:8">
      <c r="H380353" s="12"/>
    </row>
    <row r="380354" spans="8:8">
      <c r="H380354" s="12"/>
    </row>
    <row r="380355" spans="8:8">
      <c r="H380355" s="12"/>
    </row>
    <row r="380356" spans="8:8">
      <c r="H380356" s="12"/>
    </row>
    <row r="380357" spans="8:8">
      <c r="H380357" s="12"/>
    </row>
    <row r="380358" spans="8:8">
      <c r="H380358" s="12"/>
    </row>
    <row r="380359" spans="8:8">
      <c r="H380359" s="12"/>
    </row>
    <row r="380360" spans="8:8">
      <c r="H380360" s="12"/>
    </row>
    <row r="380361" spans="8:8">
      <c r="H380361" s="12"/>
    </row>
    <row r="380362" spans="8:8">
      <c r="H380362" s="12"/>
    </row>
    <row r="380363" spans="8:8">
      <c r="H380363" s="12"/>
    </row>
    <row r="380364" spans="8:8">
      <c r="H380364" s="12"/>
    </row>
    <row r="380365" spans="8:8">
      <c r="H380365" s="12"/>
    </row>
    <row r="380366" spans="8:8">
      <c r="H380366" s="12"/>
    </row>
    <row r="380367" spans="8:8">
      <c r="H380367" s="12"/>
    </row>
    <row r="380368" spans="8:8">
      <c r="H380368" s="12"/>
    </row>
    <row r="380369" spans="8:8">
      <c r="H380369" s="12"/>
    </row>
    <row r="380370" spans="8:8">
      <c r="H380370" s="12"/>
    </row>
    <row r="380371" spans="8:8">
      <c r="H380371" s="12"/>
    </row>
    <row r="380372" spans="8:8">
      <c r="H380372" s="12"/>
    </row>
    <row r="380373" spans="8:8">
      <c r="H380373" s="12"/>
    </row>
    <row r="380374" spans="8:8">
      <c r="H380374" s="12"/>
    </row>
    <row r="380375" spans="8:8">
      <c r="H380375" s="12"/>
    </row>
    <row r="380376" spans="8:8">
      <c r="H380376" s="12"/>
    </row>
    <row r="380377" spans="8:8">
      <c r="H380377" s="12"/>
    </row>
    <row r="380378" spans="8:8">
      <c r="H380378" s="12"/>
    </row>
    <row r="380379" spans="8:8">
      <c r="H380379" s="12"/>
    </row>
    <row r="380380" spans="8:8">
      <c r="H380380" s="12"/>
    </row>
    <row r="380381" spans="8:8">
      <c r="H380381" s="12"/>
    </row>
    <row r="380382" spans="8:8">
      <c r="H380382" s="12"/>
    </row>
    <row r="380383" spans="8:8">
      <c r="H380383" s="12"/>
    </row>
    <row r="380384" spans="8:8">
      <c r="H380384" s="12"/>
    </row>
    <row r="380385" spans="8:8">
      <c r="H380385" s="12"/>
    </row>
    <row r="380386" spans="8:8">
      <c r="H380386" s="12"/>
    </row>
    <row r="380387" spans="8:8">
      <c r="H380387" s="12"/>
    </row>
    <row r="380388" spans="8:8">
      <c r="H380388" s="12"/>
    </row>
    <row r="380389" spans="8:8">
      <c r="H380389" s="12"/>
    </row>
    <row r="380390" spans="8:8">
      <c r="H380390" s="12"/>
    </row>
    <row r="380391" spans="8:8">
      <c r="H380391" s="12"/>
    </row>
    <row r="380392" spans="8:8">
      <c r="H380392" s="12"/>
    </row>
    <row r="380393" spans="8:8">
      <c r="H380393" s="12"/>
    </row>
    <row r="380394" spans="8:8">
      <c r="H380394" s="12"/>
    </row>
    <row r="380395" spans="8:8">
      <c r="H380395" s="12"/>
    </row>
    <row r="380396" spans="8:8">
      <c r="H380396" s="12"/>
    </row>
    <row r="380397" spans="8:8">
      <c r="H380397" s="12"/>
    </row>
    <row r="380398" spans="8:8">
      <c r="H380398" s="12"/>
    </row>
    <row r="380399" spans="8:8">
      <c r="H380399" s="12"/>
    </row>
    <row r="380400" spans="8:8">
      <c r="H380400" s="12"/>
    </row>
    <row r="380401" spans="8:8">
      <c r="H380401" s="12"/>
    </row>
    <row r="380402" spans="8:8">
      <c r="H380402" s="12"/>
    </row>
    <row r="380403" spans="8:8">
      <c r="H380403" s="12"/>
    </row>
    <row r="380404" spans="8:8">
      <c r="H380404" s="12"/>
    </row>
    <row r="380405" spans="8:8">
      <c r="H380405" s="12"/>
    </row>
    <row r="380406" spans="8:8">
      <c r="H380406" s="12"/>
    </row>
    <row r="380407" spans="8:8">
      <c r="H380407" s="12"/>
    </row>
    <row r="380408" spans="8:8">
      <c r="H380408" s="12"/>
    </row>
    <row r="380409" spans="8:8">
      <c r="H380409" s="12"/>
    </row>
    <row r="380410" spans="8:8">
      <c r="H380410" s="12"/>
    </row>
    <row r="380411" spans="8:8">
      <c r="H380411" s="12"/>
    </row>
    <row r="380412" spans="8:8">
      <c r="H380412" s="12"/>
    </row>
    <row r="380413" spans="8:8">
      <c r="H380413" s="12"/>
    </row>
    <row r="380414" spans="8:8">
      <c r="H380414" s="12"/>
    </row>
    <row r="380415" spans="8:8">
      <c r="H380415" s="12"/>
    </row>
    <row r="380416" spans="8:8">
      <c r="H380416" s="12"/>
    </row>
    <row r="380417" spans="8:8">
      <c r="H380417" s="12"/>
    </row>
    <row r="380418" spans="8:8">
      <c r="H380418" s="12"/>
    </row>
    <row r="380419" spans="8:8">
      <c r="H380419" s="12"/>
    </row>
    <row r="380420" spans="8:8">
      <c r="H380420" s="12"/>
    </row>
    <row r="380421" spans="8:8">
      <c r="H380421" s="12"/>
    </row>
    <row r="380422" spans="8:8">
      <c r="H380422" s="12"/>
    </row>
    <row r="380423" spans="8:8">
      <c r="H380423" s="12"/>
    </row>
    <row r="380424" spans="8:8">
      <c r="H380424" s="12"/>
    </row>
    <row r="380425" spans="8:8">
      <c r="H380425" s="12"/>
    </row>
    <row r="380426" spans="8:8">
      <c r="H380426" s="12"/>
    </row>
    <row r="380427" spans="8:8">
      <c r="H380427" s="12"/>
    </row>
    <row r="380428" spans="8:8">
      <c r="H380428" s="12"/>
    </row>
    <row r="380429" spans="8:8">
      <c r="H380429" s="12"/>
    </row>
    <row r="380430" spans="8:8">
      <c r="H380430" s="12"/>
    </row>
    <row r="380431" spans="8:8">
      <c r="H380431" s="12"/>
    </row>
    <row r="380432" spans="8:8">
      <c r="H380432" s="12"/>
    </row>
    <row r="380433" spans="8:8">
      <c r="H380433" s="12"/>
    </row>
    <row r="380434" spans="8:8">
      <c r="H380434" s="12"/>
    </row>
    <row r="380435" spans="8:8">
      <c r="H380435" s="12"/>
    </row>
    <row r="380436" spans="8:8">
      <c r="H380436" s="12"/>
    </row>
    <row r="380437" spans="8:8">
      <c r="H380437" s="12"/>
    </row>
    <row r="380438" spans="8:8">
      <c r="H380438" s="12"/>
    </row>
    <row r="380439" spans="8:8">
      <c r="H380439" s="12"/>
    </row>
    <row r="380440" spans="8:8">
      <c r="H380440" s="12"/>
    </row>
    <row r="380441" spans="8:8">
      <c r="H380441" s="12"/>
    </row>
    <row r="380442" spans="8:8">
      <c r="H380442" s="12"/>
    </row>
    <row r="380443" spans="8:8">
      <c r="H380443" s="12"/>
    </row>
    <row r="380444" spans="8:8">
      <c r="H380444" s="12"/>
    </row>
    <row r="380445" spans="8:8">
      <c r="H380445" s="12"/>
    </row>
    <row r="380446" spans="8:8">
      <c r="H380446" s="12"/>
    </row>
    <row r="380447" spans="8:8">
      <c r="H380447" s="12"/>
    </row>
    <row r="380448" spans="8:8">
      <c r="H380448" s="12"/>
    </row>
    <row r="380449" spans="8:8">
      <c r="H380449" s="12"/>
    </row>
    <row r="380450" spans="8:8">
      <c r="H380450" s="12"/>
    </row>
    <row r="380451" spans="8:8">
      <c r="H380451" s="12"/>
    </row>
    <row r="380452" spans="8:8">
      <c r="H380452" s="12"/>
    </row>
    <row r="380453" spans="8:8">
      <c r="H380453" s="12"/>
    </row>
    <row r="380454" spans="8:8">
      <c r="H380454" s="12"/>
    </row>
    <row r="380455" spans="8:8">
      <c r="H380455" s="12"/>
    </row>
    <row r="380456" spans="8:8">
      <c r="H380456" s="12"/>
    </row>
    <row r="380457" spans="8:8">
      <c r="H380457" s="12"/>
    </row>
    <row r="380458" spans="8:8">
      <c r="H380458" s="12"/>
    </row>
    <row r="380459" spans="8:8">
      <c r="H380459" s="12"/>
    </row>
    <row r="380460" spans="8:8">
      <c r="H380460" s="12"/>
    </row>
    <row r="380461" spans="8:8">
      <c r="H380461" s="12"/>
    </row>
    <row r="380462" spans="8:8">
      <c r="H380462" s="12"/>
    </row>
    <row r="380463" spans="8:8">
      <c r="H380463" s="12"/>
    </row>
    <row r="380464" spans="8:8">
      <c r="H380464" s="12"/>
    </row>
    <row r="380465" spans="8:8">
      <c r="H380465" s="12"/>
    </row>
    <row r="380466" spans="8:8">
      <c r="H380466" s="12"/>
    </row>
    <row r="380467" spans="8:8">
      <c r="H380467" s="12"/>
    </row>
    <row r="380468" spans="8:8">
      <c r="H380468" s="12"/>
    </row>
    <row r="380469" spans="8:8">
      <c r="H380469" s="12"/>
    </row>
    <row r="380470" spans="8:8">
      <c r="H380470" s="12"/>
    </row>
    <row r="380471" spans="8:8">
      <c r="H380471" s="12"/>
    </row>
    <row r="380472" spans="8:8">
      <c r="H380472" s="12"/>
    </row>
    <row r="380473" spans="8:8">
      <c r="H380473" s="12"/>
    </row>
    <row r="380474" spans="8:8">
      <c r="H380474" s="12"/>
    </row>
    <row r="380475" spans="8:8">
      <c r="H380475" s="12"/>
    </row>
    <row r="380476" spans="8:8">
      <c r="H380476" s="12"/>
    </row>
    <row r="380477" spans="8:8">
      <c r="H380477" s="12"/>
    </row>
    <row r="380478" spans="8:8">
      <c r="H380478" s="12"/>
    </row>
    <row r="380479" spans="8:8">
      <c r="H380479" s="12"/>
    </row>
    <row r="380480" spans="8:8">
      <c r="H380480" s="12"/>
    </row>
    <row r="380481" spans="8:8">
      <c r="H380481" s="12"/>
    </row>
    <row r="380482" spans="8:8">
      <c r="H380482" s="12"/>
    </row>
    <row r="380483" spans="8:8">
      <c r="H380483" s="12"/>
    </row>
    <row r="380484" spans="8:8">
      <c r="H380484" s="12"/>
    </row>
    <row r="380485" spans="8:8">
      <c r="H380485" s="12"/>
    </row>
    <row r="380486" spans="8:8">
      <c r="H380486" s="12"/>
    </row>
    <row r="380487" spans="8:8">
      <c r="H380487" s="12"/>
    </row>
    <row r="380488" spans="8:8">
      <c r="H380488" s="12"/>
    </row>
    <row r="380489" spans="8:8">
      <c r="H380489" s="12"/>
    </row>
    <row r="380490" spans="8:8">
      <c r="H380490" s="12"/>
    </row>
    <row r="380491" spans="8:8">
      <c r="H380491" s="12"/>
    </row>
    <row r="380492" spans="8:8">
      <c r="H380492" s="12"/>
    </row>
    <row r="380493" spans="8:8">
      <c r="H380493" s="12"/>
    </row>
    <row r="380494" spans="8:8">
      <c r="H380494" s="12"/>
    </row>
    <row r="380495" spans="8:8">
      <c r="H380495" s="12"/>
    </row>
    <row r="380496" spans="8:8">
      <c r="H380496" s="12"/>
    </row>
    <row r="380497" spans="8:8">
      <c r="H380497" s="12"/>
    </row>
    <row r="380498" spans="8:8">
      <c r="H380498" s="12"/>
    </row>
    <row r="380499" spans="8:8">
      <c r="H380499" s="12"/>
    </row>
    <row r="380500" spans="8:8">
      <c r="H380500" s="12"/>
    </row>
    <row r="380501" spans="8:8">
      <c r="H380501" s="12"/>
    </row>
    <row r="380502" spans="8:8">
      <c r="H380502" s="12"/>
    </row>
    <row r="380503" spans="8:8">
      <c r="H380503" s="12"/>
    </row>
    <row r="380504" spans="8:8">
      <c r="H380504" s="12"/>
    </row>
    <row r="380505" spans="8:8">
      <c r="H380505" s="12"/>
    </row>
    <row r="380506" spans="8:8">
      <c r="H380506" s="12"/>
    </row>
    <row r="380507" spans="8:8">
      <c r="H380507" s="12"/>
    </row>
    <row r="380508" spans="8:8">
      <c r="H380508" s="12"/>
    </row>
    <row r="380509" spans="8:8">
      <c r="H380509" s="12"/>
    </row>
    <row r="380510" spans="8:8">
      <c r="H380510" s="12"/>
    </row>
    <row r="380511" spans="8:8">
      <c r="H380511" s="12"/>
    </row>
    <row r="380512" spans="8:8">
      <c r="H380512" s="12"/>
    </row>
    <row r="380513" spans="8:8">
      <c r="H380513" s="12"/>
    </row>
    <row r="380514" spans="8:8">
      <c r="H380514" s="12"/>
    </row>
    <row r="380515" spans="8:8">
      <c r="H380515" s="12"/>
    </row>
    <row r="380516" spans="8:8">
      <c r="H380516" s="12"/>
    </row>
    <row r="380517" spans="8:8">
      <c r="H380517" s="12"/>
    </row>
    <row r="380518" spans="8:8">
      <c r="H380518" s="12"/>
    </row>
    <row r="380519" spans="8:8">
      <c r="H380519" s="12"/>
    </row>
    <row r="380520" spans="8:8">
      <c r="H380520" s="12"/>
    </row>
    <row r="380521" spans="8:8">
      <c r="H380521" s="12"/>
    </row>
    <row r="380522" spans="8:8">
      <c r="H380522" s="12"/>
    </row>
    <row r="380523" spans="8:8">
      <c r="H380523" s="12"/>
    </row>
    <row r="380524" spans="8:8">
      <c r="H380524" s="12"/>
    </row>
    <row r="380525" spans="8:8">
      <c r="H380525" s="12"/>
    </row>
    <row r="380526" spans="8:8">
      <c r="H380526" s="12"/>
    </row>
    <row r="380527" spans="8:8">
      <c r="H380527" s="12"/>
    </row>
    <row r="380528" spans="8:8">
      <c r="H380528" s="12"/>
    </row>
    <row r="380529" spans="8:8">
      <c r="H380529" s="12"/>
    </row>
    <row r="380530" spans="8:8">
      <c r="H380530" s="12"/>
    </row>
    <row r="380531" spans="8:8">
      <c r="H380531" s="12"/>
    </row>
    <row r="380532" spans="8:8">
      <c r="H380532" s="12"/>
    </row>
    <row r="380533" spans="8:8">
      <c r="H380533" s="12"/>
    </row>
    <row r="380534" spans="8:8">
      <c r="H380534" s="12"/>
    </row>
    <row r="380535" spans="8:8">
      <c r="H380535" s="12"/>
    </row>
    <row r="380536" spans="8:8">
      <c r="H380536" s="12"/>
    </row>
    <row r="380537" spans="8:8">
      <c r="H380537" s="12"/>
    </row>
    <row r="380538" spans="8:8">
      <c r="H380538" s="12"/>
    </row>
    <row r="380539" spans="8:8">
      <c r="H380539" s="12"/>
    </row>
    <row r="380540" spans="8:8">
      <c r="H380540" s="12"/>
    </row>
    <row r="380541" spans="8:8">
      <c r="H380541" s="12"/>
    </row>
    <row r="380542" spans="8:8">
      <c r="H380542" s="12"/>
    </row>
    <row r="380543" spans="8:8">
      <c r="H380543" s="12"/>
    </row>
    <row r="380544" spans="8:8">
      <c r="H380544" s="12"/>
    </row>
    <row r="380545" spans="8:8">
      <c r="H380545" s="12"/>
    </row>
    <row r="380546" spans="8:8">
      <c r="H380546" s="12"/>
    </row>
    <row r="380547" spans="8:8">
      <c r="H380547" s="12"/>
    </row>
    <row r="380548" spans="8:8">
      <c r="H380548" s="12"/>
    </row>
    <row r="380549" spans="8:8">
      <c r="H380549" s="12"/>
    </row>
    <row r="380550" spans="8:8">
      <c r="H380550" s="12"/>
    </row>
    <row r="380551" spans="8:8">
      <c r="H380551" s="12"/>
    </row>
    <row r="380552" spans="8:8">
      <c r="H380552" s="12"/>
    </row>
    <row r="380553" spans="8:8">
      <c r="H380553" s="12"/>
    </row>
    <row r="380554" spans="8:8">
      <c r="H380554" s="12"/>
    </row>
    <row r="380555" spans="8:8">
      <c r="H380555" s="12"/>
    </row>
    <row r="380556" spans="8:8">
      <c r="H380556" s="12"/>
    </row>
    <row r="380557" spans="8:8">
      <c r="H380557" s="12"/>
    </row>
    <row r="380558" spans="8:8">
      <c r="H380558" s="12"/>
    </row>
    <row r="380559" spans="8:8">
      <c r="H380559" s="12"/>
    </row>
    <row r="380560" spans="8:8">
      <c r="H380560" s="12"/>
    </row>
    <row r="380561" spans="8:8">
      <c r="H380561" s="12"/>
    </row>
    <row r="380562" spans="8:8">
      <c r="H380562" s="12"/>
    </row>
    <row r="380563" spans="8:8">
      <c r="H380563" s="12"/>
    </row>
    <row r="380564" spans="8:8">
      <c r="H380564" s="12"/>
    </row>
    <row r="380565" spans="8:8">
      <c r="H380565" s="12"/>
    </row>
    <row r="380566" spans="8:8">
      <c r="H380566" s="12"/>
    </row>
    <row r="380567" spans="8:8">
      <c r="H380567" s="12"/>
    </row>
    <row r="380568" spans="8:8">
      <c r="H380568" s="12"/>
    </row>
    <row r="380569" spans="8:8">
      <c r="H380569" s="12"/>
    </row>
    <row r="380570" spans="8:8">
      <c r="H380570" s="12"/>
    </row>
    <row r="380571" spans="8:8">
      <c r="H380571" s="12"/>
    </row>
    <row r="380572" spans="8:8">
      <c r="H380572" s="12"/>
    </row>
    <row r="380573" spans="8:8">
      <c r="H380573" s="12"/>
    </row>
    <row r="380574" spans="8:8">
      <c r="H380574" s="12"/>
    </row>
    <row r="380575" spans="8:8">
      <c r="H380575" s="12"/>
    </row>
    <row r="380576" spans="8:8">
      <c r="H380576" s="12"/>
    </row>
    <row r="380577" spans="8:8">
      <c r="H380577" s="12"/>
    </row>
    <row r="380578" spans="8:8">
      <c r="H380578" s="12"/>
    </row>
    <row r="380579" spans="8:8">
      <c r="H380579" s="12"/>
    </row>
    <row r="380580" spans="8:8">
      <c r="H380580" s="12"/>
    </row>
    <row r="380581" spans="8:8">
      <c r="H380581" s="12"/>
    </row>
    <row r="380582" spans="8:8">
      <c r="H380582" s="12"/>
    </row>
    <row r="380583" spans="8:8">
      <c r="H380583" s="12"/>
    </row>
    <row r="380584" spans="8:8">
      <c r="H380584" s="12"/>
    </row>
    <row r="380585" spans="8:8">
      <c r="H380585" s="12"/>
    </row>
    <row r="380586" spans="8:8">
      <c r="H380586" s="12"/>
    </row>
    <row r="380587" spans="8:8">
      <c r="H380587" s="12"/>
    </row>
    <row r="380588" spans="8:8">
      <c r="H380588" s="12"/>
    </row>
    <row r="380589" spans="8:8">
      <c r="H380589" s="12"/>
    </row>
    <row r="380590" spans="8:8">
      <c r="H380590" s="12"/>
    </row>
    <row r="380591" spans="8:8">
      <c r="H380591" s="12"/>
    </row>
    <row r="380592" spans="8:8">
      <c r="H380592" s="12"/>
    </row>
    <row r="380593" spans="8:8">
      <c r="H380593" s="12"/>
    </row>
    <row r="380594" spans="8:8">
      <c r="H380594" s="12"/>
    </row>
    <row r="380595" spans="8:8">
      <c r="H380595" s="12"/>
    </row>
    <row r="380596" spans="8:8">
      <c r="H380596" s="12"/>
    </row>
    <row r="380597" spans="8:8">
      <c r="H380597" s="12"/>
    </row>
    <row r="380598" spans="8:8">
      <c r="H380598" s="12"/>
    </row>
    <row r="380599" spans="8:8">
      <c r="H380599" s="12"/>
    </row>
    <row r="380600" spans="8:8">
      <c r="H380600" s="12"/>
    </row>
    <row r="380601" spans="8:8">
      <c r="H380601" s="12"/>
    </row>
    <row r="380602" spans="8:8">
      <c r="H380602" s="12"/>
    </row>
    <row r="380603" spans="8:8">
      <c r="H380603" s="12"/>
    </row>
    <row r="380604" spans="8:8">
      <c r="H380604" s="12"/>
    </row>
    <row r="380605" spans="8:8">
      <c r="H380605" s="12"/>
    </row>
    <row r="380606" spans="8:8">
      <c r="H380606" s="12"/>
    </row>
    <row r="380607" spans="8:8">
      <c r="H380607" s="12"/>
    </row>
    <row r="380608" spans="8:8">
      <c r="H380608" s="12"/>
    </row>
    <row r="380609" spans="8:8">
      <c r="H380609" s="12"/>
    </row>
    <row r="380610" spans="8:8">
      <c r="H380610" s="12"/>
    </row>
    <row r="380611" spans="8:8">
      <c r="H380611" s="12"/>
    </row>
    <row r="380612" spans="8:8">
      <c r="H380612" s="12"/>
    </row>
    <row r="380613" spans="8:8">
      <c r="H380613" s="12"/>
    </row>
    <row r="380614" spans="8:8">
      <c r="H380614" s="12"/>
    </row>
    <row r="380615" spans="8:8">
      <c r="H380615" s="12"/>
    </row>
    <row r="380616" spans="8:8">
      <c r="H380616" s="12"/>
    </row>
    <row r="380617" spans="8:8">
      <c r="H380617" s="12"/>
    </row>
    <row r="380618" spans="8:8">
      <c r="H380618" s="12"/>
    </row>
    <row r="380619" spans="8:8">
      <c r="H380619" s="12"/>
    </row>
    <row r="380620" spans="8:8">
      <c r="H380620" s="12"/>
    </row>
    <row r="380621" spans="8:8">
      <c r="H380621" s="12"/>
    </row>
    <row r="380622" spans="8:8">
      <c r="H380622" s="12"/>
    </row>
    <row r="380623" spans="8:8">
      <c r="H380623" s="12"/>
    </row>
    <row r="380624" spans="8:8">
      <c r="H380624" s="12"/>
    </row>
    <row r="380625" spans="8:8">
      <c r="H380625" s="12"/>
    </row>
    <row r="380626" spans="8:8">
      <c r="H380626" s="12"/>
    </row>
    <row r="380627" spans="8:8">
      <c r="H380627" s="12"/>
    </row>
    <row r="380628" spans="8:8">
      <c r="H380628" s="12"/>
    </row>
    <row r="380629" spans="8:8">
      <c r="H380629" s="12"/>
    </row>
    <row r="380630" spans="8:8">
      <c r="H380630" s="12"/>
    </row>
    <row r="380631" spans="8:8">
      <c r="H380631" s="12"/>
    </row>
    <row r="380632" spans="8:8">
      <c r="H380632" s="12"/>
    </row>
    <row r="380633" spans="8:8">
      <c r="H380633" s="12"/>
    </row>
    <row r="380634" spans="8:8">
      <c r="H380634" s="12"/>
    </row>
    <row r="380635" spans="8:8">
      <c r="H380635" s="12"/>
    </row>
    <row r="380636" spans="8:8">
      <c r="H380636" s="12"/>
    </row>
    <row r="380637" spans="8:8">
      <c r="H380637" s="12"/>
    </row>
    <row r="380638" spans="8:8">
      <c r="H380638" s="12"/>
    </row>
    <row r="380639" spans="8:8">
      <c r="H380639" s="12"/>
    </row>
    <row r="380640" spans="8:8">
      <c r="H380640" s="12"/>
    </row>
    <row r="380641" spans="8:8">
      <c r="H380641" s="12"/>
    </row>
    <row r="380642" spans="8:8">
      <c r="H380642" s="12"/>
    </row>
    <row r="380643" spans="8:8">
      <c r="H380643" s="12"/>
    </row>
    <row r="380644" spans="8:8">
      <c r="H380644" s="12"/>
    </row>
    <row r="380645" spans="8:8">
      <c r="H380645" s="12"/>
    </row>
    <row r="380646" spans="8:8">
      <c r="H380646" s="12"/>
    </row>
    <row r="380647" spans="8:8">
      <c r="H380647" s="12"/>
    </row>
    <row r="380648" spans="8:8">
      <c r="H380648" s="12"/>
    </row>
    <row r="380649" spans="8:8">
      <c r="H380649" s="12"/>
    </row>
    <row r="380650" spans="8:8">
      <c r="H380650" s="12"/>
    </row>
    <row r="380651" spans="8:8">
      <c r="H380651" s="12"/>
    </row>
    <row r="380652" spans="8:8">
      <c r="H380652" s="12"/>
    </row>
    <row r="380653" spans="8:8">
      <c r="H380653" s="12"/>
    </row>
    <row r="380654" spans="8:8">
      <c r="H380654" s="12"/>
    </row>
    <row r="380655" spans="8:8">
      <c r="H380655" s="12"/>
    </row>
    <row r="380656" spans="8:8">
      <c r="H380656" s="12"/>
    </row>
    <row r="380657" spans="8:8">
      <c r="H380657" s="12"/>
    </row>
    <row r="380658" spans="8:8">
      <c r="H380658" s="12"/>
    </row>
    <row r="380659" spans="8:8">
      <c r="H380659" s="12"/>
    </row>
    <row r="380660" spans="8:8">
      <c r="H380660" s="12"/>
    </row>
    <row r="380661" spans="8:8">
      <c r="H380661" s="12"/>
    </row>
    <row r="380662" spans="8:8">
      <c r="H380662" s="12"/>
    </row>
    <row r="380663" spans="8:8">
      <c r="H380663" s="12"/>
    </row>
    <row r="380664" spans="8:8">
      <c r="H380664" s="12"/>
    </row>
    <row r="380665" spans="8:8">
      <c r="H380665" s="12"/>
    </row>
    <row r="380666" spans="8:8">
      <c r="H380666" s="12"/>
    </row>
    <row r="380667" spans="8:8">
      <c r="H380667" s="12"/>
    </row>
    <row r="380668" spans="8:8">
      <c r="H380668" s="12"/>
    </row>
    <row r="380669" spans="8:8">
      <c r="H380669" s="12"/>
    </row>
    <row r="380670" spans="8:8">
      <c r="H380670" s="12"/>
    </row>
    <row r="380671" spans="8:8">
      <c r="H380671" s="12"/>
    </row>
    <row r="380672" spans="8:8">
      <c r="H380672" s="12"/>
    </row>
    <row r="380673" spans="8:8">
      <c r="H380673" s="12"/>
    </row>
    <row r="380674" spans="8:8">
      <c r="H380674" s="12"/>
    </row>
    <row r="380675" spans="8:8">
      <c r="H380675" s="12"/>
    </row>
    <row r="380676" spans="8:8">
      <c r="H380676" s="12"/>
    </row>
    <row r="380677" spans="8:8">
      <c r="H380677" s="12"/>
    </row>
    <row r="380678" spans="8:8">
      <c r="H380678" s="12"/>
    </row>
    <row r="380679" spans="8:8">
      <c r="H380679" s="12"/>
    </row>
    <row r="380680" spans="8:8">
      <c r="H380680" s="12"/>
    </row>
    <row r="380681" spans="8:8">
      <c r="H380681" s="12"/>
    </row>
    <row r="380682" spans="8:8">
      <c r="H380682" s="12"/>
    </row>
    <row r="380683" spans="8:8">
      <c r="H380683" s="12"/>
    </row>
    <row r="380684" spans="8:8">
      <c r="H380684" s="12"/>
    </row>
    <row r="380685" spans="8:8">
      <c r="H380685" s="12"/>
    </row>
    <row r="380686" spans="8:8">
      <c r="H380686" s="12"/>
    </row>
    <row r="380687" spans="8:8">
      <c r="H380687" s="12"/>
    </row>
    <row r="380688" spans="8:8">
      <c r="H380688" s="12"/>
    </row>
    <row r="380689" spans="8:8">
      <c r="H380689" s="12"/>
    </row>
    <row r="380690" spans="8:8">
      <c r="H380690" s="12"/>
    </row>
    <row r="380691" spans="8:8">
      <c r="H380691" s="12"/>
    </row>
    <row r="380692" spans="8:8">
      <c r="H380692" s="12"/>
    </row>
    <row r="380693" spans="8:8">
      <c r="H380693" s="12"/>
    </row>
    <row r="380694" spans="8:8">
      <c r="H380694" s="12"/>
    </row>
    <row r="380695" spans="8:8">
      <c r="H380695" s="12"/>
    </row>
    <row r="380696" spans="8:8">
      <c r="H380696" s="12"/>
    </row>
    <row r="380697" spans="8:8">
      <c r="H380697" s="12"/>
    </row>
    <row r="380698" spans="8:8">
      <c r="H380698" s="12"/>
    </row>
    <row r="380699" spans="8:8">
      <c r="H380699" s="12"/>
    </row>
    <row r="380700" spans="8:8">
      <c r="H380700" s="12"/>
    </row>
    <row r="380701" spans="8:8">
      <c r="H380701" s="12"/>
    </row>
    <row r="380702" spans="8:8">
      <c r="H380702" s="12"/>
    </row>
    <row r="380703" spans="8:8">
      <c r="H380703" s="12"/>
    </row>
    <row r="380704" spans="8:8">
      <c r="H380704" s="12"/>
    </row>
    <row r="380705" spans="8:8">
      <c r="H380705" s="12"/>
    </row>
    <row r="380706" spans="8:8">
      <c r="H380706" s="12"/>
    </row>
    <row r="380707" spans="8:8">
      <c r="H380707" s="12"/>
    </row>
    <row r="380708" spans="8:8">
      <c r="H380708" s="12"/>
    </row>
    <row r="380709" spans="8:8">
      <c r="H380709" s="12"/>
    </row>
    <row r="380710" spans="8:8">
      <c r="H380710" s="12"/>
    </row>
    <row r="380711" spans="8:8">
      <c r="H380711" s="12"/>
    </row>
    <row r="380712" spans="8:8">
      <c r="H380712" s="12"/>
    </row>
    <row r="380713" spans="8:8">
      <c r="H380713" s="12"/>
    </row>
    <row r="380714" spans="8:8">
      <c r="H380714" s="12"/>
    </row>
    <row r="380715" spans="8:8">
      <c r="H380715" s="12"/>
    </row>
    <row r="380716" spans="8:8">
      <c r="H380716" s="12"/>
    </row>
    <row r="380717" spans="8:8">
      <c r="H380717" s="12"/>
    </row>
    <row r="380718" spans="8:8">
      <c r="H380718" s="12"/>
    </row>
    <row r="380719" spans="8:8">
      <c r="H380719" s="12"/>
    </row>
    <row r="380720" spans="8:8">
      <c r="H380720" s="12"/>
    </row>
    <row r="380721" spans="8:8">
      <c r="H380721" s="12"/>
    </row>
    <row r="380722" spans="8:8">
      <c r="H380722" s="12"/>
    </row>
    <row r="380723" spans="8:8">
      <c r="H380723" s="12"/>
    </row>
    <row r="380724" spans="8:8">
      <c r="H380724" s="12"/>
    </row>
    <row r="380725" spans="8:8">
      <c r="H380725" s="12"/>
    </row>
    <row r="380726" spans="8:8">
      <c r="H380726" s="12"/>
    </row>
    <row r="380727" spans="8:8">
      <c r="H380727" s="12"/>
    </row>
    <row r="380728" spans="8:8">
      <c r="H380728" s="12"/>
    </row>
    <row r="380729" spans="8:8">
      <c r="H380729" s="12"/>
    </row>
    <row r="380730" spans="8:8">
      <c r="H380730" s="12"/>
    </row>
    <row r="380731" spans="8:8">
      <c r="H380731" s="12"/>
    </row>
    <row r="380732" spans="8:8">
      <c r="H380732" s="12"/>
    </row>
    <row r="380733" spans="8:8">
      <c r="H380733" s="12"/>
    </row>
    <row r="380734" spans="8:8">
      <c r="H380734" s="12"/>
    </row>
    <row r="380735" spans="8:8">
      <c r="H380735" s="12"/>
    </row>
    <row r="380736" spans="8:8">
      <c r="H380736" s="12"/>
    </row>
    <row r="380737" spans="8:8">
      <c r="H380737" s="12"/>
    </row>
    <row r="380738" spans="8:8">
      <c r="H380738" s="12"/>
    </row>
    <row r="380739" spans="8:8">
      <c r="H380739" s="12"/>
    </row>
    <row r="380740" spans="8:8">
      <c r="H380740" s="12"/>
    </row>
    <row r="380741" spans="8:8">
      <c r="H380741" s="12"/>
    </row>
    <row r="380742" spans="8:8">
      <c r="H380742" s="12"/>
    </row>
    <row r="380743" spans="8:8">
      <c r="H380743" s="12"/>
    </row>
    <row r="380744" spans="8:8">
      <c r="H380744" s="12"/>
    </row>
    <row r="380745" spans="8:8">
      <c r="H380745" s="12"/>
    </row>
    <row r="380746" spans="8:8">
      <c r="H380746" s="12"/>
    </row>
    <row r="380747" spans="8:8">
      <c r="H380747" s="12"/>
    </row>
    <row r="380748" spans="8:8">
      <c r="H380748" s="12"/>
    </row>
    <row r="380749" spans="8:8">
      <c r="H380749" s="12"/>
    </row>
    <row r="380750" spans="8:8">
      <c r="H380750" s="12"/>
    </row>
    <row r="380751" spans="8:8">
      <c r="H380751" s="12"/>
    </row>
    <row r="380752" spans="8:8">
      <c r="H380752" s="12"/>
    </row>
    <row r="380753" spans="8:8">
      <c r="H380753" s="12"/>
    </row>
    <row r="380754" spans="8:8">
      <c r="H380754" s="12"/>
    </row>
    <row r="380755" spans="8:8">
      <c r="H380755" s="12"/>
    </row>
    <row r="380756" spans="8:8">
      <c r="H380756" s="12"/>
    </row>
    <row r="380757" spans="8:8">
      <c r="H380757" s="12"/>
    </row>
    <row r="380758" spans="8:8">
      <c r="H380758" s="12"/>
    </row>
    <row r="380759" spans="8:8">
      <c r="H380759" s="12"/>
    </row>
    <row r="380760" spans="8:8">
      <c r="H380760" s="12"/>
    </row>
    <row r="380761" spans="8:8">
      <c r="H380761" s="12"/>
    </row>
    <row r="380762" spans="8:8">
      <c r="H380762" s="12"/>
    </row>
    <row r="380763" spans="8:8">
      <c r="H380763" s="12"/>
    </row>
    <row r="380764" spans="8:8">
      <c r="H380764" s="12"/>
    </row>
    <row r="380765" spans="8:8">
      <c r="H380765" s="12"/>
    </row>
    <row r="380766" spans="8:8">
      <c r="H380766" s="12"/>
    </row>
    <row r="380767" spans="8:8">
      <c r="H380767" s="12"/>
    </row>
    <row r="380768" spans="8:8">
      <c r="H380768" s="12"/>
    </row>
    <row r="380769" spans="8:8">
      <c r="H380769" s="12"/>
    </row>
    <row r="380770" spans="8:8">
      <c r="H380770" s="12"/>
    </row>
    <row r="380771" spans="8:8">
      <c r="H380771" s="12"/>
    </row>
    <row r="380772" spans="8:8">
      <c r="H380772" s="12"/>
    </row>
    <row r="380773" spans="8:8">
      <c r="H380773" s="12"/>
    </row>
    <row r="380774" spans="8:8">
      <c r="H380774" s="12"/>
    </row>
    <row r="380775" spans="8:8">
      <c r="H380775" s="12"/>
    </row>
    <row r="380776" spans="8:8">
      <c r="H380776" s="12"/>
    </row>
    <row r="380777" spans="8:8">
      <c r="H380777" s="12"/>
    </row>
    <row r="380778" spans="8:8">
      <c r="H380778" s="12"/>
    </row>
    <row r="380779" spans="8:8">
      <c r="H380779" s="12"/>
    </row>
    <row r="380780" spans="8:8">
      <c r="H380780" s="12"/>
    </row>
    <row r="380781" spans="8:8">
      <c r="H380781" s="12"/>
    </row>
    <row r="380782" spans="8:8">
      <c r="H380782" s="12"/>
    </row>
    <row r="380783" spans="8:8">
      <c r="H380783" s="12"/>
    </row>
    <row r="380784" spans="8:8">
      <c r="H380784" s="12"/>
    </row>
    <row r="380785" spans="8:8">
      <c r="H380785" s="12"/>
    </row>
    <row r="380786" spans="8:8">
      <c r="H380786" s="12"/>
    </row>
    <row r="380787" spans="8:8">
      <c r="H380787" s="12"/>
    </row>
    <row r="380788" spans="8:8">
      <c r="H380788" s="12"/>
    </row>
    <row r="380789" spans="8:8">
      <c r="H380789" s="12"/>
    </row>
    <row r="380790" spans="8:8">
      <c r="H380790" s="12"/>
    </row>
    <row r="380791" spans="8:8">
      <c r="H380791" s="12"/>
    </row>
    <row r="380792" spans="8:8">
      <c r="H380792" s="12"/>
    </row>
    <row r="380793" spans="8:8">
      <c r="H380793" s="12"/>
    </row>
    <row r="380794" spans="8:8">
      <c r="H380794" s="12"/>
    </row>
    <row r="380795" spans="8:8">
      <c r="H380795" s="12"/>
    </row>
    <row r="380796" spans="8:8">
      <c r="H380796" s="12"/>
    </row>
    <row r="380797" spans="8:8">
      <c r="H380797" s="12"/>
    </row>
    <row r="380798" spans="8:8">
      <c r="H380798" s="12"/>
    </row>
    <row r="380799" spans="8:8">
      <c r="H380799" s="12"/>
    </row>
    <row r="380800" spans="8:8">
      <c r="H380800" s="12"/>
    </row>
    <row r="380801" spans="8:8">
      <c r="H380801" s="12"/>
    </row>
    <row r="380802" spans="8:8">
      <c r="H380802" s="12"/>
    </row>
    <row r="380803" spans="8:8">
      <c r="H380803" s="12"/>
    </row>
    <row r="380804" spans="8:8">
      <c r="H380804" s="12"/>
    </row>
    <row r="380805" spans="8:8">
      <c r="H380805" s="12"/>
    </row>
    <row r="380806" spans="8:8">
      <c r="H380806" s="12"/>
    </row>
    <row r="380807" spans="8:8">
      <c r="H380807" s="12"/>
    </row>
    <row r="380808" spans="8:8">
      <c r="H380808" s="12"/>
    </row>
    <row r="380809" spans="8:8">
      <c r="H380809" s="12"/>
    </row>
    <row r="380810" spans="8:8">
      <c r="H380810" s="12"/>
    </row>
    <row r="380811" spans="8:8">
      <c r="H380811" s="12"/>
    </row>
    <row r="380812" spans="8:8">
      <c r="H380812" s="12"/>
    </row>
    <row r="380813" spans="8:8">
      <c r="H380813" s="12"/>
    </row>
    <row r="380814" spans="8:8">
      <c r="H380814" s="12"/>
    </row>
    <row r="380815" spans="8:8">
      <c r="H380815" s="12"/>
    </row>
    <row r="380816" spans="8:8">
      <c r="H380816" s="12"/>
    </row>
    <row r="380817" spans="8:8">
      <c r="H380817" s="12"/>
    </row>
    <row r="380818" spans="8:8">
      <c r="H380818" s="12"/>
    </row>
    <row r="380819" spans="8:8">
      <c r="H380819" s="12"/>
    </row>
    <row r="380820" spans="8:8">
      <c r="H380820" s="12"/>
    </row>
    <row r="380821" spans="8:8">
      <c r="H380821" s="12"/>
    </row>
    <row r="380822" spans="8:8">
      <c r="H380822" s="12"/>
    </row>
    <row r="380823" spans="8:8">
      <c r="H380823" s="12"/>
    </row>
    <row r="380824" spans="8:8">
      <c r="H380824" s="12"/>
    </row>
    <row r="380825" spans="8:8">
      <c r="H380825" s="12"/>
    </row>
    <row r="380826" spans="8:8">
      <c r="H380826" s="12"/>
    </row>
    <row r="380827" spans="8:8">
      <c r="H380827" s="12"/>
    </row>
    <row r="380828" spans="8:8">
      <c r="H380828" s="12"/>
    </row>
    <row r="380829" spans="8:8">
      <c r="H380829" s="12"/>
    </row>
    <row r="380830" spans="8:8">
      <c r="H380830" s="12"/>
    </row>
    <row r="380831" spans="8:8">
      <c r="H380831" s="12"/>
    </row>
    <row r="380832" spans="8:8">
      <c r="H380832" s="12"/>
    </row>
    <row r="380833" spans="8:8">
      <c r="H380833" s="12"/>
    </row>
    <row r="380834" spans="8:8">
      <c r="H380834" s="12"/>
    </row>
    <row r="380835" spans="8:8">
      <c r="H380835" s="12"/>
    </row>
    <row r="380836" spans="8:8">
      <c r="H380836" s="12"/>
    </row>
    <row r="380837" spans="8:8">
      <c r="H380837" s="12"/>
    </row>
    <row r="380838" spans="8:8">
      <c r="H380838" s="12"/>
    </row>
    <row r="380839" spans="8:8">
      <c r="H380839" s="12"/>
    </row>
    <row r="380840" spans="8:8">
      <c r="H380840" s="12"/>
    </row>
    <row r="380841" spans="8:8">
      <c r="H380841" s="12"/>
    </row>
    <row r="380842" spans="8:8">
      <c r="H380842" s="12"/>
    </row>
    <row r="380843" spans="8:8">
      <c r="H380843" s="12"/>
    </row>
    <row r="380844" spans="8:8">
      <c r="H380844" s="12"/>
    </row>
    <row r="380845" spans="8:8">
      <c r="H380845" s="12"/>
    </row>
    <row r="380846" spans="8:8">
      <c r="H380846" s="12"/>
    </row>
    <row r="380847" spans="8:8">
      <c r="H380847" s="12"/>
    </row>
    <row r="380848" spans="8:8">
      <c r="H380848" s="12"/>
    </row>
    <row r="380849" spans="8:8">
      <c r="H380849" s="12"/>
    </row>
    <row r="380850" spans="8:8">
      <c r="H380850" s="12"/>
    </row>
    <row r="380851" spans="8:8">
      <c r="H380851" s="12"/>
    </row>
    <row r="380852" spans="8:8">
      <c r="H380852" s="12"/>
    </row>
    <row r="380853" spans="8:8">
      <c r="H380853" s="12"/>
    </row>
    <row r="380854" spans="8:8">
      <c r="H380854" s="12"/>
    </row>
    <row r="380855" spans="8:8">
      <c r="H380855" s="12"/>
    </row>
    <row r="380856" spans="8:8">
      <c r="H380856" s="12"/>
    </row>
    <row r="380857" spans="8:8">
      <c r="H380857" s="12"/>
    </row>
    <row r="380858" spans="8:8">
      <c r="H380858" s="12"/>
    </row>
    <row r="380859" spans="8:8">
      <c r="H380859" s="12"/>
    </row>
    <row r="380860" spans="8:8">
      <c r="H380860" s="12"/>
    </row>
    <row r="380861" spans="8:8">
      <c r="H380861" s="12"/>
    </row>
    <row r="380862" spans="8:8">
      <c r="H380862" s="12"/>
    </row>
    <row r="380863" spans="8:8">
      <c r="H380863" s="12"/>
    </row>
    <row r="380864" spans="8:8">
      <c r="H380864" s="12"/>
    </row>
    <row r="380865" spans="8:8">
      <c r="H380865" s="12"/>
    </row>
    <row r="380866" spans="8:8">
      <c r="H380866" s="12"/>
    </row>
    <row r="380867" spans="8:8">
      <c r="H380867" s="12"/>
    </row>
    <row r="380868" spans="8:8">
      <c r="H380868" s="12"/>
    </row>
    <row r="380869" spans="8:8">
      <c r="H380869" s="12"/>
    </row>
    <row r="380870" spans="8:8">
      <c r="H380870" s="12"/>
    </row>
    <row r="380871" spans="8:8">
      <c r="H380871" s="12"/>
    </row>
    <row r="380872" spans="8:8">
      <c r="H380872" s="12"/>
    </row>
    <row r="380873" spans="8:8">
      <c r="H380873" s="12"/>
    </row>
    <row r="380874" spans="8:8">
      <c r="H380874" s="12"/>
    </row>
    <row r="380875" spans="8:8">
      <c r="H380875" s="12"/>
    </row>
    <row r="380876" spans="8:8">
      <c r="H380876" s="12"/>
    </row>
    <row r="380877" spans="8:8">
      <c r="H380877" s="12"/>
    </row>
    <row r="380878" spans="8:8">
      <c r="H380878" s="12"/>
    </row>
    <row r="380879" spans="8:8">
      <c r="H380879" s="12"/>
    </row>
    <row r="380880" spans="8:8">
      <c r="H380880" s="12"/>
    </row>
    <row r="380881" spans="8:8">
      <c r="H380881" s="12"/>
    </row>
    <row r="380882" spans="8:8">
      <c r="H380882" s="12"/>
    </row>
    <row r="380883" spans="8:8">
      <c r="H380883" s="12"/>
    </row>
    <row r="380884" spans="8:8">
      <c r="H380884" s="12"/>
    </row>
    <row r="380885" spans="8:8">
      <c r="H380885" s="12"/>
    </row>
    <row r="380886" spans="8:8">
      <c r="H380886" s="12"/>
    </row>
    <row r="380887" spans="8:8">
      <c r="H380887" s="12"/>
    </row>
    <row r="380888" spans="8:8">
      <c r="H380888" s="12"/>
    </row>
    <row r="380889" spans="8:8">
      <c r="H380889" s="12"/>
    </row>
    <row r="380890" spans="8:8">
      <c r="H380890" s="12"/>
    </row>
    <row r="380891" spans="8:8">
      <c r="H380891" s="12"/>
    </row>
    <row r="380892" spans="8:8">
      <c r="H380892" s="12"/>
    </row>
    <row r="380893" spans="8:8">
      <c r="H380893" s="12"/>
    </row>
    <row r="380894" spans="8:8">
      <c r="H380894" s="12"/>
    </row>
    <row r="380895" spans="8:8">
      <c r="H380895" s="12"/>
    </row>
    <row r="380896" spans="8:8">
      <c r="H380896" s="12"/>
    </row>
    <row r="380897" spans="8:8">
      <c r="H380897" s="12"/>
    </row>
    <row r="380898" spans="8:8">
      <c r="H380898" s="12"/>
    </row>
    <row r="380899" spans="8:8">
      <c r="H380899" s="12"/>
    </row>
    <row r="380900" spans="8:8">
      <c r="H380900" s="12"/>
    </row>
    <row r="380901" spans="8:8">
      <c r="H380901" s="12"/>
    </row>
    <row r="380902" spans="8:8">
      <c r="H380902" s="12"/>
    </row>
    <row r="380903" spans="8:8">
      <c r="H380903" s="12"/>
    </row>
    <row r="380904" spans="8:8">
      <c r="H380904" s="12"/>
    </row>
    <row r="380905" spans="8:8">
      <c r="H380905" s="12"/>
    </row>
    <row r="380906" spans="8:8">
      <c r="H380906" s="12"/>
    </row>
    <row r="380907" spans="8:8">
      <c r="H380907" s="12"/>
    </row>
    <row r="380908" spans="8:8">
      <c r="H380908" s="12"/>
    </row>
    <row r="380909" spans="8:8">
      <c r="H380909" s="12"/>
    </row>
    <row r="380910" spans="8:8">
      <c r="H380910" s="12"/>
    </row>
    <row r="380911" spans="8:8">
      <c r="H380911" s="12"/>
    </row>
    <row r="380912" spans="8:8">
      <c r="H380912" s="12"/>
    </row>
    <row r="380913" spans="8:8">
      <c r="H380913" s="12"/>
    </row>
    <row r="380914" spans="8:8">
      <c r="H380914" s="12"/>
    </row>
    <row r="380915" spans="8:8">
      <c r="H380915" s="12"/>
    </row>
    <row r="380916" spans="8:8">
      <c r="H380916" s="12"/>
    </row>
    <row r="380917" spans="8:8">
      <c r="H380917" s="12"/>
    </row>
    <row r="380918" spans="8:8">
      <c r="H380918" s="12"/>
    </row>
    <row r="380919" spans="8:8">
      <c r="H380919" s="12"/>
    </row>
    <row r="380920" spans="8:8">
      <c r="H380920" s="12"/>
    </row>
    <row r="380921" spans="8:8">
      <c r="H380921" s="12"/>
    </row>
    <row r="380922" spans="8:8">
      <c r="H380922" s="12"/>
    </row>
    <row r="380923" spans="8:8">
      <c r="H380923" s="12"/>
    </row>
    <row r="380924" spans="8:8">
      <c r="H380924" s="12"/>
    </row>
    <row r="380925" spans="8:8">
      <c r="H380925" s="12"/>
    </row>
    <row r="380926" spans="8:8">
      <c r="H380926" s="12"/>
    </row>
    <row r="380927" spans="8:8">
      <c r="H380927" s="12"/>
    </row>
    <row r="380928" spans="8:8">
      <c r="H380928" s="12"/>
    </row>
    <row r="380929" spans="8:8">
      <c r="H380929" s="12"/>
    </row>
    <row r="380930" spans="8:8">
      <c r="H380930" s="12"/>
    </row>
    <row r="380931" spans="8:8">
      <c r="H380931" s="12"/>
    </row>
    <row r="380932" spans="8:8">
      <c r="H380932" s="12"/>
    </row>
    <row r="380933" spans="8:8">
      <c r="H380933" s="12"/>
    </row>
    <row r="380934" spans="8:8">
      <c r="H380934" s="12"/>
    </row>
    <row r="380935" spans="8:8">
      <c r="H380935" s="12"/>
    </row>
    <row r="380936" spans="8:8">
      <c r="H380936" s="12"/>
    </row>
    <row r="380937" spans="8:8">
      <c r="H380937" s="12"/>
    </row>
    <row r="380938" spans="8:8">
      <c r="H380938" s="12"/>
    </row>
    <row r="380939" spans="8:8">
      <c r="H380939" s="12"/>
    </row>
    <row r="380940" spans="8:8">
      <c r="H380940" s="12"/>
    </row>
    <row r="380941" spans="8:8">
      <c r="H380941" s="12"/>
    </row>
    <row r="380942" spans="8:8">
      <c r="H380942" s="12"/>
    </row>
    <row r="380943" spans="8:8">
      <c r="H380943" s="12"/>
    </row>
    <row r="380944" spans="8:8">
      <c r="H380944" s="12"/>
    </row>
    <row r="380945" spans="8:8">
      <c r="H380945" s="12"/>
    </row>
    <row r="380946" spans="8:8">
      <c r="H380946" s="12"/>
    </row>
    <row r="380947" spans="8:8">
      <c r="H380947" s="12"/>
    </row>
    <row r="380948" spans="8:8">
      <c r="H380948" s="12"/>
    </row>
    <row r="380949" spans="8:8">
      <c r="H380949" s="12"/>
    </row>
    <row r="380950" spans="8:8">
      <c r="H380950" s="12"/>
    </row>
    <row r="380951" spans="8:8">
      <c r="H380951" s="12"/>
    </row>
    <row r="380952" spans="8:8">
      <c r="H380952" s="12"/>
    </row>
    <row r="380953" spans="8:8">
      <c r="H380953" s="12"/>
    </row>
    <row r="380954" spans="8:8">
      <c r="H380954" s="12"/>
    </row>
    <row r="380955" spans="8:8">
      <c r="H380955" s="12"/>
    </row>
    <row r="380956" spans="8:8">
      <c r="H380956" s="12"/>
    </row>
    <row r="380957" spans="8:8">
      <c r="H380957" s="12"/>
    </row>
    <row r="380958" spans="8:8">
      <c r="H380958" s="12"/>
    </row>
    <row r="380959" spans="8:8">
      <c r="H380959" s="12"/>
    </row>
    <row r="380960" spans="8:8">
      <c r="H380960" s="12"/>
    </row>
    <row r="380961" spans="8:8">
      <c r="H380961" s="12"/>
    </row>
    <row r="380962" spans="8:8">
      <c r="H380962" s="12"/>
    </row>
    <row r="380963" spans="8:8">
      <c r="H380963" s="12"/>
    </row>
    <row r="380964" spans="8:8">
      <c r="H380964" s="12"/>
    </row>
    <row r="380965" spans="8:8">
      <c r="H380965" s="12"/>
    </row>
    <row r="380966" spans="8:8">
      <c r="H380966" s="12"/>
    </row>
    <row r="380967" spans="8:8">
      <c r="H380967" s="12"/>
    </row>
    <row r="380968" spans="8:8">
      <c r="H380968" s="12"/>
    </row>
    <row r="380969" spans="8:8">
      <c r="H380969" s="12"/>
    </row>
    <row r="380970" spans="8:8">
      <c r="H380970" s="12"/>
    </row>
    <row r="380971" spans="8:8">
      <c r="H380971" s="12"/>
    </row>
    <row r="380972" spans="8:8">
      <c r="H380972" s="12"/>
    </row>
    <row r="380973" spans="8:8">
      <c r="H380973" s="12"/>
    </row>
    <row r="380974" spans="8:8">
      <c r="H380974" s="12"/>
    </row>
    <row r="380975" spans="8:8">
      <c r="H380975" s="12"/>
    </row>
    <row r="380976" spans="8:8">
      <c r="H380976" s="12"/>
    </row>
    <row r="380977" spans="8:8">
      <c r="H380977" s="12"/>
    </row>
    <row r="380978" spans="8:8">
      <c r="H380978" s="12"/>
    </row>
    <row r="380979" spans="8:8">
      <c r="H380979" s="12"/>
    </row>
    <row r="380980" spans="8:8">
      <c r="H380980" s="12"/>
    </row>
    <row r="380981" spans="8:8">
      <c r="H380981" s="12"/>
    </row>
    <row r="380982" spans="8:8">
      <c r="H380982" s="12"/>
    </row>
    <row r="380983" spans="8:8">
      <c r="H380983" s="12"/>
    </row>
    <row r="380984" spans="8:8">
      <c r="H380984" s="12"/>
    </row>
    <row r="380985" spans="8:8">
      <c r="H380985" s="12"/>
    </row>
    <row r="380986" spans="8:8">
      <c r="H380986" s="12"/>
    </row>
    <row r="380987" spans="8:8">
      <c r="H380987" s="12"/>
    </row>
    <row r="380988" spans="8:8">
      <c r="H380988" s="12"/>
    </row>
    <row r="380989" spans="8:8">
      <c r="H380989" s="12"/>
    </row>
    <row r="380990" spans="8:8">
      <c r="H380990" s="12"/>
    </row>
    <row r="380991" spans="8:8">
      <c r="H380991" s="12"/>
    </row>
    <row r="380992" spans="8:8">
      <c r="H380992" s="12"/>
    </row>
    <row r="380993" spans="8:8">
      <c r="H380993" s="12"/>
    </row>
    <row r="380994" spans="8:8">
      <c r="H380994" s="12"/>
    </row>
    <row r="380995" spans="8:8">
      <c r="H380995" s="12"/>
    </row>
    <row r="380996" spans="8:8">
      <c r="H380996" s="12"/>
    </row>
    <row r="380997" spans="8:8">
      <c r="H380997" s="12"/>
    </row>
    <row r="380998" spans="8:8">
      <c r="H380998" s="12"/>
    </row>
    <row r="380999" spans="8:8">
      <c r="H380999" s="12"/>
    </row>
    <row r="381000" spans="8:8">
      <c r="H381000" s="12"/>
    </row>
    <row r="381001" spans="8:8">
      <c r="H381001" s="12"/>
    </row>
    <row r="381002" spans="8:8">
      <c r="H381002" s="12"/>
    </row>
    <row r="381003" spans="8:8">
      <c r="H381003" s="12"/>
    </row>
    <row r="381004" spans="8:8">
      <c r="H381004" s="12"/>
    </row>
    <row r="381005" spans="8:8">
      <c r="H381005" s="12"/>
    </row>
    <row r="381006" spans="8:8">
      <c r="H381006" s="12"/>
    </row>
    <row r="381007" spans="8:8">
      <c r="H381007" s="12"/>
    </row>
    <row r="381008" spans="8:8">
      <c r="H381008" s="12"/>
    </row>
    <row r="381009" spans="8:8">
      <c r="H381009" s="12"/>
    </row>
    <row r="381010" spans="8:8">
      <c r="H381010" s="12"/>
    </row>
    <row r="381011" spans="8:8">
      <c r="H381011" s="12"/>
    </row>
    <row r="381012" spans="8:8">
      <c r="H381012" s="12"/>
    </row>
    <row r="381013" spans="8:8">
      <c r="H381013" s="12"/>
    </row>
    <row r="381014" spans="8:8">
      <c r="H381014" s="12"/>
    </row>
    <row r="381015" spans="8:8">
      <c r="H381015" s="12"/>
    </row>
    <row r="381016" spans="8:8">
      <c r="H381016" s="12"/>
    </row>
    <row r="381017" spans="8:8">
      <c r="H381017" s="12"/>
    </row>
    <row r="381018" spans="8:8">
      <c r="H381018" s="12"/>
    </row>
    <row r="381019" spans="8:8">
      <c r="H381019" s="12"/>
    </row>
    <row r="381020" spans="8:8">
      <c r="H381020" s="12"/>
    </row>
    <row r="381021" spans="8:8">
      <c r="H381021" s="12"/>
    </row>
    <row r="381022" spans="8:8">
      <c r="H381022" s="12"/>
    </row>
    <row r="381023" spans="8:8">
      <c r="H381023" s="12"/>
    </row>
    <row r="381024" spans="8:8">
      <c r="H381024" s="12"/>
    </row>
    <row r="381025" spans="8:8">
      <c r="H381025" s="12"/>
    </row>
    <row r="381026" spans="8:8">
      <c r="H381026" s="12"/>
    </row>
    <row r="381027" spans="8:8">
      <c r="H381027" s="12"/>
    </row>
    <row r="381028" spans="8:8">
      <c r="H381028" s="12"/>
    </row>
    <row r="381029" spans="8:8">
      <c r="H381029" s="12"/>
    </row>
    <row r="381030" spans="8:8">
      <c r="H381030" s="12"/>
    </row>
    <row r="381031" spans="8:8">
      <c r="H381031" s="12"/>
    </row>
    <row r="381032" spans="8:8">
      <c r="H381032" s="12"/>
    </row>
    <row r="381033" spans="8:8">
      <c r="H381033" s="12"/>
    </row>
    <row r="381034" spans="8:8">
      <c r="H381034" s="12"/>
    </row>
    <row r="381035" spans="8:8">
      <c r="H381035" s="12"/>
    </row>
    <row r="381036" spans="8:8">
      <c r="H381036" s="12"/>
    </row>
    <row r="381037" spans="8:8">
      <c r="H381037" s="12"/>
    </row>
    <row r="381038" spans="8:8">
      <c r="H381038" s="12"/>
    </row>
    <row r="381039" spans="8:8">
      <c r="H381039" s="12"/>
    </row>
    <row r="381040" spans="8:8">
      <c r="H381040" s="12"/>
    </row>
    <row r="381041" spans="8:8">
      <c r="H381041" s="12"/>
    </row>
    <row r="381042" spans="8:8">
      <c r="H381042" s="12"/>
    </row>
    <row r="381043" spans="8:8">
      <c r="H381043" s="12"/>
    </row>
    <row r="381044" spans="8:8">
      <c r="H381044" s="12"/>
    </row>
    <row r="381045" spans="8:8">
      <c r="H381045" s="12"/>
    </row>
    <row r="381046" spans="8:8">
      <c r="H381046" s="12"/>
    </row>
    <row r="381047" spans="8:8">
      <c r="H381047" s="12"/>
    </row>
    <row r="381048" spans="8:8">
      <c r="H381048" s="12"/>
    </row>
    <row r="381049" spans="8:8">
      <c r="H381049" s="12"/>
    </row>
    <row r="381050" spans="8:8">
      <c r="H381050" s="12"/>
    </row>
    <row r="381051" spans="8:8">
      <c r="H381051" s="12"/>
    </row>
    <row r="381052" spans="8:8">
      <c r="H381052" s="12"/>
    </row>
    <row r="381053" spans="8:8">
      <c r="H381053" s="12"/>
    </row>
    <row r="381054" spans="8:8">
      <c r="H381054" s="12"/>
    </row>
    <row r="381055" spans="8:8">
      <c r="H381055" s="12"/>
    </row>
    <row r="381056" spans="8:8">
      <c r="H381056" s="12"/>
    </row>
    <row r="381057" spans="8:8">
      <c r="H381057" s="12"/>
    </row>
    <row r="381058" spans="8:8">
      <c r="H381058" s="12"/>
    </row>
    <row r="381059" spans="8:8">
      <c r="H381059" s="12"/>
    </row>
    <row r="381060" spans="8:8">
      <c r="H381060" s="12"/>
    </row>
    <row r="381061" spans="8:8">
      <c r="H381061" s="12"/>
    </row>
    <row r="381062" spans="8:8">
      <c r="H381062" s="12"/>
    </row>
    <row r="381063" spans="8:8">
      <c r="H381063" s="12"/>
    </row>
    <row r="381064" spans="8:8">
      <c r="H381064" s="12"/>
    </row>
    <row r="381065" spans="8:8">
      <c r="H381065" s="12"/>
    </row>
    <row r="381066" spans="8:8">
      <c r="H381066" s="12"/>
    </row>
    <row r="381067" spans="8:8">
      <c r="H381067" s="12"/>
    </row>
    <row r="381068" spans="8:8">
      <c r="H381068" s="12"/>
    </row>
    <row r="381069" spans="8:8">
      <c r="H381069" s="12"/>
    </row>
    <row r="381070" spans="8:8">
      <c r="H381070" s="12"/>
    </row>
    <row r="381071" spans="8:8">
      <c r="H381071" s="12"/>
    </row>
    <row r="381072" spans="8:8">
      <c r="H381072" s="12"/>
    </row>
    <row r="381073" spans="8:8">
      <c r="H381073" s="12"/>
    </row>
    <row r="381074" spans="8:8">
      <c r="H381074" s="12"/>
    </row>
    <row r="381075" spans="8:8">
      <c r="H381075" s="12"/>
    </row>
    <row r="381076" spans="8:8">
      <c r="H381076" s="12"/>
    </row>
    <row r="381077" spans="8:8">
      <c r="H381077" s="12"/>
    </row>
    <row r="381078" spans="8:8">
      <c r="H381078" s="12"/>
    </row>
    <row r="381079" spans="8:8">
      <c r="H381079" s="12"/>
    </row>
    <row r="381080" spans="8:8">
      <c r="H381080" s="12"/>
    </row>
    <row r="381081" spans="8:8">
      <c r="H381081" s="12"/>
    </row>
    <row r="381082" spans="8:8">
      <c r="H381082" s="12"/>
    </row>
    <row r="381083" spans="8:8">
      <c r="H381083" s="12"/>
    </row>
    <row r="381084" spans="8:8">
      <c r="H381084" s="12"/>
    </row>
    <row r="381085" spans="8:8">
      <c r="H381085" s="12"/>
    </row>
    <row r="381086" spans="8:8">
      <c r="H381086" s="12"/>
    </row>
    <row r="381087" spans="8:8">
      <c r="H381087" s="12"/>
    </row>
    <row r="381088" spans="8:8">
      <c r="H381088" s="12"/>
    </row>
    <row r="381089" spans="8:8">
      <c r="H381089" s="12"/>
    </row>
    <row r="381090" spans="8:8">
      <c r="H381090" s="12"/>
    </row>
    <row r="381091" spans="8:8">
      <c r="H381091" s="12"/>
    </row>
    <row r="381092" spans="8:8">
      <c r="H381092" s="12"/>
    </row>
    <row r="381093" spans="8:8">
      <c r="H381093" s="12"/>
    </row>
    <row r="381094" spans="8:8">
      <c r="H381094" s="12"/>
    </row>
    <row r="381095" spans="8:8">
      <c r="H381095" s="12"/>
    </row>
    <row r="381096" spans="8:8">
      <c r="H381096" s="12"/>
    </row>
    <row r="381097" spans="8:8">
      <c r="H381097" s="12"/>
    </row>
    <row r="381098" spans="8:8">
      <c r="H381098" s="12"/>
    </row>
    <row r="381099" spans="8:8">
      <c r="H381099" s="12"/>
    </row>
    <row r="381100" spans="8:8">
      <c r="H381100" s="12"/>
    </row>
    <row r="381101" spans="8:8">
      <c r="H381101" s="12"/>
    </row>
    <row r="381102" spans="8:8">
      <c r="H381102" s="12"/>
    </row>
    <row r="381103" spans="8:8">
      <c r="H381103" s="12"/>
    </row>
    <row r="381104" spans="8:8">
      <c r="H381104" s="12"/>
    </row>
    <row r="381105" spans="8:8">
      <c r="H381105" s="12"/>
    </row>
    <row r="381106" spans="8:8">
      <c r="H381106" s="12"/>
    </row>
    <row r="381107" spans="8:8">
      <c r="H381107" s="12"/>
    </row>
    <row r="381108" spans="8:8">
      <c r="H381108" s="12"/>
    </row>
    <row r="381109" spans="8:8">
      <c r="H381109" s="12"/>
    </row>
    <row r="381110" spans="8:8">
      <c r="H381110" s="12"/>
    </row>
    <row r="381111" spans="8:8">
      <c r="H381111" s="12"/>
    </row>
    <row r="381112" spans="8:8">
      <c r="H381112" s="12"/>
    </row>
    <row r="381113" spans="8:8">
      <c r="H381113" s="12"/>
    </row>
    <row r="381114" spans="8:8">
      <c r="H381114" s="12"/>
    </row>
    <row r="381115" spans="8:8">
      <c r="H381115" s="12"/>
    </row>
    <row r="381116" spans="8:8">
      <c r="H381116" s="12"/>
    </row>
    <row r="381117" spans="8:8">
      <c r="H381117" s="12"/>
    </row>
    <row r="381118" spans="8:8">
      <c r="H381118" s="12"/>
    </row>
    <row r="381119" spans="8:8">
      <c r="H381119" s="12"/>
    </row>
    <row r="381120" spans="8:8">
      <c r="H381120" s="12"/>
    </row>
    <row r="381121" spans="8:8">
      <c r="H381121" s="12"/>
    </row>
    <row r="381122" spans="8:8">
      <c r="H381122" s="12"/>
    </row>
    <row r="381123" spans="8:8">
      <c r="H381123" s="12"/>
    </row>
    <row r="381124" spans="8:8">
      <c r="H381124" s="12"/>
    </row>
    <row r="381125" spans="8:8">
      <c r="H381125" s="12"/>
    </row>
    <row r="381126" spans="8:8">
      <c r="H381126" s="12"/>
    </row>
    <row r="381127" spans="8:8">
      <c r="H381127" s="12"/>
    </row>
    <row r="381128" spans="8:8">
      <c r="H381128" s="12"/>
    </row>
    <row r="381129" spans="8:8">
      <c r="H381129" s="12"/>
    </row>
    <row r="381130" spans="8:8">
      <c r="H381130" s="12"/>
    </row>
    <row r="381131" spans="8:8">
      <c r="H381131" s="12"/>
    </row>
    <row r="381132" spans="8:8">
      <c r="H381132" s="12"/>
    </row>
    <row r="381133" spans="8:8">
      <c r="H381133" s="12"/>
    </row>
    <row r="381134" spans="8:8">
      <c r="H381134" s="12"/>
    </row>
    <row r="381135" spans="8:8">
      <c r="H381135" s="12"/>
    </row>
    <row r="381136" spans="8:8">
      <c r="H381136" s="12"/>
    </row>
    <row r="381137" spans="8:8">
      <c r="H381137" s="12"/>
    </row>
    <row r="381138" spans="8:8">
      <c r="H381138" s="12"/>
    </row>
    <row r="381139" spans="8:8">
      <c r="H381139" s="12"/>
    </row>
    <row r="381140" spans="8:8">
      <c r="H381140" s="12"/>
    </row>
    <row r="381141" spans="8:8">
      <c r="H381141" s="12"/>
    </row>
    <row r="381142" spans="8:8">
      <c r="H381142" s="12"/>
    </row>
    <row r="381143" spans="8:8">
      <c r="H381143" s="12"/>
    </row>
    <row r="381144" spans="8:8">
      <c r="H381144" s="12"/>
    </row>
    <row r="381145" spans="8:8">
      <c r="H381145" s="12"/>
    </row>
    <row r="381146" spans="8:8">
      <c r="H381146" s="12"/>
    </row>
    <row r="381147" spans="8:8">
      <c r="H381147" s="12"/>
    </row>
    <row r="381148" spans="8:8">
      <c r="H381148" s="12"/>
    </row>
    <row r="381149" spans="8:8">
      <c r="H381149" s="12"/>
    </row>
    <row r="381150" spans="8:8">
      <c r="H381150" s="12"/>
    </row>
    <row r="381151" spans="8:8">
      <c r="H381151" s="12"/>
    </row>
    <row r="381152" spans="8:8">
      <c r="H381152" s="12"/>
    </row>
    <row r="381153" spans="8:8">
      <c r="H381153" s="12"/>
    </row>
    <row r="381154" spans="8:8">
      <c r="H381154" s="12"/>
    </row>
    <row r="381155" spans="8:8">
      <c r="H381155" s="12"/>
    </row>
    <row r="381156" spans="8:8">
      <c r="H381156" s="12"/>
    </row>
    <row r="381157" spans="8:8">
      <c r="H381157" s="12"/>
    </row>
    <row r="381158" spans="8:8">
      <c r="H381158" s="12"/>
    </row>
    <row r="381159" spans="8:8">
      <c r="H381159" s="12"/>
    </row>
    <row r="381160" spans="8:8">
      <c r="H381160" s="12"/>
    </row>
    <row r="381161" spans="8:8">
      <c r="H381161" s="12"/>
    </row>
    <row r="381162" spans="8:8">
      <c r="H381162" s="12"/>
    </row>
    <row r="381163" spans="8:8">
      <c r="H381163" s="12"/>
    </row>
    <row r="381164" spans="8:8">
      <c r="H381164" s="12"/>
    </row>
    <row r="381165" spans="8:8">
      <c r="H381165" s="12"/>
    </row>
    <row r="381166" spans="8:8">
      <c r="H381166" s="12"/>
    </row>
    <row r="381167" spans="8:8">
      <c r="H381167" s="12"/>
    </row>
    <row r="381168" spans="8:8">
      <c r="H381168" s="12"/>
    </row>
    <row r="381169" spans="8:8">
      <c r="H381169" s="12"/>
    </row>
    <row r="381170" spans="8:8">
      <c r="H381170" s="12"/>
    </row>
    <row r="381171" spans="8:8">
      <c r="H381171" s="12"/>
    </row>
    <row r="381172" spans="8:8">
      <c r="H381172" s="12"/>
    </row>
    <row r="381173" spans="8:8">
      <c r="H381173" s="12"/>
    </row>
    <row r="381174" spans="8:8">
      <c r="H381174" s="12"/>
    </row>
    <row r="381175" spans="8:8">
      <c r="H381175" s="12"/>
    </row>
    <row r="381176" spans="8:8">
      <c r="H381176" s="12"/>
    </row>
    <row r="381177" spans="8:8">
      <c r="H381177" s="12"/>
    </row>
    <row r="381178" spans="8:8">
      <c r="H381178" s="12"/>
    </row>
    <row r="381179" spans="8:8">
      <c r="H381179" s="12"/>
    </row>
    <row r="381180" spans="8:8">
      <c r="H381180" s="12"/>
    </row>
    <row r="381181" spans="8:8">
      <c r="H381181" s="12"/>
    </row>
    <row r="381182" spans="8:8">
      <c r="H381182" s="12"/>
    </row>
    <row r="381183" spans="8:8">
      <c r="H381183" s="12"/>
    </row>
    <row r="381184" spans="8:8">
      <c r="H381184" s="12"/>
    </row>
    <row r="381185" spans="8:8">
      <c r="H381185" s="12"/>
    </row>
    <row r="381186" spans="8:8">
      <c r="H381186" s="12"/>
    </row>
    <row r="381187" spans="8:8">
      <c r="H381187" s="12"/>
    </row>
    <row r="381188" spans="8:8">
      <c r="H381188" s="12"/>
    </row>
    <row r="381189" spans="8:8">
      <c r="H381189" s="12"/>
    </row>
    <row r="381190" spans="8:8">
      <c r="H381190" s="12"/>
    </row>
    <row r="381191" spans="8:8">
      <c r="H381191" s="12"/>
    </row>
    <row r="381192" spans="8:8">
      <c r="H381192" s="12"/>
    </row>
    <row r="381193" spans="8:8">
      <c r="H381193" s="12"/>
    </row>
    <row r="381194" spans="8:8">
      <c r="H381194" s="12"/>
    </row>
    <row r="381195" spans="8:8">
      <c r="H381195" s="12"/>
    </row>
    <row r="381196" spans="8:8">
      <c r="H381196" s="12"/>
    </row>
    <row r="381197" spans="8:8">
      <c r="H381197" s="12"/>
    </row>
    <row r="381198" spans="8:8">
      <c r="H381198" s="12"/>
    </row>
    <row r="381199" spans="8:8">
      <c r="H381199" s="12"/>
    </row>
    <row r="381200" spans="8:8">
      <c r="H381200" s="12"/>
    </row>
    <row r="381201" spans="8:8">
      <c r="H381201" s="12"/>
    </row>
    <row r="381202" spans="8:8">
      <c r="H381202" s="12"/>
    </row>
    <row r="381203" spans="8:8">
      <c r="H381203" s="12"/>
    </row>
    <row r="381204" spans="8:8">
      <c r="H381204" s="12"/>
    </row>
    <row r="381205" spans="8:8">
      <c r="H381205" s="12"/>
    </row>
    <row r="381206" spans="8:8">
      <c r="H381206" s="12"/>
    </row>
    <row r="381207" spans="8:8">
      <c r="H381207" s="12"/>
    </row>
    <row r="381208" spans="8:8">
      <c r="H381208" s="12"/>
    </row>
    <row r="381209" spans="8:8">
      <c r="H381209" s="12"/>
    </row>
    <row r="381210" spans="8:8">
      <c r="H381210" s="12"/>
    </row>
    <row r="381211" spans="8:8">
      <c r="H381211" s="12"/>
    </row>
    <row r="381212" spans="8:8">
      <c r="H381212" s="12"/>
    </row>
    <row r="381213" spans="8:8">
      <c r="H381213" s="12"/>
    </row>
    <row r="381214" spans="8:8">
      <c r="H381214" s="12"/>
    </row>
    <row r="381215" spans="8:8">
      <c r="H381215" s="12"/>
    </row>
    <row r="381216" spans="8:8">
      <c r="H381216" s="12"/>
    </row>
    <row r="381217" spans="8:8">
      <c r="H381217" s="12"/>
    </row>
    <row r="381218" spans="8:8">
      <c r="H381218" s="12"/>
    </row>
    <row r="381219" spans="8:8">
      <c r="H381219" s="12"/>
    </row>
    <row r="381220" spans="8:8">
      <c r="H381220" s="12"/>
    </row>
    <row r="381221" spans="8:8">
      <c r="H381221" s="12"/>
    </row>
    <row r="381222" spans="8:8">
      <c r="H381222" s="12"/>
    </row>
    <row r="381223" spans="8:8">
      <c r="H381223" s="12"/>
    </row>
    <row r="381224" spans="8:8">
      <c r="H381224" s="12"/>
    </row>
    <row r="381225" spans="8:8">
      <c r="H381225" s="12"/>
    </row>
    <row r="381226" spans="8:8">
      <c r="H381226" s="12"/>
    </row>
    <row r="381227" spans="8:8">
      <c r="H381227" s="12"/>
    </row>
    <row r="381228" spans="8:8">
      <c r="H381228" s="12"/>
    </row>
    <row r="381229" spans="8:8">
      <c r="H381229" s="12"/>
    </row>
    <row r="381230" spans="8:8">
      <c r="H381230" s="12"/>
    </row>
    <row r="381231" spans="8:8">
      <c r="H381231" s="12"/>
    </row>
    <row r="381232" spans="8:8">
      <c r="H381232" s="12"/>
    </row>
    <row r="381233" spans="8:8">
      <c r="H381233" s="12"/>
    </row>
    <row r="381234" spans="8:8">
      <c r="H381234" s="12"/>
    </row>
    <row r="381235" spans="8:8">
      <c r="H381235" s="12"/>
    </row>
    <row r="381236" spans="8:8">
      <c r="H381236" s="12"/>
    </row>
    <row r="381237" spans="8:8">
      <c r="H381237" s="12"/>
    </row>
    <row r="381238" spans="8:8">
      <c r="H381238" s="12"/>
    </row>
    <row r="381239" spans="8:8">
      <c r="H381239" s="12"/>
    </row>
    <row r="381240" spans="8:8">
      <c r="H381240" s="12"/>
    </row>
    <row r="381241" spans="8:8">
      <c r="H381241" s="12"/>
    </row>
    <row r="381242" spans="8:8">
      <c r="H381242" s="12"/>
    </row>
    <row r="381243" spans="8:8">
      <c r="H381243" s="12"/>
    </row>
    <row r="381244" spans="8:8">
      <c r="H381244" s="12"/>
    </row>
    <row r="381245" spans="8:8">
      <c r="H381245" s="12"/>
    </row>
    <row r="381246" spans="8:8">
      <c r="H381246" s="12"/>
    </row>
    <row r="381247" spans="8:8">
      <c r="H381247" s="12"/>
    </row>
    <row r="381248" spans="8:8">
      <c r="H381248" s="12"/>
    </row>
    <row r="381249" spans="8:8">
      <c r="H381249" s="12"/>
    </row>
    <row r="381250" spans="8:8">
      <c r="H381250" s="12"/>
    </row>
    <row r="381251" spans="8:8">
      <c r="H381251" s="12"/>
    </row>
    <row r="381252" spans="8:8">
      <c r="H381252" s="12"/>
    </row>
    <row r="381253" spans="8:8">
      <c r="H381253" s="12"/>
    </row>
    <row r="381254" spans="8:8">
      <c r="H381254" s="12"/>
    </row>
    <row r="381255" spans="8:8">
      <c r="H381255" s="12"/>
    </row>
    <row r="381256" spans="8:8">
      <c r="H381256" s="12"/>
    </row>
    <row r="381257" spans="8:8">
      <c r="H381257" s="12"/>
    </row>
    <row r="381258" spans="8:8">
      <c r="H381258" s="12"/>
    </row>
    <row r="381259" spans="8:8">
      <c r="H381259" s="12"/>
    </row>
    <row r="381260" spans="8:8">
      <c r="H381260" s="12"/>
    </row>
    <row r="381261" spans="8:8">
      <c r="H381261" s="12"/>
    </row>
    <row r="381262" spans="8:8">
      <c r="H381262" s="12"/>
    </row>
    <row r="381263" spans="8:8">
      <c r="H381263" s="12"/>
    </row>
    <row r="381264" spans="8:8">
      <c r="H381264" s="12"/>
    </row>
    <row r="381265" spans="8:8">
      <c r="H381265" s="12"/>
    </row>
    <row r="381266" spans="8:8">
      <c r="H381266" s="12"/>
    </row>
    <row r="381267" spans="8:8">
      <c r="H381267" s="12"/>
    </row>
    <row r="381268" spans="8:8">
      <c r="H381268" s="12"/>
    </row>
    <row r="381269" spans="8:8">
      <c r="H381269" s="12"/>
    </row>
    <row r="381270" spans="8:8">
      <c r="H381270" s="12"/>
    </row>
    <row r="381271" spans="8:8">
      <c r="H381271" s="12"/>
    </row>
    <row r="381272" spans="8:8">
      <c r="H381272" s="12"/>
    </row>
    <row r="381273" spans="8:8">
      <c r="H381273" s="12"/>
    </row>
    <row r="381274" spans="8:8">
      <c r="H381274" s="12"/>
    </row>
    <row r="381275" spans="8:8">
      <c r="H381275" s="12"/>
    </row>
    <row r="381276" spans="8:8">
      <c r="H381276" s="12"/>
    </row>
    <row r="381277" spans="8:8">
      <c r="H381277" s="12"/>
    </row>
    <row r="381278" spans="8:8">
      <c r="H381278" s="12"/>
    </row>
    <row r="381279" spans="8:8">
      <c r="H381279" s="12"/>
    </row>
    <row r="381280" spans="8:8">
      <c r="H381280" s="12"/>
    </row>
    <row r="381281" spans="8:8">
      <c r="H381281" s="12"/>
    </row>
    <row r="381282" spans="8:8">
      <c r="H381282" s="12"/>
    </row>
    <row r="381283" spans="8:8">
      <c r="H381283" s="12"/>
    </row>
    <row r="381284" spans="8:8">
      <c r="H381284" s="12"/>
    </row>
    <row r="381285" spans="8:8">
      <c r="H381285" s="12"/>
    </row>
    <row r="381286" spans="8:8">
      <c r="H381286" s="12"/>
    </row>
    <row r="381287" spans="8:8">
      <c r="H381287" s="12"/>
    </row>
    <row r="381288" spans="8:8">
      <c r="H381288" s="12"/>
    </row>
    <row r="381289" spans="8:8">
      <c r="H381289" s="12"/>
    </row>
    <row r="381290" spans="8:8">
      <c r="H381290" s="12"/>
    </row>
    <row r="381291" spans="8:8">
      <c r="H381291" s="12"/>
    </row>
    <row r="381292" spans="8:8">
      <c r="H381292" s="12"/>
    </row>
    <row r="381293" spans="8:8">
      <c r="H381293" s="12"/>
    </row>
    <row r="381294" spans="8:8">
      <c r="H381294" s="12"/>
    </row>
    <row r="381295" spans="8:8">
      <c r="H381295" s="12"/>
    </row>
    <row r="381296" spans="8:8">
      <c r="H381296" s="12"/>
    </row>
    <row r="381297" spans="8:8">
      <c r="H381297" s="12"/>
    </row>
    <row r="381298" spans="8:8">
      <c r="H381298" s="12"/>
    </row>
    <row r="381299" spans="8:8">
      <c r="H381299" s="12"/>
    </row>
    <row r="381300" spans="8:8">
      <c r="H381300" s="12"/>
    </row>
    <row r="381301" spans="8:8">
      <c r="H381301" s="12"/>
    </row>
    <row r="381302" spans="8:8">
      <c r="H381302" s="12"/>
    </row>
    <row r="381303" spans="8:8">
      <c r="H381303" s="12"/>
    </row>
    <row r="381304" spans="8:8">
      <c r="H381304" s="12"/>
    </row>
    <row r="381305" spans="8:8">
      <c r="H381305" s="12"/>
    </row>
    <row r="381306" spans="8:8">
      <c r="H381306" s="12"/>
    </row>
    <row r="381307" spans="8:8">
      <c r="H381307" s="12"/>
    </row>
    <row r="381308" spans="8:8">
      <c r="H381308" s="12"/>
    </row>
    <row r="381309" spans="8:8">
      <c r="H381309" s="12"/>
    </row>
    <row r="381310" spans="8:8">
      <c r="H381310" s="12"/>
    </row>
    <row r="381311" spans="8:8">
      <c r="H381311" s="12"/>
    </row>
    <row r="381312" spans="8:8">
      <c r="H381312" s="12"/>
    </row>
    <row r="381313" spans="8:8">
      <c r="H381313" s="12"/>
    </row>
    <row r="381314" spans="8:8">
      <c r="H381314" s="12"/>
    </row>
    <row r="381315" spans="8:8">
      <c r="H381315" s="12"/>
    </row>
    <row r="381316" spans="8:8">
      <c r="H381316" s="12"/>
    </row>
    <row r="381317" spans="8:8">
      <c r="H381317" s="12"/>
    </row>
    <row r="381318" spans="8:8">
      <c r="H381318" s="12"/>
    </row>
    <row r="381319" spans="8:8">
      <c r="H381319" s="12"/>
    </row>
    <row r="381320" spans="8:8">
      <c r="H381320" s="12"/>
    </row>
    <row r="381321" spans="8:8">
      <c r="H381321" s="12"/>
    </row>
    <row r="381322" spans="8:8">
      <c r="H381322" s="12"/>
    </row>
    <row r="381323" spans="8:8">
      <c r="H381323" s="12"/>
    </row>
    <row r="381324" spans="8:8">
      <c r="H381324" s="12"/>
    </row>
    <row r="381325" spans="8:8">
      <c r="H381325" s="12"/>
    </row>
    <row r="381326" spans="8:8">
      <c r="H381326" s="12"/>
    </row>
    <row r="381327" spans="8:8">
      <c r="H381327" s="12"/>
    </row>
    <row r="381328" spans="8:8">
      <c r="H381328" s="12"/>
    </row>
    <row r="381329" spans="8:8">
      <c r="H381329" s="12"/>
    </row>
    <row r="381330" spans="8:8">
      <c r="H381330" s="12"/>
    </row>
    <row r="381331" spans="8:8">
      <c r="H381331" s="12"/>
    </row>
    <row r="381332" spans="8:8">
      <c r="H381332" s="12"/>
    </row>
    <row r="381333" spans="8:8">
      <c r="H381333" s="12"/>
    </row>
    <row r="381334" spans="8:8">
      <c r="H381334" s="12"/>
    </row>
    <row r="381335" spans="8:8">
      <c r="H381335" s="12"/>
    </row>
    <row r="381336" spans="8:8">
      <c r="H381336" s="12"/>
    </row>
    <row r="381337" spans="8:8">
      <c r="H381337" s="12"/>
    </row>
    <row r="381338" spans="8:8">
      <c r="H381338" s="12"/>
    </row>
    <row r="381339" spans="8:8">
      <c r="H381339" s="12"/>
    </row>
    <row r="381340" spans="8:8">
      <c r="H381340" s="12"/>
    </row>
    <row r="381341" spans="8:8">
      <c r="H381341" s="12"/>
    </row>
    <row r="381342" spans="8:8">
      <c r="H381342" s="12"/>
    </row>
    <row r="381343" spans="8:8">
      <c r="H381343" s="12"/>
    </row>
    <row r="381344" spans="8:8">
      <c r="H381344" s="12"/>
    </row>
    <row r="381345" spans="8:8">
      <c r="H381345" s="12"/>
    </row>
    <row r="381346" spans="8:8">
      <c r="H381346" s="12"/>
    </row>
    <row r="381347" spans="8:8">
      <c r="H381347" s="12"/>
    </row>
    <row r="381348" spans="8:8">
      <c r="H381348" s="12"/>
    </row>
    <row r="381349" spans="8:8">
      <c r="H381349" s="12"/>
    </row>
    <row r="381350" spans="8:8">
      <c r="H381350" s="12"/>
    </row>
    <row r="381351" spans="8:8">
      <c r="H381351" s="12"/>
    </row>
    <row r="381352" spans="8:8">
      <c r="H381352" s="12"/>
    </row>
    <row r="381353" spans="8:8">
      <c r="H381353" s="12"/>
    </row>
    <row r="381354" spans="8:8">
      <c r="H381354" s="12"/>
    </row>
    <row r="381355" spans="8:8">
      <c r="H381355" s="12"/>
    </row>
    <row r="381356" spans="8:8">
      <c r="H381356" s="12"/>
    </row>
    <row r="381357" spans="8:8">
      <c r="H381357" s="12"/>
    </row>
    <row r="381358" spans="8:8">
      <c r="H381358" s="12"/>
    </row>
    <row r="381359" spans="8:8">
      <c r="H381359" s="12"/>
    </row>
    <row r="381360" spans="8:8">
      <c r="H381360" s="12"/>
    </row>
    <row r="381361" spans="8:8">
      <c r="H381361" s="12"/>
    </row>
    <row r="381362" spans="8:8">
      <c r="H381362" s="12"/>
    </row>
    <row r="381363" spans="8:8">
      <c r="H381363" s="12"/>
    </row>
    <row r="381364" spans="8:8">
      <c r="H381364" s="12"/>
    </row>
    <row r="381365" spans="8:8">
      <c r="H381365" s="12"/>
    </row>
    <row r="381366" spans="8:8">
      <c r="H381366" s="12"/>
    </row>
    <row r="381367" spans="8:8">
      <c r="H381367" s="12"/>
    </row>
    <row r="381368" spans="8:8">
      <c r="H381368" s="12"/>
    </row>
    <row r="381369" spans="8:8">
      <c r="H381369" s="12"/>
    </row>
    <row r="381370" spans="8:8">
      <c r="H381370" s="12"/>
    </row>
    <row r="381371" spans="8:8">
      <c r="H381371" s="12"/>
    </row>
    <row r="381372" spans="8:8">
      <c r="H381372" s="12"/>
    </row>
    <row r="381373" spans="8:8">
      <c r="H381373" s="12"/>
    </row>
    <row r="381374" spans="8:8">
      <c r="H381374" s="12"/>
    </row>
    <row r="381375" spans="8:8">
      <c r="H381375" s="12"/>
    </row>
    <row r="381376" spans="8:8">
      <c r="H381376" s="12"/>
    </row>
    <row r="381377" spans="8:8">
      <c r="H381377" s="12"/>
    </row>
    <row r="381378" spans="8:8">
      <c r="H381378" s="12"/>
    </row>
    <row r="381379" spans="8:8">
      <c r="H381379" s="12"/>
    </row>
    <row r="381380" spans="8:8">
      <c r="H381380" s="12"/>
    </row>
    <row r="381381" spans="8:8">
      <c r="H381381" s="12"/>
    </row>
    <row r="381382" spans="8:8">
      <c r="H381382" s="12"/>
    </row>
    <row r="381383" spans="8:8">
      <c r="H381383" s="12"/>
    </row>
    <row r="381384" spans="8:8">
      <c r="H381384" s="12"/>
    </row>
    <row r="381385" spans="8:8">
      <c r="H381385" s="12"/>
    </row>
    <row r="381386" spans="8:8">
      <c r="H381386" s="12"/>
    </row>
    <row r="381387" spans="8:8">
      <c r="H381387" s="12"/>
    </row>
    <row r="381388" spans="8:8">
      <c r="H381388" s="12"/>
    </row>
    <row r="381389" spans="8:8">
      <c r="H381389" s="12"/>
    </row>
    <row r="381390" spans="8:8">
      <c r="H381390" s="12"/>
    </row>
    <row r="381391" spans="8:8">
      <c r="H381391" s="12"/>
    </row>
    <row r="381392" spans="8:8">
      <c r="H381392" s="12"/>
    </row>
    <row r="381393" spans="8:8">
      <c r="H381393" s="12"/>
    </row>
    <row r="381394" spans="8:8">
      <c r="H381394" s="12"/>
    </row>
    <row r="381395" spans="8:8">
      <c r="H381395" s="12"/>
    </row>
    <row r="381396" spans="8:8">
      <c r="H381396" s="12"/>
    </row>
    <row r="381397" spans="8:8">
      <c r="H381397" s="12"/>
    </row>
    <row r="381398" spans="8:8">
      <c r="H381398" s="12"/>
    </row>
    <row r="381399" spans="8:8">
      <c r="H381399" s="12"/>
    </row>
    <row r="381400" spans="8:8">
      <c r="H381400" s="12"/>
    </row>
    <row r="381401" spans="8:8">
      <c r="H381401" s="12"/>
    </row>
    <row r="381402" spans="8:8">
      <c r="H381402" s="12"/>
    </row>
    <row r="381403" spans="8:8">
      <c r="H381403" s="12"/>
    </row>
    <row r="381404" spans="8:8">
      <c r="H381404" s="12"/>
    </row>
    <row r="381405" spans="8:8">
      <c r="H381405" s="12"/>
    </row>
    <row r="381406" spans="8:8">
      <c r="H381406" s="12"/>
    </row>
    <row r="381407" spans="8:8">
      <c r="H381407" s="12"/>
    </row>
    <row r="381408" spans="8:8">
      <c r="H381408" s="12"/>
    </row>
    <row r="381409" spans="8:8">
      <c r="H381409" s="12"/>
    </row>
    <row r="381410" spans="8:8">
      <c r="H381410" s="12"/>
    </row>
    <row r="381411" spans="8:8">
      <c r="H381411" s="12"/>
    </row>
    <row r="381412" spans="8:8">
      <c r="H381412" s="12"/>
    </row>
    <row r="381413" spans="8:8">
      <c r="H381413" s="12"/>
    </row>
    <row r="381414" spans="8:8">
      <c r="H381414" s="12"/>
    </row>
    <row r="381415" spans="8:8">
      <c r="H381415" s="12"/>
    </row>
    <row r="381416" spans="8:8">
      <c r="H381416" s="12"/>
    </row>
    <row r="381417" spans="8:8">
      <c r="H381417" s="12"/>
    </row>
    <row r="381418" spans="8:8">
      <c r="H381418" s="12"/>
    </row>
    <row r="381419" spans="8:8">
      <c r="H381419" s="12"/>
    </row>
    <row r="381420" spans="8:8">
      <c r="H381420" s="12"/>
    </row>
    <row r="381421" spans="8:8">
      <c r="H381421" s="12"/>
    </row>
    <row r="381422" spans="8:8">
      <c r="H381422" s="12"/>
    </row>
    <row r="381423" spans="8:8">
      <c r="H381423" s="12"/>
    </row>
    <row r="381424" spans="8:8">
      <c r="H381424" s="12"/>
    </row>
    <row r="381425" spans="8:8">
      <c r="H381425" s="12"/>
    </row>
    <row r="381426" spans="8:8">
      <c r="H381426" s="12"/>
    </row>
    <row r="381427" spans="8:8">
      <c r="H381427" s="12"/>
    </row>
    <row r="381428" spans="8:8">
      <c r="H381428" s="12"/>
    </row>
    <row r="381429" spans="8:8">
      <c r="H381429" s="12"/>
    </row>
    <row r="381430" spans="8:8">
      <c r="H381430" s="12"/>
    </row>
    <row r="381431" spans="8:8">
      <c r="H381431" s="12"/>
    </row>
    <row r="381432" spans="8:8">
      <c r="H381432" s="12"/>
    </row>
    <row r="381433" spans="8:8">
      <c r="H381433" s="12"/>
    </row>
    <row r="381434" spans="8:8">
      <c r="H381434" s="12"/>
    </row>
    <row r="381435" spans="8:8">
      <c r="H381435" s="12"/>
    </row>
    <row r="381436" spans="8:8">
      <c r="H381436" s="12"/>
    </row>
    <row r="381437" spans="8:8">
      <c r="H381437" s="12"/>
    </row>
    <row r="381438" spans="8:8">
      <c r="H381438" s="12"/>
    </row>
    <row r="381439" spans="8:8">
      <c r="H381439" s="12"/>
    </row>
    <row r="381440" spans="8:8">
      <c r="H381440" s="12"/>
    </row>
    <row r="381441" spans="8:8">
      <c r="H381441" s="12"/>
    </row>
    <row r="381442" spans="8:8">
      <c r="H381442" s="12"/>
    </row>
    <row r="381443" spans="8:8">
      <c r="H381443" s="12"/>
    </row>
    <row r="381444" spans="8:8">
      <c r="H381444" s="12"/>
    </row>
    <row r="381445" spans="8:8">
      <c r="H381445" s="12"/>
    </row>
    <row r="381446" spans="8:8">
      <c r="H381446" s="12"/>
    </row>
    <row r="381447" spans="8:8">
      <c r="H381447" s="12"/>
    </row>
    <row r="381448" spans="8:8">
      <c r="H381448" s="12"/>
    </row>
    <row r="381449" spans="8:8">
      <c r="H381449" s="12"/>
    </row>
    <row r="381450" spans="8:8">
      <c r="H381450" s="12"/>
    </row>
    <row r="381451" spans="8:8">
      <c r="H381451" s="12"/>
    </row>
    <row r="381452" spans="8:8">
      <c r="H381452" s="12"/>
    </row>
    <row r="381453" spans="8:8">
      <c r="H381453" s="12"/>
    </row>
    <row r="381454" spans="8:8">
      <c r="H381454" s="12"/>
    </row>
    <row r="381455" spans="8:8">
      <c r="H381455" s="12"/>
    </row>
    <row r="381456" spans="8:8">
      <c r="H381456" s="12"/>
    </row>
    <row r="381457" spans="8:8">
      <c r="H381457" s="12"/>
    </row>
    <row r="381458" spans="8:8">
      <c r="H381458" s="12"/>
    </row>
    <row r="381459" spans="8:8">
      <c r="H381459" s="12"/>
    </row>
    <row r="381460" spans="8:8">
      <c r="H381460" s="12"/>
    </row>
    <row r="381461" spans="8:8">
      <c r="H381461" s="12"/>
    </row>
    <row r="381462" spans="8:8">
      <c r="H381462" s="12"/>
    </row>
    <row r="381463" spans="8:8">
      <c r="H381463" s="12"/>
    </row>
    <row r="381464" spans="8:8">
      <c r="H381464" s="12"/>
    </row>
    <row r="381465" spans="8:8">
      <c r="H381465" s="12"/>
    </row>
    <row r="381466" spans="8:8">
      <c r="H381466" s="12"/>
    </row>
    <row r="381467" spans="8:8">
      <c r="H381467" s="12"/>
    </row>
    <row r="381468" spans="8:8">
      <c r="H381468" s="12"/>
    </row>
    <row r="381469" spans="8:8">
      <c r="H381469" s="12"/>
    </row>
    <row r="381470" spans="8:8">
      <c r="H381470" s="12"/>
    </row>
    <row r="381471" spans="8:8">
      <c r="H381471" s="12"/>
    </row>
    <row r="381472" spans="8:8">
      <c r="H381472" s="12"/>
    </row>
    <row r="381473" spans="8:8">
      <c r="H381473" s="12"/>
    </row>
    <row r="381474" spans="8:8">
      <c r="H381474" s="12"/>
    </row>
    <row r="381475" spans="8:8">
      <c r="H381475" s="12"/>
    </row>
    <row r="381476" spans="8:8">
      <c r="H381476" s="12"/>
    </row>
    <row r="381477" spans="8:8">
      <c r="H381477" s="12"/>
    </row>
    <row r="381478" spans="8:8">
      <c r="H381478" s="12"/>
    </row>
    <row r="381479" spans="8:8">
      <c r="H381479" s="12"/>
    </row>
    <row r="381480" spans="8:8">
      <c r="H381480" s="12"/>
    </row>
    <row r="381481" spans="8:8">
      <c r="H381481" s="12"/>
    </row>
    <row r="381482" spans="8:8">
      <c r="H381482" s="12"/>
    </row>
    <row r="381483" spans="8:8">
      <c r="H381483" s="12"/>
    </row>
    <row r="381484" spans="8:8">
      <c r="H381484" s="12"/>
    </row>
    <row r="381485" spans="8:8">
      <c r="H381485" s="12"/>
    </row>
    <row r="381486" spans="8:8">
      <c r="H381486" s="12"/>
    </row>
    <row r="381487" spans="8:8">
      <c r="H381487" s="12"/>
    </row>
    <row r="381488" spans="8:8">
      <c r="H381488" s="12"/>
    </row>
    <row r="381489" spans="8:8">
      <c r="H381489" s="12"/>
    </row>
    <row r="381490" spans="8:8">
      <c r="H381490" s="12"/>
    </row>
    <row r="381491" spans="8:8">
      <c r="H381491" s="12"/>
    </row>
    <row r="381492" spans="8:8">
      <c r="H381492" s="12"/>
    </row>
    <row r="381493" spans="8:8">
      <c r="H381493" s="12"/>
    </row>
    <row r="381494" spans="8:8">
      <c r="H381494" s="12"/>
    </row>
    <row r="381495" spans="8:8">
      <c r="H381495" s="12"/>
    </row>
    <row r="381496" spans="8:8">
      <c r="H381496" s="12"/>
    </row>
    <row r="381497" spans="8:8">
      <c r="H381497" s="12"/>
    </row>
    <row r="381498" spans="8:8">
      <c r="H381498" s="12"/>
    </row>
    <row r="381499" spans="8:8">
      <c r="H381499" s="12"/>
    </row>
    <row r="381500" spans="8:8">
      <c r="H381500" s="12"/>
    </row>
    <row r="381501" spans="8:8">
      <c r="H381501" s="12"/>
    </row>
    <row r="381502" spans="8:8">
      <c r="H381502" s="12"/>
    </row>
    <row r="381503" spans="8:8">
      <c r="H381503" s="12"/>
    </row>
    <row r="381504" spans="8:8">
      <c r="H381504" s="12"/>
    </row>
    <row r="381505" spans="8:8">
      <c r="H381505" s="12"/>
    </row>
    <row r="381506" spans="8:8">
      <c r="H381506" s="12"/>
    </row>
    <row r="381507" spans="8:8">
      <c r="H381507" s="12"/>
    </row>
    <row r="381508" spans="8:8">
      <c r="H381508" s="12"/>
    </row>
    <row r="381509" spans="8:8">
      <c r="H381509" s="12"/>
    </row>
    <row r="381510" spans="8:8">
      <c r="H381510" s="12"/>
    </row>
    <row r="381511" spans="8:8">
      <c r="H381511" s="12"/>
    </row>
    <row r="381512" spans="8:8">
      <c r="H381512" s="12"/>
    </row>
    <row r="381513" spans="8:8">
      <c r="H381513" s="12"/>
    </row>
    <row r="381514" spans="8:8">
      <c r="H381514" s="12"/>
    </row>
    <row r="381515" spans="8:8">
      <c r="H381515" s="12"/>
    </row>
    <row r="381516" spans="8:8">
      <c r="H381516" s="12"/>
    </row>
    <row r="381517" spans="8:8">
      <c r="H381517" s="12"/>
    </row>
    <row r="381518" spans="8:8">
      <c r="H381518" s="12"/>
    </row>
    <row r="381519" spans="8:8">
      <c r="H381519" s="12"/>
    </row>
    <row r="381520" spans="8:8">
      <c r="H381520" s="12"/>
    </row>
    <row r="381521" spans="8:8">
      <c r="H381521" s="12"/>
    </row>
    <row r="381522" spans="8:8">
      <c r="H381522" s="12"/>
    </row>
    <row r="381523" spans="8:8">
      <c r="H381523" s="12"/>
    </row>
    <row r="381524" spans="8:8">
      <c r="H381524" s="12"/>
    </row>
    <row r="381525" spans="8:8">
      <c r="H381525" s="12"/>
    </row>
    <row r="381526" spans="8:8">
      <c r="H381526" s="12"/>
    </row>
    <row r="381527" spans="8:8">
      <c r="H381527" s="12"/>
    </row>
    <row r="381528" spans="8:8">
      <c r="H381528" s="12"/>
    </row>
    <row r="381529" spans="8:8">
      <c r="H381529" s="12"/>
    </row>
    <row r="381530" spans="8:8">
      <c r="H381530" s="12"/>
    </row>
    <row r="381531" spans="8:8">
      <c r="H381531" s="12"/>
    </row>
    <row r="381532" spans="8:8">
      <c r="H381532" s="12"/>
    </row>
    <row r="381533" spans="8:8">
      <c r="H381533" s="12"/>
    </row>
    <row r="381534" spans="8:8">
      <c r="H381534" s="12"/>
    </row>
    <row r="381535" spans="8:8">
      <c r="H381535" s="12"/>
    </row>
    <row r="381536" spans="8:8">
      <c r="H381536" s="12"/>
    </row>
    <row r="381537" spans="8:8">
      <c r="H381537" s="12"/>
    </row>
    <row r="381538" spans="8:8">
      <c r="H381538" s="12"/>
    </row>
    <row r="381539" spans="8:8">
      <c r="H381539" s="12"/>
    </row>
    <row r="381540" spans="8:8">
      <c r="H381540" s="12"/>
    </row>
    <row r="381541" spans="8:8">
      <c r="H381541" s="12"/>
    </row>
    <row r="381542" spans="8:8">
      <c r="H381542" s="12"/>
    </row>
    <row r="381543" spans="8:8">
      <c r="H381543" s="12"/>
    </row>
    <row r="381544" spans="8:8">
      <c r="H381544" s="12"/>
    </row>
    <row r="381545" spans="8:8">
      <c r="H381545" s="12"/>
    </row>
    <row r="381546" spans="8:8">
      <c r="H381546" s="12"/>
    </row>
    <row r="381547" spans="8:8">
      <c r="H381547" s="12"/>
    </row>
    <row r="381548" spans="8:8">
      <c r="H381548" s="12"/>
    </row>
    <row r="381549" spans="8:8">
      <c r="H381549" s="12"/>
    </row>
    <row r="381550" spans="8:8">
      <c r="H381550" s="12"/>
    </row>
    <row r="381551" spans="8:8">
      <c r="H381551" s="12"/>
    </row>
    <row r="381552" spans="8:8">
      <c r="H381552" s="12"/>
    </row>
    <row r="381553" spans="8:8">
      <c r="H381553" s="12"/>
    </row>
    <row r="381554" spans="8:8">
      <c r="H381554" s="12"/>
    </row>
    <row r="381555" spans="8:8">
      <c r="H381555" s="12"/>
    </row>
    <row r="381556" spans="8:8">
      <c r="H381556" s="12"/>
    </row>
    <row r="381557" spans="8:8">
      <c r="H381557" s="12"/>
    </row>
    <row r="381558" spans="8:8">
      <c r="H381558" s="12"/>
    </row>
    <row r="381559" spans="8:8">
      <c r="H381559" s="12"/>
    </row>
    <row r="381560" spans="8:8">
      <c r="H381560" s="12"/>
    </row>
    <row r="381561" spans="8:8">
      <c r="H381561" s="12"/>
    </row>
    <row r="381562" spans="8:8">
      <c r="H381562" s="12"/>
    </row>
    <row r="381563" spans="8:8">
      <c r="H381563" s="12"/>
    </row>
    <row r="381564" spans="8:8">
      <c r="H381564" s="12"/>
    </row>
    <row r="381565" spans="8:8">
      <c r="H381565" s="12"/>
    </row>
    <row r="381566" spans="8:8">
      <c r="H381566" s="12"/>
    </row>
    <row r="381567" spans="8:8">
      <c r="H381567" s="12"/>
    </row>
    <row r="381568" spans="8:8">
      <c r="H381568" s="12"/>
    </row>
    <row r="381569" spans="8:8">
      <c r="H381569" s="12"/>
    </row>
    <row r="381570" spans="8:8">
      <c r="H381570" s="12"/>
    </row>
    <row r="381571" spans="8:8">
      <c r="H381571" s="12"/>
    </row>
    <row r="381572" spans="8:8">
      <c r="H381572" s="12"/>
    </row>
    <row r="381573" spans="8:8">
      <c r="H381573" s="12"/>
    </row>
    <row r="381574" spans="8:8">
      <c r="H381574" s="12"/>
    </row>
    <row r="381575" spans="8:8">
      <c r="H381575" s="12"/>
    </row>
    <row r="381576" spans="8:8">
      <c r="H381576" s="12"/>
    </row>
    <row r="381577" spans="8:8">
      <c r="H381577" s="12"/>
    </row>
    <row r="381578" spans="8:8">
      <c r="H381578" s="12"/>
    </row>
    <row r="381579" spans="8:8">
      <c r="H381579" s="12"/>
    </row>
    <row r="381580" spans="8:8">
      <c r="H381580" s="12"/>
    </row>
    <row r="381581" spans="8:8">
      <c r="H381581" s="12"/>
    </row>
    <row r="381582" spans="8:8">
      <c r="H381582" s="12"/>
    </row>
    <row r="381583" spans="8:8">
      <c r="H381583" s="12"/>
    </row>
    <row r="381584" spans="8:8">
      <c r="H381584" s="12"/>
    </row>
    <row r="381585" spans="8:8">
      <c r="H381585" s="12"/>
    </row>
    <row r="381586" spans="8:8">
      <c r="H381586" s="12"/>
    </row>
    <row r="381587" spans="8:8">
      <c r="H381587" s="12"/>
    </row>
    <row r="381588" spans="8:8">
      <c r="H381588" s="12"/>
    </row>
    <row r="381589" spans="8:8">
      <c r="H381589" s="12"/>
    </row>
    <row r="381590" spans="8:8">
      <c r="H381590" s="12"/>
    </row>
    <row r="381591" spans="8:8">
      <c r="H381591" s="12"/>
    </row>
    <row r="381592" spans="8:8">
      <c r="H381592" s="12"/>
    </row>
    <row r="381593" spans="8:8">
      <c r="H381593" s="12"/>
    </row>
    <row r="381594" spans="8:8">
      <c r="H381594" s="12"/>
    </row>
    <row r="381595" spans="8:8">
      <c r="H381595" s="12"/>
    </row>
    <row r="381596" spans="8:8">
      <c r="H381596" s="12"/>
    </row>
    <row r="381597" spans="8:8">
      <c r="H381597" s="12"/>
    </row>
    <row r="381598" spans="8:8">
      <c r="H381598" s="12"/>
    </row>
    <row r="381599" spans="8:8">
      <c r="H381599" s="12"/>
    </row>
    <row r="381600" spans="8:8">
      <c r="H381600" s="12"/>
    </row>
    <row r="381601" spans="8:8">
      <c r="H381601" s="12"/>
    </row>
    <row r="381602" spans="8:8">
      <c r="H381602" s="12"/>
    </row>
    <row r="381603" spans="8:8">
      <c r="H381603" s="12"/>
    </row>
    <row r="381604" spans="8:8">
      <c r="H381604" s="12"/>
    </row>
    <row r="381605" spans="8:8">
      <c r="H381605" s="12"/>
    </row>
    <row r="381606" spans="8:8">
      <c r="H381606" s="12"/>
    </row>
    <row r="381607" spans="8:8">
      <c r="H381607" s="12"/>
    </row>
    <row r="381608" spans="8:8">
      <c r="H381608" s="12"/>
    </row>
    <row r="381609" spans="8:8">
      <c r="H381609" s="12"/>
    </row>
    <row r="381610" spans="8:8">
      <c r="H381610" s="12"/>
    </row>
    <row r="381611" spans="8:8">
      <c r="H381611" s="12"/>
    </row>
    <row r="381612" spans="8:8">
      <c r="H381612" s="12"/>
    </row>
    <row r="381613" spans="8:8">
      <c r="H381613" s="12"/>
    </row>
    <row r="381614" spans="8:8">
      <c r="H381614" s="12"/>
    </row>
    <row r="381615" spans="8:8">
      <c r="H381615" s="12"/>
    </row>
    <row r="381616" spans="8:8">
      <c r="H381616" s="12"/>
    </row>
    <row r="381617" spans="8:8">
      <c r="H381617" s="12"/>
    </row>
    <row r="381618" spans="8:8">
      <c r="H381618" s="12"/>
    </row>
    <row r="381619" spans="8:8">
      <c r="H381619" s="12"/>
    </row>
    <row r="381620" spans="8:8">
      <c r="H381620" s="12"/>
    </row>
    <row r="381621" spans="8:8">
      <c r="H381621" s="12"/>
    </row>
    <row r="381622" spans="8:8">
      <c r="H381622" s="12"/>
    </row>
    <row r="381623" spans="8:8">
      <c r="H381623" s="12"/>
    </row>
    <row r="381624" spans="8:8">
      <c r="H381624" s="12"/>
    </row>
    <row r="381625" spans="8:8">
      <c r="H381625" s="12"/>
    </row>
    <row r="381626" spans="8:8">
      <c r="H381626" s="12"/>
    </row>
    <row r="381627" spans="8:8">
      <c r="H381627" s="12"/>
    </row>
    <row r="381628" spans="8:8">
      <c r="H381628" s="12"/>
    </row>
    <row r="381629" spans="8:8">
      <c r="H381629" s="12"/>
    </row>
    <row r="381630" spans="8:8">
      <c r="H381630" s="12"/>
    </row>
    <row r="381631" spans="8:8">
      <c r="H381631" s="12"/>
    </row>
    <row r="381632" spans="8:8">
      <c r="H381632" s="12"/>
    </row>
    <row r="381633" spans="8:8">
      <c r="H381633" s="12"/>
    </row>
    <row r="381634" spans="8:8">
      <c r="H381634" s="12"/>
    </row>
    <row r="381635" spans="8:8">
      <c r="H381635" s="12"/>
    </row>
    <row r="381636" spans="8:8">
      <c r="H381636" s="12"/>
    </row>
    <row r="381637" spans="8:8">
      <c r="H381637" s="12"/>
    </row>
    <row r="381638" spans="8:8">
      <c r="H381638" s="12"/>
    </row>
    <row r="381639" spans="8:8">
      <c r="H381639" s="12"/>
    </row>
    <row r="381640" spans="8:8">
      <c r="H381640" s="12"/>
    </row>
    <row r="381641" spans="8:8">
      <c r="H381641" s="12"/>
    </row>
    <row r="381642" spans="8:8">
      <c r="H381642" s="12"/>
    </row>
    <row r="381643" spans="8:8">
      <c r="H381643" s="12"/>
    </row>
    <row r="381644" spans="8:8">
      <c r="H381644" s="12"/>
    </row>
    <row r="381645" spans="8:8">
      <c r="H381645" s="12"/>
    </row>
    <row r="381646" spans="8:8">
      <c r="H381646" s="12"/>
    </row>
    <row r="381647" spans="8:8">
      <c r="H381647" s="12"/>
    </row>
    <row r="381648" spans="8:8">
      <c r="H381648" s="12"/>
    </row>
    <row r="381649" spans="8:8">
      <c r="H381649" s="12"/>
    </row>
    <row r="381650" spans="8:8">
      <c r="H381650" s="12"/>
    </row>
    <row r="381651" spans="8:8">
      <c r="H381651" s="12"/>
    </row>
    <row r="381652" spans="8:8">
      <c r="H381652" s="12"/>
    </row>
    <row r="381653" spans="8:8">
      <c r="H381653" s="12"/>
    </row>
    <row r="381654" spans="8:8">
      <c r="H381654" s="12"/>
    </row>
    <row r="381655" spans="8:8">
      <c r="H381655" s="12"/>
    </row>
    <row r="381656" spans="8:8">
      <c r="H381656" s="12"/>
    </row>
    <row r="381657" spans="8:8">
      <c r="H381657" s="12"/>
    </row>
    <row r="381658" spans="8:8">
      <c r="H381658" s="12"/>
    </row>
    <row r="381659" spans="8:8">
      <c r="H381659" s="12"/>
    </row>
    <row r="381660" spans="8:8">
      <c r="H381660" s="12"/>
    </row>
    <row r="381661" spans="8:8">
      <c r="H381661" s="12"/>
    </row>
    <row r="381662" spans="8:8">
      <c r="H381662" s="12"/>
    </row>
    <row r="381663" spans="8:8">
      <c r="H381663" s="12"/>
    </row>
    <row r="381664" spans="8:8">
      <c r="H381664" s="12"/>
    </row>
    <row r="381665" spans="8:8">
      <c r="H381665" s="12"/>
    </row>
    <row r="381666" spans="8:8">
      <c r="H381666" s="12"/>
    </row>
    <row r="381667" spans="8:8">
      <c r="H381667" s="12"/>
    </row>
    <row r="381668" spans="8:8">
      <c r="H381668" s="12"/>
    </row>
    <row r="381669" spans="8:8">
      <c r="H381669" s="12"/>
    </row>
    <row r="381670" spans="8:8">
      <c r="H381670" s="12"/>
    </row>
    <row r="381671" spans="8:8">
      <c r="H381671" s="12"/>
    </row>
    <row r="381672" spans="8:8">
      <c r="H381672" s="12"/>
    </row>
    <row r="381673" spans="8:8">
      <c r="H381673" s="12"/>
    </row>
    <row r="381674" spans="8:8">
      <c r="H381674" s="12"/>
    </row>
    <row r="381675" spans="8:8">
      <c r="H381675" s="12"/>
    </row>
    <row r="381676" spans="8:8">
      <c r="H381676" s="12"/>
    </row>
    <row r="381677" spans="8:8">
      <c r="H381677" s="12"/>
    </row>
    <row r="381678" spans="8:8">
      <c r="H381678" s="12"/>
    </row>
    <row r="381679" spans="8:8">
      <c r="H381679" s="12"/>
    </row>
    <row r="381680" spans="8:8">
      <c r="H381680" s="12"/>
    </row>
    <row r="381681" spans="8:8">
      <c r="H381681" s="12"/>
    </row>
    <row r="381682" spans="8:8">
      <c r="H381682" s="12"/>
    </row>
    <row r="381683" spans="8:8">
      <c r="H381683" s="12"/>
    </row>
    <row r="381684" spans="8:8">
      <c r="H381684" s="12"/>
    </row>
    <row r="381685" spans="8:8">
      <c r="H381685" s="12"/>
    </row>
    <row r="381686" spans="8:8">
      <c r="H381686" s="12"/>
    </row>
    <row r="381687" spans="8:8">
      <c r="H381687" s="12"/>
    </row>
    <row r="381688" spans="8:8">
      <c r="H381688" s="12"/>
    </row>
    <row r="381689" spans="8:8">
      <c r="H381689" s="12"/>
    </row>
    <row r="381690" spans="8:8">
      <c r="H381690" s="12"/>
    </row>
    <row r="381691" spans="8:8">
      <c r="H381691" s="12"/>
    </row>
    <row r="381692" spans="8:8">
      <c r="H381692" s="12"/>
    </row>
    <row r="381693" spans="8:8">
      <c r="H381693" s="12"/>
    </row>
    <row r="381694" spans="8:8">
      <c r="H381694" s="12"/>
    </row>
    <row r="381695" spans="8:8">
      <c r="H381695" s="12"/>
    </row>
    <row r="381696" spans="8:8">
      <c r="H381696" s="12"/>
    </row>
    <row r="381697" spans="8:8">
      <c r="H381697" s="12"/>
    </row>
    <row r="381698" spans="8:8">
      <c r="H381698" s="12"/>
    </row>
    <row r="381699" spans="8:8">
      <c r="H381699" s="12"/>
    </row>
    <row r="381700" spans="8:8">
      <c r="H381700" s="12"/>
    </row>
    <row r="381701" spans="8:8">
      <c r="H381701" s="12"/>
    </row>
    <row r="381702" spans="8:8">
      <c r="H381702" s="12"/>
    </row>
    <row r="381703" spans="8:8">
      <c r="H381703" s="12"/>
    </row>
    <row r="381704" spans="8:8">
      <c r="H381704" s="12"/>
    </row>
    <row r="381705" spans="8:8">
      <c r="H381705" s="12"/>
    </row>
    <row r="381706" spans="8:8">
      <c r="H381706" s="12"/>
    </row>
    <row r="381707" spans="8:8">
      <c r="H381707" s="12"/>
    </row>
    <row r="381708" spans="8:8">
      <c r="H381708" s="12"/>
    </row>
    <row r="381709" spans="8:8">
      <c r="H381709" s="12"/>
    </row>
    <row r="381710" spans="8:8">
      <c r="H381710" s="12"/>
    </row>
    <row r="381711" spans="8:8">
      <c r="H381711" s="12"/>
    </row>
    <row r="381712" spans="8:8">
      <c r="H381712" s="12"/>
    </row>
    <row r="381713" spans="8:8">
      <c r="H381713" s="12"/>
    </row>
    <row r="381714" spans="8:8">
      <c r="H381714" s="12"/>
    </row>
    <row r="381715" spans="8:8">
      <c r="H381715" s="12"/>
    </row>
    <row r="381716" spans="8:8">
      <c r="H381716" s="12"/>
    </row>
    <row r="381717" spans="8:8">
      <c r="H381717" s="12"/>
    </row>
    <row r="381718" spans="8:8">
      <c r="H381718" s="12"/>
    </row>
    <row r="381719" spans="8:8">
      <c r="H381719" s="12"/>
    </row>
    <row r="381720" spans="8:8">
      <c r="H381720" s="12"/>
    </row>
    <row r="381721" spans="8:8">
      <c r="H381721" s="12"/>
    </row>
    <row r="381722" spans="8:8">
      <c r="H381722" s="12"/>
    </row>
    <row r="381723" spans="8:8">
      <c r="H381723" s="12"/>
    </row>
    <row r="381724" spans="8:8">
      <c r="H381724" s="12"/>
    </row>
    <row r="381725" spans="8:8">
      <c r="H381725" s="12"/>
    </row>
    <row r="381726" spans="8:8">
      <c r="H381726" s="12"/>
    </row>
    <row r="381727" spans="8:8">
      <c r="H381727" s="12"/>
    </row>
    <row r="381728" spans="8:8">
      <c r="H381728" s="12"/>
    </row>
    <row r="381729" spans="8:8">
      <c r="H381729" s="12"/>
    </row>
    <row r="381730" spans="8:8">
      <c r="H381730" s="12"/>
    </row>
    <row r="381731" spans="8:8">
      <c r="H381731" s="12"/>
    </row>
    <row r="381732" spans="8:8">
      <c r="H381732" s="12"/>
    </row>
    <row r="381733" spans="8:8">
      <c r="H381733" s="12"/>
    </row>
    <row r="381734" spans="8:8">
      <c r="H381734" s="12"/>
    </row>
    <row r="381735" spans="8:8">
      <c r="H381735" s="12"/>
    </row>
    <row r="381736" spans="8:8">
      <c r="H381736" s="12"/>
    </row>
    <row r="381737" spans="8:8">
      <c r="H381737" s="12"/>
    </row>
    <row r="381738" spans="8:8">
      <c r="H381738" s="12"/>
    </row>
    <row r="381739" spans="8:8">
      <c r="H381739" s="12"/>
    </row>
    <row r="381740" spans="8:8">
      <c r="H381740" s="12"/>
    </row>
    <row r="381741" spans="8:8">
      <c r="H381741" s="12"/>
    </row>
    <row r="381742" spans="8:8">
      <c r="H381742" s="12"/>
    </row>
    <row r="381743" spans="8:8">
      <c r="H381743" s="12"/>
    </row>
    <row r="381744" spans="8:8">
      <c r="H381744" s="12"/>
    </row>
    <row r="381745" spans="8:8">
      <c r="H381745" s="12"/>
    </row>
    <row r="381746" spans="8:8">
      <c r="H381746" s="12"/>
    </row>
    <row r="381747" spans="8:8">
      <c r="H381747" s="12"/>
    </row>
    <row r="381748" spans="8:8">
      <c r="H381748" s="12"/>
    </row>
    <row r="381749" spans="8:8">
      <c r="H381749" s="12"/>
    </row>
    <row r="381750" spans="8:8">
      <c r="H381750" s="12"/>
    </row>
    <row r="381751" spans="8:8">
      <c r="H381751" s="12"/>
    </row>
    <row r="381752" spans="8:8">
      <c r="H381752" s="12"/>
    </row>
    <row r="381753" spans="8:8">
      <c r="H381753" s="12"/>
    </row>
    <row r="381754" spans="8:8">
      <c r="H381754" s="12"/>
    </row>
    <row r="381755" spans="8:8">
      <c r="H381755" s="12"/>
    </row>
    <row r="381756" spans="8:8">
      <c r="H381756" s="12"/>
    </row>
    <row r="381757" spans="8:8">
      <c r="H381757" s="12"/>
    </row>
    <row r="381758" spans="8:8">
      <c r="H381758" s="12"/>
    </row>
    <row r="381759" spans="8:8">
      <c r="H381759" s="12"/>
    </row>
    <row r="381760" spans="8:8">
      <c r="H381760" s="12"/>
    </row>
    <row r="381761" spans="8:8">
      <c r="H381761" s="12"/>
    </row>
    <row r="381762" spans="8:8">
      <c r="H381762" s="12"/>
    </row>
    <row r="381763" spans="8:8">
      <c r="H381763" s="12"/>
    </row>
    <row r="381764" spans="8:8">
      <c r="H381764" s="12"/>
    </row>
    <row r="381765" spans="8:8">
      <c r="H381765" s="12"/>
    </row>
    <row r="381766" spans="8:8">
      <c r="H381766" s="12"/>
    </row>
    <row r="381767" spans="8:8">
      <c r="H381767" s="12"/>
    </row>
    <row r="381768" spans="8:8">
      <c r="H381768" s="12"/>
    </row>
    <row r="381769" spans="8:8">
      <c r="H381769" s="12"/>
    </row>
    <row r="381770" spans="8:8">
      <c r="H381770" s="12"/>
    </row>
    <row r="381771" spans="8:8">
      <c r="H381771" s="12"/>
    </row>
    <row r="381772" spans="8:8">
      <c r="H381772" s="12"/>
    </row>
    <row r="381773" spans="8:8">
      <c r="H381773" s="12"/>
    </row>
    <row r="381774" spans="8:8">
      <c r="H381774" s="12"/>
    </row>
    <row r="381775" spans="8:8">
      <c r="H381775" s="12"/>
    </row>
    <row r="381776" spans="8:8">
      <c r="H381776" s="12"/>
    </row>
    <row r="381777" spans="8:8">
      <c r="H381777" s="12"/>
    </row>
    <row r="381778" spans="8:8">
      <c r="H381778" s="12"/>
    </row>
    <row r="381779" spans="8:8">
      <c r="H381779" s="12"/>
    </row>
    <row r="381780" spans="8:8">
      <c r="H381780" s="12"/>
    </row>
    <row r="381781" spans="8:8">
      <c r="H381781" s="12"/>
    </row>
    <row r="381782" spans="8:8">
      <c r="H381782" s="12"/>
    </row>
    <row r="381783" spans="8:8">
      <c r="H381783" s="12"/>
    </row>
    <row r="381784" spans="8:8">
      <c r="H381784" s="12"/>
    </row>
    <row r="381785" spans="8:8">
      <c r="H381785" s="12"/>
    </row>
    <row r="381786" spans="8:8">
      <c r="H381786" s="12"/>
    </row>
    <row r="381787" spans="8:8">
      <c r="H381787" s="12"/>
    </row>
    <row r="381788" spans="8:8">
      <c r="H381788" s="12"/>
    </row>
    <row r="381789" spans="8:8">
      <c r="H381789" s="12"/>
    </row>
    <row r="381790" spans="8:8">
      <c r="H381790" s="12"/>
    </row>
    <row r="381791" spans="8:8">
      <c r="H381791" s="12"/>
    </row>
    <row r="381792" spans="8:8">
      <c r="H381792" s="12"/>
    </row>
    <row r="381793" spans="8:8">
      <c r="H381793" s="12"/>
    </row>
    <row r="381794" spans="8:8">
      <c r="H381794" s="12"/>
    </row>
    <row r="381795" spans="8:8">
      <c r="H381795" s="12"/>
    </row>
    <row r="381796" spans="8:8">
      <c r="H381796" s="12"/>
    </row>
    <row r="381797" spans="8:8">
      <c r="H381797" s="12"/>
    </row>
    <row r="381798" spans="8:8">
      <c r="H381798" s="12"/>
    </row>
    <row r="381799" spans="8:8">
      <c r="H381799" s="12"/>
    </row>
    <row r="381800" spans="8:8">
      <c r="H381800" s="12"/>
    </row>
    <row r="381801" spans="8:8">
      <c r="H381801" s="12"/>
    </row>
    <row r="381802" spans="8:8">
      <c r="H381802" s="12"/>
    </row>
    <row r="381803" spans="8:8">
      <c r="H381803" s="12"/>
    </row>
    <row r="381804" spans="8:8">
      <c r="H381804" s="12"/>
    </row>
    <row r="381805" spans="8:8">
      <c r="H381805" s="12"/>
    </row>
    <row r="381806" spans="8:8">
      <c r="H381806" s="12"/>
    </row>
    <row r="381807" spans="8:8">
      <c r="H381807" s="12"/>
    </row>
    <row r="381808" spans="8:8">
      <c r="H381808" s="12"/>
    </row>
    <row r="381809" spans="8:8">
      <c r="H381809" s="12"/>
    </row>
    <row r="381810" spans="8:8">
      <c r="H381810" s="12"/>
    </row>
    <row r="381811" spans="8:8">
      <c r="H381811" s="12"/>
    </row>
    <row r="381812" spans="8:8">
      <c r="H381812" s="12"/>
    </row>
    <row r="381813" spans="8:8">
      <c r="H381813" s="12"/>
    </row>
    <row r="381814" spans="8:8">
      <c r="H381814" s="12"/>
    </row>
    <row r="381815" spans="8:8">
      <c r="H381815" s="12"/>
    </row>
    <row r="381816" spans="8:8">
      <c r="H381816" s="12"/>
    </row>
    <row r="381817" spans="8:8">
      <c r="H381817" s="12"/>
    </row>
    <row r="381818" spans="8:8">
      <c r="H381818" s="12"/>
    </row>
    <row r="381819" spans="8:8">
      <c r="H381819" s="12"/>
    </row>
    <row r="381820" spans="8:8">
      <c r="H381820" s="12"/>
    </row>
    <row r="381821" spans="8:8">
      <c r="H381821" s="12"/>
    </row>
    <row r="381822" spans="8:8">
      <c r="H381822" s="12"/>
    </row>
    <row r="381823" spans="8:8">
      <c r="H381823" s="12"/>
    </row>
    <row r="381824" spans="8:8">
      <c r="H381824" s="12"/>
    </row>
    <row r="381825" spans="8:8">
      <c r="H381825" s="12"/>
    </row>
    <row r="381826" spans="8:8">
      <c r="H381826" s="12"/>
    </row>
    <row r="381827" spans="8:8">
      <c r="H381827" s="12"/>
    </row>
    <row r="381828" spans="8:8">
      <c r="H381828" s="12"/>
    </row>
    <row r="381829" spans="8:8">
      <c r="H381829" s="12"/>
    </row>
    <row r="381830" spans="8:8">
      <c r="H381830" s="12"/>
    </row>
    <row r="381831" spans="8:8">
      <c r="H381831" s="12"/>
    </row>
    <row r="381832" spans="8:8">
      <c r="H381832" s="12"/>
    </row>
    <row r="381833" spans="8:8">
      <c r="H381833" s="12"/>
    </row>
    <row r="381834" spans="8:8">
      <c r="H381834" s="12"/>
    </row>
    <row r="381835" spans="8:8">
      <c r="H381835" s="12"/>
    </row>
    <row r="381836" spans="8:8">
      <c r="H381836" s="12"/>
    </row>
    <row r="381837" spans="8:8">
      <c r="H381837" s="12"/>
    </row>
    <row r="381838" spans="8:8">
      <c r="H381838" s="12"/>
    </row>
    <row r="381839" spans="8:8">
      <c r="H381839" s="12"/>
    </row>
    <row r="381840" spans="8:8">
      <c r="H381840" s="12"/>
    </row>
    <row r="381841" spans="8:8">
      <c r="H381841" s="12"/>
    </row>
    <row r="381842" spans="8:8">
      <c r="H381842" s="12"/>
    </row>
    <row r="381843" spans="8:8">
      <c r="H381843" s="12"/>
    </row>
    <row r="381844" spans="8:8">
      <c r="H381844" s="12"/>
    </row>
    <row r="381845" spans="8:8">
      <c r="H381845" s="12"/>
    </row>
    <row r="381846" spans="8:8">
      <c r="H381846" s="12"/>
    </row>
    <row r="381847" spans="8:8">
      <c r="H381847" s="12"/>
    </row>
    <row r="381848" spans="8:8">
      <c r="H381848" s="12"/>
    </row>
    <row r="381849" spans="8:8">
      <c r="H381849" s="12"/>
    </row>
    <row r="381850" spans="8:8">
      <c r="H381850" s="12"/>
    </row>
    <row r="381851" spans="8:8">
      <c r="H381851" s="12"/>
    </row>
    <row r="381852" spans="8:8">
      <c r="H381852" s="12"/>
    </row>
    <row r="381853" spans="8:8">
      <c r="H381853" s="12"/>
    </row>
    <row r="381854" spans="8:8">
      <c r="H381854" s="12"/>
    </row>
    <row r="381855" spans="8:8">
      <c r="H381855" s="12"/>
    </row>
    <row r="381856" spans="8:8">
      <c r="H381856" s="12"/>
    </row>
    <row r="381857" spans="8:8">
      <c r="H381857" s="12"/>
    </row>
    <row r="381858" spans="8:8">
      <c r="H381858" s="12"/>
    </row>
    <row r="381859" spans="8:8">
      <c r="H381859" s="12"/>
    </row>
    <row r="381860" spans="8:8">
      <c r="H381860" s="12"/>
    </row>
    <row r="381861" spans="8:8">
      <c r="H381861" s="12"/>
    </row>
    <row r="381862" spans="8:8">
      <c r="H381862" s="12"/>
    </row>
    <row r="381863" spans="8:8">
      <c r="H381863" s="12"/>
    </row>
    <row r="381864" spans="8:8">
      <c r="H381864" s="12"/>
    </row>
    <row r="381865" spans="8:8">
      <c r="H381865" s="12"/>
    </row>
    <row r="381866" spans="8:8">
      <c r="H381866" s="12"/>
    </row>
    <row r="381867" spans="8:8">
      <c r="H381867" s="12"/>
    </row>
    <row r="381868" spans="8:8">
      <c r="H381868" s="12"/>
    </row>
    <row r="381869" spans="8:8">
      <c r="H381869" s="12"/>
    </row>
    <row r="381870" spans="8:8">
      <c r="H381870" s="12"/>
    </row>
    <row r="381871" spans="8:8">
      <c r="H381871" s="12"/>
    </row>
    <row r="381872" spans="8:8">
      <c r="H381872" s="12"/>
    </row>
    <row r="381873" spans="8:8">
      <c r="H381873" s="12"/>
    </row>
    <row r="381874" spans="8:8">
      <c r="H381874" s="12"/>
    </row>
    <row r="381875" spans="8:8">
      <c r="H381875" s="12"/>
    </row>
    <row r="381876" spans="8:8">
      <c r="H381876" s="12"/>
    </row>
    <row r="381877" spans="8:8">
      <c r="H381877" s="12"/>
    </row>
    <row r="381878" spans="8:8">
      <c r="H381878" s="12"/>
    </row>
    <row r="381879" spans="8:8">
      <c r="H381879" s="12"/>
    </row>
    <row r="381880" spans="8:8">
      <c r="H381880" s="12"/>
    </row>
    <row r="381881" spans="8:8">
      <c r="H381881" s="12"/>
    </row>
    <row r="381882" spans="8:8">
      <c r="H381882" s="12"/>
    </row>
    <row r="381883" spans="8:8">
      <c r="H381883" s="12"/>
    </row>
    <row r="381884" spans="8:8">
      <c r="H381884" s="12"/>
    </row>
    <row r="381885" spans="8:8">
      <c r="H381885" s="12"/>
    </row>
    <row r="381886" spans="8:8">
      <c r="H381886" s="12"/>
    </row>
    <row r="381887" spans="8:8">
      <c r="H381887" s="12"/>
    </row>
    <row r="381888" spans="8:8">
      <c r="H381888" s="12"/>
    </row>
    <row r="381889" spans="8:8">
      <c r="H381889" s="12"/>
    </row>
    <row r="381890" spans="8:8">
      <c r="H381890" s="12"/>
    </row>
    <row r="381891" spans="8:8">
      <c r="H381891" s="12"/>
    </row>
    <row r="381892" spans="8:8">
      <c r="H381892" s="12"/>
    </row>
    <row r="381893" spans="8:8">
      <c r="H381893" s="12"/>
    </row>
    <row r="381894" spans="8:8">
      <c r="H381894" s="12"/>
    </row>
    <row r="381895" spans="8:8">
      <c r="H381895" s="12"/>
    </row>
    <row r="381896" spans="8:8">
      <c r="H381896" s="12"/>
    </row>
    <row r="381897" spans="8:8">
      <c r="H381897" s="12"/>
    </row>
    <row r="381898" spans="8:8">
      <c r="H381898" s="12"/>
    </row>
    <row r="381899" spans="8:8">
      <c r="H381899" s="12"/>
    </row>
    <row r="381900" spans="8:8">
      <c r="H381900" s="12"/>
    </row>
    <row r="381901" spans="8:8">
      <c r="H381901" s="12"/>
    </row>
    <row r="381902" spans="8:8">
      <c r="H381902" s="12"/>
    </row>
    <row r="381903" spans="8:8">
      <c r="H381903" s="12"/>
    </row>
    <row r="381904" spans="8:8">
      <c r="H381904" s="12"/>
    </row>
    <row r="381905" spans="8:8">
      <c r="H381905" s="12"/>
    </row>
    <row r="381906" spans="8:8">
      <c r="H381906" s="12"/>
    </row>
    <row r="381907" spans="8:8">
      <c r="H381907" s="12"/>
    </row>
    <row r="381908" spans="8:8">
      <c r="H381908" s="12"/>
    </row>
    <row r="381909" spans="8:8">
      <c r="H381909" s="12"/>
    </row>
    <row r="381910" spans="8:8">
      <c r="H381910" s="12"/>
    </row>
    <row r="381911" spans="8:8">
      <c r="H381911" s="12"/>
    </row>
    <row r="381912" spans="8:8">
      <c r="H381912" s="12"/>
    </row>
    <row r="381913" spans="8:8">
      <c r="H381913" s="12"/>
    </row>
    <row r="381914" spans="8:8">
      <c r="H381914" s="12"/>
    </row>
    <row r="381915" spans="8:8">
      <c r="H381915" s="12"/>
    </row>
    <row r="381916" spans="8:8">
      <c r="H381916" s="12"/>
    </row>
    <row r="381917" spans="8:8">
      <c r="H381917" s="12"/>
    </row>
    <row r="381918" spans="8:8">
      <c r="H381918" s="12"/>
    </row>
    <row r="381919" spans="8:8">
      <c r="H381919" s="12"/>
    </row>
    <row r="381920" spans="8:8">
      <c r="H381920" s="12"/>
    </row>
    <row r="381921" spans="8:8">
      <c r="H381921" s="12"/>
    </row>
    <row r="381922" spans="8:8">
      <c r="H381922" s="12"/>
    </row>
    <row r="381923" spans="8:8">
      <c r="H381923" s="12"/>
    </row>
    <row r="381924" spans="8:8">
      <c r="H381924" s="12"/>
    </row>
    <row r="381925" spans="8:8">
      <c r="H381925" s="12"/>
    </row>
    <row r="381926" spans="8:8">
      <c r="H381926" s="12"/>
    </row>
    <row r="381927" spans="8:8">
      <c r="H381927" s="12"/>
    </row>
    <row r="381928" spans="8:8">
      <c r="H381928" s="12"/>
    </row>
    <row r="381929" spans="8:8">
      <c r="H381929" s="12"/>
    </row>
    <row r="381930" spans="8:8">
      <c r="H381930" s="12"/>
    </row>
    <row r="381931" spans="8:8">
      <c r="H381931" s="12"/>
    </row>
    <row r="381932" spans="8:8">
      <c r="H381932" s="12"/>
    </row>
    <row r="381933" spans="8:8">
      <c r="H381933" s="12"/>
    </row>
    <row r="381934" spans="8:8">
      <c r="H381934" s="12"/>
    </row>
    <row r="381935" spans="8:8">
      <c r="H381935" s="12"/>
    </row>
    <row r="381936" spans="8:8">
      <c r="H381936" s="12"/>
    </row>
    <row r="381937" spans="8:8">
      <c r="H381937" s="12"/>
    </row>
    <row r="381938" spans="8:8">
      <c r="H381938" s="12"/>
    </row>
    <row r="381939" spans="8:8">
      <c r="H381939" s="12"/>
    </row>
    <row r="381940" spans="8:8">
      <c r="H381940" s="12"/>
    </row>
    <row r="381941" spans="8:8">
      <c r="H381941" s="12"/>
    </row>
    <row r="381942" spans="8:8">
      <c r="H381942" s="12"/>
    </row>
    <row r="381943" spans="8:8">
      <c r="H381943" s="12"/>
    </row>
    <row r="381944" spans="8:8">
      <c r="H381944" s="12"/>
    </row>
    <row r="381945" spans="8:8">
      <c r="H381945" s="12"/>
    </row>
    <row r="381946" spans="8:8">
      <c r="H381946" s="12"/>
    </row>
    <row r="381947" spans="8:8">
      <c r="H381947" s="12"/>
    </row>
    <row r="381948" spans="8:8">
      <c r="H381948" s="12"/>
    </row>
    <row r="381949" spans="8:8">
      <c r="H381949" s="12"/>
    </row>
    <row r="381950" spans="8:8">
      <c r="H381950" s="12"/>
    </row>
    <row r="381951" spans="8:8">
      <c r="H381951" s="12"/>
    </row>
    <row r="381952" spans="8:8">
      <c r="H381952" s="12"/>
    </row>
    <row r="381953" spans="8:8">
      <c r="H381953" s="12"/>
    </row>
    <row r="381954" spans="8:8">
      <c r="H381954" s="12"/>
    </row>
    <row r="381955" spans="8:8">
      <c r="H381955" s="12"/>
    </row>
    <row r="381956" spans="8:8">
      <c r="H381956" s="12"/>
    </row>
    <row r="381957" spans="8:8">
      <c r="H381957" s="12"/>
    </row>
    <row r="381958" spans="8:8">
      <c r="H381958" s="12"/>
    </row>
    <row r="381959" spans="8:8">
      <c r="H381959" s="12"/>
    </row>
    <row r="381960" spans="8:8">
      <c r="H381960" s="12"/>
    </row>
    <row r="381961" spans="8:8">
      <c r="H381961" s="12"/>
    </row>
    <row r="381962" spans="8:8">
      <c r="H381962" s="12"/>
    </row>
    <row r="381963" spans="8:8">
      <c r="H381963" s="12"/>
    </row>
    <row r="381964" spans="8:8">
      <c r="H381964" s="12"/>
    </row>
    <row r="381965" spans="8:8">
      <c r="H381965" s="12"/>
    </row>
    <row r="381966" spans="8:8">
      <c r="H381966" s="12"/>
    </row>
    <row r="381967" spans="8:8">
      <c r="H381967" s="12"/>
    </row>
    <row r="381968" spans="8:8">
      <c r="H381968" s="12"/>
    </row>
    <row r="381969" spans="8:8">
      <c r="H381969" s="12"/>
    </row>
    <row r="381970" spans="8:8">
      <c r="H381970" s="12"/>
    </row>
    <row r="381971" spans="8:8">
      <c r="H381971" s="12"/>
    </row>
    <row r="381972" spans="8:8">
      <c r="H381972" s="12"/>
    </row>
    <row r="381973" spans="8:8">
      <c r="H381973" s="12"/>
    </row>
    <row r="381974" spans="8:8">
      <c r="H381974" s="12"/>
    </row>
    <row r="381975" spans="8:8">
      <c r="H381975" s="12"/>
    </row>
    <row r="381976" spans="8:8">
      <c r="H381976" s="12"/>
    </row>
    <row r="381977" spans="8:8">
      <c r="H381977" s="12"/>
    </row>
    <row r="381978" spans="8:8">
      <c r="H381978" s="12"/>
    </row>
    <row r="381979" spans="8:8">
      <c r="H381979" s="12"/>
    </row>
    <row r="381980" spans="8:8">
      <c r="H381980" s="12"/>
    </row>
    <row r="381981" spans="8:8">
      <c r="H381981" s="12"/>
    </row>
    <row r="381982" spans="8:8">
      <c r="H381982" s="12"/>
    </row>
    <row r="381983" spans="8:8">
      <c r="H381983" s="12"/>
    </row>
    <row r="381984" spans="8:8">
      <c r="H381984" s="12"/>
    </row>
    <row r="381985" spans="8:8">
      <c r="H381985" s="12"/>
    </row>
    <row r="381986" spans="8:8">
      <c r="H381986" s="12"/>
    </row>
    <row r="381987" spans="8:8">
      <c r="H381987" s="12"/>
    </row>
    <row r="381988" spans="8:8">
      <c r="H381988" s="12"/>
    </row>
    <row r="381989" spans="8:8">
      <c r="H381989" s="12"/>
    </row>
    <row r="381990" spans="8:8">
      <c r="H381990" s="12"/>
    </row>
    <row r="381991" spans="8:8">
      <c r="H381991" s="12"/>
    </row>
    <row r="381992" spans="8:8">
      <c r="H381992" s="12"/>
    </row>
    <row r="381993" spans="8:8">
      <c r="H381993" s="12"/>
    </row>
    <row r="381994" spans="8:8">
      <c r="H381994" s="12"/>
    </row>
    <row r="381995" spans="8:8">
      <c r="H381995" s="12"/>
    </row>
    <row r="381996" spans="8:8">
      <c r="H381996" s="12"/>
    </row>
    <row r="381997" spans="8:8">
      <c r="H381997" s="12"/>
    </row>
    <row r="381998" spans="8:8">
      <c r="H381998" s="12"/>
    </row>
    <row r="381999" spans="8:8">
      <c r="H381999" s="12"/>
    </row>
    <row r="382000" spans="8:8">
      <c r="H382000" s="12"/>
    </row>
    <row r="382001" spans="8:8">
      <c r="H382001" s="12"/>
    </row>
    <row r="382002" spans="8:8">
      <c r="H382002" s="12"/>
    </row>
    <row r="382003" spans="8:8">
      <c r="H382003" s="12"/>
    </row>
    <row r="382004" spans="8:8">
      <c r="H382004" s="12"/>
    </row>
    <row r="382005" spans="8:8">
      <c r="H382005" s="12"/>
    </row>
    <row r="382006" spans="8:8">
      <c r="H382006" s="12"/>
    </row>
    <row r="382007" spans="8:8">
      <c r="H382007" s="12"/>
    </row>
    <row r="382008" spans="8:8">
      <c r="H382008" s="12"/>
    </row>
    <row r="382009" spans="8:8">
      <c r="H382009" s="12"/>
    </row>
    <row r="382010" spans="8:8">
      <c r="H382010" s="12"/>
    </row>
    <row r="382011" spans="8:8">
      <c r="H382011" s="12"/>
    </row>
    <row r="382012" spans="8:8">
      <c r="H382012" s="12"/>
    </row>
    <row r="382013" spans="8:8">
      <c r="H382013" s="12"/>
    </row>
    <row r="382014" spans="8:8">
      <c r="H382014" s="12"/>
    </row>
    <row r="382015" spans="8:8">
      <c r="H382015" s="12"/>
    </row>
    <row r="382016" spans="8:8">
      <c r="H382016" s="12"/>
    </row>
    <row r="382017" spans="8:8">
      <c r="H382017" s="12"/>
    </row>
    <row r="382018" spans="8:8">
      <c r="H382018" s="12"/>
    </row>
    <row r="382019" spans="8:8">
      <c r="H382019" s="12"/>
    </row>
    <row r="382020" spans="8:8">
      <c r="H382020" s="12"/>
    </row>
    <row r="382021" spans="8:8">
      <c r="H382021" s="12"/>
    </row>
    <row r="382022" spans="8:8">
      <c r="H382022" s="12"/>
    </row>
    <row r="382023" spans="8:8">
      <c r="H382023" s="12"/>
    </row>
    <row r="382024" spans="8:8">
      <c r="H382024" s="12"/>
    </row>
    <row r="382025" spans="8:8">
      <c r="H382025" s="12"/>
    </row>
    <row r="382026" spans="8:8">
      <c r="H382026" s="12"/>
    </row>
    <row r="382027" spans="8:8">
      <c r="H382027" s="12"/>
    </row>
    <row r="382028" spans="8:8">
      <c r="H382028" s="12"/>
    </row>
    <row r="382029" spans="8:8">
      <c r="H382029" s="12"/>
    </row>
    <row r="382030" spans="8:8">
      <c r="H382030" s="12"/>
    </row>
    <row r="382031" spans="8:8">
      <c r="H382031" s="12"/>
    </row>
    <row r="382032" spans="8:8">
      <c r="H382032" s="12"/>
    </row>
    <row r="382033" spans="8:8">
      <c r="H382033" s="12"/>
    </row>
    <row r="382034" spans="8:8">
      <c r="H382034" s="12"/>
    </row>
    <row r="382035" spans="8:8">
      <c r="H382035" s="12"/>
    </row>
    <row r="382036" spans="8:8">
      <c r="H382036" s="12"/>
    </row>
    <row r="382037" spans="8:8">
      <c r="H382037" s="12"/>
    </row>
    <row r="382038" spans="8:8">
      <c r="H382038" s="12"/>
    </row>
    <row r="382039" spans="8:8">
      <c r="H382039" s="12"/>
    </row>
    <row r="382040" spans="8:8">
      <c r="H382040" s="12"/>
    </row>
    <row r="382041" spans="8:8">
      <c r="H382041" s="12"/>
    </row>
    <row r="382042" spans="8:8">
      <c r="H382042" s="12"/>
    </row>
    <row r="382043" spans="8:8">
      <c r="H382043" s="12"/>
    </row>
    <row r="382044" spans="8:8">
      <c r="H382044" s="12"/>
    </row>
    <row r="382045" spans="8:8">
      <c r="H382045" s="12"/>
    </row>
    <row r="382046" spans="8:8">
      <c r="H382046" s="12"/>
    </row>
    <row r="382047" spans="8:8">
      <c r="H382047" s="12"/>
    </row>
    <row r="382048" spans="8:8">
      <c r="H382048" s="12"/>
    </row>
    <row r="382049" spans="8:8">
      <c r="H382049" s="12"/>
    </row>
    <row r="382050" spans="8:8">
      <c r="H382050" s="12"/>
    </row>
    <row r="382051" spans="8:8">
      <c r="H382051" s="12"/>
    </row>
    <row r="382052" spans="8:8">
      <c r="H382052" s="12"/>
    </row>
    <row r="382053" spans="8:8">
      <c r="H382053" s="12"/>
    </row>
    <row r="382054" spans="8:8">
      <c r="H382054" s="12"/>
    </row>
    <row r="382055" spans="8:8">
      <c r="H382055" s="12"/>
    </row>
    <row r="382056" spans="8:8">
      <c r="H382056" s="12"/>
    </row>
    <row r="382057" spans="8:8">
      <c r="H382057" s="12"/>
    </row>
    <row r="382058" spans="8:8">
      <c r="H382058" s="12"/>
    </row>
    <row r="382059" spans="8:8">
      <c r="H382059" s="12"/>
    </row>
    <row r="382060" spans="8:8">
      <c r="H382060" s="12"/>
    </row>
    <row r="382061" spans="8:8">
      <c r="H382061" s="12"/>
    </row>
    <row r="382062" spans="8:8">
      <c r="H382062" s="12"/>
    </row>
    <row r="382063" spans="8:8">
      <c r="H382063" s="12"/>
    </row>
    <row r="382064" spans="8:8">
      <c r="H382064" s="12"/>
    </row>
    <row r="382065" spans="8:8">
      <c r="H382065" s="12"/>
    </row>
    <row r="382066" spans="8:8">
      <c r="H382066" s="12"/>
    </row>
    <row r="382067" spans="8:8">
      <c r="H382067" s="12"/>
    </row>
    <row r="382068" spans="8:8">
      <c r="H382068" s="12"/>
    </row>
    <row r="382069" spans="8:8">
      <c r="H382069" s="12"/>
    </row>
    <row r="382070" spans="8:8">
      <c r="H382070" s="12"/>
    </row>
    <row r="382071" spans="8:8">
      <c r="H382071" s="12"/>
    </row>
    <row r="382072" spans="8:8">
      <c r="H382072" s="12"/>
    </row>
    <row r="382073" spans="8:8">
      <c r="H382073" s="12"/>
    </row>
    <row r="382074" spans="8:8">
      <c r="H382074" s="12"/>
    </row>
    <row r="382075" spans="8:8">
      <c r="H382075" s="12"/>
    </row>
    <row r="382076" spans="8:8">
      <c r="H382076" s="12"/>
    </row>
    <row r="382077" spans="8:8">
      <c r="H382077" s="12"/>
    </row>
    <row r="382078" spans="8:8">
      <c r="H382078" s="12"/>
    </row>
    <row r="382079" spans="8:8">
      <c r="H382079" s="12"/>
    </row>
    <row r="382080" spans="8:8">
      <c r="H382080" s="12"/>
    </row>
    <row r="382081" spans="8:8">
      <c r="H382081" s="12"/>
    </row>
    <row r="382082" spans="8:8">
      <c r="H382082" s="12"/>
    </row>
    <row r="382083" spans="8:8">
      <c r="H382083" s="12"/>
    </row>
    <row r="382084" spans="8:8">
      <c r="H382084" s="12"/>
    </row>
    <row r="382085" spans="8:8">
      <c r="H382085" s="12"/>
    </row>
    <row r="382086" spans="8:8">
      <c r="H382086" s="12"/>
    </row>
    <row r="382087" spans="8:8">
      <c r="H382087" s="12"/>
    </row>
    <row r="382088" spans="8:8">
      <c r="H382088" s="12"/>
    </row>
    <row r="382089" spans="8:8">
      <c r="H382089" s="12"/>
    </row>
    <row r="382090" spans="8:8">
      <c r="H382090" s="12"/>
    </row>
    <row r="382091" spans="8:8">
      <c r="H382091" s="12"/>
    </row>
    <row r="382092" spans="8:8">
      <c r="H382092" s="12"/>
    </row>
    <row r="382093" spans="8:8">
      <c r="H382093" s="12"/>
    </row>
    <row r="382094" spans="8:8">
      <c r="H382094" s="12"/>
    </row>
    <row r="382095" spans="8:8">
      <c r="H382095" s="12"/>
    </row>
    <row r="382096" spans="8:8">
      <c r="H382096" s="12"/>
    </row>
    <row r="382097" spans="8:8">
      <c r="H382097" s="12"/>
    </row>
    <row r="382098" spans="8:8">
      <c r="H382098" s="12"/>
    </row>
    <row r="382099" spans="8:8">
      <c r="H382099" s="12"/>
    </row>
    <row r="382100" spans="8:8">
      <c r="H382100" s="12"/>
    </row>
    <row r="382101" spans="8:8">
      <c r="H382101" s="12"/>
    </row>
    <row r="382102" spans="8:8">
      <c r="H382102" s="12"/>
    </row>
    <row r="382103" spans="8:8">
      <c r="H382103" s="12"/>
    </row>
    <row r="382104" spans="8:8">
      <c r="H382104" s="12"/>
    </row>
    <row r="382105" spans="8:8">
      <c r="H382105" s="12"/>
    </row>
    <row r="382106" spans="8:8">
      <c r="H382106" s="12"/>
    </row>
    <row r="382107" spans="8:8">
      <c r="H382107" s="12"/>
    </row>
    <row r="382108" spans="8:8">
      <c r="H382108" s="12"/>
    </row>
    <row r="382109" spans="8:8">
      <c r="H382109" s="12"/>
    </row>
    <row r="382110" spans="8:8">
      <c r="H382110" s="12"/>
    </row>
    <row r="382111" spans="8:8">
      <c r="H382111" s="12"/>
    </row>
    <row r="382112" spans="8:8">
      <c r="H382112" s="12"/>
    </row>
    <row r="382113" spans="8:8">
      <c r="H382113" s="12"/>
    </row>
    <row r="382114" spans="8:8">
      <c r="H382114" s="12"/>
    </row>
    <row r="382115" spans="8:8">
      <c r="H382115" s="12"/>
    </row>
    <row r="382116" spans="8:8">
      <c r="H382116" s="12"/>
    </row>
    <row r="382117" spans="8:8">
      <c r="H382117" s="12"/>
    </row>
    <row r="382118" spans="8:8">
      <c r="H382118" s="12"/>
    </row>
    <row r="382119" spans="8:8">
      <c r="H382119" s="12"/>
    </row>
    <row r="382120" spans="8:8">
      <c r="H382120" s="12"/>
    </row>
    <row r="382121" spans="8:8">
      <c r="H382121" s="12"/>
    </row>
    <row r="382122" spans="8:8">
      <c r="H382122" s="12"/>
    </row>
    <row r="382123" spans="8:8">
      <c r="H382123" s="12"/>
    </row>
    <row r="382124" spans="8:8">
      <c r="H382124" s="12"/>
    </row>
    <row r="382125" spans="8:8">
      <c r="H382125" s="12"/>
    </row>
    <row r="382126" spans="8:8">
      <c r="H382126" s="12"/>
    </row>
    <row r="382127" spans="8:8">
      <c r="H382127" s="12"/>
    </row>
    <row r="382128" spans="8:8">
      <c r="H382128" s="12"/>
    </row>
    <row r="382129" spans="8:8">
      <c r="H382129" s="12"/>
    </row>
    <row r="382130" spans="8:8">
      <c r="H382130" s="12"/>
    </row>
    <row r="382131" spans="8:8">
      <c r="H382131" s="12"/>
    </row>
    <row r="382132" spans="8:8">
      <c r="H382132" s="12"/>
    </row>
    <row r="382133" spans="8:8">
      <c r="H382133" s="12"/>
    </row>
    <row r="382134" spans="8:8">
      <c r="H382134" s="12"/>
    </row>
    <row r="382135" spans="8:8">
      <c r="H382135" s="12"/>
    </row>
    <row r="382136" spans="8:8">
      <c r="H382136" s="12"/>
    </row>
    <row r="382137" spans="8:8">
      <c r="H382137" s="12"/>
    </row>
    <row r="382138" spans="8:8">
      <c r="H382138" s="12"/>
    </row>
    <row r="382139" spans="8:8">
      <c r="H382139" s="12"/>
    </row>
    <row r="382140" spans="8:8">
      <c r="H382140" s="12"/>
    </row>
    <row r="382141" spans="8:8">
      <c r="H382141" s="12"/>
    </row>
    <row r="382142" spans="8:8">
      <c r="H382142" s="12"/>
    </row>
    <row r="382143" spans="8:8">
      <c r="H382143" s="12"/>
    </row>
    <row r="382144" spans="8:8">
      <c r="H382144" s="12"/>
    </row>
    <row r="382145" spans="8:8">
      <c r="H382145" s="12"/>
    </row>
    <row r="382146" spans="8:8">
      <c r="H382146" s="12"/>
    </row>
    <row r="382147" spans="8:8">
      <c r="H382147" s="12"/>
    </row>
    <row r="382148" spans="8:8">
      <c r="H382148" s="12"/>
    </row>
    <row r="382149" spans="8:8">
      <c r="H382149" s="12"/>
    </row>
    <row r="382150" spans="8:8">
      <c r="H382150" s="12"/>
    </row>
    <row r="382151" spans="8:8">
      <c r="H382151" s="12"/>
    </row>
    <row r="382152" spans="8:8">
      <c r="H382152" s="12"/>
    </row>
    <row r="382153" spans="8:8">
      <c r="H382153" s="12"/>
    </row>
    <row r="382154" spans="8:8">
      <c r="H382154" s="12"/>
    </row>
    <row r="382155" spans="8:8">
      <c r="H382155" s="12"/>
    </row>
    <row r="382156" spans="8:8">
      <c r="H382156" s="12"/>
    </row>
    <row r="382157" spans="8:8">
      <c r="H382157" s="12"/>
    </row>
    <row r="382158" spans="8:8">
      <c r="H382158" s="12"/>
    </row>
    <row r="382159" spans="8:8">
      <c r="H382159" s="12"/>
    </row>
    <row r="382160" spans="8:8">
      <c r="H382160" s="12"/>
    </row>
    <row r="382161" spans="8:8">
      <c r="H382161" s="12"/>
    </row>
    <row r="382162" spans="8:8">
      <c r="H382162" s="12"/>
    </row>
    <row r="382163" spans="8:8">
      <c r="H382163" s="12"/>
    </row>
    <row r="382164" spans="8:8">
      <c r="H382164" s="12"/>
    </row>
    <row r="382165" spans="8:8">
      <c r="H382165" s="12"/>
    </row>
    <row r="382166" spans="8:8">
      <c r="H382166" s="12"/>
    </row>
    <row r="382167" spans="8:8">
      <c r="H382167" s="12"/>
    </row>
    <row r="382168" spans="8:8">
      <c r="H382168" s="12"/>
    </row>
    <row r="382169" spans="8:8">
      <c r="H382169" s="12"/>
    </row>
    <row r="382170" spans="8:8">
      <c r="H382170" s="12"/>
    </row>
    <row r="382171" spans="8:8">
      <c r="H382171" s="12"/>
    </row>
    <row r="382172" spans="8:8">
      <c r="H382172" s="12"/>
    </row>
    <row r="382173" spans="8:8">
      <c r="H382173" s="12"/>
    </row>
    <row r="382174" spans="8:8">
      <c r="H382174" s="12"/>
    </row>
    <row r="382175" spans="8:8">
      <c r="H382175" s="12"/>
    </row>
    <row r="382176" spans="8:8">
      <c r="H382176" s="12"/>
    </row>
    <row r="382177" spans="8:8">
      <c r="H382177" s="12"/>
    </row>
    <row r="382178" spans="8:8">
      <c r="H382178" s="12"/>
    </row>
    <row r="382179" spans="8:8">
      <c r="H382179" s="12"/>
    </row>
    <row r="382180" spans="8:8">
      <c r="H382180" s="12"/>
    </row>
    <row r="382181" spans="8:8">
      <c r="H382181" s="12"/>
    </row>
    <row r="382182" spans="8:8">
      <c r="H382182" s="12"/>
    </row>
    <row r="382183" spans="8:8">
      <c r="H382183" s="12"/>
    </row>
    <row r="382184" spans="8:8">
      <c r="H382184" s="12"/>
    </row>
    <row r="382185" spans="8:8">
      <c r="H382185" s="12"/>
    </row>
    <row r="382186" spans="8:8">
      <c r="H382186" s="12"/>
    </row>
    <row r="382187" spans="8:8">
      <c r="H382187" s="12"/>
    </row>
    <row r="382188" spans="8:8">
      <c r="H382188" s="12"/>
    </row>
    <row r="382189" spans="8:8">
      <c r="H382189" s="12"/>
    </row>
    <row r="382190" spans="8:8">
      <c r="H382190" s="12"/>
    </row>
    <row r="382191" spans="8:8">
      <c r="H382191" s="12"/>
    </row>
    <row r="382192" spans="8:8">
      <c r="H382192" s="12"/>
    </row>
    <row r="382193" spans="8:8">
      <c r="H382193" s="12"/>
    </row>
    <row r="382194" spans="8:8">
      <c r="H382194" s="12"/>
    </row>
    <row r="382195" spans="8:8">
      <c r="H382195" s="12"/>
    </row>
    <row r="382196" spans="8:8">
      <c r="H382196" s="12"/>
    </row>
    <row r="382197" spans="8:8">
      <c r="H382197" s="12"/>
    </row>
    <row r="382198" spans="8:8">
      <c r="H382198" s="12"/>
    </row>
    <row r="382199" spans="8:8">
      <c r="H382199" s="12"/>
    </row>
    <row r="382200" spans="8:8">
      <c r="H382200" s="12"/>
    </row>
    <row r="382201" spans="8:8">
      <c r="H382201" s="12"/>
    </row>
    <row r="382202" spans="8:8">
      <c r="H382202" s="12"/>
    </row>
    <row r="382203" spans="8:8">
      <c r="H382203" s="12"/>
    </row>
    <row r="382204" spans="8:8">
      <c r="H382204" s="12"/>
    </row>
    <row r="382205" spans="8:8">
      <c r="H382205" s="12"/>
    </row>
    <row r="382206" spans="8:8">
      <c r="H382206" s="12"/>
    </row>
    <row r="382207" spans="8:8">
      <c r="H382207" s="12"/>
    </row>
    <row r="382208" spans="8:8">
      <c r="H382208" s="12"/>
    </row>
    <row r="382209" spans="8:8">
      <c r="H382209" s="12"/>
    </row>
    <row r="382210" spans="8:8">
      <c r="H382210" s="12"/>
    </row>
    <row r="382211" spans="8:8">
      <c r="H382211" s="12"/>
    </row>
    <row r="382212" spans="8:8">
      <c r="H382212" s="12"/>
    </row>
    <row r="382213" spans="8:8">
      <c r="H382213" s="12"/>
    </row>
    <row r="382214" spans="8:8">
      <c r="H382214" s="12"/>
    </row>
    <row r="382215" spans="8:8">
      <c r="H382215" s="12"/>
    </row>
    <row r="382216" spans="8:8">
      <c r="H382216" s="12"/>
    </row>
    <row r="382217" spans="8:8">
      <c r="H382217" s="12"/>
    </row>
    <row r="382218" spans="8:8">
      <c r="H382218" s="12"/>
    </row>
    <row r="382219" spans="8:8">
      <c r="H382219" s="12"/>
    </row>
    <row r="382220" spans="8:8">
      <c r="H382220" s="12"/>
    </row>
    <row r="382221" spans="8:8">
      <c r="H382221" s="12"/>
    </row>
    <row r="382222" spans="8:8">
      <c r="H382222" s="12"/>
    </row>
    <row r="382223" spans="8:8">
      <c r="H382223" s="12"/>
    </row>
    <row r="382224" spans="8:8">
      <c r="H382224" s="12"/>
    </row>
    <row r="382225" spans="8:8">
      <c r="H382225" s="12"/>
    </row>
    <row r="382226" spans="8:8">
      <c r="H382226" s="12"/>
    </row>
    <row r="382227" spans="8:8">
      <c r="H382227" s="12"/>
    </row>
    <row r="382228" spans="8:8">
      <c r="H382228" s="12"/>
    </row>
    <row r="382229" spans="8:8">
      <c r="H382229" s="12"/>
    </row>
    <row r="382230" spans="8:8">
      <c r="H382230" s="12"/>
    </row>
    <row r="382231" spans="8:8">
      <c r="H382231" s="12"/>
    </row>
    <row r="382232" spans="8:8">
      <c r="H382232" s="12"/>
    </row>
    <row r="382233" spans="8:8">
      <c r="H382233" s="12"/>
    </row>
    <row r="382234" spans="8:8">
      <c r="H382234" s="12"/>
    </row>
    <row r="382235" spans="8:8">
      <c r="H382235" s="12"/>
    </row>
    <row r="382236" spans="8:8">
      <c r="H382236" s="12"/>
    </row>
    <row r="382237" spans="8:8">
      <c r="H382237" s="12"/>
    </row>
    <row r="382238" spans="8:8">
      <c r="H382238" s="12"/>
    </row>
    <row r="382239" spans="8:8">
      <c r="H382239" s="12"/>
    </row>
    <row r="382240" spans="8:8">
      <c r="H382240" s="12"/>
    </row>
    <row r="382241" spans="8:8">
      <c r="H382241" s="12"/>
    </row>
    <row r="382242" spans="8:8">
      <c r="H382242" s="12"/>
    </row>
    <row r="382243" spans="8:8">
      <c r="H382243" s="12"/>
    </row>
    <row r="382244" spans="8:8">
      <c r="H382244" s="12"/>
    </row>
    <row r="382245" spans="8:8">
      <c r="H382245" s="12"/>
    </row>
    <row r="382246" spans="8:8">
      <c r="H382246" s="12"/>
    </row>
    <row r="382247" spans="8:8">
      <c r="H382247" s="12"/>
    </row>
    <row r="382248" spans="8:8">
      <c r="H382248" s="12"/>
    </row>
    <row r="382249" spans="8:8">
      <c r="H382249" s="12"/>
    </row>
    <row r="382250" spans="8:8">
      <c r="H382250" s="12"/>
    </row>
    <row r="382251" spans="8:8">
      <c r="H382251" s="12"/>
    </row>
    <row r="382252" spans="8:8">
      <c r="H382252" s="12"/>
    </row>
    <row r="382253" spans="8:8">
      <c r="H382253" s="12"/>
    </row>
    <row r="382254" spans="8:8">
      <c r="H382254" s="12"/>
    </row>
    <row r="382255" spans="8:8">
      <c r="H382255" s="12"/>
    </row>
    <row r="382256" spans="8:8">
      <c r="H382256" s="12"/>
    </row>
    <row r="382257" spans="8:8">
      <c r="H382257" s="12"/>
    </row>
    <row r="382258" spans="8:8">
      <c r="H382258" s="12"/>
    </row>
    <row r="382259" spans="8:8">
      <c r="H382259" s="12"/>
    </row>
    <row r="382260" spans="8:8">
      <c r="H382260" s="12"/>
    </row>
    <row r="382261" spans="8:8">
      <c r="H382261" s="12"/>
    </row>
    <row r="382262" spans="8:8">
      <c r="H382262" s="12"/>
    </row>
    <row r="382263" spans="8:8">
      <c r="H382263" s="12"/>
    </row>
    <row r="382264" spans="8:8">
      <c r="H382264" s="12"/>
    </row>
    <row r="382265" spans="8:8">
      <c r="H382265" s="12"/>
    </row>
    <row r="382266" spans="8:8">
      <c r="H382266" s="12"/>
    </row>
    <row r="382267" spans="8:8">
      <c r="H382267" s="12"/>
    </row>
    <row r="382268" spans="8:8">
      <c r="H382268" s="12"/>
    </row>
    <row r="382269" spans="8:8">
      <c r="H382269" s="12"/>
    </row>
    <row r="382270" spans="8:8">
      <c r="H382270" s="12"/>
    </row>
    <row r="382271" spans="8:8">
      <c r="H382271" s="12"/>
    </row>
    <row r="382272" spans="8:8">
      <c r="H382272" s="12"/>
    </row>
    <row r="382273" spans="8:8">
      <c r="H382273" s="12"/>
    </row>
    <row r="382274" spans="8:8">
      <c r="H382274" s="12"/>
    </row>
    <row r="382275" spans="8:8">
      <c r="H382275" s="12"/>
    </row>
    <row r="382276" spans="8:8">
      <c r="H382276" s="12"/>
    </row>
    <row r="382277" spans="8:8">
      <c r="H382277" s="12"/>
    </row>
    <row r="382278" spans="8:8">
      <c r="H382278" s="12"/>
    </row>
    <row r="382279" spans="8:8">
      <c r="H382279" s="12"/>
    </row>
    <row r="382280" spans="8:8">
      <c r="H382280" s="12"/>
    </row>
    <row r="382281" spans="8:8">
      <c r="H382281" s="12"/>
    </row>
    <row r="382282" spans="8:8">
      <c r="H382282" s="12"/>
    </row>
    <row r="382283" spans="8:8">
      <c r="H382283" s="12"/>
    </row>
    <row r="382284" spans="8:8">
      <c r="H382284" s="12"/>
    </row>
    <row r="382285" spans="8:8">
      <c r="H382285" s="12"/>
    </row>
    <row r="382286" spans="8:8">
      <c r="H382286" s="12"/>
    </row>
    <row r="382287" spans="8:8">
      <c r="H382287" s="12"/>
    </row>
    <row r="382288" spans="8:8">
      <c r="H382288" s="12"/>
    </row>
    <row r="382289" spans="8:8">
      <c r="H382289" s="12"/>
    </row>
    <row r="382290" spans="8:8">
      <c r="H382290" s="12"/>
    </row>
    <row r="382291" spans="8:8">
      <c r="H382291" s="12"/>
    </row>
    <row r="382292" spans="8:8">
      <c r="H382292" s="12"/>
    </row>
    <row r="382293" spans="8:8">
      <c r="H382293" s="12"/>
    </row>
    <row r="382294" spans="8:8">
      <c r="H382294" s="12"/>
    </row>
    <row r="382295" spans="8:8">
      <c r="H382295" s="12"/>
    </row>
    <row r="382296" spans="8:8">
      <c r="H382296" s="12"/>
    </row>
    <row r="382297" spans="8:8">
      <c r="H382297" s="12"/>
    </row>
    <row r="382298" spans="8:8">
      <c r="H382298" s="12"/>
    </row>
    <row r="382299" spans="8:8">
      <c r="H382299" s="12"/>
    </row>
    <row r="382300" spans="8:8">
      <c r="H382300" s="12"/>
    </row>
    <row r="382301" spans="8:8">
      <c r="H382301" s="12"/>
    </row>
    <row r="382302" spans="8:8">
      <c r="H382302" s="12"/>
    </row>
    <row r="382303" spans="8:8">
      <c r="H382303" s="12"/>
    </row>
    <row r="382304" spans="8:8">
      <c r="H382304" s="12"/>
    </row>
    <row r="382305" spans="8:8">
      <c r="H382305" s="12"/>
    </row>
    <row r="382306" spans="8:8">
      <c r="H382306" s="12"/>
    </row>
    <row r="382307" spans="8:8">
      <c r="H382307" s="12"/>
    </row>
    <row r="382308" spans="8:8">
      <c r="H382308" s="12"/>
    </row>
    <row r="382309" spans="8:8">
      <c r="H382309" s="12"/>
    </row>
    <row r="382310" spans="8:8">
      <c r="H382310" s="12"/>
    </row>
    <row r="382311" spans="8:8">
      <c r="H382311" s="12"/>
    </row>
    <row r="382312" spans="8:8">
      <c r="H382312" s="12"/>
    </row>
    <row r="382313" spans="8:8">
      <c r="H382313" s="12"/>
    </row>
    <row r="382314" spans="8:8">
      <c r="H382314" s="12"/>
    </row>
    <row r="382315" spans="8:8">
      <c r="H382315" s="12"/>
    </row>
    <row r="382316" spans="8:8">
      <c r="H382316" s="12"/>
    </row>
    <row r="382317" spans="8:8">
      <c r="H382317" s="12"/>
    </row>
    <row r="382318" spans="8:8">
      <c r="H382318" s="12"/>
    </row>
    <row r="382319" spans="8:8">
      <c r="H382319" s="12"/>
    </row>
    <row r="382320" spans="8:8">
      <c r="H382320" s="12"/>
    </row>
    <row r="382321" spans="8:8">
      <c r="H382321" s="12"/>
    </row>
    <row r="382322" spans="8:8">
      <c r="H382322" s="12"/>
    </row>
    <row r="382323" spans="8:8">
      <c r="H382323" s="12"/>
    </row>
    <row r="382324" spans="8:8">
      <c r="H382324" s="12"/>
    </row>
    <row r="382325" spans="8:8">
      <c r="H382325" s="12"/>
    </row>
    <row r="382326" spans="8:8">
      <c r="H382326" s="12"/>
    </row>
    <row r="382327" spans="8:8">
      <c r="H382327" s="12"/>
    </row>
    <row r="382328" spans="8:8">
      <c r="H382328" s="12"/>
    </row>
    <row r="382329" spans="8:8">
      <c r="H382329" s="12"/>
    </row>
    <row r="382330" spans="8:8">
      <c r="H382330" s="12"/>
    </row>
    <row r="382331" spans="8:8">
      <c r="H382331" s="12"/>
    </row>
    <row r="382332" spans="8:8">
      <c r="H382332" s="12"/>
    </row>
    <row r="382333" spans="8:8">
      <c r="H382333" s="12"/>
    </row>
    <row r="382334" spans="8:8">
      <c r="H382334" s="12"/>
    </row>
    <row r="382335" spans="8:8">
      <c r="H382335" s="12"/>
    </row>
    <row r="382336" spans="8:8">
      <c r="H382336" s="12"/>
    </row>
    <row r="382337" spans="8:8">
      <c r="H382337" s="12"/>
    </row>
    <row r="382338" spans="8:8">
      <c r="H382338" s="12"/>
    </row>
    <row r="382339" spans="8:8">
      <c r="H382339" s="12"/>
    </row>
    <row r="382340" spans="8:8">
      <c r="H382340" s="12"/>
    </row>
    <row r="382341" spans="8:8">
      <c r="H382341" s="12"/>
    </row>
    <row r="382342" spans="8:8">
      <c r="H382342" s="12"/>
    </row>
    <row r="382343" spans="8:8">
      <c r="H382343" s="12"/>
    </row>
    <row r="382344" spans="8:8">
      <c r="H382344" s="12"/>
    </row>
    <row r="382345" spans="8:8">
      <c r="H382345" s="12"/>
    </row>
    <row r="382346" spans="8:8">
      <c r="H382346" s="12"/>
    </row>
    <row r="382347" spans="8:8">
      <c r="H382347" s="12"/>
    </row>
    <row r="382348" spans="8:8">
      <c r="H382348" s="12"/>
    </row>
    <row r="382349" spans="8:8">
      <c r="H382349" s="12"/>
    </row>
    <row r="382350" spans="8:8">
      <c r="H382350" s="12"/>
    </row>
    <row r="382351" spans="8:8">
      <c r="H382351" s="12"/>
    </row>
    <row r="382352" spans="8:8">
      <c r="H382352" s="12"/>
    </row>
    <row r="382353" spans="8:8">
      <c r="H382353" s="12"/>
    </row>
    <row r="382354" spans="8:8">
      <c r="H382354" s="12"/>
    </row>
    <row r="382355" spans="8:8">
      <c r="H382355" s="12"/>
    </row>
    <row r="382356" spans="8:8">
      <c r="H382356" s="12"/>
    </row>
    <row r="382357" spans="8:8">
      <c r="H382357" s="12"/>
    </row>
    <row r="382358" spans="8:8">
      <c r="H382358" s="12"/>
    </row>
    <row r="382359" spans="8:8">
      <c r="H382359" s="12"/>
    </row>
    <row r="382360" spans="8:8">
      <c r="H382360" s="12"/>
    </row>
    <row r="382361" spans="8:8">
      <c r="H382361" s="12"/>
    </row>
    <row r="382362" spans="8:8">
      <c r="H382362" s="12"/>
    </row>
    <row r="382363" spans="8:8">
      <c r="H382363" s="12"/>
    </row>
    <row r="382364" spans="8:8">
      <c r="H382364" s="12"/>
    </row>
    <row r="382365" spans="8:8">
      <c r="H382365" s="12"/>
    </row>
    <row r="382366" spans="8:8">
      <c r="H382366" s="12"/>
    </row>
    <row r="382367" spans="8:8">
      <c r="H382367" s="12"/>
    </row>
    <row r="382368" spans="8:8">
      <c r="H382368" s="12"/>
    </row>
    <row r="382369" spans="8:8">
      <c r="H382369" s="12"/>
    </row>
    <row r="382370" spans="8:8">
      <c r="H382370" s="12"/>
    </row>
    <row r="382371" spans="8:8">
      <c r="H382371" s="12"/>
    </row>
    <row r="382372" spans="8:8">
      <c r="H382372" s="12"/>
    </row>
    <row r="382373" spans="8:8">
      <c r="H382373" s="12"/>
    </row>
    <row r="382374" spans="8:8">
      <c r="H382374" s="12"/>
    </row>
    <row r="382375" spans="8:8">
      <c r="H382375" s="12"/>
    </row>
    <row r="382376" spans="8:8">
      <c r="H382376" s="12"/>
    </row>
    <row r="382377" spans="8:8">
      <c r="H382377" s="12"/>
    </row>
    <row r="382378" spans="8:8">
      <c r="H382378" s="12"/>
    </row>
    <row r="382379" spans="8:8">
      <c r="H382379" s="12"/>
    </row>
    <row r="382380" spans="8:8">
      <c r="H382380" s="12"/>
    </row>
    <row r="382381" spans="8:8">
      <c r="H382381" s="12"/>
    </row>
    <row r="382382" spans="8:8">
      <c r="H382382" s="12"/>
    </row>
    <row r="382383" spans="8:8">
      <c r="H382383" s="12"/>
    </row>
    <row r="382384" spans="8:8">
      <c r="H382384" s="12"/>
    </row>
    <row r="382385" spans="8:8">
      <c r="H382385" s="12"/>
    </row>
    <row r="382386" spans="8:8">
      <c r="H382386" s="12"/>
    </row>
    <row r="382387" spans="8:8">
      <c r="H382387" s="12"/>
    </row>
    <row r="382388" spans="8:8">
      <c r="H382388" s="12"/>
    </row>
    <row r="382389" spans="8:8">
      <c r="H382389" s="12"/>
    </row>
    <row r="382390" spans="8:8">
      <c r="H382390" s="12"/>
    </row>
    <row r="382391" spans="8:8">
      <c r="H382391" s="12"/>
    </row>
    <row r="382392" spans="8:8">
      <c r="H382392" s="12"/>
    </row>
    <row r="382393" spans="8:8">
      <c r="H382393" s="12"/>
    </row>
    <row r="382394" spans="8:8">
      <c r="H382394" s="12"/>
    </row>
    <row r="382395" spans="8:8">
      <c r="H382395" s="12"/>
    </row>
    <row r="382396" spans="8:8">
      <c r="H382396" s="12"/>
    </row>
    <row r="382397" spans="8:8">
      <c r="H382397" s="12"/>
    </row>
    <row r="382398" spans="8:8">
      <c r="H382398" s="12"/>
    </row>
    <row r="382399" spans="8:8">
      <c r="H382399" s="12"/>
    </row>
    <row r="382400" spans="8:8">
      <c r="H382400" s="12"/>
    </row>
    <row r="382401" spans="8:8">
      <c r="H382401" s="12"/>
    </row>
    <row r="382402" spans="8:8">
      <c r="H382402" s="12"/>
    </row>
    <row r="382403" spans="8:8">
      <c r="H382403" s="12"/>
    </row>
    <row r="382404" spans="8:8">
      <c r="H382404" s="12"/>
    </row>
    <row r="382405" spans="8:8">
      <c r="H382405" s="12"/>
    </row>
    <row r="382406" spans="8:8">
      <c r="H382406" s="12"/>
    </row>
    <row r="382407" spans="8:8">
      <c r="H382407" s="12"/>
    </row>
    <row r="382408" spans="8:8">
      <c r="H382408" s="12"/>
    </row>
    <row r="382409" spans="8:8">
      <c r="H382409" s="12"/>
    </row>
    <row r="382410" spans="8:8">
      <c r="H382410" s="12"/>
    </row>
    <row r="382411" spans="8:8">
      <c r="H382411" s="12"/>
    </row>
    <row r="382412" spans="8:8">
      <c r="H382412" s="12"/>
    </row>
    <row r="382413" spans="8:8">
      <c r="H382413" s="12"/>
    </row>
    <row r="382414" spans="8:8">
      <c r="H382414" s="12"/>
    </row>
    <row r="382415" spans="8:8">
      <c r="H382415" s="12"/>
    </row>
    <row r="382416" spans="8:8">
      <c r="H382416" s="12"/>
    </row>
    <row r="382417" spans="8:8">
      <c r="H382417" s="12"/>
    </row>
    <row r="382418" spans="8:8">
      <c r="H382418" s="12"/>
    </row>
    <row r="382419" spans="8:8">
      <c r="H382419" s="12"/>
    </row>
    <row r="382420" spans="8:8">
      <c r="H382420" s="12"/>
    </row>
    <row r="382421" spans="8:8">
      <c r="H382421" s="12"/>
    </row>
    <row r="382422" spans="8:8">
      <c r="H382422" s="12"/>
    </row>
    <row r="382423" spans="8:8">
      <c r="H382423" s="12"/>
    </row>
    <row r="382424" spans="8:8">
      <c r="H382424" s="12"/>
    </row>
    <row r="382425" spans="8:8">
      <c r="H382425" s="12"/>
    </row>
    <row r="382426" spans="8:8">
      <c r="H382426" s="12"/>
    </row>
    <row r="382427" spans="8:8">
      <c r="H382427" s="12"/>
    </row>
    <row r="382428" spans="8:8">
      <c r="H382428" s="12"/>
    </row>
    <row r="382429" spans="8:8">
      <c r="H382429" s="12"/>
    </row>
    <row r="382430" spans="8:8">
      <c r="H382430" s="12"/>
    </row>
    <row r="382431" spans="8:8">
      <c r="H382431" s="12"/>
    </row>
    <row r="382432" spans="8:8">
      <c r="H382432" s="12"/>
    </row>
    <row r="382433" spans="8:8">
      <c r="H382433" s="12"/>
    </row>
    <row r="382434" spans="8:8">
      <c r="H382434" s="12"/>
    </row>
    <row r="382435" spans="8:8">
      <c r="H382435" s="12"/>
    </row>
    <row r="382436" spans="8:8">
      <c r="H382436" s="12"/>
    </row>
    <row r="382437" spans="8:8">
      <c r="H382437" s="12"/>
    </row>
    <row r="382438" spans="8:8">
      <c r="H382438" s="12"/>
    </row>
    <row r="382439" spans="8:8">
      <c r="H382439" s="12"/>
    </row>
    <row r="382440" spans="8:8">
      <c r="H382440" s="12"/>
    </row>
    <row r="382441" spans="8:8">
      <c r="H382441" s="12"/>
    </row>
    <row r="382442" spans="8:8">
      <c r="H382442" s="12"/>
    </row>
    <row r="382443" spans="8:8">
      <c r="H382443" s="12"/>
    </row>
    <row r="382444" spans="8:8">
      <c r="H382444" s="12"/>
    </row>
    <row r="382445" spans="8:8">
      <c r="H382445" s="12"/>
    </row>
    <row r="382446" spans="8:8">
      <c r="H382446" s="12"/>
    </row>
    <row r="382447" spans="8:8">
      <c r="H382447" s="12"/>
    </row>
    <row r="382448" spans="8:8">
      <c r="H382448" s="12"/>
    </row>
    <row r="382449" spans="8:8">
      <c r="H382449" s="12"/>
    </row>
    <row r="382450" spans="8:8">
      <c r="H382450" s="12"/>
    </row>
    <row r="382451" spans="8:8">
      <c r="H382451" s="12"/>
    </row>
    <row r="382452" spans="8:8">
      <c r="H382452" s="12"/>
    </row>
    <row r="382453" spans="8:8">
      <c r="H382453" s="12"/>
    </row>
    <row r="382454" spans="8:8">
      <c r="H382454" s="12"/>
    </row>
    <row r="382455" spans="8:8">
      <c r="H382455" s="12"/>
    </row>
    <row r="382456" spans="8:8">
      <c r="H382456" s="12"/>
    </row>
    <row r="382457" spans="8:8">
      <c r="H382457" s="12"/>
    </row>
    <row r="382458" spans="8:8">
      <c r="H382458" s="12"/>
    </row>
    <row r="382459" spans="8:8">
      <c r="H382459" s="12"/>
    </row>
    <row r="382460" spans="8:8">
      <c r="H382460" s="12"/>
    </row>
    <row r="382461" spans="8:8">
      <c r="H382461" s="12"/>
    </row>
    <row r="382462" spans="8:8">
      <c r="H382462" s="12"/>
    </row>
    <row r="382463" spans="8:8">
      <c r="H382463" s="12"/>
    </row>
    <row r="382464" spans="8:8">
      <c r="H382464" s="12"/>
    </row>
    <row r="382465" spans="8:8">
      <c r="H382465" s="12"/>
    </row>
    <row r="382466" spans="8:8">
      <c r="H382466" s="12"/>
    </row>
    <row r="382467" spans="8:8">
      <c r="H382467" s="12"/>
    </row>
    <row r="382468" spans="8:8">
      <c r="H382468" s="12"/>
    </row>
    <row r="382469" spans="8:8">
      <c r="H382469" s="12"/>
    </row>
    <row r="382470" spans="8:8">
      <c r="H382470" s="12"/>
    </row>
    <row r="382471" spans="8:8">
      <c r="H382471" s="12"/>
    </row>
    <row r="382472" spans="8:8">
      <c r="H382472" s="12"/>
    </row>
    <row r="382473" spans="8:8">
      <c r="H382473" s="12"/>
    </row>
    <row r="382474" spans="8:8">
      <c r="H382474" s="12"/>
    </row>
    <row r="382475" spans="8:8">
      <c r="H382475" s="12"/>
    </row>
    <row r="382476" spans="8:8">
      <c r="H382476" s="12"/>
    </row>
    <row r="382477" spans="8:8">
      <c r="H382477" s="12"/>
    </row>
    <row r="382478" spans="8:8">
      <c r="H382478" s="12"/>
    </row>
    <row r="382479" spans="8:8">
      <c r="H382479" s="12"/>
    </row>
    <row r="382480" spans="8:8">
      <c r="H382480" s="12"/>
    </row>
    <row r="382481" spans="8:8">
      <c r="H382481" s="12"/>
    </row>
    <row r="382482" spans="8:8">
      <c r="H382482" s="12"/>
    </row>
    <row r="382483" spans="8:8">
      <c r="H382483" s="12"/>
    </row>
    <row r="382484" spans="8:8">
      <c r="H382484" s="12"/>
    </row>
    <row r="382485" spans="8:8">
      <c r="H382485" s="12"/>
    </row>
    <row r="382486" spans="8:8">
      <c r="H382486" s="12"/>
    </row>
    <row r="382487" spans="8:8">
      <c r="H382487" s="12"/>
    </row>
    <row r="382488" spans="8:8">
      <c r="H382488" s="12"/>
    </row>
    <row r="382489" spans="8:8">
      <c r="H382489" s="12"/>
    </row>
    <row r="382490" spans="8:8">
      <c r="H382490" s="12"/>
    </row>
    <row r="382491" spans="8:8">
      <c r="H382491" s="12"/>
    </row>
    <row r="382492" spans="8:8">
      <c r="H382492" s="12"/>
    </row>
    <row r="382493" spans="8:8">
      <c r="H382493" s="12"/>
    </row>
    <row r="382494" spans="8:8">
      <c r="H382494" s="12"/>
    </row>
    <row r="382495" spans="8:8">
      <c r="H382495" s="12"/>
    </row>
    <row r="382496" spans="8:8">
      <c r="H382496" s="12"/>
    </row>
    <row r="382497" spans="8:8">
      <c r="H382497" s="12"/>
    </row>
    <row r="382498" spans="8:8">
      <c r="H382498" s="12"/>
    </row>
    <row r="382499" spans="8:8">
      <c r="H382499" s="12"/>
    </row>
    <row r="382500" spans="8:8">
      <c r="H382500" s="12"/>
    </row>
    <row r="382501" spans="8:8">
      <c r="H382501" s="12"/>
    </row>
    <row r="382502" spans="8:8">
      <c r="H382502" s="12"/>
    </row>
    <row r="382503" spans="8:8">
      <c r="H382503" s="12"/>
    </row>
    <row r="382504" spans="8:8">
      <c r="H382504" s="12"/>
    </row>
    <row r="382505" spans="8:8">
      <c r="H382505" s="12"/>
    </row>
    <row r="382506" spans="8:8">
      <c r="H382506" s="12"/>
    </row>
    <row r="382507" spans="8:8">
      <c r="H382507" s="12"/>
    </row>
    <row r="382508" spans="8:8">
      <c r="H382508" s="12"/>
    </row>
    <row r="382509" spans="8:8">
      <c r="H382509" s="12"/>
    </row>
    <row r="382510" spans="8:8">
      <c r="H382510" s="12"/>
    </row>
    <row r="382511" spans="8:8">
      <c r="H382511" s="12"/>
    </row>
    <row r="382512" spans="8:8">
      <c r="H382512" s="12"/>
    </row>
    <row r="382513" spans="8:8">
      <c r="H382513" s="12"/>
    </row>
    <row r="382514" spans="8:8">
      <c r="H382514" s="12"/>
    </row>
    <row r="382515" spans="8:8">
      <c r="H382515" s="12"/>
    </row>
    <row r="382516" spans="8:8">
      <c r="H382516" s="12"/>
    </row>
    <row r="382517" spans="8:8">
      <c r="H382517" s="12"/>
    </row>
    <row r="382518" spans="8:8">
      <c r="H382518" s="12"/>
    </row>
    <row r="382519" spans="8:8">
      <c r="H382519" s="12"/>
    </row>
    <row r="382520" spans="8:8">
      <c r="H382520" s="12"/>
    </row>
    <row r="382521" spans="8:8">
      <c r="H382521" s="12"/>
    </row>
    <row r="382522" spans="8:8">
      <c r="H382522" s="12"/>
    </row>
    <row r="382523" spans="8:8">
      <c r="H382523" s="12"/>
    </row>
    <row r="382524" spans="8:8">
      <c r="H382524" s="12"/>
    </row>
    <row r="382525" spans="8:8">
      <c r="H382525" s="12"/>
    </row>
    <row r="382526" spans="8:8">
      <c r="H382526" s="12"/>
    </row>
    <row r="382527" spans="8:8">
      <c r="H382527" s="12"/>
    </row>
    <row r="382528" spans="8:8">
      <c r="H382528" s="12"/>
    </row>
    <row r="382529" spans="8:8">
      <c r="H382529" s="12"/>
    </row>
    <row r="382530" spans="8:8">
      <c r="H382530" s="12"/>
    </row>
    <row r="382531" spans="8:8">
      <c r="H382531" s="12"/>
    </row>
    <row r="382532" spans="8:8">
      <c r="H382532" s="12"/>
    </row>
    <row r="382533" spans="8:8">
      <c r="H382533" s="12"/>
    </row>
    <row r="382534" spans="8:8">
      <c r="H382534" s="12"/>
    </row>
    <row r="382535" spans="8:8">
      <c r="H382535" s="12"/>
    </row>
    <row r="382536" spans="8:8">
      <c r="H382536" s="12"/>
    </row>
    <row r="382537" spans="8:8">
      <c r="H382537" s="12"/>
    </row>
    <row r="382538" spans="8:8">
      <c r="H382538" s="12"/>
    </row>
    <row r="382539" spans="8:8">
      <c r="H382539" s="12"/>
    </row>
    <row r="382540" spans="8:8">
      <c r="H382540" s="12"/>
    </row>
    <row r="382541" spans="8:8">
      <c r="H382541" s="12"/>
    </row>
    <row r="382542" spans="8:8">
      <c r="H382542" s="12"/>
    </row>
    <row r="382543" spans="8:8">
      <c r="H382543" s="12"/>
    </row>
    <row r="382544" spans="8:8">
      <c r="H382544" s="12"/>
    </row>
    <row r="382545" spans="8:8">
      <c r="H382545" s="12"/>
    </row>
    <row r="382546" spans="8:8">
      <c r="H382546" s="12"/>
    </row>
    <row r="382547" spans="8:8">
      <c r="H382547" s="12"/>
    </row>
    <row r="382548" spans="8:8">
      <c r="H382548" s="12"/>
    </row>
    <row r="382549" spans="8:8">
      <c r="H382549" s="12"/>
    </row>
    <row r="382550" spans="8:8">
      <c r="H382550" s="12"/>
    </row>
    <row r="382551" spans="8:8">
      <c r="H382551" s="12"/>
    </row>
    <row r="382552" spans="8:8">
      <c r="H382552" s="12"/>
    </row>
    <row r="382553" spans="8:8">
      <c r="H382553" s="12"/>
    </row>
    <row r="382554" spans="8:8">
      <c r="H382554" s="12"/>
    </row>
    <row r="382555" spans="8:8">
      <c r="H382555" s="12"/>
    </row>
    <row r="382556" spans="8:8">
      <c r="H382556" s="12"/>
    </row>
    <row r="382557" spans="8:8">
      <c r="H382557" s="12"/>
    </row>
    <row r="382558" spans="8:8">
      <c r="H382558" s="12"/>
    </row>
    <row r="382559" spans="8:8">
      <c r="H382559" s="12"/>
    </row>
    <row r="382560" spans="8:8">
      <c r="H382560" s="12"/>
    </row>
    <row r="382561" spans="8:8">
      <c r="H382561" s="12"/>
    </row>
    <row r="382562" spans="8:8">
      <c r="H382562" s="12"/>
    </row>
    <row r="382563" spans="8:8">
      <c r="H382563" s="12"/>
    </row>
    <row r="382564" spans="8:8">
      <c r="H382564" s="12"/>
    </row>
    <row r="382565" spans="8:8">
      <c r="H382565" s="12"/>
    </row>
    <row r="382566" spans="8:8">
      <c r="H382566" s="12"/>
    </row>
    <row r="382567" spans="8:8">
      <c r="H382567" s="12"/>
    </row>
    <row r="382568" spans="8:8">
      <c r="H382568" s="12"/>
    </row>
    <row r="382569" spans="8:8">
      <c r="H382569" s="12"/>
    </row>
    <row r="382570" spans="8:8">
      <c r="H382570" s="12"/>
    </row>
    <row r="382571" spans="8:8">
      <c r="H382571" s="12"/>
    </row>
    <row r="382572" spans="8:8">
      <c r="H382572" s="12"/>
    </row>
    <row r="382573" spans="8:8">
      <c r="H382573" s="12"/>
    </row>
    <row r="382574" spans="8:8">
      <c r="H382574" s="12"/>
    </row>
    <row r="382575" spans="8:8">
      <c r="H382575" s="12"/>
    </row>
    <row r="382576" spans="8:8">
      <c r="H382576" s="12"/>
    </row>
    <row r="382577" spans="8:8">
      <c r="H382577" s="12"/>
    </row>
    <row r="382578" spans="8:8">
      <c r="H382578" s="12"/>
    </row>
    <row r="382579" spans="8:8">
      <c r="H382579" s="12"/>
    </row>
    <row r="382580" spans="8:8">
      <c r="H382580" s="12"/>
    </row>
    <row r="382581" spans="8:8">
      <c r="H382581" s="12"/>
    </row>
    <row r="382582" spans="8:8">
      <c r="H382582" s="12"/>
    </row>
    <row r="382583" spans="8:8">
      <c r="H382583" s="12"/>
    </row>
    <row r="382584" spans="8:8">
      <c r="H382584" s="12"/>
    </row>
    <row r="382585" spans="8:8">
      <c r="H382585" s="12"/>
    </row>
    <row r="382586" spans="8:8">
      <c r="H382586" s="12"/>
    </row>
    <row r="382587" spans="8:8">
      <c r="H382587" s="12"/>
    </row>
    <row r="382588" spans="8:8">
      <c r="H382588" s="12"/>
    </row>
    <row r="382589" spans="8:8">
      <c r="H382589" s="12"/>
    </row>
    <row r="382590" spans="8:8">
      <c r="H382590" s="12"/>
    </row>
    <row r="382591" spans="8:8">
      <c r="H382591" s="12"/>
    </row>
    <row r="382592" spans="8:8">
      <c r="H382592" s="12"/>
    </row>
    <row r="382593" spans="8:8">
      <c r="H382593" s="12"/>
    </row>
    <row r="382594" spans="8:8">
      <c r="H382594" s="12"/>
    </row>
    <row r="382595" spans="8:8">
      <c r="H382595" s="12"/>
    </row>
    <row r="382596" spans="8:8">
      <c r="H382596" s="12"/>
    </row>
    <row r="382597" spans="8:8">
      <c r="H382597" s="12"/>
    </row>
    <row r="382598" spans="8:8">
      <c r="H382598" s="12"/>
    </row>
    <row r="382599" spans="8:8">
      <c r="H382599" s="12"/>
    </row>
    <row r="382600" spans="8:8">
      <c r="H382600" s="12"/>
    </row>
    <row r="382601" spans="8:8">
      <c r="H382601" s="12"/>
    </row>
    <row r="382602" spans="8:8">
      <c r="H382602" s="12"/>
    </row>
    <row r="382603" spans="8:8">
      <c r="H382603" s="12"/>
    </row>
    <row r="382604" spans="8:8">
      <c r="H382604" s="12"/>
    </row>
    <row r="382605" spans="8:8">
      <c r="H382605" s="12"/>
    </row>
    <row r="382606" spans="8:8">
      <c r="H382606" s="12"/>
    </row>
    <row r="382607" spans="8:8">
      <c r="H382607" s="12"/>
    </row>
    <row r="382608" spans="8:8">
      <c r="H382608" s="12"/>
    </row>
    <row r="382609" spans="8:8">
      <c r="H382609" s="12"/>
    </row>
    <row r="382610" spans="8:8">
      <c r="H382610" s="12"/>
    </row>
    <row r="382611" spans="8:8">
      <c r="H382611" s="12"/>
    </row>
    <row r="382612" spans="8:8">
      <c r="H382612" s="12"/>
    </row>
    <row r="382613" spans="8:8">
      <c r="H382613" s="12"/>
    </row>
    <row r="382614" spans="8:8">
      <c r="H382614" s="12"/>
    </row>
    <row r="382615" spans="8:8">
      <c r="H382615" s="12"/>
    </row>
    <row r="382616" spans="8:8">
      <c r="H382616" s="12"/>
    </row>
    <row r="382617" spans="8:8">
      <c r="H382617" s="12"/>
    </row>
    <row r="382618" spans="8:8">
      <c r="H382618" s="12"/>
    </row>
    <row r="382619" spans="8:8">
      <c r="H382619" s="12"/>
    </row>
    <row r="382620" spans="8:8">
      <c r="H382620" s="12"/>
    </row>
    <row r="382621" spans="8:8">
      <c r="H382621" s="12"/>
    </row>
    <row r="382622" spans="8:8">
      <c r="H382622" s="12"/>
    </row>
    <row r="382623" spans="8:8">
      <c r="H382623" s="12"/>
    </row>
    <row r="382624" spans="8:8">
      <c r="H382624" s="12"/>
    </row>
    <row r="382625" spans="8:8">
      <c r="H382625" s="12"/>
    </row>
    <row r="382626" spans="8:8">
      <c r="H382626" s="12"/>
    </row>
    <row r="382627" spans="8:8">
      <c r="H382627" s="12"/>
    </row>
    <row r="382628" spans="8:8">
      <c r="H382628" s="12"/>
    </row>
    <row r="382629" spans="8:8">
      <c r="H382629" s="12"/>
    </row>
    <row r="382630" spans="8:8">
      <c r="H382630" s="12"/>
    </row>
    <row r="382631" spans="8:8">
      <c r="H382631" s="12"/>
    </row>
    <row r="382632" spans="8:8">
      <c r="H382632" s="12"/>
    </row>
    <row r="382633" spans="8:8">
      <c r="H382633" s="12"/>
    </row>
    <row r="382634" spans="8:8">
      <c r="H382634" s="12"/>
    </row>
    <row r="382635" spans="8:8">
      <c r="H382635" s="12"/>
    </row>
    <row r="382636" spans="8:8">
      <c r="H382636" s="12"/>
    </row>
    <row r="382637" spans="8:8">
      <c r="H382637" s="12"/>
    </row>
    <row r="382638" spans="8:8">
      <c r="H382638" s="12"/>
    </row>
    <row r="382639" spans="8:8">
      <c r="H382639" s="12"/>
    </row>
    <row r="382640" spans="8:8">
      <c r="H382640" s="12"/>
    </row>
    <row r="382641" spans="8:8">
      <c r="H382641" s="12"/>
    </row>
    <row r="382642" spans="8:8">
      <c r="H382642" s="12"/>
    </row>
    <row r="382643" spans="8:8">
      <c r="H382643" s="12"/>
    </row>
    <row r="382644" spans="8:8">
      <c r="H382644" s="12"/>
    </row>
    <row r="382645" spans="8:8">
      <c r="H382645" s="12"/>
    </row>
    <row r="382646" spans="8:8">
      <c r="H382646" s="12"/>
    </row>
    <row r="382647" spans="8:8">
      <c r="H382647" s="12"/>
    </row>
    <row r="382648" spans="8:8">
      <c r="H382648" s="12"/>
    </row>
    <row r="382649" spans="8:8">
      <c r="H382649" s="12"/>
    </row>
    <row r="382650" spans="8:8">
      <c r="H382650" s="12"/>
    </row>
    <row r="382651" spans="8:8">
      <c r="H382651" s="12"/>
    </row>
    <row r="382652" spans="8:8">
      <c r="H382652" s="12"/>
    </row>
    <row r="382653" spans="8:8">
      <c r="H382653" s="12"/>
    </row>
    <row r="382654" spans="8:8">
      <c r="H382654" s="12"/>
    </row>
    <row r="382655" spans="8:8">
      <c r="H382655" s="12"/>
    </row>
    <row r="382656" spans="8:8">
      <c r="H382656" s="12"/>
    </row>
    <row r="382657" spans="8:8">
      <c r="H382657" s="12"/>
    </row>
    <row r="382658" spans="8:8">
      <c r="H382658" s="12"/>
    </row>
    <row r="382659" spans="8:8">
      <c r="H382659" s="12"/>
    </row>
    <row r="382660" spans="8:8">
      <c r="H382660" s="12"/>
    </row>
    <row r="382661" spans="8:8">
      <c r="H382661" s="12"/>
    </row>
    <row r="382662" spans="8:8">
      <c r="H382662" s="12"/>
    </row>
    <row r="382663" spans="8:8">
      <c r="H382663" s="12"/>
    </row>
    <row r="382664" spans="8:8">
      <c r="H382664" s="12"/>
    </row>
    <row r="382665" spans="8:8">
      <c r="H382665" s="12"/>
    </row>
    <row r="382666" spans="8:8">
      <c r="H382666" s="12"/>
    </row>
    <row r="382667" spans="8:8">
      <c r="H382667" s="12"/>
    </row>
    <row r="382668" spans="8:8">
      <c r="H382668" s="12"/>
    </row>
    <row r="382669" spans="8:8">
      <c r="H382669" s="12"/>
    </row>
    <row r="382670" spans="8:8">
      <c r="H382670" s="12"/>
    </row>
    <row r="382671" spans="8:8">
      <c r="H382671" s="12"/>
    </row>
    <row r="382672" spans="8:8">
      <c r="H382672" s="12"/>
    </row>
    <row r="382673" spans="8:8">
      <c r="H382673" s="12"/>
    </row>
    <row r="382674" spans="8:8">
      <c r="H382674" s="12"/>
    </row>
    <row r="382675" spans="8:8">
      <c r="H382675" s="12"/>
    </row>
    <row r="382676" spans="8:8">
      <c r="H382676" s="12"/>
    </row>
    <row r="382677" spans="8:8">
      <c r="H382677" s="12"/>
    </row>
    <row r="382678" spans="8:8">
      <c r="H382678" s="12"/>
    </row>
    <row r="382679" spans="8:8">
      <c r="H382679" s="12"/>
    </row>
    <row r="382680" spans="8:8">
      <c r="H382680" s="12"/>
    </row>
    <row r="382681" spans="8:8">
      <c r="H382681" s="12"/>
    </row>
    <row r="382682" spans="8:8">
      <c r="H382682" s="12"/>
    </row>
    <row r="382683" spans="8:8">
      <c r="H382683" s="12"/>
    </row>
    <row r="382684" spans="8:8">
      <c r="H382684" s="12"/>
    </row>
    <row r="382685" spans="8:8">
      <c r="H382685" s="12"/>
    </row>
    <row r="382686" spans="8:8">
      <c r="H382686" s="12"/>
    </row>
    <row r="382687" spans="8:8">
      <c r="H382687" s="12"/>
    </row>
    <row r="382688" spans="8:8">
      <c r="H382688" s="12"/>
    </row>
    <row r="382689" spans="8:8">
      <c r="H382689" s="12"/>
    </row>
    <row r="382690" spans="8:8">
      <c r="H382690" s="12"/>
    </row>
    <row r="382691" spans="8:8">
      <c r="H382691" s="12"/>
    </row>
    <row r="382692" spans="8:8">
      <c r="H382692" s="12"/>
    </row>
    <row r="382693" spans="8:8">
      <c r="H382693" s="12"/>
    </row>
    <row r="382694" spans="8:8">
      <c r="H382694" s="12"/>
    </row>
    <row r="382695" spans="8:8">
      <c r="H382695" s="12"/>
    </row>
    <row r="382696" spans="8:8">
      <c r="H382696" s="12"/>
    </row>
    <row r="382697" spans="8:8">
      <c r="H382697" s="12"/>
    </row>
    <row r="382698" spans="8:8">
      <c r="H382698" s="12"/>
    </row>
    <row r="382699" spans="8:8">
      <c r="H382699" s="12"/>
    </row>
    <row r="382700" spans="8:8">
      <c r="H382700" s="12"/>
    </row>
    <row r="382701" spans="8:8">
      <c r="H382701" s="12"/>
    </row>
    <row r="382702" spans="8:8">
      <c r="H382702" s="12"/>
    </row>
    <row r="382703" spans="8:8">
      <c r="H382703" s="12"/>
    </row>
    <row r="382704" spans="8:8">
      <c r="H382704" s="12"/>
    </row>
    <row r="382705" spans="8:8">
      <c r="H382705" s="12"/>
    </row>
    <row r="382706" spans="8:8">
      <c r="H382706" s="12"/>
    </row>
    <row r="382707" spans="8:8">
      <c r="H382707" s="12"/>
    </row>
    <row r="382708" spans="8:8">
      <c r="H382708" s="12"/>
    </row>
    <row r="382709" spans="8:8">
      <c r="H382709" s="12"/>
    </row>
    <row r="382710" spans="8:8">
      <c r="H382710" s="12"/>
    </row>
    <row r="382711" spans="8:8">
      <c r="H382711" s="12"/>
    </row>
    <row r="382712" spans="8:8">
      <c r="H382712" s="12"/>
    </row>
    <row r="382713" spans="8:8">
      <c r="H382713" s="12"/>
    </row>
    <row r="382714" spans="8:8">
      <c r="H382714" s="12"/>
    </row>
    <row r="382715" spans="8:8">
      <c r="H382715" s="12"/>
    </row>
    <row r="382716" spans="8:8">
      <c r="H382716" s="12"/>
    </row>
    <row r="382717" spans="8:8">
      <c r="H382717" s="12"/>
    </row>
    <row r="382718" spans="8:8">
      <c r="H382718" s="12"/>
    </row>
    <row r="382719" spans="8:8">
      <c r="H382719" s="12"/>
    </row>
    <row r="382720" spans="8:8">
      <c r="H382720" s="12"/>
    </row>
    <row r="382721" spans="8:8">
      <c r="H382721" s="12"/>
    </row>
    <row r="382722" spans="8:8">
      <c r="H382722" s="12"/>
    </row>
    <row r="382723" spans="8:8">
      <c r="H382723" s="12"/>
    </row>
    <row r="382724" spans="8:8">
      <c r="H382724" s="12"/>
    </row>
    <row r="382725" spans="8:8">
      <c r="H382725" s="12"/>
    </row>
    <row r="382726" spans="8:8">
      <c r="H382726" s="12"/>
    </row>
    <row r="382727" spans="8:8">
      <c r="H382727" s="12"/>
    </row>
    <row r="382728" spans="8:8">
      <c r="H382728" s="12"/>
    </row>
    <row r="382729" spans="8:8">
      <c r="H382729" s="12"/>
    </row>
    <row r="382730" spans="8:8">
      <c r="H382730" s="12"/>
    </row>
    <row r="382731" spans="8:8">
      <c r="H382731" s="12"/>
    </row>
    <row r="382732" spans="8:8">
      <c r="H382732" s="12"/>
    </row>
    <row r="382733" spans="8:8">
      <c r="H382733" s="12"/>
    </row>
    <row r="382734" spans="8:8">
      <c r="H382734" s="12"/>
    </row>
    <row r="382735" spans="8:8">
      <c r="H382735" s="12"/>
    </row>
    <row r="382736" spans="8:8">
      <c r="H382736" s="12"/>
    </row>
    <row r="382737" spans="8:8">
      <c r="H382737" s="12"/>
    </row>
    <row r="382738" spans="8:8">
      <c r="H382738" s="12"/>
    </row>
    <row r="382739" spans="8:8">
      <c r="H382739" s="12"/>
    </row>
    <row r="382740" spans="8:8">
      <c r="H382740" s="12"/>
    </row>
    <row r="382741" spans="8:8">
      <c r="H382741" s="12"/>
    </row>
    <row r="382742" spans="8:8">
      <c r="H382742" s="12"/>
    </row>
    <row r="382743" spans="8:8">
      <c r="H382743" s="12"/>
    </row>
    <row r="382744" spans="8:8">
      <c r="H382744" s="12"/>
    </row>
    <row r="382745" spans="8:8">
      <c r="H382745" s="12"/>
    </row>
    <row r="382746" spans="8:8">
      <c r="H382746" s="12"/>
    </row>
    <row r="382747" spans="8:8">
      <c r="H382747" s="12"/>
    </row>
    <row r="382748" spans="8:8">
      <c r="H382748" s="12"/>
    </row>
    <row r="382749" spans="8:8">
      <c r="H382749" s="12"/>
    </row>
    <row r="382750" spans="8:8">
      <c r="H382750" s="12"/>
    </row>
    <row r="382751" spans="8:8">
      <c r="H382751" s="12"/>
    </row>
    <row r="382752" spans="8:8">
      <c r="H382752" s="12"/>
    </row>
    <row r="382753" spans="8:8">
      <c r="H382753" s="12"/>
    </row>
    <row r="382754" spans="8:8">
      <c r="H382754" s="12"/>
    </row>
    <row r="382755" spans="8:8">
      <c r="H382755" s="12"/>
    </row>
    <row r="382756" spans="8:8">
      <c r="H382756" s="12"/>
    </row>
    <row r="382757" spans="8:8">
      <c r="H382757" s="12"/>
    </row>
    <row r="382758" spans="8:8">
      <c r="H382758" s="12"/>
    </row>
    <row r="382759" spans="8:8">
      <c r="H382759" s="12"/>
    </row>
    <row r="382760" spans="8:8">
      <c r="H382760" s="12"/>
    </row>
    <row r="382761" spans="8:8">
      <c r="H382761" s="12"/>
    </row>
    <row r="382762" spans="8:8">
      <c r="H382762" s="12"/>
    </row>
    <row r="382763" spans="8:8">
      <c r="H382763" s="12"/>
    </row>
    <row r="382764" spans="8:8">
      <c r="H382764" s="12"/>
    </row>
    <row r="382765" spans="8:8">
      <c r="H382765" s="12"/>
    </row>
    <row r="382766" spans="8:8">
      <c r="H382766" s="12"/>
    </row>
    <row r="382767" spans="8:8">
      <c r="H382767" s="12"/>
    </row>
    <row r="382768" spans="8:8">
      <c r="H382768" s="12"/>
    </row>
    <row r="382769" spans="8:8">
      <c r="H382769" s="12"/>
    </row>
    <row r="382770" spans="8:8">
      <c r="H382770" s="12"/>
    </row>
    <row r="382771" spans="8:8">
      <c r="H382771" s="12"/>
    </row>
    <row r="382772" spans="8:8">
      <c r="H382772" s="12"/>
    </row>
    <row r="382773" spans="8:8">
      <c r="H382773" s="12"/>
    </row>
    <row r="382774" spans="8:8">
      <c r="H382774" s="12"/>
    </row>
    <row r="382775" spans="8:8">
      <c r="H382775" s="12"/>
    </row>
    <row r="382776" spans="8:8">
      <c r="H382776" s="12"/>
    </row>
    <row r="382777" spans="8:8">
      <c r="H382777" s="12"/>
    </row>
    <row r="382778" spans="8:8">
      <c r="H382778" s="12"/>
    </row>
    <row r="382779" spans="8:8">
      <c r="H382779" s="12"/>
    </row>
    <row r="382780" spans="8:8">
      <c r="H382780" s="12"/>
    </row>
    <row r="382781" spans="8:8">
      <c r="H382781" s="12"/>
    </row>
    <row r="382782" spans="8:8">
      <c r="H382782" s="12"/>
    </row>
    <row r="382783" spans="8:8">
      <c r="H382783" s="12"/>
    </row>
    <row r="382784" spans="8:8">
      <c r="H382784" s="12"/>
    </row>
    <row r="382785" spans="8:8">
      <c r="H382785" s="12"/>
    </row>
    <row r="382786" spans="8:8">
      <c r="H382786" s="12"/>
    </row>
    <row r="382787" spans="8:8">
      <c r="H382787" s="12"/>
    </row>
    <row r="382788" spans="8:8">
      <c r="H382788" s="12"/>
    </row>
    <row r="382789" spans="8:8">
      <c r="H382789" s="12"/>
    </row>
    <row r="382790" spans="8:8">
      <c r="H382790" s="12"/>
    </row>
    <row r="382791" spans="8:8">
      <c r="H382791" s="12"/>
    </row>
    <row r="382792" spans="8:8">
      <c r="H382792" s="12"/>
    </row>
    <row r="382793" spans="8:8">
      <c r="H382793" s="12"/>
    </row>
    <row r="382794" spans="8:8">
      <c r="H382794" s="12"/>
    </row>
    <row r="382795" spans="8:8">
      <c r="H382795" s="12"/>
    </row>
    <row r="382796" spans="8:8">
      <c r="H382796" s="12"/>
    </row>
    <row r="382797" spans="8:8">
      <c r="H382797" s="12"/>
    </row>
    <row r="382798" spans="8:8">
      <c r="H382798" s="12"/>
    </row>
    <row r="382799" spans="8:8">
      <c r="H382799" s="12"/>
    </row>
    <row r="382800" spans="8:8">
      <c r="H382800" s="12"/>
    </row>
    <row r="382801" spans="8:8">
      <c r="H382801" s="12"/>
    </row>
    <row r="382802" spans="8:8">
      <c r="H382802" s="12"/>
    </row>
    <row r="382803" spans="8:8">
      <c r="H382803" s="12"/>
    </row>
    <row r="382804" spans="8:8">
      <c r="H382804" s="12"/>
    </row>
    <row r="382805" spans="8:8">
      <c r="H382805" s="12"/>
    </row>
    <row r="382806" spans="8:8">
      <c r="H382806" s="12"/>
    </row>
    <row r="382807" spans="8:8">
      <c r="H382807" s="12"/>
    </row>
    <row r="382808" spans="8:8">
      <c r="H382808" s="12"/>
    </row>
    <row r="382809" spans="8:8">
      <c r="H382809" s="12"/>
    </row>
    <row r="382810" spans="8:8">
      <c r="H382810" s="12"/>
    </row>
    <row r="382811" spans="8:8">
      <c r="H382811" s="12"/>
    </row>
    <row r="382812" spans="8:8">
      <c r="H382812" s="12"/>
    </row>
    <row r="382813" spans="8:8">
      <c r="H382813" s="12"/>
    </row>
    <row r="382814" spans="8:8">
      <c r="H382814" s="12"/>
    </row>
    <row r="382815" spans="8:8">
      <c r="H382815" s="12"/>
    </row>
    <row r="382816" spans="8:8">
      <c r="H382816" s="12"/>
    </row>
    <row r="382817" spans="8:8">
      <c r="H382817" s="12"/>
    </row>
    <row r="382818" spans="8:8">
      <c r="H382818" s="12"/>
    </row>
    <row r="382819" spans="8:8">
      <c r="H382819" s="12"/>
    </row>
    <row r="382820" spans="8:8">
      <c r="H382820" s="12"/>
    </row>
    <row r="382821" spans="8:8">
      <c r="H382821" s="12"/>
    </row>
    <row r="382822" spans="8:8">
      <c r="H382822" s="12"/>
    </row>
    <row r="382823" spans="8:8">
      <c r="H382823" s="12"/>
    </row>
    <row r="382824" spans="8:8">
      <c r="H382824" s="12"/>
    </row>
    <row r="382825" spans="8:8">
      <c r="H382825" s="12"/>
    </row>
    <row r="382826" spans="8:8">
      <c r="H382826" s="12"/>
    </row>
    <row r="382827" spans="8:8">
      <c r="H382827" s="12"/>
    </row>
    <row r="382828" spans="8:8">
      <c r="H382828" s="12"/>
    </row>
    <row r="382829" spans="8:8">
      <c r="H382829" s="12"/>
    </row>
    <row r="382830" spans="8:8">
      <c r="H382830" s="12"/>
    </row>
    <row r="382831" spans="8:8">
      <c r="H382831" s="12"/>
    </row>
    <row r="382832" spans="8:8">
      <c r="H382832" s="12"/>
    </row>
    <row r="382833" spans="8:8">
      <c r="H382833" s="12"/>
    </row>
    <row r="382834" spans="8:8">
      <c r="H382834" s="12"/>
    </row>
    <row r="382835" spans="8:8">
      <c r="H382835" s="12"/>
    </row>
    <row r="382836" spans="8:8">
      <c r="H382836" s="12"/>
    </row>
    <row r="382837" spans="8:8">
      <c r="H382837" s="12"/>
    </row>
    <row r="382838" spans="8:8">
      <c r="H382838" s="12"/>
    </row>
    <row r="382839" spans="8:8">
      <c r="H382839" s="12"/>
    </row>
    <row r="382840" spans="8:8">
      <c r="H382840" s="12"/>
    </row>
    <row r="382841" spans="8:8">
      <c r="H382841" s="12"/>
    </row>
    <row r="382842" spans="8:8">
      <c r="H382842" s="12"/>
    </row>
    <row r="382843" spans="8:8">
      <c r="H382843" s="12"/>
    </row>
    <row r="382844" spans="8:8">
      <c r="H382844" s="12"/>
    </row>
    <row r="382845" spans="8:8">
      <c r="H382845" s="12"/>
    </row>
    <row r="382846" spans="8:8">
      <c r="H382846" s="12"/>
    </row>
    <row r="382847" spans="8:8">
      <c r="H382847" s="12"/>
    </row>
    <row r="382848" spans="8:8">
      <c r="H382848" s="12"/>
    </row>
    <row r="382849" spans="8:8">
      <c r="H382849" s="12"/>
    </row>
    <row r="382850" spans="8:8">
      <c r="H382850" s="12"/>
    </row>
    <row r="382851" spans="8:8">
      <c r="H382851" s="12"/>
    </row>
    <row r="382852" spans="8:8">
      <c r="H382852" s="12"/>
    </row>
    <row r="382853" spans="8:8">
      <c r="H382853" s="12"/>
    </row>
    <row r="382854" spans="8:8">
      <c r="H382854" s="12"/>
    </row>
    <row r="382855" spans="8:8">
      <c r="H382855" s="12"/>
    </row>
    <row r="382856" spans="8:8">
      <c r="H382856" s="12"/>
    </row>
    <row r="382857" spans="8:8">
      <c r="H382857" s="12"/>
    </row>
    <row r="382858" spans="8:8">
      <c r="H382858" s="12"/>
    </row>
    <row r="382859" spans="8:8">
      <c r="H382859" s="12"/>
    </row>
    <row r="382860" spans="8:8">
      <c r="H382860" s="12"/>
    </row>
    <row r="382861" spans="8:8">
      <c r="H382861" s="12"/>
    </row>
    <row r="382862" spans="8:8">
      <c r="H382862" s="12"/>
    </row>
    <row r="382863" spans="8:8">
      <c r="H382863" s="12"/>
    </row>
    <row r="382864" spans="8:8">
      <c r="H382864" s="12"/>
    </row>
    <row r="382865" spans="8:8">
      <c r="H382865" s="12"/>
    </row>
    <row r="382866" spans="8:8">
      <c r="H382866" s="12"/>
    </row>
    <row r="382867" spans="8:8">
      <c r="H382867" s="12"/>
    </row>
    <row r="382868" spans="8:8">
      <c r="H382868" s="12"/>
    </row>
    <row r="382869" spans="8:8">
      <c r="H382869" s="12"/>
    </row>
    <row r="382870" spans="8:8">
      <c r="H382870" s="12"/>
    </row>
    <row r="382871" spans="8:8">
      <c r="H382871" s="12"/>
    </row>
    <row r="382872" spans="8:8">
      <c r="H382872" s="12"/>
    </row>
    <row r="382873" spans="8:8">
      <c r="H382873" s="12"/>
    </row>
    <row r="382874" spans="8:8">
      <c r="H382874" s="12"/>
    </row>
    <row r="382875" spans="8:8">
      <c r="H382875" s="12"/>
    </row>
    <row r="382876" spans="8:8">
      <c r="H382876" s="12"/>
    </row>
    <row r="382877" spans="8:8">
      <c r="H382877" s="12"/>
    </row>
    <row r="382878" spans="8:8">
      <c r="H382878" s="12"/>
    </row>
    <row r="382879" spans="8:8">
      <c r="H382879" s="12"/>
    </row>
    <row r="382880" spans="8:8">
      <c r="H382880" s="12"/>
    </row>
    <row r="382881" spans="8:8">
      <c r="H382881" s="12"/>
    </row>
    <row r="382882" spans="8:8">
      <c r="H382882" s="12"/>
    </row>
    <row r="382883" spans="8:8">
      <c r="H382883" s="12"/>
    </row>
    <row r="382884" spans="8:8">
      <c r="H382884" s="12"/>
    </row>
    <row r="382885" spans="8:8">
      <c r="H382885" s="12"/>
    </row>
    <row r="382886" spans="8:8">
      <c r="H382886" s="12"/>
    </row>
    <row r="382887" spans="8:8">
      <c r="H382887" s="12"/>
    </row>
    <row r="382888" spans="8:8">
      <c r="H382888" s="12"/>
    </row>
    <row r="382889" spans="8:8">
      <c r="H382889" s="12"/>
    </row>
    <row r="382890" spans="8:8">
      <c r="H382890" s="12"/>
    </row>
    <row r="382891" spans="8:8">
      <c r="H382891" s="12"/>
    </row>
    <row r="382892" spans="8:8">
      <c r="H382892" s="12"/>
    </row>
    <row r="382893" spans="8:8">
      <c r="H382893" s="12"/>
    </row>
    <row r="382894" spans="8:8">
      <c r="H382894" s="12"/>
    </row>
    <row r="382895" spans="8:8">
      <c r="H382895" s="12"/>
    </row>
    <row r="382896" spans="8:8">
      <c r="H382896" s="12"/>
    </row>
    <row r="382897" spans="8:8">
      <c r="H382897" s="12"/>
    </row>
    <row r="382898" spans="8:8">
      <c r="H382898" s="12"/>
    </row>
    <row r="382899" spans="8:8">
      <c r="H382899" s="12"/>
    </row>
    <row r="382900" spans="8:8">
      <c r="H382900" s="12"/>
    </row>
    <row r="382901" spans="8:8">
      <c r="H382901" s="12"/>
    </row>
    <row r="382902" spans="8:8">
      <c r="H382902" s="12"/>
    </row>
    <row r="382903" spans="8:8">
      <c r="H382903" s="12"/>
    </row>
    <row r="382904" spans="8:8">
      <c r="H382904" s="12"/>
    </row>
    <row r="382905" spans="8:8">
      <c r="H382905" s="12"/>
    </row>
    <row r="382906" spans="8:8">
      <c r="H382906" s="12"/>
    </row>
    <row r="382907" spans="8:8">
      <c r="H382907" s="12"/>
    </row>
    <row r="382908" spans="8:8">
      <c r="H382908" s="12"/>
    </row>
    <row r="382909" spans="8:8">
      <c r="H382909" s="12"/>
    </row>
    <row r="382910" spans="8:8">
      <c r="H382910" s="12"/>
    </row>
    <row r="382911" spans="8:8">
      <c r="H382911" s="12"/>
    </row>
    <row r="382912" spans="8:8">
      <c r="H382912" s="12"/>
    </row>
    <row r="382913" spans="8:8">
      <c r="H382913" s="12"/>
    </row>
    <row r="382914" spans="8:8">
      <c r="H382914" s="12"/>
    </row>
    <row r="382915" spans="8:8">
      <c r="H382915" s="12"/>
    </row>
    <row r="382916" spans="8:8">
      <c r="H382916" s="12"/>
    </row>
    <row r="382917" spans="8:8">
      <c r="H382917" s="12"/>
    </row>
    <row r="382918" spans="8:8">
      <c r="H382918" s="12"/>
    </row>
    <row r="382919" spans="8:8">
      <c r="H382919" s="12"/>
    </row>
    <row r="382920" spans="8:8">
      <c r="H382920" s="12"/>
    </row>
    <row r="382921" spans="8:8">
      <c r="H382921" s="12"/>
    </row>
    <row r="382922" spans="8:8">
      <c r="H382922" s="12"/>
    </row>
    <row r="382923" spans="8:8">
      <c r="H382923" s="12"/>
    </row>
    <row r="382924" spans="8:8">
      <c r="H382924" s="12"/>
    </row>
    <row r="382925" spans="8:8">
      <c r="H382925" s="12"/>
    </row>
    <row r="382926" spans="8:8">
      <c r="H382926" s="12"/>
    </row>
    <row r="382927" spans="8:8">
      <c r="H382927" s="12"/>
    </row>
    <row r="382928" spans="8:8">
      <c r="H382928" s="12"/>
    </row>
    <row r="382929" spans="8:8">
      <c r="H382929" s="12"/>
    </row>
    <row r="382930" spans="8:8">
      <c r="H382930" s="12"/>
    </row>
    <row r="382931" spans="8:8">
      <c r="H382931" s="12"/>
    </row>
    <row r="382932" spans="8:8">
      <c r="H382932" s="12"/>
    </row>
    <row r="382933" spans="8:8">
      <c r="H382933" s="12"/>
    </row>
    <row r="382934" spans="8:8">
      <c r="H382934" s="12"/>
    </row>
    <row r="382935" spans="8:8">
      <c r="H382935" s="12"/>
    </row>
    <row r="382936" spans="8:8">
      <c r="H382936" s="12"/>
    </row>
    <row r="382937" spans="8:8">
      <c r="H382937" s="12"/>
    </row>
    <row r="382938" spans="8:8">
      <c r="H382938" s="12"/>
    </row>
    <row r="382939" spans="8:8">
      <c r="H382939" s="12"/>
    </row>
    <row r="382940" spans="8:8">
      <c r="H382940" s="12"/>
    </row>
    <row r="382941" spans="8:8">
      <c r="H382941" s="12"/>
    </row>
    <row r="382942" spans="8:8">
      <c r="H382942" s="12"/>
    </row>
    <row r="382943" spans="8:8">
      <c r="H382943" s="12"/>
    </row>
    <row r="382944" spans="8:8">
      <c r="H382944" s="12"/>
    </row>
    <row r="382945" spans="8:8">
      <c r="H382945" s="12"/>
    </row>
    <row r="382946" spans="8:8">
      <c r="H382946" s="12"/>
    </row>
    <row r="382947" spans="8:8">
      <c r="H382947" s="12"/>
    </row>
    <row r="382948" spans="8:8">
      <c r="H382948" s="12"/>
    </row>
    <row r="382949" spans="8:8">
      <c r="H382949" s="12"/>
    </row>
    <row r="382950" spans="8:8">
      <c r="H382950" s="12"/>
    </row>
    <row r="382951" spans="8:8">
      <c r="H382951" s="12"/>
    </row>
    <row r="382952" spans="8:8">
      <c r="H382952" s="12"/>
    </row>
    <row r="382953" spans="8:8">
      <c r="H382953" s="12"/>
    </row>
    <row r="382954" spans="8:8">
      <c r="H382954" s="12"/>
    </row>
    <row r="382955" spans="8:8">
      <c r="H382955" s="12"/>
    </row>
    <row r="382956" spans="8:8">
      <c r="H382956" s="12"/>
    </row>
    <row r="382957" spans="8:8">
      <c r="H382957" s="12"/>
    </row>
    <row r="382958" spans="8:8">
      <c r="H382958" s="12"/>
    </row>
    <row r="382959" spans="8:8">
      <c r="H382959" s="12"/>
    </row>
    <row r="382960" spans="8:8">
      <c r="H382960" s="12"/>
    </row>
    <row r="382961" spans="8:8">
      <c r="H382961" s="12"/>
    </row>
    <row r="382962" spans="8:8">
      <c r="H382962" s="12"/>
    </row>
    <row r="382963" spans="8:8">
      <c r="H382963" s="12"/>
    </row>
    <row r="382964" spans="8:8">
      <c r="H382964" s="12"/>
    </row>
    <row r="382965" spans="8:8">
      <c r="H382965" s="12"/>
    </row>
    <row r="382966" spans="8:8">
      <c r="H382966" s="12"/>
    </row>
    <row r="382967" spans="8:8">
      <c r="H382967" s="12"/>
    </row>
    <row r="382968" spans="8:8">
      <c r="H382968" s="12"/>
    </row>
    <row r="382969" spans="8:8">
      <c r="H382969" s="12"/>
    </row>
    <row r="382970" spans="8:8">
      <c r="H382970" s="12"/>
    </row>
    <row r="382971" spans="8:8">
      <c r="H382971" s="12"/>
    </row>
    <row r="382972" spans="8:8">
      <c r="H382972" s="12"/>
    </row>
    <row r="382973" spans="8:8">
      <c r="H382973" s="12"/>
    </row>
    <row r="382974" spans="8:8">
      <c r="H382974" s="12"/>
    </row>
    <row r="382975" spans="8:8">
      <c r="H382975" s="12"/>
    </row>
    <row r="382976" spans="8:8">
      <c r="H382976" s="12"/>
    </row>
    <row r="382977" spans="8:8">
      <c r="H382977" s="12"/>
    </row>
    <row r="382978" spans="8:8">
      <c r="H382978" s="12"/>
    </row>
    <row r="382979" spans="8:8">
      <c r="H382979" s="12"/>
    </row>
    <row r="382980" spans="8:8">
      <c r="H382980" s="12"/>
    </row>
    <row r="382981" spans="8:8">
      <c r="H382981" s="12"/>
    </row>
    <row r="382982" spans="8:8">
      <c r="H382982" s="12"/>
    </row>
    <row r="382983" spans="8:8">
      <c r="H382983" s="12"/>
    </row>
    <row r="382984" spans="8:8">
      <c r="H382984" s="12"/>
    </row>
    <row r="382985" spans="8:8">
      <c r="H382985" s="12"/>
    </row>
    <row r="382986" spans="8:8">
      <c r="H382986" s="12"/>
    </row>
    <row r="382987" spans="8:8">
      <c r="H382987" s="12"/>
    </row>
    <row r="382988" spans="8:8">
      <c r="H382988" s="12"/>
    </row>
    <row r="382989" spans="8:8">
      <c r="H382989" s="12"/>
    </row>
    <row r="382990" spans="8:8">
      <c r="H382990" s="12"/>
    </row>
    <row r="382991" spans="8:8">
      <c r="H382991" s="12"/>
    </row>
    <row r="382992" spans="8:8">
      <c r="H382992" s="12"/>
    </row>
    <row r="382993" spans="8:8">
      <c r="H382993" s="12"/>
    </row>
    <row r="382994" spans="8:8">
      <c r="H382994" s="12"/>
    </row>
    <row r="382995" spans="8:8">
      <c r="H382995" s="12"/>
    </row>
    <row r="382996" spans="8:8">
      <c r="H382996" s="12"/>
    </row>
    <row r="382997" spans="8:8">
      <c r="H382997" s="12"/>
    </row>
    <row r="382998" spans="8:8">
      <c r="H382998" s="12"/>
    </row>
    <row r="382999" spans="8:8">
      <c r="H382999" s="12"/>
    </row>
    <row r="383000" spans="8:8">
      <c r="H383000" s="12"/>
    </row>
    <row r="383001" spans="8:8">
      <c r="H383001" s="12"/>
    </row>
    <row r="383002" spans="8:8">
      <c r="H383002" s="12"/>
    </row>
    <row r="383003" spans="8:8">
      <c r="H383003" s="12"/>
    </row>
    <row r="383004" spans="8:8">
      <c r="H383004" s="12"/>
    </row>
    <row r="383005" spans="8:8">
      <c r="H383005" s="12"/>
    </row>
    <row r="383006" spans="8:8">
      <c r="H383006" s="12"/>
    </row>
    <row r="383007" spans="8:8">
      <c r="H383007" s="12"/>
    </row>
    <row r="383008" spans="8:8">
      <c r="H383008" s="12"/>
    </row>
    <row r="383009" spans="8:8">
      <c r="H383009" s="12"/>
    </row>
    <row r="383010" spans="8:8">
      <c r="H383010" s="12"/>
    </row>
    <row r="383011" spans="8:8">
      <c r="H383011" s="12"/>
    </row>
    <row r="383012" spans="8:8">
      <c r="H383012" s="12"/>
    </row>
    <row r="383013" spans="8:8">
      <c r="H383013" s="12"/>
    </row>
    <row r="383014" spans="8:8">
      <c r="H383014" s="12"/>
    </row>
    <row r="383015" spans="8:8">
      <c r="H383015" s="12"/>
    </row>
    <row r="383016" spans="8:8">
      <c r="H383016" s="12"/>
    </row>
    <row r="383017" spans="8:8">
      <c r="H383017" s="12"/>
    </row>
    <row r="383018" spans="8:8">
      <c r="H383018" s="12"/>
    </row>
    <row r="383019" spans="8:8">
      <c r="H383019" s="12"/>
    </row>
    <row r="383020" spans="8:8">
      <c r="H383020" s="12"/>
    </row>
    <row r="383021" spans="8:8">
      <c r="H383021" s="12"/>
    </row>
    <row r="383022" spans="8:8">
      <c r="H383022" s="12"/>
    </row>
    <row r="383023" spans="8:8">
      <c r="H383023" s="12"/>
    </row>
    <row r="383024" spans="8:8">
      <c r="H383024" s="12"/>
    </row>
    <row r="383025" spans="8:8">
      <c r="H383025" s="12"/>
    </row>
    <row r="383026" spans="8:8">
      <c r="H383026" s="12"/>
    </row>
    <row r="383027" spans="8:8">
      <c r="H383027" s="12"/>
    </row>
    <row r="383028" spans="8:8">
      <c r="H383028" s="12"/>
    </row>
    <row r="383029" spans="8:8">
      <c r="H383029" s="12"/>
    </row>
    <row r="383030" spans="8:8">
      <c r="H383030" s="12"/>
    </row>
    <row r="383031" spans="8:8">
      <c r="H383031" s="12"/>
    </row>
    <row r="383032" spans="8:8">
      <c r="H383032" s="12"/>
    </row>
    <row r="383033" spans="8:8">
      <c r="H383033" s="12"/>
    </row>
    <row r="383034" spans="8:8">
      <c r="H383034" s="12"/>
    </row>
    <row r="383035" spans="8:8">
      <c r="H383035" s="12"/>
    </row>
    <row r="383036" spans="8:8">
      <c r="H383036" s="12"/>
    </row>
    <row r="383037" spans="8:8">
      <c r="H383037" s="12"/>
    </row>
    <row r="383038" spans="8:8">
      <c r="H383038" s="12"/>
    </row>
    <row r="383039" spans="8:8">
      <c r="H383039" s="12"/>
    </row>
    <row r="383040" spans="8:8">
      <c r="H383040" s="12"/>
    </row>
    <row r="383041" spans="8:8">
      <c r="H383041" s="12"/>
    </row>
    <row r="383042" spans="8:8">
      <c r="H383042" s="12"/>
    </row>
    <row r="383043" spans="8:8">
      <c r="H383043" s="12"/>
    </row>
    <row r="383044" spans="8:8">
      <c r="H383044" s="12"/>
    </row>
    <row r="383045" spans="8:8">
      <c r="H383045" s="12"/>
    </row>
    <row r="383046" spans="8:8">
      <c r="H383046" s="12"/>
    </row>
    <row r="383047" spans="8:8">
      <c r="H383047" s="12"/>
    </row>
    <row r="383048" spans="8:8">
      <c r="H383048" s="12"/>
    </row>
    <row r="383049" spans="8:8">
      <c r="H383049" s="12"/>
    </row>
    <row r="383050" spans="8:8">
      <c r="H383050" s="12"/>
    </row>
    <row r="383051" spans="8:8">
      <c r="H383051" s="12"/>
    </row>
    <row r="383052" spans="8:8">
      <c r="H383052" s="12"/>
    </row>
    <row r="383053" spans="8:8">
      <c r="H383053" s="12"/>
    </row>
    <row r="383054" spans="8:8">
      <c r="H383054" s="12"/>
    </row>
    <row r="383055" spans="8:8">
      <c r="H383055" s="12"/>
    </row>
    <row r="383056" spans="8:8">
      <c r="H383056" s="12"/>
    </row>
    <row r="383057" spans="8:8">
      <c r="H383057" s="12"/>
    </row>
    <row r="383058" spans="8:8">
      <c r="H383058" s="12"/>
    </row>
    <row r="383059" spans="8:8">
      <c r="H383059" s="12"/>
    </row>
    <row r="383060" spans="8:8">
      <c r="H383060" s="12"/>
    </row>
    <row r="383061" spans="8:8">
      <c r="H383061" s="12"/>
    </row>
    <row r="383062" spans="8:8">
      <c r="H383062" s="12"/>
    </row>
    <row r="383063" spans="8:8">
      <c r="H383063" s="12"/>
    </row>
    <row r="383064" spans="8:8">
      <c r="H383064" s="12"/>
    </row>
    <row r="383065" spans="8:8">
      <c r="H383065" s="12"/>
    </row>
    <row r="383066" spans="8:8">
      <c r="H383066" s="12"/>
    </row>
    <row r="383067" spans="8:8">
      <c r="H383067" s="12"/>
    </row>
    <row r="383068" spans="8:8">
      <c r="H383068" s="12"/>
    </row>
    <row r="383069" spans="8:8">
      <c r="H383069" s="12"/>
    </row>
    <row r="383070" spans="8:8">
      <c r="H383070" s="12"/>
    </row>
    <row r="383071" spans="8:8">
      <c r="H383071" s="12"/>
    </row>
    <row r="383072" spans="8:8">
      <c r="H383072" s="12"/>
    </row>
    <row r="383073" spans="8:8">
      <c r="H383073" s="12"/>
    </row>
    <row r="383074" spans="8:8">
      <c r="H383074" s="12"/>
    </row>
    <row r="383075" spans="8:8">
      <c r="H383075" s="12"/>
    </row>
    <row r="383076" spans="8:8">
      <c r="H383076" s="12"/>
    </row>
    <row r="383077" spans="8:8">
      <c r="H383077" s="12"/>
    </row>
    <row r="383078" spans="8:8">
      <c r="H383078" s="12"/>
    </row>
    <row r="383079" spans="8:8">
      <c r="H383079" s="12"/>
    </row>
    <row r="383080" spans="8:8">
      <c r="H383080" s="12"/>
    </row>
    <row r="383081" spans="8:8">
      <c r="H383081" s="12"/>
    </row>
    <row r="383082" spans="8:8">
      <c r="H383082" s="12"/>
    </row>
    <row r="383083" spans="8:8">
      <c r="H383083" s="12"/>
    </row>
    <row r="383084" spans="8:8">
      <c r="H383084" s="12"/>
    </row>
    <row r="383085" spans="8:8">
      <c r="H383085" s="12"/>
    </row>
    <row r="383086" spans="8:8">
      <c r="H383086" s="12"/>
    </row>
    <row r="383087" spans="8:8">
      <c r="H383087" s="12"/>
    </row>
    <row r="383088" spans="8:8">
      <c r="H383088" s="12"/>
    </row>
    <row r="383089" spans="8:8">
      <c r="H383089" s="12"/>
    </row>
    <row r="383090" spans="8:8">
      <c r="H383090" s="12"/>
    </row>
    <row r="383091" spans="8:8">
      <c r="H383091" s="12"/>
    </row>
    <row r="383092" spans="8:8">
      <c r="H383092" s="12"/>
    </row>
    <row r="383093" spans="8:8">
      <c r="H383093" s="12"/>
    </row>
    <row r="383094" spans="8:8">
      <c r="H383094" s="12"/>
    </row>
    <row r="383095" spans="8:8">
      <c r="H383095" s="12"/>
    </row>
    <row r="383096" spans="8:8">
      <c r="H383096" s="12"/>
    </row>
    <row r="383097" spans="8:8">
      <c r="H383097" s="12"/>
    </row>
    <row r="383098" spans="8:8">
      <c r="H383098" s="12"/>
    </row>
    <row r="383099" spans="8:8">
      <c r="H383099" s="12"/>
    </row>
    <row r="383100" spans="8:8">
      <c r="H383100" s="12"/>
    </row>
    <row r="383101" spans="8:8">
      <c r="H383101" s="12"/>
    </row>
    <row r="383102" spans="8:8">
      <c r="H383102" s="12"/>
    </row>
    <row r="383103" spans="8:8">
      <c r="H383103" s="12"/>
    </row>
    <row r="383104" spans="8:8">
      <c r="H383104" s="12"/>
    </row>
    <row r="383105" spans="8:8">
      <c r="H383105" s="12"/>
    </row>
    <row r="383106" spans="8:8">
      <c r="H383106" s="12"/>
    </row>
    <row r="383107" spans="8:8">
      <c r="H383107" s="12"/>
    </row>
    <row r="383108" spans="8:8">
      <c r="H383108" s="12"/>
    </row>
    <row r="383109" spans="8:8">
      <c r="H383109" s="12"/>
    </row>
    <row r="383110" spans="8:8">
      <c r="H383110" s="12"/>
    </row>
    <row r="383111" spans="8:8">
      <c r="H383111" s="12"/>
    </row>
    <row r="383112" spans="8:8">
      <c r="H383112" s="12"/>
    </row>
    <row r="383113" spans="8:8">
      <c r="H383113" s="12"/>
    </row>
    <row r="383114" spans="8:8">
      <c r="H383114" s="12"/>
    </row>
    <row r="383115" spans="8:8">
      <c r="H383115" s="12"/>
    </row>
    <row r="383116" spans="8:8">
      <c r="H383116" s="12"/>
    </row>
    <row r="383117" spans="8:8">
      <c r="H383117" s="12"/>
    </row>
    <row r="383118" spans="8:8">
      <c r="H383118" s="12"/>
    </row>
    <row r="383119" spans="8:8">
      <c r="H383119" s="12"/>
    </row>
    <row r="383120" spans="8:8">
      <c r="H383120" s="12"/>
    </row>
    <row r="383121" spans="8:8">
      <c r="H383121" s="12"/>
    </row>
    <row r="383122" spans="8:8">
      <c r="H383122" s="12"/>
    </row>
    <row r="383123" spans="8:8">
      <c r="H383123" s="12"/>
    </row>
    <row r="383124" spans="8:8">
      <c r="H383124" s="12"/>
    </row>
    <row r="383125" spans="8:8">
      <c r="H383125" s="12"/>
    </row>
    <row r="383126" spans="8:8">
      <c r="H383126" s="12"/>
    </row>
    <row r="383127" spans="8:8">
      <c r="H383127" s="12"/>
    </row>
    <row r="383128" spans="8:8">
      <c r="H383128" s="12"/>
    </row>
    <row r="383129" spans="8:8">
      <c r="H383129" s="12"/>
    </row>
    <row r="383130" spans="8:8">
      <c r="H383130" s="12"/>
    </row>
    <row r="383131" spans="8:8">
      <c r="H383131" s="12"/>
    </row>
    <row r="383132" spans="8:8">
      <c r="H383132" s="12"/>
    </row>
    <row r="383133" spans="8:8">
      <c r="H383133" s="12"/>
    </row>
    <row r="383134" spans="8:8">
      <c r="H383134" s="12"/>
    </row>
    <row r="383135" spans="8:8">
      <c r="H383135" s="12"/>
    </row>
    <row r="383136" spans="8:8">
      <c r="H383136" s="12"/>
    </row>
    <row r="383137" spans="8:8">
      <c r="H383137" s="12"/>
    </row>
    <row r="383138" spans="8:8">
      <c r="H383138" s="12"/>
    </row>
    <row r="383139" spans="8:8">
      <c r="H383139" s="12"/>
    </row>
    <row r="383140" spans="8:8">
      <c r="H383140" s="12"/>
    </row>
    <row r="383141" spans="8:8">
      <c r="H383141" s="12"/>
    </row>
    <row r="383142" spans="8:8">
      <c r="H383142" s="12"/>
    </row>
    <row r="383143" spans="8:8">
      <c r="H383143" s="12"/>
    </row>
    <row r="383144" spans="8:8">
      <c r="H383144" s="12"/>
    </row>
    <row r="383145" spans="8:8">
      <c r="H383145" s="12"/>
    </row>
    <row r="383146" spans="8:8">
      <c r="H383146" s="12"/>
    </row>
    <row r="383147" spans="8:8">
      <c r="H383147" s="12"/>
    </row>
    <row r="383148" spans="8:8">
      <c r="H383148" s="12"/>
    </row>
    <row r="383149" spans="8:8">
      <c r="H383149" s="12"/>
    </row>
    <row r="383150" spans="8:8">
      <c r="H383150" s="12"/>
    </row>
    <row r="383151" spans="8:8">
      <c r="H383151" s="12"/>
    </row>
    <row r="383152" spans="8:8">
      <c r="H383152" s="12"/>
    </row>
    <row r="383153" spans="8:8">
      <c r="H383153" s="12"/>
    </row>
    <row r="383154" spans="8:8">
      <c r="H383154" s="12"/>
    </row>
    <row r="383155" spans="8:8">
      <c r="H383155" s="12"/>
    </row>
    <row r="383156" spans="8:8">
      <c r="H383156" s="12"/>
    </row>
    <row r="383157" spans="8:8">
      <c r="H383157" s="12"/>
    </row>
    <row r="383158" spans="8:8">
      <c r="H383158" s="12"/>
    </row>
    <row r="383159" spans="8:8">
      <c r="H383159" s="12"/>
    </row>
    <row r="383160" spans="8:8">
      <c r="H383160" s="12"/>
    </row>
    <row r="383161" spans="8:8">
      <c r="H383161" s="12"/>
    </row>
    <row r="383162" spans="8:8">
      <c r="H383162" s="12"/>
    </row>
    <row r="383163" spans="8:8">
      <c r="H383163" s="12"/>
    </row>
    <row r="383164" spans="8:8">
      <c r="H383164" s="12"/>
    </row>
    <row r="383165" spans="8:8">
      <c r="H383165" s="12"/>
    </row>
    <row r="383166" spans="8:8">
      <c r="H383166" s="12"/>
    </row>
    <row r="383167" spans="8:8">
      <c r="H383167" s="12"/>
    </row>
    <row r="383168" spans="8:8">
      <c r="H383168" s="12"/>
    </row>
    <row r="383169" spans="8:8">
      <c r="H383169" s="12"/>
    </row>
    <row r="383170" spans="8:8">
      <c r="H383170" s="12"/>
    </row>
    <row r="383171" spans="8:8">
      <c r="H383171" s="12"/>
    </row>
    <row r="383172" spans="8:8">
      <c r="H383172" s="12"/>
    </row>
    <row r="383173" spans="8:8">
      <c r="H383173" s="12"/>
    </row>
    <row r="383174" spans="8:8">
      <c r="H383174" s="12"/>
    </row>
    <row r="383175" spans="8:8">
      <c r="H383175" s="12"/>
    </row>
    <row r="383176" spans="8:8">
      <c r="H383176" s="12"/>
    </row>
    <row r="383177" spans="8:8">
      <c r="H383177" s="12"/>
    </row>
    <row r="383178" spans="8:8">
      <c r="H383178" s="12"/>
    </row>
    <row r="383179" spans="8:8">
      <c r="H383179" s="12"/>
    </row>
    <row r="383180" spans="8:8">
      <c r="H383180" s="12"/>
    </row>
    <row r="383181" spans="8:8">
      <c r="H383181" s="12"/>
    </row>
    <row r="383182" spans="8:8">
      <c r="H383182" s="12"/>
    </row>
    <row r="383183" spans="8:8">
      <c r="H383183" s="12"/>
    </row>
    <row r="383184" spans="8:8">
      <c r="H383184" s="12"/>
    </row>
    <row r="383185" spans="8:8">
      <c r="H383185" s="12"/>
    </row>
    <row r="383186" spans="8:8">
      <c r="H383186" s="12"/>
    </row>
    <row r="383187" spans="8:8">
      <c r="H383187" s="12"/>
    </row>
    <row r="383188" spans="8:8">
      <c r="H383188" s="12"/>
    </row>
    <row r="383189" spans="8:8">
      <c r="H383189" s="12"/>
    </row>
    <row r="383190" spans="8:8">
      <c r="H383190" s="12"/>
    </row>
    <row r="383191" spans="8:8">
      <c r="H383191" s="12"/>
    </row>
    <row r="383192" spans="8:8">
      <c r="H383192" s="12"/>
    </row>
    <row r="383193" spans="8:8">
      <c r="H383193" s="12"/>
    </row>
    <row r="383194" spans="8:8">
      <c r="H383194" s="12"/>
    </row>
    <row r="383195" spans="8:8">
      <c r="H383195" s="12"/>
    </row>
    <row r="383196" spans="8:8">
      <c r="H383196" s="12"/>
    </row>
    <row r="383197" spans="8:8">
      <c r="H383197" s="12"/>
    </row>
    <row r="383198" spans="8:8">
      <c r="H383198" s="12"/>
    </row>
    <row r="383199" spans="8:8">
      <c r="H383199" s="12"/>
    </row>
    <row r="383200" spans="8:8">
      <c r="H383200" s="12"/>
    </row>
    <row r="383201" spans="8:8">
      <c r="H383201" s="12"/>
    </row>
    <row r="383202" spans="8:8">
      <c r="H383202" s="12"/>
    </row>
    <row r="383203" spans="8:8">
      <c r="H383203" s="12"/>
    </row>
    <row r="383204" spans="8:8">
      <c r="H383204" s="12"/>
    </row>
    <row r="383205" spans="8:8">
      <c r="H383205" s="12"/>
    </row>
    <row r="383206" spans="8:8">
      <c r="H383206" s="12"/>
    </row>
    <row r="383207" spans="8:8">
      <c r="H383207" s="12"/>
    </row>
    <row r="383208" spans="8:8">
      <c r="H383208" s="12"/>
    </row>
    <row r="383209" spans="8:8">
      <c r="H383209" s="12"/>
    </row>
    <row r="383210" spans="8:8">
      <c r="H383210" s="12"/>
    </row>
    <row r="383211" spans="8:8">
      <c r="H383211" s="12"/>
    </row>
    <row r="383212" spans="8:8">
      <c r="H383212" s="12"/>
    </row>
    <row r="383213" spans="8:8">
      <c r="H383213" s="12"/>
    </row>
    <row r="383214" spans="8:8">
      <c r="H383214" s="12"/>
    </row>
    <row r="383215" spans="8:8">
      <c r="H383215" s="12"/>
    </row>
    <row r="383216" spans="8:8">
      <c r="H383216" s="12"/>
    </row>
    <row r="383217" spans="8:8">
      <c r="H383217" s="12"/>
    </row>
    <row r="383218" spans="8:8">
      <c r="H383218" s="12"/>
    </row>
    <row r="383219" spans="8:8">
      <c r="H383219" s="12"/>
    </row>
    <row r="383220" spans="8:8">
      <c r="H383220" s="12"/>
    </row>
    <row r="383221" spans="8:8">
      <c r="H383221" s="12"/>
    </row>
    <row r="383222" spans="8:8">
      <c r="H383222" s="12"/>
    </row>
    <row r="383223" spans="8:8">
      <c r="H383223" s="12"/>
    </row>
    <row r="383224" spans="8:8">
      <c r="H383224" s="12"/>
    </row>
    <row r="383225" spans="8:8">
      <c r="H383225" s="12"/>
    </row>
    <row r="383226" spans="8:8">
      <c r="H383226" s="12"/>
    </row>
    <row r="383227" spans="8:8">
      <c r="H383227" s="12"/>
    </row>
    <row r="383228" spans="8:8">
      <c r="H383228" s="12"/>
    </row>
    <row r="383229" spans="8:8">
      <c r="H383229" s="12"/>
    </row>
    <row r="383230" spans="8:8">
      <c r="H383230" s="12"/>
    </row>
    <row r="383231" spans="8:8">
      <c r="H383231" s="12"/>
    </row>
    <row r="383232" spans="8:8">
      <c r="H383232" s="12"/>
    </row>
    <row r="383233" spans="8:8">
      <c r="H383233" s="12"/>
    </row>
    <row r="383234" spans="8:8">
      <c r="H383234" s="12"/>
    </row>
    <row r="383235" spans="8:8">
      <c r="H383235" s="12"/>
    </row>
    <row r="383236" spans="8:8">
      <c r="H383236" s="12"/>
    </row>
    <row r="383237" spans="8:8">
      <c r="H383237" s="12"/>
    </row>
    <row r="383238" spans="8:8">
      <c r="H383238" s="12"/>
    </row>
    <row r="383239" spans="8:8">
      <c r="H383239" s="12"/>
    </row>
    <row r="383240" spans="8:8">
      <c r="H383240" s="12"/>
    </row>
    <row r="383241" spans="8:8">
      <c r="H383241" s="12"/>
    </row>
    <row r="383242" spans="8:8">
      <c r="H383242" s="12"/>
    </row>
    <row r="383243" spans="8:8">
      <c r="H383243" s="12"/>
    </row>
    <row r="383244" spans="8:8">
      <c r="H383244" s="12"/>
    </row>
    <row r="383245" spans="8:8">
      <c r="H383245" s="12"/>
    </row>
    <row r="383246" spans="8:8">
      <c r="H383246" s="12"/>
    </row>
    <row r="383247" spans="8:8">
      <c r="H383247" s="12"/>
    </row>
    <row r="383248" spans="8:8">
      <c r="H383248" s="12"/>
    </row>
    <row r="383249" spans="8:8">
      <c r="H383249" s="12"/>
    </row>
    <row r="383250" spans="8:8">
      <c r="H383250" s="12"/>
    </row>
    <row r="383251" spans="8:8">
      <c r="H383251" s="12"/>
    </row>
    <row r="383252" spans="8:8">
      <c r="H383252" s="12"/>
    </row>
    <row r="383253" spans="8:8">
      <c r="H383253" s="12"/>
    </row>
    <row r="383254" spans="8:8">
      <c r="H383254" s="12"/>
    </row>
    <row r="383255" spans="8:8">
      <c r="H383255" s="12"/>
    </row>
    <row r="383256" spans="8:8">
      <c r="H383256" s="12"/>
    </row>
    <row r="383257" spans="8:8">
      <c r="H383257" s="12"/>
    </row>
    <row r="383258" spans="8:8">
      <c r="H383258" s="12"/>
    </row>
    <row r="383259" spans="8:8">
      <c r="H383259" s="12"/>
    </row>
    <row r="383260" spans="8:8">
      <c r="H383260" s="12"/>
    </row>
    <row r="383261" spans="8:8">
      <c r="H383261" s="12"/>
    </row>
    <row r="383262" spans="8:8">
      <c r="H383262" s="12"/>
    </row>
    <row r="383263" spans="8:8">
      <c r="H383263" s="12"/>
    </row>
    <row r="383264" spans="8:8">
      <c r="H383264" s="12"/>
    </row>
    <row r="383265" spans="8:8">
      <c r="H383265" s="12"/>
    </row>
    <row r="383266" spans="8:8">
      <c r="H383266" s="12"/>
    </row>
    <row r="383267" spans="8:8">
      <c r="H383267" s="12"/>
    </row>
    <row r="383268" spans="8:8">
      <c r="H383268" s="12"/>
    </row>
    <row r="383269" spans="8:8">
      <c r="H383269" s="12"/>
    </row>
    <row r="383270" spans="8:8">
      <c r="H383270" s="12"/>
    </row>
    <row r="383271" spans="8:8">
      <c r="H383271" s="12"/>
    </row>
    <row r="383272" spans="8:8">
      <c r="H383272" s="12"/>
    </row>
    <row r="383273" spans="8:8">
      <c r="H383273" s="12"/>
    </row>
    <row r="383274" spans="8:8">
      <c r="H383274" s="12"/>
    </row>
    <row r="383275" spans="8:8">
      <c r="H383275" s="12"/>
    </row>
    <row r="383276" spans="8:8">
      <c r="H383276" s="12"/>
    </row>
    <row r="383277" spans="8:8">
      <c r="H383277" s="12"/>
    </row>
    <row r="383278" spans="8:8">
      <c r="H383278" s="12"/>
    </row>
    <row r="383279" spans="8:8">
      <c r="H383279" s="12"/>
    </row>
    <row r="383280" spans="8:8">
      <c r="H383280" s="12"/>
    </row>
    <row r="383281" spans="8:8">
      <c r="H383281" s="12"/>
    </row>
    <row r="383282" spans="8:8">
      <c r="H383282" s="12"/>
    </row>
    <row r="383283" spans="8:8">
      <c r="H383283" s="12"/>
    </row>
    <row r="383284" spans="8:8">
      <c r="H383284" s="12"/>
    </row>
    <row r="383285" spans="8:8">
      <c r="H383285" s="12"/>
    </row>
    <row r="383286" spans="8:8">
      <c r="H383286" s="12"/>
    </row>
    <row r="383287" spans="8:8">
      <c r="H383287" s="12"/>
    </row>
    <row r="383288" spans="8:8">
      <c r="H383288" s="12"/>
    </row>
    <row r="383289" spans="8:8">
      <c r="H383289" s="12"/>
    </row>
    <row r="383290" spans="8:8">
      <c r="H383290" s="12"/>
    </row>
    <row r="383291" spans="8:8">
      <c r="H383291" s="12"/>
    </row>
    <row r="383292" spans="8:8">
      <c r="H383292" s="12"/>
    </row>
    <row r="383293" spans="8:8">
      <c r="H383293" s="12"/>
    </row>
    <row r="383294" spans="8:8">
      <c r="H383294" s="12"/>
    </row>
    <row r="383295" spans="8:8">
      <c r="H383295" s="12"/>
    </row>
    <row r="383296" spans="8:8">
      <c r="H383296" s="12"/>
    </row>
    <row r="383297" spans="8:8">
      <c r="H383297" s="12"/>
    </row>
    <row r="383298" spans="8:8">
      <c r="H383298" s="12"/>
    </row>
    <row r="383299" spans="8:8">
      <c r="H383299" s="12"/>
    </row>
    <row r="383300" spans="8:8">
      <c r="H383300" s="12"/>
    </row>
    <row r="383301" spans="8:8">
      <c r="H383301" s="12"/>
    </row>
    <row r="383302" spans="8:8">
      <c r="H383302" s="12"/>
    </row>
    <row r="383303" spans="8:8">
      <c r="H383303" s="12"/>
    </row>
    <row r="383304" spans="8:8">
      <c r="H383304" s="12"/>
    </row>
    <row r="383305" spans="8:8">
      <c r="H383305" s="12"/>
    </row>
    <row r="383306" spans="8:8">
      <c r="H383306" s="12"/>
    </row>
    <row r="383307" spans="8:8">
      <c r="H383307" s="12"/>
    </row>
    <row r="383308" spans="8:8">
      <c r="H383308" s="12"/>
    </row>
    <row r="383309" spans="8:8">
      <c r="H383309" s="12"/>
    </row>
    <row r="383310" spans="8:8">
      <c r="H383310" s="12"/>
    </row>
    <row r="383311" spans="8:8">
      <c r="H383311" s="12"/>
    </row>
    <row r="383312" spans="8:8">
      <c r="H383312" s="12"/>
    </row>
    <row r="383313" spans="8:8">
      <c r="H383313" s="12"/>
    </row>
    <row r="383314" spans="8:8">
      <c r="H383314" s="12"/>
    </row>
    <row r="383315" spans="8:8">
      <c r="H383315" s="12"/>
    </row>
    <row r="383316" spans="8:8">
      <c r="H383316" s="12"/>
    </row>
    <row r="383317" spans="8:8">
      <c r="H383317" s="12"/>
    </row>
    <row r="383318" spans="8:8">
      <c r="H383318" s="12"/>
    </row>
    <row r="383319" spans="8:8">
      <c r="H383319" s="12"/>
    </row>
    <row r="383320" spans="8:8">
      <c r="H383320" s="12"/>
    </row>
    <row r="383321" spans="8:8">
      <c r="H383321" s="12"/>
    </row>
    <row r="383322" spans="8:8">
      <c r="H383322" s="12"/>
    </row>
    <row r="383323" spans="8:8">
      <c r="H383323" s="12"/>
    </row>
    <row r="383324" spans="8:8">
      <c r="H383324" s="12"/>
    </row>
    <row r="383325" spans="8:8">
      <c r="H383325" s="12"/>
    </row>
    <row r="383326" spans="8:8">
      <c r="H383326" s="12"/>
    </row>
    <row r="383327" spans="8:8">
      <c r="H383327" s="12"/>
    </row>
    <row r="383328" spans="8:8">
      <c r="H383328" s="12"/>
    </row>
    <row r="383329" spans="8:8">
      <c r="H383329" s="12"/>
    </row>
    <row r="383330" spans="8:8">
      <c r="H383330" s="12"/>
    </row>
    <row r="383331" spans="8:8">
      <c r="H383331" s="12"/>
    </row>
    <row r="383332" spans="8:8">
      <c r="H383332" s="12"/>
    </row>
    <row r="383333" spans="8:8">
      <c r="H383333" s="12"/>
    </row>
    <row r="383334" spans="8:8">
      <c r="H383334" s="12"/>
    </row>
    <row r="383335" spans="8:8">
      <c r="H383335" s="12"/>
    </row>
    <row r="383336" spans="8:8">
      <c r="H383336" s="12"/>
    </row>
    <row r="383337" spans="8:8">
      <c r="H383337" s="12"/>
    </row>
    <row r="383338" spans="8:8">
      <c r="H383338" s="12"/>
    </row>
    <row r="383339" spans="8:8">
      <c r="H383339" s="12"/>
    </row>
    <row r="383340" spans="8:8">
      <c r="H383340" s="12"/>
    </row>
    <row r="383341" spans="8:8">
      <c r="H383341" s="12"/>
    </row>
    <row r="383342" spans="8:8">
      <c r="H383342" s="12"/>
    </row>
    <row r="383343" spans="8:8">
      <c r="H383343" s="12"/>
    </row>
    <row r="383344" spans="8:8">
      <c r="H383344" s="12"/>
    </row>
    <row r="383345" spans="8:8">
      <c r="H383345" s="12"/>
    </row>
    <row r="383346" spans="8:8">
      <c r="H383346" s="12"/>
    </row>
    <row r="383347" spans="8:8">
      <c r="H383347" s="12"/>
    </row>
    <row r="383348" spans="8:8">
      <c r="H383348" s="12"/>
    </row>
    <row r="383349" spans="8:8">
      <c r="H383349" s="12"/>
    </row>
    <row r="383350" spans="8:8">
      <c r="H383350" s="12"/>
    </row>
    <row r="383351" spans="8:8">
      <c r="H383351" s="12"/>
    </row>
    <row r="383352" spans="8:8">
      <c r="H383352" s="12"/>
    </row>
    <row r="383353" spans="8:8">
      <c r="H383353" s="12"/>
    </row>
    <row r="383354" spans="8:8">
      <c r="H383354" s="12"/>
    </row>
    <row r="383355" spans="8:8">
      <c r="H383355" s="12"/>
    </row>
    <row r="383356" spans="8:8">
      <c r="H383356" s="12"/>
    </row>
    <row r="383357" spans="8:8">
      <c r="H383357" s="12"/>
    </row>
    <row r="383358" spans="8:8">
      <c r="H383358" s="12"/>
    </row>
    <row r="383359" spans="8:8">
      <c r="H383359" s="12"/>
    </row>
    <row r="383360" spans="8:8">
      <c r="H383360" s="12"/>
    </row>
    <row r="383361" spans="8:8">
      <c r="H383361" s="12"/>
    </row>
    <row r="383362" spans="8:8">
      <c r="H383362" s="12"/>
    </row>
    <row r="383363" spans="8:8">
      <c r="H383363" s="12"/>
    </row>
    <row r="383364" spans="8:8">
      <c r="H383364" s="12"/>
    </row>
    <row r="383365" spans="8:8">
      <c r="H383365" s="12"/>
    </row>
    <row r="383366" spans="8:8">
      <c r="H383366" s="12"/>
    </row>
    <row r="383367" spans="8:8">
      <c r="H383367" s="12"/>
    </row>
    <row r="383368" spans="8:8">
      <c r="H383368" s="12"/>
    </row>
    <row r="383369" spans="8:8">
      <c r="H383369" s="12"/>
    </row>
    <row r="383370" spans="8:8">
      <c r="H383370" s="12"/>
    </row>
    <row r="383371" spans="8:8">
      <c r="H383371" s="12"/>
    </row>
    <row r="383372" spans="8:8">
      <c r="H383372" s="12"/>
    </row>
    <row r="383373" spans="8:8">
      <c r="H383373" s="12"/>
    </row>
    <row r="383374" spans="8:8">
      <c r="H383374" s="12"/>
    </row>
    <row r="383375" spans="8:8">
      <c r="H383375" s="12"/>
    </row>
    <row r="383376" spans="8:8">
      <c r="H383376" s="12"/>
    </row>
    <row r="383377" spans="8:8">
      <c r="H383377" s="12"/>
    </row>
    <row r="383378" spans="8:8">
      <c r="H383378" s="12"/>
    </row>
    <row r="383379" spans="8:8">
      <c r="H383379" s="12"/>
    </row>
    <row r="383380" spans="8:8">
      <c r="H383380" s="12"/>
    </row>
    <row r="383381" spans="8:8">
      <c r="H383381" s="12"/>
    </row>
    <row r="383382" spans="8:8">
      <c r="H383382" s="12"/>
    </row>
    <row r="383383" spans="8:8">
      <c r="H383383" s="12"/>
    </row>
    <row r="383384" spans="8:8">
      <c r="H383384" s="12"/>
    </row>
    <row r="383385" spans="8:8">
      <c r="H383385" s="12"/>
    </row>
    <row r="383386" spans="8:8">
      <c r="H383386" s="12"/>
    </row>
    <row r="383387" spans="8:8">
      <c r="H383387" s="12"/>
    </row>
    <row r="383388" spans="8:8">
      <c r="H383388" s="12"/>
    </row>
    <row r="383389" spans="8:8">
      <c r="H383389" s="12"/>
    </row>
    <row r="383390" spans="8:8">
      <c r="H383390" s="12"/>
    </row>
    <row r="383391" spans="8:8">
      <c r="H383391" s="12"/>
    </row>
    <row r="383392" spans="8:8">
      <c r="H383392" s="12"/>
    </row>
    <row r="383393" spans="8:8">
      <c r="H383393" s="12"/>
    </row>
    <row r="383394" spans="8:8">
      <c r="H383394" s="12"/>
    </row>
    <row r="383395" spans="8:8">
      <c r="H383395" s="12"/>
    </row>
    <row r="383396" spans="8:8">
      <c r="H383396" s="12"/>
    </row>
    <row r="383397" spans="8:8">
      <c r="H383397" s="12"/>
    </row>
    <row r="383398" spans="8:8">
      <c r="H383398" s="12"/>
    </row>
    <row r="383399" spans="8:8">
      <c r="H383399" s="12"/>
    </row>
    <row r="383400" spans="8:8">
      <c r="H383400" s="12"/>
    </row>
    <row r="383401" spans="8:8">
      <c r="H383401" s="12"/>
    </row>
    <row r="383402" spans="8:8">
      <c r="H383402" s="12"/>
    </row>
    <row r="383403" spans="8:8">
      <c r="H383403" s="12"/>
    </row>
    <row r="383404" spans="8:8">
      <c r="H383404" s="12"/>
    </row>
    <row r="383405" spans="8:8">
      <c r="H383405" s="12"/>
    </row>
    <row r="383406" spans="8:8">
      <c r="H383406" s="12"/>
    </row>
    <row r="383407" spans="8:8">
      <c r="H383407" s="12"/>
    </row>
    <row r="383408" spans="8:8">
      <c r="H383408" s="12"/>
    </row>
    <row r="383409" spans="8:8">
      <c r="H383409" s="12"/>
    </row>
    <row r="383410" spans="8:8">
      <c r="H383410" s="12"/>
    </row>
    <row r="383411" spans="8:8">
      <c r="H383411" s="12"/>
    </row>
    <row r="383412" spans="8:8">
      <c r="H383412" s="12"/>
    </row>
    <row r="383413" spans="8:8">
      <c r="H383413" s="12"/>
    </row>
    <row r="383414" spans="8:8">
      <c r="H383414" s="12"/>
    </row>
    <row r="383415" spans="8:8">
      <c r="H383415" s="12"/>
    </row>
    <row r="383416" spans="8:8">
      <c r="H383416" s="12"/>
    </row>
    <row r="383417" spans="8:8">
      <c r="H383417" s="12"/>
    </row>
    <row r="383418" spans="8:8">
      <c r="H383418" s="12"/>
    </row>
    <row r="383419" spans="8:8">
      <c r="H383419" s="12"/>
    </row>
    <row r="383420" spans="8:8">
      <c r="H383420" s="12"/>
    </row>
    <row r="383421" spans="8:8">
      <c r="H383421" s="12"/>
    </row>
    <row r="383422" spans="8:8">
      <c r="H383422" s="12"/>
    </row>
    <row r="383423" spans="8:8">
      <c r="H383423" s="12"/>
    </row>
    <row r="383424" spans="8:8">
      <c r="H383424" s="12"/>
    </row>
    <row r="383425" spans="8:8">
      <c r="H383425" s="12"/>
    </row>
    <row r="383426" spans="8:8">
      <c r="H383426" s="12"/>
    </row>
    <row r="383427" spans="8:8">
      <c r="H383427" s="12"/>
    </row>
    <row r="383428" spans="8:8">
      <c r="H383428" s="12"/>
    </row>
    <row r="383429" spans="8:8">
      <c r="H383429" s="12"/>
    </row>
    <row r="383430" spans="8:8">
      <c r="H383430" s="12"/>
    </row>
    <row r="383431" spans="8:8">
      <c r="H383431" s="12"/>
    </row>
    <row r="383432" spans="8:8">
      <c r="H383432" s="12"/>
    </row>
    <row r="383433" spans="8:8">
      <c r="H383433" s="12"/>
    </row>
    <row r="383434" spans="8:8">
      <c r="H383434" s="12"/>
    </row>
    <row r="383435" spans="8:8">
      <c r="H383435" s="12"/>
    </row>
    <row r="383436" spans="8:8">
      <c r="H383436" s="12"/>
    </row>
    <row r="383437" spans="8:8">
      <c r="H383437" s="12"/>
    </row>
    <row r="383438" spans="8:8">
      <c r="H383438" s="12"/>
    </row>
    <row r="383439" spans="8:8">
      <c r="H383439" s="12"/>
    </row>
    <row r="383440" spans="8:8">
      <c r="H383440" s="12"/>
    </row>
    <row r="383441" spans="8:8">
      <c r="H383441" s="12"/>
    </row>
    <row r="383442" spans="8:8">
      <c r="H383442" s="12"/>
    </row>
    <row r="383443" spans="8:8">
      <c r="H383443" s="12"/>
    </row>
    <row r="383444" spans="8:8">
      <c r="H383444" s="12"/>
    </row>
    <row r="383445" spans="8:8">
      <c r="H383445" s="12"/>
    </row>
    <row r="383446" spans="8:8">
      <c r="H383446" s="12"/>
    </row>
    <row r="383447" spans="8:8">
      <c r="H383447" s="12"/>
    </row>
    <row r="383448" spans="8:8">
      <c r="H383448" s="12"/>
    </row>
    <row r="383449" spans="8:8">
      <c r="H383449" s="12"/>
    </row>
    <row r="383450" spans="8:8">
      <c r="H383450" s="12"/>
    </row>
    <row r="383451" spans="8:8">
      <c r="H383451" s="12"/>
    </row>
    <row r="383452" spans="8:8">
      <c r="H383452" s="12"/>
    </row>
    <row r="383453" spans="8:8">
      <c r="H383453" s="12"/>
    </row>
    <row r="383454" spans="8:8">
      <c r="H383454" s="12"/>
    </row>
    <row r="383455" spans="8:8">
      <c r="H383455" s="12"/>
    </row>
    <row r="383456" spans="8:8">
      <c r="H383456" s="12"/>
    </row>
    <row r="383457" spans="8:8">
      <c r="H383457" s="12"/>
    </row>
    <row r="383458" spans="8:8">
      <c r="H383458" s="12"/>
    </row>
    <row r="383459" spans="8:8">
      <c r="H383459" s="12"/>
    </row>
    <row r="383460" spans="8:8">
      <c r="H383460" s="12"/>
    </row>
    <row r="383461" spans="8:8">
      <c r="H383461" s="12"/>
    </row>
    <row r="383462" spans="8:8">
      <c r="H383462" s="12"/>
    </row>
    <row r="383463" spans="8:8">
      <c r="H383463" s="12"/>
    </row>
    <row r="383464" spans="8:8">
      <c r="H383464" s="12"/>
    </row>
    <row r="383465" spans="8:8">
      <c r="H383465" s="12"/>
    </row>
    <row r="383466" spans="8:8">
      <c r="H383466" s="12"/>
    </row>
    <row r="383467" spans="8:8">
      <c r="H383467" s="12"/>
    </row>
    <row r="383468" spans="8:8">
      <c r="H383468" s="12"/>
    </row>
    <row r="383469" spans="8:8">
      <c r="H383469" s="12"/>
    </row>
    <row r="383470" spans="8:8">
      <c r="H383470" s="12"/>
    </row>
    <row r="383471" spans="8:8">
      <c r="H383471" s="12"/>
    </row>
    <row r="383472" spans="8:8">
      <c r="H383472" s="12"/>
    </row>
    <row r="383473" spans="8:8">
      <c r="H383473" s="12"/>
    </row>
    <row r="383474" spans="8:8">
      <c r="H383474" s="12"/>
    </row>
    <row r="383475" spans="8:8">
      <c r="H383475" s="12"/>
    </row>
    <row r="383476" spans="8:8">
      <c r="H383476" s="12"/>
    </row>
    <row r="383477" spans="8:8">
      <c r="H383477" s="12"/>
    </row>
    <row r="383478" spans="8:8">
      <c r="H383478" s="12"/>
    </row>
    <row r="383479" spans="8:8">
      <c r="H383479" s="12"/>
    </row>
    <row r="383480" spans="8:8">
      <c r="H383480" s="12"/>
    </row>
    <row r="383481" spans="8:8">
      <c r="H383481" s="12"/>
    </row>
    <row r="383482" spans="8:8">
      <c r="H383482" s="12"/>
    </row>
    <row r="383483" spans="8:8">
      <c r="H383483" s="12"/>
    </row>
    <row r="383484" spans="8:8">
      <c r="H383484" s="12"/>
    </row>
    <row r="383485" spans="8:8">
      <c r="H383485" s="12"/>
    </row>
    <row r="383486" spans="8:8">
      <c r="H383486" s="12"/>
    </row>
    <row r="383487" spans="8:8">
      <c r="H383487" s="12"/>
    </row>
    <row r="383488" spans="8:8">
      <c r="H383488" s="12"/>
    </row>
    <row r="383489" spans="8:8">
      <c r="H383489" s="12"/>
    </row>
    <row r="383490" spans="8:8">
      <c r="H383490" s="12"/>
    </row>
    <row r="383491" spans="8:8">
      <c r="H383491" s="12"/>
    </row>
    <row r="383492" spans="8:8">
      <c r="H383492" s="12"/>
    </row>
    <row r="383493" spans="8:8">
      <c r="H383493" s="12"/>
    </row>
    <row r="383494" spans="8:8">
      <c r="H383494" s="12"/>
    </row>
    <row r="383495" spans="8:8">
      <c r="H383495" s="12"/>
    </row>
    <row r="383496" spans="8:8">
      <c r="H383496" s="12"/>
    </row>
    <row r="383497" spans="8:8">
      <c r="H383497" s="12"/>
    </row>
    <row r="383498" spans="8:8">
      <c r="H383498" s="12"/>
    </row>
    <row r="383499" spans="8:8">
      <c r="H383499" s="12"/>
    </row>
    <row r="383500" spans="8:8">
      <c r="H383500" s="12"/>
    </row>
    <row r="383501" spans="8:8">
      <c r="H383501" s="12"/>
    </row>
    <row r="383502" spans="8:8">
      <c r="H383502" s="12"/>
    </row>
    <row r="383503" spans="8:8">
      <c r="H383503" s="12"/>
    </row>
    <row r="383504" spans="8:8">
      <c r="H383504" s="12"/>
    </row>
    <row r="383505" spans="8:8">
      <c r="H383505" s="12"/>
    </row>
    <row r="383506" spans="8:8">
      <c r="H383506" s="12"/>
    </row>
    <row r="383507" spans="8:8">
      <c r="H383507" s="12"/>
    </row>
    <row r="383508" spans="8:8">
      <c r="H383508" s="12"/>
    </row>
    <row r="383509" spans="8:8">
      <c r="H383509" s="12"/>
    </row>
    <row r="383510" spans="8:8">
      <c r="H383510" s="12"/>
    </row>
    <row r="383511" spans="8:8">
      <c r="H383511" s="12"/>
    </row>
    <row r="383512" spans="8:8">
      <c r="H383512" s="12"/>
    </row>
    <row r="383513" spans="8:8">
      <c r="H383513" s="12"/>
    </row>
    <row r="383514" spans="8:8">
      <c r="H383514" s="12"/>
    </row>
    <row r="383515" spans="8:8">
      <c r="H383515" s="12"/>
    </row>
    <row r="383516" spans="8:8">
      <c r="H383516" s="12"/>
    </row>
    <row r="383517" spans="8:8">
      <c r="H383517" s="12"/>
    </row>
    <row r="383518" spans="8:8">
      <c r="H383518" s="12"/>
    </row>
    <row r="383519" spans="8:8">
      <c r="H383519" s="12"/>
    </row>
    <row r="383520" spans="8:8">
      <c r="H383520" s="12"/>
    </row>
    <row r="383521" spans="8:8">
      <c r="H383521" s="12"/>
    </row>
    <row r="383522" spans="8:8">
      <c r="H383522" s="12"/>
    </row>
    <row r="383523" spans="8:8">
      <c r="H383523" s="12"/>
    </row>
    <row r="383524" spans="8:8">
      <c r="H383524" s="12"/>
    </row>
    <row r="383525" spans="8:8">
      <c r="H383525" s="12"/>
    </row>
    <row r="383526" spans="8:8">
      <c r="H383526" s="12"/>
    </row>
    <row r="383527" spans="8:8">
      <c r="H383527" s="12"/>
    </row>
    <row r="383528" spans="8:8">
      <c r="H383528" s="12"/>
    </row>
    <row r="383529" spans="8:8">
      <c r="H383529" s="12"/>
    </row>
    <row r="383530" spans="8:8">
      <c r="H383530" s="12"/>
    </row>
    <row r="383531" spans="8:8">
      <c r="H383531" s="12"/>
    </row>
    <row r="383532" spans="8:8">
      <c r="H383532" s="12"/>
    </row>
    <row r="383533" spans="8:8">
      <c r="H383533" s="12"/>
    </row>
    <row r="383534" spans="8:8">
      <c r="H383534" s="12"/>
    </row>
    <row r="383535" spans="8:8">
      <c r="H383535" s="12"/>
    </row>
    <row r="383536" spans="8:8">
      <c r="H383536" s="12"/>
    </row>
    <row r="383537" spans="8:8">
      <c r="H383537" s="12"/>
    </row>
    <row r="383538" spans="8:8">
      <c r="H383538" s="12"/>
    </row>
    <row r="383539" spans="8:8">
      <c r="H383539" s="12"/>
    </row>
    <row r="383540" spans="8:8">
      <c r="H383540" s="12"/>
    </row>
    <row r="383541" spans="8:8">
      <c r="H383541" s="12"/>
    </row>
    <row r="383542" spans="8:8">
      <c r="H383542" s="12"/>
    </row>
    <row r="383543" spans="8:8">
      <c r="H383543" s="12"/>
    </row>
    <row r="383544" spans="8:8">
      <c r="H383544" s="12"/>
    </row>
    <row r="383545" spans="8:8">
      <c r="H383545" s="12"/>
    </row>
    <row r="383546" spans="8:8">
      <c r="H383546" s="12"/>
    </row>
    <row r="383547" spans="8:8">
      <c r="H383547" s="12"/>
    </row>
    <row r="383548" spans="8:8">
      <c r="H383548" s="12"/>
    </row>
    <row r="383549" spans="8:8">
      <c r="H383549" s="12"/>
    </row>
    <row r="383550" spans="8:8">
      <c r="H383550" s="12"/>
    </row>
    <row r="383551" spans="8:8">
      <c r="H383551" s="12"/>
    </row>
    <row r="383552" spans="8:8">
      <c r="H383552" s="12"/>
    </row>
    <row r="383553" spans="8:8">
      <c r="H383553" s="12"/>
    </row>
    <row r="383554" spans="8:8">
      <c r="H383554" s="12"/>
    </row>
    <row r="383555" spans="8:8">
      <c r="H383555" s="12"/>
    </row>
    <row r="383556" spans="8:8">
      <c r="H383556" s="12"/>
    </row>
    <row r="383557" spans="8:8">
      <c r="H383557" s="12"/>
    </row>
    <row r="383558" spans="8:8">
      <c r="H383558" s="12"/>
    </row>
    <row r="383559" spans="8:8">
      <c r="H383559" s="12"/>
    </row>
    <row r="383560" spans="8:8">
      <c r="H383560" s="12"/>
    </row>
    <row r="383561" spans="8:8">
      <c r="H383561" s="12"/>
    </row>
    <row r="383562" spans="8:8">
      <c r="H383562" s="12"/>
    </row>
    <row r="383563" spans="8:8">
      <c r="H383563" s="12"/>
    </row>
    <row r="383564" spans="8:8">
      <c r="H383564" s="12"/>
    </row>
    <row r="383565" spans="8:8">
      <c r="H383565" s="12"/>
    </row>
    <row r="383566" spans="8:8">
      <c r="H383566" s="12"/>
    </row>
    <row r="383567" spans="8:8">
      <c r="H383567" s="12"/>
    </row>
    <row r="383568" spans="8:8">
      <c r="H383568" s="12"/>
    </row>
    <row r="383569" spans="8:8">
      <c r="H383569" s="12"/>
    </row>
    <row r="383570" spans="8:8">
      <c r="H383570" s="12"/>
    </row>
    <row r="383571" spans="8:8">
      <c r="H383571" s="12"/>
    </row>
    <row r="383572" spans="8:8">
      <c r="H383572" s="12"/>
    </row>
    <row r="383573" spans="8:8">
      <c r="H383573" s="12"/>
    </row>
    <row r="383574" spans="8:8">
      <c r="H383574" s="12"/>
    </row>
    <row r="383575" spans="8:8">
      <c r="H383575" s="12"/>
    </row>
    <row r="383576" spans="8:8">
      <c r="H383576" s="12"/>
    </row>
    <row r="383577" spans="8:8">
      <c r="H383577" s="12"/>
    </row>
    <row r="383578" spans="8:8">
      <c r="H383578" s="12"/>
    </row>
    <row r="383579" spans="8:8">
      <c r="H383579" s="12"/>
    </row>
    <row r="383580" spans="8:8">
      <c r="H383580" s="12"/>
    </row>
    <row r="383581" spans="8:8">
      <c r="H383581" s="12"/>
    </row>
    <row r="383582" spans="8:8">
      <c r="H383582" s="12"/>
    </row>
    <row r="383583" spans="8:8">
      <c r="H383583" s="12"/>
    </row>
    <row r="383584" spans="8:8">
      <c r="H383584" s="12"/>
    </row>
    <row r="383585" spans="8:8">
      <c r="H383585" s="12"/>
    </row>
    <row r="383586" spans="8:8">
      <c r="H383586" s="12"/>
    </row>
    <row r="383587" spans="8:8">
      <c r="H383587" s="12"/>
    </row>
    <row r="383588" spans="8:8">
      <c r="H383588" s="12"/>
    </row>
    <row r="383589" spans="8:8">
      <c r="H383589" s="12"/>
    </row>
    <row r="383590" spans="8:8">
      <c r="H383590" s="12"/>
    </row>
    <row r="383591" spans="8:8">
      <c r="H383591" s="12"/>
    </row>
    <row r="383592" spans="8:8">
      <c r="H383592" s="12"/>
    </row>
    <row r="383593" spans="8:8">
      <c r="H383593" s="12"/>
    </row>
    <row r="383594" spans="8:8">
      <c r="H383594" s="12"/>
    </row>
    <row r="383595" spans="8:8">
      <c r="H383595" s="12"/>
    </row>
    <row r="383596" spans="8:8">
      <c r="H383596" s="12"/>
    </row>
    <row r="383597" spans="8:8">
      <c r="H383597" s="12"/>
    </row>
    <row r="383598" spans="8:8">
      <c r="H383598" s="12"/>
    </row>
    <row r="383599" spans="8:8">
      <c r="H383599" s="12"/>
    </row>
    <row r="383600" spans="8:8">
      <c r="H383600" s="12"/>
    </row>
    <row r="383601" spans="8:8">
      <c r="H383601" s="12"/>
    </row>
    <row r="383602" spans="8:8">
      <c r="H383602" s="12"/>
    </row>
    <row r="383603" spans="8:8">
      <c r="H383603" s="12"/>
    </row>
    <row r="383604" spans="8:8">
      <c r="H383604" s="12"/>
    </row>
    <row r="383605" spans="8:8">
      <c r="H383605" s="12"/>
    </row>
    <row r="383606" spans="8:8">
      <c r="H383606" s="12"/>
    </row>
    <row r="383607" spans="8:8">
      <c r="H383607" s="12"/>
    </row>
    <row r="383608" spans="8:8">
      <c r="H383608" s="12"/>
    </row>
    <row r="383609" spans="8:8">
      <c r="H383609" s="12"/>
    </row>
    <row r="383610" spans="8:8">
      <c r="H383610" s="12"/>
    </row>
    <row r="383611" spans="8:8">
      <c r="H383611" s="12"/>
    </row>
    <row r="383612" spans="8:8">
      <c r="H383612" s="12"/>
    </row>
    <row r="383613" spans="8:8">
      <c r="H383613" s="12"/>
    </row>
    <row r="383614" spans="8:8">
      <c r="H383614" s="12"/>
    </row>
    <row r="383615" spans="8:8">
      <c r="H383615" s="12"/>
    </row>
    <row r="383616" spans="8:8">
      <c r="H383616" s="12"/>
    </row>
    <row r="383617" spans="8:8">
      <c r="H383617" s="12"/>
    </row>
    <row r="383618" spans="8:8">
      <c r="H383618" s="12"/>
    </row>
    <row r="383619" spans="8:8">
      <c r="H383619" s="12"/>
    </row>
    <row r="383620" spans="8:8">
      <c r="H383620" s="12"/>
    </row>
    <row r="383621" spans="8:8">
      <c r="H383621" s="12"/>
    </row>
    <row r="383622" spans="8:8">
      <c r="H383622" s="12"/>
    </row>
    <row r="383623" spans="8:8">
      <c r="H383623" s="12"/>
    </row>
    <row r="383624" spans="8:8">
      <c r="H383624" s="12"/>
    </row>
    <row r="383625" spans="8:8">
      <c r="H383625" s="12"/>
    </row>
    <row r="383626" spans="8:8">
      <c r="H383626" s="12"/>
    </row>
    <row r="383627" spans="8:8">
      <c r="H383627" s="12"/>
    </row>
    <row r="383628" spans="8:8">
      <c r="H383628" s="12"/>
    </row>
    <row r="383629" spans="8:8">
      <c r="H383629" s="12"/>
    </row>
    <row r="383630" spans="8:8">
      <c r="H383630" s="12"/>
    </row>
    <row r="383631" spans="8:8">
      <c r="H383631" s="12"/>
    </row>
    <row r="383632" spans="8:8">
      <c r="H383632" s="12"/>
    </row>
    <row r="383633" spans="8:8">
      <c r="H383633" s="12"/>
    </row>
    <row r="383634" spans="8:8">
      <c r="H383634" s="12"/>
    </row>
    <row r="383635" spans="8:8">
      <c r="H383635" s="12"/>
    </row>
    <row r="383636" spans="8:8">
      <c r="H383636" s="12"/>
    </row>
    <row r="383637" spans="8:8">
      <c r="H383637" s="12"/>
    </row>
    <row r="383638" spans="8:8">
      <c r="H383638" s="12"/>
    </row>
    <row r="383639" spans="8:8">
      <c r="H383639" s="12"/>
    </row>
    <row r="383640" spans="8:8">
      <c r="H383640" s="12"/>
    </row>
    <row r="383641" spans="8:8">
      <c r="H383641" s="12"/>
    </row>
    <row r="383642" spans="8:8">
      <c r="H383642" s="12"/>
    </row>
    <row r="383643" spans="8:8">
      <c r="H383643" s="12"/>
    </row>
    <row r="383644" spans="8:8">
      <c r="H383644" s="12"/>
    </row>
    <row r="383645" spans="8:8">
      <c r="H383645" s="12"/>
    </row>
    <row r="383646" spans="8:8">
      <c r="H383646" s="12"/>
    </row>
    <row r="383647" spans="8:8">
      <c r="H383647" s="12"/>
    </row>
    <row r="383648" spans="8:8">
      <c r="H383648" s="12"/>
    </row>
    <row r="383649" spans="8:8">
      <c r="H383649" s="12"/>
    </row>
    <row r="383650" spans="8:8">
      <c r="H383650" s="12"/>
    </row>
    <row r="383651" spans="8:8">
      <c r="H383651" s="12"/>
    </row>
    <row r="383652" spans="8:8">
      <c r="H383652" s="12"/>
    </row>
    <row r="383653" spans="8:8">
      <c r="H383653" s="12"/>
    </row>
    <row r="383654" spans="8:8">
      <c r="H383654" s="12"/>
    </row>
    <row r="383655" spans="8:8">
      <c r="H383655" s="12"/>
    </row>
    <row r="383656" spans="8:8">
      <c r="H383656" s="12"/>
    </row>
    <row r="383657" spans="8:8">
      <c r="H383657" s="12"/>
    </row>
    <row r="383658" spans="8:8">
      <c r="H383658" s="12"/>
    </row>
    <row r="383659" spans="8:8">
      <c r="H383659" s="12"/>
    </row>
    <row r="383660" spans="8:8">
      <c r="H383660" s="12"/>
    </row>
    <row r="383661" spans="8:8">
      <c r="H383661" s="12"/>
    </row>
    <row r="383662" spans="8:8">
      <c r="H383662" s="12"/>
    </row>
    <row r="383663" spans="8:8">
      <c r="H383663" s="12"/>
    </row>
    <row r="383664" spans="8:8">
      <c r="H383664" s="12"/>
    </row>
    <row r="383665" spans="8:8">
      <c r="H383665" s="12"/>
    </row>
    <row r="383666" spans="8:8">
      <c r="H383666" s="12"/>
    </row>
    <row r="383667" spans="8:8">
      <c r="H383667" s="12"/>
    </row>
    <row r="383668" spans="8:8">
      <c r="H383668" s="12"/>
    </row>
    <row r="383669" spans="8:8">
      <c r="H383669" s="12"/>
    </row>
    <row r="383670" spans="8:8">
      <c r="H383670" s="12"/>
    </row>
    <row r="383671" spans="8:8">
      <c r="H383671" s="12"/>
    </row>
    <row r="383672" spans="8:8">
      <c r="H383672" s="12"/>
    </row>
    <row r="383673" spans="8:8">
      <c r="H383673" s="12"/>
    </row>
    <row r="383674" spans="8:8">
      <c r="H383674" s="12"/>
    </row>
    <row r="383675" spans="8:8">
      <c r="H383675" s="12"/>
    </row>
    <row r="383676" spans="8:8">
      <c r="H383676" s="12"/>
    </row>
    <row r="383677" spans="8:8">
      <c r="H383677" s="12"/>
    </row>
    <row r="383678" spans="8:8">
      <c r="H383678" s="12"/>
    </row>
    <row r="383679" spans="8:8">
      <c r="H383679" s="12"/>
    </row>
    <row r="383680" spans="8:8">
      <c r="H383680" s="12"/>
    </row>
    <row r="383681" spans="8:8">
      <c r="H383681" s="12"/>
    </row>
    <row r="383682" spans="8:8">
      <c r="H383682" s="12"/>
    </row>
    <row r="383683" spans="8:8">
      <c r="H383683" s="12"/>
    </row>
    <row r="383684" spans="8:8">
      <c r="H383684" s="12"/>
    </row>
    <row r="383685" spans="8:8">
      <c r="H383685" s="12"/>
    </row>
    <row r="383686" spans="8:8">
      <c r="H383686" s="12"/>
    </row>
    <row r="383687" spans="8:8">
      <c r="H383687" s="12"/>
    </row>
    <row r="383688" spans="8:8">
      <c r="H383688" s="12"/>
    </row>
    <row r="383689" spans="8:8">
      <c r="H383689" s="12"/>
    </row>
    <row r="383690" spans="8:8">
      <c r="H383690" s="12"/>
    </row>
    <row r="383691" spans="8:8">
      <c r="H383691" s="12"/>
    </row>
    <row r="383692" spans="8:8">
      <c r="H383692" s="12"/>
    </row>
    <row r="383693" spans="8:8">
      <c r="H383693" s="12"/>
    </row>
    <row r="383694" spans="8:8">
      <c r="H383694" s="12"/>
    </row>
    <row r="383695" spans="8:8">
      <c r="H383695" s="12"/>
    </row>
    <row r="383696" spans="8:8">
      <c r="H383696" s="12"/>
    </row>
    <row r="383697" spans="8:8">
      <c r="H383697" s="12"/>
    </row>
    <row r="383698" spans="8:8">
      <c r="H383698" s="12"/>
    </row>
    <row r="383699" spans="8:8">
      <c r="H383699" s="12"/>
    </row>
    <row r="383700" spans="8:8">
      <c r="H383700" s="12"/>
    </row>
    <row r="383701" spans="8:8">
      <c r="H383701" s="12"/>
    </row>
    <row r="383702" spans="8:8">
      <c r="H383702" s="12"/>
    </row>
    <row r="383703" spans="8:8">
      <c r="H383703" s="12"/>
    </row>
    <row r="383704" spans="8:8">
      <c r="H383704" s="12"/>
    </row>
    <row r="383705" spans="8:8">
      <c r="H383705" s="12"/>
    </row>
    <row r="383706" spans="8:8">
      <c r="H383706" s="12"/>
    </row>
    <row r="383707" spans="8:8">
      <c r="H383707" s="12"/>
    </row>
    <row r="383708" spans="8:8">
      <c r="H383708" s="12"/>
    </row>
    <row r="383709" spans="8:8">
      <c r="H383709" s="12"/>
    </row>
    <row r="383710" spans="8:8">
      <c r="H383710" s="12"/>
    </row>
    <row r="383711" spans="8:8">
      <c r="H383711" s="12"/>
    </row>
    <row r="383712" spans="8:8">
      <c r="H383712" s="12"/>
    </row>
    <row r="383713" spans="8:8">
      <c r="H383713" s="12"/>
    </row>
    <row r="383714" spans="8:8">
      <c r="H383714" s="12"/>
    </row>
    <row r="383715" spans="8:8">
      <c r="H383715" s="12"/>
    </row>
    <row r="383716" spans="8:8">
      <c r="H383716" s="12"/>
    </row>
    <row r="383717" spans="8:8">
      <c r="H383717" s="12"/>
    </row>
    <row r="383718" spans="8:8">
      <c r="H383718" s="12"/>
    </row>
    <row r="383719" spans="8:8">
      <c r="H383719" s="12"/>
    </row>
    <row r="383720" spans="8:8">
      <c r="H383720" s="12"/>
    </row>
    <row r="383721" spans="8:8">
      <c r="H383721" s="12"/>
    </row>
    <row r="383722" spans="8:8">
      <c r="H383722" s="12"/>
    </row>
    <row r="383723" spans="8:8">
      <c r="H383723" s="12"/>
    </row>
    <row r="383724" spans="8:8">
      <c r="H383724" s="12"/>
    </row>
    <row r="383725" spans="8:8">
      <c r="H383725" s="12"/>
    </row>
    <row r="383726" spans="8:8">
      <c r="H383726" s="12"/>
    </row>
    <row r="383727" spans="8:8">
      <c r="H383727" s="12"/>
    </row>
    <row r="383728" spans="8:8">
      <c r="H383728" s="12"/>
    </row>
    <row r="383729" spans="8:8">
      <c r="H383729" s="12"/>
    </row>
    <row r="383730" spans="8:8">
      <c r="H383730" s="12"/>
    </row>
    <row r="383731" spans="8:8">
      <c r="H383731" s="12"/>
    </row>
    <row r="383732" spans="8:8">
      <c r="H383732" s="12"/>
    </row>
    <row r="383733" spans="8:8">
      <c r="H383733" s="12"/>
    </row>
    <row r="383734" spans="8:8">
      <c r="H383734" s="12"/>
    </row>
    <row r="383735" spans="8:8">
      <c r="H383735" s="12"/>
    </row>
    <row r="383736" spans="8:8">
      <c r="H383736" s="12"/>
    </row>
    <row r="383737" spans="8:8">
      <c r="H383737" s="12"/>
    </row>
    <row r="383738" spans="8:8">
      <c r="H383738" s="12"/>
    </row>
    <row r="383739" spans="8:8">
      <c r="H383739" s="12"/>
    </row>
    <row r="383740" spans="8:8">
      <c r="H383740" s="12"/>
    </row>
    <row r="383741" spans="8:8">
      <c r="H383741" s="12"/>
    </row>
    <row r="383742" spans="8:8">
      <c r="H383742" s="12"/>
    </row>
    <row r="383743" spans="8:8">
      <c r="H383743" s="12"/>
    </row>
    <row r="383744" spans="8:8">
      <c r="H383744" s="12"/>
    </row>
    <row r="383745" spans="8:8">
      <c r="H383745" s="12"/>
    </row>
    <row r="383746" spans="8:8">
      <c r="H383746" s="12"/>
    </row>
    <row r="383747" spans="8:8">
      <c r="H383747" s="12"/>
    </row>
    <row r="383748" spans="8:8">
      <c r="H383748" s="12"/>
    </row>
    <row r="383749" spans="8:8">
      <c r="H383749" s="12"/>
    </row>
    <row r="383750" spans="8:8">
      <c r="H383750" s="12"/>
    </row>
    <row r="383751" spans="8:8">
      <c r="H383751" s="12"/>
    </row>
    <row r="383752" spans="8:8">
      <c r="H383752" s="12"/>
    </row>
    <row r="383753" spans="8:8">
      <c r="H383753" s="12"/>
    </row>
    <row r="383754" spans="8:8">
      <c r="H383754" s="12"/>
    </row>
    <row r="383755" spans="8:8">
      <c r="H383755" s="12"/>
    </row>
    <row r="383756" spans="8:8">
      <c r="H383756" s="12"/>
    </row>
    <row r="383757" spans="8:8">
      <c r="H383757" s="12"/>
    </row>
    <row r="383758" spans="8:8">
      <c r="H383758" s="12"/>
    </row>
    <row r="383759" spans="8:8">
      <c r="H383759" s="12"/>
    </row>
    <row r="383760" spans="8:8">
      <c r="H383760" s="12"/>
    </row>
    <row r="383761" spans="8:8">
      <c r="H383761" s="12"/>
    </row>
    <row r="383762" spans="8:8">
      <c r="H383762" s="12"/>
    </row>
    <row r="383763" spans="8:8">
      <c r="H383763" s="12"/>
    </row>
    <row r="383764" spans="8:8">
      <c r="H383764" s="12"/>
    </row>
    <row r="383765" spans="8:8">
      <c r="H383765" s="12"/>
    </row>
    <row r="383766" spans="8:8">
      <c r="H383766" s="12"/>
    </row>
    <row r="383767" spans="8:8">
      <c r="H383767" s="12"/>
    </row>
    <row r="383768" spans="8:8">
      <c r="H383768" s="12"/>
    </row>
    <row r="383769" spans="8:8">
      <c r="H383769" s="12"/>
    </row>
    <row r="383770" spans="8:8">
      <c r="H383770" s="12"/>
    </row>
    <row r="383771" spans="8:8">
      <c r="H383771" s="12"/>
    </row>
    <row r="383772" spans="8:8">
      <c r="H383772" s="12"/>
    </row>
    <row r="383773" spans="8:8">
      <c r="H383773" s="12"/>
    </row>
    <row r="383774" spans="8:8">
      <c r="H383774" s="12"/>
    </row>
    <row r="383775" spans="8:8">
      <c r="H383775" s="12"/>
    </row>
    <row r="383776" spans="8:8">
      <c r="H383776" s="12"/>
    </row>
    <row r="383777" spans="8:8">
      <c r="H383777" s="12"/>
    </row>
    <row r="383778" spans="8:8">
      <c r="H383778" s="12"/>
    </row>
    <row r="383779" spans="8:8">
      <c r="H383779" s="12"/>
    </row>
    <row r="383780" spans="8:8">
      <c r="H383780" s="12"/>
    </row>
    <row r="383781" spans="8:8">
      <c r="H383781" s="12"/>
    </row>
    <row r="383782" spans="8:8">
      <c r="H383782" s="12"/>
    </row>
    <row r="383783" spans="8:8">
      <c r="H383783" s="12"/>
    </row>
    <row r="383784" spans="8:8">
      <c r="H383784" s="12"/>
    </row>
    <row r="383785" spans="8:8">
      <c r="H383785" s="12"/>
    </row>
    <row r="383786" spans="8:8">
      <c r="H383786" s="12"/>
    </row>
    <row r="383787" spans="8:8">
      <c r="H383787" s="12"/>
    </row>
    <row r="383788" spans="8:8">
      <c r="H383788" s="12"/>
    </row>
    <row r="383789" spans="8:8">
      <c r="H383789" s="12"/>
    </row>
    <row r="383790" spans="8:8">
      <c r="H383790" s="12"/>
    </row>
    <row r="383791" spans="8:8">
      <c r="H383791" s="12"/>
    </row>
    <row r="383792" spans="8:8">
      <c r="H383792" s="12"/>
    </row>
    <row r="383793" spans="8:8">
      <c r="H383793" s="12"/>
    </row>
    <row r="383794" spans="8:8">
      <c r="H383794" s="12"/>
    </row>
    <row r="383795" spans="8:8">
      <c r="H383795" s="12"/>
    </row>
    <row r="383796" spans="8:8">
      <c r="H383796" s="12"/>
    </row>
    <row r="383797" spans="8:8">
      <c r="H383797" s="12"/>
    </row>
    <row r="383798" spans="8:8">
      <c r="H383798" s="12"/>
    </row>
    <row r="383799" spans="8:8">
      <c r="H383799" s="12"/>
    </row>
    <row r="383800" spans="8:8">
      <c r="H383800" s="12"/>
    </row>
    <row r="383801" spans="8:8">
      <c r="H383801" s="12"/>
    </row>
    <row r="383802" spans="8:8">
      <c r="H383802" s="12"/>
    </row>
    <row r="383803" spans="8:8">
      <c r="H383803" s="12"/>
    </row>
    <row r="383804" spans="8:8">
      <c r="H383804" s="12"/>
    </row>
    <row r="383805" spans="8:8">
      <c r="H383805" s="12"/>
    </row>
    <row r="383806" spans="8:8">
      <c r="H383806" s="12"/>
    </row>
    <row r="383807" spans="8:8">
      <c r="H383807" s="12"/>
    </row>
    <row r="383808" spans="8:8">
      <c r="H383808" s="12"/>
    </row>
    <row r="383809" spans="8:8">
      <c r="H383809" s="12"/>
    </row>
    <row r="383810" spans="8:8">
      <c r="H383810" s="12"/>
    </row>
    <row r="383811" spans="8:8">
      <c r="H383811" s="12"/>
    </row>
    <row r="383812" spans="8:8">
      <c r="H383812" s="12"/>
    </row>
    <row r="383813" spans="8:8">
      <c r="H383813" s="12"/>
    </row>
    <row r="383814" spans="8:8">
      <c r="H383814" s="12"/>
    </row>
    <row r="383815" spans="8:8">
      <c r="H383815" s="12"/>
    </row>
    <row r="383816" spans="8:8">
      <c r="H383816" s="12"/>
    </row>
    <row r="383817" spans="8:8">
      <c r="H383817" s="12"/>
    </row>
    <row r="383818" spans="8:8">
      <c r="H383818" s="12"/>
    </row>
    <row r="383819" spans="8:8">
      <c r="H383819" s="12"/>
    </row>
    <row r="383820" spans="8:8">
      <c r="H383820" s="12"/>
    </row>
    <row r="383821" spans="8:8">
      <c r="H383821" s="12"/>
    </row>
    <row r="383822" spans="8:8">
      <c r="H383822" s="12"/>
    </row>
    <row r="383823" spans="8:8">
      <c r="H383823" s="12"/>
    </row>
    <row r="383824" spans="8:8">
      <c r="H383824" s="12"/>
    </row>
    <row r="383825" spans="8:8">
      <c r="H383825" s="12"/>
    </row>
    <row r="383826" spans="8:8">
      <c r="H383826" s="12"/>
    </row>
    <row r="383827" spans="8:8">
      <c r="H383827" s="12"/>
    </row>
    <row r="383828" spans="8:8">
      <c r="H383828" s="12"/>
    </row>
    <row r="383829" spans="8:8">
      <c r="H383829" s="12"/>
    </row>
    <row r="383830" spans="8:8">
      <c r="H383830" s="12"/>
    </row>
    <row r="383831" spans="8:8">
      <c r="H383831" s="12"/>
    </row>
    <row r="383832" spans="8:8">
      <c r="H383832" s="12"/>
    </row>
    <row r="383833" spans="8:8">
      <c r="H383833" s="12"/>
    </row>
    <row r="383834" spans="8:8">
      <c r="H383834" s="12"/>
    </row>
    <row r="383835" spans="8:8">
      <c r="H383835" s="12"/>
    </row>
    <row r="383836" spans="8:8">
      <c r="H383836" s="12"/>
    </row>
    <row r="383837" spans="8:8">
      <c r="H383837" s="12"/>
    </row>
    <row r="383838" spans="8:8">
      <c r="H383838" s="12"/>
    </row>
    <row r="383839" spans="8:8">
      <c r="H383839" s="12"/>
    </row>
    <row r="383840" spans="8:8">
      <c r="H383840" s="12"/>
    </row>
    <row r="383841" spans="8:8">
      <c r="H383841" s="12"/>
    </row>
    <row r="383842" spans="8:8">
      <c r="H383842" s="12"/>
    </row>
    <row r="383843" spans="8:8">
      <c r="H383843" s="12"/>
    </row>
    <row r="383844" spans="8:8">
      <c r="H383844" s="12"/>
    </row>
    <row r="383845" spans="8:8">
      <c r="H383845" s="12"/>
    </row>
    <row r="383846" spans="8:8">
      <c r="H383846" s="12"/>
    </row>
    <row r="383847" spans="8:8">
      <c r="H383847" s="12"/>
    </row>
    <row r="383848" spans="8:8">
      <c r="H383848" s="12"/>
    </row>
    <row r="383849" spans="8:8">
      <c r="H383849" s="12"/>
    </row>
    <row r="383850" spans="8:8">
      <c r="H383850" s="12"/>
    </row>
    <row r="383851" spans="8:8">
      <c r="H383851" s="12"/>
    </row>
    <row r="383852" spans="8:8">
      <c r="H383852" s="12"/>
    </row>
    <row r="383853" spans="8:8">
      <c r="H383853" s="12"/>
    </row>
    <row r="383854" spans="8:8">
      <c r="H383854" s="12"/>
    </row>
    <row r="383855" spans="8:8">
      <c r="H383855" s="12"/>
    </row>
    <row r="383856" spans="8:8">
      <c r="H383856" s="12"/>
    </row>
    <row r="383857" spans="8:8">
      <c r="H383857" s="12"/>
    </row>
    <row r="383858" spans="8:8">
      <c r="H383858" s="12"/>
    </row>
    <row r="383859" spans="8:8">
      <c r="H383859" s="12"/>
    </row>
    <row r="383860" spans="8:8">
      <c r="H383860" s="12"/>
    </row>
    <row r="383861" spans="8:8">
      <c r="H383861" s="12"/>
    </row>
    <row r="383862" spans="8:8">
      <c r="H383862" s="12"/>
    </row>
    <row r="383863" spans="8:8">
      <c r="H383863" s="12"/>
    </row>
    <row r="383864" spans="8:8">
      <c r="H383864" s="12"/>
    </row>
    <row r="383865" spans="8:8">
      <c r="H383865" s="12"/>
    </row>
    <row r="383866" spans="8:8">
      <c r="H383866" s="12"/>
    </row>
    <row r="383867" spans="8:8">
      <c r="H383867" s="12"/>
    </row>
    <row r="383868" spans="8:8">
      <c r="H383868" s="12"/>
    </row>
    <row r="383869" spans="8:8">
      <c r="H383869" s="12"/>
    </row>
    <row r="383870" spans="8:8">
      <c r="H383870" s="12"/>
    </row>
    <row r="383871" spans="8:8">
      <c r="H383871" s="12"/>
    </row>
    <row r="383872" spans="8:8">
      <c r="H383872" s="12"/>
    </row>
    <row r="383873" spans="8:8">
      <c r="H383873" s="12"/>
    </row>
    <row r="383874" spans="8:8">
      <c r="H383874" s="12"/>
    </row>
    <row r="383875" spans="8:8">
      <c r="H383875" s="12"/>
    </row>
    <row r="383876" spans="8:8">
      <c r="H383876" s="12"/>
    </row>
    <row r="383877" spans="8:8">
      <c r="H383877" s="12"/>
    </row>
    <row r="383878" spans="8:8">
      <c r="H383878" s="12"/>
    </row>
    <row r="383879" spans="8:8">
      <c r="H383879" s="12"/>
    </row>
    <row r="383880" spans="8:8">
      <c r="H383880" s="12"/>
    </row>
    <row r="383881" spans="8:8">
      <c r="H383881" s="12"/>
    </row>
    <row r="383882" spans="8:8">
      <c r="H383882" s="12"/>
    </row>
    <row r="383883" spans="8:8">
      <c r="H383883" s="12"/>
    </row>
    <row r="383884" spans="8:8">
      <c r="H383884" s="12"/>
    </row>
    <row r="383885" spans="8:8">
      <c r="H383885" s="12"/>
    </row>
    <row r="383886" spans="8:8">
      <c r="H383886" s="12"/>
    </row>
    <row r="383887" spans="8:8">
      <c r="H383887" s="12"/>
    </row>
    <row r="383888" spans="8:8">
      <c r="H383888" s="12"/>
    </row>
    <row r="383889" spans="8:8">
      <c r="H383889" s="12"/>
    </row>
    <row r="383890" spans="8:8">
      <c r="H383890" s="12"/>
    </row>
    <row r="383891" spans="8:8">
      <c r="H383891" s="12"/>
    </row>
    <row r="383892" spans="8:8">
      <c r="H383892" s="12"/>
    </row>
    <row r="383893" spans="8:8">
      <c r="H383893" s="12"/>
    </row>
    <row r="383894" spans="8:8">
      <c r="H383894" s="12"/>
    </row>
    <row r="383895" spans="8:8">
      <c r="H383895" s="12"/>
    </row>
    <row r="383896" spans="8:8">
      <c r="H383896" s="12"/>
    </row>
    <row r="383897" spans="8:8">
      <c r="H383897" s="12"/>
    </row>
    <row r="383898" spans="8:8">
      <c r="H383898" s="12"/>
    </row>
    <row r="383899" spans="8:8">
      <c r="H383899" s="12"/>
    </row>
    <row r="383900" spans="8:8">
      <c r="H383900" s="12"/>
    </row>
    <row r="383901" spans="8:8">
      <c r="H383901" s="12"/>
    </row>
    <row r="383902" spans="8:8">
      <c r="H383902" s="12"/>
    </row>
    <row r="383903" spans="8:8">
      <c r="H383903" s="12"/>
    </row>
    <row r="383904" spans="8:8">
      <c r="H383904" s="12"/>
    </row>
    <row r="383905" spans="8:8">
      <c r="H383905" s="12"/>
    </row>
    <row r="383906" spans="8:8">
      <c r="H383906" s="12"/>
    </row>
    <row r="383907" spans="8:8">
      <c r="H383907" s="12"/>
    </row>
    <row r="383908" spans="8:8">
      <c r="H383908" s="12"/>
    </row>
    <row r="383909" spans="8:8">
      <c r="H383909" s="12"/>
    </row>
    <row r="383910" spans="8:8">
      <c r="H383910" s="12"/>
    </row>
    <row r="383911" spans="8:8">
      <c r="H383911" s="12"/>
    </row>
    <row r="383912" spans="8:8">
      <c r="H383912" s="12"/>
    </row>
    <row r="383913" spans="8:8">
      <c r="H383913" s="12"/>
    </row>
    <row r="383914" spans="8:8">
      <c r="H383914" s="12"/>
    </row>
    <row r="383915" spans="8:8">
      <c r="H383915" s="12"/>
    </row>
    <row r="383916" spans="8:8">
      <c r="H383916" s="12"/>
    </row>
    <row r="383917" spans="8:8">
      <c r="H383917" s="12"/>
    </row>
    <row r="383918" spans="8:8">
      <c r="H383918" s="12"/>
    </row>
    <row r="383919" spans="8:8">
      <c r="H383919" s="12"/>
    </row>
    <row r="383920" spans="8:8">
      <c r="H383920" s="12"/>
    </row>
    <row r="383921" spans="8:8">
      <c r="H383921" s="12"/>
    </row>
    <row r="383922" spans="8:8">
      <c r="H383922" s="12"/>
    </row>
    <row r="383923" spans="8:8">
      <c r="H383923" s="12"/>
    </row>
    <row r="383924" spans="8:8">
      <c r="H383924" s="12"/>
    </row>
    <row r="383925" spans="8:8">
      <c r="H383925" s="12"/>
    </row>
    <row r="383926" spans="8:8">
      <c r="H383926" s="12"/>
    </row>
    <row r="383927" spans="8:8">
      <c r="H383927" s="12"/>
    </row>
    <row r="383928" spans="8:8">
      <c r="H383928" s="12"/>
    </row>
    <row r="383929" spans="8:8">
      <c r="H383929" s="12"/>
    </row>
    <row r="383930" spans="8:8">
      <c r="H383930" s="12"/>
    </row>
    <row r="383931" spans="8:8">
      <c r="H383931" s="12"/>
    </row>
    <row r="383932" spans="8:8">
      <c r="H383932" s="12"/>
    </row>
    <row r="383933" spans="8:8">
      <c r="H383933" s="12"/>
    </row>
    <row r="383934" spans="8:8">
      <c r="H383934" s="12"/>
    </row>
    <row r="383935" spans="8:8">
      <c r="H383935" s="12"/>
    </row>
    <row r="383936" spans="8:8">
      <c r="H383936" s="12"/>
    </row>
    <row r="383937" spans="8:8">
      <c r="H383937" s="12"/>
    </row>
    <row r="383938" spans="8:8">
      <c r="H383938" s="12"/>
    </row>
    <row r="383939" spans="8:8">
      <c r="H383939" s="12"/>
    </row>
    <row r="383940" spans="8:8">
      <c r="H383940" s="12"/>
    </row>
    <row r="383941" spans="8:8">
      <c r="H383941" s="12"/>
    </row>
    <row r="383942" spans="8:8">
      <c r="H383942" s="12"/>
    </row>
    <row r="383943" spans="8:8">
      <c r="H383943" s="12"/>
    </row>
    <row r="383944" spans="8:8">
      <c r="H383944" s="12"/>
    </row>
    <row r="383945" spans="8:8">
      <c r="H383945" s="12"/>
    </row>
    <row r="383946" spans="8:8">
      <c r="H383946" s="12"/>
    </row>
    <row r="383947" spans="8:8">
      <c r="H383947" s="12"/>
    </row>
    <row r="383948" spans="8:8">
      <c r="H383948" s="12"/>
    </row>
    <row r="383949" spans="8:8">
      <c r="H383949" s="12"/>
    </row>
    <row r="383950" spans="8:8">
      <c r="H383950" s="12"/>
    </row>
    <row r="383951" spans="8:8">
      <c r="H383951" s="12"/>
    </row>
    <row r="383952" spans="8:8">
      <c r="H383952" s="12"/>
    </row>
    <row r="383953" spans="8:8">
      <c r="H383953" s="12"/>
    </row>
    <row r="383954" spans="8:8">
      <c r="H383954" s="12"/>
    </row>
    <row r="383955" spans="8:8">
      <c r="H383955" s="12"/>
    </row>
    <row r="383956" spans="8:8">
      <c r="H383956" s="12"/>
    </row>
    <row r="383957" spans="8:8">
      <c r="H383957" s="12"/>
    </row>
    <row r="383958" spans="8:8">
      <c r="H383958" s="12"/>
    </row>
    <row r="383959" spans="8:8">
      <c r="H383959" s="12"/>
    </row>
    <row r="383960" spans="8:8">
      <c r="H383960" s="12"/>
    </row>
    <row r="383961" spans="8:8">
      <c r="H383961" s="12"/>
    </row>
    <row r="383962" spans="8:8">
      <c r="H383962" s="12"/>
    </row>
    <row r="383963" spans="8:8">
      <c r="H383963" s="12"/>
    </row>
    <row r="383964" spans="8:8">
      <c r="H383964" s="12"/>
    </row>
    <row r="383965" spans="8:8">
      <c r="H383965" s="12"/>
    </row>
    <row r="383966" spans="8:8">
      <c r="H383966" s="12"/>
    </row>
    <row r="383967" spans="8:8">
      <c r="H383967" s="12"/>
    </row>
    <row r="383968" spans="8:8">
      <c r="H383968" s="12"/>
    </row>
    <row r="383969" spans="8:8">
      <c r="H383969" s="12"/>
    </row>
    <row r="383970" spans="8:8">
      <c r="H383970" s="12"/>
    </row>
    <row r="383971" spans="8:8">
      <c r="H383971" s="12"/>
    </row>
    <row r="383972" spans="8:8">
      <c r="H383972" s="12"/>
    </row>
    <row r="383973" spans="8:8">
      <c r="H383973" s="12"/>
    </row>
    <row r="383974" spans="8:8">
      <c r="H383974" s="12"/>
    </row>
    <row r="383975" spans="8:8">
      <c r="H383975" s="12"/>
    </row>
    <row r="383976" spans="8:8">
      <c r="H383976" s="12"/>
    </row>
    <row r="383977" spans="8:8">
      <c r="H383977" s="12"/>
    </row>
    <row r="383978" spans="8:8">
      <c r="H383978" s="12"/>
    </row>
    <row r="383979" spans="8:8">
      <c r="H383979" s="12"/>
    </row>
    <row r="383980" spans="8:8">
      <c r="H383980" s="12"/>
    </row>
    <row r="383981" spans="8:8">
      <c r="H383981" s="12"/>
    </row>
    <row r="383982" spans="8:8">
      <c r="H383982" s="12"/>
    </row>
    <row r="383983" spans="8:8">
      <c r="H383983" s="12"/>
    </row>
    <row r="383984" spans="8:8">
      <c r="H383984" s="12"/>
    </row>
    <row r="383985" spans="8:8">
      <c r="H383985" s="12"/>
    </row>
    <row r="383986" spans="8:8">
      <c r="H383986" s="12"/>
    </row>
    <row r="383987" spans="8:8">
      <c r="H383987" s="12"/>
    </row>
    <row r="383988" spans="8:8">
      <c r="H383988" s="12"/>
    </row>
    <row r="383989" spans="8:8">
      <c r="H383989" s="12"/>
    </row>
    <row r="383990" spans="8:8">
      <c r="H383990" s="12"/>
    </row>
    <row r="383991" spans="8:8">
      <c r="H383991" s="12"/>
    </row>
    <row r="383992" spans="8:8">
      <c r="H383992" s="12"/>
    </row>
    <row r="383993" spans="8:8">
      <c r="H383993" s="12"/>
    </row>
    <row r="383994" spans="8:8">
      <c r="H383994" s="12"/>
    </row>
    <row r="383995" spans="8:8">
      <c r="H383995" s="12"/>
    </row>
    <row r="383996" spans="8:8">
      <c r="H383996" s="12"/>
    </row>
    <row r="383997" spans="8:8">
      <c r="H383997" s="12"/>
    </row>
    <row r="383998" spans="8:8">
      <c r="H383998" s="12"/>
    </row>
    <row r="383999" spans="8:8">
      <c r="H383999" s="12"/>
    </row>
    <row r="384000" spans="8:8">
      <c r="H384000" s="12"/>
    </row>
    <row r="384001" spans="8:8">
      <c r="H384001" s="12"/>
    </row>
    <row r="384002" spans="8:8">
      <c r="H384002" s="12"/>
    </row>
    <row r="384003" spans="8:8">
      <c r="H384003" s="12"/>
    </row>
    <row r="384004" spans="8:8">
      <c r="H384004" s="12"/>
    </row>
    <row r="384005" spans="8:8">
      <c r="H384005" s="12"/>
    </row>
    <row r="384006" spans="8:8">
      <c r="H384006" s="12"/>
    </row>
    <row r="384007" spans="8:8">
      <c r="H384007" s="12"/>
    </row>
    <row r="384008" spans="8:8">
      <c r="H384008" s="12"/>
    </row>
    <row r="384009" spans="8:8">
      <c r="H384009" s="12"/>
    </row>
    <row r="384010" spans="8:8">
      <c r="H384010" s="12"/>
    </row>
    <row r="384011" spans="8:8">
      <c r="H384011" s="12"/>
    </row>
    <row r="384012" spans="8:8">
      <c r="H384012" s="12"/>
    </row>
    <row r="384013" spans="8:8">
      <c r="H384013" s="12"/>
    </row>
    <row r="384014" spans="8:8">
      <c r="H384014" s="12"/>
    </row>
    <row r="384015" spans="8:8">
      <c r="H384015" s="12"/>
    </row>
    <row r="384016" spans="8:8">
      <c r="H384016" s="12"/>
    </row>
    <row r="384017" spans="8:8">
      <c r="H384017" s="12"/>
    </row>
    <row r="384018" spans="8:8">
      <c r="H384018" s="12"/>
    </row>
    <row r="384019" spans="8:8">
      <c r="H384019" s="12"/>
    </row>
    <row r="384020" spans="8:8">
      <c r="H384020" s="12"/>
    </row>
    <row r="384021" spans="8:8">
      <c r="H384021" s="12"/>
    </row>
    <row r="384022" spans="8:8">
      <c r="H384022" s="12"/>
    </row>
    <row r="384023" spans="8:8">
      <c r="H384023" s="12"/>
    </row>
    <row r="384024" spans="8:8">
      <c r="H384024" s="12"/>
    </row>
    <row r="384025" spans="8:8">
      <c r="H384025" s="12"/>
    </row>
    <row r="384026" spans="8:8">
      <c r="H384026" s="12"/>
    </row>
    <row r="384027" spans="8:8">
      <c r="H384027" s="12"/>
    </row>
    <row r="384028" spans="8:8">
      <c r="H384028" s="12"/>
    </row>
    <row r="384029" spans="8:8">
      <c r="H384029" s="12"/>
    </row>
    <row r="384030" spans="8:8">
      <c r="H384030" s="12"/>
    </row>
    <row r="384031" spans="8:8">
      <c r="H384031" s="12"/>
    </row>
    <row r="384032" spans="8:8">
      <c r="H384032" s="12"/>
    </row>
    <row r="384033" spans="8:8">
      <c r="H384033" s="12"/>
    </row>
    <row r="384034" spans="8:8">
      <c r="H384034" s="12"/>
    </row>
    <row r="384035" spans="8:8">
      <c r="H384035" s="12"/>
    </row>
    <row r="384036" spans="8:8">
      <c r="H384036" s="12"/>
    </row>
    <row r="384037" spans="8:8">
      <c r="H384037" s="12"/>
    </row>
    <row r="384038" spans="8:8">
      <c r="H384038" s="12"/>
    </row>
    <row r="384039" spans="8:8">
      <c r="H384039" s="12"/>
    </row>
    <row r="384040" spans="8:8">
      <c r="H384040" s="12"/>
    </row>
    <row r="384041" spans="8:8">
      <c r="H384041" s="12"/>
    </row>
    <row r="384042" spans="8:8">
      <c r="H384042" s="12"/>
    </row>
    <row r="384043" spans="8:8">
      <c r="H384043" s="12"/>
    </row>
    <row r="384044" spans="8:8">
      <c r="H384044" s="12"/>
    </row>
    <row r="384045" spans="8:8">
      <c r="H384045" s="12"/>
    </row>
    <row r="384046" spans="8:8">
      <c r="H384046" s="12"/>
    </row>
    <row r="384047" spans="8:8">
      <c r="H384047" s="12"/>
    </row>
    <row r="384048" spans="8:8">
      <c r="H384048" s="12"/>
    </row>
    <row r="384049" spans="8:8">
      <c r="H384049" s="12"/>
    </row>
    <row r="384050" spans="8:8">
      <c r="H384050" s="12"/>
    </row>
    <row r="384051" spans="8:8">
      <c r="H384051" s="12"/>
    </row>
    <row r="384052" spans="8:8">
      <c r="H384052" s="12"/>
    </row>
    <row r="384053" spans="8:8">
      <c r="H384053" s="12"/>
    </row>
    <row r="384054" spans="8:8">
      <c r="H384054" s="12"/>
    </row>
    <row r="384055" spans="8:8">
      <c r="H384055" s="12"/>
    </row>
    <row r="384056" spans="8:8">
      <c r="H384056" s="12"/>
    </row>
    <row r="384057" spans="8:8">
      <c r="H384057" s="12"/>
    </row>
    <row r="384058" spans="8:8">
      <c r="H384058" s="12"/>
    </row>
    <row r="384059" spans="8:8">
      <c r="H384059" s="12"/>
    </row>
    <row r="384060" spans="8:8">
      <c r="H384060" s="12"/>
    </row>
    <row r="384061" spans="8:8">
      <c r="H384061" s="12"/>
    </row>
    <row r="384062" spans="8:8">
      <c r="H384062" s="12"/>
    </row>
    <row r="384063" spans="8:8">
      <c r="H384063" s="12"/>
    </row>
    <row r="384064" spans="8:8">
      <c r="H384064" s="12"/>
    </row>
    <row r="384065" spans="8:8">
      <c r="H384065" s="12"/>
    </row>
    <row r="384066" spans="8:8">
      <c r="H384066" s="12"/>
    </row>
    <row r="384067" spans="8:8">
      <c r="H384067" s="12"/>
    </row>
    <row r="384068" spans="8:8">
      <c r="H384068" s="12"/>
    </row>
    <row r="384069" spans="8:8">
      <c r="H384069" s="12"/>
    </row>
    <row r="384070" spans="8:8">
      <c r="H384070" s="12"/>
    </row>
    <row r="384071" spans="8:8">
      <c r="H384071" s="12"/>
    </row>
    <row r="384072" spans="8:8">
      <c r="H384072" s="12"/>
    </row>
    <row r="384073" spans="8:8">
      <c r="H384073" s="12"/>
    </row>
    <row r="384074" spans="8:8">
      <c r="H384074" s="12"/>
    </row>
    <row r="384075" spans="8:8">
      <c r="H384075" s="12"/>
    </row>
    <row r="384076" spans="8:8">
      <c r="H384076" s="12"/>
    </row>
    <row r="384077" spans="8:8">
      <c r="H384077" s="12"/>
    </row>
    <row r="384078" spans="8:8">
      <c r="H384078" s="12"/>
    </row>
    <row r="384079" spans="8:8">
      <c r="H384079" s="12"/>
    </row>
    <row r="384080" spans="8:8">
      <c r="H384080" s="12"/>
    </row>
    <row r="384081" spans="8:8">
      <c r="H384081" s="12"/>
    </row>
    <row r="384082" spans="8:8">
      <c r="H384082" s="12"/>
    </row>
    <row r="384083" spans="8:8">
      <c r="H384083" s="12"/>
    </row>
    <row r="384084" spans="8:8">
      <c r="H384084" s="12"/>
    </row>
    <row r="384085" spans="8:8">
      <c r="H384085" s="12"/>
    </row>
    <row r="384086" spans="8:8">
      <c r="H384086" s="12"/>
    </row>
    <row r="384087" spans="8:8">
      <c r="H384087" s="12"/>
    </row>
    <row r="384088" spans="8:8">
      <c r="H384088" s="12"/>
    </row>
    <row r="384089" spans="8:8">
      <c r="H384089" s="12"/>
    </row>
    <row r="384090" spans="8:8">
      <c r="H384090" s="12"/>
    </row>
    <row r="384091" spans="8:8">
      <c r="H384091" s="12"/>
    </row>
    <row r="384092" spans="8:8">
      <c r="H384092" s="12"/>
    </row>
    <row r="384093" spans="8:8">
      <c r="H384093" s="12"/>
    </row>
    <row r="384094" spans="8:8">
      <c r="H384094" s="12"/>
    </row>
    <row r="384095" spans="8:8">
      <c r="H384095" s="12"/>
    </row>
    <row r="384096" spans="8:8">
      <c r="H384096" s="12"/>
    </row>
    <row r="384097" spans="8:8">
      <c r="H384097" s="12"/>
    </row>
    <row r="384098" spans="8:8">
      <c r="H384098" s="12"/>
    </row>
    <row r="384099" spans="8:8">
      <c r="H384099" s="12"/>
    </row>
    <row r="384100" spans="8:8">
      <c r="H384100" s="12"/>
    </row>
    <row r="384101" spans="8:8">
      <c r="H384101" s="12"/>
    </row>
    <row r="384102" spans="8:8">
      <c r="H384102" s="12"/>
    </row>
    <row r="384103" spans="8:8">
      <c r="H384103" s="12"/>
    </row>
    <row r="384104" spans="8:8">
      <c r="H384104" s="12"/>
    </row>
    <row r="384105" spans="8:8">
      <c r="H384105" s="12"/>
    </row>
    <row r="384106" spans="8:8">
      <c r="H384106" s="12"/>
    </row>
    <row r="384107" spans="8:8">
      <c r="H384107" s="12"/>
    </row>
    <row r="384108" spans="8:8">
      <c r="H384108" s="12"/>
    </row>
    <row r="384109" spans="8:8">
      <c r="H384109" s="12"/>
    </row>
    <row r="384110" spans="8:8">
      <c r="H384110" s="12"/>
    </row>
    <row r="384111" spans="8:8">
      <c r="H384111" s="12"/>
    </row>
    <row r="384112" spans="8:8">
      <c r="H384112" s="12"/>
    </row>
    <row r="384113" spans="8:8">
      <c r="H384113" s="12"/>
    </row>
    <row r="384114" spans="8:8">
      <c r="H384114" s="12"/>
    </row>
    <row r="384115" spans="8:8">
      <c r="H384115" s="12"/>
    </row>
    <row r="384116" spans="8:8">
      <c r="H384116" s="12"/>
    </row>
    <row r="384117" spans="8:8">
      <c r="H384117" s="12"/>
    </row>
    <row r="384118" spans="8:8">
      <c r="H384118" s="12"/>
    </row>
    <row r="384119" spans="8:8">
      <c r="H384119" s="12"/>
    </row>
    <row r="384120" spans="8:8">
      <c r="H384120" s="12"/>
    </row>
    <row r="384121" spans="8:8">
      <c r="H384121" s="12"/>
    </row>
    <row r="384122" spans="8:8">
      <c r="H384122" s="12"/>
    </row>
    <row r="384123" spans="8:8">
      <c r="H384123" s="12"/>
    </row>
    <row r="384124" spans="8:8">
      <c r="H384124" s="12"/>
    </row>
    <row r="384125" spans="8:8">
      <c r="H384125" s="12"/>
    </row>
    <row r="384126" spans="8:8">
      <c r="H384126" s="12"/>
    </row>
    <row r="384127" spans="8:8">
      <c r="H384127" s="12"/>
    </row>
    <row r="384128" spans="8:8">
      <c r="H384128" s="12"/>
    </row>
    <row r="384129" spans="8:8">
      <c r="H384129" s="12"/>
    </row>
    <row r="384130" spans="8:8">
      <c r="H384130" s="12"/>
    </row>
    <row r="384131" spans="8:8">
      <c r="H384131" s="12"/>
    </row>
    <row r="384132" spans="8:8">
      <c r="H384132" s="12"/>
    </row>
    <row r="384133" spans="8:8">
      <c r="H384133" s="12"/>
    </row>
    <row r="384134" spans="8:8">
      <c r="H384134" s="12"/>
    </row>
    <row r="384135" spans="8:8">
      <c r="H384135" s="12"/>
    </row>
    <row r="384136" spans="8:8">
      <c r="H384136" s="12"/>
    </row>
    <row r="384137" spans="8:8">
      <c r="H384137" s="12"/>
    </row>
    <row r="384138" spans="8:8">
      <c r="H384138" s="12"/>
    </row>
    <row r="384139" spans="8:8">
      <c r="H384139" s="12"/>
    </row>
    <row r="384140" spans="8:8">
      <c r="H384140" s="12"/>
    </row>
    <row r="384141" spans="8:8">
      <c r="H384141" s="12"/>
    </row>
    <row r="384142" spans="8:8">
      <c r="H384142" s="12"/>
    </row>
    <row r="384143" spans="8:8">
      <c r="H384143" s="12"/>
    </row>
    <row r="384144" spans="8:8">
      <c r="H384144" s="12"/>
    </row>
    <row r="384145" spans="8:8">
      <c r="H384145" s="12"/>
    </row>
    <row r="384146" spans="8:8">
      <c r="H384146" s="12"/>
    </row>
    <row r="384147" spans="8:8">
      <c r="H384147" s="12"/>
    </row>
    <row r="384148" spans="8:8">
      <c r="H384148" s="12"/>
    </row>
    <row r="384149" spans="8:8">
      <c r="H384149" s="12"/>
    </row>
    <row r="384150" spans="8:8">
      <c r="H384150" s="12"/>
    </row>
    <row r="384151" spans="8:8">
      <c r="H384151" s="12"/>
    </row>
    <row r="384152" spans="8:8">
      <c r="H384152" s="12"/>
    </row>
    <row r="384153" spans="8:8">
      <c r="H384153" s="12"/>
    </row>
    <row r="384154" spans="8:8">
      <c r="H384154" s="12"/>
    </row>
    <row r="384155" spans="8:8">
      <c r="H384155" s="12"/>
    </row>
    <row r="384156" spans="8:8">
      <c r="H384156" s="12"/>
    </row>
    <row r="384157" spans="8:8">
      <c r="H384157" s="12"/>
    </row>
    <row r="384158" spans="8:8">
      <c r="H384158" s="12"/>
    </row>
    <row r="384159" spans="8:8">
      <c r="H384159" s="12"/>
    </row>
    <row r="384160" spans="8:8">
      <c r="H384160" s="12"/>
    </row>
    <row r="384161" spans="8:8">
      <c r="H384161" s="12"/>
    </row>
    <row r="384162" spans="8:8">
      <c r="H384162" s="12"/>
    </row>
    <row r="384163" spans="8:8">
      <c r="H384163" s="12"/>
    </row>
    <row r="384164" spans="8:8">
      <c r="H384164" s="12"/>
    </row>
    <row r="384165" spans="8:8">
      <c r="H384165" s="12"/>
    </row>
    <row r="384166" spans="8:8">
      <c r="H384166" s="12"/>
    </row>
    <row r="384167" spans="8:8">
      <c r="H384167" s="12"/>
    </row>
    <row r="384168" spans="8:8">
      <c r="H384168" s="12"/>
    </row>
    <row r="384169" spans="8:8">
      <c r="H384169" s="12"/>
    </row>
    <row r="384170" spans="8:8">
      <c r="H384170" s="12"/>
    </row>
    <row r="384171" spans="8:8">
      <c r="H384171" s="12"/>
    </row>
    <row r="384172" spans="8:8">
      <c r="H384172" s="12"/>
    </row>
    <row r="384173" spans="8:8">
      <c r="H384173" s="12"/>
    </row>
    <row r="384174" spans="8:8">
      <c r="H384174" s="12"/>
    </row>
    <row r="384175" spans="8:8">
      <c r="H384175" s="12"/>
    </row>
    <row r="384176" spans="8:8">
      <c r="H384176" s="12"/>
    </row>
    <row r="384177" spans="8:8">
      <c r="H384177" s="12"/>
    </row>
    <row r="384178" spans="8:8">
      <c r="H384178" s="12"/>
    </row>
    <row r="384179" spans="8:8">
      <c r="H384179" s="12"/>
    </row>
    <row r="384180" spans="8:8">
      <c r="H384180" s="12"/>
    </row>
    <row r="384181" spans="8:8">
      <c r="H384181" s="12"/>
    </row>
    <row r="384182" spans="8:8">
      <c r="H384182" s="12"/>
    </row>
    <row r="384183" spans="8:8">
      <c r="H384183" s="12"/>
    </row>
    <row r="384184" spans="8:8">
      <c r="H384184" s="12"/>
    </row>
    <row r="384185" spans="8:8">
      <c r="H384185" s="12"/>
    </row>
    <row r="384186" spans="8:8">
      <c r="H384186" s="12"/>
    </row>
    <row r="384187" spans="8:8">
      <c r="H384187" s="12"/>
    </row>
    <row r="384188" spans="8:8">
      <c r="H384188" s="12"/>
    </row>
    <row r="384189" spans="8:8">
      <c r="H384189" s="12"/>
    </row>
    <row r="384190" spans="8:8">
      <c r="H384190" s="12"/>
    </row>
    <row r="384191" spans="8:8">
      <c r="H384191" s="12"/>
    </row>
    <row r="384192" spans="8:8">
      <c r="H384192" s="12"/>
    </row>
    <row r="384193" spans="8:8">
      <c r="H384193" s="12"/>
    </row>
    <row r="384194" spans="8:8">
      <c r="H384194" s="12"/>
    </row>
    <row r="384195" spans="8:8">
      <c r="H384195" s="12"/>
    </row>
    <row r="384196" spans="8:8">
      <c r="H384196" s="12"/>
    </row>
    <row r="384197" spans="8:8">
      <c r="H384197" s="12"/>
    </row>
    <row r="384198" spans="8:8">
      <c r="H384198" s="12"/>
    </row>
    <row r="384199" spans="8:8">
      <c r="H384199" s="12"/>
    </row>
    <row r="384200" spans="8:8">
      <c r="H384200" s="12"/>
    </row>
    <row r="384201" spans="8:8">
      <c r="H384201" s="12"/>
    </row>
    <row r="384202" spans="8:8">
      <c r="H384202" s="12"/>
    </row>
    <row r="384203" spans="8:8">
      <c r="H384203" s="12"/>
    </row>
    <row r="384204" spans="8:8">
      <c r="H384204" s="12"/>
    </row>
    <row r="384205" spans="8:8">
      <c r="H384205" s="12"/>
    </row>
    <row r="384206" spans="8:8">
      <c r="H384206" s="12"/>
    </row>
    <row r="384207" spans="8:8">
      <c r="H384207" s="12"/>
    </row>
    <row r="384208" spans="8:8">
      <c r="H384208" s="12"/>
    </row>
    <row r="384209" spans="8:8">
      <c r="H384209" s="12"/>
    </row>
    <row r="384210" spans="8:8">
      <c r="H384210" s="12"/>
    </row>
    <row r="384211" spans="8:8">
      <c r="H384211" s="12"/>
    </row>
    <row r="384212" spans="8:8">
      <c r="H384212" s="12"/>
    </row>
    <row r="384213" spans="8:8">
      <c r="H384213" s="12"/>
    </row>
    <row r="384214" spans="8:8">
      <c r="H384214" s="12"/>
    </row>
    <row r="384215" spans="8:8">
      <c r="H384215" s="12"/>
    </row>
    <row r="384216" spans="8:8">
      <c r="H384216" s="12"/>
    </row>
    <row r="384217" spans="8:8">
      <c r="H384217" s="12"/>
    </row>
    <row r="384218" spans="8:8">
      <c r="H384218" s="12"/>
    </row>
    <row r="384219" spans="8:8">
      <c r="H384219" s="12"/>
    </row>
    <row r="384220" spans="8:8">
      <c r="H384220" s="12"/>
    </row>
    <row r="384221" spans="8:8">
      <c r="H384221" s="12"/>
    </row>
    <row r="384222" spans="8:8">
      <c r="H384222" s="12"/>
    </row>
    <row r="384223" spans="8:8">
      <c r="H384223" s="12"/>
    </row>
    <row r="384224" spans="8:8">
      <c r="H384224" s="12"/>
    </row>
    <row r="384225" spans="8:8">
      <c r="H384225" s="12"/>
    </row>
    <row r="384226" spans="8:8">
      <c r="H384226" s="12"/>
    </row>
    <row r="384227" spans="8:8">
      <c r="H384227" s="12"/>
    </row>
    <row r="384228" spans="8:8">
      <c r="H384228" s="12"/>
    </row>
    <row r="384229" spans="8:8">
      <c r="H384229" s="12"/>
    </row>
    <row r="384230" spans="8:8">
      <c r="H384230" s="12"/>
    </row>
    <row r="384231" spans="8:8">
      <c r="H384231" s="12"/>
    </row>
    <row r="384232" spans="8:8">
      <c r="H384232" s="12"/>
    </row>
    <row r="384233" spans="8:8">
      <c r="H384233" s="12"/>
    </row>
    <row r="384234" spans="8:8">
      <c r="H384234" s="12"/>
    </row>
    <row r="384235" spans="8:8">
      <c r="H384235" s="12"/>
    </row>
    <row r="384236" spans="8:8">
      <c r="H384236" s="12"/>
    </row>
    <row r="384237" spans="8:8">
      <c r="H384237" s="12"/>
    </row>
    <row r="384238" spans="8:8">
      <c r="H384238" s="12"/>
    </row>
    <row r="384239" spans="8:8">
      <c r="H384239" s="12"/>
    </row>
    <row r="384240" spans="8:8">
      <c r="H384240" s="12"/>
    </row>
    <row r="384241" spans="8:8">
      <c r="H384241" s="12"/>
    </row>
    <row r="384242" spans="8:8">
      <c r="H384242" s="12"/>
    </row>
    <row r="384243" spans="8:8">
      <c r="H384243" s="12"/>
    </row>
    <row r="384244" spans="8:8">
      <c r="H384244" s="12"/>
    </row>
    <row r="384245" spans="8:8">
      <c r="H384245" s="12"/>
    </row>
    <row r="384246" spans="8:8">
      <c r="H384246" s="12"/>
    </row>
    <row r="384247" spans="8:8">
      <c r="H384247" s="12"/>
    </row>
    <row r="384248" spans="8:8">
      <c r="H384248" s="12"/>
    </row>
    <row r="384249" spans="8:8">
      <c r="H384249" s="12"/>
    </row>
    <row r="384250" spans="8:8">
      <c r="H384250" s="12"/>
    </row>
    <row r="384251" spans="8:8">
      <c r="H384251" s="12"/>
    </row>
    <row r="384252" spans="8:8">
      <c r="H384252" s="12"/>
    </row>
    <row r="384253" spans="8:8">
      <c r="H384253" s="12"/>
    </row>
    <row r="384254" spans="8:8">
      <c r="H384254" s="12"/>
    </row>
    <row r="384255" spans="8:8">
      <c r="H384255" s="12"/>
    </row>
    <row r="384256" spans="8:8">
      <c r="H384256" s="12"/>
    </row>
    <row r="384257" spans="8:8">
      <c r="H384257" s="12"/>
    </row>
    <row r="384258" spans="8:8">
      <c r="H384258" s="12"/>
    </row>
    <row r="384259" spans="8:8">
      <c r="H384259" s="12"/>
    </row>
    <row r="384260" spans="8:8">
      <c r="H384260" s="12"/>
    </row>
    <row r="384261" spans="8:8">
      <c r="H384261" s="12"/>
    </row>
    <row r="384262" spans="8:8">
      <c r="H384262" s="12"/>
    </row>
    <row r="384263" spans="8:8">
      <c r="H384263" s="12"/>
    </row>
    <row r="384264" spans="8:8">
      <c r="H384264" s="12"/>
    </row>
    <row r="384265" spans="8:8">
      <c r="H384265" s="12"/>
    </row>
    <row r="384266" spans="8:8">
      <c r="H384266" s="12"/>
    </row>
    <row r="384267" spans="8:8">
      <c r="H384267" s="12"/>
    </row>
    <row r="384268" spans="8:8">
      <c r="H384268" s="12"/>
    </row>
    <row r="384269" spans="8:8">
      <c r="H384269" s="12"/>
    </row>
    <row r="384270" spans="8:8">
      <c r="H384270" s="12"/>
    </row>
    <row r="384271" spans="8:8">
      <c r="H384271" s="12"/>
    </row>
    <row r="384272" spans="8:8">
      <c r="H384272" s="12"/>
    </row>
    <row r="384273" spans="8:8">
      <c r="H384273" s="12"/>
    </row>
    <row r="384274" spans="8:8">
      <c r="H384274" s="12"/>
    </row>
    <row r="384275" spans="8:8">
      <c r="H384275" s="12"/>
    </row>
    <row r="384276" spans="8:8">
      <c r="H384276" s="12"/>
    </row>
    <row r="384277" spans="8:8">
      <c r="H384277" s="12"/>
    </row>
    <row r="384278" spans="8:8">
      <c r="H384278" s="12"/>
    </row>
    <row r="384279" spans="8:8">
      <c r="H384279" s="12"/>
    </row>
    <row r="384280" spans="8:8">
      <c r="H384280" s="12"/>
    </row>
    <row r="384281" spans="8:8">
      <c r="H384281" s="12"/>
    </row>
    <row r="384282" spans="8:8">
      <c r="H384282" s="12"/>
    </row>
    <row r="384283" spans="8:8">
      <c r="H384283" s="12"/>
    </row>
    <row r="384284" spans="8:8">
      <c r="H384284" s="12"/>
    </row>
    <row r="384285" spans="8:8">
      <c r="H384285" s="12"/>
    </row>
    <row r="384286" spans="8:8">
      <c r="H384286" s="12"/>
    </row>
    <row r="384287" spans="8:8">
      <c r="H384287" s="12"/>
    </row>
    <row r="384288" spans="8:8">
      <c r="H384288" s="12"/>
    </row>
    <row r="384289" spans="8:8">
      <c r="H384289" s="12"/>
    </row>
    <row r="384290" spans="8:8">
      <c r="H384290" s="12"/>
    </row>
    <row r="384291" spans="8:8">
      <c r="H384291" s="12"/>
    </row>
    <row r="384292" spans="8:8">
      <c r="H384292" s="12"/>
    </row>
    <row r="384293" spans="8:8">
      <c r="H384293" s="12"/>
    </row>
    <row r="384294" spans="8:8">
      <c r="H384294" s="12"/>
    </row>
    <row r="384295" spans="8:8">
      <c r="H384295" s="12"/>
    </row>
    <row r="384296" spans="8:8">
      <c r="H384296" s="12"/>
    </row>
    <row r="384297" spans="8:8">
      <c r="H384297" s="12"/>
    </row>
    <row r="384298" spans="8:8">
      <c r="H384298" s="12"/>
    </row>
    <row r="384299" spans="8:8">
      <c r="H384299" s="12"/>
    </row>
    <row r="384300" spans="8:8">
      <c r="H384300" s="12"/>
    </row>
    <row r="384301" spans="8:8">
      <c r="H384301" s="12"/>
    </row>
    <row r="384302" spans="8:8">
      <c r="H384302" s="12"/>
    </row>
    <row r="384303" spans="8:8">
      <c r="H384303" s="12"/>
    </row>
    <row r="384304" spans="8:8">
      <c r="H384304" s="12"/>
    </row>
    <row r="384305" spans="8:8">
      <c r="H384305" s="12"/>
    </row>
    <row r="384306" spans="8:8">
      <c r="H384306" s="12"/>
    </row>
    <row r="384307" spans="8:8">
      <c r="H384307" s="12"/>
    </row>
    <row r="384308" spans="8:8">
      <c r="H384308" s="12"/>
    </row>
    <row r="384309" spans="8:8">
      <c r="H384309" s="12"/>
    </row>
    <row r="384310" spans="8:8">
      <c r="H384310" s="12"/>
    </row>
    <row r="384311" spans="8:8">
      <c r="H384311" s="12"/>
    </row>
    <row r="384312" spans="8:8">
      <c r="H384312" s="12"/>
    </row>
    <row r="384313" spans="8:8">
      <c r="H384313" s="12"/>
    </row>
    <row r="384314" spans="8:8">
      <c r="H384314" s="12"/>
    </row>
    <row r="384315" spans="8:8">
      <c r="H384315" s="12"/>
    </row>
    <row r="384316" spans="8:8">
      <c r="H384316" s="12"/>
    </row>
    <row r="384317" spans="8:8">
      <c r="H384317" s="12"/>
    </row>
    <row r="384318" spans="8:8">
      <c r="H384318" s="12"/>
    </row>
    <row r="384319" spans="8:8">
      <c r="H384319" s="12"/>
    </row>
    <row r="384320" spans="8:8">
      <c r="H384320" s="12"/>
    </row>
    <row r="384321" spans="8:8">
      <c r="H384321" s="12"/>
    </row>
    <row r="384322" spans="8:8">
      <c r="H384322" s="12"/>
    </row>
    <row r="384323" spans="8:8">
      <c r="H384323" s="12"/>
    </row>
    <row r="384324" spans="8:8">
      <c r="H384324" s="12"/>
    </row>
    <row r="384325" spans="8:8">
      <c r="H384325" s="12"/>
    </row>
    <row r="384326" spans="8:8">
      <c r="H384326" s="12"/>
    </row>
    <row r="384327" spans="8:8">
      <c r="H384327" s="12"/>
    </row>
    <row r="384328" spans="8:8">
      <c r="H384328" s="12"/>
    </row>
    <row r="384329" spans="8:8">
      <c r="H384329" s="12"/>
    </row>
    <row r="384330" spans="8:8">
      <c r="H384330" s="12"/>
    </row>
    <row r="384331" spans="8:8">
      <c r="H384331" s="12"/>
    </row>
    <row r="384332" spans="8:8">
      <c r="H384332" s="12"/>
    </row>
    <row r="384333" spans="8:8">
      <c r="H384333" s="12"/>
    </row>
    <row r="384334" spans="8:8">
      <c r="H384334" s="12"/>
    </row>
    <row r="384335" spans="8:8">
      <c r="H384335" s="12"/>
    </row>
    <row r="384336" spans="8:8">
      <c r="H384336" s="12"/>
    </row>
    <row r="384337" spans="8:8">
      <c r="H384337" s="12"/>
    </row>
    <row r="384338" spans="8:8">
      <c r="H384338" s="12"/>
    </row>
    <row r="384339" spans="8:8">
      <c r="H384339" s="12"/>
    </row>
    <row r="384340" spans="8:8">
      <c r="H384340" s="12"/>
    </row>
    <row r="384341" spans="8:8">
      <c r="H384341" s="12"/>
    </row>
    <row r="384342" spans="8:8">
      <c r="H384342" s="12"/>
    </row>
    <row r="384343" spans="8:8">
      <c r="H384343" s="12"/>
    </row>
    <row r="384344" spans="8:8">
      <c r="H384344" s="12"/>
    </row>
    <row r="384345" spans="8:8">
      <c r="H384345" s="12"/>
    </row>
    <row r="384346" spans="8:8">
      <c r="H384346" s="12"/>
    </row>
    <row r="384347" spans="8:8">
      <c r="H384347" s="12"/>
    </row>
    <row r="384348" spans="8:8">
      <c r="H384348" s="12"/>
    </row>
    <row r="384349" spans="8:8">
      <c r="H384349" s="12"/>
    </row>
    <row r="384350" spans="8:8">
      <c r="H384350" s="12"/>
    </row>
    <row r="384351" spans="8:8">
      <c r="H384351" s="12"/>
    </row>
    <row r="384352" spans="8:8">
      <c r="H384352" s="12"/>
    </row>
    <row r="384353" spans="8:8">
      <c r="H384353" s="12"/>
    </row>
    <row r="384354" spans="8:8">
      <c r="H384354" s="12"/>
    </row>
    <row r="384355" spans="8:8">
      <c r="H384355" s="12"/>
    </row>
    <row r="384356" spans="8:8">
      <c r="H384356" s="12"/>
    </row>
    <row r="384357" spans="8:8">
      <c r="H384357" s="12"/>
    </row>
    <row r="384358" spans="8:8">
      <c r="H384358" s="12"/>
    </row>
    <row r="384359" spans="8:8">
      <c r="H384359" s="12"/>
    </row>
    <row r="384360" spans="8:8">
      <c r="H384360" s="12"/>
    </row>
    <row r="384361" spans="8:8">
      <c r="H384361" s="12"/>
    </row>
    <row r="384362" spans="8:8">
      <c r="H384362" s="12"/>
    </row>
    <row r="384363" spans="8:8">
      <c r="H384363" s="12"/>
    </row>
    <row r="384364" spans="8:8">
      <c r="H384364" s="12"/>
    </row>
    <row r="384365" spans="8:8">
      <c r="H384365" s="12"/>
    </row>
    <row r="384366" spans="8:8">
      <c r="H384366" s="12"/>
    </row>
    <row r="384367" spans="8:8">
      <c r="H384367" s="12"/>
    </row>
    <row r="384368" spans="8:8">
      <c r="H384368" s="12"/>
    </row>
    <row r="384369" spans="8:8">
      <c r="H384369" s="12"/>
    </row>
    <row r="384370" spans="8:8">
      <c r="H384370" s="12"/>
    </row>
    <row r="384371" spans="8:8">
      <c r="H384371" s="12"/>
    </row>
    <row r="384372" spans="8:8">
      <c r="H384372" s="12"/>
    </row>
    <row r="384373" spans="8:8">
      <c r="H384373" s="12"/>
    </row>
    <row r="384374" spans="8:8">
      <c r="H384374" s="12"/>
    </row>
    <row r="384375" spans="8:8">
      <c r="H384375" s="12"/>
    </row>
    <row r="384376" spans="8:8">
      <c r="H384376" s="12"/>
    </row>
    <row r="384377" spans="8:8">
      <c r="H384377" s="12"/>
    </row>
    <row r="384378" spans="8:8">
      <c r="H384378" s="12"/>
    </row>
    <row r="384379" spans="8:8">
      <c r="H384379" s="12"/>
    </row>
    <row r="384380" spans="8:8">
      <c r="H384380" s="12"/>
    </row>
    <row r="384381" spans="8:8">
      <c r="H384381" s="12"/>
    </row>
    <row r="384382" spans="8:8">
      <c r="H384382" s="12"/>
    </row>
    <row r="384383" spans="8:8">
      <c r="H384383" s="12"/>
    </row>
    <row r="384384" spans="8:8">
      <c r="H384384" s="12"/>
    </row>
    <row r="384385" spans="8:8">
      <c r="H384385" s="12"/>
    </row>
    <row r="384386" spans="8:8">
      <c r="H384386" s="12"/>
    </row>
    <row r="384387" spans="8:8">
      <c r="H384387" s="12"/>
    </row>
    <row r="384388" spans="8:8">
      <c r="H384388" s="12"/>
    </row>
    <row r="384389" spans="8:8">
      <c r="H384389" s="12"/>
    </row>
    <row r="384390" spans="8:8">
      <c r="H384390" s="12"/>
    </row>
    <row r="384391" spans="8:8">
      <c r="H384391" s="12"/>
    </row>
    <row r="384392" spans="8:8">
      <c r="H384392" s="12"/>
    </row>
    <row r="384393" spans="8:8">
      <c r="H384393" s="12"/>
    </row>
    <row r="384394" spans="8:8">
      <c r="H384394" s="12"/>
    </row>
    <row r="384395" spans="8:8">
      <c r="H384395" s="12"/>
    </row>
    <row r="384396" spans="8:8">
      <c r="H384396" s="12"/>
    </row>
    <row r="384397" spans="8:8">
      <c r="H384397" s="12"/>
    </row>
    <row r="384398" spans="8:8">
      <c r="H384398" s="12"/>
    </row>
    <row r="384399" spans="8:8">
      <c r="H384399" s="12"/>
    </row>
    <row r="384400" spans="8:8">
      <c r="H384400" s="12"/>
    </row>
    <row r="384401" spans="8:8">
      <c r="H384401" s="12"/>
    </row>
    <row r="384402" spans="8:8">
      <c r="H384402" s="12"/>
    </row>
    <row r="384403" spans="8:8">
      <c r="H384403" s="12"/>
    </row>
    <row r="384404" spans="8:8">
      <c r="H384404" s="12"/>
    </row>
    <row r="384405" spans="8:8">
      <c r="H384405" s="12"/>
    </row>
    <row r="384406" spans="8:8">
      <c r="H384406" s="12"/>
    </row>
    <row r="384407" spans="8:8">
      <c r="H384407" s="12"/>
    </row>
    <row r="384408" spans="8:8">
      <c r="H384408" s="12"/>
    </row>
    <row r="384409" spans="8:8">
      <c r="H384409" s="12"/>
    </row>
    <row r="384410" spans="8:8">
      <c r="H384410" s="12"/>
    </row>
    <row r="384411" spans="8:8">
      <c r="H384411" s="12"/>
    </row>
    <row r="384412" spans="8:8">
      <c r="H384412" s="12"/>
    </row>
    <row r="384413" spans="8:8">
      <c r="H384413" s="12"/>
    </row>
    <row r="384414" spans="8:8">
      <c r="H384414" s="12"/>
    </row>
    <row r="384415" spans="8:8">
      <c r="H384415" s="12"/>
    </row>
    <row r="384416" spans="8:8">
      <c r="H384416" s="12"/>
    </row>
    <row r="384417" spans="8:8">
      <c r="H384417" s="12"/>
    </row>
    <row r="384418" spans="8:8">
      <c r="H384418" s="12"/>
    </row>
    <row r="384419" spans="8:8">
      <c r="H384419" s="12"/>
    </row>
    <row r="384420" spans="8:8">
      <c r="H384420" s="12"/>
    </row>
    <row r="384421" spans="8:8">
      <c r="H384421" s="12"/>
    </row>
    <row r="384422" spans="8:8">
      <c r="H384422" s="12"/>
    </row>
    <row r="384423" spans="8:8">
      <c r="H384423" s="12"/>
    </row>
    <row r="384424" spans="8:8">
      <c r="H384424" s="12"/>
    </row>
    <row r="384425" spans="8:8">
      <c r="H384425" s="12"/>
    </row>
    <row r="384426" spans="8:8">
      <c r="H384426" s="12"/>
    </row>
    <row r="384427" spans="8:8">
      <c r="H384427" s="12"/>
    </row>
    <row r="384428" spans="8:8">
      <c r="H384428" s="12"/>
    </row>
    <row r="384429" spans="8:8">
      <c r="H384429" s="12"/>
    </row>
    <row r="384430" spans="8:8">
      <c r="H384430" s="12"/>
    </row>
    <row r="384431" spans="8:8">
      <c r="H384431" s="12"/>
    </row>
    <row r="384432" spans="8:8">
      <c r="H384432" s="12"/>
    </row>
    <row r="384433" spans="8:8">
      <c r="H384433" s="12"/>
    </row>
    <row r="384434" spans="8:8">
      <c r="H384434" s="12"/>
    </row>
    <row r="384435" spans="8:8">
      <c r="H384435" s="12"/>
    </row>
    <row r="384436" spans="8:8">
      <c r="H384436" s="12"/>
    </row>
    <row r="384437" spans="8:8">
      <c r="H384437" s="12"/>
    </row>
    <row r="384438" spans="8:8">
      <c r="H384438" s="12"/>
    </row>
    <row r="384439" spans="8:8">
      <c r="H384439" s="12"/>
    </row>
    <row r="384440" spans="8:8">
      <c r="H384440" s="12"/>
    </row>
    <row r="384441" spans="8:8">
      <c r="H384441" s="12"/>
    </row>
    <row r="384442" spans="8:8">
      <c r="H384442" s="12"/>
    </row>
    <row r="384443" spans="8:8">
      <c r="H384443" s="12"/>
    </row>
    <row r="384444" spans="8:8">
      <c r="H384444" s="12"/>
    </row>
    <row r="384445" spans="8:8">
      <c r="H384445" s="12"/>
    </row>
    <row r="384446" spans="8:8">
      <c r="H384446" s="12"/>
    </row>
    <row r="384447" spans="8:8">
      <c r="H384447" s="12"/>
    </row>
    <row r="384448" spans="8:8">
      <c r="H384448" s="12"/>
    </row>
    <row r="384449" spans="8:8">
      <c r="H384449" s="12"/>
    </row>
    <row r="384450" spans="8:8">
      <c r="H384450" s="12"/>
    </row>
    <row r="384451" spans="8:8">
      <c r="H384451" s="12"/>
    </row>
    <row r="384452" spans="8:8">
      <c r="H384452" s="12"/>
    </row>
    <row r="384453" spans="8:8">
      <c r="H384453" s="12"/>
    </row>
    <row r="384454" spans="8:8">
      <c r="H384454" s="12"/>
    </row>
    <row r="384455" spans="8:8">
      <c r="H384455" s="12"/>
    </row>
    <row r="384456" spans="8:8">
      <c r="H384456" s="12"/>
    </row>
    <row r="384457" spans="8:8">
      <c r="H384457" s="12"/>
    </row>
    <row r="384458" spans="8:8">
      <c r="H384458" s="12"/>
    </row>
    <row r="384459" spans="8:8">
      <c r="H384459" s="12"/>
    </row>
    <row r="384460" spans="8:8">
      <c r="H384460" s="12"/>
    </row>
    <row r="384461" spans="8:8">
      <c r="H384461" s="12"/>
    </row>
    <row r="384462" spans="8:8">
      <c r="H384462" s="12"/>
    </row>
    <row r="384463" spans="8:8">
      <c r="H384463" s="12"/>
    </row>
    <row r="384464" spans="8:8">
      <c r="H384464" s="12"/>
    </row>
    <row r="384465" spans="8:8">
      <c r="H384465" s="12"/>
    </row>
    <row r="384466" spans="8:8">
      <c r="H384466" s="12"/>
    </row>
    <row r="384467" spans="8:8">
      <c r="H384467" s="12"/>
    </row>
    <row r="384468" spans="8:8">
      <c r="H384468" s="12"/>
    </row>
    <row r="384469" spans="8:8">
      <c r="H384469" s="12"/>
    </row>
    <row r="384470" spans="8:8">
      <c r="H384470" s="12"/>
    </row>
    <row r="384471" spans="8:8">
      <c r="H384471" s="12"/>
    </row>
    <row r="384472" spans="8:8">
      <c r="H384472" s="12"/>
    </row>
    <row r="384473" spans="8:8">
      <c r="H384473" s="12"/>
    </row>
    <row r="384474" spans="8:8">
      <c r="H384474" s="12"/>
    </row>
    <row r="384475" spans="8:8">
      <c r="H384475" s="12"/>
    </row>
    <row r="384476" spans="8:8">
      <c r="H384476" s="12"/>
    </row>
    <row r="384477" spans="8:8">
      <c r="H384477" s="12"/>
    </row>
    <row r="384478" spans="8:8">
      <c r="H384478" s="12"/>
    </row>
    <row r="384479" spans="8:8">
      <c r="H384479" s="12"/>
    </row>
    <row r="384480" spans="8:8">
      <c r="H384480" s="12"/>
    </row>
    <row r="384481" spans="8:8">
      <c r="H384481" s="12"/>
    </row>
    <row r="384482" spans="8:8">
      <c r="H384482" s="12"/>
    </row>
    <row r="384483" spans="8:8">
      <c r="H384483" s="12"/>
    </row>
    <row r="384484" spans="8:8">
      <c r="H384484" s="12"/>
    </row>
    <row r="384485" spans="8:8">
      <c r="H384485" s="12"/>
    </row>
    <row r="384486" spans="8:8">
      <c r="H384486" s="12"/>
    </row>
    <row r="384487" spans="8:8">
      <c r="H384487" s="12"/>
    </row>
    <row r="384488" spans="8:8">
      <c r="H384488" s="12"/>
    </row>
    <row r="384489" spans="8:8">
      <c r="H384489" s="12"/>
    </row>
    <row r="384490" spans="8:8">
      <c r="H384490" s="12"/>
    </row>
    <row r="384491" spans="8:8">
      <c r="H384491" s="12"/>
    </row>
    <row r="384492" spans="8:8">
      <c r="H384492" s="12"/>
    </row>
    <row r="384493" spans="8:8">
      <c r="H384493" s="12"/>
    </row>
    <row r="384494" spans="8:8">
      <c r="H384494" s="12"/>
    </row>
    <row r="384495" spans="8:8">
      <c r="H384495" s="12"/>
    </row>
    <row r="384496" spans="8:8">
      <c r="H384496" s="12"/>
    </row>
    <row r="384497" spans="8:8">
      <c r="H384497" s="12"/>
    </row>
    <row r="384498" spans="8:8">
      <c r="H384498" s="12"/>
    </row>
    <row r="384499" spans="8:8">
      <c r="H384499" s="12"/>
    </row>
    <row r="384500" spans="8:8">
      <c r="H384500" s="12"/>
    </row>
    <row r="384501" spans="8:8">
      <c r="H384501" s="12"/>
    </row>
    <row r="384502" spans="8:8">
      <c r="H384502" s="12"/>
    </row>
    <row r="384503" spans="8:8">
      <c r="H384503" s="12"/>
    </row>
    <row r="384504" spans="8:8">
      <c r="H384504" s="12"/>
    </row>
    <row r="384505" spans="8:8">
      <c r="H384505" s="12"/>
    </row>
    <row r="384506" spans="8:8">
      <c r="H384506" s="12"/>
    </row>
    <row r="384507" spans="8:8">
      <c r="H384507" s="12"/>
    </row>
    <row r="384508" spans="8:8">
      <c r="H384508" s="12"/>
    </row>
    <row r="384509" spans="8:8">
      <c r="H384509" s="12"/>
    </row>
    <row r="384510" spans="8:8">
      <c r="H384510" s="12"/>
    </row>
    <row r="384511" spans="8:8">
      <c r="H384511" s="12"/>
    </row>
    <row r="384512" spans="8:8">
      <c r="H384512" s="12"/>
    </row>
    <row r="384513" spans="8:8">
      <c r="H384513" s="12"/>
    </row>
    <row r="384514" spans="8:8">
      <c r="H384514" s="12"/>
    </row>
    <row r="384515" spans="8:8">
      <c r="H384515" s="12"/>
    </row>
    <row r="384516" spans="8:8">
      <c r="H384516" s="12"/>
    </row>
    <row r="384517" spans="8:8">
      <c r="H384517" s="12"/>
    </row>
    <row r="384518" spans="8:8">
      <c r="H384518" s="12"/>
    </row>
    <row r="384519" spans="8:8">
      <c r="H384519" s="12"/>
    </row>
    <row r="384520" spans="8:8">
      <c r="H384520" s="12"/>
    </row>
    <row r="384521" spans="8:8">
      <c r="H384521" s="12"/>
    </row>
    <row r="384522" spans="8:8">
      <c r="H384522" s="12"/>
    </row>
    <row r="384523" spans="8:8">
      <c r="H384523" s="12"/>
    </row>
    <row r="384524" spans="8:8">
      <c r="H384524" s="12"/>
    </row>
    <row r="384525" spans="8:8">
      <c r="H384525" s="12"/>
    </row>
    <row r="384526" spans="8:8">
      <c r="H384526" s="12"/>
    </row>
    <row r="384527" spans="8:8">
      <c r="H384527" s="12"/>
    </row>
    <row r="384528" spans="8:8">
      <c r="H384528" s="12"/>
    </row>
    <row r="384529" spans="8:8">
      <c r="H384529" s="12"/>
    </row>
    <row r="384530" spans="8:8">
      <c r="H384530" s="12"/>
    </row>
    <row r="384531" spans="8:8">
      <c r="H384531" s="12"/>
    </row>
    <row r="384532" spans="8:8">
      <c r="H384532" s="12"/>
    </row>
    <row r="384533" spans="8:8">
      <c r="H384533" s="12"/>
    </row>
    <row r="384534" spans="8:8">
      <c r="H384534" s="12"/>
    </row>
    <row r="384535" spans="8:8">
      <c r="H384535" s="12"/>
    </row>
    <row r="384536" spans="8:8">
      <c r="H384536" s="12"/>
    </row>
    <row r="384537" spans="8:8">
      <c r="H384537" s="12"/>
    </row>
    <row r="384538" spans="8:8">
      <c r="H384538" s="12"/>
    </row>
    <row r="384539" spans="8:8">
      <c r="H384539" s="12"/>
    </row>
    <row r="384540" spans="8:8">
      <c r="H384540" s="12"/>
    </row>
    <row r="384541" spans="8:8">
      <c r="H384541" s="12"/>
    </row>
    <row r="384542" spans="8:8">
      <c r="H384542" s="12"/>
    </row>
    <row r="384543" spans="8:8">
      <c r="H384543" s="12"/>
    </row>
    <row r="384544" spans="8:8">
      <c r="H384544" s="12"/>
    </row>
    <row r="384545" spans="8:8">
      <c r="H384545" s="12"/>
    </row>
    <row r="384546" spans="8:8">
      <c r="H384546" s="12"/>
    </row>
    <row r="384547" spans="8:8">
      <c r="H384547" s="12"/>
    </row>
    <row r="384548" spans="8:8">
      <c r="H384548" s="12"/>
    </row>
    <row r="384549" spans="8:8">
      <c r="H384549" s="12"/>
    </row>
    <row r="384550" spans="8:8">
      <c r="H384550" s="12"/>
    </row>
    <row r="384551" spans="8:8">
      <c r="H384551" s="12"/>
    </row>
    <row r="384552" spans="8:8">
      <c r="H384552" s="12"/>
    </row>
    <row r="384553" spans="8:8">
      <c r="H384553" s="12"/>
    </row>
    <row r="384554" spans="8:8">
      <c r="H384554" s="12"/>
    </row>
    <row r="384555" spans="8:8">
      <c r="H384555" s="12"/>
    </row>
    <row r="384556" spans="8:8">
      <c r="H384556" s="12"/>
    </row>
    <row r="384557" spans="8:8">
      <c r="H384557" s="12"/>
    </row>
    <row r="384558" spans="8:8">
      <c r="H384558" s="12"/>
    </row>
    <row r="384559" spans="8:8">
      <c r="H384559" s="12"/>
    </row>
    <row r="384560" spans="8:8">
      <c r="H384560" s="12"/>
    </row>
    <row r="384561" spans="8:8">
      <c r="H384561" s="12"/>
    </row>
    <row r="384562" spans="8:8">
      <c r="H384562" s="12"/>
    </row>
    <row r="384563" spans="8:8">
      <c r="H384563" s="12"/>
    </row>
    <row r="384564" spans="8:8">
      <c r="H384564" s="12"/>
    </row>
    <row r="384565" spans="8:8">
      <c r="H384565" s="12"/>
    </row>
    <row r="384566" spans="8:8">
      <c r="H384566" s="12"/>
    </row>
    <row r="384567" spans="8:8">
      <c r="H384567" s="12"/>
    </row>
    <row r="384568" spans="8:8">
      <c r="H384568" s="12"/>
    </row>
    <row r="384569" spans="8:8">
      <c r="H384569" s="12"/>
    </row>
    <row r="384570" spans="8:8">
      <c r="H384570" s="12"/>
    </row>
    <row r="384571" spans="8:8">
      <c r="H384571" s="12"/>
    </row>
    <row r="384572" spans="8:8">
      <c r="H384572" s="12"/>
    </row>
    <row r="384573" spans="8:8">
      <c r="H384573" s="12"/>
    </row>
    <row r="384574" spans="8:8">
      <c r="H384574" s="12"/>
    </row>
    <row r="384575" spans="8:8">
      <c r="H384575" s="12"/>
    </row>
    <row r="384576" spans="8:8">
      <c r="H384576" s="12"/>
    </row>
    <row r="384577" spans="8:8">
      <c r="H384577" s="12"/>
    </row>
    <row r="384578" spans="8:8">
      <c r="H384578" s="12"/>
    </row>
    <row r="384579" spans="8:8">
      <c r="H384579" s="12"/>
    </row>
    <row r="384580" spans="8:8">
      <c r="H384580" s="12"/>
    </row>
    <row r="384581" spans="8:8">
      <c r="H384581" s="12"/>
    </row>
    <row r="384582" spans="8:8">
      <c r="H384582" s="12"/>
    </row>
    <row r="384583" spans="8:8">
      <c r="H384583" s="12"/>
    </row>
    <row r="384584" spans="8:8">
      <c r="H384584" s="12"/>
    </row>
    <row r="384585" spans="8:8">
      <c r="H384585" s="12"/>
    </row>
    <row r="384586" spans="8:8">
      <c r="H384586" s="12"/>
    </row>
    <row r="384587" spans="8:8">
      <c r="H384587" s="12"/>
    </row>
    <row r="384588" spans="8:8">
      <c r="H384588" s="12"/>
    </row>
    <row r="384589" spans="8:8">
      <c r="H384589" s="12"/>
    </row>
    <row r="384590" spans="8:8">
      <c r="H384590" s="12"/>
    </row>
    <row r="384591" spans="8:8">
      <c r="H384591" s="12"/>
    </row>
    <row r="384592" spans="8:8">
      <c r="H384592" s="12"/>
    </row>
    <row r="384593" spans="8:8">
      <c r="H384593" s="12"/>
    </row>
    <row r="384594" spans="8:8">
      <c r="H384594" s="12"/>
    </row>
    <row r="384595" spans="8:8">
      <c r="H384595" s="12"/>
    </row>
    <row r="384596" spans="8:8">
      <c r="H384596" s="12"/>
    </row>
    <row r="384597" spans="8:8">
      <c r="H384597" s="12"/>
    </row>
    <row r="384598" spans="8:8">
      <c r="H384598" s="12"/>
    </row>
    <row r="384599" spans="8:8">
      <c r="H384599" s="12"/>
    </row>
    <row r="384600" spans="8:8">
      <c r="H384600" s="12"/>
    </row>
    <row r="384601" spans="8:8">
      <c r="H384601" s="12"/>
    </row>
    <row r="384602" spans="8:8">
      <c r="H384602" s="12"/>
    </row>
    <row r="384603" spans="8:8">
      <c r="H384603" s="12"/>
    </row>
    <row r="384604" spans="8:8">
      <c r="H384604" s="12"/>
    </row>
    <row r="384605" spans="8:8">
      <c r="H384605" s="12"/>
    </row>
    <row r="384606" spans="8:8">
      <c r="H384606" s="12"/>
    </row>
    <row r="384607" spans="8:8">
      <c r="H384607" s="12"/>
    </row>
    <row r="384608" spans="8:8">
      <c r="H384608" s="12"/>
    </row>
    <row r="384609" spans="8:8">
      <c r="H384609" s="12"/>
    </row>
    <row r="384610" spans="8:8">
      <c r="H384610" s="12"/>
    </row>
    <row r="384611" spans="8:8">
      <c r="H384611" s="12"/>
    </row>
    <row r="384612" spans="8:8">
      <c r="H384612" s="12"/>
    </row>
    <row r="384613" spans="8:8">
      <c r="H384613" s="12"/>
    </row>
    <row r="384614" spans="8:8">
      <c r="H384614" s="12"/>
    </row>
    <row r="384615" spans="8:8">
      <c r="H384615" s="12"/>
    </row>
    <row r="384616" spans="8:8">
      <c r="H384616" s="12"/>
    </row>
    <row r="384617" spans="8:8">
      <c r="H384617" s="12"/>
    </row>
    <row r="384618" spans="8:8">
      <c r="H384618" s="12"/>
    </row>
    <row r="384619" spans="8:8">
      <c r="H384619" s="12"/>
    </row>
    <row r="384620" spans="8:8">
      <c r="H384620" s="12"/>
    </row>
    <row r="384621" spans="8:8">
      <c r="H384621" s="12"/>
    </row>
    <row r="384622" spans="8:8">
      <c r="H384622" s="12"/>
    </row>
    <row r="384623" spans="8:8">
      <c r="H384623" s="12"/>
    </row>
    <row r="384624" spans="8:8">
      <c r="H384624" s="12"/>
    </row>
    <row r="384625" spans="8:8">
      <c r="H384625" s="12"/>
    </row>
    <row r="384626" spans="8:8">
      <c r="H384626" s="12"/>
    </row>
    <row r="384627" spans="8:8">
      <c r="H384627" s="12"/>
    </row>
    <row r="384628" spans="8:8">
      <c r="H384628" s="12"/>
    </row>
    <row r="384629" spans="8:8">
      <c r="H384629" s="12"/>
    </row>
    <row r="384630" spans="8:8">
      <c r="H384630" s="12"/>
    </row>
    <row r="384631" spans="8:8">
      <c r="H384631" s="12"/>
    </row>
    <row r="384632" spans="8:8">
      <c r="H384632" s="12"/>
    </row>
    <row r="384633" spans="8:8">
      <c r="H384633" s="12"/>
    </row>
    <row r="384634" spans="8:8">
      <c r="H384634" s="12"/>
    </row>
    <row r="384635" spans="8:8">
      <c r="H384635" s="12"/>
    </row>
    <row r="384636" spans="8:8">
      <c r="H384636" s="12"/>
    </row>
    <row r="384637" spans="8:8">
      <c r="H384637" s="12"/>
    </row>
    <row r="384638" spans="8:8">
      <c r="H384638" s="12"/>
    </row>
    <row r="384639" spans="8:8">
      <c r="H384639" s="12"/>
    </row>
    <row r="384640" spans="8:8">
      <c r="H384640" s="12"/>
    </row>
    <row r="384641" spans="8:8">
      <c r="H384641" s="12"/>
    </row>
    <row r="384642" spans="8:8">
      <c r="H384642" s="12"/>
    </row>
    <row r="384643" spans="8:8">
      <c r="H384643" s="12"/>
    </row>
    <row r="384644" spans="8:8">
      <c r="H384644" s="12"/>
    </row>
    <row r="384645" spans="8:8">
      <c r="H384645" s="12"/>
    </row>
    <row r="384646" spans="8:8">
      <c r="H384646" s="12"/>
    </row>
    <row r="384647" spans="8:8">
      <c r="H384647" s="12"/>
    </row>
    <row r="384648" spans="8:8">
      <c r="H384648" s="12"/>
    </row>
    <row r="384649" spans="8:8">
      <c r="H384649" s="12"/>
    </row>
    <row r="384650" spans="8:8">
      <c r="H384650" s="12"/>
    </row>
    <row r="384651" spans="8:8">
      <c r="H384651" s="12"/>
    </row>
    <row r="384652" spans="8:8">
      <c r="H384652" s="12"/>
    </row>
    <row r="384653" spans="8:8">
      <c r="H384653" s="12"/>
    </row>
    <row r="384654" spans="8:8">
      <c r="H384654" s="12"/>
    </row>
    <row r="384655" spans="8:8">
      <c r="H384655" s="12"/>
    </row>
    <row r="384656" spans="8:8">
      <c r="H384656" s="12"/>
    </row>
    <row r="384657" spans="8:8">
      <c r="H384657" s="12"/>
    </row>
    <row r="384658" spans="8:8">
      <c r="H384658" s="12"/>
    </row>
    <row r="384659" spans="8:8">
      <c r="H384659" s="12"/>
    </row>
    <row r="384660" spans="8:8">
      <c r="H384660" s="12"/>
    </row>
    <row r="384661" spans="8:8">
      <c r="H384661" s="12"/>
    </row>
    <row r="384662" spans="8:8">
      <c r="H384662" s="12"/>
    </row>
    <row r="384663" spans="8:8">
      <c r="H384663" s="12"/>
    </row>
    <row r="384664" spans="8:8">
      <c r="H384664" s="12"/>
    </row>
    <row r="384665" spans="8:8">
      <c r="H384665" s="12"/>
    </row>
    <row r="384666" spans="8:8">
      <c r="H384666" s="12"/>
    </row>
    <row r="384667" spans="8:8">
      <c r="H384667" s="12"/>
    </row>
    <row r="384668" spans="8:8">
      <c r="H384668" s="12"/>
    </row>
    <row r="384669" spans="8:8">
      <c r="H384669" s="12"/>
    </row>
    <row r="384670" spans="8:8">
      <c r="H384670" s="12"/>
    </row>
    <row r="384671" spans="8:8">
      <c r="H384671" s="12"/>
    </row>
    <row r="384672" spans="8:8">
      <c r="H384672" s="12"/>
    </row>
    <row r="384673" spans="8:8">
      <c r="H384673" s="12"/>
    </row>
    <row r="384674" spans="8:8">
      <c r="H384674" s="12"/>
    </row>
    <row r="384675" spans="8:8">
      <c r="H384675" s="12"/>
    </row>
    <row r="384676" spans="8:8">
      <c r="H384676" s="12"/>
    </row>
    <row r="384677" spans="8:8">
      <c r="H384677" s="12"/>
    </row>
    <row r="384678" spans="8:8">
      <c r="H384678" s="12"/>
    </row>
    <row r="384679" spans="8:8">
      <c r="H384679" s="12"/>
    </row>
    <row r="384680" spans="8:8">
      <c r="H384680" s="12"/>
    </row>
    <row r="384681" spans="8:8">
      <c r="H384681" s="12"/>
    </row>
    <row r="384682" spans="8:8">
      <c r="H384682" s="12"/>
    </row>
    <row r="384683" spans="8:8">
      <c r="H384683" s="12"/>
    </row>
    <row r="384684" spans="8:8">
      <c r="H384684" s="12"/>
    </row>
    <row r="384685" spans="8:8">
      <c r="H384685" s="12"/>
    </row>
    <row r="384686" spans="8:8">
      <c r="H384686" s="12"/>
    </row>
    <row r="384687" spans="8:8">
      <c r="H384687" s="12"/>
    </row>
    <row r="384688" spans="8:8">
      <c r="H384688" s="12"/>
    </row>
    <row r="384689" spans="8:8">
      <c r="H384689" s="12"/>
    </row>
    <row r="384690" spans="8:8">
      <c r="H384690" s="12"/>
    </row>
    <row r="384691" spans="8:8">
      <c r="H384691" s="12"/>
    </row>
    <row r="384692" spans="8:8">
      <c r="H384692" s="12"/>
    </row>
    <row r="384693" spans="8:8">
      <c r="H384693" s="12"/>
    </row>
    <row r="384694" spans="8:8">
      <c r="H384694" s="12"/>
    </row>
    <row r="384695" spans="8:8">
      <c r="H384695" s="12"/>
    </row>
    <row r="384696" spans="8:8">
      <c r="H384696" s="12"/>
    </row>
    <row r="384697" spans="8:8">
      <c r="H384697" s="12"/>
    </row>
    <row r="384698" spans="8:8">
      <c r="H384698" s="12"/>
    </row>
    <row r="384699" spans="8:8">
      <c r="H384699" s="12"/>
    </row>
    <row r="384700" spans="8:8">
      <c r="H384700" s="12"/>
    </row>
    <row r="384701" spans="8:8">
      <c r="H384701" s="12"/>
    </row>
    <row r="384702" spans="8:8">
      <c r="H384702" s="12"/>
    </row>
    <row r="384703" spans="8:8">
      <c r="H384703" s="12"/>
    </row>
    <row r="384704" spans="8:8">
      <c r="H384704" s="12"/>
    </row>
    <row r="384705" spans="8:8">
      <c r="H384705" s="12"/>
    </row>
    <row r="384706" spans="8:8">
      <c r="H384706" s="12"/>
    </row>
    <row r="384707" spans="8:8">
      <c r="H384707" s="12"/>
    </row>
    <row r="384708" spans="8:8">
      <c r="H384708" s="12"/>
    </row>
    <row r="384709" spans="8:8">
      <c r="H384709" s="12"/>
    </row>
    <row r="384710" spans="8:8">
      <c r="H384710" s="12"/>
    </row>
    <row r="384711" spans="8:8">
      <c r="H384711" s="12"/>
    </row>
    <row r="384712" spans="8:8">
      <c r="H384712" s="12"/>
    </row>
    <row r="384713" spans="8:8">
      <c r="H384713" s="12"/>
    </row>
    <row r="384714" spans="8:8">
      <c r="H384714" s="12"/>
    </row>
    <row r="384715" spans="8:8">
      <c r="H384715" s="12"/>
    </row>
    <row r="384716" spans="8:8">
      <c r="H384716" s="12"/>
    </row>
    <row r="384717" spans="8:8">
      <c r="H384717" s="12"/>
    </row>
    <row r="384718" spans="8:8">
      <c r="H384718" s="12"/>
    </row>
    <row r="384719" spans="8:8">
      <c r="H384719" s="12"/>
    </row>
    <row r="384720" spans="8:8">
      <c r="H384720" s="12"/>
    </row>
    <row r="384721" spans="8:8">
      <c r="H384721" s="12"/>
    </row>
    <row r="384722" spans="8:8">
      <c r="H384722" s="12"/>
    </row>
    <row r="384723" spans="8:8">
      <c r="H384723" s="12"/>
    </row>
    <row r="384724" spans="8:8">
      <c r="H384724" s="12"/>
    </row>
    <row r="384725" spans="8:8">
      <c r="H384725" s="12"/>
    </row>
    <row r="384726" spans="8:8">
      <c r="H384726" s="12"/>
    </row>
    <row r="384727" spans="8:8">
      <c r="H384727" s="12"/>
    </row>
    <row r="384728" spans="8:8">
      <c r="H384728" s="12"/>
    </row>
    <row r="384729" spans="8:8">
      <c r="H384729" s="12"/>
    </row>
    <row r="384730" spans="8:8">
      <c r="H384730" s="12"/>
    </row>
    <row r="384731" spans="8:8">
      <c r="H384731" s="12"/>
    </row>
    <row r="384732" spans="8:8">
      <c r="H384732" s="12"/>
    </row>
    <row r="384733" spans="8:8">
      <c r="H384733" s="12"/>
    </row>
    <row r="384734" spans="8:8">
      <c r="H384734" s="12"/>
    </row>
    <row r="384735" spans="8:8">
      <c r="H384735" s="12"/>
    </row>
    <row r="384736" spans="8:8">
      <c r="H384736" s="12"/>
    </row>
    <row r="384737" spans="8:8">
      <c r="H384737" s="12"/>
    </row>
    <row r="384738" spans="8:8">
      <c r="H384738" s="12"/>
    </row>
    <row r="384739" spans="8:8">
      <c r="H384739" s="12"/>
    </row>
    <row r="384740" spans="8:8">
      <c r="H384740" s="12"/>
    </row>
    <row r="384741" spans="8:8">
      <c r="H384741" s="12"/>
    </row>
    <row r="384742" spans="8:8">
      <c r="H384742" s="12"/>
    </row>
    <row r="384743" spans="8:8">
      <c r="H384743" s="12"/>
    </row>
    <row r="384744" spans="8:8">
      <c r="H384744" s="12"/>
    </row>
    <row r="384745" spans="8:8">
      <c r="H384745" s="12"/>
    </row>
    <row r="384746" spans="8:8">
      <c r="H384746" s="12"/>
    </row>
    <row r="384747" spans="8:8">
      <c r="H384747" s="12"/>
    </row>
    <row r="384748" spans="8:8">
      <c r="H384748" s="12"/>
    </row>
    <row r="384749" spans="8:8">
      <c r="H384749" s="12"/>
    </row>
    <row r="384750" spans="8:8">
      <c r="H384750" s="12"/>
    </row>
    <row r="384751" spans="8:8">
      <c r="H384751" s="12"/>
    </row>
    <row r="384752" spans="8:8">
      <c r="H384752" s="12"/>
    </row>
    <row r="384753" spans="8:8">
      <c r="H384753" s="12"/>
    </row>
    <row r="384754" spans="8:8">
      <c r="H384754" s="12"/>
    </row>
    <row r="384755" spans="8:8">
      <c r="H384755" s="12"/>
    </row>
    <row r="384756" spans="8:8">
      <c r="H384756" s="12"/>
    </row>
    <row r="384757" spans="8:8">
      <c r="H384757" s="12"/>
    </row>
    <row r="384758" spans="8:8">
      <c r="H384758" s="12"/>
    </row>
    <row r="384759" spans="8:8">
      <c r="H384759" s="12"/>
    </row>
    <row r="384760" spans="8:8">
      <c r="H384760" s="12"/>
    </row>
    <row r="384761" spans="8:8">
      <c r="H384761" s="12"/>
    </row>
    <row r="384762" spans="8:8">
      <c r="H384762" s="12"/>
    </row>
    <row r="384763" spans="8:8">
      <c r="H384763" s="12"/>
    </row>
    <row r="384764" spans="8:8">
      <c r="H384764" s="12"/>
    </row>
    <row r="384765" spans="8:8">
      <c r="H384765" s="12"/>
    </row>
    <row r="384766" spans="8:8">
      <c r="H384766" s="12"/>
    </row>
    <row r="384767" spans="8:8">
      <c r="H384767" s="12"/>
    </row>
    <row r="384768" spans="8:8">
      <c r="H384768" s="12"/>
    </row>
    <row r="384769" spans="8:8">
      <c r="H384769" s="12"/>
    </row>
    <row r="384770" spans="8:8">
      <c r="H384770" s="12"/>
    </row>
    <row r="384771" spans="8:8">
      <c r="H384771" s="12"/>
    </row>
    <row r="384772" spans="8:8">
      <c r="H384772" s="12"/>
    </row>
    <row r="384773" spans="8:8">
      <c r="H384773" s="12"/>
    </row>
    <row r="384774" spans="8:8">
      <c r="H384774" s="12"/>
    </row>
    <row r="384775" spans="8:8">
      <c r="H384775" s="12"/>
    </row>
    <row r="384776" spans="8:8">
      <c r="H384776" s="12"/>
    </row>
    <row r="384777" spans="8:8">
      <c r="H384777" s="12"/>
    </row>
    <row r="384778" spans="8:8">
      <c r="H384778" s="12"/>
    </row>
    <row r="384779" spans="8:8">
      <c r="H384779" s="12"/>
    </row>
    <row r="384780" spans="8:8">
      <c r="H384780" s="12"/>
    </row>
    <row r="384781" spans="8:8">
      <c r="H384781" s="12"/>
    </row>
    <row r="384782" spans="8:8">
      <c r="H384782" s="12"/>
    </row>
    <row r="384783" spans="8:8">
      <c r="H384783" s="12"/>
    </row>
    <row r="384784" spans="8:8">
      <c r="H384784" s="12"/>
    </row>
    <row r="384785" spans="8:8">
      <c r="H384785" s="12"/>
    </row>
    <row r="384786" spans="8:8">
      <c r="H384786" s="12"/>
    </row>
    <row r="384787" spans="8:8">
      <c r="H384787" s="12"/>
    </row>
    <row r="384788" spans="8:8">
      <c r="H384788" s="12"/>
    </row>
    <row r="384789" spans="8:8">
      <c r="H384789" s="12"/>
    </row>
    <row r="384790" spans="8:8">
      <c r="H384790" s="12"/>
    </row>
    <row r="384791" spans="8:8">
      <c r="H384791" s="12"/>
    </row>
    <row r="384792" spans="8:8">
      <c r="H384792" s="12"/>
    </row>
    <row r="384793" spans="8:8">
      <c r="H384793" s="12"/>
    </row>
    <row r="384794" spans="8:8">
      <c r="H384794" s="12"/>
    </row>
    <row r="384795" spans="8:8">
      <c r="H384795" s="12"/>
    </row>
    <row r="384796" spans="8:8">
      <c r="H384796" s="12"/>
    </row>
    <row r="384797" spans="8:8">
      <c r="H384797" s="12"/>
    </row>
    <row r="384798" spans="8:8">
      <c r="H384798" s="12"/>
    </row>
    <row r="384799" spans="8:8">
      <c r="H384799" s="12"/>
    </row>
    <row r="384800" spans="8:8">
      <c r="H384800" s="12"/>
    </row>
    <row r="384801" spans="8:8">
      <c r="H384801" s="12"/>
    </row>
    <row r="384802" spans="8:8">
      <c r="H384802" s="12"/>
    </row>
    <row r="384803" spans="8:8">
      <c r="H384803" s="12"/>
    </row>
    <row r="384804" spans="8:8">
      <c r="H384804" s="12"/>
    </row>
    <row r="384805" spans="8:8">
      <c r="H384805" s="12"/>
    </row>
    <row r="384806" spans="8:8">
      <c r="H384806" s="12"/>
    </row>
    <row r="384807" spans="8:8">
      <c r="H384807" s="12"/>
    </row>
    <row r="384808" spans="8:8">
      <c r="H384808" s="12"/>
    </row>
    <row r="384809" spans="8:8">
      <c r="H384809" s="12"/>
    </row>
    <row r="384810" spans="8:8">
      <c r="H384810" s="12"/>
    </row>
    <row r="384811" spans="8:8">
      <c r="H384811" s="12"/>
    </row>
    <row r="384812" spans="8:8">
      <c r="H384812" s="12"/>
    </row>
    <row r="384813" spans="8:8">
      <c r="H384813" s="12"/>
    </row>
    <row r="384814" spans="8:8">
      <c r="H384814" s="12"/>
    </row>
    <row r="384815" spans="8:8">
      <c r="H384815" s="12"/>
    </row>
    <row r="384816" spans="8:8">
      <c r="H384816" s="12"/>
    </row>
    <row r="384817" spans="8:8">
      <c r="H384817" s="12"/>
    </row>
    <row r="384818" spans="8:8">
      <c r="H384818" s="12"/>
    </row>
    <row r="384819" spans="8:8">
      <c r="H384819" s="12"/>
    </row>
    <row r="384820" spans="8:8">
      <c r="H384820" s="12"/>
    </row>
    <row r="384821" spans="8:8">
      <c r="H384821" s="12"/>
    </row>
    <row r="384822" spans="8:8">
      <c r="H384822" s="12"/>
    </row>
    <row r="384823" spans="8:8">
      <c r="H384823" s="12"/>
    </row>
    <row r="384824" spans="8:8">
      <c r="H384824" s="12"/>
    </row>
    <row r="384825" spans="8:8">
      <c r="H384825" s="12"/>
    </row>
    <row r="384826" spans="8:8">
      <c r="H384826" s="12"/>
    </row>
    <row r="384827" spans="8:8">
      <c r="H384827" s="12"/>
    </row>
    <row r="384828" spans="8:8">
      <c r="H384828" s="12"/>
    </row>
    <row r="384829" spans="8:8">
      <c r="H384829" s="12"/>
    </row>
    <row r="384830" spans="8:8">
      <c r="H384830" s="12"/>
    </row>
    <row r="384831" spans="8:8">
      <c r="H384831" s="12"/>
    </row>
    <row r="384832" spans="8:8">
      <c r="H384832" s="12"/>
    </row>
    <row r="384833" spans="8:8">
      <c r="H384833" s="12"/>
    </row>
    <row r="384834" spans="8:8">
      <c r="H384834" s="12"/>
    </row>
    <row r="384835" spans="8:8">
      <c r="H384835" s="12"/>
    </row>
    <row r="384836" spans="8:8">
      <c r="H384836" s="12"/>
    </row>
    <row r="384837" spans="8:8">
      <c r="H384837" s="12"/>
    </row>
    <row r="384838" spans="8:8">
      <c r="H384838" s="12"/>
    </row>
    <row r="384839" spans="8:8">
      <c r="H384839" s="12"/>
    </row>
    <row r="384840" spans="8:8">
      <c r="H384840" s="12"/>
    </row>
    <row r="384841" spans="8:8">
      <c r="H384841" s="12"/>
    </row>
    <row r="384842" spans="8:8">
      <c r="H384842" s="12"/>
    </row>
    <row r="384843" spans="8:8">
      <c r="H384843" s="12"/>
    </row>
    <row r="384844" spans="8:8">
      <c r="H384844" s="12"/>
    </row>
    <row r="384845" spans="8:8">
      <c r="H384845" s="12"/>
    </row>
    <row r="384846" spans="8:8">
      <c r="H384846" s="12"/>
    </row>
    <row r="384847" spans="8:8">
      <c r="H384847" s="12"/>
    </row>
    <row r="384848" spans="8:8">
      <c r="H384848" s="12"/>
    </row>
    <row r="384849" spans="8:8">
      <c r="H384849" s="12"/>
    </row>
    <row r="384850" spans="8:8">
      <c r="H384850" s="12"/>
    </row>
    <row r="384851" spans="8:8">
      <c r="H384851" s="12"/>
    </row>
    <row r="384852" spans="8:8">
      <c r="H384852" s="12"/>
    </row>
    <row r="384853" spans="8:8">
      <c r="H384853" s="12"/>
    </row>
    <row r="384854" spans="8:8">
      <c r="H384854" s="12"/>
    </row>
    <row r="384855" spans="8:8">
      <c r="H384855" s="12"/>
    </row>
    <row r="384856" spans="8:8">
      <c r="H384856" s="12"/>
    </row>
    <row r="384857" spans="8:8">
      <c r="H384857" s="12"/>
    </row>
    <row r="384858" spans="8:8">
      <c r="H384858" s="12"/>
    </row>
    <row r="384859" spans="8:8">
      <c r="H384859" s="12"/>
    </row>
    <row r="384860" spans="8:8">
      <c r="H384860" s="12"/>
    </row>
    <row r="384861" spans="8:8">
      <c r="H384861" s="12"/>
    </row>
    <row r="384862" spans="8:8">
      <c r="H384862" s="12"/>
    </row>
    <row r="384863" spans="8:8">
      <c r="H384863" s="12"/>
    </row>
    <row r="384864" spans="8:8">
      <c r="H384864" s="12"/>
    </row>
    <row r="384865" spans="8:8">
      <c r="H384865" s="12"/>
    </row>
    <row r="384866" spans="8:8">
      <c r="H384866" s="12"/>
    </row>
    <row r="384867" spans="8:8">
      <c r="H384867" s="12"/>
    </row>
    <row r="384868" spans="8:8">
      <c r="H384868" s="12"/>
    </row>
    <row r="384869" spans="8:8">
      <c r="H384869" s="12"/>
    </row>
    <row r="384870" spans="8:8">
      <c r="H384870" s="12"/>
    </row>
    <row r="384871" spans="8:8">
      <c r="H384871" s="12"/>
    </row>
    <row r="384872" spans="8:8">
      <c r="H384872" s="12"/>
    </row>
    <row r="384873" spans="8:8">
      <c r="H384873" s="12"/>
    </row>
    <row r="384874" spans="8:8">
      <c r="H384874" s="12"/>
    </row>
    <row r="384875" spans="8:8">
      <c r="H384875" s="12"/>
    </row>
    <row r="384876" spans="8:8">
      <c r="H384876" s="12"/>
    </row>
    <row r="384877" spans="8:8">
      <c r="H384877" s="12"/>
    </row>
    <row r="384878" spans="8:8">
      <c r="H384878" s="12"/>
    </row>
    <row r="384879" spans="8:8">
      <c r="H384879" s="12"/>
    </row>
    <row r="384880" spans="8:8">
      <c r="H384880" s="12"/>
    </row>
    <row r="384881" spans="8:8">
      <c r="H384881" s="12"/>
    </row>
    <row r="384882" spans="8:8">
      <c r="H384882" s="12"/>
    </row>
    <row r="384883" spans="8:8">
      <c r="H384883" s="12"/>
    </row>
    <row r="384884" spans="8:8">
      <c r="H384884" s="12"/>
    </row>
    <row r="384885" spans="8:8">
      <c r="H384885" s="12"/>
    </row>
    <row r="384886" spans="8:8">
      <c r="H384886" s="12"/>
    </row>
    <row r="384887" spans="8:8">
      <c r="H384887" s="12"/>
    </row>
    <row r="384888" spans="8:8">
      <c r="H384888" s="12"/>
    </row>
    <row r="384889" spans="8:8">
      <c r="H384889" s="12"/>
    </row>
    <row r="384890" spans="8:8">
      <c r="H384890" s="12"/>
    </row>
    <row r="384891" spans="8:8">
      <c r="H384891" s="12"/>
    </row>
    <row r="384892" spans="8:8">
      <c r="H384892" s="12"/>
    </row>
    <row r="384893" spans="8:8">
      <c r="H384893" s="12"/>
    </row>
    <row r="384894" spans="8:8">
      <c r="H384894" s="12"/>
    </row>
    <row r="384895" spans="8:8">
      <c r="H384895" s="12"/>
    </row>
    <row r="384896" spans="8:8">
      <c r="H384896" s="12"/>
    </row>
    <row r="384897" spans="8:8">
      <c r="H384897" s="12"/>
    </row>
    <row r="384898" spans="8:8">
      <c r="H384898" s="12"/>
    </row>
    <row r="384899" spans="8:8">
      <c r="H384899" s="12"/>
    </row>
    <row r="384900" spans="8:8">
      <c r="H384900" s="12"/>
    </row>
    <row r="384901" spans="8:8">
      <c r="H384901" s="12"/>
    </row>
    <row r="384902" spans="8:8">
      <c r="H384902" s="12"/>
    </row>
    <row r="384903" spans="8:8">
      <c r="H384903" s="12"/>
    </row>
    <row r="384904" spans="8:8">
      <c r="H384904" s="12"/>
    </row>
    <row r="384905" spans="8:8">
      <c r="H384905" s="12"/>
    </row>
    <row r="384906" spans="8:8">
      <c r="H384906" s="12"/>
    </row>
    <row r="384907" spans="8:8">
      <c r="H384907" s="12"/>
    </row>
    <row r="384908" spans="8:8">
      <c r="H384908" s="12"/>
    </row>
    <row r="384909" spans="8:8">
      <c r="H384909" s="12"/>
    </row>
    <row r="384910" spans="8:8">
      <c r="H384910" s="12"/>
    </row>
    <row r="384911" spans="8:8">
      <c r="H384911" s="12"/>
    </row>
    <row r="384912" spans="8:8">
      <c r="H384912" s="12"/>
    </row>
    <row r="384913" spans="8:8">
      <c r="H384913" s="12"/>
    </row>
    <row r="384914" spans="8:8">
      <c r="H384914" s="12"/>
    </row>
    <row r="384915" spans="8:8">
      <c r="H384915" s="12"/>
    </row>
    <row r="384916" spans="8:8">
      <c r="H384916" s="12"/>
    </row>
    <row r="384917" spans="8:8">
      <c r="H384917" s="12"/>
    </row>
    <row r="384918" spans="8:8">
      <c r="H384918" s="12"/>
    </row>
    <row r="384919" spans="8:8">
      <c r="H384919" s="12"/>
    </row>
    <row r="384920" spans="8:8">
      <c r="H384920" s="12"/>
    </row>
    <row r="384921" spans="8:8">
      <c r="H384921" s="12"/>
    </row>
    <row r="384922" spans="8:8">
      <c r="H384922" s="12"/>
    </row>
    <row r="384923" spans="8:8">
      <c r="H384923" s="12"/>
    </row>
    <row r="384924" spans="8:8">
      <c r="H384924" s="12"/>
    </row>
    <row r="384925" spans="8:8">
      <c r="H384925" s="12"/>
    </row>
    <row r="384926" spans="8:8">
      <c r="H384926" s="12"/>
    </row>
    <row r="384927" spans="8:8">
      <c r="H384927" s="12"/>
    </row>
    <row r="384928" spans="8:8">
      <c r="H384928" s="12"/>
    </row>
    <row r="384929" spans="8:8">
      <c r="H384929" s="12"/>
    </row>
    <row r="384930" spans="8:8">
      <c r="H384930" s="12"/>
    </row>
    <row r="384931" spans="8:8">
      <c r="H384931" s="12"/>
    </row>
    <row r="384932" spans="8:8">
      <c r="H384932" s="12"/>
    </row>
    <row r="384933" spans="8:8">
      <c r="H384933" s="12"/>
    </row>
    <row r="384934" spans="8:8">
      <c r="H384934" s="12"/>
    </row>
    <row r="384935" spans="8:8">
      <c r="H384935" s="12"/>
    </row>
    <row r="384936" spans="8:8">
      <c r="H384936" s="12"/>
    </row>
    <row r="384937" spans="8:8">
      <c r="H384937" s="12"/>
    </row>
    <row r="384938" spans="8:8">
      <c r="H384938" s="12"/>
    </row>
    <row r="384939" spans="8:8">
      <c r="H384939" s="12"/>
    </row>
    <row r="384940" spans="8:8">
      <c r="H384940" s="12"/>
    </row>
    <row r="384941" spans="8:8">
      <c r="H384941" s="12"/>
    </row>
    <row r="384942" spans="8:8">
      <c r="H384942" s="12"/>
    </row>
    <row r="384943" spans="8:8">
      <c r="H384943" s="12"/>
    </row>
    <row r="384944" spans="8:8">
      <c r="H384944" s="12"/>
    </row>
    <row r="384945" spans="8:8">
      <c r="H384945" s="12"/>
    </row>
    <row r="384946" spans="8:8">
      <c r="H384946" s="12"/>
    </row>
    <row r="384947" spans="8:8">
      <c r="H384947" s="12"/>
    </row>
    <row r="384948" spans="8:8">
      <c r="H384948" s="12"/>
    </row>
    <row r="384949" spans="8:8">
      <c r="H384949" s="12"/>
    </row>
    <row r="384950" spans="8:8">
      <c r="H384950" s="12"/>
    </row>
    <row r="384951" spans="8:8">
      <c r="H384951" s="12"/>
    </row>
    <row r="384952" spans="8:8">
      <c r="H384952" s="12"/>
    </row>
    <row r="384953" spans="8:8">
      <c r="H384953" s="12"/>
    </row>
    <row r="384954" spans="8:8">
      <c r="H384954" s="12"/>
    </row>
    <row r="384955" spans="8:8">
      <c r="H384955" s="12"/>
    </row>
    <row r="384956" spans="8:8">
      <c r="H384956" s="12"/>
    </row>
    <row r="384957" spans="8:8">
      <c r="H384957" s="12"/>
    </row>
    <row r="384958" spans="8:8">
      <c r="H384958" s="12"/>
    </row>
    <row r="384959" spans="8:8">
      <c r="H384959" s="12"/>
    </row>
    <row r="384960" spans="8:8">
      <c r="H384960" s="12"/>
    </row>
    <row r="384961" spans="8:8">
      <c r="H384961" s="12"/>
    </row>
    <row r="384962" spans="8:8">
      <c r="H384962" s="12"/>
    </row>
    <row r="384963" spans="8:8">
      <c r="H384963" s="12"/>
    </row>
    <row r="384964" spans="8:8">
      <c r="H384964" s="12"/>
    </row>
    <row r="384965" spans="8:8">
      <c r="H384965" s="12"/>
    </row>
    <row r="384966" spans="8:8">
      <c r="H384966" s="12"/>
    </row>
    <row r="384967" spans="8:8">
      <c r="H384967" s="12"/>
    </row>
    <row r="384968" spans="8:8">
      <c r="H384968" s="12"/>
    </row>
    <row r="384969" spans="8:8">
      <c r="H384969" s="12"/>
    </row>
    <row r="384970" spans="8:8">
      <c r="H384970" s="12"/>
    </row>
    <row r="384971" spans="8:8">
      <c r="H384971" s="12"/>
    </row>
    <row r="384972" spans="8:8">
      <c r="H384972" s="12"/>
    </row>
    <row r="384973" spans="8:8">
      <c r="H384973" s="12"/>
    </row>
    <row r="384974" spans="8:8">
      <c r="H384974" s="12"/>
    </row>
    <row r="384975" spans="8:8">
      <c r="H384975" s="12"/>
    </row>
    <row r="384976" spans="8:8">
      <c r="H384976" s="12"/>
    </row>
    <row r="384977" spans="8:8">
      <c r="H384977" s="12"/>
    </row>
    <row r="384978" spans="8:8">
      <c r="H384978" s="12"/>
    </row>
    <row r="384979" spans="8:8">
      <c r="H384979" s="12"/>
    </row>
    <row r="384980" spans="8:8">
      <c r="H384980" s="12"/>
    </row>
    <row r="384981" spans="8:8">
      <c r="H384981" s="12"/>
    </row>
    <row r="384982" spans="8:8">
      <c r="H384982" s="12"/>
    </row>
    <row r="384983" spans="8:8">
      <c r="H384983" s="12"/>
    </row>
    <row r="384984" spans="8:8">
      <c r="H384984" s="12"/>
    </row>
    <row r="384985" spans="8:8">
      <c r="H384985" s="12"/>
    </row>
    <row r="384986" spans="8:8">
      <c r="H384986" s="12"/>
    </row>
    <row r="384987" spans="8:8">
      <c r="H384987" s="12"/>
    </row>
    <row r="384988" spans="8:8">
      <c r="H384988" s="12"/>
    </row>
    <row r="384989" spans="8:8">
      <c r="H384989" s="12"/>
    </row>
    <row r="384990" spans="8:8">
      <c r="H384990" s="12"/>
    </row>
    <row r="384991" spans="8:8">
      <c r="H384991" s="12"/>
    </row>
    <row r="384992" spans="8:8">
      <c r="H384992" s="12"/>
    </row>
    <row r="384993" spans="8:8">
      <c r="H384993" s="12"/>
    </row>
    <row r="384994" spans="8:8">
      <c r="H384994" s="12"/>
    </row>
    <row r="384995" spans="8:8">
      <c r="H384995" s="12"/>
    </row>
    <row r="384996" spans="8:8">
      <c r="H384996" s="12"/>
    </row>
    <row r="384997" spans="8:8">
      <c r="H384997" s="12"/>
    </row>
    <row r="384998" spans="8:8">
      <c r="H384998" s="12"/>
    </row>
    <row r="384999" spans="8:8">
      <c r="H384999" s="12"/>
    </row>
    <row r="385000" spans="8:8">
      <c r="H385000" s="12"/>
    </row>
    <row r="385001" spans="8:8">
      <c r="H385001" s="12"/>
    </row>
    <row r="385002" spans="8:8">
      <c r="H385002" s="12"/>
    </row>
    <row r="385003" spans="8:8">
      <c r="H385003" s="12"/>
    </row>
    <row r="385004" spans="8:8">
      <c r="H385004" s="12"/>
    </row>
    <row r="385005" spans="8:8">
      <c r="H385005" s="12"/>
    </row>
    <row r="385006" spans="8:8">
      <c r="H385006" s="12"/>
    </row>
    <row r="385007" spans="8:8">
      <c r="H385007" s="12"/>
    </row>
    <row r="385008" spans="8:8">
      <c r="H385008" s="12"/>
    </row>
    <row r="385009" spans="8:8">
      <c r="H385009" s="12"/>
    </row>
    <row r="385010" spans="8:8">
      <c r="H385010" s="12"/>
    </row>
    <row r="385011" spans="8:8">
      <c r="H385011" s="12"/>
    </row>
    <row r="385012" spans="8:8">
      <c r="H385012" s="12"/>
    </row>
    <row r="385013" spans="8:8">
      <c r="H385013" s="12"/>
    </row>
    <row r="385014" spans="8:8">
      <c r="H385014" s="12"/>
    </row>
    <row r="385015" spans="8:8">
      <c r="H385015" s="12"/>
    </row>
    <row r="385016" spans="8:8">
      <c r="H385016" s="12"/>
    </row>
    <row r="385017" spans="8:8">
      <c r="H385017" s="12"/>
    </row>
    <row r="385018" spans="8:8">
      <c r="H385018" s="12"/>
    </row>
    <row r="385019" spans="8:8">
      <c r="H385019" s="12"/>
    </row>
    <row r="385020" spans="8:8">
      <c r="H385020" s="12"/>
    </row>
    <row r="385021" spans="8:8">
      <c r="H385021" s="12"/>
    </row>
    <row r="385022" spans="8:8">
      <c r="H385022" s="12"/>
    </row>
    <row r="385023" spans="8:8">
      <c r="H385023" s="12"/>
    </row>
    <row r="385024" spans="8:8">
      <c r="H385024" s="12"/>
    </row>
    <row r="385025" spans="8:8">
      <c r="H385025" s="12"/>
    </row>
    <row r="385026" spans="8:8">
      <c r="H385026" s="12"/>
    </row>
    <row r="385027" spans="8:8">
      <c r="H385027" s="12"/>
    </row>
    <row r="385028" spans="8:8">
      <c r="H385028" s="12"/>
    </row>
    <row r="385029" spans="8:8">
      <c r="H385029" s="12"/>
    </row>
    <row r="385030" spans="8:8">
      <c r="H385030" s="12"/>
    </row>
    <row r="385031" spans="8:8">
      <c r="H385031" s="12"/>
    </row>
    <row r="385032" spans="8:8">
      <c r="H385032" s="12"/>
    </row>
    <row r="385033" spans="8:8">
      <c r="H385033" s="12"/>
    </row>
    <row r="385034" spans="8:8">
      <c r="H385034" s="12"/>
    </row>
    <row r="385035" spans="8:8">
      <c r="H385035" s="12"/>
    </row>
    <row r="385036" spans="8:8">
      <c r="H385036" s="12"/>
    </row>
    <row r="385037" spans="8:8">
      <c r="H385037" s="12"/>
    </row>
    <row r="385038" spans="8:8">
      <c r="H385038" s="12"/>
    </row>
    <row r="385039" spans="8:8">
      <c r="H385039" s="12"/>
    </row>
    <row r="385040" spans="8:8">
      <c r="H385040" s="12"/>
    </row>
    <row r="385041" spans="8:8">
      <c r="H385041" s="12"/>
    </row>
    <row r="385042" spans="8:8">
      <c r="H385042" s="12"/>
    </row>
    <row r="385043" spans="8:8">
      <c r="H385043" s="12"/>
    </row>
    <row r="385044" spans="8:8">
      <c r="H385044" s="12"/>
    </row>
    <row r="385045" spans="8:8">
      <c r="H385045" s="12"/>
    </row>
    <row r="385046" spans="8:8">
      <c r="H385046" s="12"/>
    </row>
    <row r="385047" spans="8:8">
      <c r="H385047" s="12"/>
    </row>
    <row r="385048" spans="8:8">
      <c r="H385048" s="12"/>
    </row>
    <row r="385049" spans="8:8">
      <c r="H385049" s="12"/>
    </row>
    <row r="385050" spans="8:8">
      <c r="H385050" s="12"/>
    </row>
    <row r="385051" spans="8:8">
      <c r="H385051" s="12"/>
    </row>
    <row r="385052" spans="8:8">
      <c r="H385052" s="12"/>
    </row>
    <row r="385053" spans="8:8">
      <c r="H385053" s="12"/>
    </row>
    <row r="385054" spans="8:8">
      <c r="H385054" s="12"/>
    </row>
    <row r="385055" spans="8:8">
      <c r="H385055" s="12"/>
    </row>
    <row r="385056" spans="8:8">
      <c r="H385056" s="12"/>
    </row>
    <row r="385057" spans="8:8">
      <c r="H385057" s="12"/>
    </row>
    <row r="385058" spans="8:8">
      <c r="H385058" s="12"/>
    </row>
    <row r="385059" spans="8:8">
      <c r="H385059" s="12"/>
    </row>
    <row r="385060" spans="8:8">
      <c r="H385060" s="12"/>
    </row>
    <row r="385061" spans="8:8">
      <c r="H385061" s="12"/>
    </row>
    <row r="385062" spans="8:8">
      <c r="H385062" s="12"/>
    </row>
    <row r="385063" spans="8:8">
      <c r="H385063" s="12"/>
    </row>
    <row r="385064" spans="8:8">
      <c r="H385064" s="12"/>
    </row>
    <row r="385065" spans="8:8">
      <c r="H385065" s="12"/>
    </row>
    <row r="385066" spans="8:8">
      <c r="H385066" s="12"/>
    </row>
    <row r="385067" spans="8:8">
      <c r="H385067" s="12"/>
    </row>
    <row r="385068" spans="8:8">
      <c r="H385068" s="12"/>
    </row>
    <row r="385069" spans="8:8">
      <c r="H385069" s="12"/>
    </row>
    <row r="385070" spans="8:8">
      <c r="H385070" s="12"/>
    </row>
    <row r="385071" spans="8:8">
      <c r="H385071" s="12"/>
    </row>
    <row r="385072" spans="8:8">
      <c r="H385072" s="12"/>
    </row>
    <row r="385073" spans="8:8">
      <c r="H385073" s="12"/>
    </row>
    <row r="385074" spans="8:8">
      <c r="H385074" s="12"/>
    </row>
    <row r="385075" spans="8:8">
      <c r="H385075" s="12"/>
    </row>
    <row r="385076" spans="8:8">
      <c r="H385076" s="12"/>
    </row>
    <row r="385077" spans="8:8">
      <c r="H385077" s="12"/>
    </row>
    <row r="385078" spans="8:8">
      <c r="H385078" s="12"/>
    </row>
    <row r="385079" spans="8:8">
      <c r="H385079" s="12"/>
    </row>
    <row r="385080" spans="8:8">
      <c r="H385080" s="12"/>
    </row>
    <row r="385081" spans="8:8">
      <c r="H385081" s="12"/>
    </row>
    <row r="385082" spans="8:8">
      <c r="H385082" s="12"/>
    </row>
    <row r="385083" spans="8:8">
      <c r="H385083" s="12"/>
    </row>
    <row r="385084" spans="8:8">
      <c r="H385084" s="12"/>
    </row>
    <row r="385085" spans="8:8">
      <c r="H385085" s="12"/>
    </row>
    <row r="385086" spans="8:8">
      <c r="H385086" s="12"/>
    </row>
    <row r="385087" spans="8:8">
      <c r="H385087" s="12"/>
    </row>
    <row r="385088" spans="8:8">
      <c r="H385088" s="12"/>
    </row>
    <row r="385089" spans="8:8">
      <c r="H385089" s="12"/>
    </row>
    <row r="385090" spans="8:8">
      <c r="H385090" s="12"/>
    </row>
    <row r="385091" spans="8:8">
      <c r="H385091" s="12"/>
    </row>
    <row r="385092" spans="8:8">
      <c r="H385092" s="12"/>
    </row>
    <row r="385093" spans="8:8">
      <c r="H385093" s="12"/>
    </row>
    <row r="385094" spans="8:8">
      <c r="H385094" s="12"/>
    </row>
    <row r="385095" spans="8:8">
      <c r="H385095" s="12"/>
    </row>
    <row r="385096" spans="8:8">
      <c r="H385096" s="12"/>
    </row>
    <row r="385097" spans="8:8">
      <c r="H385097" s="12"/>
    </row>
    <row r="385098" spans="8:8">
      <c r="H385098" s="12"/>
    </row>
    <row r="385099" spans="8:8">
      <c r="H385099" s="12"/>
    </row>
    <row r="385100" spans="8:8">
      <c r="H385100" s="12"/>
    </row>
    <row r="385101" spans="8:8">
      <c r="H385101" s="12"/>
    </row>
    <row r="385102" spans="8:8">
      <c r="H385102" s="12"/>
    </row>
    <row r="385103" spans="8:8">
      <c r="H385103" s="12"/>
    </row>
    <row r="385104" spans="8:8">
      <c r="H385104" s="12"/>
    </row>
    <row r="385105" spans="8:8">
      <c r="H385105" s="12"/>
    </row>
    <row r="385106" spans="8:8">
      <c r="H385106" s="12"/>
    </row>
    <row r="385107" spans="8:8">
      <c r="H385107" s="12"/>
    </row>
    <row r="385108" spans="8:8">
      <c r="H385108" s="12"/>
    </row>
    <row r="385109" spans="8:8">
      <c r="H385109" s="12"/>
    </row>
    <row r="385110" spans="8:8">
      <c r="H385110" s="12"/>
    </row>
    <row r="385111" spans="8:8">
      <c r="H385111" s="12"/>
    </row>
    <row r="385112" spans="8:8">
      <c r="H385112" s="12"/>
    </row>
    <row r="385113" spans="8:8">
      <c r="H385113" s="12"/>
    </row>
    <row r="385114" spans="8:8">
      <c r="H385114" s="12"/>
    </row>
    <row r="385115" spans="8:8">
      <c r="H385115" s="12"/>
    </row>
    <row r="385116" spans="8:8">
      <c r="H385116" s="12"/>
    </row>
    <row r="385117" spans="8:8">
      <c r="H385117" s="12"/>
    </row>
    <row r="385118" spans="8:8">
      <c r="H385118" s="12"/>
    </row>
    <row r="385119" spans="8:8">
      <c r="H385119" s="12"/>
    </row>
    <row r="385120" spans="8:8">
      <c r="H385120" s="12"/>
    </row>
    <row r="385121" spans="8:8">
      <c r="H385121" s="12"/>
    </row>
    <row r="385122" spans="8:8">
      <c r="H385122" s="12"/>
    </row>
    <row r="385123" spans="8:8">
      <c r="H385123" s="12"/>
    </row>
    <row r="385124" spans="8:8">
      <c r="H385124" s="12"/>
    </row>
    <row r="385125" spans="8:8">
      <c r="H385125" s="12"/>
    </row>
    <row r="385126" spans="8:8">
      <c r="H385126" s="12"/>
    </row>
    <row r="385127" spans="8:8">
      <c r="H385127" s="12"/>
    </row>
    <row r="385128" spans="8:8">
      <c r="H385128" s="12"/>
    </row>
    <row r="385129" spans="8:8">
      <c r="H385129" s="12"/>
    </row>
    <row r="385130" spans="8:8">
      <c r="H385130" s="12"/>
    </row>
    <row r="385131" spans="8:8">
      <c r="H385131" s="12"/>
    </row>
    <row r="385132" spans="8:8">
      <c r="H385132" s="12"/>
    </row>
    <row r="385133" spans="8:8">
      <c r="H385133" s="12"/>
    </row>
    <row r="385134" spans="8:8">
      <c r="H385134" s="12"/>
    </row>
    <row r="385135" spans="8:8">
      <c r="H385135" s="12"/>
    </row>
    <row r="385136" spans="8:8">
      <c r="H385136" s="12"/>
    </row>
    <row r="385137" spans="8:8">
      <c r="H385137" s="12"/>
    </row>
    <row r="385138" spans="8:8">
      <c r="H385138" s="12"/>
    </row>
    <row r="385139" spans="8:8">
      <c r="H385139" s="12"/>
    </row>
    <row r="385140" spans="8:8">
      <c r="H385140" s="12"/>
    </row>
    <row r="385141" spans="8:8">
      <c r="H385141" s="12"/>
    </row>
    <row r="385142" spans="8:8">
      <c r="H385142" s="12"/>
    </row>
    <row r="385143" spans="8:8">
      <c r="H385143" s="12"/>
    </row>
    <row r="385144" spans="8:8">
      <c r="H385144" s="12"/>
    </row>
    <row r="385145" spans="8:8">
      <c r="H385145" s="12"/>
    </row>
    <row r="385146" spans="8:8">
      <c r="H385146" s="12"/>
    </row>
    <row r="385147" spans="8:8">
      <c r="H385147" s="12"/>
    </row>
    <row r="385148" spans="8:8">
      <c r="H385148" s="12"/>
    </row>
    <row r="385149" spans="8:8">
      <c r="H385149" s="12"/>
    </row>
    <row r="385150" spans="8:8">
      <c r="H385150" s="12"/>
    </row>
    <row r="385151" spans="8:8">
      <c r="H385151" s="12"/>
    </row>
    <row r="385152" spans="8:8">
      <c r="H385152" s="12"/>
    </row>
    <row r="385153" spans="8:8">
      <c r="H385153" s="12"/>
    </row>
    <row r="385154" spans="8:8">
      <c r="H385154" s="12"/>
    </row>
    <row r="385155" spans="8:8">
      <c r="H385155" s="12"/>
    </row>
    <row r="385156" spans="8:8">
      <c r="H385156" s="12"/>
    </row>
    <row r="385157" spans="8:8">
      <c r="H385157" s="12"/>
    </row>
    <row r="385158" spans="8:8">
      <c r="H385158" s="12"/>
    </row>
    <row r="385159" spans="8:8">
      <c r="H385159" s="12"/>
    </row>
    <row r="385160" spans="8:8">
      <c r="H385160" s="12"/>
    </row>
    <row r="385161" spans="8:8">
      <c r="H385161" s="12"/>
    </row>
    <row r="385162" spans="8:8">
      <c r="H385162" s="12"/>
    </row>
    <row r="385163" spans="8:8">
      <c r="H385163" s="12"/>
    </row>
    <row r="385164" spans="8:8">
      <c r="H385164" s="12"/>
    </row>
    <row r="385165" spans="8:8">
      <c r="H385165" s="12"/>
    </row>
    <row r="385166" spans="8:8">
      <c r="H385166" s="12"/>
    </row>
    <row r="385167" spans="8:8">
      <c r="H385167" s="12"/>
    </row>
    <row r="385168" spans="8:8">
      <c r="H385168" s="12"/>
    </row>
    <row r="385169" spans="8:8">
      <c r="H385169" s="12"/>
    </row>
    <row r="385170" spans="8:8">
      <c r="H385170" s="12"/>
    </row>
    <row r="385171" spans="8:8">
      <c r="H385171" s="12"/>
    </row>
    <row r="385172" spans="8:8">
      <c r="H385172" s="12"/>
    </row>
    <row r="385173" spans="8:8">
      <c r="H385173" s="12"/>
    </row>
    <row r="385174" spans="8:8">
      <c r="H385174" s="12"/>
    </row>
    <row r="385175" spans="8:8">
      <c r="H385175" s="12"/>
    </row>
    <row r="385176" spans="8:8">
      <c r="H385176" s="12"/>
    </row>
    <row r="385177" spans="8:8">
      <c r="H385177" s="12"/>
    </row>
    <row r="385178" spans="8:8">
      <c r="H385178" s="12"/>
    </row>
    <row r="385179" spans="8:8">
      <c r="H385179" s="12"/>
    </row>
    <row r="385180" spans="8:8">
      <c r="H385180" s="12"/>
    </row>
    <row r="385181" spans="8:8">
      <c r="H385181" s="12"/>
    </row>
    <row r="385182" spans="8:8">
      <c r="H385182" s="12"/>
    </row>
    <row r="385183" spans="8:8">
      <c r="H385183" s="12"/>
    </row>
    <row r="385184" spans="8:8">
      <c r="H385184" s="12"/>
    </row>
    <row r="385185" spans="8:8">
      <c r="H385185" s="12"/>
    </row>
    <row r="385186" spans="8:8">
      <c r="H385186" s="12"/>
    </row>
    <row r="385187" spans="8:8">
      <c r="H385187" s="12"/>
    </row>
    <row r="385188" spans="8:8">
      <c r="H385188" s="12"/>
    </row>
    <row r="385189" spans="8:8">
      <c r="H385189" s="12"/>
    </row>
    <row r="385190" spans="8:8">
      <c r="H385190" s="12"/>
    </row>
    <row r="385191" spans="8:8">
      <c r="H385191" s="12"/>
    </row>
    <row r="385192" spans="8:8">
      <c r="H385192" s="12"/>
    </row>
    <row r="385193" spans="8:8">
      <c r="H385193" s="12"/>
    </row>
    <row r="385194" spans="8:8">
      <c r="H385194" s="12"/>
    </row>
    <row r="385195" spans="8:8">
      <c r="H385195" s="12"/>
    </row>
    <row r="385196" spans="8:8">
      <c r="H385196" s="12"/>
    </row>
    <row r="385197" spans="8:8">
      <c r="H385197" s="12"/>
    </row>
    <row r="385198" spans="8:8">
      <c r="H385198" s="12"/>
    </row>
    <row r="385199" spans="8:8">
      <c r="H385199" s="12"/>
    </row>
    <row r="385200" spans="8:8">
      <c r="H385200" s="12"/>
    </row>
    <row r="385201" spans="8:8">
      <c r="H385201" s="12"/>
    </row>
    <row r="385202" spans="8:8">
      <c r="H385202" s="12"/>
    </row>
    <row r="385203" spans="8:8">
      <c r="H385203" s="12"/>
    </row>
    <row r="385204" spans="8:8">
      <c r="H385204" s="12"/>
    </row>
    <row r="385205" spans="8:8">
      <c r="H385205" s="12"/>
    </row>
    <row r="385206" spans="8:8">
      <c r="H385206" s="12"/>
    </row>
    <row r="385207" spans="8:8">
      <c r="H385207" s="12"/>
    </row>
    <row r="385208" spans="8:8">
      <c r="H385208" s="12"/>
    </row>
    <row r="385209" spans="8:8">
      <c r="H385209" s="12"/>
    </row>
    <row r="385210" spans="8:8">
      <c r="H385210" s="12"/>
    </row>
    <row r="385211" spans="8:8">
      <c r="H385211" s="12"/>
    </row>
    <row r="385212" spans="8:8">
      <c r="H385212" s="12"/>
    </row>
    <row r="385213" spans="8:8">
      <c r="H385213" s="12"/>
    </row>
    <row r="385214" spans="8:8">
      <c r="H385214" s="12"/>
    </row>
    <row r="385215" spans="8:8">
      <c r="H385215" s="12"/>
    </row>
    <row r="385216" spans="8:8">
      <c r="H385216" s="12"/>
    </row>
    <row r="385217" spans="8:8">
      <c r="H385217" s="12"/>
    </row>
    <row r="385218" spans="8:8">
      <c r="H385218" s="12"/>
    </row>
    <row r="385219" spans="8:8">
      <c r="H385219" s="12"/>
    </row>
    <row r="385220" spans="8:8">
      <c r="H385220" s="12"/>
    </row>
    <row r="385221" spans="8:8">
      <c r="H385221" s="12"/>
    </row>
    <row r="385222" spans="8:8">
      <c r="H385222" s="12"/>
    </row>
    <row r="385223" spans="8:8">
      <c r="H385223" s="12"/>
    </row>
    <row r="385224" spans="8:8">
      <c r="H385224" s="12"/>
    </row>
    <row r="385225" spans="8:8">
      <c r="H385225" s="12"/>
    </row>
    <row r="385226" spans="8:8">
      <c r="H385226" s="12"/>
    </row>
    <row r="385227" spans="8:8">
      <c r="H385227" s="12"/>
    </row>
    <row r="385228" spans="8:8">
      <c r="H385228" s="12"/>
    </row>
    <row r="385229" spans="8:8">
      <c r="H385229" s="12"/>
    </row>
    <row r="385230" spans="8:8">
      <c r="H385230" s="12"/>
    </row>
    <row r="385231" spans="8:8">
      <c r="H385231" s="12"/>
    </row>
    <row r="385232" spans="8:8">
      <c r="H385232" s="12"/>
    </row>
    <row r="385233" spans="8:8">
      <c r="H385233" s="12"/>
    </row>
    <row r="385234" spans="8:8">
      <c r="H385234" s="12"/>
    </row>
    <row r="385235" spans="8:8">
      <c r="H385235" s="12"/>
    </row>
    <row r="385236" spans="8:8">
      <c r="H385236" s="12"/>
    </row>
    <row r="385237" spans="8:8">
      <c r="H385237" s="12"/>
    </row>
    <row r="385238" spans="8:8">
      <c r="H385238" s="12"/>
    </row>
    <row r="385239" spans="8:8">
      <c r="H385239" s="12"/>
    </row>
    <row r="385240" spans="8:8">
      <c r="H385240" s="12"/>
    </row>
    <row r="385241" spans="8:8">
      <c r="H385241" s="12"/>
    </row>
    <row r="385242" spans="8:8">
      <c r="H385242" s="12"/>
    </row>
    <row r="385243" spans="8:8">
      <c r="H385243" s="12"/>
    </row>
    <row r="385244" spans="8:8">
      <c r="H385244" s="12"/>
    </row>
    <row r="385245" spans="8:8">
      <c r="H385245" s="12"/>
    </row>
    <row r="385246" spans="8:8">
      <c r="H385246" s="12"/>
    </row>
    <row r="385247" spans="8:8">
      <c r="H385247" s="12"/>
    </row>
    <row r="385248" spans="8:8">
      <c r="H385248" s="12"/>
    </row>
    <row r="385249" spans="8:8">
      <c r="H385249" s="12"/>
    </row>
    <row r="385250" spans="8:8">
      <c r="H385250" s="12"/>
    </row>
    <row r="385251" spans="8:8">
      <c r="H385251" s="12"/>
    </row>
    <row r="385252" spans="8:8">
      <c r="H385252" s="12"/>
    </row>
    <row r="385253" spans="8:8">
      <c r="H385253" s="12"/>
    </row>
    <row r="385254" spans="8:8">
      <c r="H385254" s="12"/>
    </row>
    <row r="385255" spans="8:8">
      <c r="H385255" s="12"/>
    </row>
    <row r="385256" spans="8:8">
      <c r="H385256" s="12"/>
    </row>
    <row r="385257" spans="8:8">
      <c r="H385257" s="12"/>
    </row>
    <row r="385258" spans="8:8">
      <c r="H385258" s="12"/>
    </row>
    <row r="385259" spans="8:8">
      <c r="H385259" s="12"/>
    </row>
    <row r="385260" spans="8:8">
      <c r="H385260" s="12"/>
    </row>
    <row r="385261" spans="8:8">
      <c r="H385261" s="12"/>
    </row>
    <row r="385262" spans="8:8">
      <c r="H385262" s="12"/>
    </row>
    <row r="385263" spans="8:8">
      <c r="H385263" s="12"/>
    </row>
    <row r="385264" spans="8:8">
      <c r="H385264" s="12"/>
    </row>
    <row r="385265" spans="8:8">
      <c r="H385265" s="12"/>
    </row>
    <row r="385266" spans="8:8">
      <c r="H385266" s="12"/>
    </row>
    <row r="385267" spans="8:8">
      <c r="H385267" s="12"/>
    </row>
    <row r="385268" spans="8:8">
      <c r="H385268" s="12"/>
    </row>
    <row r="385269" spans="8:8">
      <c r="H385269" s="12"/>
    </row>
    <row r="385270" spans="8:8">
      <c r="H385270" s="12"/>
    </row>
    <row r="385271" spans="8:8">
      <c r="H385271" s="12"/>
    </row>
    <row r="385272" spans="8:8">
      <c r="H385272" s="12"/>
    </row>
    <row r="385273" spans="8:8">
      <c r="H385273" s="12"/>
    </row>
    <row r="385274" spans="8:8">
      <c r="H385274" s="12"/>
    </row>
    <row r="385275" spans="8:8">
      <c r="H385275" s="12"/>
    </row>
    <row r="385276" spans="8:8">
      <c r="H385276" s="12"/>
    </row>
    <row r="385277" spans="8:8">
      <c r="H385277" s="12"/>
    </row>
    <row r="385278" spans="8:8">
      <c r="H385278" s="12"/>
    </row>
    <row r="385279" spans="8:8">
      <c r="H385279" s="12"/>
    </row>
    <row r="385280" spans="8:8">
      <c r="H385280" s="12"/>
    </row>
    <row r="385281" spans="8:8">
      <c r="H385281" s="12"/>
    </row>
    <row r="385282" spans="8:8">
      <c r="H385282" s="12"/>
    </row>
    <row r="385283" spans="8:8">
      <c r="H385283" s="12"/>
    </row>
    <row r="385284" spans="8:8">
      <c r="H385284" s="12"/>
    </row>
    <row r="385285" spans="8:8">
      <c r="H385285" s="12"/>
    </row>
    <row r="385286" spans="8:8">
      <c r="H385286" s="12"/>
    </row>
    <row r="385287" spans="8:8">
      <c r="H385287" s="12"/>
    </row>
    <row r="385288" spans="8:8">
      <c r="H385288" s="12"/>
    </row>
    <row r="385289" spans="8:8">
      <c r="H385289" s="12"/>
    </row>
    <row r="385290" spans="8:8">
      <c r="H385290" s="12"/>
    </row>
    <row r="385291" spans="8:8">
      <c r="H385291" s="12"/>
    </row>
    <row r="385292" spans="8:8">
      <c r="H385292" s="12"/>
    </row>
    <row r="385293" spans="8:8">
      <c r="H385293" s="12"/>
    </row>
    <row r="385294" spans="8:8">
      <c r="H385294" s="12"/>
    </row>
    <row r="385295" spans="8:8">
      <c r="H385295" s="12"/>
    </row>
    <row r="385296" spans="8:8">
      <c r="H385296" s="12"/>
    </row>
    <row r="385297" spans="8:8">
      <c r="H385297" s="12"/>
    </row>
    <row r="385298" spans="8:8">
      <c r="H385298" s="12"/>
    </row>
    <row r="385299" spans="8:8">
      <c r="H385299" s="12"/>
    </row>
    <row r="385300" spans="8:8">
      <c r="H385300" s="12"/>
    </row>
    <row r="385301" spans="8:8">
      <c r="H385301" s="12"/>
    </row>
    <row r="385302" spans="8:8">
      <c r="H385302" s="12"/>
    </row>
    <row r="385303" spans="8:8">
      <c r="H385303" s="12"/>
    </row>
    <row r="385304" spans="8:8">
      <c r="H385304" s="12"/>
    </row>
    <row r="385305" spans="8:8">
      <c r="H385305" s="12"/>
    </row>
    <row r="385306" spans="8:8">
      <c r="H385306" s="12"/>
    </row>
    <row r="385307" spans="8:8">
      <c r="H385307" s="12"/>
    </row>
    <row r="385308" spans="8:8">
      <c r="H385308" s="12"/>
    </row>
    <row r="385309" spans="8:8">
      <c r="H385309" s="12"/>
    </row>
    <row r="385310" spans="8:8">
      <c r="H385310" s="12"/>
    </row>
    <row r="385311" spans="8:8">
      <c r="H385311" s="12"/>
    </row>
    <row r="385312" spans="8:8">
      <c r="H385312" s="12"/>
    </row>
    <row r="385313" spans="8:8">
      <c r="H385313" s="12"/>
    </row>
    <row r="385314" spans="8:8">
      <c r="H385314" s="12"/>
    </row>
    <row r="385315" spans="8:8">
      <c r="H385315" s="12"/>
    </row>
    <row r="385316" spans="8:8">
      <c r="H385316" s="12"/>
    </row>
    <row r="385317" spans="8:8">
      <c r="H385317" s="12"/>
    </row>
    <row r="385318" spans="8:8">
      <c r="H385318" s="12"/>
    </row>
    <row r="385319" spans="8:8">
      <c r="H385319" s="12"/>
    </row>
    <row r="385320" spans="8:8">
      <c r="H385320" s="12"/>
    </row>
    <row r="385321" spans="8:8">
      <c r="H385321" s="12"/>
    </row>
    <row r="385322" spans="8:8">
      <c r="H385322" s="12"/>
    </row>
    <row r="385323" spans="8:8">
      <c r="H385323" s="12"/>
    </row>
    <row r="385324" spans="8:8">
      <c r="H385324" s="12"/>
    </row>
    <row r="385325" spans="8:8">
      <c r="H385325" s="12"/>
    </row>
    <row r="385326" spans="8:8">
      <c r="H385326" s="12"/>
    </row>
    <row r="385327" spans="8:8">
      <c r="H385327" s="12"/>
    </row>
    <row r="385328" spans="8:8">
      <c r="H385328" s="12"/>
    </row>
    <row r="385329" spans="8:8">
      <c r="H385329" s="12"/>
    </row>
    <row r="385330" spans="8:8">
      <c r="H385330" s="12"/>
    </row>
    <row r="385331" spans="8:8">
      <c r="H385331" s="12"/>
    </row>
    <row r="385332" spans="8:8">
      <c r="H385332" s="12"/>
    </row>
    <row r="385333" spans="8:8">
      <c r="H385333" s="12"/>
    </row>
    <row r="385334" spans="8:8">
      <c r="H385334" s="12"/>
    </row>
    <row r="385335" spans="8:8">
      <c r="H385335" s="12"/>
    </row>
    <row r="385336" spans="8:8">
      <c r="H385336" s="12"/>
    </row>
    <row r="385337" spans="8:8">
      <c r="H385337" s="12"/>
    </row>
    <row r="385338" spans="8:8">
      <c r="H385338" s="12"/>
    </row>
    <row r="385339" spans="8:8">
      <c r="H385339" s="12"/>
    </row>
    <row r="385340" spans="8:8">
      <c r="H385340" s="12"/>
    </row>
    <row r="385341" spans="8:8">
      <c r="H385341" s="12"/>
    </row>
    <row r="385342" spans="8:8">
      <c r="H385342" s="12"/>
    </row>
    <row r="385343" spans="8:8">
      <c r="H385343" s="12"/>
    </row>
    <row r="385344" spans="8:8">
      <c r="H385344" s="12"/>
    </row>
    <row r="385345" spans="8:8">
      <c r="H385345" s="12"/>
    </row>
    <row r="385346" spans="8:8">
      <c r="H385346" s="12"/>
    </row>
    <row r="385347" spans="8:8">
      <c r="H385347" s="12"/>
    </row>
    <row r="385348" spans="8:8">
      <c r="H385348" s="12"/>
    </row>
    <row r="385349" spans="8:8">
      <c r="H385349" s="12"/>
    </row>
    <row r="385350" spans="8:8">
      <c r="H385350" s="12"/>
    </row>
    <row r="385351" spans="8:8">
      <c r="H385351" s="12"/>
    </row>
    <row r="385352" spans="8:8">
      <c r="H385352" s="12"/>
    </row>
    <row r="385353" spans="8:8">
      <c r="H385353" s="12"/>
    </row>
    <row r="385354" spans="8:8">
      <c r="H385354" s="12"/>
    </row>
    <row r="385355" spans="8:8">
      <c r="H385355" s="12"/>
    </row>
    <row r="385356" spans="8:8">
      <c r="H385356" s="12"/>
    </row>
    <row r="385357" spans="8:8">
      <c r="H385357" s="12"/>
    </row>
    <row r="385358" spans="8:8">
      <c r="H385358" s="12"/>
    </row>
    <row r="385359" spans="8:8">
      <c r="H385359" s="12"/>
    </row>
    <row r="385360" spans="8:8">
      <c r="H385360" s="12"/>
    </row>
    <row r="385361" spans="8:8">
      <c r="H385361" s="12"/>
    </row>
    <row r="385362" spans="8:8">
      <c r="H385362" s="12"/>
    </row>
    <row r="385363" spans="8:8">
      <c r="H385363" s="12"/>
    </row>
    <row r="385364" spans="8:8">
      <c r="H385364" s="12"/>
    </row>
    <row r="385365" spans="8:8">
      <c r="H385365" s="12"/>
    </row>
    <row r="385366" spans="8:8">
      <c r="H385366" s="12"/>
    </row>
    <row r="385367" spans="8:8">
      <c r="H385367" s="12"/>
    </row>
    <row r="385368" spans="8:8">
      <c r="H385368" s="12"/>
    </row>
    <row r="385369" spans="8:8">
      <c r="H385369" s="12"/>
    </row>
    <row r="385370" spans="8:8">
      <c r="H385370" s="12"/>
    </row>
    <row r="385371" spans="8:8">
      <c r="H385371" s="12"/>
    </row>
    <row r="385372" spans="8:8">
      <c r="H385372" s="12"/>
    </row>
    <row r="385373" spans="8:8">
      <c r="H385373" s="12"/>
    </row>
    <row r="385374" spans="8:8">
      <c r="H385374" s="12"/>
    </row>
    <row r="385375" spans="8:8">
      <c r="H385375" s="12"/>
    </row>
    <row r="385376" spans="8:8">
      <c r="H385376" s="12"/>
    </row>
    <row r="385377" spans="8:8">
      <c r="H385377" s="12"/>
    </row>
    <row r="385378" spans="8:8">
      <c r="H385378" s="12"/>
    </row>
    <row r="385379" spans="8:8">
      <c r="H385379" s="12"/>
    </row>
    <row r="385380" spans="8:8">
      <c r="H385380" s="12"/>
    </row>
    <row r="385381" spans="8:8">
      <c r="H385381" s="12"/>
    </row>
    <row r="385382" spans="8:8">
      <c r="H385382" s="12"/>
    </row>
    <row r="385383" spans="8:8">
      <c r="H385383" s="12"/>
    </row>
    <row r="385384" spans="8:8">
      <c r="H385384" s="12"/>
    </row>
    <row r="385385" spans="8:8">
      <c r="H385385" s="12"/>
    </row>
    <row r="385386" spans="8:8">
      <c r="H385386" s="12"/>
    </row>
    <row r="385387" spans="8:8">
      <c r="H385387" s="12"/>
    </row>
    <row r="385388" spans="8:8">
      <c r="H385388" s="12"/>
    </row>
    <row r="385389" spans="8:8">
      <c r="H385389" s="12"/>
    </row>
    <row r="385390" spans="8:8">
      <c r="H385390" s="12"/>
    </row>
    <row r="385391" spans="8:8">
      <c r="H385391" s="12"/>
    </row>
    <row r="385392" spans="8:8">
      <c r="H385392" s="12"/>
    </row>
    <row r="385393" spans="8:8">
      <c r="H385393" s="12"/>
    </row>
    <row r="385394" spans="8:8">
      <c r="H385394" s="12"/>
    </row>
    <row r="385395" spans="8:8">
      <c r="H385395" s="12"/>
    </row>
    <row r="385396" spans="8:8">
      <c r="H385396" s="12"/>
    </row>
    <row r="385397" spans="8:8">
      <c r="H385397" s="12"/>
    </row>
    <row r="385398" spans="8:8">
      <c r="H385398" s="12"/>
    </row>
    <row r="385399" spans="8:8">
      <c r="H385399" s="12"/>
    </row>
    <row r="385400" spans="8:8">
      <c r="H385400" s="12"/>
    </row>
    <row r="385401" spans="8:8">
      <c r="H385401" s="12"/>
    </row>
    <row r="385402" spans="8:8">
      <c r="H385402" s="12"/>
    </row>
    <row r="385403" spans="8:8">
      <c r="H385403" s="12"/>
    </row>
    <row r="385404" spans="8:8">
      <c r="H385404" s="12"/>
    </row>
    <row r="385405" spans="8:8">
      <c r="H385405" s="12"/>
    </row>
    <row r="385406" spans="8:8">
      <c r="H385406" s="12"/>
    </row>
    <row r="385407" spans="8:8">
      <c r="H385407" s="12"/>
    </row>
    <row r="385408" spans="8:8">
      <c r="H385408" s="12"/>
    </row>
    <row r="385409" spans="8:8">
      <c r="H385409" s="12"/>
    </row>
    <row r="385410" spans="8:8">
      <c r="H385410" s="12"/>
    </row>
    <row r="385411" spans="8:8">
      <c r="H385411" s="12"/>
    </row>
    <row r="385412" spans="8:8">
      <c r="H385412" s="12"/>
    </row>
    <row r="385413" spans="8:8">
      <c r="H385413" s="12"/>
    </row>
    <row r="385414" spans="8:8">
      <c r="H385414" s="12"/>
    </row>
    <row r="385415" spans="8:8">
      <c r="H385415" s="12"/>
    </row>
    <row r="385416" spans="8:8">
      <c r="H385416" s="12"/>
    </row>
    <row r="385417" spans="8:8">
      <c r="H385417" s="12"/>
    </row>
    <row r="385418" spans="8:8">
      <c r="H385418" s="12"/>
    </row>
    <row r="385419" spans="8:8">
      <c r="H385419" s="12"/>
    </row>
    <row r="385420" spans="8:8">
      <c r="H385420" s="12"/>
    </row>
    <row r="385421" spans="8:8">
      <c r="H385421" s="12"/>
    </row>
    <row r="385422" spans="8:8">
      <c r="H385422" s="12"/>
    </row>
    <row r="385423" spans="8:8">
      <c r="H385423" s="12"/>
    </row>
    <row r="385424" spans="8:8">
      <c r="H385424" s="12"/>
    </row>
    <row r="385425" spans="8:8">
      <c r="H385425" s="12"/>
    </row>
    <row r="385426" spans="8:8">
      <c r="H385426" s="12"/>
    </row>
    <row r="385427" spans="8:8">
      <c r="H385427" s="12"/>
    </row>
    <row r="385428" spans="8:8">
      <c r="H385428" s="12"/>
    </row>
    <row r="385429" spans="8:8">
      <c r="H385429" s="12"/>
    </row>
    <row r="385430" spans="8:8">
      <c r="H385430" s="12"/>
    </row>
    <row r="385431" spans="8:8">
      <c r="H385431" s="12"/>
    </row>
    <row r="385432" spans="8:8">
      <c r="H385432" s="12"/>
    </row>
    <row r="385433" spans="8:8">
      <c r="H385433" s="12"/>
    </row>
    <row r="385434" spans="8:8">
      <c r="H385434" s="12"/>
    </row>
    <row r="385435" spans="8:8">
      <c r="H385435" s="12"/>
    </row>
    <row r="385436" spans="8:8">
      <c r="H385436" s="12"/>
    </row>
    <row r="385437" spans="8:8">
      <c r="H385437" s="12"/>
    </row>
    <row r="385438" spans="8:8">
      <c r="H385438" s="12"/>
    </row>
    <row r="385439" spans="8:8">
      <c r="H385439" s="12"/>
    </row>
    <row r="385440" spans="8:8">
      <c r="H385440" s="12"/>
    </row>
    <row r="385441" spans="8:8">
      <c r="H385441" s="12"/>
    </row>
    <row r="385442" spans="8:8">
      <c r="H385442" s="12"/>
    </row>
    <row r="385443" spans="8:8">
      <c r="H385443" s="12"/>
    </row>
    <row r="385444" spans="8:8">
      <c r="H385444" s="12"/>
    </row>
    <row r="385445" spans="8:8">
      <c r="H385445" s="12"/>
    </row>
    <row r="385446" spans="8:8">
      <c r="H385446" s="12"/>
    </row>
    <row r="385447" spans="8:8">
      <c r="H385447" s="12"/>
    </row>
    <row r="385448" spans="8:8">
      <c r="H385448" s="12"/>
    </row>
    <row r="385449" spans="8:8">
      <c r="H385449" s="12"/>
    </row>
    <row r="385450" spans="8:8">
      <c r="H385450" s="12"/>
    </row>
    <row r="385451" spans="8:8">
      <c r="H385451" s="12"/>
    </row>
    <row r="385452" spans="8:8">
      <c r="H385452" s="12"/>
    </row>
    <row r="385453" spans="8:8">
      <c r="H385453" s="12"/>
    </row>
    <row r="385454" spans="8:8">
      <c r="H385454" s="12"/>
    </row>
    <row r="385455" spans="8:8">
      <c r="H385455" s="12"/>
    </row>
    <row r="385456" spans="8:8">
      <c r="H385456" s="12"/>
    </row>
    <row r="385457" spans="8:8">
      <c r="H385457" s="12"/>
    </row>
    <row r="385458" spans="8:8">
      <c r="H385458" s="12"/>
    </row>
    <row r="385459" spans="8:8">
      <c r="H385459" s="12"/>
    </row>
    <row r="385460" spans="8:8">
      <c r="H385460" s="12"/>
    </row>
    <row r="385461" spans="8:8">
      <c r="H385461" s="12"/>
    </row>
    <row r="385462" spans="8:8">
      <c r="H385462" s="12"/>
    </row>
    <row r="385463" spans="8:8">
      <c r="H385463" s="12"/>
    </row>
    <row r="385464" spans="8:8">
      <c r="H385464" s="12"/>
    </row>
    <row r="385465" spans="8:8">
      <c r="H385465" s="12"/>
    </row>
    <row r="385466" spans="8:8">
      <c r="H385466" s="12"/>
    </row>
    <row r="385467" spans="8:8">
      <c r="H385467" s="12"/>
    </row>
    <row r="385468" spans="8:8">
      <c r="H385468" s="12"/>
    </row>
    <row r="385469" spans="8:8">
      <c r="H385469" s="12"/>
    </row>
    <row r="385470" spans="8:8">
      <c r="H385470" s="12"/>
    </row>
    <row r="385471" spans="8:8">
      <c r="H385471" s="12"/>
    </row>
    <row r="385472" spans="8:8">
      <c r="H385472" s="12"/>
    </row>
    <row r="385473" spans="8:8">
      <c r="H385473" s="12"/>
    </row>
    <row r="385474" spans="8:8">
      <c r="H385474" s="12"/>
    </row>
    <row r="385475" spans="8:8">
      <c r="H385475" s="12"/>
    </row>
    <row r="385476" spans="8:8">
      <c r="H385476" s="12"/>
    </row>
    <row r="385477" spans="8:8">
      <c r="H385477" s="12"/>
    </row>
    <row r="385478" spans="8:8">
      <c r="H385478" s="12"/>
    </row>
    <row r="385479" spans="8:8">
      <c r="H385479" s="12"/>
    </row>
    <row r="385480" spans="8:8">
      <c r="H385480" s="12"/>
    </row>
    <row r="385481" spans="8:8">
      <c r="H385481" s="12"/>
    </row>
    <row r="385482" spans="8:8">
      <c r="H385482" s="12"/>
    </row>
    <row r="385483" spans="8:8">
      <c r="H385483" s="12"/>
    </row>
    <row r="385484" spans="8:8">
      <c r="H385484" s="12"/>
    </row>
    <row r="385485" spans="8:8">
      <c r="H385485" s="12"/>
    </row>
    <row r="385486" spans="8:8">
      <c r="H385486" s="12"/>
    </row>
    <row r="385487" spans="8:8">
      <c r="H385487" s="12"/>
    </row>
    <row r="385488" spans="8:8">
      <c r="H385488" s="12"/>
    </row>
    <row r="385489" spans="8:8">
      <c r="H385489" s="12"/>
    </row>
    <row r="385490" spans="8:8">
      <c r="H385490" s="12"/>
    </row>
    <row r="385491" spans="8:8">
      <c r="H385491" s="12"/>
    </row>
    <row r="385492" spans="8:8">
      <c r="H385492" s="12"/>
    </row>
    <row r="385493" spans="8:8">
      <c r="H385493" s="12"/>
    </row>
    <row r="385494" spans="8:8">
      <c r="H385494" s="12"/>
    </row>
    <row r="385495" spans="8:8">
      <c r="H385495" s="12"/>
    </row>
    <row r="385496" spans="8:8">
      <c r="H385496" s="12"/>
    </row>
    <row r="385497" spans="8:8">
      <c r="H385497" s="12"/>
    </row>
    <row r="385498" spans="8:8">
      <c r="H385498" s="12"/>
    </row>
    <row r="385499" spans="8:8">
      <c r="H385499" s="12"/>
    </row>
    <row r="385500" spans="8:8">
      <c r="H385500" s="12"/>
    </row>
    <row r="385501" spans="8:8">
      <c r="H385501" s="12"/>
    </row>
    <row r="385502" spans="8:8">
      <c r="H385502" s="12"/>
    </row>
    <row r="385503" spans="8:8">
      <c r="H385503" s="12"/>
    </row>
    <row r="385504" spans="8:8">
      <c r="H385504" s="12"/>
    </row>
    <row r="385505" spans="8:8">
      <c r="H385505" s="12"/>
    </row>
    <row r="385506" spans="8:8">
      <c r="H385506" s="12"/>
    </row>
    <row r="385507" spans="8:8">
      <c r="H385507" s="12"/>
    </row>
    <row r="385508" spans="8:8">
      <c r="H385508" s="12"/>
    </row>
    <row r="385509" spans="8:8">
      <c r="H385509" s="12"/>
    </row>
    <row r="385510" spans="8:8">
      <c r="H385510" s="12"/>
    </row>
    <row r="385511" spans="8:8">
      <c r="H385511" s="12"/>
    </row>
    <row r="385512" spans="8:8">
      <c r="H385512" s="12"/>
    </row>
    <row r="385513" spans="8:8">
      <c r="H385513" s="12"/>
    </row>
    <row r="385514" spans="8:8">
      <c r="H385514" s="12"/>
    </row>
    <row r="385515" spans="8:8">
      <c r="H385515" s="12"/>
    </row>
    <row r="385516" spans="8:8">
      <c r="H385516" s="12"/>
    </row>
    <row r="385517" spans="8:8">
      <c r="H385517" s="12"/>
    </row>
    <row r="385518" spans="8:8">
      <c r="H385518" s="12"/>
    </row>
    <row r="385519" spans="8:8">
      <c r="H385519" s="12"/>
    </row>
    <row r="385520" spans="8:8">
      <c r="H385520" s="12"/>
    </row>
    <row r="385521" spans="8:8">
      <c r="H385521" s="12"/>
    </row>
    <row r="385522" spans="8:8">
      <c r="H385522" s="12"/>
    </row>
    <row r="385523" spans="8:8">
      <c r="H385523" s="12"/>
    </row>
    <row r="385524" spans="8:8">
      <c r="H385524" s="12"/>
    </row>
    <row r="385525" spans="8:8">
      <c r="H385525" s="12"/>
    </row>
    <row r="385526" spans="8:8">
      <c r="H385526" s="12"/>
    </row>
    <row r="385527" spans="8:8">
      <c r="H385527" s="12"/>
    </row>
    <row r="385528" spans="8:8">
      <c r="H385528" s="12"/>
    </row>
    <row r="385529" spans="8:8">
      <c r="H385529" s="12"/>
    </row>
    <row r="385530" spans="8:8">
      <c r="H385530" s="12"/>
    </row>
    <row r="385531" spans="8:8">
      <c r="H385531" s="12"/>
    </row>
    <row r="385532" spans="8:8">
      <c r="H385532" s="12"/>
    </row>
    <row r="385533" spans="8:8">
      <c r="H385533" s="12"/>
    </row>
    <row r="385534" spans="8:8">
      <c r="H385534" s="12"/>
    </row>
    <row r="385535" spans="8:8">
      <c r="H385535" s="12"/>
    </row>
    <row r="385536" spans="8:8">
      <c r="H385536" s="12"/>
    </row>
    <row r="385537" spans="8:8">
      <c r="H385537" s="12"/>
    </row>
    <row r="385538" spans="8:8">
      <c r="H385538" s="12"/>
    </row>
    <row r="385539" spans="8:8">
      <c r="H385539" s="12"/>
    </row>
    <row r="385540" spans="8:8">
      <c r="H385540" s="12"/>
    </row>
    <row r="385541" spans="8:8">
      <c r="H385541" s="12"/>
    </row>
    <row r="385542" spans="8:8">
      <c r="H385542" s="12"/>
    </row>
    <row r="385543" spans="8:8">
      <c r="H385543" s="12"/>
    </row>
    <row r="385544" spans="8:8">
      <c r="H385544" s="12"/>
    </row>
    <row r="385545" spans="8:8">
      <c r="H385545" s="12"/>
    </row>
    <row r="385546" spans="8:8">
      <c r="H385546" s="12"/>
    </row>
    <row r="385547" spans="8:8">
      <c r="H385547" s="12"/>
    </row>
    <row r="385548" spans="8:8">
      <c r="H385548" s="12"/>
    </row>
    <row r="385549" spans="8:8">
      <c r="H385549" s="12"/>
    </row>
    <row r="385550" spans="8:8">
      <c r="H385550" s="12"/>
    </row>
    <row r="385551" spans="8:8">
      <c r="H385551" s="12"/>
    </row>
    <row r="385552" spans="8:8">
      <c r="H385552" s="12"/>
    </row>
    <row r="385553" spans="8:8">
      <c r="H385553" s="12"/>
    </row>
    <row r="385554" spans="8:8">
      <c r="H385554" s="12"/>
    </row>
    <row r="385555" spans="8:8">
      <c r="H385555" s="12"/>
    </row>
    <row r="385556" spans="8:8">
      <c r="H385556" s="12"/>
    </row>
    <row r="385557" spans="8:8">
      <c r="H385557" s="12"/>
    </row>
    <row r="385558" spans="8:8">
      <c r="H385558" s="12"/>
    </row>
    <row r="385559" spans="8:8">
      <c r="H385559" s="12"/>
    </row>
    <row r="385560" spans="8:8">
      <c r="H385560" s="12"/>
    </row>
    <row r="385561" spans="8:8">
      <c r="H385561" s="12"/>
    </row>
    <row r="385562" spans="8:8">
      <c r="H385562" s="12"/>
    </row>
    <row r="385563" spans="8:8">
      <c r="H385563" s="12"/>
    </row>
    <row r="385564" spans="8:8">
      <c r="H385564" s="12"/>
    </row>
    <row r="385565" spans="8:8">
      <c r="H385565" s="12"/>
    </row>
    <row r="385566" spans="8:8">
      <c r="H385566" s="12"/>
    </row>
    <row r="385567" spans="8:8">
      <c r="H385567" s="12"/>
    </row>
    <row r="385568" spans="8:8">
      <c r="H385568" s="12"/>
    </row>
    <row r="385569" spans="8:8">
      <c r="H385569" s="12"/>
    </row>
    <row r="385570" spans="8:8">
      <c r="H385570" s="12"/>
    </row>
    <row r="385571" spans="8:8">
      <c r="H385571" s="12"/>
    </row>
    <row r="385572" spans="8:8">
      <c r="H385572" s="12"/>
    </row>
    <row r="385573" spans="8:8">
      <c r="H385573" s="12"/>
    </row>
    <row r="385574" spans="8:8">
      <c r="H385574" s="12"/>
    </row>
    <row r="385575" spans="8:8">
      <c r="H385575" s="12"/>
    </row>
    <row r="385576" spans="8:8">
      <c r="H385576" s="12"/>
    </row>
    <row r="385577" spans="8:8">
      <c r="H385577" s="12"/>
    </row>
    <row r="385578" spans="8:8">
      <c r="H385578" s="12"/>
    </row>
    <row r="385579" spans="8:8">
      <c r="H385579" s="12"/>
    </row>
    <row r="385580" spans="8:8">
      <c r="H385580" s="12"/>
    </row>
    <row r="385581" spans="8:8">
      <c r="H385581" s="12"/>
    </row>
    <row r="385582" spans="8:8">
      <c r="H385582" s="12"/>
    </row>
    <row r="385583" spans="8:8">
      <c r="H385583" s="12"/>
    </row>
    <row r="385584" spans="8:8">
      <c r="H385584" s="12"/>
    </row>
    <row r="385585" spans="8:8">
      <c r="H385585" s="12"/>
    </row>
    <row r="385586" spans="8:8">
      <c r="H385586" s="12"/>
    </row>
    <row r="385587" spans="8:8">
      <c r="H385587" s="12"/>
    </row>
    <row r="385588" spans="8:8">
      <c r="H385588" s="12"/>
    </row>
    <row r="385589" spans="8:8">
      <c r="H385589" s="12"/>
    </row>
    <row r="385590" spans="8:8">
      <c r="H385590" s="12"/>
    </row>
    <row r="385591" spans="8:8">
      <c r="H385591" s="12"/>
    </row>
    <row r="385592" spans="8:8">
      <c r="H385592" s="12"/>
    </row>
    <row r="385593" spans="8:8">
      <c r="H385593" s="12"/>
    </row>
    <row r="385594" spans="8:8">
      <c r="H385594" s="12"/>
    </row>
    <row r="385595" spans="8:8">
      <c r="H385595" s="12"/>
    </row>
    <row r="385596" spans="8:8">
      <c r="H385596" s="12"/>
    </row>
    <row r="385597" spans="8:8">
      <c r="H385597" s="12"/>
    </row>
    <row r="385598" spans="8:8">
      <c r="H385598" s="12"/>
    </row>
    <row r="385599" spans="8:8">
      <c r="H385599" s="12"/>
    </row>
    <row r="385600" spans="8:8">
      <c r="H385600" s="12"/>
    </row>
    <row r="385601" spans="8:8">
      <c r="H385601" s="12"/>
    </row>
    <row r="385602" spans="8:8">
      <c r="H385602" s="12"/>
    </row>
    <row r="385603" spans="8:8">
      <c r="H385603" s="12"/>
    </row>
    <row r="385604" spans="8:8">
      <c r="H385604" s="12"/>
    </row>
    <row r="385605" spans="8:8">
      <c r="H385605" s="12"/>
    </row>
    <row r="385606" spans="8:8">
      <c r="H385606" s="12"/>
    </row>
    <row r="385607" spans="8:8">
      <c r="H385607" s="12"/>
    </row>
    <row r="385608" spans="8:8">
      <c r="H385608" s="12"/>
    </row>
    <row r="385609" spans="8:8">
      <c r="H385609" s="12"/>
    </row>
    <row r="385610" spans="8:8">
      <c r="H385610" s="12"/>
    </row>
    <row r="385611" spans="8:8">
      <c r="H385611" s="12"/>
    </row>
    <row r="385612" spans="8:8">
      <c r="H385612" s="12"/>
    </row>
    <row r="385613" spans="8:8">
      <c r="H385613" s="12"/>
    </row>
    <row r="385614" spans="8:8">
      <c r="H385614" s="12"/>
    </row>
    <row r="385615" spans="8:8">
      <c r="H385615" s="12"/>
    </row>
    <row r="385616" spans="8:8">
      <c r="H385616" s="12"/>
    </row>
    <row r="385617" spans="8:8">
      <c r="H385617" s="12"/>
    </row>
    <row r="385618" spans="8:8">
      <c r="H385618" s="12"/>
    </row>
    <row r="385619" spans="8:8">
      <c r="H385619" s="12"/>
    </row>
    <row r="385620" spans="8:8">
      <c r="H385620" s="12"/>
    </row>
    <row r="385621" spans="8:8">
      <c r="H385621" s="12"/>
    </row>
    <row r="385622" spans="8:8">
      <c r="H385622" s="12"/>
    </row>
    <row r="385623" spans="8:8">
      <c r="H385623" s="12"/>
    </row>
    <row r="385624" spans="8:8">
      <c r="H385624" s="12"/>
    </row>
    <row r="385625" spans="8:8">
      <c r="H385625" s="12"/>
    </row>
    <row r="385626" spans="8:8">
      <c r="H385626" s="12"/>
    </row>
    <row r="385627" spans="8:8">
      <c r="H385627" s="12"/>
    </row>
    <row r="385628" spans="8:8">
      <c r="H385628" s="12"/>
    </row>
    <row r="385629" spans="8:8">
      <c r="H385629" s="12"/>
    </row>
    <row r="385630" spans="8:8">
      <c r="H385630" s="12"/>
    </row>
    <row r="385631" spans="8:8">
      <c r="H385631" s="12"/>
    </row>
    <row r="385632" spans="8:8">
      <c r="H385632" s="12"/>
    </row>
    <row r="385633" spans="8:8">
      <c r="H385633" s="12"/>
    </row>
    <row r="385634" spans="8:8">
      <c r="H385634" s="12"/>
    </row>
    <row r="385635" spans="8:8">
      <c r="H385635" s="12"/>
    </row>
    <row r="385636" spans="8:8">
      <c r="H385636" s="12"/>
    </row>
    <row r="385637" spans="8:8">
      <c r="H385637" s="12"/>
    </row>
    <row r="385638" spans="8:8">
      <c r="H385638" s="12"/>
    </row>
    <row r="385639" spans="8:8">
      <c r="H385639" s="12"/>
    </row>
    <row r="385640" spans="8:8">
      <c r="H385640" s="12"/>
    </row>
    <row r="385641" spans="8:8">
      <c r="H385641" s="12"/>
    </row>
    <row r="385642" spans="8:8">
      <c r="H385642" s="12"/>
    </row>
    <row r="385643" spans="8:8">
      <c r="H385643" s="12"/>
    </row>
    <row r="385644" spans="8:8">
      <c r="H385644" s="12"/>
    </row>
    <row r="385645" spans="8:8">
      <c r="H385645" s="12"/>
    </row>
    <row r="385646" spans="8:8">
      <c r="H385646" s="12"/>
    </row>
    <row r="385647" spans="8:8">
      <c r="H385647" s="12"/>
    </row>
    <row r="385648" spans="8:8">
      <c r="H385648" s="12"/>
    </row>
    <row r="385649" spans="8:8">
      <c r="H385649" s="12"/>
    </row>
    <row r="385650" spans="8:8">
      <c r="H385650" s="12"/>
    </row>
    <row r="385651" spans="8:8">
      <c r="H385651" s="12"/>
    </row>
    <row r="385652" spans="8:8">
      <c r="H385652" s="12"/>
    </row>
    <row r="385653" spans="8:8">
      <c r="H385653" s="12"/>
    </row>
    <row r="385654" spans="8:8">
      <c r="H385654" s="12"/>
    </row>
    <row r="385655" spans="8:8">
      <c r="H385655" s="12"/>
    </row>
    <row r="385656" spans="8:8">
      <c r="H385656" s="12"/>
    </row>
    <row r="385657" spans="8:8">
      <c r="H385657" s="12"/>
    </row>
    <row r="385658" spans="8:8">
      <c r="H385658" s="12"/>
    </row>
    <row r="385659" spans="8:8">
      <c r="H385659" s="12"/>
    </row>
    <row r="385660" spans="8:8">
      <c r="H385660" s="12"/>
    </row>
    <row r="385661" spans="8:8">
      <c r="H385661" s="12"/>
    </row>
    <row r="385662" spans="8:8">
      <c r="H385662" s="12"/>
    </row>
    <row r="385663" spans="8:8">
      <c r="H385663" s="12"/>
    </row>
    <row r="385664" spans="8:8">
      <c r="H385664" s="12"/>
    </row>
    <row r="385665" spans="8:8">
      <c r="H385665" s="12"/>
    </row>
    <row r="385666" spans="8:8">
      <c r="H385666" s="12"/>
    </row>
    <row r="385667" spans="8:8">
      <c r="H385667" s="12"/>
    </row>
    <row r="385668" spans="8:8">
      <c r="H385668" s="12"/>
    </row>
    <row r="385669" spans="8:8">
      <c r="H385669" s="12"/>
    </row>
    <row r="385670" spans="8:8">
      <c r="H385670" s="12"/>
    </row>
    <row r="385671" spans="8:8">
      <c r="H385671" s="12"/>
    </row>
    <row r="385672" spans="8:8">
      <c r="H385672" s="12"/>
    </row>
    <row r="385673" spans="8:8">
      <c r="H385673" s="12"/>
    </row>
    <row r="385674" spans="8:8">
      <c r="H385674" s="12"/>
    </row>
    <row r="385675" spans="8:8">
      <c r="H385675" s="12"/>
    </row>
    <row r="385676" spans="8:8">
      <c r="H385676" s="12"/>
    </row>
    <row r="385677" spans="8:8">
      <c r="H385677" s="12"/>
    </row>
    <row r="385678" spans="8:8">
      <c r="H385678" s="12"/>
    </row>
    <row r="385679" spans="8:8">
      <c r="H385679" s="12"/>
    </row>
    <row r="385680" spans="8:8">
      <c r="H385680" s="12"/>
    </row>
    <row r="385681" spans="8:8">
      <c r="H385681" s="12"/>
    </row>
    <row r="385682" spans="8:8">
      <c r="H385682" s="12"/>
    </row>
    <row r="385683" spans="8:8">
      <c r="H385683" s="12"/>
    </row>
    <row r="385684" spans="8:8">
      <c r="H385684" s="12"/>
    </row>
    <row r="385685" spans="8:8">
      <c r="H385685" s="12"/>
    </row>
    <row r="385686" spans="8:8">
      <c r="H385686" s="12"/>
    </row>
    <row r="385687" spans="8:8">
      <c r="H385687" s="12"/>
    </row>
    <row r="385688" spans="8:8">
      <c r="H385688" s="12"/>
    </row>
    <row r="385689" spans="8:8">
      <c r="H385689" s="12"/>
    </row>
    <row r="385690" spans="8:8">
      <c r="H385690" s="12"/>
    </row>
    <row r="385691" spans="8:8">
      <c r="H385691" s="12"/>
    </row>
    <row r="385692" spans="8:8">
      <c r="H385692" s="12"/>
    </row>
    <row r="385693" spans="8:8">
      <c r="H385693" s="12"/>
    </row>
    <row r="385694" spans="8:8">
      <c r="H385694" s="12"/>
    </row>
    <row r="385695" spans="8:8">
      <c r="H385695" s="12"/>
    </row>
    <row r="385696" spans="8:8">
      <c r="H385696" s="12"/>
    </row>
    <row r="385697" spans="8:8">
      <c r="H385697" s="12"/>
    </row>
    <row r="385698" spans="8:8">
      <c r="H385698" s="12"/>
    </row>
    <row r="385699" spans="8:8">
      <c r="H385699" s="12"/>
    </row>
    <row r="385700" spans="8:8">
      <c r="H385700" s="12"/>
    </row>
    <row r="385701" spans="8:8">
      <c r="H385701" s="12"/>
    </row>
    <row r="385702" spans="8:8">
      <c r="H385702" s="12"/>
    </row>
    <row r="385703" spans="8:8">
      <c r="H385703" s="12"/>
    </row>
    <row r="385704" spans="8:8">
      <c r="H385704" s="12"/>
    </row>
    <row r="385705" spans="8:8">
      <c r="H385705" s="12"/>
    </row>
    <row r="385706" spans="8:8">
      <c r="H385706" s="12"/>
    </row>
    <row r="385707" spans="8:8">
      <c r="H385707" s="12"/>
    </row>
    <row r="385708" spans="8:8">
      <c r="H385708" s="12"/>
    </row>
    <row r="385709" spans="8:8">
      <c r="H385709" s="12"/>
    </row>
    <row r="385710" spans="8:8">
      <c r="H385710" s="12"/>
    </row>
    <row r="385711" spans="8:8">
      <c r="H385711" s="12"/>
    </row>
    <row r="385712" spans="8:8">
      <c r="H385712" s="12"/>
    </row>
    <row r="385713" spans="8:8">
      <c r="H385713" s="12"/>
    </row>
    <row r="385714" spans="8:8">
      <c r="H385714" s="12"/>
    </row>
    <row r="385715" spans="8:8">
      <c r="H385715" s="12"/>
    </row>
    <row r="385716" spans="8:8">
      <c r="H385716" s="12"/>
    </row>
    <row r="385717" spans="8:8">
      <c r="H385717" s="12"/>
    </row>
    <row r="385718" spans="8:8">
      <c r="H385718" s="12"/>
    </row>
    <row r="385719" spans="8:8">
      <c r="H385719" s="12"/>
    </row>
    <row r="385720" spans="8:8">
      <c r="H385720" s="12"/>
    </row>
    <row r="385721" spans="8:8">
      <c r="H385721" s="12"/>
    </row>
    <row r="385722" spans="8:8">
      <c r="H385722" s="12"/>
    </row>
    <row r="385723" spans="8:8">
      <c r="H385723" s="12"/>
    </row>
    <row r="385724" spans="8:8">
      <c r="H385724" s="12"/>
    </row>
    <row r="385725" spans="8:8">
      <c r="H385725" s="12"/>
    </row>
    <row r="385726" spans="8:8">
      <c r="H385726" s="12"/>
    </row>
    <row r="385727" spans="8:8">
      <c r="H385727" s="12"/>
    </row>
    <row r="385728" spans="8:8">
      <c r="H385728" s="12"/>
    </row>
    <row r="385729" spans="8:8">
      <c r="H385729" s="12"/>
    </row>
    <row r="385730" spans="8:8">
      <c r="H385730" s="12"/>
    </row>
    <row r="385731" spans="8:8">
      <c r="H385731" s="12"/>
    </row>
    <row r="385732" spans="8:8">
      <c r="H385732" s="12"/>
    </row>
    <row r="385733" spans="8:8">
      <c r="H385733" s="12"/>
    </row>
    <row r="385734" spans="8:8">
      <c r="H385734" s="12"/>
    </row>
    <row r="385735" spans="8:8">
      <c r="H385735" s="12"/>
    </row>
    <row r="385736" spans="8:8">
      <c r="H385736" s="12"/>
    </row>
    <row r="385737" spans="8:8">
      <c r="H385737" s="12"/>
    </row>
    <row r="385738" spans="8:8">
      <c r="H385738" s="12"/>
    </row>
    <row r="385739" spans="8:8">
      <c r="H385739" s="12"/>
    </row>
    <row r="385740" spans="8:8">
      <c r="H385740" s="12"/>
    </row>
    <row r="385741" spans="8:8">
      <c r="H385741" s="12"/>
    </row>
    <row r="385742" spans="8:8">
      <c r="H385742" s="12"/>
    </row>
    <row r="385743" spans="8:8">
      <c r="H385743" s="12"/>
    </row>
    <row r="385744" spans="8:8">
      <c r="H385744" s="12"/>
    </row>
    <row r="385745" spans="8:8">
      <c r="H385745" s="12"/>
    </row>
    <row r="385746" spans="8:8">
      <c r="H385746" s="12"/>
    </row>
    <row r="385747" spans="8:8">
      <c r="H385747" s="12"/>
    </row>
    <row r="385748" spans="8:8">
      <c r="H385748" s="12"/>
    </row>
    <row r="385749" spans="8:8">
      <c r="H385749" s="12"/>
    </row>
    <row r="385750" spans="8:8">
      <c r="H385750" s="12"/>
    </row>
    <row r="385751" spans="8:8">
      <c r="H385751" s="12"/>
    </row>
    <row r="385752" spans="8:8">
      <c r="H385752" s="12"/>
    </row>
    <row r="385753" spans="8:8">
      <c r="H385753" s="12"/>
    </row>
    <row r="385754" spans="8:8">
      <c r="H385754" s="12"/>
    </row>
    <row r="385755" spans="8:8">
      <c r="H385755" s="12"/>
    </row>
    <row r="385756" spans="8:8">
      <c r="H385756" s="12"/>
    </row>
    <row r="385757" spans="8:8">
      <c r="H385757" s="12"/>
    </row>
    <row r="385758" spans="8:8">
      <c r="H385758" s="12"/>
    </row>
    <row r="385759" spans="8:8">
      <c r="H385759" s="12"/>
    </row>
    <row r="385760" spans="8:8">
      <c r="H385760" s="12"/>
    </row>
    <row r="385761" spans="8:8">
      <c r="H385761" s="12"/>
    </row>
    <row r="385762" spans="8:8">
      <c r="H385762" s="12"/>
    </row>
    <row r="385763" spans="8:8">
      <c r="H385763" s="12"/>
    </row>
    <row r="385764" spans="8:8">
      <c r="H385764" s="12"/>
    </row>
    <row r="385765" spans="8:8">
      <c r="H385765" s="12"/>
    </row>
    <row r="385766" spans="8:8">
      <c r="H385766" s="12"/>
    </row>
    <row r="385767" spans="8:8">
      <c r="H385767" s="12"/>
    </row>
    <row r="385768" spans="8:8">
      <c r="H385768" s="12"/>
    </row>
    <row r="385769" spans="8:8">
      <c r="H385769" s="12"/>
    </row>
    <row r="385770" spans="8:8">
      <c r="H385770" s="12"/>
    </row>
    <row r="385771" spans="8:8">
      <c r="H385771" s="12"/>
    </row>
    <row r="385772" spans="8:8">
      <c r="H385772" s="12"/>
    </row>
    <row r="385773" spans="8:8">
      <c r="H385773" s="12"/>
    </row>
    <row r="385774" spans="8:8">
      <c r="H385774" s="12"/>
    </row>
    <row r="385775" spans="8:8">
      <c r="H385775" s="12"/>
    </row>
    <row r="385776" spans="8:8">
      <c r="H385776" s="12"/>
    </row>
    <row r="385777" spans="8:8">
      <c r="H385777" s="12"/>
    </row>
    <row r="385778" spans="8:8">
      <c r="H385778" s="12"/>
    </row>
    <row r="385779" spans="8:8">
      <c r="H385779" s="12"/>
    </row>
    <row r="385780" spans="8:8">
      <c r="H385780" s="12"/>
    </row>
    <row r="385781" spans="8:8">
      <c r="H385781" s="12"/>
    </row>
    <row r="385782" spans="8:8">
      <c r="H385782" s="12"/>
    </row>
    <row r="385783" spans="8:8">
      <c r="H385783" s="12"/>
    </row>
    <row r="385784" spans="8:8">
      <c r="H385784" s="12"/>
    </row>
    <row r="385785" spans="8:8">
      <c r="H385785" s="12"/>
    </row>
    <row r="385786" spans="8:8">
      <c r="H385786" s="12"/>
    </row>
    <row r="385787" spans="8:8">
      <c r="H385787" s="12"/>
    </row>
    <row r="385788" spans="8:8">
      <c r="H385788" s="12"/>
    </row>
    <row r="385789" spans="8:8">
      <c r="H385789" s="12"/>
    </row>
    <row r="385790" spans="8:8">
      <c r="H385790" s="12"/>
    </row>
    <row r="385791" spans="8:8">
      <c r="H385791" s="12"/>
    </row>
    <row r="385792" spans="8:8">
      <c r="H385792" s="12"/>
    </row>
    <row r="385793" spans="8:8">
      <c r="H385793" s="12"/>
    </row>
    <row r="385794" spans="8:8">
      <c r="H385794" s="12"/>
    </row>
    <row r="385795" spans="8:8">
      <c r="H385795" s="12"/>
    </row>
    <row r="385796" spans="8:8">
      <c r="H385796" s="12"/>
    </row>
    <row r="385797" spans="8:8">
      <c r="H385797" s="12"/>
    </row>
    <row r="385798" spans="8:8">
      <c r="H385798" s="12"/>
    </row>
    <row r="385799" spans="8:8">
      <c r="H385799" s="12"/>
    </row>
    <row r="385800" spans="8:8">
      <c r="H385800" s="12"/>
    </row>
    <row r="385801" spans="8:8">
      <c r="H385801" s="12"/>
    </row>
    <row r="385802" spans="8:8">
      <c r="H385802" s="12"/>
    </row>
    <row r="385803" spans="8:8">
      <c r="H385803" s="12"/>
    </row>
    <row r="385804" spans="8:8">
      <c r="H385804" s="12"/>
    </row>
    <row r="385805" spans="8:8">
      <c r="H385805" s="12"/>
    </row>
    <row r="385806" spans="8:8">
      <c r="H385806" s="12"/>
    </row>
    <row r="385807" spans="8:8">
      <c r="H385807" s="12"/>
    </row>
    <row r="385808" spans="8:8">
      <c r="H385808" s="12"/>
    </row>
    <row r="385809" spans="8:8">
      <c r="H385809" s="12"/>
    </row>
    <row r="385810" spans="8:8">
      <c r="H385810" s="12"/>
    </row>
    <row r="385811" spans="8:8">
      <c r="H385811" s="12"/>
    </row>
    <row r="385812" spans="8:8">
      <c r="H385812" s="12"/>
    </row>
    <row r="385813" spans="8:8">
      <c r="H385813" s="12"/>
    </row>
    <row r="385814" spans="8:8">
      <c r="H385814" s="12"/>
    </row>
    <row r="385815" spans="8:8">
      <c r="H385815" s="12"/>
    </row>
    <row r="385816" spans="8:8">
      <c r="H385816" s="12"/>
    </row>
    <row r="385817" spans="8:8">
      <c r="H385817" s="12"/>
    </row>
    <row r="385818" spans="8:8">
      <c r="H385818" s="12"/>
    </row>
    <row r="385819" spans="8:8">
      <c r="H385819" s="12"/>
    </row>
    <row r="385820" spans="8:8">
      <c r="H385820" s="12"/>
    </row>
    <row r="385821" spans="8:8">
      <c r="H385821" s="12"/>
    </row>
    <row r="385822" spans="8:8">
      <c r="H385822" s="12"/>
    </row>
    <row r="385823" spans="8:8">
      <c r="H385823" s="12"/>
    </row>
    <row r="385824" spans="8:8">
      <c r="H385824" s="12"/>
    </row>
    <row r="385825" spans="8:8">
      <c r="H385825" s="12"/>
    </row>
    <row r="385826" spans="8:8">
      <c r="H385826" s="12"/>
    </row>
    <row r="385827" spans="8:8">
      <c r="H385827" s="12"/>
    </row>
    <row r="385828" spans="8:8">
      <c r="H385828" s="12"/>
    </row>
    <row r="385829" spans="8:8">
      <c r="H385829" s="12"/>
    </row>
    <row r="385830" spans="8:8">
      <c r="H385830" s="12"/>
    </row>
    <row r="385831" spans="8:8">
      <c r="H385831" s="12"/>
    </row>
    <row r="385832" spans="8:8">
      <c r="H385832" s="12"/>
    </row>
    <row r="385833" spans="8:8">
      <c r="H385833" s="12"/>
    </row>
    <row r="385834" spans="8:8">
      <c r="H385834" s="12"/>
    </row>
    <row r="385835" spans="8:8">
      <c r="H385835" s="12"/>
    </row>
    <row r="385836" spans="8:8">
      <c r="H385836" s="12"/>
    </row>
    <row r="385837" spans="8:8">
      <c r="H385837" s="12"/>
    </row>
    <row r="385838" spans="8:8">
      <c r="H385838" s="12"/>
    </row>
    <row r="385839" spans="8:8">
      <c r="H385839" s="12"/>
    </row>
    <row r="385840" spans="8:8">
      <c r="H385840" s="12"/>
    </row>
    <row r="385841" spans="8:8">
      <c r="H385841" s="12"/>
    </row>
    <row r="385842" spans="8:8">
      <c r="H385842" s="12"/>
    </row>
    <row r="385843" spans="8:8">
      <c r="H385843" s="12"/>
    </row>
    <row r="385844" spans="8:8">
      <c r="H385844" s="12"/>
    </row>
    <row r="385845" spans="8:8">
      <c r="H385845" s="12"/>
    </row>
    <row r="385846" spans="8:8">
      <c r="H385846" s="12"/>
    </row>
    <row r="385847" spans="8:8">
      <c r="H385847" s="12"/>
    </row>
    <row r="385848" spans="8:8">
      <c r="H385848" s="12"/>
    </row>
    <row r="385849" spans="8:8">
      <c r="H385849" s="12"/>
    </row>
    <row r="385850" spans="8:8">
      <c r="H385850" s="12"/>
    </row>
    <row r="385851" spans="8:8">
      <c r="H385851" s="12"/>
    </row>
    <row r="385852" spans="8:8">
      <c r="H385852" s="12"/>
    </row>
    <row r="385853" spans="8:8">
      <c r="H385853" s="12"/>
    </row>
    <row r="385854" spans="8:8">
      <c r="H385854" s="12"/>
    </row>
    <row r="385855" spans="8:8">
      <c r="H385855" s="12"/>
    </row>
    <row r="385856" spans="8:8">
      <c r="H385856" s="12"/>
    </row>
    <row r="385857" spans="8:8">
      <c r="H385857" s="12"/>
    </row>
    <row r="385858" spans="8:8">
      <c r="H385858" s="12"/>
    </row>
    <row r="385859" spans="8:8">
      <c r="H385859" s="12"/>
    </row>
    <row r="385860" spans="8:8">
      <c r="H385860" s="12"/>
    </row>
    <row r="385861" spans="8:8">
      <c r="H385861" s="12"/>
    </row>
    <row r="385862" spans="8:8">
      <c r="H385862" s="12"/>
    </row>
    <row r="385863" spans="8:8">
      <c r="H385863" s="12"/>
    </row>
    <row r="385864" spans="8:8">
      <c r="H385864" s="12"/>
    </row>
    <row r="385865" spans="8:8">
      <c r="H385865" s="12"/>
    </row>
    <row r="385866" spans="8:8">
      <c r="H385866" s="12"/>
    </row>
    <row r="385867" spans="8:8">
      <c r="H385867" s="12"/>
    </row>
    <row r="385868" spans="8:8">
      <c r="H385868" s="12"/>
    </row>
    <row r="385869" spans="8:8">
      <c r="H385869" s="12"/>
    </row>
    <row r="385870" spans="8:8">
      <c r="H385870" s="12"/>
    </row>
    <row r="385871" spans="8:8">
      <c r="H385871" s="12"/>
    </row>
    <row r="385872" spans="8:8">
      <c r="H385872" s="12"/>
    </row>
    <row r="385873" spans="8:8">
      <c r="H385873" s="12"/>
    </row>
    <row r="385874" spans="8:8">
      <c r="H385874" s="12"/>
    </row>
    <row r="385875" spans="8:8">
      <c r="H385875" s="12"/>
    </row>
    <row r="385876" spans="8:8">
      <c r="H385876" s="12"/>
    </row>
    <row r="385877" spans="8:8">
      <c r="H385877" s="12"/>
    </row>
    <row r="385878" spans="8:8">
      <c r="H385878" s="12"/>
    </row>
    <row r="385879" spans="8:8">
      <c r="H385879" s="12"/>
    </row>
    <row r="385880" spans="8:8">
      <c r="H385880" s="12"/>
    </row>
    <row r="385881" spans="8:8">
      <c r="H385881" s="12"/>
    </row>
    <row r="385882" spans="8:8">
      <c r="H385882" s="12"/>
    </row>
    <row r="385883" spans="8:8">
      <c r="H385883" s="12"/>
    </row>
    <row r="385884" spans="8:8">
      <c r="H385884" s="12"/>
    </row>
    <row r="385885" spans="8:8">
      <c r="H385885" s="12"/>
    </row>
    <row r="385886" spans="8:8">
      <c r="H385886" s="12"/>
    </row>
    <row r="385887" spans="8:8">
      <c r="H385887" s="12"/>
    </row>
    <row r="385888" spans="8:8">
      <c r="H385888" s="12"/>
    </row>
    <row r="385889" spans="8:8">
      <c r="H385889" s="12"/>
    </row>
    <row r="385890" spans="8:8">
      <c r="H385890" s="12"/>
    </row>
    <row r="385891" spans="8:8">
      <c r="H385891" s="12"/>
    </row>
    <row r="385892" spans="8:8">
      <c r="H385892" s="12"/>
    </row>
    <row r="385893" spans="8:8">
      <c r="H385893" s="12"/>
    </row>
    <row r="385894" spans="8:8">
      <c r="H385894" s="12"/>
    </row>
    <row r="385895" spans="8:8">
      <c r="H385895" s="12"/>
    </row>
    <row r="385896" spans="8:8">
      <c r="H385896" s="12"/>
    </row>
    <row r="385897" spans="8:8">
      <c r="H385897" s="12"/>
    </row>
    <row r="385898" spans="8:8">
      <c r="H385898" s="12"/>
    </row>
    <row r="385899" spans="8:8">
      <c r="H385899" s="12"/>
    </row>
    <row r="385900" spans="8:8">
      <c r="H385900" s="12"/>
    </row>
    <row r="385901" spans="8:8">
      <c r="H385901" s="12"/>
    </row>
    <row r="385902" spans="8:8">
      <c r="H385902" s="12"/>
    </row>
    <row r="385903" spans="8:8">
      <c r="H385903" s="12"/>
    </row>
    <row r="385904" spans="8:8">
      <c r="H385904" s="12"/>
    </row>
    <row r="385905" spans="8:8">
      <c r="H385905" s="12"/>
    </row>
    <row r="385906" spans="8:8">
      <c r="H385906" s="12"/>
    </row>
    <row r="385907" spans="8:8">
      <c r="H385907" s="12"/>
    </row>
    <row r="385908" spans="8:8">
      <c r="H385908" s="12"/>
    </row>
    <row r="385909" spans="8:8">
      <c r="H385909" s="12"/>
    </row>
    <row r="385910" spans="8:8">
      <c r="H385910" s="12"/>
    </row>
    <row r="385911" spans="8:8">
      <c r="H385911" s="12"/>
    </row>
    <row r="385912" spans="8:8">
      <c r="H385912" s="12"/>
    </row>
    <row r="385913" spans="8:8">
      <c r="H385913" s="12"/>
    </row>
    <row r="385914" spans="8:8">
      <c r="H385914" s="12"/>
    </row>
    <row r="385915" spans="8:8">
      <c r="H385915" s="12"/>
    </row>
    <row r="385916" spans="8:8">
      <c r="H385916" s="12"/>
    </row>
    <row r="385917" spans="8:8">
      <c r="H385917" s="12"/>
    </row>
    <row r="385918" spans="8:8">
      <c r="H385918" s="12"/>
    </row>
    <row r="385919" spans="8:8">
      <c r="H385919" s="12"/>
    </row>
    <row r="385920" spans="8:8">
      <c r="H385920" s="12"/>
    </row>
    <row r="385921" spans="8:8">
      <c r="H385921" s="12"/>
    </row>
    <row r="385922" spans="8:8">
      <c r="H385922" s="12"/>
    </row>
    <row r="385923" spans="8:8">
      <c r="H385923" s="12"/>
    </row>
    <row r="385924" spans="8:8">
      <c r="H385924" s="12"/>
    </row>
    <row r="385925" spans="8:8">
      <c r="H385925" s="12"/>
    </row>
    <row r="385926" spans="8:8">
      <c r="H385926" s="12"/>
    </row>
    <row r="385927" spans="8:8">
      <c r="H385927" s="12"/>
    </row>
    <row r="385928" spans="8:8">
      <c r="H385928" s="12"/>
    </row>
    <row r="385929" spans="8:8">
      <c r="H385929" s="12"/>
    </row>
    <row r="385930" spans="8:8">
      <c r="H385930" s="12"/>
    </row>
    <row r="385931" spans="8:8">
      <c r="H385931" s="12"/>
    </row>
    <row r="385932" spans="8:8">
      <c r="H385932" s="12"/>
    </row>
    <row r="385933" spans="8:8">
      <c r="H385933" s="12"/>
    </row>
    <row r="385934" spans="8:8">
      <c r="H385934" s="12"/>
    </row>
    <row r="385935" spans="8:8">
      <c r="H385935" s="12"/>
    </row>
    <row r="385936" spans="8:8">
      <c r="H385936" s="12"/>
    </row>
    <row r="385937" spans="8:8">
      <c r="H385937" s="12"/>
    </row>
    <row r="385938" spans="8:8">
      <c r="H385938" s="12"/>
    </row>
    <row r="385939" spans="8:8">
      <c r="H385939" s="12"/>
    </row>
    <row r="385940" spans="8:8">
      <c r="H385940" s="12"/>
    </row>
    <row r="385941" spans="8:8">
      <c r="H385941" s="12"/>
    </row>
    <row r="385942" spans="8:8">
      <c r="H385942" s="12"/>
    </row>
    <row r="385943" spans="8:8">
      <c r="H385943" s="12"/>
    </row>
    <row r="385944" spans="8:8">
      <c r="H385944" s="12"/>
    </row>
    <row r="385945" spans="8:8">
      <c r="H385945" s="12"/>
    </row>
    <row r="385946" spans="8:8">
      <c r="H385946" s="12"/>
    </row>
    <row r="385947" spans="8:8">
      <c r="H385947" s="12"/>
    </row>
    <row r="385948" spans="8:8">
      <c r="H385948" s="12"/>
    </row>
    <row r="385949" spans="8:8">
      <c r="H385949" s="12"/>
    </row>
    <row r="385950" spans="8:8">
      <c r="H385950" s="12"/>
    </row>
    <row r="385951" spans="8:8">
      <c r="H385951" s="12"/>
    </row>
    <row r="385952" spans="8:8">
      <c r="H385952" s="12"/>
    </row>
    <row r="385953" spans="8:8">
      <c r="H385953" s="12"/>
    </row>
    <row r="385954" spans="8:8">
      <c r="H385954" s="12"/>
    </row>
    <row r="385955" spans="8:8">
      <c r="H385955" s="12"/>
    </row>
    <row r="385956" spans="8:8">
      <c r="H385956" s="12"/>
    </row>
    <row r="385957" spans="8:8">
      <c r="H385957" s="12"/>
    </row>
    <row r="385958" spans="8:8">
      <c r="H385958" s="12"/>
    </row>
    <row r="385959" spans="8:8">
      <c r="H385959" s="12"/>
    </row>
    <row r="385960" spans="8:8">
      <c r="H385960" s="12"/>
    </row>
    <row r="385961" spans="8:8">
      <c r="H385961" s="12"/>
    </row>
    <row r="385962" spans="8:8">
      <c r="H385962" s="12"/>
    </row>
    <row r="385963" spans="8:8">
      <c r="H385963" s="12"/>
    </row>
    <row r="385964" spans="8:8">
      <c r="H385964" s="12"/>
    </row>
    <row r="385965" spans="8:8">
      <c r="H385965" s="12"/>
    </row>
    <row r="385966" spans="8:8">
      <c r="H385966" s="12"/>
    </row>
    <row r="385967" spans="8:8">
      <c r="H385967" s="12"/>
    </row>
    <row r="385968" spans="8:8">
      <c r="H385968" s="12"/>
    </row>
    <row r="385969" spans="8:8">
      <c r="H385969" s="12"/>
    </row>
    <row r="385970" spans="8:8">
      <c r="H385970" s="12"/>
    </row>
    <row r="385971" spans="8:8">
      <c r="H385971" s="12"/>
    </row>
    <row r="385972" spans="8:8">
      <c r="H385972" s="12"/>
    </row>
    <row r="385973" spans="8:8">
      <c r="H385973" s="12"/>
    </row>
    <row r="385974" spans="8:8">
      <c r="H385974" s="12"/>
    </row>
    <row r="385975" spans="8:8">
      <c r="H385975" s="12"/>
    </row>
    <row r="385976" spans="8:8">
      <c r="H385976" s="12"/>
    </row>
    <row r="385977" spans="8:8">
      <c r="H385977" s="12"/>
    </row>
    <row r="385978" spans="8:8">
      <c r="H385978" s="12"/>
    </row>
    <row r="385979" spans="8:8">
      <c r="H385979" s="12"/>
    </row>
    <row r="385980" spans="8:8">
      <c r="H385980" s="12"/>
    </row>
    <row r="385981" spans="8:8">
      <c r="H385981" s="12"/>
    </row>
    <row r="385982" spans="8:8">
      <c r="H385982" s="12"/>
    </row>
    <row r="385983" spans="8:8">
      <c r="H385983" s="12"/>
    </row>
    <row r="385984" spans="8:8">
      <c r="H385984" s="12"/>
    </row>
    <row r="385985" spans="8:8">
      <c r="H385985" s="12"/>
    </row>
    <row r="385986" spans="8:8">
      <c r="H385986" s="12"/>
    </row>
    <row r="385987" spans="8:8">
      <c r="H385987" s="12"/>
    </row>
    <row r="385988" spans="8:8">
      <c r="H385988" s="12"/>
    </row>
    <row r="385989" spans="8:8">
      <c r="H385989" s="12"/>
    </row>
    <row r="385990" spans="8:8">
      <c r="H385990" s="12"/>
    </row>
    <row r="385991" spans="8:8">
      <c r="H385991" s="12"/>
    </row>
    <row r="385992" spans="8:8">
      <c r="H385992" s="12"/>
    </row>
    <row r="385993" spans="8:8">
      <c r="H385993" s="12"/>
    </row>
    <row r="385994" spans="8:8">
      <c r="H385994" s="12"/>
    </row>
    <row r="385995" spans="8:8">
      <c r="H385995" s="12"/>
    </row>
    <row r="385996" spans="8:8">
      <c r="H385996" s="12"/>
    </row>
    <row r="385997" spans="8:8">
      <c r="H385997" s="12"/>
    </row>
    <row r="385998" spans="8:8">
      <c r="H385998" s="12"/>
    </row>
    <row r="385999" spans="8:8">
      <c r="H385999" s="12"/>
    </row>
    <row r="386000" spans="8:8">
      <c r="H386000" s="12"/>
    </row>
    <row r="386001" spans="8:8">
      <c r="H386001" s="12"/>
    </row>
    <row r="386002" spans="8:8">
      <c r="H386002" s="12"/>
    </row>
    <row r="386003" spans="8:8">
      <c r="H386003" s="12"/>
    </row>
    <row r="386004" spans="8:8">
      <c r="H386004" s="12"/>
    </row>
    <row r="386005" spans="8:8">
      <c r="H386005" s="12"/>
    </row>
    <row r="386006" spans="8:8">
      <c r="H386006" s="12"/>
    </row>
    <row r="386007" spans="8:8">
      <c r="H386007" s="12"/>
    </row>
    <row r="386008" spans="8:8">
      <c r="H386008" s="12"/>
    </row>
    <row r="386009" spans="8:8">
      <c r="H386009" s="12"/>
    </row>
    <row r="386010" spans="8:8">
      <c r="H386010" s="12"/>
    </row>
    <row r="386011" spans="8:8">
      <c r="H386011" s="12"/>
    </row>
    <row r="386012" spans="8:8">
      <c r="H386012" s="12"/>
    </row>
    <row r="386013" spans="8:8">
      <c r="H386013" s="12"/>
    </row>
    <row r="386014" spans="8:8">
      <c r="H386014" s="12"/>
    </row>
    <row r="386015" spans="8:8">
      <c r="H386015" s="12"/>
    </row>
    <row r="386016" spans="8:8">
      <c r="H386016" s="12"/>
    </row>
    <row r="386017" spans="8:8">
      <c r="H386017" s="12"/>
    </row>
    <row r="386018" spans="8:8">
      <c r="H386018" s="12"/>
    </row>
    <row r="386019" spans="8:8">
      <c r="H386019" s="12"/>
    </row>
    <row r="386020" spans="8:8">
      <c r="H386020" s="12"/>
    </row>
    <row r="386021" spans="8:8">
      <c r="H386021" s="12"/>
    </row>
    <row r="386022" spans="8:8">
      <c r="H386022" s="12"/>
    </row>
    <row r="386023" spans="8:8">
      <c r="H386023" s="12"/>
    </row>
    <row r="386024" spans="8:8">
      <c r="H386024" s="12"/>
    </row>
    <row r="386025" spans="8:8">
      <c r="H386025" s="12"/>
    </row>
    <row r="386026" spans="8:8">
      <c r="H386026" s="12"/>
    </row>
    <row r="386027" spans="8:8">
      <c r="H386027" s="12"/>
    </row>
    <row r="386028" spans="8:8">
      <c r="H386028" s="12"/>
    </row>
    <row r="386029" spans="8:8">
      <c r="H386029" s="12"/>
    </row>
    <row r="386030" spans="8:8">
      <c r="H386030" s="12"/>
    </row>
    <row r="386031" spans="8:8">
      <c r="H386031" s="12"/>
    </row>
    <row r="386032" spans="8:8">
      <c r="H386032" s="12"/>
    </row>
    <row r="386033" spans="8:8">
      <c r="H386033" s="12"/>
    </row>
    <row r="386034" spans="8:8">
      <c r="H386034" s="12"/>
    </row>
    <row r="386035" spans="8:8">
      <c r="H386035" s="12"/>
    </row>
    <row r="386036" spans="8:8">
      <c r="H386036" s="12"/>
    </row>
    <row r="386037" spans="8:8">
      <c r="H386037" s="12"/>
    </row>
    <row r="386038" spans="8:8">
      <c r="H386038" s="12"/>
    </row>
    <row r="386039" spans="8:8">
      <c r="H386039" s="12"/>
    </row>
    <row r="386040" spans="8:8">
      <c r="H386040" s="12"/>
    </row>
    <row r="386041" spans="8:8">
      <c r="H386041" s="12"/>
    </row>
    <row r="386042" spans="8:8">
      <c r="H386042" s="12"/>
    </row>
    <row r="386043" spans="8:8">
      <c r="H386043" s="12"/>
    </row>
    <row r="386044" spans="8:8">
      <c r="H386044" s="12"/>
    </row>
    <row r="386045" spans="8:8">
      <c r="H386045" s="12"/>
    </row>
    <row r="386046" spans="8:8">
      <c r="H386046" s="12"/>
    </row>
    <row r="386047" spans="8:8">
      <c r="H386047" s="12"/>
    </row>
    <row r="386048" spans="8:8">
      <c r="H386048" s="12"/>
    </row>
    <row r="386049" spans="8:8">
      <c r="H386049" s="12"/>
    </row>
    <row r="386050" spans="8:8">
      <c r="H386050" s="12"/>
    </row>
    <row r="386051" spans="8:8">
      <c r="H386051" s="12"/>
    </row>
    <row r="386052" spans="8:8">
      <c r="H386052" s="12"/>
    </row>
    <row r="386053" spans="8:8">
      <c r="H386053" s="12"/>
    </row>
    <row r="386054" spans="8:8">
      <c r="H386054" s="12"/>
    </row>
    <row r="386055" spans="8:8">
      <c r="H386055" s="12"/>
    </row>
    <row r="386056" spans="8:8">
      <c r="H386056" s="12"/>
    </row>
    <row r="386057" spans="8:8">
      <c r="H386057" s="12"/>
    </row>
    <row r="386058" spans="8:8">
      <c r="H386058" s="12"/>
    </row>
    <row r="386059" spans="8:8">
      <c r="H386059" s="12"/>
    </row>
    <row r="386060" spans="8:8">
      <c r="H386060" s="12"/>
    </row>
    <row r="386061" spans="8:8">
      <c r="H386061" s="12"/>
    </row>
    <row r="386062" spans="8:8">
      <c r="H386062" s="12"/>
    </row>
    <row r="386063" spans="8:8">
      <c r="H386063" s="12"/>
    </row>
    <row r="386064" spans="8:8">
      <c r="H386064" s="12"/>
    </row>
    <row r="386065" spans="8:8">
      <c r="H386065" s="12"/>
    </row>
    <row r="386066" spans="8:8">
      <c r="H386066" s="12"/>
    </row>
    <row r="386067" spans="8:8">
      <c r="H386067" s="12"/>
    </row>
    <row r="386068" spans="8:8">
      <c r="H386068" s="12"/>
    </row>
    <row r="386069" spans="8:8">
      <c r="H386069" s="12"/>
    </row>
    <row r="386070" spans="8:8">
      <c r="H386070" s="12"/>
    </row>
    <row r="386071" spans="8:8">
      <c r="H386071" s="12"/>
    </row>
    <row r="386072" spans="8:8">
      <c r="H386072" s="12"/>
    </row>
    <row r="386073" spans="8:8">
      <c r="H386073" s="12"/>
    </row>
    <row r="386074" spans="8:8">
      <c r="H386074" s="12"/>
    </row>
    <row r="386075" spans="8:8">
      <c r="H386075" s="12"/>
    </row>
    <row r="386076" spans="8:8">
      <c r="H386076" s="12"/>
    </row>
    <row r="386077" spans="8:8">
      <c r="H386077" s="12"/>
    </row>
    <row r="386078" spans="8:8">
      <c r="H386078" s="12"/>
    </row>
    <row r="386079" spans="8:8">
      <c r="H386079" s="12"/>
    </row>
    <row r="386080" spans="8:8">
      <c r="H386080" s="12"/>
    </row>
    <row r="386081" spans="8:8">
      <c r="H386081" s="12"/>
    </row>
    <row r="386082" spans="8:8">
      <c r="H386082" s="12"/>
    </row>
    <row r="386083" spans="8:8">
      <c r="H386083" s="12"/>
    </row>
    <row r="386084" spans="8:8">
      <c r="H386084" s="12"/>
    </row>
    <row r="386085" spans="8:8">
      <c r="H386085" s="12"/>
    </row>
    <row r="386086" spans="8:8">
      <c r="H386086" s="12"/>
    </row>
    <row r="386087" spans="8:8">
      <c r="H386087" s="12"/>
    </row>
    <row r="386088" spans="8:8">
      <c r="H386088" s="12"/>
    </row>
    <row r="386089" spans="8:8">
      <c r="H386089" s="12"/>
    </row>
    <row r="386090" spans="8:8">
      <c r="H386090" s="12"/>
    </row>
    <row r="386091" spans="8:8">
      <c r="H386091" s="12"/>
    </row>
    <row r="386092" spans="8:8">
      <c r="H386092" s="12"/>
    </row>
    <row r="386093" spans="8:8">
      <c r="H386093" s="12"/>
    </row>
    <row r="386094" spans="8:8">
      <c r="H386094" s="12"/>
    </row>
    <row r="386095" spans="8:8">
      <c r="H386095" s="12"/>
    </row>
    <row r="386096" spans="8:8">
      <c r="H386096" s="12"/>
    </row>
    <row r="386097" spans="8:8">
      <c r="H386097" s="12"/>
    </row>
    <row r="386098" spans="8:8">
      <c r="H386098" s="12"/>
    </row>
    <row r="386099" spans="8:8">
      <c r="H386099" s="12"/>
    </row>
    <row r="386100" spans="8:8">
      <c r="H386100" s="12"/>
    </row>
    <row r="386101" spans="8:8">
      <c r="H386101" s="12"/>
    </row>
    <row r="386102" spans="8:8">
      <c r="H386102" s="12"/>
    </row>
    <row r="386103" spans="8:8">
      <c r="H386103" s="12"/>
    </row>
    <row r="386104" spans="8:8">
      <c r="H386104" s="12"/>
    </row>
    <row r="386105" spans="8:8">
      <c r="H386105" s="12"/>
    </row>
    <row r="386106" spans="8:8">
      <c r="H386106" s="12"/>
    </row>
    <row r="386107" spans="8:8">
      <c r="H386107" s="12"/>
    </row>
    <row r="386108" spans="8:8">
      <c r="H386108" s="12"/>
    </row>
    <row r="386109" spans="8:8">
      <c r="H386109" s="12"/>
    </row>
    <row r="386110" spans="8:8">
      <c r="H386110" s="12"/>
    </row>
    <row r="386111" spans="8:8">
      <c r="H386111" s="12"/>
    </row>
    <row r="386112" spans="8:8">
      <c r="H386112" s="12"/>
    </row>
    <row r="386113" spans="8:8">
      <c r="H386113" s="12"/>
    </row>
    <row r="386114" spans="8:8">
      <c r="H386114" s="12"/>
    </row>
    <row r="386115" spans="8:8">
      <c r="H386115" s="12"/>
    </row>
    <row r="386116" spans="8:8">
      <c r="H386116" s="12"/>
    </row>
    <row r="386117" spans="8:8">
      <c r="H386117" s="12"/>
    </row>
    <row r="386118" spans="8:8">
      <c r="H386118" s="12"/>
    </row>
    <row r="386119" spans="8:8">
      <c r="H386119" s="12"/>
    </row>
    <row r="386120" spans="8:8">
      <c r="H386120" s="12"/>
    </row>
    <row r="386121" spans="8:8">
      <c r="H386121" s="12"/>
    </row>
    <row r="386122" spans="8:8">
      <c r="H386122" s="12"/>
    </row>
    <row r="386123" spans="8:8">
      <c r="H386123" s="12"/>
    </row>
    <row r="386124" spans="8:8">
      <c r="H386124" s="12"/>
    </row>
    <row r="386125" spans="8:8">
      <c r="H386125" s="12"/>
    </row>
    <row r="386126" spans="8:8">
      <c r="H386126" s="12"/>
    </row>
    <row r="386127" spans="8:8">
      <c r="H386127" s="12"/>
    </row>
    <row r="386128" spans="8:8">
      <c r="H386128" s="12"/>
    </row>
    <row r="386129" spans="8:8">
      <c r="H386129" s="12"/>
    </row>
    <row r="386130" spans="8:8">
      <c r="H386130" s="12"/>
    </row>
    <row r="386131" spans="8:8">
      <c r="H386131" s="12"/>
    </row>
    <row r="386132" spans="8:8">
      <c r="H386132" s="12"/>
    </row>
    <row r="386133" spans="8:8">
      <c r="H386133" s="12"/>
    </row>
    <row r="386134" spans="8:8">
      <c r="H386134" s="12"/>
    </row>
    <row r="386135" spans="8:8">
      <c r="H386135" s="12"/>
    </row>
    <row r="386136" spans="8:8">
      <c r="H386136" s="12"/>
    </row>
    <row r="386137" spans="8:8">
      <c r="H386137" s="12"/>
    </row>
    <row r="386138" spans="8:8">
      <c r="H386138" s="12"/>
    </row>
    <row r="386139" spans="8:8">
      <c r="H386139" s="12"/>
    </row>
    <row r="386140" spans="8:8">
      <c r="H386140" s="12"/>
    </row>
    <row r="386141" spans="8:8">
      <c r="H386141" s="12"/>
    </row>
    <row r="386142" spans="8:8">
      <c r="H386142" s="12"/>
    </row>
    <row r="386143" spans="8:8">
      <c r="H386143" s="12"/>
    </row>
    <row r="386144" spans="8:8">
      <c r="H386144" s="12"/>
    </row>
    <row r="386145" spans="8:8">
      <c r="H386145" s="12"/>
    </row>
    <row r="386146" spans="8:8">
      <c r="H386146" s="12"/>
    </row>
    <row r="386147" spans="8:8">
      <c r="H386147" s="12"/>
    </row>
    <row r="386148" spans="8:8">
      <c r="H386148" s="12"/>
    </row>
    <row r="386149" spans="8:8">
      <c r="H386149" s="12"/>
    </row>
    <row r="386150" spans="8:8">
      <c r="H386150" s="12"/>
    </row>
    <row r="386151" spans="8:8">
      <c r="H386151" s="12"/>
    </row>
    <row r="386152" spans="8:8">
      <c r="H386152" s="12"/>
    </row>
    <row r="386153" spans="8:8">
      <c r="H386153" s="12"/>
    </row>
    <row r="386154" spans="8:8">
      <c r="H386154" s="12"/>
    </row>
    <row r="386155" spans="8:8">
      <c r="H386155" s="12"/>
    </row>
    <row r="386156" spans="8:8">
      <c r="H386156" s="12"/>
    </row>
    <row r="386157" spans="8:8">
      <c r="H386157" s="12"/>
    </row>
    <row r="386158" spans="8:8">
      <c r="H386158" s="12"/>
    </row>
    <row r="386159" spans="8:8">
      <c r="H386159" s="12"/>
    </row>
    <row r="386160" spans="8:8">
      <c r="H386160" s="12"/>
    </row>
    <row r="386161" spans="8:8">
      <c r="H386161" s="12"/>
    </row>
    <row r="386162" spans="8:8">
      <c r="H386162" s="12"/>
    </row>
    <row r="386163" spans="8:8">
      <c r="H386163" s="12"/>
    </row>
    <row r="386164" spans="8:8">
      <c r="H386164" s="12"/>
    </row>
    <row r="386165" spans="8:8">
      <c r="H386165" s="12"/>
    </row>
    <row r="386166" spans="8:8">
      <c r="H386166" s="12"/>
    </row>
    <row r="386167" spans="8:8">
      <c r="H386167" s="12"/>
    </row>
    <row r="386168" spans="8:8">
      <c r="H386168" s="12"/>
    </row>
    <row r="386169" spans="8:8">
      <c r="H386169" s="12"/>
    </row>
    <row r="386170" spans="8:8">
      <c r="H386170" s="12"/>
    </row>
    <row r="386171" spans="8:8">
      <c r="H386171" s="12"/>
    </row>
    <row r="386172" spans="8:8">
      <c r="H386172" s="12"/>
    </row>
    <row r="386173" spans="8:8">
      <c r="H386173" s="12"/>
    </row>
    <row r="386174" spans="8:8">
      <c r="H386174" s="12"/>
    </row>
    <row r="386175" spans="8:8">
      <c r="H386175" s="12"/>
    </row>
    <row r="386176" spans="8:8">
      <c r="H386176" s="12"/>
    </row>
    <row r="386177" spans="8:8">
      <c r="H386177" s="12"/>
    </row>
    <row r="386178" spans="8:8">
      <c r="H386178" s="12"/>
    </row>
    <row r="386179" spans="8:8">
      <c r="H386179" s="12"/>
    </row>
    <row r="386180" spans="8:8">
      <c r="H386180" s="12"/>
    </row>
    <row r="386181" spans="8:8">
      <c r="H386181" s="12"/>
    </row>
    <row r="386182" spans="8:8">
      <c r="H386182" s="12"/>
    </row>
    <row r="386183" spans="8:8">
      <c r="H386183" s="12"/>
    </row>
    <row r="386184" spans="8:8">
      <c r="H386184" s="12"/>
    </row>
    <row r="386185" spans="8:8">
      <c r="H386185" s="12"/>
    </row>
    <row r="386186" spans="8:8">
      <c r="H386186" s="12"/>
    </row>
    <row r="386187" spans="8:8">
      <c r="H386187" s="12"/>
    </row>
    <row r="386188" spans="8:8">
      <c r="H386188" s="12"/>
    </row>
    <row r="386189" spans="8:8">
      <c r="H386189" s="12"/>
    </row>
    <row r="386190" spans="8:8">
      <c r="H386190" s="12"/>
    </row>
    <row r="386191" spans="8:8">
      <c r="H386191" s="12"/>
    </row>
    <row r="386192" spans="8:8">
      <c r="H386192" s="12"/>
    </row>
    <row r="386193" spans="8:8">
      <c r="H386193" s="12"/>
    </row>
    <row r="386194" spans="8:8">
      <c r="H386194" s="12"/>
    </row>
    <row r="386195" spans="8:8">
      <c r="H386195" s="12"/>
    </row>
    <row r="386196" spans="8:8">
      <c r="H386196" s="12"/>
    </row>
    <row r="386197" spans="8:8">
      <c r="H386197" s="12"/>
    </row>
    <row r="386198" spans="8:8">
      <c r="H386198" s="12"/>
    </row>
    <row r="386199" spans="8:8">
      <c r="H386199" s="12"/>
    </row>
    <row r="386200" spans="8:8">
      <c r="H386200" s="12"/>
    </row>
    <row r="386201" spans="8:8">
      <c r="H386201" s="12"/>
    </row>
    <row r="386202" spans="8:8">
      <c r="H386202" s="12"/>
    </row>
    <row r="386203" spans="8:8">
      <c r="H386203" s="12"/>
    </row>
    <row r="386204" spans="8:8">
      <c r="H386204" s="12"/>
    </row>
    <row r="386205" spans="8:8">
      <c r="H386205" s="12"/>
    </row>
    <row r="386206" spans="8:8">
      <c r="H386206" s="12"/>
    </row>
    <row r="386207" spans="8:8">
      <c r="H386207" s="12"/>
    </row>
    <row r="386208" spans="8:8">
      <c r="H386208" s="12"/>
    </row>
    <row r="386209" spans="8:8">
      <c r="H386209" s="12"/>
    </row>
    <row r="386210" spans="8:8">
      <c r="H386210" s="12"/>
    </row>
    <row r="386211" spans="8:8">
      <c r="H386211" s="12"/>
    </row>
    <row r="386212" spans="8:8">
      <c r="H386212" s="12"/>
    </row>
    <row r="386213" spans="8:8">
      <c r="H386213" s="12"/>
    </row>
    <row r="386214" spans="8:8">
      <c r="H386214" s="12"/>
    </row>
    <row r="386215" spans="8:8">
      <c r="H386215" s="12"/>
    </row>
    <row r="386216" spans="8:8">
      <c r="H386216" s="12"/>
    </row>
    <row r="386217" spans="8:8">
      <c r="H386217" s="12"/>
    </row>
    <row r="386218" spans="8:8">
      <c r="H386218" s="12"/>
    </row>
    <row r="386219" spans="8:8">
      <c r="H386219" s="12"/>
    </row>
    <row r="386220" spans="8:8">
      <c r="H386220" s="12"/>
    </row>
    <row r="386221" spans="8:8">
      <c r="H386221" s="12"/>
    </row>
    <row r="386222" spans="8:8">
      <c r="H386222" s="12"/>
    </row>
    <row r="386223" spans="8:8">
      <c r="H386223" s="12"/>
    </row>
    <row r="386224" spans="8:8">
      <c r="H386224" s="12"/>
    </row>
    <row r="386225" spans="8:8">
      <c r="H386225" s="12"/>
    </row>
    <row r="386226" spans="8:8">
      <c r="H386226" s="12"/>
    </row>
    <row r="386227" spans="8:8">
      <c r="H386227" s="12"/>
    </row>
    <row r="386228" spans="8:8">
      <c r="H386228" s="12"/>
    </row>
    <row r="386229" spans="8:8">
      <c r="H386229" s="12"/>
    </row>
    <row r="386230" spans="8:8">
      <c r="H386230" s="12"/>
    </row>
    <row r="386231" spans="8:8">
      <c r="H386231" s="12"/>
    </row>
    <row r="386232" spans="8:8">
      <c r="H386232" s="12"/>
    </row>
    <row r="386233" spans="8:8">
      <c r="H386233" s="12"/>
    </row>
    <row r="386234" spans="8:8">
      <c r="H386234" s="12"/>
    </row>
    <row r="386235" spans="8:8">
      <c r="H386235" s="12"/>
    </row>
    <row r="386236" spans="8:8">
      <c r="H386236" s="12"/>
    </row>
    <row r="386237" spans="8:8">
      <c r="H386237" s="12"/>
    </row>
    <row r="386238" spans="8:8">
      <c r="H386238" s="12"/>
    </row>
    <row r="386239" spans="8:8">
      <c r="H386239" s="12"/>
    </row>
    <row r="386240" spans="8:8">
      <c r="H386240" s="12"/>
    </row>
    <row r="386241" spans="8:8">
      <c r="H386241" s="12"/>
    </row>
    <row r="386242" spans="8:8">
      <c r="H386242" s="12"/>
    </row>
    <row r="386243" spans="8:8">
      <c r="H386243" s="12"/>
    </row>
    <row r="386244" spans="8:8">
      <c r="H386244" s="12"/>
    </row>
    <row r="386245" spans="8:8">
      <c r="H386245" s="12"/>
    </row>
    <row r="386246" spans="8:8">
      <c r="H386246" s="12"/>
    </row>
    <row r="386247" spans="8:8">
      <c r="H386247" s="12"/>
    </row>
    <row r="386248" spans="8:8">
      <c r="H386248" s="12"/>
    </row>
    <row r="386249" spans="8:8">
      <c r="H386249" s="12"/>
    </row>
    <row r="386250" spans="8:8">
      <c r="H386250" s="12"/>
    </row>
    <row r="386251" spans="8:8">
      <c r="H386251" s="12"/>
    </row>
    <row r="386252" spans="8:8">
      <c r="H386252" s="12"/>
    </row>
    <row r="386253" spans="8:8">
      <c r="H386253" s="12"/>
    </row>
    <row r="386254" spans="8:8">
      <c r="H386254" s="12"/>
    </row>
    <row r="386255" spans="8:8">
      <c r="H386255" s="12"/>
    </row>
    <row r="386256" spans="8:8">
      <c r="H386256" s="12"/>
    </row>
    <row r="386257" spans="8:8">
      <c r="H386257" s="12"/>
    </row>
    <row r="386258" spans="8:8">
      <c r="H386258" s="12"/>
    </row>
    <row r="386259" spans="8:8">
      <c r="H386259" s="12"/>
    </row>
    <row r="386260" spans="8:8">
      <c r="H386260" s="12"/>
    </row>
    <row r="386261" spans="8:8">
      <c r="H386261" s="12"/>
    </row>
    <row r="386262" spans="8:8">
      <c r="H386262" s="12"/>
    </row>
    <row r="386263" spans="8:8">
      <c r="H386263" s="12"/>
    </row>
    <row r="386264" spans="8:8">
      <c r="H386264" s="12"/>
    </row>
    <row r="386265" spans="8:8">
      <c r="H386265" s="12"/>
    </row>
    <row r="386266" spans="8:8">
      <c r="H386266" s="12"/>
    </row>
    <row r="386267" spans="8:8">
      <c r="H386267" s="12"/>
    </row>
    <row r="386268" spans="8:8">
      <c r="H386268" s="12"/>
    </row>
    <row r="386269" spans="8:8">
      <c r="H386269" s="12"/>
    </row>
    <row r="386270" spans="8:8">
      <c r="H386270" s="12"/>
    </row>
    <row r="386271" spans="8:8">
      <c r="H386271" s="12"/>
    </row>
    <row r="386272" spans="8:8">
      <c r="H386272" s="12"/>
    </row>
    <row r="386273" spans="8:8">
      <c r="H386273" s="12"/>
    </row>
    <row r="386274" spans="8:8">
      <c r="H386274" s="12"/>
    </row>
    <row r="386275" spans="8:8">
      <c r="H386275" s="12"/>
    </row>
    <row r="386276" spans="8:8">
      <c r="H386276" s="12"/>
    </row>
    <row r="386277" spans="8:8">
      <c r="H386277" s="12"/>
    </row>
    <row r="386278" spans="8:8">
      <c r="H386278" s="12"/>
    </row>
    <row r="386279" spans="8:8">
      <c r="H386279" s="12"/>
    </row>
    <row r="386280" spans="8:8">
      <c r="H386280" s="12"/>
    </row>
    <row r="386281" spans="8:8">
      <c r="H386281" s="12"/>
    </row>
    <row r="386282" spans="8:8">
      <c r="H386282" s="12"/>
    </row>
    <row r="386283" spans="8:8">
      <c r="H386283" s="12"/>
    </row>
    <row r="386284" spans="8:8">
      <c r="H386284" s="12"/>
    </row>
    <row r="386285" spans="8:8">
      <c r="H386285" s="12"/>
    </row>
    <row r="386286" spans="8:8">
      <c r="H386286" s="12"/>
    </row>
    <row r="386287" spans="8:8">
      <c r="H386287" s="12"/>
    </row>
    <row r="386288" spans="8:8">
      <c r="H386288" s="12"/>
    </row>
    <row r="386289" spans="8:8">
      <c r="H386289" s="12"/>
    </row>
    <row r="386290" spans="8:8">
      <c r="H386290" s="12"/>
    </row>
    <row r="386291" spans="8:8">
      <c r="H386291" s="12"/>
    </row>
    <row r="386292" spans="8:8">
      <c r="H386292" s="12"/>
    </row>
    <row r="386293" spans="8:8">
      <c r="H386293" s="12"/>
    </row>
    <row r="386294" spans="8:8">
      <c r="H386294" s="12"/>
    </row>
    <row r="386295" spans="8:8">
      <c r="H386295" s="12"/>
    </row>
    <row r="386296" spans="8:8">
      <c r="H386296" s="12"/>
    </row>
    <row r="386297" spans="8:8">
      <c r="H386297" s="12"/>
    </row>
    <row r="386298" spans="8:8">
      <c r="H386298" s="12"/>
    </row>
    <row r="386299" spans="8:8">
      <c r="H386299" s="12"/>
    </row>
    <row r="386300" spans="8:8">
      <c r="H386300" s="12"/>
    </row>
    <row r="386301" spans="8:8">
      <c r="H386301" s="12"/>
    </row>
    <row r="386302" spans="8:8">
      <c r="H386302" s="12"/>
    </row>
    <row r="386303" spans="8:8">
      <c r="H386303" s="12"/>
    </row>
    <row r="386304" spans="8:8">
      <c r="H386304" s="12"/>
    </row>
    <row r="386305" spans="8:8">
      <c r="H386305" s="12"/>
    </row>
    <row r="386306" spans="8:8">
      <c r="H386306" s="12"/>
    </row>
    <row r="386307" spans="8:8">
      <c r="H386307" s="12"/>
    </row>
    <row r="386308" spans="8:8">
      <c r="H386308" s="12"/>
    </row>
    <row r="386309" spans="8:8">
      <c r="H386309" s="12"/>
    </row>
    <row r="386310" spans="8:8">
      <c r="H386310" s="12"/>
    </row>
    <row r="386311" spans="8:8">
      <c r="H386311" s="12"/>
    </row>
    <row r="386312" spans="8:8">
      <c r="H386312" s="12"/>
    </row>
    <row r="386313" spans="8:8">
      <c r="H386313" s="12"/>
    </row>
    <row r="386314" spans="8:8">
      <c r="H386314" s="12"/>
    </row>
    <row r="386315" spans="8:8">
      <c r="H386315" s="12"/>
    </row>
    <row r="386316" spans="8:8">
      <c r="H386316" s="12"/>
    </row>
    <row r="386317" spans="8:8">
      <c r="H386317" s="12"/>
    </row>
    <row r="386318" spans="8:8">
      <c r="H386318" s="12"/>
    </row>
    <row r="386319" spans="8:8">
      <c r="H386319" s="12"/>
    </row>
    <row r="386320" spans="8:8">
      <c r="H386320" s="12"/>
    </row>
    <row r="386321" spans="8:8">
      <c r="H386321" s="12"/>
    </row>
    <row r="386322" spans="8:8">
      <c r="H386322" s="12"/>
    </row>
    <row r="386323" spans="8:8">
      <c r="H386323" s="12"/>
    </row>
    <row r="386324" spans="8:8">
      <c r="H386324" s="12"/>
    </row>
    <row r="386325" spans="8:8">
      <c r="H386325" s="12"/>
    </row>
    <row r="386326" spans="8:8">
      <c r="H386326" s="12"/>
    </row>
    <row r="386327" spans="8:8">
      <c r="H386327" s="12"/>
    </row>
    <row r="386328" spans="8:8">
      <c r="H386328" s="12"/>
    </row>
    <row r="386329" spans="8:8">
      <c r="H386329" s="12"/>
    </row>
    <row r="386330" spans="8:8">
      <c r="H386330" s="12"/>
    </row>
    <row r="386331" spans="8:8">
      <c r="H386331" s="12"/>
    </row>
    <row r="386332" spans="8:8">
      <c r="H386332" s="12"/>
    </row>
    <row r="386333" spans="8:8">
      <c r="H386333" s="12"/>
    </row>
    <row r="386334" spans="8:8">
      <c r="H386334" s="12"/>
    </row>
    <row r="386335" spans="8:8">
      <c r="H386335" s="12"/>
    </row>
    <row r="386336" spans="8:8">
      <c r="H386336" s="12"/>
    </row>
    <row r="386337" spans="8:8">
      <c r="H386337" s="12"/>
    </row>
    <row r="386338" spans="8:8">
      <c r="H386338" s="12"/>
    </row>
    <row r="386339" spans="8:8">
      <c r="H386339" s="12"/>
    </row>
    <row r="386340" spans="8:8">
      <c r="H386340" s="12"/>
    </row>
    <row r="386341" spans="8:8">
      <c r="H386341" s="12"/>
    </row>
    <row r="386342" spans="8:8">
      <c r="H386342" s="12"/>
    </row>
    <row r="386343" spans="8:8">
      <c r="H386343" s="12"/>
    </row>
    <row r="386344" spans="8:8">
      <c r="H386344" s="12"/>
    </row>
    <row r="386345" spans="8:8">
      <c r="H386345" s="12"/>
    </row>
    <row r="386346" spans="8:8">
      <c r="H386346" s="12"/>
    </row>
    <row r="386347" spans="8:8">
      <c r="H386347" s="12"/>
    </row>
    <row r="386348" spans="8:8">
      <c r="H386348" s="12"/>
    </row>
    <row r="386349" spans="8:8">
      <c r="H386349" s="12"/>
    </row>
    <row r="386350" spans="8:8">
      <c r="H386350" s="12"/>
    </row>
    <row r="386351" spans="8:8">
      <c r="H386351" s="12"/>
    </row>
    <row r="386352" spans="8:8">
      <c r="H386352" s="12"/>
    </row>
    <row r="386353" spans="8:8">
      <c r="H386353" s="12"/>
    </row>
    <row r="386354" spans="8:8">
      <c r="H386354" s="12"/>
    </row>
    <row r="386355" spans="8:8">
      <c r="H386355" s="12"/>
    </row>
    <row r="386356" spans="8:8">
      <c r="H386356" s="12"/>
    </row>
    <row r="386357" spans="8:8">
      <c r="H386357" s="12"/>
    </row>
    <row r="386358" spans="8:8">
      <c r="H386358" s="12"/>
    </row>
    <row r="386359" spans="8:8">
      <c r="H386359" s="12"/>
    </row>
    <row r="386360" spans="8:8">
      <c r="H386360" s="12"/>
    </row>
    <row r="386361" spans="8:8">
      <c r="H386361" s="12"/>
    </row>
    <row r="386362" spans="8:8">
      <c r="H386362" s="12"/>
    </row>
    <row r="386363" spans="8:8">
      <c r="H386363" s="12"/>
    </row>
    <row r="386364" spans="8:8">
      <c r="H386364" s="12"/>
    </row>
    <row r="386365" spans="8:8">
      <c r="H386365" s="12"/>
    </row>
    <row r="386366" spans="8:8">
      <c r="H386366" s="12"/>
    </row>
    <row r="386367" spans="8:8">
      <c r="H386367" s="12"/>
    </row>
    <row r="386368" spans="8:8">
      <c r="H386368" s="12"/>
    </row>
    <row r="386369" spans="8:8">
      <c r="H386369" s="12"/>
    </row>
    <row r="386370" spans="8:8">
      <c r="H386370" s="12"/>
    </row>
    <row r="386371" spans="8:8">
      <c r="H386371" s="12"/>
    </row>
    <row r="386372" spans="8:8">
      <c r="H386372" s="12"/>
    </row>
    <row r="386373" spans="8:8">
      <c r="H386373" s="12"/>
    </row>
    <row r="386374" spans="8:8">
      <c r="H386374" s="12"/>
    </row>
    <row r="386375" spans="8:8">
      <c r="H386375" s="12"/>
    </row>
    <row r="386376" spans="8:8">
      <c r="H386376" s="12"/>
    </row>
    <row r="386377" spans="8:8">
      <c r="H386377" s="12"/>
    </row>
    <row r="386378" spans="8:8">
      <c r="H386378" s="12"/>
    </row>
    <row r="386379" spans="8:8">
      <c r="H386379" s="12"/>
    </row>
    <row r="386380" spans="8:8">
      <c r="H386380" s="12"/>
    </row>
    <row r="386381" spans="8:8">
      <c r="H386381" s="12"/>
    </row>
    <row r="386382" spans="8:8">
      <c r="H386382" s="12"/>
    </row>
    <row r="386383" spans="8:8">
      <c r="H386383" s="12"/>
    </row>
    <row r="386384" spans="8:8">
      <c r="H386384" s="12"/>
    </row>
    <row r="386385" spans="8:8">
      <c r="H386385" s="12"/>
    </row>
    <row r="386386" spans="8:8">
      <c r="H386386" s="12"/>
    </row>
    <row r="386387" spans="8:8">
      <c r="H386387" s="12"/>
    </row>
    <row r="386388" spans="8:8">
      <c r="H386388" s="12"/>
    </row>
    <row r="386389" spans="8:8">
      <c r="H386389" s="12"/>
    </row>
    <row r="386390" spans="8:8">
      <c r="H386390" s="12"/>
    </row>
    <row r="386391" spans="8:8">
      <c r="H386391" s="12"/>
    </row>
    <row r="386392" spans="8:8">
      <c r="H386392" s="12"/>
    </row>
    <row r="386393" spans="8:8">
      <c r="H386393" s="12"/>
    </row>
    <row r="386394" spans="8:8">
      <c r="H386394" s="12"/>
    </row>
    <row r="386395" spans="8:8">
      <c r="H386395" s="12"/>
    </row>
    <row r="386396" spans="8:8">
      <c r="H386396" s="12"/>
    </row>
    <row r="386397" spans="8:8">
      <c r="H386397" s="12"/>
    </row>
    <row r="386398" spans="8:8">
      <c r="H386398" s="12"/>
    </row>
    <row r="386399" spans="8:8">
      <c r="H386399" s="12"/>
    </row>
    <row r="386400" spans="8:8">
      <c r="H386400" s="12"/>
    </row>
    <row r="386401" spans="8:8">
      <c r="H386401" s="12"/>
    </row>
    <row r="386402" spans="8:8">
      <c r="H386402" s="12"/>
    </row>
    <row r="386403" spans="8:8">
      <c r="H386403" s="12"/>
    </row>
    <row r="386404" spans="8:8">
      <c r="H386404" s="12"/>
    </row>
    <row r="386405" spans="8:8">
      <c r="H386405" s="12"/>
    </row>
    <row r="386406" spans="8:8">
      <c r="H386406" s="12"/>
    </row>
    <row r="386407" spans="8:8">
      <c r="H386407" s="12"/>
    </row>
    <row r="386408" spans="8:8">
      <c r="H386408" s="12"/>
    </row>
    <row r="386409" spans="8:8">
      <c r="H386409" s="12"/>
    </row>
    <row r="386410" spans="8:8">
      <c r="H386410" s="12"/>
    </row>
    <row r="386411" spans="8:8">
      <c r="H386411" s="12"/>
    </row>
    <row r="386412" spans="8:8">
      <c r="H386412" s="12"/>
    </row>
    <row r="386413" spans="8:8">
      <c r="H386413" s="12"/>
    </row>
    <row r="386414" spans="8:8">
      <c r="H386414" s="12"/>
    </row>
    <row r="386415" spans="8:8">
      <c r="H386415" s="12"/>
    </row>
    <row r="386416" spans="8:8">
      <c r="H386416" s="12"/>
    </row>
    <row r="386417" spans="8:8">
      <c r="H386417" s="12"/>
    </row>
    <row r="386418" spans="8:8">
      <c r="H386418" s="12"/>
    </row>
    <row r="386419" spans="8:8">
      <c r="H386419" s="12"/>
    </row>
    <row r="386420" spans="8:8">
      <c r="H386420" s="12"/>
    </row>
    <row r="386421" spans="8:8">
      <c r="H386421" s="12"/>
    </row>
    <row r="386422" spans="8:8">
      <c r="H386422" s="12"/>
    </row>
    <row r="386423" spans="8:8">
      <c r="H386423" s="12"/>
    </row>
    <row r="386424" spans="8:8">
      <c r="H386424" s="12"/>
    </row>
    <row r="386425" spans="8:8">
      <c r="H386425" s="12"/>
    </row>
    <row r="386426" spans="8:8">
      <c r="H386426" s="12"/>
    </row>
    <row r="386427" spans="8:8">
      <c r="H386427" s="12"/>
    </row>
    <row r="386428" spans="8:8">
      <c r="H386428" s="12"/>
    </row>
    <row r="386429" spans="8:8">
      <c r="H386429" s="12"/>
    </row>
    <row r="386430" spans="8:8">
      <c r="H386430" s="12"/>
    </row>
    <row r="386431" spans="8:8">
      <c r="H386431" s="12"/>
    </row>
    <row r="386432" spans="8:8">
      <c r="H386432" s="12"/>
    </row>
    <row r="386433" spans="8:8">
      <c r="H386433" s="12"/>
    </row>
    <row r="386434" spans="8:8">
      <c r="H386434" s="12"/>
    </row>
    <row r="386435" spans="8:8">
      <c r="H386435" s="12"/>
    </row>
    <row r="386436" spans="8:8">
      <c r="H386436" s="12"/>
    </row>
    <row r="386437" spans="8:8">
      <c r="H386437" s="12"/>
    </row>
    <row r="386438" spans="8:8">
      <c r="H386438" s="12"/>
    </row>
    <row r="386439" spans="8:8">
      <c r="H386439" s="12"/>
    </row>
    <row r="386440" spans="8:8">
      <c r="H386440" s="12"/>
    </row>
    <row r="386441" spans="8:8">
      <c r="H386441" s="12"/>
    </row>
    <row r="386442" spans="8:8">
      <c r="H386442" s="12"/>
    </row>
    <row r="386443" spans="8:8">
      <c r="H386443" s="12"/>
    </row>
    <row r="386444" spans="8:8">
      <c r="H386444" s="12"/>
    </row>
    <row r="386445" spans="8:8">
      <c r="H386445" s="12"/>
    </row>
    <row r="386446" spans="8:8">
      <c r="H386446" s="12"/>
    </row>
    <row r="386447" spans="8:8">
      <c r="H386447" s="12"/>
    </row>
    <row r="386448" spans="8:8">
      <c r="H386448" s="12"/>
    </row>
    <row r="386449" spans="8:8">
      <c r="H386449" s="12"/>
    </row>
    <row r="386450" spans="8:8">
      <c r="H386450" s="12"/>
    </row>
    <row r="386451" spans="8:8">
      <c r="H386451" s="12"/>
    </row>
    <row r="386452" spans="8:8">
      <c r="H386452" s="12"/>
    </row>
    <row r="386453" spans="8:8">
      <c r="H386453" s="12"/>
    </row>
    <row r="386454" spans="8:8">
      <c r="H386454" s="12"/>
    </row>
    <row r="386455" spans="8:8">
      <c r="H386455" s="12"/>
    </row>
    <row r="386456" spans="8:8">
      <c r="H386456" s="12"/>
    </row>
    <row r="386457" spans="8:8">
      <c r="H386457" s="12"/>
    </row>
    <row r="386458" spans="8:8">
      <c r="H386458" s="12"/>
    </row>
    <row r="386459" spans="8:8">
      <c r="H386459" s="12"/>
    </row>
    <row r="386460" spans="8:8">
      <c r="H386460" s="12"/>
    </row>
    <row r="386461" spans="8:8">
      <c r="H386461" s="12"/>
    </row>
    <row r="386462" spans="8:8">
      <c r="H386462" s="12"/>
    </row>
    <row r="386463" spans="8:8">
      <c r="H386463" s="12"/>
    </row>
    <row r="386464" spans="8:8">
      <c r="H386464" s="12"/>
    </row>
    <row r="386465" spans="8:8">
      <c r="H386465" s="12"/>
    </row>
    <row r="386466" spans="8:8">
      <c r="H386466" s="12"/>
    </row>
    <row r="386467" spans="8:8">
      <c r="H386467" s="12"/>
    </row>
    <row r="386468" spans="8:8">
      <c r="H386468" s="12"/>
    </row>
    <row r="386469" spans="8:8">
      <c r="H386469" s="12"/>
    </row>
    <row r="386470" spans="8:8">
      <c r="H386470" s="12"/>
    </row>
    <row r="386471" spans="8:8">
      <c r="H386471" s="12"/>
    </row>
    <row r="386472" spans="8:8">
      <c r="H386472" s="12"/>
    </row>
    <row r="386473" spans="8:8">
      <c r="H386473" s="12"/>
    </row>
    <row r="386474" spans="8:8">
      <c r="H386474" s="12"/>
    </row>
    <row r="386475" spans="8:8">
      <c r="H386475" s="12"/>
    </row>
    <row r="386476" spans="8:8">
      <c r="H386476" s="12"/>
    </row>
    <row r="386477" spans="8:8">
      <c r="H386477" s="12"/>
    </row>
    <row r="386478" spans="8:8">
      <c r="H386478" s="12"/>
    </row>
    <row r="386479" spans="8:8">
      <c r="H386479" s="12"/>
    </row>
    <row r="386480" spans="8:8">
      <c r="H386480" s="12"/>
    </row>
    <row r="386481" spans="8:8">
      <c r="H386481" s="12"/>
    </row>
    <row r="386482" spans="8:8">
      <c r="H386482" s="12"/>
    </row>
    <row r="386483" spans="8:8">
      <c r="H386483" s="12"/>
    </row>
    <row r="386484" spans="8:8">
      <c r="H386484" s="12"/>
    </row>
    <row r="386485" spans="8:8">
      <c r="H386485" s="12"/>
    </row>
    <row r="386486" spans="8:8">
      <c r="H386486" s="12"/>
    </row>
    <row r="386487" spans="8:8">
      <c r="H386487" s="12"/>
    </row>
    <row r="386488" spans="8:8">
      <c r="H386488" s="12"/>
    </row>
    <row r="386489" spans="8:8">
      <c r="H386489" s="12"/>
    </row>
    <row r="386490" spans="8:8">
      <c r="H386490" s="12"/>
    </row>
    <row r="386491" spans="8:8">
      <c r="H386491" s="12"/>
    </row>
    <row r="386492" spans="8:8">
      <c r="H386492" s="12"/>
    </row>
    <row r="386493" spans="8:8">
      <c r="H386493" s="12"/>
    </row>
    <row r="386494" spans="8:8">
      <c r="H386494" s="12"/>
    </row>
    <row r="386495" spans="8:8">
      <c r="H386495" s="12"/>
    </row>
    <row r="386496" spans="8:8">
      <c r="H386496" s="12"/>
    </row>
    <row r="386497" spans="8:8">
      <c r="H386497" s="12"/>
    </row>
    <row r="386498" spans="8:8">
      <c r="H386498" s="12"/>
    </row>
    <row r="386499" spans="8:8">
      <c r="H386499" s="12"/>
    </row>
    <row r="386500" spans="8:8">
      <c r="H386500" s="12"/>
    </row>
    <row r="386501" spans="8:8">
      <c r="H386501" s="12"/>
    </row>
    <row r="386502" spans="8:8">
      <c r="H386502" s="12"/>
    </row>
    <row r="386503" spans="8:8">
      <c r="H386503" s="12"/>
    </row>
    <row r="386504" spans="8:8">
      <c r="H386504" s="12"/>
    </row>
    <row r="386505" spans="8:8">
      <c r="H386505" s="12"/>
    </row>
    <row r="386506" spans="8:8">
      <c r="H386506" s="12"/>
    </row>
    <row r="386507" spans="8:8">
      <c r="H386507" s="12"/>
    </row>
    <row r="386508" spans="8:8">
      <c r="H386508" s="12"/>
    </row>
    <row r="386509" spans="8:8">
      <c r="H386509" s="12"/>
    </row>
    <row r="386510" spans="8:8">
      <c r="H386510" s="12"/>
    </row>
    <row r="386511" spans="8:8">
      <c r="H386511" s="12"/>
    </row>
    <row r="386512" spans="8:8">
      <c r="H386512" s="12"/>
    </row>
    <row r="386513" spans="8:8">
      <c r="H386513" s="12"/>
    </row>
    <row r="386514" spans="8:8">
      <c r="H386514" s="12"/>
    </row>
    <row r="386515" spans="8:8">
      <c r="H386515" s="12"/>
    </row>
    <row r="386516" spans="8:8">
      <c r="H386516" s="12"/>
    </row>
    <row r="386517" spans="8:8">
      <c r="H386517" s="12"/>
    </row>
    <row r="386518" spans="8:8">
      <c r="H386518" s="12"/>
    </row>
    <row r="386519" spans="8:8">
      <c r="H386519" s="12"/>
    </row>
    <row r="386520" spans="8:8">
      <c r="H386520" s="12"/>
    </row>
    <row r="386521" spans="8:8">
      <c r="H386521" s="12"/>
    </row>
    <row r="386522" spans="8:8">
      <c r="H386522" s="12"/>
    </row>
    <row r="386523" spans="8:8">
      <c r="H386523" s="12"/>
    </row>
    <row r="386524" spans="8:8">
      <c r="H386524" s="12"/>
    </row>
    <row r="386525" spans="8:8">
      <c r="H386525" s="12"/>
    </row>
    <row r="386526" spans="8:8">
      <c r="H386526" s="12"/>
    </row>
    <row r="386527" spans="8:8">
      <c r="H386527" s="12"/>
    </row>
    <row r="386528" spans="8:8">
      <c r="H386528" s="12"/>
    </row>
    <row r="386529" spans="8:8">
      <c r="H386529" s="12"/>
    </row>
    <row r="386530" spans="8:8">
      <c r="H386530" s="12"/>
    </row>
    <row r="386531" spans="8:8">
      <c r="H386531" s="12"/>
    </row>
    <row r="386532" spans="8:8">
      <c r="H386532" s="12"/>
    </row>
    <row r="386533" spans="8:8">
      <c r="H386533" s="12"/>
    </row>
    <row r="386534" spans="8:8">
      <c r="H386534" s="12"/>
    </row>
    <row r="386535" spans="8:8">
      <c r="H386535" s="12"/>
    </row>
    <row r="386536" spans="8:8">
      <c r="H386536" s="12"/>
    </row>
    <row r="386537" spans="8:8">
      <c r="H386537" s="12"/>
    </row>
    <row r="386538" spans="8:8">
      <c r="H386538" s="12"/>
    </row>
    <row r="386539" spans="8:8">
      <c r="H386539" s="12"/>
    </row>
    <row r="386540" spans="8:8">
      <c r="H386540" s="12"/>
    </row>
    <row r="386541" spans="8:8">
      <c r="H386541" s="12"/>
    </row>
    <row r="386542" spans="8:8">
      <c r="H386542" s="12"/>
    </row>
    <row r="386543" spans="8:8">
      <c r="H386543" s="12"/>
    </row>
    <row r="386544" spans="8:8">
      <c r="H386544" s="12"/>
    </row>
    <row r="386545" spans="8:8">
      <c r="H386545" s="12"/>
    </row>
    <row r="386546" spans="8:8">
      <c r="H386546" s="12"/>
    </row>
    <row r="386547" spans="8:8">
      <c r="H386547" s="12"/>
    </row>
    <row r="386548" spans="8:8">
      <c r="H386548" s="12"/>
    </row>
    <row r="386549" spans="8:8">
      <c r="H386549" s="12"/>
    </row>
    <row r="386550" spans="8:8">
      <c r="H386550" s="12"/>
    </row>
    <row r="386551" spans="8:8">
      <c r="H386551" s="12"/>
    </row>
    <row r="386552" spans="8:8">
      <c r="H386552" s="12"/>
    </row>
    <row r="386553" spans="8:8">
      <c r="H386553" s="12"/>
    </row>
    <row r="386554" spans="8:8">
      <c r="H386554" s="12"/>
    </row>
    <row r="386555" spans="8:8">
      <c r="H386555" s="12"/>
    </row>
    <row r="386556" spans="8:8">
      <c r="H386556" s="12"/>
    </row>
    <row r="386557" spans="8:8">
      <c r="H386557" s="12"/>
    </row>
    <row r="386558" spans="8:8">
      <c r="H386558" s="12"/>
    </row>
    <row r="386559" spans="8:8">
      <c r="H386559" s="12"/>
    </row>
    <row r="386560" spans="8:8">
      <c r="H386560" s="12"/>
    </row>
    <row r="386561" spans="8:8">
      <c r="H386561" s="12"/>
    </row>
    <row r="386562" spans="8:8">
      <c r="H386562" s="12"/>
    </row>
    <row r="386563" spans="8:8">
      <c r="H386563" s="12"/>
    </row>
    <row r="386564" spans="8:8">
      <c r="H386564" s="12"/>
    </row>
    <row r="386565" spans="8:8">
      <c r="H386565" s="12"/>
    </row>
    <row r="386566" spans="8:8">
      <c r="H386566" s="12"/>
    </row>
    <row r="386567" spans="8:8">
      <c r="H386567" s="12"/>
    </row>
    <row r="386568" spans="8:8">
      <c r="H386568" s="12"/>
    </row>
    <row r="386569" spans="8:8">
      <c r="H386569" s="12"/>
    </row>
    <row r="386570" spans="8:8">
      <c r="H386570" s="12"/>
    </row>
    <row r="386571" spans="8:8">
      <c r="H386571" s="12"/>
    </row>
    <row r="386572" spans="8:8">
      <c r="H386572" s="12"/>
    </row>
    <row r="386573" spans="8:8">
      <c r="H386573" s="12"/>
    </row>
    <row r="386574" spans="8:8">
      <c r="H386574" s="12"/>
    </row>
    <row r="386575" spans="8:8">
      <c r="H386575" s="12"/>
    </row>
    <row r="386576" spans="8:8">
      <c r="H386576" s="12"/>
    </row>
    <row r="386577" spans="8:8">
      <c r="H386577" s="12"/>
    </row>
    <row r="386578" spans="8:8">
      <c r="H386578" s="12"/>
    </row>
    <row r="386579" spans="8:8">
      <c r="H386579" s="12"/>
    </row>
    <row r="386580" spans="8:8">
      <c r="H386580" s="12"/>
    </row>
    <row r="386581" spans="8:8">
      <c r="H386581" s="12"/>
    </row>
    <row r="386582" spans="8:8">
      <c r="H386582" s="12"/>
    </row>
    <row r="386583" spans="8:8">
      <c r="H386583" s="12"/>
    </row>
    <row r="386584" spans="8:8">
      <c r="H386584" s="12"/>
    </row>
    <row r="386585" spans="8:8">
      <c r="H386585" s="12"/>
    </row>
    <row r="386586" spans="8:8">
      <c r="H386586" s="12"/>
    </row>
    <row r="386587" spans="8:8">
      <c r="H386587" s="12"/>
    </row>
    <row r="386588" spans="8:8">
      <c r="H386588" s="12"/>
    </row>
    <row r="386589" spans="8:8">
      <c r="H386589" s="12"/>
    </row>
    <row r="386590" spans="8:8">
      <c r="H386590" s="12"/>
    </row>
    <row r="386591" spans="8:8">
      <c r="H386591" s="12"/>
    </row>
    <row r="386592" spans="8:8">
      <c r="H386592" s="12"/>
    </row>
    <row r="386593" spans="8:8">
      <c r="H386593" s="12"/>
    </row>
    <row r="386594" spans="8:8">
      <c r="H386594" s="12"/>
    </row>
    <row r="386595" spans="8:8">
      <c r="H386595" s="12"/>
    </row>
    <row r="386596" spans="8:8">
      <c r="H386596" s="12"/>
    </row>
    <row r="386597" spans="8:8">
      <c r="H386597" s="12"/>
    </row>
    <row r="386598" spans="8:8">
      <c r="H386598" s="12"/>
    </row>
    <row r="386599" spans="8:8">
      <c r="H386599" s="12"/>
    </row>
    <row r="386600" spans="8:8">
      <c r="H386600" s="12"/>
    </row>
    <row r="386601" spans="8:8">
      <c r="H386601" s="12"/>
    </row>
    <row r="386602" spans="8:8">
      <c r="H386602" s="12"/>
    </row>
    <row r="386603" spans="8:8">
      <c r="H386603" s="12"/>
    </row>
    <row r="386604" spans="8:8">
      <c r="H386604" s="12"/>
    </row>
    <row r="386605" spans="8:8">
      <c r="H386605" s="12"/>
    </row>
    <row r="386606" spans="8:8">
      <c r="H386606" s="12"/>
    </row>
    <row r="386607" spans="8:8">
      <c r="H386607" s="12"/>
    </row>
    <row r="386608" spans="8:8">
      <c r="H386608" s="12"/>
    </row>
    <row r="386609" spans="8:8">
      <c r="H386609" s="12"/>
    </row>
    <row r="386610" spans="8:8">
      <c r="H386610" s="12"/>
    </row>
    <row r="386611" spans="8:8">
      <c r="H386611" s="12"/>
    </row>
    <row r="386612" spans="8:8">
      <c r="H386612" s="12"/>
    </row>
    <row r="386613" spans="8:8">
      <c r="H386613" s="12"/>
    </row>
    <row r="386614" spans="8:8">
      <c r="H386614" s="12"/>
    </row>
    <row r="386615" spans="8:8">
      <c r="H386615" s="12"/>
    </row>
    <row r="386616" spans="8:8">
      <c r="H386616" s="12"/>
    </row>
    <row r="386617" spans="8:8">
      <c r="H386617" s="12"/>
    </row>
    <row r="386618" spans="8:8">
      <c r="H386618" s="12"/>
    </row>
    <row r="386619" spans="8:8">
      <c r="H386619" s="12"/>
    </row>
    <row r="386620" spans="8:8">
      <c r="H386620" s="12"/>
    </row>
    <row r="386621" spans="8:8">
      <c r="H386621" s="12"/>
    </row>
    <row r="386622" spans="8:8">
      <c r="H386622" s="12"/>
    </row>
    <row r="386623" spans="8:8">
      <c r="H386623" s="12"/>
    </row>
    <row r="386624" spans="8:8">
      <c r="H386624" s="12"/>
    </row>
    <row r="386625" spans="8:8">
      <c r="H386625" s="12"/>
    </row>
    <row r="386626" spans="8:8">
      <c r="H386626" s="12"/>
    </row>
    <row r="386627" spans="8:8">
      <c r="H386627" s="12"/>
    </row>
    <row r="386628" spans="8:8">
      <c r="H386628" s="12"/>
    </row>
    <row r="386629" spans="8:8">
      <c r="H386629" s="12"/>
    </row>
    <row r="386630" spans="8:8">
      <c r="H386630" s="12"/>
    </row>
    <row r="386631" spans="8:8">
      <c r="H386631" s="12"/>
    </row>
    <row r="386632" spans="8:8">
      <c r="H386632" s="12"/>
    </row>
    <row r="386633" spans="8:8">
      <c r="H386633" s="12"/>
    </row>
    <row r="386634" spans="8:8">
      <c r="H386634" s="12"/>
    </row>
    <row r="386635" spans="8:8">
      <c r="H386635" s="12"/>
    </row>
    <row r="386636" spans="8:8">
      <c r="H386636" s="12"/>
    </row>
    <row r="386637" spans="8:8">
      <c r="H386637" s="12"/>
    </row>
    <row r="386638" spans="8:8">
      <c r="H386638" s="12"/>
    </row>
    <row r="386639" spans="8:8">
      <c r="H386639" s="12"/>
    </row>
    <row r="386640" spans="8:8">
      <c r="H386640" s="12"/>
    </row>
    <row r="386641" spans="8:8">
      <c r="H386641" s="12"/>
    </row>
    <row r="386642" spans="8:8">
      <c r="H386642" s="12"/>
    </row>
    <row r="386643" spans="8:8">
      <c r="H386643" s="12"/>
    </row>
    <row r="386644" spans="8:8">
      <c r="H386644" s="12"/>
    </row>
    <row r="386645" spans="8:8">
      <c r="H386645" s="12"/>
    </row>
    <row r="386646" spans="8:8">
      <c r="H386646" s="12"/>
    </row>
    <row r="386647" spans="8:8">
      <c r="H386647" s="12"/>
    </row>
    <row r="386648" spans="8:8">
      <c r="H386648" s="12"/>
    </row>
    <row r="386649" spans="8:8">
      <c r="H386649" s="12"/>
    </row>
    <row r="386650" spans="8:8">
      <c r="H386650" s="12"/>
    </row>
    <row r="386651" spans="8:8">
      <c r="H386651" s="12"/>
    </row>
    <row r="386652" spans="8:8">
      <c r="H386652" s="12"/>
    </row>
    <row r="386653" spans="8:8">
      <c r="H386653" s="12"/>
    </row>
    <row r="386654" spans="8:8">
      <c r="H386654" s="12"/>
    </row>
    <row r="386655" spans="8:8">
      <c r="H386655" s="12"/>
    </row>
    <row r="386656" spans="8:8">
      <c r="H386656" s="12"/>
    </row>
    <row r="386657" spans="8:8">
      <c r="H386657" s="12"/>
    </row>
    <row r="386658" spans="8:8">
      <c r="H386658" s="12"/>
    </row>
    <row r="386659" spans="8:8">
      <c r="H386659" s="12"/>
    </row>
    <row r="386660" spans="8:8">
      <c r="H386660" s="12"/>
    </row>
    <row r="386661" spans="8:8">
      <c r="H386661" s="12"/>
    </row>
    <row r="386662" spans="8:8">
      <c r="H386662" s="12"/>
    </row>
    <row r="386663" spans="8:8">
      <c r="H386663" s="12"/>
    </row>
    <row r="386664" spans="8:8">
      <c r="H386664" s="12"/>
    </row>
    <row r="386665" spans="8:8">
      <c r="H386665" s="12"/>
    </row>
    <row r="386666" spans="8:8">
      <c r="H386666" s="12"/>
    </row>
    <row r="386667" spans="8:8">
      <c r="H386667" s="12"/>
    </row>
    <row r="386668" spans="8:8">
      <c r="H386668" s="12"/>
    </row>
    <row r="386669" spans="8:8">
      <c r="H386669" s="12"/>
    </row>
    <row r="386670" spans="8:8">
      <c r="H386670" s="12"/>
    </row>
    <row r="386671" spans="8:8">
      <c r="H386671" s="12"/>
    </row>
    <row r="386672" spans="8:8">
      <c r="H386672" s="12"/>
    </row>
    <row r="386673" spans="8:8">
      <c r="H386673" s="12"/>
    </row>
    <row r="386674" spans="8:8">
      <c r="H386674" s="12"/>
    </row>
    <row r="386675" spans="8:8">
      <c r="H386675" s="12"/>
    </row>
    <row r="386676" spans="8:8">
      <c r="H386676" s="12"/>
    </row>
    <row r="386677" spans="8:8">
      <c r="H386677" s="12"/>
    </row>
    <row r="386678" spans="8:8">
      <c r="H386678" s="12"/>
    </row>
    <row r="386679" spans="8:8">
      <c r="H386679" s="12"/>
    </row>
    <row r="386680" spans="8:8">
      <c r="H386680" s="12"/>
    </row>
    <row r="386681" spans="8:8">
      <c r="H386681" s="12"/>
    </row>
    <row r="386682" spans="8:8">
      <c r="H386682" s="12"/>
    </row>
    <row r="386683" spans="8:8">
      <c r="H386683" s="12"/>
    </row>
    <row r="386684" spans="8:8">
      <c r="H386684" s="12"/>
    </row>
    <row r="386685" spans="8:8">
      <c r="H386685" s="12"/>
    </row>
    <row r="386686" spans="8:8">
      <c r="H386686" s="12"/>
    </row>
    <row r="386687" spans="8:8">
      <c r="H386687" s="12"/>
    </row>
    <row r="386688" spans="8:8">
      <c r="H386688" s="12"/>
    </row>
    <row r="386689" spans="8:8">
      <c r="H386689" s="12"/>
    </row>
    <row r="386690" spans="8:8">
      <c r="H386690" s="12"/>
    </row>
    <row r="386691" spans="8:8">
      <c r="H386691" s="12"/>
    </row>
    <row r="386692" spans="8:8">
      <c r="H386692" s="12"/>
    </row>
    <row r="386693" spans="8:8">
      <c r="H386693" s="12"/>
    </row>
    <row r="386694" spans="8:8">
      <c r="H386694" s="12"/>
    </row>
    <row r="386695" spans="8:8">
      <c r="H386695" s="12"/>
    </row>
    <row r="386696" spans="8:8">
      <c r="H386696" s="12"/>
    </row>
    <row r="386697" spans="8:8">
      <c r="H386697" s="12"/>
    </row>
    <row r="386698" spans="8:8">
      <c r="H386698" s="12"/>
    </row>
    <row r="386699" spans="8:8">
      <c r="H386699" s="12"/>
    </row>
    <row r="386700" spans="8:8">
      <c r="H386700" s="12"/>
    </row>
    <row r="386701" spans="8:8">
      <c r="H386701" s="12"/>
    </row>
    <row r="386702" spans="8:8">
      <c r="H386702" s="12"/>
    </row>
    <row r="386703" spans="8:8">
      <c r="H386703" s="12"/>
    </row>
    <row r="386704" spans="8:8">
      <c r="H386704" s="12"/>
    </row>
    <row r="386705" spans="8:8">
      <c r="H386705" s="12"/>
    </row>
    <row r="386706" spans="8:8">
      <c r="H386706" s="12"/>
    </row>
    <row r="386707" spans="8:8">
      <c r="H386707" s="12"/>
    </row>
    <row r="386708" spans="8:8">
      <c r="H386708" s="12"/>
    </row>
    <row r="386709" spans="8:8">
      <c r="H386709" s="12"/>
    </row>
    <row r="386710" spans="8:8">
      <c r="H386710" s="12"/>
    </row>
    <row r="386711" spans="8:8">
      <c r="H386711" s="12"/>
    </row>
    <row r="386712" spans="8:8">
      <c r="H386712" s="12"/>
    </row>
    <row r="386713" spans="8:8">
      <c r="H386713" s="12"/>
    </row>
    <row r="386714" spans="8:8">
      <c r="H386714" s="12"/>
    </row>
    <row r="386715" spans="8:8">
      <c r="H386715" s="12"/>
    </row>
    <row r="386716" spans="8:8">
      <c r="H386716" s="12"/>
    </row>
    <row r="386717" spans="8:8">
      <c r="H386717" s="12"/>
    </row>
    <row r="386718" spans="8:8">
      <c r="H386718" s="12"/>
    </row>
    <row r="386719" spans="8:8">
      <c r="H386719" s="12"/>
    </row>
    <row r="386720" spans="8:8">
      <c r="H386720" s="12"/>
    </row>
    <row r="386721" spans="8:8">
      <c r="H386721" s="12"/>
    </row>
    <row r="386722" spans="8:8">
      <c r="H386722" s="12"/>
    </row>
    <row r="386723" spans="8:8">
      <c r="H386723" s="12"/>
    </row>
    <row r="386724" spans="8:8">
      <c r="H386724" s="12"/>
    </row>
    <row r="386725" spans="8:8">
      <c r="H386725" s="12"/>
    </row>
    <row r="386726" spans="8:8">
      <c r="H386726" s="12"/>
    </row>
    <row r="386727" spans="8:8">
      <c r="H386727" s="12"/>
    </row>
    <row r="386728" spans="8:8">
      <c r="H386728" s="12"/>
    </row>
    <row r="386729" spans="8:8">
      <c r="H386729" s="12"/>
    </row>
    <row r="386730" spans="8:8">
      <c r="H386730" s="12"/>
    </row>
    <row r="386731" spans="8:8">
      <c r="H386731" s="12"/>
    </row>
    <row r="386732" spans="8:8">
      <c r="H386732" s="12"/>
    </row>
    <row r="386733" spans="8:8">
      <c r="H386733" s="12"/>
    </row>
    <row r="386734" spans="8:8">
      <c r="H386734" s="12"/>
    </row>
    <row r="386735" spans="8:8">
      <c r="H386735" s="12"/>
    </row>
    <row r="386736" spans="8:8">
      <c r="H386736" s="12"/>
    </row>
    <row r="386737" spans="8:8">
      <c r="H386737" s="12"/>
    </row>
    <row r="386738" spans="8:8">
      <c r="H386738" s="12"/>
    </row>
    <row r="386739" spans="8:8">
      <c r="H386739" s="12"/>
    </row>
    <row r="386740" spans="8:8">
      <c r="H386740" s="12"/>
    </row>
    <row r="386741" spans="8:8">
      <c r="H386741" s="12"/>
    </row>
    <row r="386742" spans="8:8">
      <c r="H386742" s="12"/>
    </row>
    <row r="386743" spans="8:8">
      <c r="H386743" s="12"/>
    </row>
    <row r="386744" spans="8:8">
      <c r="H386744" s="12"/>
    </row>
    <row r="386745" spans="8:8">
      <c r="H386745" s="12"/>
    </row>
    <row r="386746" spans="8:8">
      <c r="H386746" s="12"/>
    </row>
    <row r="386747" spans="8:8">
      <c r="H386747" s="12"/>
    </row>
    <row r="386748" spans="8:8">
      <c r="H386748" s="12"/>
    </row>
    <row r="386749" spans="8:8">
      <c r="H386749" s="12"/>
    </row>
    <row r="386750" spans="8:8">
      <c r="H386750" s="12"/>
    </row>
    <row r="386751" spans="8:8">
      <c r="H386751" s="12"/>
    </row>
    <row r="386752" spans="8:8">
      <c r="H386752" s="12"/>
    </row>
    <row r="386753" spans="8:8">
      <c r="H386753" s="12"/>
    </row>
    <row r="386754" spans="8:8">
      <c r="H386754" s="12"/>
    </row>
    <row r="386755" spans="8:8">
      <c r="H386755" s="12"/>
    </row>
    <row r="386756" spans="8:8">
      <c r="H386756" s="12"/>
    </row>
    <row r="386757" spans="8:8">
      <c r="H386757" s="12"/>
    </row>
    <row r="386758" spans="8:8">
      <c r="H386758" s="12"/>
    </row>
    <row r="386759" spans="8:8">
      <c r="H386759" s="12"/>
    </row>
    <row r="386760" spans="8:8">
      <c r="H386760" s="12"/>
    </row>
    <row r="386761" spans="8:8">
      <c r="H386761" s="12"/>
    </row>
    <row r="386762" spans="8:8">
      <c r="H386762" s="12"/>
    </row>
    <row r="386763" spans="8:8">
      <c r="H386763" s="12"/>
    </row>
    <row r="386764" spans="8:8">
      <c r="H386764" s="12"/>
    </row>
    <row r="386765" spans="8:8">
      <c r="H386765" s="12"/>
    </row>
    <row r="386766" spans="8:8">
      <c r="H386766" s="12"/>
    </row>
    <row r="386767" spans="8:8">
      <c r="H386767" s="12"/>
    </row>
    <row r="386768" spans="8:8">
      <c r="H386768" s="12"/>
    </row>
    <row r="386769" spans="8:8">
      <c r="H386769" s="12"/>
    </row>
    <row r="386770" spans="8:8">
      <c r="H386770" s="12"/>
    </row>
    <row r="386771" spans="8:8">
      <c r="H386771" s="12"/>
    </row>
    <row r="386772" spans="8:8">
      <c r="H386772" s="12"/>
    </row>
    <row r="386773" spans="8:8">
      <c r="H386773" s="12"/>
    </row>
    <row r="386774" spans="8:8">
      <c r="H386774" s="12"/>
    </row>
    <row r="386775" spans="8:8">
      <c r="H386775" s="12"/>
    </row>
    <row r="386776" spans="8:8">
      <c r="H386776" s="12"/>
    </row>
    <row r="386777" spans="8:8">
      <c r="H386777" s="12"/>
    </row>
    <row r="386778" spans="8:8">
      <c r="H386778" s="12"/>
    </row>
    <row r="386779" spans="8:8">
      <c r="H386779" s="12"/>
    </row>
    <row r="386780" spans="8:8">
      <c r="H386780" s="12"/>
    </row>
    <row r="386781" spans="8:8">
      <c r="H386781" s="12"/>
    </row>
    <row r="386782" spans="8:8">
      <c r="H386782" s="12"/>
    </row>
    <row r="386783" spans="8:8">
      <c r="H386783" s="12"/>
    </row>
    <row r="386784" spans="8:8">
      <c r="H386784" s="12"/>
    </row>
    <row r="386785" spans="8:8">
      <c r="H386785" s="12"/>
    </row>
    <row r="386786" spans="8:8">
      <c r="H386786" s="12"/>
    </row>
    <row r="386787" spans="8:8">
      <c r="H386787" s="12"/>
    </row>
    <row r="386788" spans="8:8">
      <c r="H386788" s="12"/>
    </row>
    <row r="386789" spans="8:8">
      <c r="H386789" s="12"/>
    </row>
    <row r="386790" spans="8:8">
      <c r="H386790" s="12"/>
    </row>
    <row r="386791" spans="8:8">
      <c r="H386791" s="12"/>
    </row>
    <row r="386792" spans="8:8">
      <c r="H386792" s="12"/>
    </row>
    <row r="386793" spans="8:8">
      <c r="H386793" s="12"/>
    </row>
    <row r="386794" spans="8:8">
      <c r="H386794" s="12"/>
    </row>
    <row r="386795" spans="8:8">
      <c r="H386795" s="12"/>
    </row>
    <row r="386796" spans="8:8">
      <c r="H386796" s="12"/>
    </row>
    <row r="386797" spans="8:8">
      <c r="H386797" s="12"/>
    </row>
    <row r="386798" spans="8:8">
      <c r="H386798" s="12"/>
    </row>
    <row r="386799" spans="8:8">
      <c r="H386799" s="12"/>
    </row>
    <row r="386800" spans="8:8">
      <c r="H386800" s="12"/>
    </row>
    <row r="386801" spans="8:8">
      <c r="H386801" s="12"/>
    </row>
    <row r="386802" spans="8:8">
      <c r="H386802" s="12"/>
    </row>
    <row r="386803" spans="8:8">
      <c r="H386803" s="12"/>
    </row>
    <row r="386804" spans="8:8">
      <c r="H386804" s="12"/>
    </row>
    <row r="386805" spans="8:8">
      <c r="H386805" s="12"/>
    </row>
    <row r="386806" spans="8:8">
      <c r="H386806" s="12"/>
    </row>
    <row r="386807" spans="8:8">
      <c r="H386807" s="12"/>
    </row>
    <row r="386808" spans="8:8">
      <c r="H386808" s="12"/>
    </row>
    <row r="386809" spans="8:8">
      <c r="H386809" s="12"/>
    </row>
    <row r="386810" spans="8:8">
      <c r="H386810" s="12"/>
    </row>
    <row r="386811" spans="8:8">
      <c r="H386811" s="12"/>
    </row>
    <row r="386812" spans="8:8">
      <c r="H386812" s="12"/>
    </row>
    <row r="386813" spans="8:8">
      <c r="H386813" s="12"/>
    </row>
    <row r="386814" spans="8:8">
      <c r="H386814" s="12"/>
    </row>
    <row r="386815" spans="8:8">
      <c r="H386815" s="12"/>
    </row>
    <row r="386816" spans="8:8">
      <c r="H386816" s="12"/>
    </row>
    <row r="386817" spans="8:8">
      <c r="H386817" s="12"/>
    </row>
    <row r="386818" spans="8:8">
      <c r="H386818" s="12"/>
    </row>
    <row r="386819" spans="8:8">
      <c r="H386819" s="12"/>
    </row>
    <row r="386820" spans="8:8">
      <c r="H386820" s="12"/>
    </row>
    <row r="386821" spans="8:8">
      <c r="H386821" s="12"/>
    </row>
    <row r="386822" spans="8:8">
      <c r="H386822" s="12"/>
    </row>
    <row r="386823" spans="8:8">
      <c r="H386823" s="12"/>
    </row>
    <row r="386824" spans="8:8">
      <c r="H386824" s="12"/>
    </row>
    <row r="386825" spans="8:8">
      <c r="H386825" s="12"/>
    </row>
    <row r="386826" spans="8:8">
      <c r="H386826" s="12"/>
    </row>
    <row r="386827" spans="8:8">
      <c r="H386827" s="12"/>
    </row>
    <row r="386828" spans="8:8">
      <c r="H386828" s="12"/>
    </row>
    <row r="386829" spans="8:8">
      <c r="H386829" s="12"/>
    </row>
    <row r="386830" spans="8:8">
      <c r="H386830" s="12"/>
    </row>
    <row r="386831" spans="8:8">
      <c r="H386831" s="12"/>
    </row>
    <row r="386832" spans="8:8">
      <c r="H386832" s="12"/>
    </row>
    <row r="386833" spans="8:8">
      <c r="H386833" s="12"/>
    </row>
    <row r="386834" spans="8:8">
      <c r="H386834" s="12"/>
    </row>
    <row r="386835" spans="8:8">
      <c r="H386835" s="12"/>
    </row>
    <row r="386836" spans="8:8">
      <c r="H386836" s="12"/>
    </row>
    <row r="386837" spans="8:8">
      <c r="H386837" s="12"/>
    </row>
    <row r="386838" spans="8:8">
      <c r="H386838" s="12"/>
    </row>
    <row r="386839" spans="8:8">
      <c r="H386839" s="12"/>
    </row>
    <row r="386840" spans="8:8">
      <c r="H386840" s="12"/>
    </row>
    <row r="386841" spans="8:8">
      <c r="H386841" s="12"/>
    </row>
    <row r="386842" spans="8:8">
      <c r="H386842" s="12"/>
    </row>
    <row r="386843" spans="8:8">
      <c r="H386843" s="12"/>
    </row>
    <row r="386844" spans="8:8">
      <c r="H386844" s="12"/>
    </row>
    <row r="386845" spans="8:8">
      <c r="H386845" s="12"/>
    </row>
    <row r="386846" spans="8:8">
      <c r="H386846" s="12"/>
    </row>
    <row r="386847" spans="8:8">
      <c r="H386847" s="12"/>
    </row>
    <row r="386848" spans="8:8">
      <c r="H386848" s="12"/>
    </row>
    <row r="386849" spans="8:8">
      <c r="H386849" s="12"/>
    </row>
    <row r="386850" spans="8:8">
      <c r="H386850" s="12"/>
    </row>
    <row r="386851" spans="8:8">
      <c r="H386851" s="12"/>
    </row>
    <row r="386852" spans="8:8">
      <c r="H386852" s="12"/>
    </row>
    <row r="386853" spans="8:8">
      <c r="H386853" s="12"/>
    </row>
    <row r="386854" spans="8:8">
      <c r="H386854" s="12"/>
    </row>
    <row r="386855" spans="8:8">
      <c r="H386855" s="12"/>
    </row>
    <row r="386856" spans="8:8">
      <c r="H386856" s="12"/>
    </row>
    <row r="386857" spans="8:8">
      <c r="H386857" s="12"/>
    </row>
    <row r="386858" spans="8:8">
      <c r="H386858" s="12"/>
    </row>
    <row r="386859" spans="8:8">
      <c r="H386859" s="12"/>
    </row>
    <row r="386860" spans="8:8">
      <c r="H386860" s="12"/>
    </row>
    <row r="386861" spans="8:8">
      <c r="H386861" s="12"/>
    </row>
    <row r="386862" spans="8:8">
      <c r="H386862" s="12"/>
    </row>
    <row r="386863" spans="8:8">
      <c r="H386863" s="12"/>
    </row>
    <row r="386864" spans="8:8">
      <c r="H386864" s="12"/>
    </row>
    <row r="386865" spans="8:8">
      <c r="H386865" s="12"/>
    </row>
    <row r="386866" spans="8:8">
      <c r="H386866" s="12"/>
    </row>
    <row r="386867" spans="8:8">
      <c r="H386867" s="12"/>
    </row>
    <row r="386868" spans="8:8">
      <c r="H386868" s="12"/>
    </row>
    <row r="386869" spans="8:8">
      <c r="H386869" s="12"/>
    </row>
    <row r="386870" spans="8:8">
      <c r="H386870" s="12"/>
    </row>
    <row r="386871" spans="8:8">
      <c r="H386871" s="12"/>
    </row>
    <row r="386872" spans="8:8">
      <c r="H386872" s="12"/>
    </row>
    <row r="386873" spans="8:8">
      <c r="H386873" s="12"/>
    </row>
    <row r="386874" spans="8:8">
      <c r="H386874" s="12"/>
    </row>
    <row r="386875" spans="8:8">
      <c r="H386875" s="12"/>
    </row>
    <row r="386876" spans="8:8">
      <c r="H386876" s="12"/>
    </row>
    <row r="386877" spans="8:8">
      <c r="H386877" s="12"/>
    </row>
    <row r="386878" spans="8:8">
      <c r="H386878" s="12"/>
    </row>
    <row r="386879" spans="8:8">
      <c r="H386879" s="12"/>
    </row>
    <row r="386880" spans="8:8">
      <c r="H386880" s="12"/>
    </row>
    <row r="386881" spans="8:8">
      <c r="H386881" s="12"/>
    </row>
    <row r="386882" spans="8:8">
      <c r="H386882" s="12"/>
    </row>
    <row r="386883" spans="8:8">
      <c r="H386883" s="12"/>
    </row>
    <row r="386884" spans="8:8">
      <c r="H386884" s="12"/>
    </row>
    <row r="386885" spans="8:8">
      <c r="H386885" s="12"/>
    </row>
    <row r="386886" spans="8:8">
      <c r="H386886" s="12"/>
    </row>
    <row r="386887" spans="8:8">
      <c r="H386887" s="12"/>
    </row>
    <row r="386888" spans="8:8">
      <c r="H386888" s="12"/>
    </row>
    <row r="386889" spans="8:8">
      <c r="H386889" s="12"/>
    </row>
    <row r="386890" spans="8:8">
      <c r="H386890" s="12"/>
    </row>
    <row r="386891" spans="8:8">
      <c r="H386891" s="12"/>
    </row>
    <row r="386892" spans="8:8">
      <c r="H386892" s="12"/>
    </row>
    <row r="386893" spans="8:8">
      <c r="H386893" s="12"/>
    </row>
    <row r="386894" spans="8:8">
      <c r="H386894" s="12"/>
    </row>
    <row r="386895" spans="8:8">
      <c r="H386895" s="12"/>
    </row>
    <row r="386896" spans="8:8">
      <c r="H386896" s="12"/>
    </row>
    <row r="386897" spans="8:8">
      <c r="H386897" s="12"/>
    </row>
    <row r="386898" spans="8:8">
      <c r="H386898" s="12"/>
    </row>
    <row r="386899" spans="8:8">
      <c r="H386899" s="12"/>
    </row>
    <row r="386900" spans="8:8">
      <c r="H386900" s="12"/>
    </row>
    <row r="386901" spans="8:8">
      <c r="H386901" s="12"/>
    </row>
    <row r="386902" spans="8:8">
      <c r="H386902" s="12"/>
    </row>
    <row r="386903" spans="8:8">
      <c r="H386903" s="12"/>
    </row>
    <row r="386904" spans="8:8">
      <c r="H386904" s="12"/>
    </row>
    <row r="386905" spans="8:8">
      <c r="H386905" s="12"/>
    </row>
    <row r="386906" spans="8:8">
      <c r="H386906" s="12"/>
    </row>
    <row r="386907" spans="8:8">
      <c r="H386907" s="12"/>
    </row>
    <row r="386908" spans="8:8">
      <c r="H386908" s="12"/>
    </row>
    <row r="386909" spans="8:8">
      <c r="H386909" s="12"/>
    </row>
    <row r="386910" spans="8:8">
      <c r="H386910" s="12"/>
    </row>
    <row r="386911" spans="8:8">
      <c r="H386911" s="12"/>
    </row>
    <row r="386912" spans="8:8">
      <c r="H386912" s="12"/>
    </row>
    <row r="386913" spans="8:8">
      <c r="H386913" s="12"/>
    </row>
    <row r="386914" spans="8:8">
      <c r="H386914" s="12"/>
    </row>
    <row r="386915" spans="8:8">
      <c r="H386915" s="12"/>
    </row>
    <row r="386916" spans="8:8">
      <c r="H386916" s="12"/>
    </row>
    <row r="386917" spans="8:8">
      <c r="H386917" s="12"/>
    </row>
    <row r="386918" spans="8:8">
      <c r="H386918" s="12"/>
    </row>
    <row r="386919" spans="8:8">
      <c r="H386919" s="12"/>
    </row>
    <row r="386920" spans="8:8">
      <c r="H386920" s="12"/>
    </row>
    <row r="386921" spans="8:8">
      <c r="H386921" s="12"/>
    </row>
    <row r="386922" spans="8:8">
      <c r="H386922" s="12"/>
    </row>
    <row r="386923" spans="8:8">
      <c r="H386923" s="12"/>
    </row>
    <row r="386924" spans="8:8">
      <c r="H386924" s="12"/>
    </row>
    <row r="386925" spans="8:8">
      <c r="H386925" s="12"/>
    </row>
    <row r="386926" spans="8:8">
      <c r="H386926" s="12"/>
    </row>
    <row r="386927" spans="8:8">
      <c r="H386927" s="12"/>
    </row>
    <row r="386928" spans="8:8">
      <c r="H386928" s="12"/>
    </row>
    <row r="386929" spans="8:8">
      <c r="H386929" s="12"/>
    </row>
    <row r="386930" spans="8:8">
      <c r="H386930" s="12"/>
    </row>
    <row r="386931" spans="8:8">
      <c r="H386931" s="12"/>
    </row>
    <row r="386932" spans="8:8">
      <c r="H386932" s="12"/>
    </row>
    <row r="386933" spans="8:8">
      <c r="H386933" s="12"/>
    </row>
    <row r="386934" spans="8:8">
      <c r="H386934" s="12"/>
    </row>
    <row r="386935" spans="8:8">
      <c r="H386935" s="12"/>
    </row>
    <row r="386936" spans="8:8">
      <c r="H386936" s="12"/>
    </row>
    <row r="386937" spans="8:8">
      <c r="H386937" s="12"/>
    </row>
    <row r="386938" spans="8:8">
      <c r="H386938" s="12"/>
    </row>
    <row r="386939" spans="8:8">
      <c r="H386939" s="12"/>
    </row>
    <row r="386940" spans="8:8">
      <c r="H386940" s="12"/>
    </row>
    <row r="386941" spans="8:8">
      <c r="H386941" s="12"/>
    </row>
    <row r="386942" spans="8:8">
      <c r="H386942" s="12"/>
    </row>
    <row r="386943" spans="8:8">
      <c r="H386943" s="12"/>
    </row>
    <row r="386944" spans="8:8">
      <c r="H386944" s="12"/>
    </row>
    <row r="386945" spans="8:8">
      <c r="H386945" s="12"/>
    </row>
    <row r="386946" spans="8:8">
      <c r="H386946" s="12"/>
    </row>
    <row r="386947" spans="8:8">
      <c r="H386947" s="12"/>
    </row>
    <row r="386948" spans="8:8">
      <c r="H386948" s="12"/>
    </row>
    <row r="386949" spans="8:8">
      <c r="H386949" s="12"/>
    </row>
    <row r="386950" spans="8:8">
      <c r="H386950" s="12"/>
    </row>
    <row r="386951" spans="8:8">
      <c r="H386951" s="12"/>
    </row>
    <row r="386952" spans="8:8">
      <c r="H386952" s="12"/>
    </row>
    <row r="386953" spans="8:8">
      <c r="H386953" s="12"/>
    </row>
    <row r="386954" spans="8:8">
      <c r="H386954" s="12"/>
    </row>
    <row r="386955" spans="8:8">
      <c r="H386955" s="12"/>
    </row>
    <row r="386956" spans="8:8">
      <c r="H386956" s="12"/>
    </row>
    <row r="386957" spans="8:8">
      <c r="H386957" s="12"/>
    </row>
    <row r="386958" spans="8:8">
      <c r="H386958" s="12"/>
    </row>
    <row r="386959" spans="8:8">
      <c r="H386959" s="12"/>
    </row>
    <row r="386960" spans="8:8">
      <c r="H386960" s="12"/>
    </row>
    <row r="386961" spans="8:8">
      <c r="H386961" s="12"/>
    </row>
    <row r="386962" spans="8:8">
      <c r="H386962" s="12"/>
    </row>
    <row r="386963" spans="8:8">
      <c r="H386963" s="12"/>
    </row>
    <row r="386964" spans="8:8">
      <c r="H386964" s="12"/>
    </row>
    <row r="386965" spans="8:8">
      <c r="H386965" s="12"/>
    </row>
    <row r="386966" spans="8:8">
      <c r="H386966" s="12"/>
    </row>
    <row r="386967" spans="8:8">
      <c r="H386967" s="12"/>
    </row>
    <row r="386968" spans="8:8">
      <c r="H386968" s="12"/>
    </row>
    <row r="386969" spans="8:8">
      <c r="H386969" s="12"/>
    </row>
    <row r="386970" spans="8:8">
      <c r="H386970" s="12"/>
    </row>
    <row r="386971" spans="8:8">
      <c r="H386971" s="12"/>
    </row>
    <row r="386972" spans="8:8">
      <c r="H386972" s="12"/>
    </row>
    <row r="386973" spans="8:8">
      <c r="H386973" s="12"/>
    </row>
    <row r="386974" spans="8:8">
      <c r="H386974" s="12"/>
    </row>
    <row r="386975" spans="8:8">
      <c r="H386975" s="12"/>
    </row>
    <row r="386976" spans="8:8">
      <c r="H386976" s="12"/>
    </row>
    <row r="386977" spans="8:8">
      <c r="H386977" s="12"/>
    </row>
    <row r="386978" spans="8:8">
      <c r="H386978" s="12"/>
    </row>
    <row r="386979" spans="8:8">
      <c r="H386979" s="12"/>
    </row>
    <row r="386980" spans="8:8">
      <c r="H386980" s="12"/>
    </row>
    <row r="386981" spans="8:8">
      <c r="H386981" s="12"/>
    </row>
    <row r="386982" spans="8:8">
      <c r="H386982" s="12"/>
    </row>
    <row r="386983" spans="8:8">
      <c r="H386983" s="12"/>
    </row>
    <row r="386984" spans="8:8">
      <c r="H386984" s="12"/>
    </row>
    <row r="386985" spans="8:8">
      <c r="H386985" s="12"/>
    </row>
    <row r="386986" spans="8:8">
      <c r="H386986" s="12"/>
    </row>
    <row r="386987" spans="8:8">
      <c r="H386987" s="12"/>
    </row>
    <row r="386988" spans="8:8">
      <c r="H386988" s="12"/>
    </row>
    <row r="386989" spans="8:8">
      <c r="H386989" s="12"/>
    </row>
    <row r="386990" spans="8:8">
      <c r="H386990" s="12"/>
    </row>
    <row r="386991" spans="8:8">
      <c r="H386991" s="12"/>
    </row>
    <row r="386992" spans="8:8">
      <c r="H386992" s="12"/>
    </row>
    <row r="386993" spans="8:8">
      <c r="H386993" s="12"/>
    </row>
    <row r="386994" spans="8:8">
      <c r="H386994" s="12"/>
    </row>
    <row r="386995" spans="8:8">
      <c r="H386995" s="12"/>
    </row>
    <row r="386996" spans="8:8">
      <c r="H386996" s="12"/>
    </row>
    <row r="386997" spans="8:8">
      <c r="H386997" s="12"/>
    </row>
    <row r="386998" spans="8:8">
      <c r="H386998" s="12"/>
    </row>
    <row r="386999" spans="8:8">
      <c r="H386999" s="12"/>
    </row>
    <row r="387000" spans="8:8">
      <c r="H387000" s="12"/>
    </row>
    <row r="387001" spans="8:8">
      <c r="H387001" s="12"/>
    </row>
    <row r="387002" spans="8:8">
      <c r="H387002" s="12"/>
    </row>
    <row r="387003" spans="8:8">
      <c r="H387003" s="12"/>
    </row>
    <row r="387004" spans="8:8">
      <c r="H387004" s="12"/>
    </row>
    <row r="387005" spans="8:8">
      <c r="H387005" s="12"/>
    </row>
    <row r="387006" spans="8:8">
      <c r="H387006" s="12"/>
    </row>
    <row r="387007" spans="8:8">
      <c r="H387007" s="12"/>
    </row>
    <row r="387008" spans="8:8">
      <c r="H387008" s="12"/>
    </row>
    <row r="387009" spans="8:8">
      <c r="H387009" s="12"/>
    </row>
    <row r="387010" spans="8:8">
      <c r="H387010" s="12"/>
    </row>
    <row r="387011" spans="8:8">
      <c r="H387011" s="12"/>
    </row>
    <row r="387012" spans="8:8">
      <c r="H387012" s="12"/>
    </row>
    <row r="387013" spans="8:8">
      <c r="H387013" s="12"/>
    </row>
    <row r="387014" spans="8:8">
      <c r="H387014" s="12"/>
    </row>
    <row r="387015" spans="8:8">
      <c r="H387015" s="12"/>
    </row>
    <row r="387016" spans="8:8">
      <c r="H387016" s="12"/>
    </row>
    <row r="387017" spans="8:8">
      <c r="H387017" s="12"/>
    </row>
    <row r="387018" spans="8:8">
      <c r="H387018" s="12"/>
    </row>
    <row r="387019" spans="8:8">
      <c r="H387019" s="12"/>
    </row>
    <row r="387020" spans="8:8">
      <c r="H387020" s="12"/>
    </row>
    <row r="387021" spans="8:8">
      <c r="H387021" s="12"/>
    </row>
    <row r="387022" spans="8:8">
      <c r="H387022" s="12"/>
    </row>
    <row r="387023" spans="8:8">
      <c r="H387023" s="12"/>
    </row>
    <row r="387024" spans="8:8">
      <c r="H387024" s="12"/>
    </row>
    <row r="387025" spans="8:8">
      <c r="H387025" s="12"/>
    </row>
    <row r="387026" spans="8:8">
      <c r="H387026" s="12"/>
    </row>
    <row r="387027" spans="8:8">
      <c r="H387027" s="12"/>
    </row>
    <row r="387028" spans="8:8">
      <c r="H387028" s="12"/>
    </row>
    <row r="387029" spans="8:8">
      <c r="H387029" s="12"/>
    </row>
    <row r="387030" spans="8:8">
      <c r="H387030" s="12"/>
    </row>
    <row r="387031" spans="8:8">
      <c r="H387031" s="12"/>
    </row>
    <row r="387032" spans="8:8">
      <c r="H387032" s="12"/>
    </row>
    <row r="387033" spans="8:8">
      <c r="H387033" s="12"/>
    </row>
    <row r="387034" spans="8:8">
      <c r="H387034" s="12"/>
    </row>
    <row r="387035" spans="8:8">
      <c r="H387035" s="12"/>
    </row>
    <row r="387036" spans="8:8">
      <c r="H387036" s="12"/>
    </row>
    <row r="387037" spans="8:8">
      <c r="H387037" s="12"/>
    </row>
    <row r="387038" spans="8:8">
      <c r="H387038" s="12"/>
    </row>
    <row r="387039" spans="8:8">
      <c r="H387039" s="12"/>
    </row>
    <row r="387040" spans="8:8">
      <c r="H387040" s="12"/>
    </row>
    <row r="387041" spans="8:8">
      <c r="H387041" s="12"/>
    </row>
    <row r="387042" spans="8:8">
      <c r="H387042" s="12"/>
    </row>
    <row r="387043" spans="8:8">
      <c r="H387043" s="12"/>
    </row>
    <row r="387044" spans="8:8">
      <c r="H387044" s="12"/>
    </row>
    <row r="387045" spans="8:8">
      <c r="H387045" s="12"/>
    </row>
    <row r="387046" spans="8:8">
      <c r="H387046" s="12"/>
    </row>
    <row r="387047" spans="8:8">
      <c r="H387047" s="12"/>
    </row>
    <row r="387048" spans="8:8">
      <c r="H387048" s="12"/>
    </row>
    <row r="387049" spans="8:8">
      <c r="H387049" s="12"/>
    </row>
    <row r="387050" spans="8:8">
      <c r="H387050" s="12"/>
    </row>
    <row r="387051" spans="8:8">
      <c r="H387051" s="12"/>
    </row>
    <row r="387052" spans="8:8">
      <c r="H387052" s="12"/>
    </row>
    <row r="387053" spans="8:8">
      <c r="H387053" s="12"/>
    </row>
    <row r="387054" spans="8:8">
      <c r="H387054" s="12"/>
    </row>
    <row r="387055" spans="8:8">
      <c r="H387055" s="12"/>
    </row>
    <row r="387056" spans="8:8">
      <c r="H387056" s="12"/>
    </row>
    <row r="387057" spans="8:8">
      <c r="H387057" s="12"/>
    </row>
    <row r="387058" spans="8:8">
      <c r="H387058" s="12"/>
    </row>
    <row r="387059" spans="8:8">
      <c r="H387059" s="12"/>
    </row>
    <row r="387060" spans="8:8">
      <c r="H387060" s="12"/>
    </row>
    <row r="387061" spans="8:8">
      <c r="H387061" s="12"/>
    </row>
    <row r="387062" spans="8:8">
      <c r="H387062" s="12"/>
    </row>
    <row r="387063" spans="8:8">
      <c r="H387063" s="12"/>
    </row>
    <row r="387064" spans="8:8">
      <c r="H387064" s="12"/>
    </row>
    <row r="387065" spans="8:8">
      <c r="H387065" s="12"/>
    </row>
    <row r="387066" spans="8:8">
      <c r="H387066" s="12"/>
    </row>
    <row r="387067" spans="8:8">
      <c r="H387067" s="12"/>
    </row>
    <row r="387068" spans="8:8">
      <c r="H387068" s="12"/>
    </row>
    <row r="387069" spans="8:8">
      <c r="H387069" s="12"/>
    </row>
    <row r="387070" spans="8:8">
      <c r="H387070" s="12"/>
    </row>
    <row r="387071" spans="8:8">
      <c r="H387071" s="12"/>
    </row>
    <row r="387072" spans="8:8">
      <c r="H387072" s="12"/>
    </row>
    <row r="387073" spans="8:8">
      <c r="H387073" s="12"/>
    </row>
    <row r="387074" spans="8:8">
      <c r="H387074" s="12"/>
    </row>
    <row r="387075" spans="8:8">
      <c r="H387075" s="12"/>
    </row>
    <row r="387076" spans="8:8">
      <c r="H387076" s="12"/>
    </row>
    <row r="387077" spans="8:8">
      <c r="H387077" s="12"/>
    </row>
    <row r="387078" spans="8:8">
      <c r="H387078" s="12"/>
    </row>
    <row r="387079" spans="8:8">
      <c r="H387079" s="12"/>
    </row>
    <row r="387080" spans="8:8">
      <c r="H387080" s="12"/>
    </row>
    <row r="387081" spans="8:8">
      <c r="H387081" s="12"/>
    </row>
    <row r="387082" spans="8:8">
      <c r="H387082" s="12"/>
    </row>
    <row r="387083" spans="8:8">
      <c r="H387083" s="12"/>
    </row>
    <row r="387084" spans="8:8">
      <c r="H387084" s="12"/>
    </row>
    <row r="387085" spans="8:8">
      <c r="H387085" s="12"/>
    </row>
    <row r="387086" spans="8:8">
      <c r="H387086" s="12"/>
    </row>
    <row r="387087" spans="8:8">
      <c r="H387087" s="12"/>
    </row>
    <row r="387088" spans="8:8">
      <c r="H387088" s="12"/>
    </row>
    <row r="387089" spans="8:8">
      <c r="H387089" s="12"/>
    </row>
    <row r="387090" spans="8:8">
      <c r="H387090" s="12"/>
    </row>
    <row r="387091" spans="8:8">
      <c r="H387091" s="12"/>
    </row>
    <row r="387092" spans="8:8">
      <c r="H387092" s="12"/>
    </row>
    <row r="387093" spans="8:8">
      <c r="H387093" s="12"/>
    </row>
    <row r="387094" spans="8:8">
      <c r="H387094" s="12"/>
    </row>
    <row r="387095" spans="8:8">
      <c r="H387095" s="12"/>
    </row>
    <row r="387096" spans="8:8">
      <c r="H387096" s="12"/>
    </row>
    <row r="387097" spans="8:8">
      <c r="H387097" s="12"/>
    </row>
    <row r="387098" spans="8:8">
      <c r="H387098" s="12"/>
    </row>
    <row r="387099" spans="8:8">
      <c r="H387099" s="12"/>
    </row>
    <row r="387100" spans="8:8">
      <c r="H387100" s="12"/>
    </row>
    <row r="387101" spans="8:8">
      <c r="H387101" s="12"/>
    </row>
    <row r="387102" spans="8:8">
      <c r="H387102" s="12"/>
    </row>
    <row r="387103" spans="8:8">
      <c r="H387103" s="12"/>
    </row>
    <row r="387104" spans="8:8">
      <c r="H387104" s="12"/>
    </row>
    <row r="387105" spans="8:8">
      <c r="H387105" s="12"/>
    </row>
    <row r="387106" spans="8:8">
      <c r="H387106" s="12"/>
    </row>
    <row r="387107" spans="8:8">
      <c r="H387107" s="12"/>
    </row>
    <row r="387108" spans="8:8">
      <c r="H387108" s="12"/>
    </row>
    <row r="387109" spans="8:8">
      <c r="H387109" s="12"/>
    </row>
    <row r="387110" spans="8:8">
      <c r="H387110" s="12"/>
    </row>
    <row r="387111" spans="8:8">
      <c r="H387111" s="12"/>
    </row>
    <row r="387112" spans="8:8">
      <c r="H387112" s="12"/>
    </row>
    <row r="387113" spans="8:8">
      <c r="H387113" s="12"/>
    </row>
    <row r="387114" spans="8:8">
      <c r="H387114" s="12"/>
    </row>
    <row r="387115" spans="8:8">
      <c r="H387115" s="12"/>
    </row>
    <row r="387116" spans="8:8">
      <c r="H387116" s="12"/>
    </row>
    <row r="387117" spans="8:8">
      <c r="H387117" s="12"/>
    </row>
    <row r="387118" spans="8:8">
      <c r="H387118" s="12"/>
    </row>
    <row r="387119" spans="8:8">
      <c r="H387119" s="12"/>
    </row>
    <row r="387120" spans="8:8">
      <c r="H387120" s="12"/>
    </row>
    <row r="387121" spans="8:8">
      <c r="H387121" s="12"/>
    </row>
    <row r="387122" spans="8:8">
      <c r="H387122" s="12"/>
    </row>
    <row r="387123" spans="8:8">
      <c r="H387123" s="12"/>
    </row>
    <row r="387124" spans="8:8">
      <c r="H387124" s="12"/>
    </row>
    <row r="387125" spans="8:8">
      <c r="H387125" s="12"/>
    </row>
    <row r="387126" spans="8:8">
      <c r="H387126" s="12"/>
    </row>
    <row r="387127" spans="8:8">
      <c r="H387127" s="12"/>
    </row>
    <row r="387128" spans="8:8">
      <c r="H387128" s="12"/>
    </row>
    <row r="387129" spans="8:8">
      <c r="H387129" s="12"/>
    </row>
    <row r="387130" spans="8:8">
      <c r="H387130" s="12"/>
    </row>
    <row r="387131" spans="8:8">
      <c r="H387131" s="12"/>
    </row>
    <row r="387132" spans="8:8">
      <c r="H387132" s="12"/>
    </row>
    <row r="387133" spans="8:8">
      <c r="H387133" s="12"/>
    </row>
    <row r="387134" spans="8:8">
      <c r="H387134" s="12"/>
    </row>
    <row r="387135" spans="8:8">
      <c r="H387135" s="12"/>
    </row>
    <row r="387136" spans="8:8">
      <c r="H387136" s="12"/>
    </row>
    <row r="387137" spans="8:8">
      <c r="H387137" s="12"/>
    </row>
    <row r="387138" spans="8:8">
      <c r="H387138" s="12"/>
    </row>
    <row r="387139" spans="8:8">
      <c r="H387139" s="12"/>
    </row>
    <row r="387140" spans="8:8">
      <c r="H387140" s="12"/>
    </row>
    <row r="387141" spans="8:8">
      <c r="H387141" s="12"/>
    </row>
    <row r="387142" spans="8:8">
      <c r="H387142" s="12"/>
    </row>
    <row r="387143" spans="8:8">
      <c r="H387143" s="12"/>
    </row>
    <row r="387144" spans="8:8">
      <c r="H387144" s="12"/>
    </row>
    <row r="387145" spans="8:8">
      <c r="H387145" s="12"/>
    </row>
    <row r="387146" spans="8:8">
      <c r="H387146" s="12"/>
    </row>
    <row r="387147" spans="8:8">
      <c r="H387147" s="12"/>
    </row>
    <row r="387148" spans="8:8">
      <c r="H387148" s="12"/>
    </row>
    <row r="387149" spans="8:8">
      <c r="H387149" s="12"/>
    </row>
    <row r="387150" spans="8:8">
      <c r="H387150" s="12"/>
    </row>
    <row r="387151" spans="8:8">
      <c r="H387151" s="12"/>
    </row>
    <row r="387152" spans="8:8">
      <c r="H387152" s="12"/>
    </row>
    <row r="387153" spans="8:8">
      <c r="H387153" s="12"/>
    </row>
    <row r="387154" spans="8:8">
      <c r="H387154" s="12"/>
    </row>
    <row r="387155" spans="8:8">
      <c r="H387155" s="12"/>
    </row>
    <row r="387156" spans="8:8">
      <c r="H387156" s="12"/>
    </row>
    <row r="387157" spans="8:8">
      <c r="H387157" s="12"/>
    </row>
    <row r="387158" spans="8:8">
      <c r="H387158" s="12"/>
    </row>
    <row r="387159" spans="8:8">
      <c r="H387159" s="12"/>
    </row>
    <row r="387160" spans="8:8">
      <c r="H387160" s="12"/>
    </row>
    <row r="387161" spans="8:8">
      <c r="H387161" s="12"/>
    </row>
    <row r="387162" spans="8:8">
      <c r="H387162" s="12"/>
    </row>
    <row r="387163" spans="8:8">
      <c r="H387163" s="12"/>
    </row>
    <row r="387164" spans="8:8">
      <c r="H387164" s="12"/>
    </row>
    <row r="387165" spans="8:8">
      <c r="H387165" s="12"/>
    </row>
    <row r="387166" spans="8:8">
      <c r="H387166" s="12"/>
    </row>
    <row r="387167" spans="8:8">
      <c r="H387167" s="12"/>
    </row>
    <row r="387168" spans="8:8">
      <c r="H387168" s="12"/>
    </row>
    <row r="387169" spans="8:8">
      <c r="H387169" s="12"/>
    </row>
    <row r="387170" spans="8:8">
      <c r="H387170" s="12"/>
    </row>
    <row r="387171" spans="8:8">
      <c r="H387171" s="12"/>
    </row>
    <row r="387172" spans="8:8">
      <c r="H387172" s="12"/>
    </row>
    <row r="387173" spans="8:8">
      <c r="H387173" s="12"/>
    </row>
    <row r="387174" spans="8:8">
      <c r="H387174" s="12"/>
    </row>
    <row r="387175" spans="8:8">
      <c r="H387175" s="12"/>
    </row>
    <row r="387176" spans="8:8">
      <c r="H387176" s="12"/>
    </row>
    <row r="387177" spans="8:8">
      <c r="H387177" s="12"/>
    </row>
    <row r="387178" spans="8:8">
      <c r="H387178" s="12"/>
    </row>
    <row r="387179" spans="8:8">
      <c r="H387179" s="12"/>
    </row>
    <row r="387180" spans="8:8">
      <c r="H387180" s="12"/>
    </row>
    <row r="387181" spans="8:8">
      <c r="H387181" s="12"/>
    </row>
    <row r="387182" spans="8:8">
      <c r="H387182" s="12"/>
    </row>
    <row r="387183" spans="8:8">
      <c r="H387183" s="12"/>
    </row>
    <row r="387184" spans="8:8">
      <c r="H387184" s="12"/>
    </row>
    <row r="387185" spans="8:8">
      <c r="H387185" s="12"/>
    </row>
    <row r="387186" spans="8:8">
      <c r="H387186" s="12"/>
    </row>
    <row r="387187" spans="8:8">
      <c r="H387187" s="12"/>
    </row>
    <row r="387188" spans="8:8">
      <c r="H387188" s="12"/>
    </row>
    <row r="387189" spans="8:8">
      <c r="H387189" s="12"/>
    </row>
    <row r="387190" spans="8:8">
      <c r="H387190" s="12"/>
    </row>
    <row r="387191" spans="8:8">
      <c r="H387191" s="12"/>
    </row>
    <row r="387192" spans="8:8">
      <c r="H387192" s="12"/>
    </row>
    <row r="387193" spans="8:8">
      <c r="H387193" s="12"/>
    </row>
    <row r="387194" spans="8:8">
      <c r="H387194" s="12"/>
    </row>
    <row r="387195" spans="8:8">
      <c r="H387195" s="12"/>
    </row>
    <row r="387196" spans="8:8">
      <c r="H387196" s="12"/>
    </row>
    <row r="387197" spans="8:8">
      <c r="H387197" s="12"/>
    </row>
    <row r="387198" spans="8:8">
      <c r="H387198" s="12"/>
    </row>
    <row r="387199" spans="8:8">
      <c r="H387199" s="12"/>
    </row>
    <row r="387200" spans="8:8">
      <c r="H387200" s="12"/>
    </row>
    <row r="387201" spans="8:8">
      <c r="H387201" s="12"/>
    </row>
    <row r="387202" spans="8:8">
      <c r="H387202" s="12"/>
    </row>
    <row r="387203" spans="8:8">
      <c r="H387203" s="12"/>
    </row>
    <row r="387204" spans="8:8">
      <c r="H387204" s="12"/>
    </row>
    <row r="387205" spans="8:8">
      <c r="H387205" s="12"/>
    </row>
    <row r="387206" spans="8:8">
      <c r="H387206" s="12"/>
    </row>
    <row r="387207" spans="8:8">
      <c r="H387207" s="12"/>
    </row>
    <row r="387208" spans="8:8">
      <c r="H387208" s="12"/>
    </row>
    <row r="387209" spans="8:8">
      <c r="H387209" s="12"/>
    </row>
    <row r="387210" spans="8:8">
      <c r="H387210" s="12"/>
    </row>
    <row r="387211" spans="8:8">
      <c r="H387211" s="12"/>
    </row>
    <row r="387212" spans="8:8">
      <c r="H387212" s="12"/>
    </row>
    <row r="387213" spans="8:8">
      <c r="H387213" s="12"/>
    </row>
    <row r="387214" spans="8:8">
      <c r="H387214" s="12"/>
    </row>
    <row r="387215" spans="8:8">
      <c r="H387215" s="12"/>
    </row>
    <row r="387216" spans="8:8">
      <c r="H387216" s="12"/>
    </row>
    <row r="387217" spans="8:8">
      <c r="H387217" s="12"/>
    </row>
    <row r="387218" spans="8:8">
      <c r="H387218" s="12"/>
    </row>
    <row r="387219" spans="8:8">
      <c r="H387219" s="12"/>
    </row>
    <row r="387220" spans="8:8">
      <c r="H387220" s="12"/>
    </row>
    <row r="387221" spans="8:8">
      <c r="H387221" s="12"/>
    </row>
    <row r="387222" spans="8:8">
      <c r="H387222" s="12"/>
    </row>
    <row r="387223" spans="8:8">
      <c r="H387223" s="12"/>
    </row>
    <row r="387224" spans="8:8">
      <c r="H387224" s="12"/>
    </row>
    <row r="387225" spans="8:8">
      <c r="H387225" s="12"/>
    </row>
    <row r="387226" spans="8:8">
      <c r="H387226" s="12"/>
    </row>
    <row r="387227" spans="8:8">
      <c r="H387227" s="12"/>
    </row>
    <row r="387228" spans="8:8">
      <c r="H387228" s="12"/>
    </row>
    <row r="387229" spans="8:8">
      <c r="H387229" s="12"/>
    </row>
    <row r="387230" spans="8:8">
      <c r="H387230" s="12"/>
    </row>
    <row r="387231" spans="8:8">
      <c r="H387231" s="12"/>
    </row>
    <row r="387232" spans="8:8">
      <c r="H387232" s="12"/>
    </row>
    <row r="387233" spans="8:8">
      <c r="H387233" s="12"/>
    </row>
    <row r="387234" spans="8:8">
      <c r="H387234" s="12"/>
    </row>
    <row r="387235" spans="8:8">
      <c r="H387235" s="12"/>
    </row>
    <row r="387236" spans="8:8">
      <c r="H387236" s="12"/>
    </row>
    <row r="387237" spans="8:8">
      <c r="H387237" s="12"/>
    </row>
    <row r="387238" spans="8:8">
      <c r="H387238" s="12"/>
    </row>
    <row r="387239" spans="8:8">
      <c r="H387239" s="12"/>
    </row>
    <row r="387240" spans="8:8">
      <c r="H387240" s="12"/>
    </row>
    <row r="387241" spans="8:8">
      <c r="H387241" s="12"/>
    </row>
    <row r="387242" spans="8:8">
      <c r="H387242" s="12"/>
    </row>
    <row r="387243" spans="8:8">
      <c r="H387243" s="12"/>
    </row>
    <row r="387244" spans="8:8">
      <c r="H387244" s="12"/>
    </row>
    <row r="387245" spans="8:8">
      <c r="H387245" s="12"/>
    </row>
    <row r="387246" spans="8:8">
      <c r="H387246" s="12"/>
    </row>
    <row r="387247" spans="8:8">
      <c r="H387247" s="12"/>
    </row>
    <row r="387248" spans="8:8">
      <c r="H387248" s="12"/>
    </row>
    <row r="387249" spans="8:8">
      <c r="H387249" s="12"/>
    </row>
    <row r="387250" spans="8:8">
      <c r="H387250" s="12"/>
    </row>
    <row r="387251" spans="8:8">
      <c r="H387251" s="12"/>
    </row>
    <row r="387252" spans="8:8">
      <c r="H387252" s="12"/>
    </row>
    <row r="387253" spans="8:8">
      <c r="H387253" s="12"/>
    </row>
    <row r="387254" spans="8:8">
      <c r="H387254" s="12"/>
    </row>
    <row r="387255" spans="8:8">
      <c r="H387255" s="12"/>
    </row>
    <row r="387256" spans="8:8">
      <c r="H387256" s="12"/>
    </row>
    <row r="387257" spans="8:8">
      <c r="H387257" s="12"/>
    </row>
    <row r="387258" spans="8:8">
      <c r="H387258" s="12"/>
    </row>
    <row r="387259" spans="8:8">
      <c r="H387259" s="12"/>
    </row>
    <row r="387260" spans="8:8">
      <c r="H387260" s="12"/>
    </row>
    <row r="387261" spans="8:8">
      <c r="H387261" s="12"/>
    </row>
    <row r="387262" spans="8:8">
      <c r="H387262" s="12"/>
    </row>
    <row r="387263" spans="8:8">
      <c r="H387263" s="12"/>
    </row>
    <row r="387264" spans="8:8">
      <c r="H387264" s="12"/>
    </row>
    <row r="387265" spans="8:8">
      <c r="H387265" s="12"/>
    </row>
    <row r="387266" spans="8:8">
      <c r="H387266" s="12"/>
    </row>
    <row r="387267" spans="8:8">
      <c r="H387267" s="12"/>
    </row>
    <row r="387268" spans="8:8">
      <c r="H387268" s="12"/>
    </row>
    <row r="387269" spans="8:8">
      <c r="H387269" s="12"/>
    </row>
    <row r="387270" spans="8:8">
      <c r="H387270" s="12"/>
    </row>
    <row r="387271" spans="8:8">
      <c r="H387271" s="12"/>
    </row>
    <row r="387272" spans="8:8">
      <c r="H387272" s="12"/>
    </row>
    <row r="387273" spans="8:8">
      <c r="H387273" s="12"/>
    </row>
    <row r="387274" spans="8:8">
      <c r="H387274" s="12"/>
    </row>
    <row r="387275" spans="8:8">
      <c r="H387275" s="12"/>
    </row>
    <row r="387276" spans="8:8">
      <c r="H387276" s="12"/>
    </row>
    <row r="387277" spans="8:8">
      <c r="H387277" s="12"/>
    </row>
    <row r="387278" spans="8:8">
      <c r="H387278" s="12"/>
    </row>
    <row r="387279" spans="8:8">
      <c r="H387279" s="12"/>
    </row>
    <row r="387280" spans="8:8">
      <c r="H387280" s="12"/>
    </row>
    <row r="387281" spans="8:8">
      <c r="H387281" s="12"/>
    </row>
    <row r="387282" spans="8:8">
      <c r="H387282" s="12"/>
    </row>
    <row r="387283" spans="8:8">
      <c r="H387283" s="12"/>
    </row>
    <row r="387284" spans="8:8">
      <c r="H387284" s="12"/>
    </row>
    <row r="387285" spans="8:8">
      <c r="H387285" s="12"/>
    </row>
    <row r="387286" spans="8:8">
      <c r="H387286" s="12"/>
    </row>
    <row r="387287" spans="8:8">
      <c r="H387287" s="12"/>
    </row>
    <row r="387288" spans="8:8">
      <c r="H387288" s="12"/>
    </row>
    <row r="387289" spans="8:8">
      <c r="H387289" s="12"/>
    </row>
    <row r="387290" spans="8:8">
      <c r="H387290" s="12"/>
    </row>
    <row r="387291" spans="8:8">
      <c r="H387291" s="12"/>
    </row>
    <row r="387292" spans="8:8">
      <c r="H387292" s="12"/>
    </row>
    <row r="387293" spans="8:8">
      <c r="H387293" s="12"/>
    </row>
    <row r="387294" spans="8:8">
      <c r="H387294" s="12"/>
    </row>
    <row r="387295" spans="8:8">
      <c r="H387295" s="12"/>
    </row>
    <row r="387296" spans="8:8">
      <c r="H387296" s="12"/>
    </row>
    <row r="387297" spans="8:8">
      <c r="H387297" s="12"/>
    </row>
    <row r="387298" spans="8:8">
      <c r="H387298" s="12"/>
    </row>
    <row r="387299" spans="8:8">
      <c r="H387299" s="12"/>
    </row>
    <row r="387300" spans="8:8">
      <c r="H387300" s="12"/>
    </row>
    <row r="387301" spans="8:8">
      <c r="H387301" s="12"/>
    </row>
    <row r="387302" spans="8:8">
      <c r="H387302" s="12"/>
    </row>
    <row r="387303" spans="8:8">
      <c r="H387303" s="12"/>
    </row>
    <row r="387304" spans="8:8">
      <c r="H387304" s="12"/>
    </row>
    <row r="387305" spans="8:8">
      <c r="H387305" s="12"/>
    </row>
    <row r="387306" spans="8:8">
      <c r="H387306" s="12"/>
    </row>
    <row r="387307" spans="8:8">
      <c r="H387307" s="12"/>
    </row>
    <row r="387308" spans="8:8">
      <c r="H387308" s="12"/>
    </row>
    <row r="387309" spans="8:8">
      <c r="H387309" s="12"/>
    </row>
    <row r="387310" spans="8:8">
      <c r="H387310" s="12"/>
    </row>
    <row r="387311" spans="8:8">
      <c r="H387311" s="12"/>
    </row>
    <row r="387312" spans="8:8">
      <c r="H387312" s="12"/>
    </row>
    <row r="387313" spans="8:8">
      <c r="H387313" s="12"/>
    </row>
    <row r="387314" spans="8:8">
      <c r="H387314" s="12"/>
    </row>
    <row r="387315" spans="8:8">
      <c r="H387315" s="12"/>
    </row>
    <row r="387316" spans="8:8">
      <c r="H387316" s="12"/>
    </row>
    <row r="387317" spans="8:8">
      <c r="H387317" s="12"/>
    </row>
    <row r="387318" spans="8:8">
      <c r="H387318" s="12"/>
    </row>
    <row r="387319" spans="8:8">
      <c r="H387319" s="12"/>
    </row>
    <row r="387320" spans="8:8">
      <c r="H387320" s="12"/>
    </row>
    <row r="387321" spans="8:8">
      <c r="H387321" s="12"/>
    </row>
    <row r="387322" spans="8:8">
      <c r="H387322" s="12"/>
    </row>
    <row r="387323" spans="8:8">
      <c r="H387323" s="12"/>
    </row>
    <row r="387324" spans="8:8">
      <c r="H387324" s="12"/>
    </row>
    <row r="387325" spans="8:8">
      <c r="H387325" s="12"/>
    </row>
    <row r="387326" spans="8:8">
      <c r="H387326" s="12"/>
    </row>
    <row r="387327" spans="8:8">
      <c r="H387327" s="12"/>
    </row>
    <row r="387328" spans="8:8">
      <c r="H387328" s="12"/>
    </row>
    <row r="387329" spans="8:8">
      <c r="H387329" s="12"/>
    </row>
    <row r="387330" spans="8:8">
      <c r="H387330" s="12"/>
    </row>
    <row r="387331" spans="8:8">
      <c r="H387331" s="12"/>
    </row>
    <row r="387332" spans="8:8">
      <c r="H387332" s="12"/>
    </row>
    <row r="387333" spans="8:8">
      <c r="H387333" s="12"/>
    </row>
    <row r="387334" spans="8:8">
      <c r="H387334" s="12"/>
    </row>
    <row r="387335" spans="8:8">
      <c r="H387335" s="12"/>
    </row>
    <row r="387336" spans="8:8">
      <c r="H387336" s="12"/>
    </row>
    <row r="387337" spans="8:8">
      <c r="H387337" s="12"/>
    </row>
    <row r="387338" spans="8:8">
      <c r="H387338" s="12"/>
    </row>
    <row r="387339" spans="8:8">
      <c r="H387339" s="12"/>
    </row>
    <row r="387340" spans="8:8">
      <c r="H387340" s="12"/>
    </row>
    <row r="387341" spans="8:8">
      <c r="H387341" s="12"/>
    </row>
    <row r="387342" spans="8:8">
      <c r="H387342" s="12"/>
    </row>
    <row r="387343" spans="8:8">
      <c r="H387343" s="12"/>
    </row>
    <row r="387344" spans="8:8">
      <c r="H387344" s="12"/>
    </row>
    <row r="387345" spans="8:8">
      <c r="H387345" s="12"/>
    </row>
    <row r="387346" spans="8:8">
      <c r="H387346" s="12"/>
    </row>
    <row r="387347" spans="8:8">
      <c r="H387347" s="12"/>
    </row>
    <row r="387348" spans="8:8">
      <c r="H387348" s="12"/>
    </row>
    <row r="387349" spans="8:8">
      <c r="H387349" s="12"/>
    </row>
    <row r="387350" spans="8:8">
      <c r="H387350" s="12"/>
    </row>
    <row r="387351" spans="8:8">
      <c r="H387351" s="12"/>
    </row>
    <row r="387352" spans="8:8">
      <c r="H387352" s="12"/>
    </row>
    <row r="387353" spans="8:8">
      <c r="H387353" s="12"/>
    </row>
    <row r="387354" spans="8:8">
      <c r="H387354" s="12"/>
    </row>
    <row r="387355" spans="8:8">
      <c r="H387355" s="12"/>
    </row>
    <row r="387356" spans="8:8">
      <c r="H387356" s="12"/>
    </row>
    <row r="387357" spans="8:8">
      <c r="H387357" s="12"/>
    </row>
    <row r="387358" spans="8:8">
      <c r="H387358" s="12"/>
    </row>
    <row r="387359" spans="8:8">
      <c r="H387359" s="12"/>
    </row>
    <row r="387360" spans="8:8">
      <c r="H387360" s="12"/>
    </row>
    <row r="387361" spans="8:8">
      <c r="H387361" s="12"/>
    </row>
    <row r="387362" spans="8:8">
      <c r="H387362" s="12"/>
    </row>
    <row r="387363" spans="8:8">
      <c r="H387363" s="12"/>
    </row>
    <row r="387364" spans="8:8">
      <c r="H387364" s="12"/>
    </row>
    <row r="387365" spans="8:8">
      <c r="H387365" s="12"/>
    </row>
    <row r="387366" spans="8:8">
      <c r="H387366" s="12"/>
    </row>
    <row r="387367" spans="8:8">
      <c r="H387367" s="12"/>
    </row>
    <row r="387368" spans="8:8">
      <c r="H387368" s="12"/>
    </row>
    <row r="387369" spans="8:8">
      <c r="H387369" s="12"/>
    </row>
    <row r="387370" spans="8:8">
      <c r="H387370" s="12"/>
    </row>
    <row r="387371" spans="8:8">
      <c r="H387371" s="12"/>
    </row>
    <row r="387372" spans="8:8">
      <c r="H387372" s="12"/>
    </row>
    <row r="387373" spans="8:8">
      <c r="H387373" s="12"/>
    </row>
    <row r="387374" spans="8:8">
      <c r="H387374" s="12"/>
    </row>
    <row r="387375" spans="8:8">
      <c r="H387375" s="12"/>
    </row>
    <row r="387376" spans="8:8">
      <c r="H387376" s="12"/>
    </row>
    <row r="387377" spans="8:8">
      <c r="H387377" s="12"/>
    </row>
    <row r="387378" spans="8:8">
      <c r="H387378" s="12"/>
    </row>
    <row r="387379" spans="8:8">
      <c r="H387379" s="12"/>
    </row>
    <row r="387380" spans="8:8">
      <c r="H387380" s="12"/>
    </row>
    <row r="387381" spans="8:8">
      <c r="H387381" s="12"/>
    </row>
    <row r="387382" spans="8:8">
      <c r="H387382" s="12"/>
    </row>
    <row r="387383" spans="8:8">
      <c r="H387383" s="12"/>
    </row>
    <row r="387384" spans="8:8">
      <c r="H387384" s="12"/>
    </row>
    <row r="387385" spans="8:8">
      <c r="H387385" s="12"/>
    </row>
    <row r="387386" spans="8:8">
      <c r="H387386" s="12"/>
    </row>
    <row r="387387" spans="8:8">
      <c r="H387387" s="12"/>
    </row>
    <row r="387388" spans="8:8">
      <c r="H387388" s="12"/>
    </row>
    <row r="387389" spans="8:8">
      <c r="H387389" s="12"/>
    </row>
    <row r="387390" spans="8:8">
      <c r="H387390" s="12"/>
    </row>
    <row r="387391" spans="8:8">
      <c r="H387391" s="12"/>
    </row>
    <row r="387392" spans="8:8">
      <c r="H387392" s="12"/>
    </row>
    <row r="387393" spans="8:8">
      <c r="H387393" s="12"/>
    </row>
    <row r="387394" spans="8:8">
      <c r="H387394" s="12"/>
    </row>
    <row r="387395" spans="8:8">
      <c r="H387395" s="12"/>
    </row>
    <row r="387396" spans="8:8">
      <c r="H387396" s="12"/>
    </row>
    <row r="387397" spans="8:8">
      <c r="H387397" s="12"/>
    </row>
    <row r="387398" spans="8:8">
      <c r="H387398" s="12"/>
    </row>
    <row r="387399" spans="8:8">
      <c r="H387399" s="12"/>
    </row>
    <row r="387400" spans="8:8">
      <c r="H387400" s="12"/>
    </row>
    <row r="387401" spans="8:8">
      <c r="H387401" s="12"/>
    </row>
    <row r="387402" spans="8:8">
      <c r="H387402" s="12"/>
    </row>
    <row r="387403" spans="8:8">
      <c r="H387403" s="12"/>
    </row>
    <row r="387404" spans="8:8">
      <c r="H387404" s="12"/>
    </row>
    <row r="387405" spans="8:8">
      <c r="H387405" s="12"/>
    </row>
    <row r="387406" spans="8:8">
      <c r="H387406" s="12"/>
    </row>
    <row r="387407" spans="8:8">
      <c r="H387407" s="12"/>
    </row>
    <row r="387408" spans="8:8">
      <c r="H387408" s="12"/>
    </row>
    <row r="387409" spans="8:8">
      <c r="H387409" s="12"/>
    </row>
    <row r="387410" spans="8:8">
      <c r="H387410" s="12"/>
    </row>
    <row r="387411" spans="8:8">
      <c r="H387411" s="12"/>
    </row>
    <row r="387412" spans="8:8">
      <c r="H387412" s="12"/>
    </row>
    <row r="387413" spans="8:8">
      <c r="H387413" s="12"/>
    </row>
    <row r="387414" spans="8:8">
      <c r="H387414" s="12"/>
    </row>
    <row r="387415" spans="8:8">
      <c r="H387415" s="12"/>
    </row>
    <row r="387416" spans="8:8">
      <c r="H387416" s="12"/>
    </row>
    <row r="387417" spans="8:8">
      <c r="H387417" s="12"/>
    </row>
    <row r="387418" spans="8:8">
      <c r="H387418" s="12"/>
    </row>
    <row r="387419" spans="8:8">
      <c r="H387419" s="12"/>
    </row>
    <row r="387420" spans="8:8">
      <c r="H387420" s="12"/>
    </row>
    <row r="387421" spans="8:8">
      <c r="H387421" s="12"/>
    </row>
    <row r="387422" spans="8:8">
      <c r="H387422" s="12"/>
    </row>
    <row r="387423" spans="8:8">
      <c r="H387423" s="12"/>
    </row>
    <row r="387424" spans="8:8">
      <c r="H387424" s="12"/>
    </row>
    <row r="387425" spans="8:8">
      <c r="H387425" s="12"/>
    </row>
    <row r="387426" spans="8:8">
      <c r="H387426" s="12"/>
    </row>
    <row r="387427" spans="8:8">
      <c r="H387427" s="12"/>
    </row>
    <row r="387428" spans="8:8">
      <c r="H387428" s="12"/>
    </row>
    <row r="387429" spans="8:8">
      <c r="H387429" s="12"/>
    </row>
    <row r="387430" spans="8:8">
      <c r="H387430" s="12"/>
    </row>
    <row r="387431" spans="8:8">
      <c r="H387431" s="12"/>
    </row>
    <row r="387432" spans="8:8">
      <c r="H387432" s="12"/>
    </row>
    <row r="387433" spans="8:8">
      <c r="H387433" s="12"/>
    </row>
    <row r="387434" spans="8:8">
      <c r="H387434" s="12"/>
    </row>
    <row r="387435" spans="8:8">
      <c r="H387435" s="12"/>
    </row>
    <row r="387436" spans="8:8">
      <c r="H387436" s="12"/>
    </row>
    <row r="387437" spans="8:8">
      <c r="H387437" s="12"/>
    </row>
    <row r="387438" spans="8:8">
      <c r="H387438" s="12"/>
    </row>
    <row r="387439" spans="8:8">
      <c r="H387439" s="12"/>
    </row>
    <row r="387440" spans="8:8">
      <c r="H387440" s="12"/>
    </row>
    <row r="387441" spans="8:8">
      <c r="H387441" s="12"/>
    </row>
    <row r="387442" spans="8:8">
      <c r="H387442" s="12"/>
    </row>
    <row r="387443" spans="8:8">
      <c r="H387443" s="12"/>
    </row>
    <row r="387444" spans="8:8">
      <c r="H387444" s="12"/>
    </row>
    <row r="387445" spans="8:8">
      <c r="H387445" s="12"/>
    </row>
    <row r="387446" spans="8:8">
      <c r="H387446" s="12"/>
    </row>
    <row r="387447" spans="8:8">
      <c r="H387447" s="12"/>
    </row>
    <row r="387448" spans="8:8">
      <c r="H387448" s="12"/>
    </row>
    <row r="387449" spans="8:8">
      <c r="H387449" s="12"/>
    </row>
    <row r="387450" spans="8:8">
      <c r="H387450" s="12"/>
    </row>
    <row r="387451" spans="8:8">
      <c r="H387451" s="12"/>
    </row>
    <row r="387452" spans="8:8">
      <c r="H387452" s="12"/>
    </row>
    <row r="387453" spans="8:8">
      <c r="H387453" s="12"/>
    </row>
    <row r="387454" spans="8:8">
      <c r="H387454" s="12"/>
    </row>
    <row r="387455" spans="8:8">
      <c r="H387455" s="12"/>
    </row>
    <row r="387456" spans="8:8">
      <c r="H387456" s="12"/>
    </row>
    <row r="387457" spans="8:8">
      <c r="H387457" s="12"/>
    </row>
    <row r="387458" spans="8:8">
      <c r="H387458" s="12"/>
    </row>
    <row r="387459" spans="8:8">
      <c r="H387459" s="12"/>
    </row>
    <row r="387460" spans="8:8">
      <c r="H387460" s="12"/>
    </row>
    <row r="387461" spans="8:8">
      <c r="H387461" s="12"/>
    </row>
    <row r="387462" spans="8:8">
      <c r="H387462" s="12"/>
    </row>
    <row r="387463" spans="8:8">
      <c r="H387463" s="12"/>
    </row>
    <row r="387464" spans="8:8">
      <c r="H387464" s="12"/>
    </row>
    <row r="387465" spans="8:8">
      <c r="H387465" s="12"/>
    </row>
    <row r="387466" spans="8:8">
      <c r="H387466" s="12"/>
    </row>
    <row r="387467" spans="8:8">
      <c r="H387467" s="12"/>
    </row>
    <row r="387468" spans="8:8">
      <c r="H387468" s="12"/>
    </row>
    <row r="387469" spans="8:8">
      <c r="H387469" s="12"/>
    </row>
    <row r="387470" spans="8:8">
      <c r="H387470" s="12"/>
    </row>
    <row r="387471" spans="8:8">
      <c r="H387471" s="12"/>
    </row>
    <row r="387472" spans="8:8">
      <c r="H387472" s="12"/>
    </row>
    <row r="387473" spans="8:8">
      <c r="H387473" s="12"/>
    </row>
    <row r="387474" spans="8:8">
      <c r="H387474" s="12"/>
    </row>
    <row r="387475" spans="8:8">
      <c r="H387475" s="12"/>
    </row>
    <row r="387476" spans="8:8">
      <c r="H387476" s="12"/>
    </row>
    <row r="387477" spans="8:8">
      <c r="H387477" s="12"/>
    </row>
    <row r="387478" spans="8:8">
      <c r="H387478" s="12"/>
    </row>
    <row r="387479" spans="8:8">
      <c r="H387479" s="12"/>
    </row>
    <row r="387480" spans="8:8">
      <c r="H387480" s="12"/>
    </row>
    <row r="387481" spans="8:8">
      <c r="H387481" s="12"/>
    </row>
    <row r="387482" spans="8:8">
      <c r="H387482" s="12"/>
    </row>
    <row r="387483" spans="8:8">
      <c r="H387483" s="12"/>
    </row>
    <row r="387484" spans="8:8">
      <c r="H387484" s="12"/>
    </row>
    <row r="387485" spans="8:8">
      <c r="H387485" s="12"/>
    </row>
    <row r="387486" spans="8:8">
      <c r="H387486" s="12"/>
    </row>
    <row r="387487" spans="8:8">
      <c r="H387487" s="12"/>
    </row>
    <row r="387488" spans="8:8">
      <c r="H387488" s="12"/>
    </row>
    <row r="387489" spans="8:8">
      <c r="H387489" s="12"/>
    </row>
    <row r="387490" spans="8:8">
      <c r="H387490" s="12"/>
    </row>
    <row r="387491" spans="8:8">
      <c r="H387491" s="12"/>
    </row>
    <row r="387492" spans="8:8">
      <c r="H387492" s="12"/>
    </row>
    <row r="387493" spans="8:8">
      <c r="H387493" s="12"/>
    </row>
    <row r="387494" spans="8:8">
      <c r="H387494" s="12"/>
    </row>
    <row r="387495" spans="8:8">
      <c r="H387495" s="12"/>
    </row>
    <row r="387496" spans="8:8">
      <c r="H387496" s="12"/>
    </row>
    <row r="387497" spans="8:8">
      <c r="H387497" s="12"/>
    </row>
    <row r="387498" spans="8:8">
      <c r="H387498" s="12"/>
    </row>
    <row r="387499" spans="8:8">
      <c r="H387499" s="12"/>
    </row>
    <row r="387500" spans="8:8">
      <c r="H387500" s="12"/>
    </row>
    <row r="387501" spans="8:8">
      <c r="H387501" s="12"/>
    </row>
    <row r="387502" spans="8:8">
      <c r="H387502" s="12"/>
    </row>
    <row r="387503" spans="8:8">
      <c r="H387503" s="12"/>
    </row>
    <row r="387504" spans="8:8">
      <c r="H387504" s="12"/>
    </row>
    <row r="387505" spans="8:8">
      <c r="H387505" s="12"/>
    </row>
    <row r="387506" spans="8:8">
      <c r="H387506" s="12"/>
    </row>
    <row r="387507" spans="8:8">
      <c r="H387507" s="12"/>
    </row>
    <row r="387508" spans="8:8">
      <c r="H387508" s="12"/>
    </row>
    <row r="387509" spans="8:8">
      <c r="H387509" s="12"/>
    </row>
    <row r="387510" spans="8:8">
      <c r="H387510" s="12"/>
    </row>
    <row r="387511" spans="8:8">
      <c r="H387511" s="12"/>
    </row>
    <row r="387512" spans="8:8">
      <c r="H387512" s="12"/>
    </row>
    <row r="387513" spans="8:8">
      <c r="H387513" s="12"/>
    </row>
    <row r="387514" spans="8:8">
      <c r="H387514" s="12"/>
    </row>
    <row r="387515" spans="8:8">
      <c r="H387515" s="12"/>
    </row>
    <row r="387516" spans="8:8">
      <c r="H387516" s="12"/>
    </row>
    <row r="387517" spans="8:8">
      <c r="H387517" s="12"/>
    </row>
    <row r="387518" spans="8:8">
      <c r="H387518" s="12"/>
    </row>
    <row r="387519" spans="8:8">
      <c r="H387519" s="12"/>
    </row>
    <row r="387520" spans="8:8">
      <c r="H387520" s="12"/>
    </row>
    <row r="387521" spans="8:8">
      <c r="H387521" s="12"/>
    </row>
    <row r="387522" spans="8:8">
      <c r="H387522" s="12"/>
    </row>
    <row r="387523" spans="8:8">
      <c r="H387523" s="12"/>
    </row>
    <row r="387524" spans="8:8">
      <c r="H387524" s="12"/>
    </row>
    <row r="387525" spans="8:8">
      <c r="H387525" s="12"/>
    </row>
    <row r="387526" spans="8:8">
      <c r="H387526" s="12"/>
    </row>
    <row r="387527" spans="8:8">
      <c r="H387527" s="12"/>
    </row>
    <row r="387528" spans="8:8">
      <c r="H387528" s="12"/>
    </row>
    <row r="387529" spans="8:8">
      <c r="H387529" s="12"/>
    </row>
    <row r="387530" spans="8:8">
      <c r="H387530" s="12"/>
    </row>
    <row r="387531" spans="8:8">
      <c r="H387531" s="12"/>
    </row>
    <row r="387532" spans="8:8">
      <c r="H387532" s="12"/>
    </row>
    <row r="387533" spans="8:8">
      <c r="H387533" s="12"/>
    </row>
    <row r="387534" spans="8:8">
      <c r="H387534" s="12"/>
    </row>
    <row r="387535" spans="8:8">
      <c r="H387535" s="12"/>
    </row>
    <row r="387536" spans="8:8">
      <c r="H387536" s="12"/>
    </row>
    <row r="387537" spans="8:8">
      <c r="H387537" s="12"/>
    </row>
    <row r="387538" spans="8:8">
      <c r="H387538" s="12"/>
    </row>
    <row r="387539" spans="8:8">
      <c r="H387539" s="12"/>
    </row>
    <row r="387540" spans="8:8">
      <c r="H387540" s="12"/>
    </row>
    <row r="387541" spans="8:8">
      <c r="H387541" s="12"/>
    </row>
    <row r="387542" spans="8:8">
      <c r="H387542" s="12"/>
    </row>
    <row r="387543" spans="8:8">
      <c r="H387543" s="12"/>
    </row>
    <row r="387544" spans="8:8">
      <c r="H387544" s="12"/>
    </row>
    <row r="387545" spans="8:8">
      <c r="H387545" s="12"/>
    </row>
    <row r="387546" spans="8:8">
      <c r="H387546" s="12"/>
    </row>
    <row r="387547" spans="8:8">
      <c r="H387547" s="12"/>
    </row>
    <row r="387548" spans="8:8">
      <c r="H387548" s="12"/>
    </row>
    <row r="387549" spans="8:8">
      <c r="H387549" s="12"/>
    </row>
    <row r="387550" spans="8:8">
      <c r="H387550" s="12"/>
    </row>
    <row r="387551" spans="8:8">
      <c r="H387551" s="12"/>
    </row>
    <row r="387552" spans="8:8">
      <c r="H387552" s="12"/>
    </row>
    <row r="387553" spans="8:8">
      <c r="H387553" s="12"/>
    </row>
    <row r="387554" spans="8:8">
      <c r="H387554" s="12"/>
    </row>
    <row r="387555" spans="8:8">
      <c r="H387555" s="12"/>
    </row>
    <row r="387556" spans="8:8">
      <c r="H387556" s="12"/>
    </row>
    <row r="387557" spans="8:8">
      <c r="H387557" s="12"/>
    </row>
    <row r="387558" spans="8:8">
      <c r="H387558" s="12"/>
    </row>
    <row r="387559" spans="8:8">
      <c r="H387559" s="12"/>
    </row>
    <row r="387560" spans="8:8">
      <c r="H387560" s="12"/>
    </row>
    <row r="387561" spans="8:8">
      <c r="H387561" s="12"/>
    </row>
    <row r="387562" spans="8:8">
      <c r="H387562" s="12"/>
    </row>
    <row r="387563" spans="8:8">
      <c r="H387563" s="12"/>
    </row>
    <row r="387564" spans="8:8">
      <c r="H387564" s="12"/>
    </row>
    <row r="387565" spans="8:8">
      <c r="H387565" s="12"/>
    </row>
    <row r="387566" spans="8:8">
      <c r="H387566" s="12"/>
    </row>
    <row r="387567" spans="8:8">
      <c r="H387567" s="12"/>
    </row>
    <row r="387568" spans="8:8">
      <c r="H387568" s="12"/>
    </row>
    <row r="387569" spans="8:8">
      <c r="H387569" s="12"/>
    </row>
    <row r="387570" spans="8:8">
      <c r="H387570" s="12"/>
    </row>
    <row r="387571" spans="8:8">
      <c r="H387571" s="12"/>
    </row>
    <row r="387572" spans="8:8">
      <c r="H387572" s="12"/>
    </row>
    <row r="387573" spans="8:8">
      <c r="H387573" s="12"/>
    </row>
    <row r="387574" spans="8:8">
      <c r="H387574" s="12"/>
    </row>
    <row r="387575" spans="8:8">
      <c r="H387575" s="12"/>
    </row>
    <row r="387576" spans="8:8">
      <c r="H387576" s="12"/>
    </row>
    <row r="387577" spans="8:8">
      <c r="H387577" s="12"/>
    </row>
    <row r="387578" spans="8:8">
      <c r="H387578" s="12"/>
    </row>
    <row r="387579" spans="8:8">
      <c r="H387579" s="12"/>
    </row>
    <row r="387580" spans="8:8">
      <c r="H387580" s="12"/>
    </row>
    <row r="387581" spans="8:8">
      <c r="H387581" s="12"/>
    </row>
    <row r="387582" spans="8:8">
      <c r="H387582" s="12"/>
    </row>
    <row r="387583" spans="8:8">
      <c r="H387583" s="12"/>
    </row>
    <row r="387584" spans="8:8">
      <c r="H387584" s="12"/>
    </row>
    <row r="387585" spans="8:8">
      <c r="H387585" s="12"/>
    </row>
    <row r="387586" spans="8:8">
      <c r="H387586" s="12"/>
    </row>
    <row r="387587" spans="8:8">
      <c r="H387587" s="12"/>
    </row>
    <row r="387588" spans="8:8">
      <c r="H387588" s="12"/>
    </row>
    <row r="387589" spans="8:8">
      <c r="H387589" s="12"/>
    </row>
    <row r="387590" spans="8:8">
      <c r="H387590" s="12"/>
    </row>
    <row r="387591" spans="8:8">
      <c r="H387591" s="12"/>
    </row>
    <row r="387592" spans="8:8">
      <c r="H387592" s="12"/>
    </row>
    <row r="387593" spans="8:8">
      <c r="H387593" s="12"/>
    </row>
    <row r="387594" spans="8:8">
      <c r="H387594" s="12"/>
    </row>
    <row r="387595" spans="8:8">
      <c r="H387595" s="12"/>
    </row>
    <row r="387596" spans="8:8">
      <c r="H387596" s="12"/>
    </row>
    <row r="387597" spans="8:8">
      <c r="H387597" s="12"/>
    </row>
    <row r="387598" spans="8:8">
      <c r="H387598" s="12"/>
    </row>
    <row r="387599" spans="8:8">
      <c r="H387599" s="12"/>
    </row>
    <row r="387600" spans="8:8">
      <c r="H387600" s="12"/>
    </row>
    <row r="387601" spans="8:8">
      <c r="H387601" s="12"/>
    </row>
    <row r="387602" spans="8:8">
      <c r="H387602" s="12"/>
    </row>
    <row r="387603" spans="8:8">
      <c r="H387603" s="12"/>
    </row>
    <row r="387604" spans="8:8">
      <c r="H387604" s="12"/>
    </row>
    <row r="387605" spans="8:8">
      <c r="H387605" s="12"/>
    </row>
    <row r="387606" spans="8:8">
      <c r="H387606" s="12"/>
    </row>
    <row r="387607" spans="8:8">
      <c r="H387607" s="12"/>
    </row>
    <row r="387608" spans="8:8">
      <c r="H387608" s="12"/>
    </row>
    <row r="387609" spans="8:8">
      <c r="H387609" s="12"/>
    </row>
    <row r="387610" spans="8:8">
      <c r="H387610" s="12"/>
    </row>
    <row r="387611" spans="8:8">
      <c r="H387611" s="12"/>
    </row>
    <row r="387612" spans="8:8">
      <c r="H387612" s="12"/>
    </row>
    <row r="387613" spans="8:8">
      <c r="H387613" s="12"/>
    </row>
    <row r="387614" spans="8:8">
      <c r="H387614" s="12"/>
    </row>
    <row r="387615" spans="8:8">
      <c r="H387615" s="12"/>
    </row>
    <row r="387616" spans="8:8">
      <c r="H387616" s="12"/>
    </row>
    <row r="387617" spans="8:8">
      <c r="H387617" s="12"/>
    </row>
    <row r="387618" spans="8:8">
      <c r="H387618" s="12"/>
    </row>
    <row r="387619" spans="8:8">
      <c r="H387619" s="12"/>
    </row>
    <row r="387620" spans="8:8">
      <c r="H387620" s="12"/>
    </row>
    <row r="387621" spans="8:8">
      <c r="H387621" s="12"/>
    </row>
    <row r="387622" spans="8:8">
      <c r="H387622" s="12"/>
    </row>
    <row r="387623" spans="8:8">
      <c r="H387623" s="12"/>
    </row>
    <row r="387624" spans="8:8">
      <c r="H387624" s="12"/>
    </row>
    <row r="387625" spans="8:8">
      <c r="H387625" s="12"/>
    </row>
    <row r="387626" spans="8:8">
      <c r="H387626" s="12"/>
    </row>
    <row r="387627" spans="8:8">
      <c r="H387627" s="12"/>
    </row>
    <row r="387628" spans="8:8">
      <c r="H387628" s="12"/>
    </row>
    <row r="387629" spans="8:8">
      <c r="H387629" s="12"/>
    </row>
    <row r="387630" spans="8:8">
      <c r="H387630" s="12"/>
    </row>
    <row r="387631" spans="8:8">
      <c r="H387631" s="12"/>
    </row>
    <row r="387632" spans="8:8">
      <c r="H387632" s="12"/>
    </row>
    <row r="387633" spans="8:8">
      <c r="H387633" s="12"/>
    </row>
    <row r="387634" spans="8:8">
      <c r="H387634" s="12"/>
    </row>
    <row r="387635" spans="8:8">
      <c r="H387635" s="12"/>
    </row>
    <row r="387636" spans="8:8">
      <c r="H387636" s="12"/>
    </row>
    <row r="387637" spans="8:8">
      <c r="H387637" s="12"/>
    </row>
    <row r="387638" spans="8:8">
      <c r="H387638" s="12"/>
    </row>
    <row r="387639" spans="8:8">
      <c r="H387639" s="12"/>
    </row>
    <row r="387640" spans="8:8">
      <c r="H387640" s="12"/>
    </row>
    <row r="387641" spans="8:8">
      <c r="H387641" s="12"/>
    </row>
    <row r="387642" spans="8:8">
      <c r="H387642" s="12"/>
    </row>
    <row r="387643" spans="8:8">
      <c r="H387643" s="12"/>
    </row>
    <row r="387644" spans="8:8">
      <c r="H387644" s="12"/>
    </row>
    <row r="387645" spans="8:8">
      <c r="H387645" s="12"/>
    </row>
    <row r="387646" spans="8:8">
      <c r="H387646" s="12"/>
    </row>
    <row r="387647" spans="8:8">
      <c r="H387647" s="12"/>
    </row>
    <row r="387648" spans="8:8">
      <c r="H387648" s="12"/>
    </row>
    <row r="387649" spans="8:8">
      <c r="H387649" s="12"/>
    </row>
    <row r="387650" spans="8:8">
      <c r="H387650" s="12"/>
    </row>
    <row r="387651" spans="8:8">
      <c r="H387651" s="12"/>
    </row>
    <row r="387652" spans="8:8">
      <c r="H387652" s="12"/>
    </row>
    <row r="387653" spans="8:8">
      <c r="H387653" s="12"/>
    </row>
    <row r="387654" spans="8:8">
      <c r="H387654" s="12"/>
    </row>
    <row r="387655" spans="8:8">
      <c r="H387655" s="12"/>
    </row>
    <row r="387656" spans="8:8">
      <c r="H387656" s="12"/>
    </row>
    <row r="387657" spans="8:8">
      <c r="H387657" s="12"/>
    </row>
    <row r="387658" spans="8:8">
      <c r="H387658" s="12"/>
    </row>
    <row r="387659" spans="8:8">
      <c r="H387659" s="12"/>
    </row>
    <row r="387660" spans="8:8">
      <c r="H387660" s="12"/>
    </row>
    <row r="387661" spans="8:8">
      <c r="H387661" s="12"/>
    </row>
    <row r="387662" spans="8:8">
      <c r="H387662" s="12"/>
    </row>
    <row r="387663" spans="8:8">
      <c r="H387663" s="12"/>
    </row>
    <row r="387664" spans="8:8">
      <c r="H387664" s="12"/>
    </row>
    <row r="387665" spans="8:8">
      <c r="H387665" s="12"/>
    </row>
    <row r="387666" spans="8:8">
      <c r="H387666" s="12"/>
    </row>
    <row r="387667" spans="8:8">
      <c r="H387667" s="12"/>
    </row>
    <row r="387668" spans="8:8">
      <c r="H387668" s="12"/>
    </row>
    <row r="387669" spans="8:8">
      <c r="H387669" s="12"/>
    </row>
    <row r="387670" spans="8:8">
      <c r="H387670" s="12"/>
    </row>
    <row r="387671" spans="8:8">
      <c r="H387671" s="12"/>
    </row>
    <row r="387672" spans="8:8">
      <c r="H387672" s="12"/>
    </row>
    <row r="387673" spans="8:8">
      <c r="H387673" s="12"/>
    </row>
    <row r="387674" spans="8:8">
      <c r="H387674" s="12"/>
    </row>
    <row r="387675" spans="8:8">
      <c r="H387675" s="12"/>
    </row>
    <row r="387676" spans="8:8">
      <c r="H387676" s="12"/>
    </row>
    <row r="387677" spans="8:8">
      <c r="H387677" s="12"/>
    </row>
    <row r="387678" spans="8:8">
      <c r="H387678" s="12"/>
    </row>
    <row r="387679" spans="8:8">
      <c r="H387679" s="12"/>
    </row>
    <row r="387680" spans="8:8">
      <c r="H387680" s="12"/>
    </row>
    <row r="387681" spans="8:8">
      <c r="H387681" s="12"/>
    </row>
    <row r="387682" spans="8:8">
      <c r="H387682" s="12"/>
    </row>
    <row r="387683" spans="8:8">
      <c r="H387683" s="12"/>
    </row>
    <row r="387684" spans="8:8">
      <c r="H387684" s="12"/>
    </row>
    <row r="387685" spans="8:8">
      <c r="H387685" s="12"/>
    </row>
    <row r="387686" spans="8:8">
      <c r="H387686" s="12"/>
    </row>
    <row r="387687" spans="8:8">
      <c r="H387687" s="12"/>
    </row>
    <row r="387688" spans="8:8">
      <c r="H387688" s="12"/>
    </row>
    <row r="387689" spans="8:8">
      <c r="H387689" s="12"/>
    </row>
    <row r="387690" spans="8:8">
      <c r="H387690" s="12"/>
    </row>
    <row r="387691" spans="8:8">
      <c r="H387691" s="12"/>
    </row>
    <row r="387692" spans="8:8">
      <c r="H387692" s="12"/>
    </row>
    <row r="387693" spans="8:8">
      <c r="H387693" s="12"/>
    </row>
    <row r="387694" spans="8:8">
      <c r="H387694" s="12"/>
    </row>
    <row r="387695" spans="8:8">
      <c r="H387695" s="12"/>
    </row>
    <row r="387696" spans="8:8">
      <c r="H387696" s="12"/>
    </row>
    <row r="387697" spans="8:8">
      <c r="H387697" s="12"/>
    </row>
    <row r="387698" spans="8:8">
      <c r="H387698" s="12"/>
    </row>
    <row r="387699" spans="8:8">
      <c r="H387699" s="12"/>
    </row>
    <row r="387700" spans="8:8">
      <c r="H387700" s="12"/>
    </row>
    <row r="387701" spans="8:8">
      <c r="H387701" s="12"/>
    </row>
    <row r="387702" spans="8:8">
      <c r="H387702" s="12"/>
    </row>
    <row r="387703" spans="8:8">
      <c r="H387703" s="12"/>
    </row>
    <row r="387704" spans="8:8">
      <c r="H387704" s="12"/>
    </row>
    <row r="387705" spans="8:8">
      <c r="H387705" s="12"/>
    </row>
    <row r="387706" spans="8:8">
      <c r="H387706" s="12"/>
    </row>
    <row r="387707" spans="8:8">
      <c r="H387707" s="12"/>
    </row>
    <row r="387708" spans="8:8">
      <c r="H387708" s="12"/>
    </row>
    <row r="387709" spans="8:8">
      <c r="H387709" s="12"/>
    </row>
    <row r="387710" spans="8:8">
      <c r="H387710" s="12"/>
    </row>
    <row r="387711" spans="8:8">
      <c r="H387711" s="12"/>
    </row>
    <row r="387712" spans="8:8">
      <c r="H387712" s="12"/>
    </row>
    <row r="387713" spans="8:8">
      <c r="H387713" s="12"/>
    </row>
    <row r="387714" spans="8:8">
      <c r="H387714" s="12"/>
    </row>
    <row r="387715" spans="8:8">
      <c r="H387715" s="12"/>
    </row>
    <row r="387716" spans="8:8">
      <c r="H387716" s="12"/>
    </row>
    <row r="387717" spans="8:8">
      <c r="H387717" s="12"/>
    </row>
    <row r="387718" spans="8:8">
      <c r="H387718" s="12"/>
    </row>
    <row r="387719" spans="8:8">
      <c r="H387719" s="12"/>
    </row>
    <row r="387720" spans="8:8">
      <c r="H387720" s="12"/>
    </row>
    <row r="387721" spans="8:8">
      <c r="H387721" s="12"/>
    </row>
    <row r="387722" spans="8:8">
      <c r="H387722" s="12"/>
    </row>
    <row r="387723" spans="8:8">
      <c r="H387723" s="12"/>
    </row>
    <row r="387724" spans="8:8">
      <c r="H387724" s="12"/>
    </row>
    <row r="387725" spans="8:8">
      <c r="H387725" s="12"/>
    </row>
    <row r="387726" spans="8:8">
      <c r="H387726" s="12"/>
    </row>
    <row r="387727" spans="8:8">
      <c r="H387727" s="12"/>
    </row>
    <row r="387728" spans="8:8">
      <c r="H387728" s="12"/>
    </row>
    <row r="387729" spans="8:8">
      <c r="H387729" s="12"/>
    </row>
    <row r="387730" spans="8:8">
      <c r="H387730" s="12"/>
    </row>
    <row r="387731" spans="8:8">
      <c r="H387731" s="12"/>
    </row>
    <row r="387732" spans="8:8">
      <c r="H387732" s="12"/>
    </row>
    <row r="387733" spans="8:8">
      <c r="H387733" s="12"/>
    </row>
    <row r="387734" spans="8:8">
      <c r="H387734" s="12"/>
    </row>
    <row r="387735" spans="8:8">
      <c r="H387735" s="12"/>
    </row>
    <row r="387736" spans="8:8">
      <c r="H387736" s="12"/>
    </row>
    <row r="387737" spans="8:8">
      <c r="H387737" s="12"/>
    </row>
    <row r="387738" spans="8:8">
      <c r="H387738" s="12"/>
    </row>
    <row r="387739" spans="8:8">
      <c r="H387739" s="12"/>
    </row>
    <row r="387740" spans="8:8">
      <c r="H387740" s="12"/>
    </row>
    <row r="387741" spans="8:8">
      <c r="H387741" s="12"/>
    </row>
    <row r="387742" spans="8:8">
      <c r="H387742" s="12"/>
    </row>
    <row r="387743" spans="8:8">
      <c r="H387743" s="12"/>
    </row>
    <row r="387744" spans="8:8">
      <c r="H387744" s="12"/>
    </row>
    <row r="387745" spans="8:8">
      <c r="H387745" s="12"/>
    </row>
    <row r="387746" spans="8:8">
      <c r="H387746" s="12"/>
    </row>
    <row r="387747" spans="8:8">
      <c r="H387747" s="12"/>
    </row>
    <row r="387748" spans="8:8">
      <c r="H387748" s="12"/>
    </row>
    <row r="387749" spans="8:8">
      <c r="H387749" s="12"/>
    </row>
    <row r="387750" spans="8:8">
      <c r="H387750" s="12"/>
    </row>
    <row r="387751" spans="8:8">
      <c r="H387751" s="12"/>
    </row>
    <row r="387752" spans="8:8">
      <c r="H387752" s="12"/>
    </row>
    <row r="387753" spans="8:8">
      <c r="H387753" s="12"/>
    </row>
    <row r="387754" spans="8:8">
      <c r="H387754" s="12"/>
    </row>
    <row r="387755" spans="8:8">
      <c r="H387755" s="12"/>
    </row>
    <row r="387756" spans="8:8">
      <c r="H387756" s="12"/>
    </row>
    <row r="387757" spans="8:8">
      <c r="H387757" s="12"/>
    </row>
    <row r="387758" spans="8:8">
      <c r="H387758" s="12"/>
    </row>
    <row r="387759" spans="8:8">
      <c r="H387759" s="12"/>
    </row>
    <row r="387760" spans="8:8">
      <c r="H387760" s="12"/>
    </row>
    <row r="387761" spans="8:8">
      <c r="H387761" s="12"/>
    </row>
    <row r="387762" spans="8:8">
      <c r="H387762" s="12"/>
    </row>
    <row r="387763" spans="8:8">
      <c r="H387763" s="12"/>
    </row>
    <row r="387764" spans="8:8">
      <c r="H387764" s="12"/>
    </row>
    <row r="387765" spans="8:8">
      <c r="H387765" s="12"/>
    </row>
    <row r="387766" spans="8:8">
      <c r="H387766" s="12"/>
    </row>
    <row r="387767" spans="8:8">
      <c r="H387767" s="12"/>
    </row>
    <row r="387768" spans="8:8">
      <c r="H387768" s="12"/>
    </row>
    <row r="387769" spans="8:8">
      <c r="H387769" s="12"/>
    </row>
    <row r="387770" spans="8:8">
      <c r="H387770" s="12"/>
    </row>
    <row r="387771" spans="8:8">
      <c r="H387771" s="12"/>
    </row>
    <row r="387772" spans="8:8">
      <c r="H387772" s="12"/>
    </row>
    <row r="387773" spans="8:8">
      <c r="H387773" s="12"/>
    </row>
    <row r="387774" spans="8:8">
      <c r="H387774" s="12"/>
    </row>
    <row r="387775" spans="8:8">
      <c r="H387775" s="12"/>
    </row>
    <row r="387776" spans="8:8">
      <c r="H387776" s="12"/>
    </row>
    <row r="387777" spans="8:8">
      <c r="H387777" s="12"/>
    </row>
    <row r="387778" spans="8:8">
      <c r="H387778" s="12"/>
    </row>
    <row r="387779" spans="8:8">
      <c r="H387779" s="12"/>
    </row>
    <row r="387780" spans="8:8">
      <c r="H387780" s="12"/>
    </row>
    <row r="387781" spans="8:8">
      <c r="H387781" s="12"/>
    </row>
    <row r="387782" spans="8:8">
      <c r="H387782" s="12"/>
    </row>
    <row r="387783" spans="8:8">
      <c r="H387783" s="12"/>
    </row>
    <row r="387784" spans="8:8">
      <c r="H387784" s="12"/>
    </row>
    <row r="387785" spans="8:8">
      <c r="H387785" s="12"/>
    </row>
    <row r="387786" spans="8:8">
      <c r="H387786" s="12"/>
    </row>
    <row r="387787" spans="8:8">
      <c r="H387787" s="12"/>
    </row>
    <row r="387788" spans="8:8">
      <c r="H387788" s="12"/>
    </row>
    <row r="387789" spans="8:8">
      <c r="H387789" s="12"/>
    </row>
    <row r="387790" spans="8:8">
      <c r="H387790" s="12"/>
    </row>
    <row r="387791" spans="8:8">
      <c r="H387791" s="12"/>
    </row>
    <row r="387792" spans="8:8">
      <c r="H387792" s="12"/>
    </row>
    <row r="387793" spans="8:8">
      <c r="H387793" s="12"/>
    </row>
    <row r="387794" spans="8:8">
      <c r="H387794" s="12"/>
    </row>
    <row r="387795" spans="8:8">
      <c r="H387795" s="12"/>
    </row>
    <row r="387796" spans="8:8">
      <c r="H387796" s="12"/>
    </row>
    <row r="387797" spans="8:8">
      <c r="H387797" s="12"/>
    </row>
    <row r="387798" spans="8:8">
      <c r="H387798" s="12"/>
    </row>
    <row r="387799" spans="8:8">
      <c r="H387799" s="12"/>
    </row>
    <row r="387800" spans="8:8">
      <c r="H387800" s="12"/>
    </row>
    <row r="387801" spans="8:8">
      <c r="H387801" s="12"/>
    </row>
    <row r="387802" spans="8:8">
      <c r="H387802" s="12"/>
    </row>
    <row r="387803" spans="8:8">
      <c r="H387803" s="12"/>
    </row>
    <row r="387804" spans="8:8">
      <c r="H387804" s="12"/>
    </row>
    <row r="387805" spans="8:8">
      <c r="H387805" s="12"/>
    </row>
    <row r="387806" spans="8:8">
      <c r="H387806" s="12"/>
    </row>
    <row r="387807" spans="8:8">
      <c r="H387807" s="12"/>
    </row>
    <row r="387808" spans="8:8">
      <c r="H387808" s="12"/>
    </row>
    <row r="387809" spans="8:8">
      <c r="H387809" s="12"/>
    </row>
    <row r="387810" spans="8:8">
      <c r="H387810" s="12"/>
    </row>
    <row r="387811" spans="8:8">
      <c r="H387811" s="12"/>
    </row>
    <row r="387812" spans="8:8">
      <c r="H387812" s="12"/>
    </row>
    <row r="387813" spans="8:8">
      <c r="H387813" s="12"/>
    </row>
    <row r="387814" spans="8:8">
      <c r="H387814" s="12"/>
    </row>
    <row r="387815" spans="8:8">
      <c r="H387815" s="12"/>
    </row>
    <row r="387816" spans="8:8">
      <c r="H387816" s="12"/>
    </row>
    <row r="387817" spans="8:8">
      <c r="H387817" s="12"/>
    </row>
    <row r="387818" spans="8:8">
      <c r="H387818" s="12"/>
    </row>
    <row r="387819" spans="8:8">
      <c r="H387819" s="12"/>
    </row>
    <row r="387820" spans="8:8">
      <c r="H387820" s="12"/>
    </row>
    <row r="387821" spans="8:8">
      <c r="H387821" s="12"/>
    </row>
    <row r="387822" spans="8:8">
      <c r="H387822" s="12"/>
    </row>
    <row r="387823" spans="8:8">
      <c r="H387823" s="12"/>
    </row>
    <row r="387824" spans="8:8">
      <c r="H387824" s="12"/>
    </row>
    <row r="387825" spans="8:8">
      <c r="H387825" s="12"/>
    </row>
    <row r="387826" spans="8:8">
      <c r="H387826" s="12"/>
    </row>
    <row r="387827" spans="8:8">
      <c r="H387827" s="12"/>
    </row>
    <row r="387828" spans="8:8">
      <c r="H387828" s="12"/>
    </row>
    <row r="387829" spans="8:8">
      <c r="H387829" s="12"/>
    </row>
    <row r="387830" spans="8:8">
      <c r="H387830" s="12"/>
    </row>
    <row r="387831" spans="8:8">
      <c r="H387831" s="12"/>
    </row>
    <row r="387832" spans="8:8">
      <c r="H387832" s="12"/>
    </row>
    <row r="387833" spans="8:8">
      <c r="H387833" s="12"/>
    </row>
    <row r="387834" spans="8:8">
      <c r="H387834" s="12"/>
    </row>
    <row r="387835" spans="8:8">
      <c r="H387835" s="12"/>
    </row>
    <row r="387836" spans="8:8">
      <c r="H387836" s="12"/>
    </row>
    <row r="387837" spans="8:8">
      <c r="H387837" s="12"/>
    </row>
    <row r="387838" spans="8:8">
      <c r="H387838" s="12"/>
    </row>
    <row r="387839" spans="8:8">
      <c r="H387839" s="12"/>
    </row>
    <row r="387840" spans="8:8">
      <c r="H387840" s="12"/>
    </row>
    <row r="387841" spans="8:8">
      <c r="H387841" s="12"/>
    </row>
    <row r="387842" spans="8:8">
      <c r="H387842" s="12"/>
    </row>
    <row r="387843" spans="8:8">
      <c r="H387843" s="12"/>
    </row>
    <row r="387844" spans="8:8">
      <c r="H387844" s="12"/>
    </row>
    <row r="387845" spans="8:8">
      <c r="H387845" s="12"/>
    </row>
    <row r="387846" spans="8:8">
      <c r="H387846" s="12"/>
    </row>
    <row r="387847" spans="8:8">
      <c r="H387847" s="12"/>
    </row>
    <row r="387848" spans="8:8">
      <c r="H387848" s="12"/>
    </row>
    <row r="387849" spans="8:8">
      <c r="H387849" s="12"/>
    </row>
    <row r="387850" spans="8:8">
      <c r="H387850" s="12"/>
    </row>
    <row r="387851" spans="8:8">
      <c r="H387851" s="12"/>
    </row>
    <row r="387852" spans="8:8">
      <c r="H387852" s="12"/>
    </row>
    <row r="387853" spans="8:8">
      <c r="H387853" s="12"/>
    </row>
    <row r="387854" spans="8:8">
      <c r="H387854" s="12"/>
    </row>
    <row r="387855" spans="8:8">
      <c r="H387855" s="12"/>
    </row>
    <row r="387856" spans="8:8">
      <c r="H387856" s="12"/>
    </row>
    <row r="387857" spans="8:8">
      <c r="H387857" s="12"/>
    </row>
    <row r="387858" spans="8:8">
      <c r="H387858" s="12"/>
    </row>
    <row r="387859" spans="8:8">
      <c r="H387859" s="12"/>
    </row>
    <row r="387860" spans="8:8">
      <c r="H387860" s="12"/>
    </row>
    <row r="387861" spans="8:8">
      <c r="H387861" s="12"/>
    </row>
    <row r="387862" spans="8:8">
      <c r="H387862" s="12"/>
    </row>
    <row r="387863" spans="8:8">
      <c r="H387863" s="12"/>
    </row>
    <row r="387864" spans="8:8">
      <c r="H387864" s="12"/>
    </row>
    <row r="387865" spans="8:8">
      <c r="H387865" s="12"/>
    </row>
    <row r="387866" spans="8:8">
      <c r="H387866" s="12"/>
    </row>
    <row r="387867" spans="8:8">
      <c r="H387867" s="12"/>
    </row>
    <row r="387868" spans="8:8">
      <c r="H387868" s="12"/>
    </row>
    <row r="387869" spans="8:8">
      <c r="H387869" s="12"/>
    </row>
    <row r="387870" spans="8:8">
      <c r="H387870" s="12"/>
    </row>
    <row r="387871" spans="8:8">
      <c r="H387871" s="12"/>
    </row>
    <row r="387872" spans="8:8">
      <c r="H387872" s="12"/>
    </row>
    <row r="387873" spans="8:8">
      <c r="H387873" s="12"/>
    </row>
    <row r="387874" spans="8:8">
      <c r="H387874" s="12"/>
    </row>
    <row r="387875" spans="8:8">
      <c r="H387875" s="12"/>
    </row>
    <row r="387876" spans="8:8">
      <c r="H387876" s="12"/>
    </row>
    <row r="387877" spans="8:8">
      <c r="H387877" s="12"/>
    </row>
    <row r="387878" spans="8:8">
      <c r="H387878" s="12"/>
    </row>
    <row r="387879" spans="8:8">
      <c r="H387879" s="12"/>
    </row>
    <row r="387880" spans="8:8">
      <c r="H387880" s="12"/>
    </row>
    <row r="387881" spans="8:8">
      <c r="H387881" s="12"/>
    </row>
    <row r="387882" spans="8:8">
      <c r="H387882" s="12"/>
    </row>
    <row r="387883" spans="8:8">
      <c r="H387883" s="12"/>
    </row>
    <row r="387884" spans="8:8">
      <c r="H387884" s="12"/>
    </row>
    <row r="387885" spans="8:8">
      <c r="H387885" s="12"/>
    </row>
    <row r="387886" spans="8:8">
      <c r="H387886" s="12"/>
    </row>
    <row r="387887" spans="8:8">
      <c r="H387887" s="12"/>
    </row>
    <row r="387888" spans="8:8">
      <c r="H387888" s="12"/>
    </row>
    <row r="387889" spans="8:8">
      <c r="H387889" s="12"/>
    </row>
    <row r="387890" spans="8:8">
      <c r="H387890" s="12"/>
    </row>
    <row r="387891" spans="8:8">
      <c r="H387891" s="12"/>
    </row>
    <row r="387892" spans="8:8">
      <c r="H387892" s="12"/>
    </row>
    <row r="387893" spans="8:8">
      <c r="H387893" s="12"/>
    </row>
    <row r="387894" spans="8:8">
      <c r="H387894" s="12"/>
    </row>
    <row r="387895" spans="8:8">
      <c r="H387895" s="12"/>
    </row>
    <row r="387896" spans="8:8">
      <c r="H387896" s="12"/>
    </row>
    <row r="387897" spans="8:8">
      <c r="H387897" s="12"/>
    </row>
    <row r="387898" spans="8:8">
      <c r="H387898" s="12"/>
    </row>
    <row r="387899" spans="8:8">
      <c r="H387899" s="12"/>
    </row>
    <row r="387900" spans="8:8">
      <c r="H387900" s="12"/>
    </row>
    <row r="387901" spans="8:8">
      <c r="H387901" s="12"/>
    </row>
    <row r="387902" spans="8:8">
      <c r="H387902" s="12"/>
    </row>
    <row r="387903" spans="8:8">
      <c r="H387903" s="12"/>
    </row>
    <row r="387904" spans="8:8">
      <c r="H387904" s="12"/>
    </row>
    <row r="387905" spans="8:8">
      <c r="H387905" s="12"/>
    </row>
    <row r="387906" spans="8:8">
      <c r="H387906" s="12"/>
    </row>
    <row r="387907" spans="8:8">
      <c r="H387907" s="12"/>
    </row>
    <row r="387908" spans="8:8">
      <c r="H387908" s="12"/>
    </row>
    <row r="387909" spans="8:8">
      <c r="H387909" s="12"/>
    </row>
    <row r="387910" spans="8:8">
      <c r="H387910" s="12"/>
    </row>
    <row r="387911" spans="8:8">
      <c r="H387911" s="12"/>
    </row>
    <row r="387912" spans="8:8">
      <c r="H387912" s="12"/>
    </row>
    <row r="387913" spans="8:8">
      <c r="H387913" s="12"/>
    </row>
    <row r="387914" spans="8:8">
      <c r="H387914" s="12"/>
    </row>
    <row r="387915" spans="8:8">
      <c r="H387915" s="12"/>
    </row>
    <row r="387916" spans="8:8">
      <c r="H387916" s="12"/>
    </row>
    <row r="387917" spans="8:8">
      <c r="H387917" s="12"/>
    </row>
    <row r="387918" spans="8:8">
      <c r="H387918" s="12"/>
    </row>
    <row r="387919" spans="8:8">
      <c r="H387919" s="12"/>
    </row>
    <row r="387920" spans="8:8">
      <c r="H387920" s="12"/>
    </row>
    <row r="387921" spans="8:8">
      <c r="H387921" s="12"/>
    </row>
    <row r="387922" spans="8:8">
      <c r="H387922" s="12"/>
    </row>
    <row r="387923" spans="8:8">
      <c r="H387923" s="12"/>
    </row>
    <row r="387924" spans="8:8">
      <c r="H387924" s="12"/>
    </row>
    <row r="387925" spans="8:8">
      <c r="H387925" s="12"/>
    </row>
    <row r="387926" spans="8:8">
      <c r="H387926" s="12"/>
    </row>
    <row r="387927" spans="8:8">
      <c r="H387927" s="12"/>
    </row>
    <row r="387928" spans="8:8">
      <c r="H387928" s="12"/>
    </row>
    <row r="387929" spans="8:8">
      <c r="H387929" s="12"/>
    </row>
    <row r="387930" spans="8:8">
      <c r="H387930" s="12"/>
    </row>
    <row r="387931" spans="8:8">
      <c r="H387931" s="12"/>
    </row>
    <row r="387932" spans="8:8">
      <c r="H387932" s="12"/>
    </row>
    <row r="387933" spans="8:8">
      <c r="H387933" s="12"/>
    </row>
    <row r="387934" spans="8:8">
      <c r="H387934" s="12"/>
    </row>
    <row r="387935" spans="8:8">
      <c r="H387935" s="12"/>
    </row>
    <row r="387936" spans="8:8">
      <c r="H387936" s="12"/>
    </row>
    <row r="387937" spans="8:8">
      <c r="H387937" s="12"/>
    </row>
    <row r="387938" spans="8:8">
      <c r="H387938" s="12"/>
    </row>
    <row r="387939" spans="8:8">
      <c r="H387939" s="12"/>
    </row>
    <row r="387940" spans="8:8">
      <c r="H387940" s="12"/>
    </row>
    <row r="387941" spans="8:8">
      <c r="H387941" s="12"/>
    </row>
    <row r="387942" spans="8:8">
      <c r="H387942" s="12"/>
    </row>
    <row r="387943" spans="8:8">
      <c r="H387943" s="12"/>
    </row>
    <row r="387944" spans="8:8">
      <c r="H387944" s="12"/>
    </row>
    <row r="387945" spans="8:8">
      <c r="H387945" s="12"/>
    </row>
    <row r="387946" spans="8:8">
      <c r="H387946" s="12"/>
    </row>
    <row r="387947" spans="8:8">
      <c r="H387947" s="12"/>
    </row>
    <row r="387948" spans="8:8">
      <c r="H387948" s="12"/>
    </row>
    <row r="387949" spans="8:8">
      <c r="H387949" s="12"/>
    </row>
    <row r="387950" spans="8:8">
      <c r="H387950" s="12"/>
    </row>
    <row r="387951" spans="8:8">
      <c r="H387951" s="12"/>
    </row>
    <row r="387952" spans="8:8">
      <c r="H387952" s="12"/>
    </row>
    <row r="387953" spans="8:8">
      <c r="H387953" s="12"/>
    </row>
    <row r="387954" spans="8:8">
      <c r="H387954" s="12"/>
    </row>
    <row r="387955" spans="8:8">
      <c r="H387955" s="12"/>
    </row>
    <row r="387956" spans="8:8">
      <c r="H387956" s="12"/>
    </row>
    <row r="387957" spans="8:8">
      <c r="H387957" s="12"/>
    </row>
    <row r="387958" spans="8:8">
      <c r="H387958" s="12"/>
    </row>
    <row r="387959" spans="8:8">
      <c r="H387959" s="12"/>
    </row>
    <row r="387960" spans="8:8">
      <c r="H387960" s="12"/>
    </row>
    <row r="387961" spans="8:8">
      <c r="H387961" s="12"/>
    </row>
    <row r="387962" spans="8:8">
      <c r="H387962" s="12"/>
    </row>
    <row r="387963" spans="8:8">
      <c r="H387963" s="12"/>
    </row>
    <row r="387964" spans="8:8">
      <c r="H387964" s="12"/>
    </row>
    <row r="387965" spans="8:8">
      <c r="H387965" s="12"/>
    </row>
    <row r="387966" spans="8:8">
      <c r="H387966" s="12"/>
    </row>
    <row r="387967" spans="8:8">
      <c r="H387967" s="12"/>
    </row>
    <row r="387968" spans="8:8">
      <c r="H387968" s="12"/>
    </row>
    <row r="387969" spans="8:8">
      <c r="H387969" s="12"/>
    </row>
    <row r="387970" spans="8:8">
      <c r="H387970" s="12"/>
    </row>
    <row r="387971" spans="8:8">
      <c r="H387971" s="12"/>
    </row>
    <row r="387972" spans="8:8">
      <c r="H387972" s="12"/>
    </row>
    <row r="387973" spans="8:8">
      <c r="H387973" s="12"/>
    </row>
    <row r="387974" spans="8:8">
      <c r="H387974" s="12"/>
    </row>
    <row r="387975" spans="8:8">
      <c r="H387975" s="12"/>
    </row>
    <row r="387976" spans="8:8">
      <c r="H387976" s="12"/>
    </row>
    <row r="387977" spans="8:8">
      <c r="H387977" s="12"/>
    </row>
    <row r="387978" spans="8:8">
      <c r="H387978" s="12"/>
    </row>
    <row r="387979" spans="8:8">
      <c r="H387979" s="12"/>
    </row>
    <row r="387980" spans="8:8">
      <c r="H387980" s="12"/>
    </row>
    <row r="387981" spans="8:8">
      <c r="H387981" s="12"/>
    </row>
    <row r="387982" spans="8:8">
      <c r="H387982" s="12"/>
    </row>
    <row r="387983" spans="8:8">
      <c r="H387983" s="12"/>
    </row>
    <row r="387984" spans="8:8">
      <c r="H387984" s="12"/>
    </row>
    <row r="387985" spans="8:8">
      <c r="H387985" s="12"/>
    </row>
    <row r="387986" spans="8:8">
      <c r="H387986" s="12"/>
    </row>
    <row r="387987" spans="8:8">
      <c r="H387987" s="12"/>
    </row>
    <row r="387988" spans="8:8">
      <c r="H387988" s="12"/>
    </row>
    <row r="387989" spans="8:8">
      <c r="H387989" s="12"/>
    </row>
    <row r="387990" spans="8:8">
      <c r="H387990" s="12"/>
    </row>
    <row r="387991" spans="8:8">
      <c r="H387991" s="12"/>
    </row>
    <row r="387992" spans="8:8">
      <c r="H387992" s="12"/>
    </row>
    <row r="387993" spans="8:8">
      <c r="H387993" s="12"/>
    </row>
    <row r="387994" spans="8:8">
      <c r="H387994" s="12"/>
    </row>
    <row r="387995" spans="8:8">
      <c r="H387995" s="12"/>
    </row>
    <row r="387996" spans="8:8">
      <c r="H387996" s="12"/>
    </row>
    <row r="387997" spans="8:8">
      <c r="H387997" s="12"/>
    </row>
    <row r="387998" spans="8:8">
      <c r="H387998" s="12"/>
    </row>
    <row r="387999" spans="8:8">
      <c r="H387999" s="12"/>
    </row>
    <row r="388000" spans="8:8">
      <c r="H388000" s="12"/>
    </row>
    <row r="388001" spans="8:8">
      <c r="H388001" s="12"/>
    </row>
    <row r="388002" spans="8:8">
      <c r="H388002" s="12"/>
    </row>
    <row r="388003" spans="8:8">
      <c r="H388003" s="12"/>
    </row>
    <row r="388004" spans="8:8">
      <c r="H388004" s="12"/>
    </row>
    <row r="388005" spans="8:8">
      <c r="H388005" s="12"/>
    </row>
    <row r="388006" spans="8:8">
      <c r="H388006" s="12"/>
    </row>
    <row r="388007" spans="8:8">
      <c r="H388007" s="12"/>
    </row>
    <row r="388008" spans="8:8">
      <c r="H388008" s="12"/>
    </row>
    <row r="388009" spans="8:8">
      <c r="H388009" s="12"/>
    </row>
    <row r="388010" spans="8:8">
      <c r="H388010" s="12"/>
    </row>
    <row r="388011" spans="8:8">
      <c r="H388011" s="12"/>
    </row>
    <row r="388012" spans="8:8">
      <c r="H388012" s="12"/>
    </row>
    <row r="388013" spans="8:8">
      <c r="H388013" s="12"/>
    </row>
    <row r="388014" spans="8:8">
      <c r="H388014" s="12"/>
    </row>
    <row r="388015" spans="8:8">
      <c r="H388015" s="12"/>
    </row>
    <row r="388016" spans="8:8">
      <c r="H388016" s="12"/>
    </row>
    <row r="388017" spans="8:8">
      <c r="H388017" s="12"/>
    </row>
    <row r="388018" spans="8:8">
      <c r="H388018" s="12"/>
    </row>
    <row r="388019" spans="8:8">
      <c r="H388019" s="12"/>
    </row>
    <row r="388020" spans="8:8">
      <c r="H388020" s="12"/>
    </row>
    <row r="388021" spans="8:8">
      <c r="H388021" s="12"/>
    </row>
    <row r="388022" spans="8:8">
      <c r="H388022" s="12"/>
    </row>
    <row r="388023" spans="8:8">
      <c r="H388023" s="12"/>
    </row>
    <row r="388024" spans="8:8">
      <c r="H388024" s="12"/>
    </row>
    <row r="388025" spans="8:8">
      <c r="H388025" s="12"/>
    </row>
    <row r="388026" spans="8:8">
      <c r="H388026" s="12"/>
    </row>
    <row r="388027" spans="8:8">
      <c r="H388027" s="12"/>
    </row>
    <row r="388028" spans="8:8">
      <c r="H388028" s="12"/>
    </row>
    <row r="388029" spans="8:8">
      <c r="H388029" s="12"/>
    </row>
    <row r="388030" spans="8:8">
      <c r="H388030" s="12"/>
    </row>
    <row r="388031" spans="8:8">
      <c r="H388031" s="12"/>
    </row>
    <row r="388032" spans="8:8">
      <c r="H388032" s="12"/>
    </row>
    <row r="388033" spans="8:8">
      <c r="H388033" s="12"/>
    </row>
    <row r="388034" spans="8:8">
      <c r="H388034" s="12"/>
    </row>
    <row r="388035" spans="8:8">
      <c r="H388035" s="12"/>
    </row>
    <row r="388036" spans="8:8">
      <c r="H388036" s="12"/>
    </row>
    <row r="388037" spans="8:8">
      <c r="H388037" s="12"/>
    </row>
    <row r="388038" spans="8:8">
      <c r="H388038" s="12"/>
    </row>
    <row r="388039" spans="8:8">
      <c r="H388039" s="12"/>
    </row>
    <row r="388040" spans="8:8">
      <c r="H388040" s="12"/>
    </row>
    <row r="388041" spans="8:8">
      <c r="H388041" s="12"/>
    </row>
    <row r="388042" spans="8:8">
      <c r="H388042" s="12"/>
    </row>
    <row r="388043" spans="8:8">
      <c r="H388043" s="12"/>
    </row>
    <row r="388044" spans="8:8">
      <c r="H388044" s="12"/>
    </row>
    <row r="388045" spans="8:8">
      <c r="H388045" s="12"/>
    </row>
    <row r="388046" spans="8:8">
      <c r="H388046" s="12"/>
    </row>
    <row r="388047" spans="8:8">
      <c r="H388047" s="12"/>
    </row>
    <row r="388048" spans="8:8">
      <c r="H388048" s="12"/>
    </row>
    <row r="388049" spans="8:8">
      <c r="H388049" s="12"/>
    </row>
    <row r="388050" spans="8:8">
      <c r="H388050" s="12"/>
    </row>
    <row r="388051" spans="8:8">
      <c r="H388051" s="12"/>
    </row>
    <row r="388052" spans="8:8">
      <c r="H388052" s="12"/>
    </row>
    <row r="388053" spans="8:8">
      <c r="H388053" s="12"/>
    </row>
    <row r="388054" spans="8:8">
      <c r="H388054" s="12"/>
    </row>
    <row r="388055" spans="8:8">
      <c r="H388055" s="12"/>
    </row>
    <row r="388056" spans="8:8">
      <c r="H388056" s="12"/>
    </row>
    <row r="388057" spans="8:8">
      <c r="H388057" s="12"/>
    </row>
    <row r="388058" spans="8:8">
      <c r="H388058" s="12"/>
    </row>
    <row r="388059" spans="8:8">
      <c r="H388059" s="12"/>
    </row>
    <row r="388060" spans="8:8">
      <c r="H388060" s="12"/>
    </row>
    <row r="388061" spans="8:8">
      <c r="H388061" s="12"/>
    </row>
    <row r="388062" spans="8:8">
      <c r="H388062" s="12"/>
    </row>
    <row r="388063" spans="8:8">
      <c r="H388063" s="12"/>
    </row>
    <row r="388064" spans="8:8">
      <c r="H388064" s="12"/>
    </row>
    <row r="388065" spans="8:8">
      <c r="H388065" s="12"/>
    </row>
    <row r="388066" spans="8:8">
      <c r="H388066" s="12"/>
    </row>
    <row r="388067" spans="8:8">
      <c r="H388067" s="12"/>
    </row>
    <row r="388068" spans="8:8">
      <c r="H388068" s="12"/>
    </row>
    <row r="388069" spans="8:8">
      <c r="H388069" s="12"/>
    </row>
    <row r="388070" spans="8:8">
      <c r="H388070" s="12"/>
    </row>
    <row r="388071" spans="8:8">
      <c r="H388071" s="12"/>
    </row>
    <row r="388072" spans="8:8">
      <c r="H388072" s="12"/>
    </row>
    <row r="388073" spans="8:8">
      <c r="H388073" s="12"/>
    </row>
    <row r="388074" spans="8:8">
      <c r="H388074" s="12"/>
    </row>
    <row r="388075" spans="8:8">
      <c r="H388075" s="12"/>
    </row>
    <row r="388076" spans="8:8">
      <c r="H388076" s="12"/>
    </row>
    <row r="388077" spans="8:8">
      <c r="H388077" s="12"/>
    </row>
    <row r="388078" spans="8:8">
      <c r="H388078" s="12"/>
    </row>
    <row r="388079" spans="8:8">
      <c r="H388079" s="12"/>
    </row>
    <row r="388080" spans="8:8">
      <c r="H388080" s="12"/>
    </row>
    <row r="388081" spans="8:8">
      <c r="H388081" s="12"/>
    </row>
    <row r="388082" spans="8:8">
      <c r="H388082" s="12"/>
    </row>
    <row r="388083" spans="8:8">
      <c r="H388083" s="12"/>
    </row>
    <row r="388084" spans="8:8">
      <c r="H388084" s="12"/>
    </row>
    <row r="388085" spans="8:8">
      <c r="H388085" s="12"/>
    </row>
    <row r="388086" spans="8:8">
      <c r="H388086" s="12"/>
    </row>
    <row r="388087" spans="8:8">
      <c r="H388087" s="12"/>
    </row>
    <row r="388088" spans="8:8">
      <c r="H388088" s="12"/>
    </row>
    <row r="388089" spans="8:8">
      <c r="H388089" s="12"/>
    </row>
    <row r="388090" spans="8:8">
      <c r="H388090" s="12"/>
    </row>
    <row r="388091" spans="8:8">
      <c r="H388091" s="12"/>
    </row>
    <row r="388092" spans="8:8">
      <c r="H388092" s="12"/>
    </row>
    <row r="388093" spans="8:8">
      <c r="H388093" s="12"/>
    </row>
    <row r="388094" spans="8:8">
      <c r="H388094" s="12"/>
    </row>
    <row r="388095" spans="8:8">
      <c r="H388095" s="12"/>
    </row>
    <row r="388096" spans="8:8">
      <c r="H388096" s="12"/>
    </row>
    <row r="388097" spans="8:8">
      <c r="H388097" s="12"/>
    </row>
    <row r="388098" spans="8:8">
      <c r="H388098" s="12"/>
    </row>
    <row r="388099" spans="8:8">
      <c r="H388099" s="12"/>
    </row>
    <row r="388100" spans="8:8">
      <c r="H388100" s="12"/>
    </row>
    <row r="388101" spans="8:8">
      <c r="H388101" s="12"/>
    </row>
    <row r="388102" spans="8:8">
      <c r="H388102" s="12"/>
    </row>
    <row r="388103" spans="8:8">
      <c r="H388103" s="12"/>
    </row>
    <row r="388104" spans="8:8">
      <c r="H388104" s="12"/>
    </row>
    <row r="388105" spans="8:8">
      <c r="H388105" s="12"/>
    </row>
    <row r="388106" spans="8:8">
      <c r="H388106" s="12"/>
    </row>
    <row r="388107" spans="8:8">
      <c r="H388107" s="12"/>
    </row>
    <row r="388108" spans="8:8">
      <c r="H388108" s="12"/>
    </row>
    <row r="388109" spans="8:8">
      <c r="H388109" s="12"/>
    </row>
    <row r="388110" spans="8:8">
      <c r="H388110" s="12"/>
    </row>
    <row r="388111" spans="8:8">
      <c r="H388111" s="12"/>
    </row>
    <row r="388112" spans="8:8">
      <c r="H388112" s="12"/>
    </row>
    <row r="388113" spans="8:8">
      <c r="H388113" s="12"/>
    </row>
    <row r="388114" spans="8:8">
      <c r="H388114" s="12"/>
    </row>
    <row r="388115" spans="8:8">
      <c r="H388115" s="12"/>
    </row>
    <row r="388116" spans="8:8">
      <c r="H388116" s="12"/>
    </row>
    <row r="388117" spans="8:8">
      <c r="H388117" s="12"/>
    </row>
    <row r="388118" spans="8:8">
      <c r="H388118" s="12"/>
    </row>
    <row r="388119" spans="8:8">
      <c r="H388119" s="12"/>
    </row>
    <row r="388120" spans="8:8">
      <c r="H388120" s="12"/>
    </row>
    <row r="388121" spans="8:8">
      <c r="H388121" s="12"/>
    </row>
    <row r="388122" spans="8:8">
      <c r="H388122" s="12"/>
    </row>
    <row r="388123" spans="8:8">
      <c r="H388123" s="12"/>
    </row>
    <row r="388124" spans="8:8">
      <c r="H388124" s="12"/>
    </row>
    <row r="388125" spans="8:8">
      <c r="H388125" s="12"/>
    </row>
    <row r="388126" spans="8:8">
      <c r="H388126" s="12"/>
    </row>
    <row r="388127" spans="8:8">
      <c r="H388127" s="12"/>
    </row>
    <row r="388128" spans="8:8">
      <c r="H388128" s="12"/>
    </row>
    <row r="388129" spans="8:8">
      <c r="H388129" s="12"/>
    </row>
    <row r="388130" spans="8:8">
      <c r="H388130" s="12"/>
    </row>
    <row r="388131" spans="8:8">
      <c r="H388131" s="12"/>
    </row>
    <row r="388132" spans="8:8">
      <c r="H388132" s="12"/>
    </row>
    <row r="388133" spans="8:8">
      <c r="H388133" s="12"/>
    </row>
    <row r="388134" spans="8:8">
      <c r="H388134" s="12"/>
    </row>
    <row r="388135" spans="8:8">
      <c r="H388135" s="12"/>
    </row>
    <row r="388136" spans="8:8">
      <c r="H388136" s="12"/>
    </row>
    <row r="388137" spans="8:8">
      <c r="H388137" s="12"/>
    </row>
    <row r="388138" spans="8:8">
      <c r="H388138" s="12"/>
    </row>
    <row r="388139" spans="8:8">
      <c r="H388139" s="12"/>
    </row>
    <row r="388140" spans="8:8">
      <c r="H388140" s="12"/>
    </row>
    <row r="388141" spans="8:8">
      <c r="H388141" s="12"/>
    </row>
    <row r="388142" spans="8:8">
      <c r="H388142" s="12"/>
    </row>
    <row r="388143" spans="8:8">
      <c r="H388143" s="12"/>
    </row>
    <row r="388144" spans="8:8">
      <c r="H388144" s="12"/>
    </row>
    <row r="388145" spans="8:8">
      <c r="H388145" s="12"/>
    </row>
    <row r="388146" spans="8:8">
      <c r="H388146" s="12"/>
    </row>
    <row r="388147" spans="8:8">
      <c r="H388147" s="12"/>
    </row>
    <row r="388148" spans="8:8">
      <c r="H388148" s="12"/>
    </row>
    <row r="388149" spans="8:8">
      <c r="H388149" s="12"/>
    </row>
    <row r="388150" spans="8:8">
      <c r="H388150" s="12"/>
    </row>
    <row r="388151" spans="8:8">
      <c r="H388151" s="12"/>
    </row>
    <row r="388152" spans="8:8">
      <c r="H388152" s="12"/>
    </row>
    <row r="388153" spans="8:8">
      <c r="H388153" s="12"/>
    </row>
    <row r="388154" spans="8:8">
      <c r="H388154" s="12"/>
    </row>
    <row r="388155" spans="8:8">
      <c r="H388155" s="12"/>
    </row>
    <row r="388156" spans="8:8">
      <c r="H388156" s="12"/>
    </row>
    <row r="388157" spans="8:8">
      <c r="H388157" s="12"/>
    </row>
    <row r="388158" spans="8:8">
      <c r="H388158" s="12"/>
    </row>
    <row r="388159" spans="8:8">
      <c r="H388159" s="12"/>
    </row>
    <row r="388160" spans="8:8">
      <c r="H388160" s="12"/>
    </row>
    <row r="388161" spans="8:8">
      <c r="H388161" s="12"/>
    </row>
    <row r="388162" spans="8:8">
      <c r="H388162" s="12"/>
    </row>
    <row r="388163" spans="8:8">
      <c r="H388163" s="12"/>
    </row>
    <row r="388164" spans="8:8">
      <c r="H388164" s="12"/>
    </row>
    <row r="388165" spans="8:8">
      <c r="H388165" s="12"/>
    </row>
    <row r="388166" spans="8:8">
      <c r="H388166" s="12"/>
    </row>
    <row r="388167" spans="8:8">
      <c r="H388167" s="12"/>
    </row>
    <row r="388168" spans="8:8">
      <c r="H388168" s="12"/>
    </row>
    <row r="388169" spans="8:8">
      <c r="H388169" s="12"/>
    </row>
    <row r="388170" spans="8:8">
      <c r="H388170" s="12"/>
    </row>
    <row r="388171" spans="8:8">
      <c r="H388171" s="12"/>
    </row>
    <row r="388172" spans="8:8">
      <c r="H388172" s="12"/>
    </row>
    <row r="388173" spans="8:8">
      <c r="H388173" s="12"/>
    </row>
    <row r="388174" spans="8:8">
      <c r="H388174" s="12"/>
    </row>
    <row r="388175" spans="8:8">
      <c r="H388175" s="12"/>
    </row>
    <row r="388176" spans="8:8">
      <c r="H388176" s="12"/>
    </row>
    <row r="388177" spans="8:8">
      <c r="H388177" s="12"/>
    </row>
    <row r="388178" spans="8:8">
      <c r="H388178" s="12"/>
    </row>
    <row r="388179" spans="8:8">
      <c r="H388179" s="12"/>
    </row>
    <row r="388180" spans="8:8">
      <c r="H388180" s="12"/>
    </row>
    <row r="388181" spans="8:8">
      <c r="H388181" s="12"/>
    </row>
    <row r="388182" spans="8:8">
      <c r="H388182" s="12"/>
    </row>
    <row r="388183" spans="8:8">
      <c r="H388183" s="12"/>
    </row>
    <row r="388184" spans="8:8">
      <c r="H388184" s="12"/>
    </row>
    <row r="388185" spans="8:8">
      <c r="H388185" s="12"/>
    </row>
    <row r="388186" spans="8:8">
      <c r="H388186" s="12"/>
    </row>
    <row r="388187" spans="8:8">
      <c r="H388187" s="12"/>
    </row>
    <row r="388188" spans="8:8">
      <c r="H388188" s="12"/>
    </row>
    <row r="388189" spans="8:8">
      <c r="H388189" s="12"/>
    </row>
    <row r="388190" spans="8:8">
      <c r="H388190" s="12"/>
    </row>
    <row r="388191" spans="8:8">
      <c r="H388191" s="12"/>
    </row>
    <row r="388192" spans="8:8">
      <c r="H388192" s="12"/>
    </row>
    <row r="388193" spans="8:8">
      <c r="H388193" s="12"/>
    </row>
    <row r="388194" spans="8:8">
      <c r="H388194" s="12"/>
    </row>
    <row r="388195" spans="8:8">
      <c r="H388195" s="12"/>
    </row>
    <row r="388196" spans="8:8">
      <c r="H388196" s="12"/>
    </row>
    <row r="388197" spans="8:8">
      <c r="H388197" s="12"/>
    </row>
    <row r="388198" spans="8:8">
      <c r="H388198" s="12"/>
    </row>
    <row r="388199" spans="8:8">
      <c r="H388199" s="12"/>
    </row>
    <row r="388200" spans="8:8">
      <c r="H388200" s="12"/>
    </row>
    <row r="388201" spans="8:8">
      <c r="H388201" s="12"/>
    </row>
    <row r="388202" spans="8:8">
      <c r="H388202" s="12"/>
    </row>
    <row r="388203" spans="8:8">
      <c r="H388203" s="12"/>
    </row>
    <row r="388204" spans="8:8">
      <c r="H388204" s="12"/>
    </row>
    <row r="388205" spans="8:8">
      <c r="H388205" s="12"/>
    </row>
    <row r="388206" spans="8:8">
      <c r="H388206" s="12"/>
    </row>
    <row r="388207" spans="8:8">
      <c r="H388207" s="12"/>
    </row>
    <row r="388208" spans="8:8">
      <c r="H388208" s="12"/>
    </row>
    <row r="388209" spans="8:8">
      <c r="H388209" s="12"/>
    </row>
    <row r="388210" spans="8:8">
      <c r="H388210" s="12"/>
    </row>
    <row r="388211" spans="8:8">
      <c r="H388211" s="12"/>
    </row>
    <row r="388212" spans="8:8">
      <c r="H388212" s="12"/>
    </row>
    <row r="388213" spans="8:8">
      <c r="H388213" s="12"/>
    </row>
    <row r="388214" spans="8:8">
      <c r="H388214" s="12"/>
    </row>
    <row r="388215" spans="8:8">
      <c r="H388215" s="12"/>
    </row>
    <row r="388216" spans="8:8">
      <c r="H388216" s="12"/>
    </row>
    <row r="388217" spans="8:8">
      <c r="H388217" s="12"/>
    </row>
    <row r="388218" spans="8:8">
      <c r="H388218" s="12"/>
    </row>
    <row r="388219" spans="8:8">
      <c r="H388219" s="12"/>
    </row>
    <row r="388220" spans="8:8">
      <c r="H388220" s="12"/>
    </row>
    <row r="388221" spans="8:8">
      <c r="H388221" s="12"/>
    </row>
    <row r="388222" spans="8:8">
      <c r="H388222" s="12"/>
    </row>
    <row r="388223" spans="8:8">
      <c r="H388223" s="12"/>
    </row>
    <row r="388224" spans="8:8">
      <c r="H388224" s="12"/>
    </row>
    <row r="388225" spans="8:8">
      <c r="H388225" s="12"/>
    </row>
    <row r="388226" spans="8:8">
      <c r="H388226" s="12"/>
    </row>
    <row r="388227" spans="8:8">
      <c r="H388227" s="12"/>
    </row>
    <row r="388228" spans="8:8">
      <c r="H388228" s="12"/>
    </row>
    <row r="388229" spans="8:8">
      <c r="H388229" s="12"/>
    </row>
    <row r="388230" spans="8:8">
      <c r="H388230" s="12"/>
    </row>
    <row r="388231" spans="8:8">
      <c r="H388231" s="12"/>
    </row>
    <row r="388232" spans="8:8">
      <c r="H388232" s="12"/>
    </row>
    <row r="388233" spans="8:8">
      <c r="H388233" s="12"/>
    </row>
    <row r="388234" spans="8:8">
      <c r="H388234" s="12"/>
    </row>
    <row r="388235" spans="8:8">
      <c r="H388235" s="12"/>
    </row>
    <row r="388236" spans="8:8">
      <c r="H388236" s="12"/>
    </row>
    <row r="388237" spans="8:8">
      <c r="H388237" s="12"/>
    </row>
    <row r="388238" spans="8:8">
      <c r="H388238" s="12"/>
    </row>
    <row r="388239" spans="8:8">
      <c r="H388239" s="12"/>
    </row>
    <row r="388240" spans="8:8">
      <c r="H388240" s="12"/>
    </row>
    <row r="388241" spans="8:8">
      <c r="H388241" s="12"/>
    </row>
    <row r="388242" spans="8:8">
      <c r="H388242" s="12"/>
    </row>
    <row r="388243" spans="8:8">
      <c r="H388243" s="12"/>
    </row>
    <row r="388244" spans="8:8">
      <c r="H388244" s="12"/>
    </row>
    <row r="388245" spans="8:8">
      <c r="H388245" s="12"/>
    </row>
    <row r="388246" spans="8:8">
      <c r="H388246" s="12"/>
    </row>
    <row r="388247" spans="8:8">
      <c r="H388247" s="12"/>
    </row>
    <row r="388248" spans="8:8">
      <c r="H388248" s="12"/>
    </row>
    <row r="388249" spans="8:8">
      <c r="H388249" s="12"/>
    </row>
    <row r="388250" spans="8:8">
      <c r="H388250" s="12"/>
    </row>
    <row r="388251" spans="8:8">
      <c r="H388251" s="12"/>
    </row>
    <row r="388252" spans="8:8">
      <c r="H388252" s="12"/>
    </row>
    <row r="388253" spans="8:8">
      <c r="H388253" s="12"/>
    </row>
    <row r="388254" spans="8:8">
      <c r="H388254" s="12"/>
    </row>
    <row r="388255" spans="8:8">
      <c r="H388255" s="12"/>
    </row>
    <row r="388256" spans="8:8">
      <c r="H388256" s="12"/>
    </row>
    <row r="388257" spans="8:8">
      <c r="H388257" s="12"/>
    </row>
    <row r="388258" spans="8:8">
      <c r="H388258" s="12"/>
    </row>
    <row r="388259" spans="8:8">
      <c r="H388259" s="12"/>
    </row>
    <row r="388260" spans="8:8">
      <c r="H388260" s="12"/>
    </row>
    <row r="388261" spans="8:8">
      <c r="H388261" s="12"/>
    </row>
    <row r="388262" spans="8:8">
      <c r="H388262" s="12"/>
    </row>
    <row r="388263" spans="8:8">
      <c r="H388263" s="12"/>
    </row>
    <row r="388264" spans="8:8">
      <c r="H388264" s="12"/>
    </row>
    <row r="388265" spans="8:8">
      <c r="H388265" s="12"/>
    </row>
    <row r="388266" spans="8:8">
      <c r="H388266" s="12"/>
    </row>
    <row r="388267" spans="8:8">
      <c r="H388267" s="12"/>
    </row>
    <row r="388268" spans="8:8">
      <c r="H388268" s="12"/>
    </row>
    <row r="388269" spans="8:8">
      <c r="H388269" s="12"/>
    </row>
    <row r="388270" spans="8:8">
      <c r="H388270" s="12"/>
    </row>
    <row r="388271" spans="8:8">
      <c r="H388271" s="12"/>
    </row>
    <row r="388272" spans="8:8">
      <c r="H388272" s="12"/>
    </row>
    <row r="388273" spans="8:8">
      <c r="H388273" s="12"/>
    </row>
    <row r="388274" spans="8:8">
      <c r="H388274" s="12"/>
    </row>
    <row r="388275" spans="8:8">
      <c r="H388275" s="12"/>
    </row>
    <row r="388276" spans="8:8">
      <c r="H388276" s="12"/>
    </row>
    <row r="388277" spans="8:8">
      <c r="H388277" s="12"/>
    </row>
    <row r="388278" spans="8:8">
      <c r="H388278" s="12"/>
    </row>
    <row r="388279" spans="8:8">
      <c r="H388279" s="12"/>
    </row>
    <row r="388280" spans="8:8">
      <c r="H388280" s="12"/>
    </row>
    <row r="388281" spans="8:8">
      <c r="H388281" s="12"/>
    </row>
    <row r="388282" spans="8:8">
      <c r="H388282" s="12"/>
    </row>
    <row r="388283" spans="8:8">
      <c r="H388283" s="12"/>
    </row>
    <row r="388284" spans="8:8">
      <c r="H388284" s="12"/>
    </row>
    <row r="388285" spans="8:8">
      <c r="H388285" s="12"/>
    </row>
    <row r="388286" spans="8:8">
      <c r="H388286" s="12"/>
    </row>
    <row r="388287" spans="8:8">
      <c r="H388287" s="12"/>
    </row>
    <row r="388288" spans="8:8">
      <c r="H388288" s="12"/>
    </row>
    <row r="388289" spans="8:8">
      <c r="H388289" s="12"/>
    </row>
    <row r="388290" spans="8:8">
      <c r="H388290" s="12"/>
    </row>
    <row r="388291" spans="8:8">
      <c r="H388291" s="12"/>
    </row>
    <row r="388292" spans="8:8">
      <c r="H388292" s="12"/>
    </row>
    <row r="388293" spans="8:8">
      <c r="H388293" s="12"/>
    </row>
    <row r="388294" spans="8:8">
      <c r="H388294" s="12"/>
    </row>
    <row r="388295" spans="8:8">
      <c r="H388295" s="12"/>
    </row>
    <row r="388296" spans="8:8">
      <c r="H388296" s="12"/>
    </row>
    <row r="388297" spans="8:8">
      <c r="H388297" s="12"/>
    </row>
    <row r="388298" spans="8:8">
      <c r="H388298" s="12"/>
    </row>
    <row r="388299" spans="8:8">
      <c r="H388299" s="12"/>
    </row>
    <row r="388300" spans="8:8">
      <c r="H388300" s="12"/>
    </row>
    <row r="388301" spans="8:8">
      <c r="H388301" s="12"/>
    </row>
    <row r="388302" spans="8:8">
      <c r="H388302" s="12"/>
    </row>
    <row r="388303" spans="8:8">
      <c r="H388303" s="12"/>
    </row>
    <row r="388304" spans="8:8">
      <c r="H388304" s="12"/>
    </row>
    <row r="388305" spans="8:8">
      <c r="H388305" s="12"/>
    </row>
    <row r="388306" spans="8:8">
      <c r="H388306" s="12"/>
    </row>
    <row r="388307" spans="8:8">
      <c r="H388307" s="12"/>
    </row>
    <row r="388308" spans="8:8">
      <c r="H388308" s="12"/>
    </row>
    <row r="388309" spans="8:8">
      <c r="H388309" s="12"/>
    </row>
    <row r="388310" spans="8:8">
      <c r="H388310" s="12"/>
    </row>
    <row r="388311" spans="8:8">
      <c r="H388311" s="12"/>
    </row>
    <row r="388312" spans="8:8">
      <c r="H388312" s="12"/>
    </row>
    <row r="388313" spans="8:8">
      <c r="H388313" s="12"/>
    </row>
    <row r="388314" spans="8:8">
      <c r="H388314" s="12"/>
    </row>
    <row r="388315" spans="8:8">
      <c r="H388315" s="12"/>
    </row>
    <row r="388316" spans="8:8">
      <c r="H388316" s="12"/>
    </row>
    <row r="388317" spans="8:8">
      <c r="H388317" s="12"/>
    </row>
    <row r="388318" spans="8:8">
      <c r="H388318" s="12"/>
    </row>
    <row r="388319" spans="8:8">
      <c r="H388319" s="12"/>
    </row>
    <row r="388320" spans="8:8">
      <c r="H388320" s="12"/>
    </row>
    <row r="388321" spans="8:8">
      <c r="H388321" s="12"/>
    </row>
    <row r="388322" spans="8:8">
      <c r="H388322" s="12"/>
    </row>
    <row r="388323" spans="8:8">
      <c r="H388323" s="12"/>
    </row>
    <row r="388324" spans="8:8">
      <c r="H388324" s="12"/>
    </row>
    <row r="388325" spans="8:8">
      <c r="H388325" s="12"/>
    </row>
    <row r="388326" spans="8:8">
      <c r="H388326" s="12"/>
    </row>
    <row r="388327" spans="8:8">
      <c r="H388327" s="12"/>
    </row>
    <row r="388328" spans="8:8">
      <c r="H388328" s="12"/>
    </row>
    <row r="388329" spans="8:8">
      <c r="H388329" s="12"/>
    </row>
    <row r="388330" spans="8:8">
      <c r="H388330" s="12"/>
    </row>
    <row r="388331" spans="8:8">
      <c r="H388331" s="12"/>
    </row>
    <row r="388332" spans="8:8">
      <c r="H388332" s="12"/>
    </row>
    <row r="388333" spans="8:8">
      <c r="H388333" s="12"/>
    </row>
    <row r="388334" spans="8:8">
      <c r="H388334" s="12"/>
    </row>
    <row r="388335" spans="8:8">
      <c r="H388335" s="12"/>
    </row>
    <row r="388336" spans="8:8">
      <c r="H388336" s="12"/>
    </row>
    <row r="388337" spans="8:8">
      <c r="H388337" s="12"/>
    </row>
    <row r="388338" spans="8:8">
      <c r="H388338" s="12"/>
    </row>
    <row r="388339" spans="8:8">
      <c r="H388339" s="12"/>
    </row>
    <row r="388340" spans="8:8">
      <c r="H388340" s="12"/>
    </row>
    <row r="388341" spans="8:8">
      <c r="H388341" s="12"/>
    </row>
    <row r="388342" spans="8:8">
      <c r="H388342" s="12"/>
    </row>
    <row r="388343" spans="8:8">
      <c r="H388343" s="12"/>
    </row>
    <row r="388344" spans="8:8">
      <c r="H388344" s="12"/>
    </row>
    <row r="388345" spans="8:8">
      <c r="H388345" s="12"/>
    </row>
    <row r="388346" spans="8:8">
      <c r="H388346" s="12"/>
    </row>
    <row r="388347" spans="8:8">
      <c r="H388347" s="12"/>
    </row>
    <row r="388348" spans="8:8">
      <c r="H388348" s="12"/>
    </row>
    <row r="388349" spans="8:8">
      <c r="H388349" s="12"/>
    </row>
    <row r="388350" spans="8:8">
      <c r="H388350" s="12"/>
    </row>
    <row r="388351" spans="8:8">
      <c r="H388351" s="12"/>
    </row>
    <row r="388352" spans="8:8">
      <c r="H388352" s="12"/>
    </row>
    <row r="388353" spans="8:8">
      <c r="H388353" s="12"/>
    </row>
    <row r="388354" spans="8:8">
      <c r="H388354" s="12"/>
    </row>
    <row r="388355" spans="8:8">
      <c r="H388355" s="12"/>
    </row>
    <row r="388356" spans="8:8">
      <c r="H388356" s="12"/>
    </row>
    <row r="388357" spans="8:8">
      <c r="H388357" s="12"/>
    </row>
    <row r="388358" spans="8:8">
      <c r="H388358" s="12"/>
    </row>
    <row r="388359" spans="8:8">
      <c r="H388359" s="12"/>
    </row>
    <row r="388360" spans="8:8">
      <c r="H388360" s="12"/>
    </row>
    <row r="388361" spans="8:8">
      <c r="H388361" s="12"/>
    </row>
    <row r="388362" spans="8:8">
      <c r="H388362" s="12"/>
    </row>
    <row r="388363" spans="8:8">
      <c r="H388363" s="12"/>
    </row>
    <row r="388364" spans="8:8">
      <c r="H388364" s="12"/>
    </row>
    <row r="388365" spans="8:8">
      <c r="H388365" s="12"/>
    </row>
    <row r="388366" spans="8:8">
      <c r="H388366" s="12"/>
    </row>
    <row r="388367" spans="8:8">
      <c r="H388367" s="12"/>
    </row>
    <row r="388368" spans="8:8">
      <c r="H388368" s="12"/>
    </row>
    <row r="388369" spans="8:8">
      <c r="H388369" s="12"/>
    </row>
    <row r="388370" spans="8:8">
      <c r="H388370" s="12"/>
    </row>
    <row r="388371" spans="8:8">
      <c r="H388371" s="12"/>
    </row>
    <row r="388372" spans="8:8">
      <c r="H388372" s="12"/>
    </row>
    <row r="388373" spans="8:8">
      <c r="H388373" s="12"/>
    </row>
    <row r="388374" spans="8:8">
      <c r="H388374" s="12"/>
    </row>
    <row r="388375" spans="8:8">
      <c r="H388375" s="12"/>
    </row>
    <row r="388376" spans="8:8">
      <c r="H388376" s="12"/>
    </row>
    <row r="388377" spans="8:8">
      <c r="H388377" s="12"/>
    </row>
    <row r="388378" spans="8:8">
      <c r="H388378" s="12"/>
    </row>
    <row r="388379" spans="8:8">
      <c r="H388379" s="12"/>
    </row>
    <row r="388380" spans="8:8">
      <c r="H388380" s="12"/>
    </row>
    <row r="388381" spans="8:8">
      <c r="H388381" s="12"/>
    </row>
    <row r="388382" spans="8:8">
      <c r="H388382" s="12"/>
    </row>
    <row r="388383" spans="8:8">
      <c r="H388383" s="12"/>
    </row>
    <row r="388384" spans="8:8">
      <c r="H388384" s="12"/>
    </row>
    <row r="388385" spans="8:8">
      <c r="H388385" s="12"/>
    </row>
    <row r="388386" spans="8:8">
      <c r="H388386" s="12"/>
    </row>
    <row r="388387" spans="8:8">
      <c r="H388387" s="12"/>
    </row>
    <row r="388388" spans="8:8">
      <c r="H388388" s="12"/>
    </row>
    <row r="388389" spans="8:8">
      <c r="H388389" s="12"/>
    </row>
    <row r="388390" spans="8:8">
      <c r="H388390" s="12"/>
    </row>
    <row r="388391" spans="8:8">
      <c r="H388391" s="12"/>
    </row>
    <row r="388392" spans="8:8">
      <c r="H388392" s="12"/>
    </row>
    <row r="388393" spans="8:8">
      <c r="H388393" s="12"/>
    </row>
    <row r="388394" spans="8:8">
      <c r="H388394" s="12"/>
    </row>
    <row r="388395" spans="8:8">
      <c r="H388395" s="12"/>
    </row>
    <row r="388396" spans="8:8">
      <c r="H388396" s="12"/>
    </row>
    <row r="388397" spans="8:8">
      <c r="H388397" s="12"/>
    </row>
    <row r="388398" spans="8:8">
      <c r="H388398" s="12"/>
    </row>
    <row r="388399" spans="8:8">
      <c r="H388399" s="12"/>
    </row>
    <row r="388400" spans="8:8">
      <c r="H388400" s="12"/>
    </row>
    <row r="388401" spans="8:8">
      <c r="H388401" s="12"/>
    </row>
    <row r="388402" spans="8:8">
      <c r="H388402" s="12"/>
    </row>
    <row r="388403" spans="8:8">
      <c r="H388403" s="12"/>
    </row>
    <row r="388404" spans="8:8">
      <c r="H388404" s="12"/>
    </row>
    <row r="388405" spans="8:8">
      <c r="H388405" s="12"/>
    </row>
    <row r="388406" spans="8:8">
      <c r="H388406" s="12"/>
    </row>
    <row r="388407" spans="8:8">
      <c r="H388407" s="12"/>
    </row>
    <row r="388408" spans="8:8">
      <c r="H388408" s="12"/>
    </row>
    <row r="388409" spans="8:8">
      <c r="H388409" s="12"/>
    </row>
    <row r="388410" spans="8:8">
      <c r="H388410" s="12"/>
    </row>
    <row r="388411" spans="8:8">
      <c r="H388411" s="12"/>
    </row>
    <row r="388412" spans="8:8">
      <c r="H388412" s="12"/>
    </row>
    <row r="388413" spans="8:8">
      <c r="H388413" s="12"/>
    </row>
    <row r="388414" spans="8:8">
      <c r="H388414" s="12"/>
    </row>
    <row r="388415" spans="8:8">
      <c r="H388415" s="12"/>
    </row>
    <row r="388416" spans="8:8">
      <c r="H388416" s="12"/>
    </row>
    <row r="388417" spans="8:8">
      <c r="H388417" s="12"/>
    </row>
    <row r="388418" spans="8:8">
      <c r="H388418" s="12"/>
    </row>
    <row r="388419" spans="8:8">
      <c r="H388419" s="12"/>
    </row>
    <row r="388420" spans="8:8">
      <c r="H388420" s="12"/>
    </row>
    <row r="388421" spans="8:8">
      <c r="H388421" s="12"/>
    </row>
    <row r="388422" spans="8:8">
      <c r="H388422" s="12"/>
    </row>
    <row r="388423" spans="8:8">
      <c r="H388423" s="12"/>
    </row>
    <row r="388424" spans="8:8">
      <c r="H388424" s="12"/>
    </row>
    <row r="388425" spans="8:8">
      <c r="H388425" s="12"/>
    </row>
    <row r="388426" spans="8:8">
      <c r="H388426" s="12"/>
    </row>
    <row r="388427" spans="8:8">
      <c r="H388427" s="12"/>
    </row>
    <row r="388428" spans="8:8">
      <c r="H388428" s="12"/>
    </row>
    <row r="388429" spans="8:8">
      <c r="H388429" s="12"/>
    </row>
    <row r="388430" spans="8:8">
      <c r="H388430" s="12"/>
    </row>
    <row r="388431" spans="8:8">
      <c r="H388431" s="12"/>
    </row>
    <row r="388432" spans="8:8">
      <c r="H388432" s="12"/>
    </row>
    <row r="388433" spans="8:8">
      <c r="H388433" s="12"/>
    </row>
    <row r="388434" spans="8:8">
      <c r="H388434" s="12"/>
    </row>
    <row r="388435" spans="8:8">
      <c r="H388435" s="12"/>
    </row>
    <row r="388436" spans="8:8">
      <c r="H388436" s="12"/>
    </row>
    <row r="388437" spans="8:8">
      <c r="H388437" s="12"/>
    </row>
    <row r="388438" spans="8:8">
      <c r="H388438" s="12"/>
    </row>
    <row r="388439" spans="8:8">
      <c r="H388439" s="12"/>
    </row>
    <row r="388440" spans="8:8">
      <c r="H388440" s="12"/>
    </row>
    <row r="388441" spans="8:8">
      <c r="H388441" s="12"/>
    </row>
    <row r="388442" spans="8:8">
      <c r="H388442" s="12"/>
    </row>
    <row r="388443" spans="8:8">
      <c r="H388443" s="12"/>
    </row>
    <row r="388444" spans="8:8">
      <c r="H388444" s="12"/>
    </row>
    <row r="388445" spans="8:8">
      <c r="H388445" s="12"/>
    </row>
    <row r="388446" spans="8:8">
      <c r="H388446" s="12"/>
    </row>
    <row r="388447" spans="8:8">
      <c r="H388447" s="12"/>
    </row>
    <row r="388448" spans="8:8">
      <c r="H388448" s="12"/>
    </row>
    <row r="388449" spans="8:8">
      <c r="H388449" s="12"/>
    </row>
    <row r="388450" spans="8:8">
      <c r="H388450" s="12"/>
    </row>
    <row r="388451" spans="8:8">
      <c r="H388451" s="12"/>
    </row>
    <row r="388452" spans="8:8">
      <c r="H388452" s="12"/>
    </row>
    <row r="388453" spans="8:8">
      <c r="H388453" s="12"/>
    </row>
    <row r="388454" spans="8:8">
      <c r="H388454" s="12"/>
    </row>
    <row r="388455" spans="8:8">
      <c r="H388455" s="12"/>
    </row>
    <row r="388456" spans="8:8">
      <c r="H388456" s="12"/>
    </row>
    <row r="388457" spans="8:8">
      <c r="H388457" s="12"/>
    </row>
    <row r="388458" spans="8:8">
      <c r="H388458" s="12"/>
    </row>
    <row r="388459" spans="8:8">
      <c r="H388459" s="12"/>
    </row>
    <row r="388460" spans="8:8">
      <c r="H388460" s="12"/>
    </row>
    <row r="388461" spans="8:8">
      <c r="H388461" s="12"/>
    </row>
    <row r="388462" spans="8:8">
      <c r="H388462" s="12"/>
    </row>
    <row r="388463" spans="8:8">
      <c r="H388463" s="12"/>
    </row>
    <row r="388464" spans="8:8">
      <c r="H388464" s="12"/>
    </row>
    <row r="388465" spans="8:8">
      <c r="H388465" s="12"/>
    </row>
    <row r="388466" spans="8:8">
      <c r="H388466" s="12"/>
    </row>
    <row r="388467" spans="8:8">
      <c r="H388467" s="12"/>
    </row>
    <row r="388468" spans="8:8">
      <c r="H388468" s="12"/>
    </row>
    <row r="388469" spans="8:8">
      <c r="H388469" s="12"/>
    </row>
    <row r="388470" spans="8:8">
      <c r="H388470" s="12"/>
    </row>
    <row r="388471" spans="8:8">
      <c r="H388471" s="12"/>
    </row>
    <row r="388472" spans="8:8">
      <c r="H388472" s="12"/>
    </row>
    <row r="388473" spans="8:8">
      <c r="H388473" s="12"/>
    </row>
    <row r="388474" spans="8:8">
      <c r="H388474" s="12"/>
    </row>
    <row r="388475" spans="8:8">
      <c r="H388475" s="12"/>
    </row>
    <row r="388476" spans="8:8">
      <c r="H388476" s="12"/>
    </row>
    <row r="388477" spans="8:8">
      <c r="H388477" s="12"/>
    </row>
    <row r="388478" spans="8:8">
      <c r="H388478" s="12"/>
    </row>
    <row r="388479" spans="8:8">
      <c r="H388479" s="12"/>
    </row>
    <row r="388480" spans="8:8">
      <c r="H388480" s="12"/>
    </row>
    <row r="388481" spans="8:8">
      <c r="H388481" s="12"/>
    </row>
    <row r="388482" spans="8:8">
      <c r="H388482" s="12"/>
    </row>
    <row r="388483" spans="8:8">
      <c r="H388483" s="12"/>
    </row>
    <row r="388484" spans="8:8">
      <c r="H388484" s="12"/>
    </row>
    <row r="388485" spans="8:8">
      <c r="H388485" s="12"/>
    </row>
    <row r="388486" spans="8:8">
      <c r="H388486" s="12"/>
    </row>
    <row r="388487" spans="8:8">
      <c r="H388487" s="12"/>
    </row>
    <row r="388488" spans="8:8">
      <c r="H388488" s="12"/>
    </row>
    <row r="388489" spans="8:8">
      <c r="H388489" s="12"/>
    </row>
    <row r="388490" spans="8:8">
      <c r="H388490" s="12"/>
    </row>
    <row r="388491" spans="8:8">
      <c r="H388491" s="12"/>
    </row>
    <row r="388492" spans="8:8">
      <c r="H388492" s="12"/>
    </row>
    <row r="388493" spans="8:8">
      <c r="H388493" s="12"/>
    </row>
    <row r="388494" spans="8:8">
      <c r="H388494" s="12"/>
    </row>
    <row r="388495" spans="8:8">
      <c r="H388495" s="12"/>
    </row>
    <row r="388496" spans="8:8">
      <c r="H388496" s="12"/>
    </row>
    <row r="388497" spans="8:8">
      <c r="H388497" s="12"/>
    </row>
    <row r="388498" spans="8:8">
      <c r="H388498" s="12"/>
    </row>
    <row r="388499" spans="8:8">
      <c r="H388499" s="12"/>
    </row>
    <row r="388500" spans="8:8">
      <c r="H388500" s="12"/>
    </row>
    <row r="388501" spans="8:8">
      <c r="H388501" s="12"/>
    </row>
    <row r="388502" spans="8:8">
      <c r="H388502" s="12"/>
    </row>
    <row r="388503" spans="8:8">
      <c r="H388503" s="12"/>
    </row>
    <row r="388504" spans="8:8">
      <c r="H388504" s="12"/>
    </row>
    <row r="388505" spans="8:8">
      <c r="H388505" s="12"/>
    </row>
    <row r="388506" spans="8:8">
      <c r="H388506" s="12"/>
    </row>
    <row r="388507" spans="8:8">
      <c r="H388507" s="12"/>
    </row>
    <row r="388508" spans="8:8">
      <c r="H388508" s="12"/>
    </row>
    <row r="388509" spans="8:8">
      <c r="H388509" s="12"/>
    </row>
    <row r="388510" spans="8:8">
      <c r="H388510" s="12"/>
    </row>
    <row r="388511" spans="8:8">
      <c r="H388511" s="12"/>
    </row>
    <row r="388512" spans="8:8">
      <c r="H388512" s="12"/>
    </row>
    <row r="388513" spans="8:8">
      <c r="H388513" s="12"/>
    </row>
    <row r="388514" spans="8:8">
      <c r="H388514" s="12"/>
    </row>
    <row r="388515" spans="8:8">
      <c r="H388515" s="12"/>
    </row>
    <row r="388516" spans="8:8">
      <c r="H388516" s="12"/>
    </row>
    <row r="388517" spans="8:8">
      <c r="H388517" s="12"/>
    </row>
    <row r="388518" spans="8:8">
      <c r="H388518" s="12"/>
    </row>
    <row r="388519" spans="8:8">
      <c r="H388519" s="12"/>
    </row>
    <row r="388520" spans="8:8">
      <c r="H388520" s="12"/>
    </row>
    <row r="388521" spans="8:8">
      <c r="H388521" s="12"/>
    </row>
    <row r="388522" spans="8:8">
      <c r="H388522" s="12"/>
    </row>
    <row r="388523" spans="8:8">
      <c r="H388523" s="12"/>
    </row>
    <row r="388524" spans="8:8">
      <c r="H388524" s="12"/>
    </row>
    <row r="388525" spans="8:8">
      <c r="H388525" s="12"/>
    </row>
    <row r="388526" spans="8:8">
      <c r="H388526" s="12"/>
    </row>
    <row r="388527" spans="8:8">
      <c r="H388527" s="12"/>
    </row>
    <row r="388528" spans="8:8">
      <c r="H388528" s="12"/>
    </row>
    <row r="388529" spans="8:8">
      <c r="H388529" s="12"/>
    </row>
    <row r="388530" spans="8:8">
      <c r="H388530" s="12"/>
    </row>
    <row r="388531" spans="8:8">
      <c r="H388531" s="12"/>
    </row>
    <row r="388532" spans="8:8">
      <c r="H388532" s="12"/>
    </row>
    <row r="388533" spans="8:8">
      <c r="H388533" s="12"/>
    </row>
    <row r="388534" spans="8:8">
      <c r="H388534" s="12"/>
    </row>
    <row r="388535" spans="8:8">
      <c r="H388535" s="12"/>
    </row>
    <row r="388536" spans="8:8">
      <c r="H388536" s="12"/>
    </row>
    <row r="388537" spans="8:8">
      <c r="H388537" s="12"/>
    </row>
    <row r="388538" spans="8:8">
      <c r="H388538" s="12"/>
    </row>
    <row r="388539" spans="8:8">
      <c r="H388539" s="12"/>
    </row>
    <row r="388540" spans="8:8">
      <c r="H388540" s="12"/>
    </row>
    <row r="388541" spans="8:8">
      <c r="H388541" s="12"/>
    </row>
    <row r="388542" spans="8:8">
      <c r="H388542" s="12"/>
    </row>
    <row r="388543" spans="8:8">
      <c r="H388543" s="12"/>
    </row>
    <row r="388544" spans="8:8">
      <c r="H388544" s="12"/>
    </row>
    <row r="388545" spans="8:8">
      <c r="H388545" s="12"/>
    </row>
    <row r="388546" spans="8:8">
      <c r="H388546" s="12"/>
    </row>
    <row r="388547" spans="8:8">
      <c r="H388547" s="12"/>
    </row>
    <row r="388548" spans="8:8">
      <c r="H388548" s="12"/>
    </row>
    <row r="388549" spans="8:8">
      <c r="H388549" s="12"/>
    </row>
    <row r="388550" spans="8:8">
      <c r="H388550" s="12"/>
    </row>
    <row r="388551" spans="8:8">
      <c r="H388551" s="12"/>
    </row>
    <row r="388552" spans="8:8">
      <c r="H388552" s="12"/>
    </row>
    <row r="388553" spans="8:8">
      <c r="H388553" s="12"/>
    </row>
    <row r="388554" spans="8:8">
      <c r="H388554" s="12"/>
    </row>
    <row r="388555" spans="8:8">
      <c r="H388555" s="12"/>
    </row>
    <row r="388556" spans="8:8">
      <c r="H388556" s="12"/>
    </row>
    <row r="388557" spans="8:8">
      <c r="H388557" s="12"/>
    </row>
    <row r="388558" spans="8:8">
      <c r="H388558" s="12"/>
    </row>
    <row r="388559" spans="8:8">
      <c r="H388559" s="12"/>
    </row>
    <row r="388560" spans="8:8">
      <c r="H388560" s="12"/>
    </row>
    <row r="388561" spans="8:8">
      <c r="H388561" s="12"/>
    </row>
    <row r="388562" spans="8:8">
      <c r="H388562" s="12"/>
    </row>
    <row r="388563" spans="8:8">
      <c r="H388563" s="12"/>
    </row>
    <row r="388564" spans="8:8">
      <c r="H388564" s="12"/>
    </row>
    <row r="388565" spans="8:8">
      <c r="H388565" s="12"/>
    </row>
    <row r="388566" spans="8:8">
      <c r="H388566" s="12"/>
    </row>
    <row r="388567" spans="8:8">
      <c r="H388567" s="12"/>
    </row>
    <row r="388568" spans="8:8">
      <c r="H388568" s="12"/>
    </row>
    <row r="388569" spans="8:8">
      <c r="H388569" s="12"/>
    </row>
    <row r="388570" spans="8:8">
      <c r="H388570" s="12"/>
    </row>
    <row r="388571" spans="8:8">
      <c r="H388571" s="12"/>
    </row>
    <row r="388572" spans="8:8">
      <c r="H388572" s="12"/>
    </row>
    <row r="388573" spans="8:8">
      <c r="H388573" s="12"/>
    </row>
    <row r="388574" spans="8:8">
      <c r="H388574" s="12"/>
    </row>
    <row r="388575" spans="8:8">
      <c r="H388575" s="12"/>
    </row>
    <row r="388576" spans="8:8">
      <c r="H388576" s="12"/>
    </row>
    <row r="388577" spans="8:8">
      <c r="H388577" s="12"/>
    </row>
    <row r="388578" spans="8:8">
      <c r="H388578" s="12"/>
    </row>
    <row r="388579" spans="8:8">
      <c r="H388579" s="12"/>
    </row>
    <row r="388580" spans="8:8">
      <c r="H388580" s="12"/>
    </row>
    <row r="388581" spans="8:8">
      <c r="H388581" s="12"/>
    </row>
    <row r="388582" spans="8:8">
      <c r="H388582" s="12"/>
    </row>
    <row r="388583" spans="8:8">
      <c r="H388583" s="12"/>
    </row>
    <row r="388584" spans="8:8">
      <c r="H388584" s="12"/>
    </row>
    <row r="388585" spans="8:8">
      <c r="H388585" s="12"/>
    </row>
    <row r="388586" spans="8:8">
      <c r="H388586" s="12"/>
    </row>
    <row r="388587" spans="8:8">
      <c r="H388587" s="12"/>
    </row>
    <row r="388588" spans="8:8">
      <c r="H388588" s="12"/>
    </row>
    <row r="388589" spans="8:8">
      <c r="H388589" s="12"/>
    </row>
    <row r="388590" spans="8:8">
      <c r="H388590" s="12"/>
    </row>
    <row r="388591" spans="8:8">
      <c r="H388591" s="12"/>
    </row>
    <row r="388592" spans="8:8">
      <c r="H388592" s="12"/>
    </row>
    <row r="388593" spans="8:8">
      <c r="H388593" s="12"/>
    </row>
    <row r="388594" spans="8:8">
      <c r="H388594" s="12"/>
    </row>
    <row r="388595" spans="8:8">
      <c r="H388595" s="12"/>
    </row>
    <row r="388596" spans="8:8">
      <c r="H388596" s="12"/>
    </row>
    <row r="388597" spans="8:8">
      <c r="H388597" s="12"/>
    </row>
    <row r="388598" spans="8:8">
      <c r="H388598" s="12"/>
    </row>
    <row r="388599" spans="8:8">
      <c r="H388599" s="12"/>
    </row>
    <row r="388600" spans="8:8">
      <c r="H388600" s="12"/>
    </row>
    <row r="388601" spans="8:8">
      <c r="H388601" s="12"/>
    </row>
    <row r="388602" spans="8:8">
      <c r="H388602" s="12"/>
    </row>
    <row r="388603" spans="8:8">
      <c r="H388603" s="12"/>
    </row>
    <row r="388604" spans="8:8">
      <c r="H388604" s="12"/>
    </row>
    <row r="388605" spans="8:8">
      <c r="H388605" s="12"/>
    </row>
    <row r="388606" spans="8:8">
      <c r="H388606" s="12"/>
    </row>
    <row r="388607" spans="8:8">
      <c r="H388607" s="12"/>
    </row>
    <row r="388608" spans="8:8">
      <c r="H388608" s="12"/>
    </row>
    <row r="388609" spans="8:8">
      <c r="H388609" s="12"/>
    </row>
    <row r="388610" spans="8:8">
      <c r="H388610" s="12"/>
    </row>
    <row r="388611" spans="8:8">
      <c r="H388611" s="12"/>
    </row>
    <row r="388612" spans="8:8">
      <c r="H388612" s="12"/>
    </row>
    <row r="388613" spans="8:8">
      <c r="H388613" s="12"/>
    </row>
    <row r="388614" spans="8:8">
      <c r="H388614" s="12"/>
    </row>
    <row r="388615" spans="8:8">
      <c r="H388615" s="12"/>
    </row>
    <row r="388616" spans="8:8">
      <c r="H388616" s="12"/>
    </row>
    <row r="388617" spans="8:8">
      <c r="H388617" s="12"/>
    </row>
    <row r="388618" spans="8:8">
      <c r="H388618" s="12"/>
    </row>
    <row r="388619" spans="8:8">
      <c r="H388619" s="12"/>
    </row>
    <row r="388620" spans="8:8">
      <c r="H388620" s="12"/>
    </row>
    <row r="388621" spans="8:8">
      <c r="H388621" s="12"/>
    </row>
    <row r="388622" spans="8:8">
      <c r="H388622" s="12"/>
    </row>
    <row r="388623" spans="8:8">
      <c r="H388623" s="12"/>
    </row>
    <row r="388624" spans="8:8">
      <c r="H388624" s="12"/>
    </row>
    <row r="388625" spans="8:8">
      <c r="H388625" s="12"/>
    </row>
    <row r="388626" spans="8:8">
      <c r="H388626" s="12"/>
    </row>
    <row r="388627" spans="8:8">
      <c r="H388627" s="12"/>
    </row>
    <row r="388628" spans="8:8">
      <c r="H388628" s="12"/>
    </row>
    <row r="388629" spans="8:8">
      <c r="H388629" s="12"/>
    </row>
    <row r="388630" spans="8:8">
      <c r="H388630" s="12"/>
    </row>
    <row r="388631" spans="8:8">
      <c r="H388631" s="12"/>
    </row>
    <row r="388632" spans="8:8">
      <c r="H388632" s="12"/>
    </row>
    <row r="388633" spans="8:8">
      <c r="H388633" s="12"/>
    </row>
    <row r="388634" spans="8:8">
      <c r="H388634" s="12"/>
    </row>
    <row r="388635" spans="8:8">
      <c r="H388635" s="12"/>
    </row>
    <row r="388636" spans="8:8">
      <c r="H388636" s="12"/>
    </row>
    <row r="388637" spans="8:8">
      <c r="H388637" s="12"/>
    </row>
    <row r="388638" spans="8:8">
      <c r="H388638" s="12"/>
    </row>
    <row r="388639" spans="8:8">
      <c r="H388639" s="12"/>
    </row>
    <row r="388640" spans="8:8">
      <c r="H388640" s="12"/>
    </row>
    <row r="388641" spans="8:8">
      <c r="H388641" s="12"/>
    </row>
    <row r="388642" spans="8:8">
      <c r="H388642" s="12"/>
    </row>
    <row r="388643" spans="8:8">
      <c r="H388643" s="12"/>
    </row>
    <row r="388644" spans="8:8">
      <c r="H388644" s="12"/>
    </row>
    <row r="388645" spans="8:8">
      <c r="H388645" s="12"/>
    </row>
    <row r="388646" spans="8:8">
      <c r="H388646" s="12"/>
    </row>
    <row r="388647" spans="8:8">
      <c r="H388647" s="12"/>
    </row>
    <row r="388648" spans="8:8">
      <c r="H388648" s="12"/>
    </row>
    <row r="388649" spans="8:8">
      <c r="H388649" s="12"/>
    </row>
    <row r="388650" spans="8:8">
      <c r="H388650" s="12"/>
    </row>
    <row r="388651" spans="8:8">
      <c r="H388651" s="12"/>
    </row>
    <row r="388652" spans="8:8">
      <c r="H388652" s="12"/>
    </row>
    <row r="388653" spans="8:8">
      <c r="H388653" s="12"/>
    </row>
    <row r="388654" spans="8:8">
      <c r="H388654" s="12"/>
    </row>
    <row r="388655" spans="8:8">
      <c r="H388655" s="12"/>
    </row>
    <row r="388656" spans="8:8">
      <c r="H388656" s="12"/>
    </row>
    <row r="388657" spans="8:8">
      <c r="H388657" s="12"/>
    </row>
    <row r="388658" spans="8:8">
      <c r="H388658" s="12"/>
    </row>
    <row r="388659" spans="8:8">
      <c r="H388659" s="12"/>
    </row>
    <row r="388660" spans="8:8">
      <c r="H388660" s="12"/>
    </row>
    <row r="388661" spans="8:8">
      <c r="H388661" s="12"/>
    </row>
    <row r="388662" spans="8:8">
      <c r="H388662" s="12"/>
    </row>
    <row r="388663" spans="8:8">
      <c r="H388663" s="12"/>
    </row>
    <row r="388664" spans="8:8">
      <c r="H388664" s="12"/>
    </row>
    <row r="388665" spans="8:8">
      <c r="H388665" s="12"/>
    </row>
    <row r="388666" spans="8:8">
      <c r="H388666" s="12"/>
    </row>
    <row r="388667" spans="8:8">
      <c r="H388667" s="12"/>
    </row>
    <row r="388668" spans="8:8">
      <c r="H388668" s="12"/>
    </row>
    <row r="388669" spans="8:8">
      <c r="H388669" s="12"/>
    </row>
    <row r="388670" spans="8:8">
      <c r="H388670" s="12"/>
    </row>
    <row r="388671" spans="8:8">
      <c r="H388671" s="12"/>
    </row>
    <row r="388672" spans="8:8">
      <c r="H388672" s="12"/>
    </row>
    <row r="388673" spans="8:8">
      <c r="H388673" s="12"/>
    </row>
    <row r="388674" spans="8:8">
      <c r="H388674" s="12"/>
    </row>
    <row r="388675" spans="8:8">
      <c r="H388675" s="12"/>
    </row>
    <row r="388676" spans="8:8">
      <c r="H388676" s="12"/>
    </row>
    <row r="388677" spans="8:8">
      <c r="H388677" s="12"/>
    </row>
    <row r="388678" spans="8:8">
      <c r="H388678" s="12"/>
    </row>
    <row r="388679" spans="8:8">
      <c r="H388679" s="12"/>
    </row>
    <row r="388680" spans="8:8">
      <c r="H388680" s="12"/>
    </row>
    <row r="388681" spans="8:8">
      <c r="H388681" s="12"/>
    </row>
    <row r="388682" spans="8:8">
      <c r="H388682" s="12"/>
    </row>
    <row r="388683" spans="8:8">
      <c r="H388683" s="12"/>
    </row>
    <row r="388684" spans="8:8">
      <c r="H388684" s="12"/>
    </row>
    <row r="388685" spans="8:8">
      <c r="H388685" s="12"/>
    </row>
    <row r="388686" spans="8:8">
      <c r="H388686" s="12"/>
    </row>
    <row r="388687" spans="8:8">
      <c r="H388687" s="12"/>
    </row>
    <row r="388688" spans="8:8">
      <c r="H388688" s="12"/>
    </row>
    <row r="388689" spans="8:8">
      <c r="H388689" s="12"/>
    </row>
    <row r="388690" spans="8:8">
      <c r="H388690" s="12"/>
    </row>
    <row r="388691" spans="8:8">
      <c r="H388691" s="12"/>
    </row>
    <row r="388692" spans="8:8">
      <c r="H388692" s="12"/>
    </row>
    <row r="388693" spans="8:8">
      <c r="H388693" s="12"/>
    </row>
    <row r="388694" spans="8:8">
      <c r="H388694" s="12"/>
    </row>
    <row r="388695" spans="8:8">
      <c r="H388695" s="12"/>
    </row>
    <row r="388696" spans="8:8">
      <c r="H388696" s="12"/>
    </row>
    <row r="388697" spans="8:8">
      <c r="H388697" s="12"/>
    </row>
    <row r="388698" spans="8:8">
      <c r="H388698" s="12"/>
    </row>
    <row r="388699" spans="8:8">
      <c r="H388699" s="12"/>
    </row>
    <row r="388700" spans="8:8">
      <c r="H388700" s="12"/>
    </row>
    <row r="388701" spans="8:8">
      <c r="H388701" s="12"/>
    </row>
    <row r="388702" spans="8:8">
      <c r="H388702" s="12"/>
    </row>
    <row r="388703" spans="8:8">
      <c r="H388703" s="12"/>
    </row>
    <row r="388704" spans="8:8">
      <c r="H388704" s="12"/>
    </row>
    <row r="388705" spans="8:8">
      <c r="H388705" s="12"/>
    </row>
    <row r="388706" spans="8:8">
      <c r="H388706" s="12"/>
    </row>
    <row r="388707" spans="8:8">
      <c r="H388707" s="12"/>
    </row>
    <row r="388708" spans="8:8">
      <c r="H388708" s="12"/>
    </row>
    <row r="388709" spans="8:8">
      <c r="H388709" s="12"/>
    </row>
    <row r="388710" spans="8:8">
      <c r="H388710" s="12"/>
    </row>
    <row r="388711" spans="8:8">
      <c r="H388711" s="12"/>
    </row>
    <row r="388712" spans="8:8">
      <c r="H388712" s="12"/>
    </row>
    <row r="388713" spans="8:8">
      <c r="H388713" s="12"/>
    </row>
    <row r="388714" spans="8:8">
      <c r="H388714" s="12"/>
    </row>
    <row r="388715" spans="8:8">
      <c r="H388715" s="12"/>
    </row>
    <row r="388716" spans="8:8">
      <c r="H388716" s="12"/>
    </row>
    <row r="388717" spans="8:8">
      <c r="H388717" s="12"/>
    </row>
    <row r="388718" spans="8:8">
      <c r="H388718" s="12"/>
    </row>
    <row r="388719" spans="8:8">
      <c r="H388719" s="12"/>
    </row>
    <row r="388720" spans="8:8">
      <c r="H388720" s="12"/>
    </row>
    <row r="388721" spans="8:8">
      <c r="H388721" s="12"/>
    </row>
    <row r="388722" spans="8:8">
      <c r="H388722" s="12"/>
    </row>
    <row r="388723" spans="8:8">
      <c r="H388723" s="12"/>
    </row>
    <row r="388724" spans="8:8">
      <c r="H388724" s="12"/>
    </row>
    <row r="388725" spans="8:8">
      <c r="H388725" s="12"/>
    </row>
    <row r="388726" spans="8:8">
      <c r="H388726" s="12"/>
    </row>
    <row r="388727" spans="8:8">
      <c r="H388727" s="12"/>
    </row>
    <row r="388728" spans="8:8">
      <c r="H388728" s="12"/>
    </row>
    <row r="388729" spans="8:8">
      <c r="H388729" s="12"/>
    </row>
    <row r="388730" spans="8:8">
      <c r="H388730" s="12"/>
    </row>
    <row r="388731" spans="8:8">
      <c r="H388731" s="12"/>
    </row>
    <row r="388732" spans="8:8">
      <c r="H388732" s="12"/>
    </row>
    <row r="388733" spans="8:8">
      <c r="H388733" s="12"/>
    </row>
    <row r="388734" spans="8:8">
      <c r="H388734" s="12"/>
    </row>
    <row r="388735" spans="8:8">
      <c r="H388735" s="12"/>
    </row>
    <row r="388736" spans="8:8">
      <c r="H388736" s="12"/>
    </row>
    <row r="388737" spans="8:8">
      <c r="H388737" s="12"/>
    </row>
    <row r="388738" spans="8:8">
      <c r="H388738" s="12"/>
    </row>
    <row r="388739" spans="8:8">
      <c r="H388739" s="12"/>
    </row>
    <row r="388740" spans="8:8">
      <c r="H388740" s="12"/>
    </row>
    <row r="388741" spans="8:8">
      <c r="H388741" s="12"/>
    </row>
    <row r="388742" spans="8:8">
      <c r="H388742" s="12"/>
    </row>
    <row r="388743" spans="8:8">
      <c r="H388743" s="12"/>
    </row>
    <row r="388744" spans="8:8">
      <c r="H388744" s="12"/>
    </row>
    <row r="388745" spans="8:8">
      <c r="H388745" s="12"/>
    </row>
    <row r="388746" spans="8:8">
      <c r="H388746" s="12"/>
    </row>
    <row r="388747" spans="8:8">
      <c r="H388747" s="12"/>
    </row>
    <row r="388748" spans="8:8">
      <c r="H388748" s="12"/>
    </row>
    <row r="388749" spans="8:8">
      <c r="H388749" s="12"/>
    </row>
    <row r="388750" spans="8:8">
      <c r="H388750" s="12"/>
    </row>
    <row r="388751" spans="8:8">
      <c r="H388751" s="12"/>
    </row>
    <row r="388752" spans="8:8">
      <c r="H388752" s="12"/>
    </row>
    <row r="388753" spans="8:8">
      <c r="H388753" s="12"/>
    </row>
    <row r="388754" spans="8:8">
      <c r="H388754" s="12"/>
    </row>
    <row r="388755" spans="8:8">
      <c r="H388755" s="12"/>
    </row>
    <row r="388756" spans="8:8">
      <c r="H388756" s="12"/>
    </row>
    <row r="388757" spans="8:8">
      <c r="H388757" s="12"/>
    </row>
    <row r="388758" spans="8:8">
      <c r="H388758" s="12"/>
    </row>
    <row r="388759" spans="8:8">
      <c r="H388759" s="12"/>
    </row>
    <row r="388760" spans="8:8">
      <c r="H388760" s="12"/>
    </row>
    <row r="388761" spans="8:8">
      <c r="H388761" s="12"/>
    </row>
    <row r="388762" spans="8:8">
      <c r="H388762" s="12"/>
    </row>
    <row r="388763" spans="8:8">
      <c r="H388763" s="12"/>
    </row>
    <row r="388764" spans="8:8">
      <c r="H388764" s="12"/>
    </row>
    <row r="388765" spans="8:8">
      <c r="H388765" s="12"/>
    </row>
    <row r="388766" spans="8:8">
      <c r="H388766" s="12"/>
    </row>
    <row r="388767" spans="8:8">
      <c r="H388767" s="12"/>
    </row>
    <row r="388768" spans="8:8">
      <c r="H388768" s="12"/>
    </row>
    <row r="388769" spans="8:8">
      <c r="H388769" s="12"/>
    </row>
    <row r="388770" spans="8:8">
      <c r="H388770" s="12"/>
    </row>
    <row r="388771" spans="8:8">
      <c r="H388771" s="12"/>
    </row>
    <row r="388772" spans="8:8">
      <c r="H388772" s="12"/>
    </row>
    <row r="388773" spans="8:8">
      <c r="H388773" s="12"/>
    </row>
    <row r="388774" spans="8:8">
      <c r="H388774" s="12"/>
    </row>
    <row r="388775" spans="8:8">
      <c r="H388775" s="12"/>
    </row>
    <row r="388776" spans="8:8">
      <c r="H388776" s="12"/>
    </row>
    <row r="388777" spans="8:8">
      <c r="H388777" s="12"/>
    </row>
    <row r="388778" spans="8:8">
      <c r="H388778" s="12"/>
    </row>
    <row r="388779" spans="8:8">
      <c r="H388779" s="12"/>
    </row>
    <row r="388780" spans="8:8">
      <c r="H388780" s="12"/>
    </row>
    <row r="388781" spans="8:8">
      <c r="H388781" s="12"/>
    </row>
    <row r="388782" spans="8:8">
      <c r="H388782" s="12"/>
    </row>
    <row r="388783" spans="8:8">
      <c r="H388783" s="12"/>
    </row>
    <row r="388784" spans="8:8">
      <c r="H388784" s="12"/>
    </row>
    <row r="388785" spans="8:8">
      <c r="H388785" s="12"/>
    </row>
    <row r="388786" spans="8:8">
      <c r="H388786" s="12"/>
    </row>
    <row r="388787" spans="8:8">
      <c r="H388787" s="12"/>
    </row>
    <row r="388788" spans="8:8">
      <c r="H388788" s="12"/>
    </row>
    <row r="388789" spans="8:8">
      <c r="H388789" s="12"/>
    </row>
    <row r="388790" spans="8:8">
      <c r="H388790" s="12"/>
    </row>
    <row r="388791" spans="8:8">
      <c r="H388791" s="12"/>
    </row>
    <row r="388792" spans="8:8">
      <c r="H388792" s="12"/>
    </row>
    <row r="388793" spans="8:8">
      <c r="H388793" s="12"/>
    </row>
    <row r="388794" spans="8:8">
      <c r="H388794" s="12"/>
    </row>
    <row r="388795" spans="8:8">
      <c r="H388795" s="12"/>
    </row>
    <row r="388796" spans="8:8">
      <c r="H388796" s="12"/>
    </row>
    <row r="388797" spans="8:8">
      <c r="H388797" s="12"/>
    </row>
    <row r="388798" spans="8:8">
      <c r="H388798" s="12"/>
    </row>
    <row r="388799" spans="8:8">
      <c r="H388799" s="12"/>
    </row>
    <row r="388800" spans="8:8">
      <c r="H388800" s="12"/>
    </row>
    <row r="388801" spans="8:8">
      <c r="H388801" s="12"/>
    </row>
    <row r="388802" spans="8:8">
      <c r="H388802" s="12"/>
    </row>
    <row r="388803" spans="8:8">
      <c r="H388803" s="12"/>
    </row>
    <row r="388804" spans="8:8">
      <c r="H388804" s="12"/>
    </row>
    <row r="388805" spans="8:8">
      <c r="H388805" s="12"/>
    </row>
    <row r="388806" spans="8:8">
      <c r="H388806" s="12"/>
    </row>
    <row r="388807" spans="8:8">
      <c r="H388807" s="12"/>
    </row>
    <row r="388808" spans="8:8">
      <c r="H388808" s="12"/>
    </row>
    <row r="388809" spans="8:8">
      <c r="H388809" s="12"/>
    </row>
    <row r="388810" spans="8:8">
      <c r="H388810" s="12"/>
    </row>
    <row r="388811" spans="8:8">
      <c r="H388811" s="12"/>
    </row>
    <row r="388812" spans="8:8">
      <c r="H388812" s="12"/>
    </row>
    <row r="388813" spans="8:8">
      <c r="H388813" s="12"/>
    </row>
    <row r="388814" spans="8:8">
      <c r="H388814" s="12"/>
    </row>
    <row r="388815" spans="8:8">
      <c r="H388815" s="12"/>
    </row>
    <row r="388816" spans="8:8">
      <c r="H388816" s="12"/>
    </row>
    <row r="388817" spans="8:8">
      <c r="H388817" s="12"/>
    </row>
    <row r="388818" spans="8:8">
      <c r="H388818" s="12"/>
    </row>
    <row r="388819" spans="8:8">
      <c r="H388819" s="12"/>
    </row>
    <row r="388820" spans="8:8">
      <c r="H388820" s="12"/>
    </row>
    <row r="388821" spans="8:8">
      <c r="H388821" s="12"/>
    </row>
    <row r="388822" spans="8:8">
      <c r="H388822" s="12"/>
    </row>
    <row r="388823" spans="8:8">
      <c r="H388823" s="12"/>
    </row>
    <row r="388824" spans="8:8">
      <c r="H388824" s="12"/>
    </row>
    <row r="388825" spans="8:8">
      <c r="H388825" s="12"/>
    </row>
    <row r="388826" spans="8:8">
      <c r="H388826" s="12"/>
    </row>
    <row r="388827" spans="8:8">
      <c r="H388827" s="12"/>
    </row>
    <row r="388828" spans="8:8">
      <c r="H388828" s="12"/>
    </row>
    <row r="388829" spans="8:8">
      <c r="H388829" s="12"/>
    </row>
    <row r="388830" spans="8:8">
      <c r="H388830" s="12"/>
    </row>
    <row r="388831" spans="8:8">
      <c r="H388831" s="12"/>
    </row>
    <row r="388832" spans="8:8">
      <c r="H388832" s="12"/>
    </row>
    <row r="388833" spans="8:8">
      <c r="H388833" s="12"/>
    </row>
    <row r="388834" spans="8:8">
      <c r="H388834" s="12"/>
    </row>
    <row r="388835" spans="8:8">
      <c r="H388835" s="12"/>
    </row>
    <row r="388836" spans="8:8">
      <c r="H388836" s="12"/>
    </row>
    <row r="388837" spans="8:8">
      <c r="H388837" s="12"/>
    </row>
    <row r="388838" spans="8:8">
      <c r="H388838" s="12"/>
    </row>
    <row r="388839" spans="8:8">
      <c r="H388839" s="12"/>
    </row>
    <row r="388840" spans="8:8">
      <c r="H388840" s="12"/>
    </row>
    <row r="388841" spans="8:8">
      <c r="H388841" s="12"/>
    </row>
    <row r="388842" spans="8:8">
      <c r="H388842" s="12"/>
    </row>
    <row r="388843" spans="8:8">
      <c r="H388843" s="12"/>
    </row>
    <row r="388844" spans="8:8">
      <c r="H388844" s="12"/>
    </row>
    <row r="388845" spans="8:8">
      <c r="H388845" s="12"/>
    </row>
    <row r="388846" spans="8:8">
      <c r="H388846" s="12"/>
    </row>
    <row r="388847" spans="8:8">
      <c r="H388847" s="12"/>
    </row>
    <row r="388848" spans="8:8">
      <c r="H388848" s="12"/>
    </row>
    <row r="388849" spans="8:8">
      <c r="H388849" s="12"/>
    </row>
    <row r="388850" spans="8:8">
      <c r="H388850" s="12"/>
    </row>
    <row r="388851" spans="8:8">
      <c r="H388851" s="12"/>
    </row>
    <row r="388852" spans="8:8">
      <c r="H388852" s="12"/>
    </row>
    <row r="388853" spans="8:8">
      <c r="H388853" s="12"/>
    </row>
    <row r="388854" spans="8:8">
      <c r="H388854" s="12"/>
    </row>
    <row r="388855" spans="8:8">
      <c r="H388855" s="12"/>
    </row>
    <row r="388856" spans="8:8">
      <c r="H388856" s="12"/>
    </row>
    <row r="388857" spans="8:8">
      <c r="H388857" s="12"/>
    </row>
    <row r="388858" spans="8:8">
      <c r="H388858" s="12"/>
    </row>
    <row r="388859" spans="8:8">
      <c r="H388859" s="12"/>
    </row>
    <row r="388860" spans="8:8">
      <c r="H388860" s="12"/>
    </row>
    <row r="388861" spans="8:8">
      <c r="H388861" s="12"/>
    </row>
    <row r="388862" spans="8:8">
      <c r="H388862" s="12"/>
    </row>
    <row r="388863" spans="8:8">
      <c r="H388863" s="12"/>
    </row>
    <row r="388864" spans="8:8">
      <c r="H388864" s="12"/>
    </row>
    <row r="388865" spans="8:8">
      <c r="H388865" s="12"/>
    </row>
    <row r="388866" spans="8:8">
      <c r="H388866" s="12"/>
    </row>
    <row r="388867" spans="8:8">
      <c r="H388867" s="12"/>
    </row>
    <row r="388868" spans="8:8">
      <c r="H388868" s="12"/>
    </row>
    <row r="388869" spans="8:8">
      <c r="H388869" s="12"/>
    </row>
    <row r="388870" spans="8:8">
      <c r="H388870" s="12"/>
    </row>
    <row r="388871" spans="8:8">
      <c r="H388871" s="12"/>
    </row>
    <row r="388872" spans="8:8">
      <c r="H388872" s="12"/>
    </row>
    <row r="388873" spans="8:8">
      <c r="H388873" s="12"/>
    </row>
    <row r="388874" spans="8:8">
      <c r="H388874" s="12"/>
    </row>
    <row r="388875" spans="8:8">
      <c r="H388875" s="12"/>
    </row>
    <row r="388876" spans="8:8">
      <c r="H388876" s="12"/>
    </row>
    <row r="388877" spans="8:8">
      <c r="H388877" s="12"/>
    </row>
    <row r="388878" spans="8:8">
      <c r="H388878" s="12"/>
    </row>
    <row r="388879" spans="8:8">
      <c r="H388879" s="12"/>
    </row>
    <row r="388880" spans="8:8">
      <c r="H388880" s="12"/>
    </row>
    <row r="388881" spans="8:8">
      <c r="H388881" s="12"/>
    </row>
    <row r="388882" spans="8:8">
      <c r="H388882" s="12"/>
    </row>
    <row r="388883" spans="8:8">
      <c r="H388883" s="12"/>
    </row>
    <row r="388884" spans="8:8">
      <c r="H388884" s="12"/>
    </row>
    <row r="388885" spans="8:8">
      <c r="H388885" s="12"/>
    </row>
    <row r="388886" spans="8:8">
      <c r="H388886" s="12"/>
    </row>
    <row r="388887" spans="8:8">
      <c r="H388887" s="12"/>
    </row>
    <row r="388888" spans="8:8">
      <c r="H388888" s="12"/>
    </row>
    <row r="388889" spans="8:8">
      <c r="H388889" s="12"/>
    </row>
    <row r="388890" spans="8:8">
      <c r="H388890" s="12"/>
    </row>
    <row r="388891" spans="8:8">
      <c r="H388891" s="12"/>
    </row>
    <row r="388892" spans="8:8">
      <c r="H388892" s="12"/>
    </row>
    <row r="388893" spans="8:8">
      <c r="H388893" s="12"/>
    </row>
    <row r="388894" spans="8:8">
      <c r="H388894" s="12"/>
    </row>
    <row r="388895" spans="8:8">
      <c r="H388895" s="12"/>
    </row>
    <row r="388896" spans="8:8">
      <c r="H388896" s="12"/>
    </row>
    <row r="388897" spans="8:8">
      <c r="H388897" s="12"/>
    </row>
    <row r="388898" spans="8:8">
      <c r="H388898" s="12"/>
    </row>
    <row r="388899" spans="8:8">
      <c r="H388899" s="12"/>
    </row>
    <row r="388900" spans="8:8">
      <c r="H388900" s="12"/>
    </row>
    <row r="388901" spans="8:8">
      <c r="H388901" s="12"/>
    </row>
    <row r="388902" spans="8:8">
      <c r="H388902" s="12"/>
    </row>
    <row r="388903" spans="8:8">
      <c r="H388903" s="12"/>
    </row>
    <row r="388904" spans="8:8">
      <c r="H388904" s="12"/>
    </row>
    <row r="388905" spans="8:8">
      <c r="H388905" s="12"/>
    </row>
    <row r="388906" spans="8:8">
      <c r="H388906" s="12"/>
    </row>
    <row r="388907" spans="8:8">
      <c r="H388907" s="12"/>
    </row>
    <row r="388908" spans="8:8">
      <c r="H388908" s="12"/>
    </row>
    <row r="388909" spans="8:8">
      <c r="H388909" s="12"/>
    </row>
    <row r="388910" spans="8:8">
      <c r="H388910" s="12"/>
    </row>
    <row r="388911" spans="8:8">
      <c r="H388911" s="12"/>
    </row>
    <row r="388912" spans="8:8">
      <c r="H388912" s="12"/>
    </row>
    <row r="388913" spans="8:8">
      <c r="H388913" s="12"/>
    </row>
    <row r="388914" spans="8:8">
      <c r="H388914" s="12"/>
    </row>
    <row r="388915" spans="8:8">
      <c r="H388915" s="12"/>
    </row>
    <row r="388916" spans="8:8">
      <c r="H388916" s="12"/>
    </row>
    <row r="388917" spans="8:8">
      <c r="H388917" s="12"/>
    </row>
    <row r="388918" spans="8:8">
      <c r="H388918" s="12"/>
    </row>
    <row r="388919" spans="8:8">
      <c r="H388919" s="12"/>
    </row>
    <row r="388920" spans="8:8">
      <c r="H388920" s="12"/>
    </row>
    <row r="388921" spans="8:8">
      <c r="H388921" s="12"/>
    </row>
    <row r="388922" spans="8:8">
      <c r="H388922" s="12"/>
    </row>
    <row r="388923" spans="8:8">
      <c r="H388923" s="12"/>
    </row>
    <row r="388924" spans="8:8">
      <c r="H388924" s="12"/>
    </row>
    <row r="388925" spans="8:8">
      <c r="H388925" s="12"/>
    </row>
    <row r="388926" spans="8:8">
      <c r="H388926" s="12"/>
    </row>
    <row r="388927" spans="8:8">
      <c r="H388927" s="12"/>
    </row>
    <row r="388928" spans="8:8">
      <c r="H388928" s="12"/>
    </row>
    <row r="388929" spans="8:8">
      <c r="H388929" s="12"/>
    </row>
    <row r="388930" spans="8:8">
      <c r="H388930" s="12"/>
    </row>
    <row r="388931" spans="8:8">
      <c r="H388931" s="12"/>
    </row>
    <row r="388932" spans="8:8">
      <c r="H388932" s="12"/>
    </row>
    <row r="388933" spans="8:8">
      <c r="H388933" s="12"/>
    </row>
    <row r="388934" spans="8:8">
      <c r="H388934" s="12"/>
    </row>
    <row r="388935" spans="8:8">
      <c r="H388935" s="12"/>
    </row>
    <row r="388936" spans="8:8">
      <c r="H388936" s="12"/>
    </row>
    <row r="388937" spans="8:8">
      <c r="H388937" s="12"/>
    </row>
    <row r="388938" spans="8:8">
      <c r="H388938" s="12"/>
    </row>
    <row r="388939" spans="8:8">
      <c r="H388939" s="12"/>
    </row>
    <row r="388940" spans="8:8">
      <c r="H388940" s="12"/>
    </row>
    <row r="388941" spans="8:8">
      <c r="H388941" s="12"/>
    </row>
    <row r="388942" spans="8:8">
      <c r="H388942" s="12"/>
    </row>
    <row r="388943" spans="8:8">
      <c r="H388943" s="12"/>
    </row>
    <row r="388944" spans="8:8">
      <c r="H388944" s="12"/>
    </row>
    <row r="388945" spans="8:8">
      <c r="H388945" s="12"/>
    </row>
    <row r="388946" spans="8:8">
      <c r="H388946" s="12"/>
    </row>
    <row r="388947" spans="8:8">
      <c r="H388947" s="12"/>
    </row>
    <row r="388948" spans="8:8">
      <c r="H388948" s="12"/>
    </row>
    <row r="388949" spans="8:8">
      <c r="H388949" s="12"/>
    </row>
    <row r="388950" spans="8:8">
      <c r="H388950" s="12"/>
    </row>
    <row r="388951" spans="8:8">
      <c r="H388951" s="12"/>
    </row>
    <row r="388952" spans="8:8">
      <c r="H388952" s="12"/>
    </row>
    <row r="388953" spans="8:8">
      <c r="H388953" s="12"/>
    </row>
    <row r="388954" spans="8:8">
      <c r="H388954" s="12"/>
    </row>
    <row r="388955" spans="8:8">
      <c r="H388955" s="12"/>
    </row>
    <row r="388956" spans="8:8">
      <c r="H388956" s="12"/>
    </row>
    <row r="388957" spans="8:8">
      <c r="H388957" s="12"/>
    </row>
    <row r="388958" spans="8:8">
      <c r="H388958" s="12"/>
    </row>
    <row r="388959" spans="8:8">
      <c r="H388959" s="12"/>
    </row>
    <row r="388960" spans="8:8">
      <c r="H388960" s="12"/>
    </row>
    <row r="388961" spans="8:8">
      <c r="H388961" s="12"/>
    </row>
    <row r="388962" spans="8:8">
      <c r="H388962" s="12"/>
    </row>
    <row r="388963" spans="8:8">
      <c r="H388963" s="12"/>
    </row>
    <row r="388964" spans="8:8">
      <c r="H388964" s="12"/>
    </row>
    <row r="388965" spans="8:8">
      <c r="H388965" s="12"/>
    </row>
    <row r="388966" spans="8:8">
      <c r="H388966" s="12"/>
    </row>
    <row r="388967" spans="8:8">
      <c r="H388967" s="12"/>
    </row>
    <row r="388968" spans="8:8">
      <c r="H388968" s="12"/>
    </row>
    <row r="388969" spans="8:8">
      <c r="H388969" s="12"/>
    </row>
    <row r="388970" spans="8:8">
      <c r="H388970" s="12"/>
    </row>
    <row r="388971" spans="8:8">
      <c r="H388971" s="12"/>
    </row>
    <row r="388972" spans="8:8">
      <c r="H388972" s="12"/>
    </row>
    <row r="388973" spans="8:8">
      <c r="H388973" s="12"/>
    </row>
    <row r="388974" spans="8:8">
      <c r="H388974" s="12"/>
    </row>
    <row r="388975" spans="8:8">
      <c r="H388975" s="12"/>
    </row>
    <row r="388976" spans="8:8">
      <c r="H388976" s="12"/>
    </row>
    <row r="388977" spans="8:8">
      <c r="H388977" s="12"/>
    </row>
    <row r="388978" spans="8:8">
      <c r="H388978" s="12"/>
    </row>
    <row r="388979" spans="8:8">
      <c r="H388979" s="12"/>
    </row>
    <row r="388980" spans="8:8">
      <c r="H388980" s="12"/>
    </row>
    <row r="388981" spans="8:8">
      <c r="H388981" s="12"/>
    </row>
    <row r="388982" spans="8:8">
      <c r="H388982" s="12"/>
    </row>
    <row r="388983" spans="8:8">
      <c r="H388983" s="12"/>
    </row>
    <row r="388984" spans="8:8">
      <c r="H388984" s="12"/>
    </row>
    <row r="388985" spans="8:8">
      <c r="H388985" s="12"/>
    </row>
    <row r="388986" spans="8:8">
      <c r="H388986" s="12"/>
    </row>
    <row r="388987" spans="8:8">
      <c r="H388987" s="12"/>
    </row>
    <row r="388988" spans="8:8">
      <c r="H388988" s="12"/>
    </row>
    <row r="388989" spans="8:8">
      <c r="H388989" s="12"/>
    </row>
    <row r="388990" spans="8:8">
      <c r="H388990" s="12"/>
    </row>
    <row r="388991" spans="8:8">
      <c r="H388991" s="12"/>
    </row>
    <row r="388992" spans="8:8">
      <c r="H388992" s="12"/>
    </row>
    <row r="388993" spans="8:8">
      <c r="H388993" s="12"/>
    </row>
    <row r="388994" spans="8:8">
      <c r="H388994" s="12"/>
    </row>
    <row r="388995" spans="8:8">
      <c r="H388995" s="12"/>
    </row>
    <row r="388996" spans="8:8">
      <c r="H388996" s="12"/>
    </row>
    <row r="388997" spans="8:8">
      <c r="H388997" s="12"/>
    </row>
    <row r="388998" spans="8:8">
      <c r="H388998" s="12"/>
    </row>
    <row r="388999" spans="8:8">
      <c r="H388999" s="12"/>
    </row>
    <row r="389000" spans="8:8">
      <c r="H389000" s="12"/>
    </row>
    <row r="389001" spans="8:8">
      <c r="H389001" s="12"/>
    </row>
    <row r="389002" spans="8:8">
      <c r="H389002" s="12"/>
    </row>
    <row r="389003" spans="8:8">
      <c r="H389003" s="12"/>
    </row>
    <row r="389004" spans="8:8">
      <c r="H389004" s="12"/>
    </row>
    <row r="389005" spans="8:8">
      <c r="H389005" s="12"/>
    </row>
    <row r="389006" spans="8:8">
      <c r="H389006" s="12"/>
    </row>
    <row r="389007" spans="8:8">
      <c r="H389007" s="12"/>
    </row>
    <row r="389008" spans="8:8">
      <c r="H389008" s="12"/>
    </row>
    <row r="389009" spans="8:8">
      <c r="H389009" s="12"/>
    </row>
    <row r="389010" spans="8:8">
      <c r="H389010" s="12"/>
    </row>
    <row r="389011" spans="8:8">
      <c r="H389011" s="12"/>
    </row>
    <row r="389012" spans="8:8">
      <c r="H389012" s="12"/>
    </row>
    <row r="389013" spans="8:8">
      <c r="H389013" s="12"/>
    </row>
    <row r="389014" spans="8:8">
      <c r="H389014" s="12"/>
    </row>
    <row r="389015" spans="8:8">
      <c r="H389015" s="12"/>
    </row>
    <row r="389016" spans="8:8">
      <c r="H389016" s="12"/>
    </row>
    <row r="389017" spans="8:8">
      <c r="H389017" s="12"/>
    </row>
    <row r="389018" spans="8:8">
      <c r="H389018" s="12"/>
    </row>
    <row r="389019" spans="8:8">
      <c r="H389019" s="12"/>
    </row>
    <row r="389020" spans="8:8">
      <c r="H389020" s="12"/>
    </row>
    <row r="389021" spans="8:8">
      <c r="H389021" s="12"/>
    </row>
    <row r="389022" spans="8:8">
      <c r="H389022" s="12"/>
    </row>
    <row r="389023" spans="8:8">
      <c r="H389023" s="12"/>
    </row>
    <row r="389024" spans="8:8">
      <c r="H389024" s="12"/>
    </row>
    <row r="389025" spans="8:8">
      <c r="H389025" s="12"/>
    </row>
    <row r="389026" spans="8:8">
      <c r="H389026" s="12"/>
    </row>
    <row r="389027" spans="8:8">
      <c r="H389027" s="12"/>
    </row>
    <row r="389028" spans="8:8">
      <c r="H389028" s="12"/>
    </row>
    <row r="389029" spans="8:8">
      <c r="H389029" s="12"/>
    </row>
    <row r="389030" spans="8:8">
      <c r="H389030" s="12"/>
    </row>
    <row r="389031" spans="8:8">
      <c r="H389031" s="12"/>
    </row>
    <row r="389032" spans="8:8">
      <c r="H389032" s="12"/>
    </row>
    <row r="389033" spans="8:8">
      <c r="H389033" s="12"/>
    </row>
    <row r="389034" spans="8:8">
      <c r="H389034" s="12"/>
    </row>
    <row r="389035" spans="8:8">
      <c r="H389035" s="12"/>
    </row>
    <row r="389036" spans="8:8">
      <c r="H389036" s="12"/>
    </row>
    <row r="389037" spans="8:8">
      <c r="H389037" s="12"/>
    </row>
    <row r="389038" spans="8:8">
      <c r="H389038" s="12"/>
    </row>
    <row r="389039" spans="8:8">
      <c r="H389039" s="12"/>
    </row>
    <row r="389040" spans="8:8">
      <c r="H389040" s="12"/>
    </row>
    <row r="389041" spans="8:8">
      <c r="H389041" s="12"/>
    </row>
    <row r="389042" spans="8:8">
      <c r="H389042" s="12"/>
    </row>
    <row r="389043" spans="8:8">
      <c r="H389043" s="12"/>
    </row>
    <row r="389044" spans="8:8">
      <c r="H389044" s="12"/>
    </row>
    <row r="389045" spans="8:8">
      <c r="H389045" s="12"/>
    </row>
    <row r="389046" spans="8:8">
      <c r="H389046" s="12"/>
    </row>
    <row r="389047" spans="8:8">
      <c r="H389047" s="12"/>
    </row>
    <row r="389048" spans="8:8">
      <c r="H389048" s="12"/>
    </row>
    <row r="389049" spans="8:8">
      <c r="H389049" s="12"/>
    </row>
    <row r="389050" spans="8:8">
      <c r="H389050" s="12"/>
    </row>
    <row r="389051" spans="8:8">
      <c r="H389051" s="12"/>
    </row>
    <row r="389052" spans="8:8">
      <c r="H389052" s="12"/>
    </row>
    <row r="389053" spans="8:8">
      <c r="H389053" s="12"/>
    </row>
    <row r="389054" spans="8:8">
      <c r="H389054" s="12"/>
    </row>
    <row r="389055" spans="8:8">
      <c r="H389055" s="12"/>
    </row>
    <row r="389056" spans="8:8">
      <c r="H389056" s="12"/>
    </row>
    <row r="389057" spans="8:8">
      <c r="H389057" s="12"/>
    </row>
    <row r="389058" spans="8:8">
      <c r="H389058" s="12"/>
    </row>
    <row r="389059" spans="8:8">
      <c r="H389059" s="12"/>
    </row>
    <row r="389060" spans="8:8">
      <c r="H389060" s="12"/>
    </row>
    <row r="389061" spans="8:8">
      <c r="H389061" s="12"/>
    </row>
    <row r="389062" spans="8:8">
      <c r="H389062" s="12"/>
    </row>
    <row r="389063" spans="8:8">
      <c r="H389063" s="12"/>
    </row>
    <row r="389064" spans="8:8">
      <c r="H389064" s="12"/>
    </row>
    <row r="389065" spans="8:8">
      <c r="H389065" s="12"/>
    </row>
    <row r="389066" spans="8:8">
      <c r="H389066" s="12"/>
    </row>
    <row r="389067" spans="8:8">
      <c r="H389067" s="12"/>
    </row>
    <row r="389068" spans="8:8">
      <c r="H389068" s="12"/>
    </row>
    <row r="389069" spans="8:8">
      <c r="H389069" s="12"/>
    </row>
    <row r="389070" spans="8:8">
      <c r="H389070" s="12"/>
    </row>
    <row r="389071" spans="8:8">
      <c r="H389071" s="12"/>
    </row>
    <row r="389072" spans="8:8">
      <c r="H389072" s="12"/>
    </row>
    <row r="389073" spans="8:8">
      <c r="H389073" s="12"/>
    </row>
    <row r="389074" spans="8:8">
      <c r="H389074" s="12"/>
    </row>
    <row r="389075" spans="8:8">
      <c r="H389075" s="12"/>
    </row>
    <row r="389076" spans="8:8">
      <c r="H389076" s="12"/>
    </row>
    <row r="389077" spans="8:8">
      <c r="H389077" s="12"/>
    </row>
    <row r="389078" spans="8:8">
      <c r="H389078" s="12"/>
    </row>
    <row r="389079" spans="8:8">
      <c r="H389079" s="12"/>
    </row>
    <row r="389080" spans="8:8">
      <c r="H389080" s="12"/>
    </row>
    <row r="389081" spans="8:8">
      <c r="H389081" s="12"/>
    </row>
    <row r="389082" spans="8:8">
      <c r="H389082" s="12"/>
    </row>
    <row r="389083" spans="8:8">
      <c r="H389083" s="12"/>
    </row>
    <row r="389084" spans="8:8">
      <c r="H389084" s="12"/>
    </row>
    <row r="389085" spans="8:8">
      <c r="H389085" s="12"/>
    </row>
    <row r="389086" spans="8:8">
      <c r="H389086" s="12"/>
    </row>
    <row r="389087" spans="8:8">
      <c r="H389087" s="12"/>
    </row>
    <row r="389088" spans="8:8">
      <c r="H389088" s="12"/>
    </row>
    <row r="389089" spans="8:8">
      <c r="H389089" s="12"/>
    </row>
    <row r="389090" spans="8:8">
      <c r="H389090" s="12"/>
    </row>
    <row r="389091" spans="8:8">
      <c r="H389091" s="12"/>
    </row>
    <row r="389092" spans="8:8">
      <c r="H389092" s="12"/>
    </row>
    <row r="389093" spans="8:8">
      <c r="H389093" s="12"/>
    </row>
    <row r="389094" spans="8:8">
      <c r="H389094" s="12"/>
    </row>
    <row r="389095" spans="8:8">
      <c r="H389095" s="12"/>
    </row>
    <row r="389096" spans="8:8">
      <c r="H389096" s="12"/>
    </row>
    <row r="389097" spans="8:8">
      <c r="H389097" s="12"/>
    </row>
    <row r="389098" spans="8:8">
      <c r="H389098" s="12"/>
    </row>
    <row r="389099" spans="8:8">
      <c r="H389099" s="12"/>
    </row>
    <row r="389100" spans="8:8">
      <c r="H389100" s="12"/>
    </row>
    <row r="389101" spans="8:8">
      <c r="H389101" s="12"/>
    </row>
    <row r="389102" spans="8:8">
      <c r="H389102" s="12"/>
    </row>
    <row r="389103" spans="8:8">
      <c r="H389103" s="12"/>
    </row>
    <row r="389104" spans="8:8">
      <c r="H389104" s="12"/>
    </row>
    <row r="389105" spans="8:8">
      <c r="H389105" s="12"/>
    </row>
    <row r="389106" spans="8:8">
      <c r="H389106" s="12"/>
    </row>
    <row r="389107" spans="8:8">
      <c r="H389107" s="12"/>
    </row>
    <row r="389108" spans="8:8">
      <c r="H389108" s="12"/>
    </row>
    <row r="389109" spans="8:8">
      <c r="H389109" s="12"/>
    </row>
    <row r="389110" spans="8:8">
      <c r="H389110" s="12"/>
    </row>
    <row r="389111" spans="8:8">
      <c r="H389111" s="12"/>
    </row>
    <row r="389112" spans="8:8">
      <c r="H389112" s="12"/>
    </row>
    <row r="389113" spans="8:8">
      <c r="H389113" s="12"/>
    </row>
    <row r="389114" spans="8:8">
      <c r="H389114" s="12"/>
    </row>
    <row r="389115" spans="8:8">
      <c r="H389115" s="12"/>
    </row>
    <row r="389116" spans="8:8">
      <c r="H389116" s="12"/>
    </row>
    <row r="389117" spans="8:8">
      <c r="H389117" s="12"/>
    </row>
    <row r="389118" spans="8:8">
      <c r="H389118" s="12"/>
    </row>
    <row r="389119" spans="8:8">
      <c r="H389119" s="12"/>
    </row>
    <row r="389120" spans="8:8">
      <c r="H389120" s="12"/>
    </row>
    <row r="389121" spans="8:8">
      <c r="H389121" s="12"/>
    </row>
    <row r="389122" spans="8:8">
      <c r="H389122" s="12"/>
    </row>
    <row r="389123" spans="8:8">
      <c r="H389123" s="12"/>
    </row>
    <row r="389124" spans="8:8">
      <c r="H389124" s="12"/>
    </row>
    <row r="389125" spans="8:8">
      <c r="H389125" s="12"/>
    </row>
    <row r="389126" spans="8:8">
      <c r="H389126" s="12"/>
    </row>
    <row r="389127" spans="8:8">
      <c r="H389127" s="12"/>
    </row>
    <row r="389128" spans="8:8">
      <c r="H389128" s="12"/>
    </row>
    <row r="389129" spans="8:8">
      <c r="H389129" s="12"/>
    </row>
    <row r="389130" spans="8:8">
      <c r="H389130" s="12"/>
    </row>
    <row r="389131" spans="8:8">
      <c r="H389131" s="12"/>
    </row>
    <row r="389132" spans="8:8">
      <c r="H389132" s="12"/>
    </row>
    <row r="389133" spans="8:8">
      <c r="H389133" s="12"/>
    </row>
    <row r="389134" spans="8:8">
      <c r="H389134" s="12"/>
    </row>
    <row r="389135" spans="8:8">
      <c r="H389135" s="12"/>
    </row>
    <row r="389136" spans="8:8">
      <c r="H389136" s="12"/>
    </row>
    <row r="389137" spans="8:8">
      <c r="H389137" s="12"/>
    </row>
    <row r="389138" spans="8:8">
      <c r="H389138" s="12"/>
    </row>
    <row r="389139" spans="8:8">
      <c r="H389139" s="12"/>
    </row>
    <row r="389140" spans="8:8">
      <c r="H389140" s="12"/>
    </row>
    <row r="389141" spans="8:8">
      <c r="H389141" s="12"/>
    </row>
    <row r="389142" spans="8:8">
      <c r="H389142" s="12"/>
    </row>
    <row r="389143" spans="8:8">
      <c r="H389143" s="12"/>
    </row>
    <row r="389144" spans="8:8">
      <c r="H389144" s="12"/>
    </row>
    <row r="389145" spans="8:8">
      <c r="H389145" s="12"/>
    </row>
    <row r="389146" spans="8:8">
      <c r="H389146" s="12"/>
    </row>
    <row r="389147" spans="8:8">
      <c r="H389147" s="12"/>
    </row>
    <row r="389148" spans="8:8">
      <c r="H389148" s="12"/>
    </row>
    <row r="389149" spans="8:8">
      <c r="H389149" s="12"/>
    </row>
    <row r="389150" spans="8:8">
      <c r="H389150" s="12"/>
    </row>
    <row r="389151" spans="8:8">
      <c r="H389151" s="12"/>
    </row>
    <row r="389152" spans="8:8">
      <c r="H389152" s="12"/>
    </row>
    <row r="389153" spans="8:8">
      <c r="H389153" s="12"/>
    </row>
    <row r="389154" spans="8:8">
      <c r="H389154" s="12"/>
    </row>
    <row r="389155" spans="8:8">
      <c r="H389155" s="12"/>
    </row>
    <row r="389156" spans="8:8">
      <c r="H389156" s="12"/>
    </row>
    <row r="389157" spans="8:8">
      <c r="H389157" s="12"/>
    </row>
    <row r="389158" spans="8:8">
      <c r="H389158" s="12"/>
    </row>
    <row r="389159" spans="8:8">
      <c r="H389159" s="12"/>
    </row>
    <row r="389160" spans="8:8">
      <c r="H389160" s="12"/>
    </row>
    <row r="389161" spans="8:8">
      <c r="H389161" s="12"/>
    </row>
    <row r="389162" spans="8:8">
      <c r="H389162" s="12"/>
    </row>
    <row r="389163" spans="8:8">
      <c r="H389163" s="12"/>
    </row>
    <row r="389164" spans="8:8">
      <c r="H389164" s="12"/>
    </row>
    <row r="389165" spans="8:8">
      <c r="H389165" s="12"/>
    </row>
    <row r="389166" spans="8:8">
      <c r="H389166" s="12"/>
    </row>
    <row r="389167" spans="8:8">
      <c r="H389167" s="12"/>
    </row>
    <row r="389168" spans="8:8">
      <c r="H389168" s="12"/>
    </row>
    <row r="389169" spans="8:8">
      <c r="H389169" s="12"/>
    </row>
    <row r="389170" spans="8:8">
      <c r="H389170" s="12"/>
    </row>
    <row r="389171" spans="8:8">
      <c r="H389171" s="12"/>
    </row>
    <row r="389172" spans="8:8">
      <c r="H389172" s="12"/>
    </row>
    <row r="389173" spans="8:8">
      <c r="H389173" s="12"/>
    </row>
    <row r="389174" spans="8:8">
      <c r="H389174" s="12"/>
    </row>
    <row r="389175" spans="8:8">
      <c r="H389175" s="12"/>
    </row>
    <row r="389176" spans="8:8">
      <c r="H389176" s="12"/>
    </row>
    <row r="389177" spans="8:8">
      <c r="H389177" s="12"/>
    </row>
    <row r="389178" spans="8:8">
      <c r="H389178" s="12"/>
    </row>
    <row r="389179" spans="8:8">
      <c r="H389179" s="12"/>
    </row>
    <row r="389180" spans="8:8">
      <c r="H389180" s="12"/>
    </row>
    <row r="389181" spans="8:8">
      <c r="H389181" s="12"/>
    </row>
    <row r="389182" spans="8:8">
      <c r="H389182" s="12"/>
    </row>
    <row r="389183" spans="8:8">
      <c r="H389183" s="12"/>
    </row>
    <row r="389184" spans="8:8">
      <c r="H389184" s="12"/>
    </row>
    <row r="389185" spans="8:8">
      <c r="H389185" s="12"/>
    </row>
    <row r="389186" spans="8:8">
      <c r="H389186" s="12"/>
    </row>
    <row r="389187" spans="8:8">
      <c r="H389187" s="12"/>
    </row>
    <row r="389188" spans="8:8">
      <c r="H389188" s="12"/>
    </row>
    <row r="389189" spans="8:8">
      <c r="H389189" s="12"/>
    </row>
    <row r="389190" spans="8:8">
      <c r="H389190" s="12"/>
    </row>
    <row r="389191" spans="8:8">
      <c r="H389191" s="12"/>
    </row>
    <row r="389192" spans="8:8">
      <c r="H389192" s="12"/>
    </row>
    <row r="389193" spans="8:8">
      <c r="H389193" s="12"/>
    </row>
    <row r="389194" spans="8:8">
      <c r="H389194" s="12"/>
    </row>
    <row r="389195" spans="8:8">
      <c r="H389195" s="12"/>
    </row>
    <row r="389196" spans="8:8">
      <c r="H389196" s="12"/>
    </row>
    <row r="389197" spans="8:8">
      <c r="H389197" s="12"/>
    </row>
    <row r="389198" spans="8:8">
      <c r="H389198" s="12"/>
    </row>
    <row r="389199" spans="8:8">
      <c r="H389199" s="12"/>
    </row>
    <row r="389200" spans="8:8">
      <c r="H389200" s="12"/>
    </row>
    <row r="389201" spans="8:8">
      <c r="H389201" s="12"/>
    </row>
    <row r="389202" spans="8:8">
      <c r="H389202" s="12"/>
    </row>
    <row r="389203" spans="8:8">
      <c r="H389203" s="12"/>
    </row>
    <row r="389204" spans="8:8">
      <c r="H389204" s="12"/>
    </row>
    <row r="389205" spans="8:8">
      <c r="H389205" s="12"/>
    </row>
    <row r="389206" spans="8:8">
      <c r="H389206" s="12"/>
    </row>
    <row r="389207" spans="8:8">
      <c r="H389207" s="12"/>
    </row>
    <row r="389208" spans="8:8">
      <c r="H389208" s="12"/>
    </row>
    <row r="389209" spans="8:8">
      <c r="H389209" s="12"/>
    </row>
    <row r="389210" spans="8:8">
      <c r="H389210" s="12"/>
    </row>
    <row r="389211" spans="8:8">
      <c r="H389211" s="12"/>
    </row>
    <row r="389212" spans="8:8">
      <c r="H389212" s="12"/>
    </row>
    <row r="389213" spans="8:8">
      <c r="H389213" s="12"/>
    </row>
    <row r="389214" spans="8:8">
      <c r="H389214" s="12"/>
    </row>
    <row r="389215" spans="8:8">
      <c r="H389215" s="12"/>
    </row>
    <row r="389216" spans="8:8">
      <c r="H389216" s="12"/>
    </row>
    <row r="389217" spans="8:8">
      <c r="H389217" s="12"/>
    </row>
    <row r="389218" spans="8:8">
      <c r="H389218" s="12"/>
    </row>
    <row r="389219" spans="8:8">
      <c r="H389219" s="12"/>
    </row>
    <row r="389220" spans="8:8">
      <c r="H389220" s="12"/>
    </row>
    <row r="389221" spans="8:8">
      <c r="H389221" s="12"/>
    </row>
    <row r="389222" spans="8:8">
      <c r="H389222" s="12"/>
    </row>
    <row r="389223" spans="8:8">
      <c r="H389223" s="12"/>
    </row>
    <row r="389224" spans="8:8">
      <c r="H389224" s="12"/>
    </row>
    <row r="389225" spans="8:8">
      <c r="H389225" s="12"/>
    </row>
    <row r="389226" spans="8:8">
      <c r="H389226" s="12"/>
    </row>
    <row r="389227" spans="8:8">
      <c r="H389227" s="12"/>
    </row>
    <row r="389228" spans="8:8">
      <c r="H389228" s="12"/>
    </row>
    <row r="389229" spans="8:8">
      <c r="H389229" s="12"/>
    </row>
    <row r="389230" spans="8:8">
      <c r="H389230" s="12"/>
    </row>
    <row r="389231" spans="8:8">
      <c r="H389231" s="12"/>
    </row>
    <row r="389232" spans="8:8">
      <c r="H389232" s="12"/>
    </row>
    <row r="389233" spans="8:8">
      <c r="H389233" s="12"/>
    </row>
    <row r="389234" spans="8:8">
      <c r="H389234" s="12"/>
    </row>
    <row r="389235" spans="8:8">
      <c r="H389235" s="12"/>
    </row>
    <row r="389236" spans="8:8">
      <c r="H389236" s="12"/>
    </row>
    <row r="389237" spans="8:8">
      <c r="H389237" s="12"/>
    </row>
    <row r="389238" spans="8:8">
      <c r="H389238" s="12"/>
    </row>
    <row r="389239" spans="8:8">
      <c r="H389239" s="12"/>
    </row>
    <row r="389240" spans="8:8">
      <c r="H389240" s="12"/>
    </row>
    <row r="389241" spans="8:8">
      <c r="H389241" s="12"/>
    </row>
    <row r="389242" spans="8:8">
      <c r="H389242" s="12"/>
    </row>
    <row r="389243" spans="8:8">
      <c r="H389243" s="12"/>
    </row>
    <row r="389244" spans="8:8">
      <c r="H389244" s="12"/>
    </row>
    <row r="389245" spans="8:8">
      <c r="H389245" s="12"/>
    </row>
    <row r="389246" spans="8:8">
      <c r="H389246" s="12"/>
    </row>
    <row r="389247" spans="8:8">
      <c r="H389247" s="12"/>
    </row>
    <row r="389248" spans="8:8">
      <c r="H389248" s="12"/>
    </row>
    <row r="389249" spans="8:8">
      <c r="H389249" s="12"/>
    </row>
    <row r="389250" spans="8:8">
      <c r="H389250" s="12"/>
    </row>
    <row r="389251" spans="8:8">
      <c r="H389251" s="12"/>
    </row>
    <row r="389252" spans="8:8">
      <c r="H389252" s="12"/>
    </row>
    <row r="389253" spans="8:8">
      <c r="H389253" s="12"/>
    </row>
    <row r="389254" spans="8:8">
      <c r="H389254" s="12"/>
    </row>
    <row r="389255" spans="8:8">
      <c r="H389255" s="12"/>
    </row>
    <row r="389256" spans="8:8">
      <c r="H389256" s="12"/>
    </row>
    <row r="389257" spans="8:8">
      <c r="H389257" s="12"/>
    </row>
    <row r="389258" spans="8:8">
      <c r="H389258" s="12"/>
    </row>
    <row r="389259" spans="8:8">
      <c r="H389259" s="12"/>
    </row>
    <row r="389260" spans="8:8">
      <c r="H389260" s="12"/>
    </row>
    <row r="389261" spans="8:8">
      <c r="H389261" s="12"/>
    </row>
    <row r="389262" spans="8:8">
      <c r="H389262" s="12"/>
    </row>
    <row r="389263" spans="8:8">
      <c r="H389263" s="12"/>
    </row>
    <row r="389264" spans="8:8">
      <c r="H389264" s="12"/>
    </row>
    <row r="389265" spans="8:8">
      <c r="H389265" s="12"/>
    </row>
    <row r="389266" spans="8:8">
      <c r="H389266" s="12"/>
    </row>
    <row r="389267" spans="8:8">
      <c r="H389267" s="12"/>
    </row>
    <row r="389268" spans="8:8">
      <c r="H389268" s="12"/>
    </row>
    <row r="389269" spans="8:8">
      <c r="H389269" s="12"/>
    </row>
    <row r="389270" spans="8:8">
      <c r="H389270" s="12"/>
    </row>
    <row r="389271" spans="8:8">
      <c r="H389271" s="12"/>
    </row>
    <row r="389272" spans="8:8">
      <c r="H389272" s="12"/>
    </row>
    <row r="389273" spans="8:8">
      <c r="H389273" s="12"/>
    </row>
    <row r="389274" spans="8:8">
      <c r="H389274" s="12"/>
    </row>
    <row r="389275" spans="8:8">
      <c r="H389275" s="12"/>
    </row>
    <row r="389276" spans="8:8">
      <c r="H389276" s="12"/>
    </row>
    <row r="389277" spans="8:8">
      <c r="H389277" s="12"/>
    </row>
    <row r="389278" spans="8:8">
      <c r="H389278" s="12"/>
    </row>
    <row r="389279" spans="8:8">
      <c r="H389279" s="12"/>
    </row>
    <row r="389280" spans="8:8">
      <c r="H389280" s="12"/>
    </row>
    <row r="389281" spans="8:8">
      <c r="H389281" s="12"/>
    </row>
    <row r="389282" spans="8:8">
      <c r="H389282" s="12"/>
    </row>
    <row r="389283" spans="8:8">
      <c r="H389283" s="12"/>
    </row>
    <row r="389284" spans="8:8">
      <c r="H389284" s="12"/>
    </row>
    <row r="389285" spans="8:8">
      <c r="H389285" s="12"/>
    </row>
    <row r="389286" spans="8:8">
      <c r="H389286" s="12"/>
    </row>
    <row r="389287" spans="8:8">
      <c r="H389287" s="12"/>
    </row>
    <row r="389288" spans="8:8">
      <c r="H389288" s="12"/>
    </row>
    <row r="389289" spans="8:8">
      <c r="H389289" s="12"/>
    </row>
    <row r="389290" spans="8:8">
      <c r="H389290" s="12"/>
    </row>
    <row r="389291" spans="8:8">
      <c r="H389291" s="12"/>
    </row>
    <row r="389292" spans="8:8">
      <c r="H389292" s="12"/>
    </row>
    <row r="389293" spans="8:8">
      <c r="H389293" s="12"/>
    </row>
    <row r="389294" spans="8:8">
      <c r="H389294" s="12"/>
    </row>
    <row r="389295" spans="8:8">
      <c r="H389295" s="12"/>
    </row>
    <row r="389296" spans="8:8">
      <c r="H389296" s="12"/>
    </row>
    <row r="389297" spans="8:8">
      <c r="H389297" s="12"/>
    </row>
    <row r="389298" spans="8:8">
      <c r="H389298" s="12"/>
    </row>
    <row r="389299" spans="8:8">
      <c r="H389299" s="12"/>
    </row>
    <row r="389300" spans="8:8">
      <c r="H389300" s="12"/>
    </row>
    <row r="389301" spans="8:8">
      <c r="H389301" s="12"/>
    </row>
    <row r="389302" spans="8:8">
      <c r="H389302" s="12"/>
    </row>
    <row r="389303" spans="8:8">
      <c r="H389303" s="12"/>
    </row>
    <row r="389304" spans="8:8">
      <c r="H389304" s="12"/>
    </row>
    <row r="389305" spans="8:8">
      <c r="H389305" s="12"/>
    </row>
    <row r="389306" spans="8:8">
      <c r="H389306" s="12"/>
    </row>
    <row r="389307" spans="8:8">
      <c r="H389307" s="12"/>
    </row>
    <row r="389308" spans="8:8">
      <c r="H389308" s="12"/>
    </row>
    <row r="389309" spans="8:8">
      <c r="H389309" s="12"/>
    </row>
    <row r="389310" spans="8:8">
      <c r="H389310" s="12"/>
    </row>
    <row r="389311" spans="8:8">
      <c r="H389311" s="12"/>
    </row>
    <row r="389312" spans="8:8">
      <c r="H389312" s="12"/>
    </row>
    <row r="389313" spans="8:8">
      <c r="H389313" s="12"/>
    </row>
    <row r="389314" spans="8:8">
      <c r="H389314" s="12"/>
    </row>
    <row r="389315" spans="8:8">
      <c r="H389315" s="12"/>
    </row>
    <row r="389316" spans="8:8">
      <c r="H389316" s="12"/>
    </row>
    <row r="389317" spans="8:8">
      <c r="H389317" s="12"/>
    </row>
    <row r="389318" spans="8:8">
      <c r="H389318" s="12"/>
    </row>
    <row r="389319" spans="8:8">
      <c r="H389319" s="12"/>
    </row>
    <row r="389320" spans="8:8">
      <c r="H389320" s="12"/>
    </row>
    <row r="389321" spans="8:8">
      <c r="H389321" s="12"/>
    </row>
    <row r="389322" spans="8:8">
      <c r="H389322" s="12"/>
    </row>
    <row r="389323" spans="8:8">
      <c r="H389323" s="12"/>
    </row>
    <row r="389324" spans="8:8">
      <c r="H389324" s="12"/>
    </row>
    <row r="389325" spans="8:8">
      <c r="H389325" s="12"/>
    </row>
    <row r="389326" spans="8:8">
      <c r="H389326" s="12"/>
    </row>
    <row r="389327" spans="8:8">
      <c r="H389327" s="12"/>
    </row>
    <row r="389328" spans="8:8">
      <c r="H389328" s="12"/>
    </row>
    <row r="389329" spans="8:8">
      <c r="H389329" s="12"/>
    </row>
    <row r="389330" spans="8:8">
      <c r="H389330" s="12"/>
    </row>
    <row r="389331" spans="8:8">
      <c r="H389331" s="12"/>
    </row>
    <row r="389332" spans="8:8">
      <c r="H389332" s="12"/>
    </row>
    <row r="389333" spans="8:8">
      <c r="H389333" s="12"/>
    </row>
    <row r="389334" spans="8:8">
      <c r="H389334" s="12"/>
    </row>
    <row r="389335" spans="8:8">
      <c r="H389335" s="12"/>
    </row>
    <row r="389336" spans="8:8">
      <c r="H389336" s="12"/>
    </row>
    <row r="389337" spans="8:8">
      <c r="H389337" s="12"/>
    </row>
    <row r="389338" spans="8:8">
      <c r="H389338" s="12"/>
    </row>
    <row r="389339" spans="8:8">
      <c r="H389339" s="12"/>
    </row>
    <row r="389340" spans="8:8">
      <c r="H389340" s="12"/>
    </row>
    <row r="389341" spans="8:8">
      <c r="H389341" s="12"/>
    </row>
    <row r="389342" spans="8:8">
      <c r="H389342" s="12"/>
    </row>
    <row r="389343" spans="8:8">
      <c r="H389343" s="12"/>
    </row>
    <row r="389344" spans="8:8">
      <c r="H389344" s="12"/>
    </row>
    <row r="389345" spans="8:8">
      <c r="H389345" s="12"/>
    </row>
    <row r="389346" spans="8:8">
      <c r="H389346" s="12"/>
    </row>
    <row r="389347" spans="8:8">
      <c r="H389347" s="12"/>
    </row>
    <row r="389348" spans="8:8">
      <c r="H389348" s="12"/>
    </row>
    <row r="389349" spans="8:8">
      <c r="H389349" s="12"/>
    </row>
    <row r="389350" spans="8:8">
      <c r="H389350" s="12"/>
    </row>
    <row r="389351" spans="8:8">
      <c r="H389351" s="12"/>
    </row>
    <row r="389352" spans="8:8">
      <c r="H389352" s="12"/>
    </row>
    <row r="389353" spans="8:8">
      <c r="H389353" s="12"/>
    </row>
    <row r="389354" spans="8:8">
      <c r="H389354" s="12"/>
    </row>
    <row r="389355" spans="8:8">
      <c r="H389355" s="12"/>
    </row>
    <row r="389356" spans="8:8">
      <c r="H389356" s="12"/>
    </row>
    <row r="389357" spans="8:8">
      <c r="H389357" s="12"/>
    </row>
    <row r="389358" spans="8:8">
      <c r="H389358" s="12"/>
    </row>
    <row r="389359" spans="8:8">
      <c r="H389359" s="12"/>
    </row>
    <row r="389360" spans="8:8">
      <c r="H389360" s="12"/>
    </row>
    <row r="389361" spans="8:8">
      <c r="H389361" s="12"/>
    </row>
    <row r="389362" spans="8:8">
      <c r="H389362" s="12"/>
    </row>
    <row r="389363" spans="8:8">
      <c r="H389363" s="12"/>
    </row>
    <row r="389364" spans="8:8">
      <c r="H389364" s="12"/>
    </row>
    <row r="389365" spans="8:8">
      <c r="H389365" s="12"/>
    </row>
    <row r="389366" spans="8:8">
      <c r="H389366" s="12"/>
    </row>
    <row r="389367" spans="8:8">
      <c r="H389367" s="12"/>
    </row>
    <row r="389368" spans="8:8">
      <c r="H389368" s="12"/>
    </row>
    <row r="389369" spans="8:8">
      <c r="H389369" s="12"/>
    </row>
    <row r="389370" spans="8:8">
      <c r="H389370" s="12"/>
    </row>
    <row r="389371" spans="8:8">
      <c r="H389371" s="12"/>
    </row>
    <row r="389372" spans="8:8">
      <c r="H389372" s="12"/>
    </row>
    <row r="389373" spans="8:8">
      <c r="H389373" s="12"/>
    </row>
    <row r="389374" spans="8:8">
      <c r="H389374" s="12"/>
    </row>
    <row r="389375" spans="8:8">
      <c r="H389375" s="12"/>
    </row>
    <row r="389376" spans="8:8">
      <c r="H389376" s="12"/>
    </row>
    <row r="389377" spans="8:8">
      <c r="H389377" s="12"/>
    </row>
    <row r="389378" spans="8:8">
      <c r="H389378" s="12"/>
    </row>
    <row r="389379" spans="8:8">
      <c r="H389379" s="12"/>
    </row>
    <row r="389380" spans="8:8">
      <c r="H389380" s="12"/>
    </row>
    <row r="389381" spans="8:8">
      <c r="H389381" s="12"/>
    </row>
    <row r="389382" spans="8:8">
      <c r="H389382" s="12"/>
    </row>
    <row r="389383" spans="8:8">
      <c r="H389383" s="12"/>
    </row>
    <row r="389384" spans="8:8">
      <c r="H389384" s="12"/>
    </row>
    <row r="389385" spans="8:8">
      <c r="H389385" s="12"/>
    </row>
    <row r="389386" spans="8:8">
      <c r="H389386" s="12"/>
    </row>
    <row r="389387" spans="8:8">
      <c r="H389387" s="12"/>
    </row>
    <row r="389388" spans="8:8">
      <c r="H389388" s="12"/>
    </row>
    <row r="389389" spans="8:8">
      <c r="H389389" s="12"/>
    </row>
    <row r="389390" spans="8:8">
      <c r="H389390" s="12"/>
    </row>
    <row r="389391" spans="8:8">
      <c r="H389391" s="12"/>
    </row>
    <row r="389392" spans="8:8">
      <c r="H389392" s="12"/>
    </row>
    <row r="389393" spans="8:8">
      <c r="H389393" s="12"/>
    </row>
    <row r="389394" spans="8:8">
      <c r="H389394" s="12"/>
    </row>
    <row r="389395" spans="8:8">
      <c r="H389395" s="12"/>
    </row>
    <row r="389396" spans="8:8">
      <c r="H389396" s="12"/>
    </row>
    <row r="389397" spans="8:8">
      <c r="H389397" s="12"/>
    </row>
    <row r="389398" spans="8:8">
      <c r="H389398" s="12"/>
    </row>
    <row r="389399" spans="8:8">
      <c r="H389399" s="12"/>
    </row>
    <row r="389400" spans="8:8">
      <c r="H389400" s="12"/>
    </row>
    <row r="389401" spans="8:8">
      <c r="H389401" s="12"/>
    </row>
    <row r="389402" spans="8:8">
      <c r="H389402" s="12"/>
    </row>
    <row r="389403" spans="8:8">
      <c r="H389403" s="12"/>
    </row>
    <row r="389404" spans="8:8">
      <c r="H389404" s="12"/>
    </row>
    <row r="389405" spans="8:8">
      <c r="H389405" s="12"/>
    </row>
    <row r="389406" spans="8:8">
      <c r="H389406" s="12"/>
    </row>
    <row r="389407" spans="8:8">
      <c r="H389407" s="12"/>
    </row>
    <row r="389408" spans="8:8">
      <c r="H389408" s="12"/>
    </row>
    <row r="389409" spans="8:8">
      <c r="H389409" s="12"/>
    </row>
    <row r="389410" spans="8:8">
      <c r="H389410" s="12"/>
    </row>
    <row r="389411" spans="8:8">
      <c r="H389411" s="12"/>
    </row>
    <row r="389412" spans="8:8">
      <c r="H389412" s="12"/>
    </row>
    <row r="389413" spans="8:8">
      <c r="H389413" s="12"/>
    </row>
    <row r="389414" spans="8:8">
      <c r="H389414" s="12"/>
    </row>
    <row r="389415" spans="8:8">
      <c r="H389415" s="12"/>
    </row>
    <row r="389416" spans="8:8">
      <c r="H389416" s="12"/>
    </row>
    <row r="389417" spans="8:8">
      <c r="H389417" s="12"/>
    </row>
    <row r="389418" spans="8:8">
      <c r="H389418" s="12"/>
    </row>
    <row r="389419" spans="8:8">
      <c r="H389419" s="12"/>
    </row>
    <row r="389420" spans="8:8">
      <c r="H389420" s="12"/>
    </row>
    <row r="389421" spans="8:8">
      <c r="H389421" s="12"/>
    </row>
    <row r="389422" spans="8:8">
      <c r="H389422" s="12"/>
    </row>
    <row r="389423" spans="8:8">
      <c r="H389423" s="12"/>
    </row>
    <row r="389424" spans="8:8">
      <c r="H389424" s="12"/>
    </row>
    <row r="389425" spans="8:8">
      <c r="H389425" s="12"/>
    </row>
    <row r="389426" spans="8:8">
      <c r="H389426" s="12"/>
    </row>
    <row r="389427" spans="8:8">
      <c r="H389427" s="12"/>
    </row>
    <row r="389428" spans="8:8">
      <c r="H389428" s="12"/>
    </row>
    <row r="389429" spans="8:8">
      <c r="H389429" s="12"/>
    </row>
    <row r="389430" spans="8:8">
      <c r="H389430" s="12"/>
    </row>
    <row r="389431" spans="8:8">
      <c r="H389431" s="12"/>
    </row>
    <row r="389432" spans="8:8">
      <c r="H389432" s="12"/>
    </row>
    <row r="389433" spans="8:8">
      <c r="H389433" s="12"/>
    </row>
    <row r="389434" spans="8:8">
      <c r="H389434" s="12"/>
    </row>
    <row r="389435" spans="8:8">
      <c r="H389435" s="12"/>
    </row>
    <row r="389436" spans="8:8">
      <c r="H389436" s="12"/>
    </row>
    <row r="389437" spans="8:8">
      <c r="H389437" s="12"/>
    </row>
    <row r="389438" spans="8:8">
      <c r="H389438" s="12"/>
    </row>
    <row r="389439" spans="8:8">
      <c r="H389439" s="12"/>
    </row>
    <row r="389440" spans="8:8">
      <c r="H389440" s="12"/>
    </row>
    <row r="389441" spans="8:8">
      <c r="H389441" s="12"/>
    </row>
    <row r="389442" spans="8:8">
      <c r="H389442" s="12"/>
    </row>
    <row r="389443" spans="8:8">
      <c r="H389443" s="12"/>
    </row>
    <row r="389444" spans="8:8">
      <c r="H389444" s="12"/>
    </row>
    <row r="389445" spans="8:8">
      <c r="H389445" s="12"/>
    </row>
    <row r="389446" spans="8:8">
      <c r="H389446" s="12"/>
    </row>
    <row r="389447" spans="8:8">
      <c r="H389447" s="12"/>
    </row>
    <row r="389448" spans="8:8">
      <c r="H389448" s="12"/>
    </row>
    <row r="389449" spans="8:8">
      <c r="H389449" s="12"/>
    </row>
    <row r="389450" spans="8:8">
      <c r="H389450" s="12"/>
    </row>
    <row r="389451" spans="8:8">
      <c r="H389451" s="12"/>
    </row>
    <row r="389452" spans="8:8">
      <c r="H389452" s="12"/>
    </row>
    <row r="389453" spans="8:8">
      <c r="H389453" s="12"/>
    </row>
    <row r="389454" spans="8:8">
      <c r="H389454" s="12"/>
    </row>
    <row r="389455" spans="8:8">
      <c r="H389455" s="12"/>
    </row>
    <row r="389456" spans="8:8">
      <c r="H389456" s="12"/>
    </row>
    <row r="389457" spans="8:8">
      <c r="H389457" s="12"/>
    </row>
    <row r="389458" spans="8:8">
      <c r="H389458" s="12"/>
    </row>
    <row r="389459" spans="8:8">
      <c r="H389459" s="12"/>
    </row>
    <row r="389460" spans="8:8">
      <c r="H389460" s="12"/>
    </row>
    <row r="389461" spans="8:8">
      <c r="H389461" s="12"/>
    </row>
    <row r="389462" spans="8:8">
      <c r="H389462" s="12"/>
    </row>
    <row r="389463" spans="8:8">
      <c r="H389463" s="12"/>
    </row>
    <row r="389464" spans="8:8">
      <c r="H389464" s="12"/>
    </row>
    <row r="389465" spans="8:8">
      <c r="H389465" s="12"/>
    </row>
    <row r="389466" spans="8:8">
      <c r="H389466" s="12"/>
    </row>
    <row r="389467" spans="8:8">
      <c r="H389467" s="12"/>
    </row>
    <row r="389468" spans="8:8">
      <c r="H389468" s="12"/>
    </row>
    <row r="389469" spans="8:8">
      <c r="H389469" s="12"/>
    </row>
    <row r="389470" spans="8:8">
      <c r="H389470" s="12"/>
    </row>
    <row r="389471" spans="8:8">
      <c r="H389471" s="12"/>
    </row>
    <row r="389472" spans="8:8">
      <c r="H389472" s="12"/>
    </row>
    <row r="389473" spans="8:8">
      <c r="H389473" s="12"/>
    </row>
    <row r="389474" spans="8:8">
      <c r="H389474" s="12"/>
    </row>
    <row r="389475" spans="8:8">
      <c r="H389475" s="12"/>
    </row>
    <row r="389476" spans="8:8">
      <c r="H389476" s="12"/>
    </row>
    <row r="389477" spans="8:8">
      <c r="H389477" s="12"/>
    </row>
    <row r="389478" spans="8:8">
      <c r="H389478" s="12"/>
    </row>
    <row r="389479" spans="8:8">
      <c r="H389479" s="12"/>
    </row>
    <row r="389480" spans="8:8">
      <c r="H389480" s="12"/>
    </row>
    <row r="389481" spans="8:8">
      <c r="H389481" s="12"/>
    </row>
    <row r="389482" spans="8:8">
      <c r="H389482" s="12"/>
    </row>
    <row r="389483" spans="8:8">
      <c r="H389483" s="12"/>
    </row>
    <row r="389484" spans="8:8">
      <c r="H389484" s="12"/>
    </row>
    <row r="389485" spans="8:8">
      <c r="H389485" s="12"/>
    </row>
    <row r="389486" spans="8:8">
      <c r="H389486" s="12"/>
    </row>
    <row r="389487" spans="8:8">
      <c r="H389487" s="12"/>
    </row>
    <row r="389488" spans="8:8">
      <c r="H389488" s="12"/>
    </row>
    <row r="389489" spans="8:8">
      <c r="H389489" s="12"/>
    </row>
    <row r="389490" spans="8:8">
      <c r="H389490" s="12"/>
    </row>
    <row r="389491" spans="8:8">
      <c r="H389491" s="12"/>
    </row>
    <row r="389492" spans="8:8">
      <c r="H389492" s="12"/>
    </row>
    <row r="389493" spans="8:8">
      <c r="H389493" s="12"/>
    </row>
    <row r="389494" spans="8:8">
      <c r="H389494" s="12"/>
    </row>
    <row r="389495" spans="8:8">
      <c r="H389495" s="12"/>
    </row>
    <row r="389496" spans="8:8">
      <c r="H389496" s="12"/>
    </row>
    <row r="389497" spans="8:8">
      <c r="H389497" s="12"/>
    </row>
    <row r="389498" spans="8:8">
      <c r="H389498" s="12"/>
    </row>
    <row r="389499" spans="8:8">
      <c r="H389499" s="12"/>
    </row>
    <row r="389500" spans="8:8">
      <c r="H389500" s="12"/>
    </row>
    <row r="389501" spans="8:8">
      <c r="H389501" s="12"/>
    </row>
    <row r="389502" spans="8:8">
      <c r="H389502" s="12"/>
    </row>
    <row r="389503" spans="8:8">
      <c r="H389503" s="12"/>
    </row>
    <row r="389504" spans="8:8">
      <c r="H389504" s="12"/>
    </row>
    <row r="389505" spans="8:8">
      <c r="H389505" s="12"/>
    </row>
    <row r="389506" spans="8:8">
      <c r="H389506" s="12"/>
    </row>
    <row r="389507" spans="8:8">
      <c r="H389507" s="12"/>
    </row>
    <row r="389508" spans="8:8">
      <c r="H389508" s="12"/>
    </row>
    <row r="389509" spans="8:8">
      <c r="H389509" s="12"/>
    </row>
    <row r="389510" spans="8:8">
      <c r="H389510" s="12"/>
    </row>
    <row r="389511" spans="8:8">
      <c r="H389511" s="12"/>
    </row>
    <row r="389512" spans="8:8">
      <c r="H389512" s="12"/>
    </row>
    <row r="389513" spans="8:8">
      <c r="H389513" s="12"/>
    </row>
    <row r="389514" spans="8:8">
      <c r="H389514" s="12"/>
    </row>
    <row r="389515" spans="8:8">
      <c r="H389515" s="12"/>
    </row>
    <row r="389516" spans="8:8">
      <c r="H389516" s="12"/>
    </row>
    <row r="389517" spans="8:8">
      <c r="H389517" s="12"/>
    </row>
    <row r="389518" spans="8:8">
      <c r="H389518" s="12"/>
    </row>
    <row r="389519" spans="8:8">
      <c r="H389519" s="12"/>
    </row>
    <row r="389520" spans="8:8">
      <c r="H389520" s="12"/>
    </row>
    <row r="389521" spans="8:8">
      <c r="H389521" s="12"/>
    </row>
    <row r="389522" spans="8:8">
      <c r="H389522" s="12"/>
    </row>
    <row r="389523" spans="8:8">
      <c r="H389523" s="12"/>
    </row>
    <row r="389524" spans="8:8">
      <c r="H389524" s="12"/>
    </row>
    <row r="389525" spans="8:8">
      <c r="H389525" s="12"/>
    </row>
    <row r="389526" spans="8:8">
      <c r="H389526" s="12"/>
    </row>
    <row r="389527" spans="8:8">
      <c r="H389527" s="12"/>
    </row>
    <row r="389528" spans="8:8">
      <c r="H389528" s="12"/>
    </row>
    <row r="389529" spans="8:8">
      <c r="H389529" s="12"/>
    </row>
    <row r="389530" spans="8:8">
      <c r="H389530" s="12"/>
    </row>
    <row r="389531" spans="8:8">
      <c r="H389531" s="12"/>
    </row>
    <row r="389532" spans="8:8">
      <c r="H389532" s="12"/>
    </row>
    <row r="389533" spans="8:8">
      <c r="H389533" s="12"/>
    </row>
    <row r="389534" spans="8:8">
      <c r="H389534" s="12"/>
    </row>
    <row r="389535" spans="8:8">
      <c r="H389535" s="12"/>
    </row>
    <row r="389536" spans="8:8">
      <c r="H389536" s="12"/>
    </row>
    <row r="389537" spans="8:8">
      <c r="H389537" s="12"/>
    </row>
    <row r="389538" spans="8:8">
      <c r="H389538" s="12"/>
    </row>
    <row r="389539" spans="8:8">
      <c r="H389539" s="12"/>
    </row>
    <row r="389540" spans="8:8">
      <c r="H389540" s="12"/>
    </row>
    <row r="389541" spans="8:8">
      <c r="H389541" s="12"/>
    </row>
    <row r="389542" spans="8:8">
      <c r="H389542" s="12"/>
    </row>
    <row r="389543" spans="8:8">
      <c r="H389543" s="12"/>
    </row>
    <row r="389544" spans="8:8">
      <c r="H389544" s="12"/>
    </row>
    <row r="389545" spans="8:8">
      <c r="H389545" s="12"/>
    </row>
    <row r="389546" spans="8:8">
      <c r="H389546" s="12"/>
    </row>
    <row r="389547" spans="8:8">
      <c r="H389547" s="12"/>
    </row>
    <row r="389548" spans="8:8">
      <c r="H389548" s="12"/>
    </row>
    <row r="389549" spans="8:8">
      <c r="H389549" s="12"/>
    </row>
    <row r="389550" spans="8:8">
      <c r="H389550" s="12"/>
    </row>
    <row r="389551" spans="8:8">
      <c r="H389551" s="12"/>
    </row>
    <row r="389552" spans="8:8">
      <c r="H389552" s="12"/>
    </row>
    <row r="389553" spans="8:8">
      <c r="H389553" s="12"/>
    </row>
    <row r="389554" spans="8:8">
      <c r="H389554" s="12"/>
    </row>
    <row r="389555" spans="8:8">
      <c r="H389555" s="12"/>
    </row>
    <row r="389556" spans="8:8">
      <c r="H389556" s="12"/>
    </row>
    <row r="389557" spans="8:8">
      <c r="H389557" s="12"/>
    </row>
    <row r="389558" spans="8:8">
      <c r="H389558" s="12"/>
    </row>
    <row r="389559" spans="8:8">
      <c r="H389559" s="12"/>
    </row>
    <row r="389560" spans="8:8">
      <c r="H389560" s="12"/>
    </row>
    <row r="389561" spans="8:8">
      <c r="H389561" s="12"/>
    </row>
    <row r="389562" spans="8:8">
      <c r="H389562" s="12"/>
    </row>
    <row r="389563" spans="8:8">
      <c r="H389563" s="12"/>
    </row>
    <row r="389564" spans="8:8">
      <c r="H389564" s="12"/>
    </row>
    <row r="389565" spans="8:8">
      <c r="H389565" s="12"/>
    </row>
    <row r="389566" spans="8:8">
      <c r="H389566" s="12"/>
    </row>
    <row r="389567" spans="8:8">
      <c r="H389567" s="12"/>
    </row>
    <row r="389568" spans="8:8">
      <c r="H389568" s="12"/>
    </row>
    <row r="389569" spans="8:8">
      <c r="H389569" s="12"/>
    </row>
    <row r="389570" spans="8:8">
      <c r="H389570" s="12"/>
    </row>
    <row r="389571" spans="8:8">
      <c r="H389571" s="12"/>
    </row>
    <row r="389572" spans="8:8">
      <c r="H389572" s="12"/>
    </row>
    <row r="389573" spans="8:8">
      <c r="H389573" s="12"/>
    </row>
    <row r="389574" spans="8:8">
      <c r="H389574" s="12"/>
    </row>
    <row r="389575" spans="8:8">
      <c r="H389575" s="12"/>
    </row>
    <row r="389576" spans="8:8">
      <c r="H389576" s="12"/>
    </row>
    <row r="389577" spans="8:8">
      <c r="H389577" s="12"/>
    </row>
    <row r="389578" spans="8:8">
      <c r="H389578" s="12"/>
    </row>
    <row r="389579" spans="8:8">
      <c r="H389579" s="12"/>
    </row>
    <row r="389580" spans="8:8">
      <c r="H389580" s="12"/>
    </row>
    <row r="389581" spans="8:8">
      <c r="H389581" s="12"/>
    </row>
    <row r="389582" spans="8:8">
      <c r="H389582" s="12"/>
    </row>
    <row r="389583" spans="8:8">
      <c r="H389583" s="12"/>
    </row>
    <row r="389584" spans="8:8">
      <c r="H389584" s="12"/>
    </row>
    <row r="389585" spans="8:8">
      <c r="H389585" s="12"/>
    </row>
    <row r="389586" spans="8:8">
      <c r="H389586" s="12"/>
    </row>
    <row r="389587" spans="8:8">
      <c r="H389587" s="12"/>
    </row>
    <row r="389588" spans="8:8">
      <c r="H389588" s="12"/>
    </row>
    <row r="389589" spans="8:8">
      <c r="H389589" s="12"/>
    </row>
    <row r="389590" spans="8:8">
      <c r="H389590" s="12"/>
    </row>
    <row r="389591" spans="8:8">
      <c r="H389591" s="12"/>
    </row>
    <row r="389592" spans="8:8">
      <c r="H389592" s="12"/>
    </row>
    <row r="389593" spans="8:8">
      <c r="H389593" s="12"/>
    </row>
    <row r="389594" spans="8:8">
      <c r="H389594" s="12"/>
    </row>
    <row r="389595" spans="8:8">
      <c r="H389595" s="12"/>
    </row>
    <row r="389596" spans="8:8">
      <c r="H389596" s="12"/>
    </row>
    <row r="389597" spans="8:8">
      <c r="H389597" s="12"/>
    </row>
    <row r="389598" spans="8:8">
      <c r="H389598" s="12"/>
    </row>
    <row r="389599" spans="8:8">
      <c r="H389599" s="12"/>
    </row>
    <row r="389600" spans="8:8">
      <c r="H389600" s="12"/>
    </row>
    <row r="389601" spans="8:8">
      <c r="H389601" s="12"/>
    </row>
    <row r="389602" spans="8:8">
      <c r="H389602" s="12"/>
    </row>
    <row r="389603" spans="8:8">
      <c r="H389603" s="12"/>
    </row>
    <row r="389604" spans="8:8">
      <c r="H389604" s="12"/>
    </row>
    <row r="389605" spans="8:8">
      <c r="H389605" s="12"/>
    </row>
    <row r="389606" spans="8:8">
      <c r="H389606" s="12"/>
    </row>
    <row r="389607" spans="8:8">
      <c r="H389607" s="12"/>
    </row>
    <row r="389608" spans="8:8">
      <c r="H389608" s="12"/>
    </row>
    <row r="389609" spans="8:8">
      <c r="H389609" s="12"/>
    </row>
    <row r="389610" spans="8:8">
      <c r="H389610" s="12"/>
    </row>
    <row r="389611" spans="8:8">
      <c r="H389611" s="12"/>
    </row>
    <row r="389612" spans="8:8">
      <c r="H389612" s="12"/>
    </row>
    <row r="389613" spans="8:8">
      <c r="H389613" s="12"/>
    </row>
    <row r="389614" spans="8:8">
      <c r="H389614" s="12"/>
    </row>
    <row r="389615" spans="8:8">
      <c r="H389615" s="12"/>
    </row>
    <row r="389616" spans="8:8">
      <c r="H389616" s="12"/>
    </row>
    <row r="389617" spans="8:8">
      <c r="H389617" s="12"/>
    </row>
    <row r="389618" spans="8:8">
      <c r="H389618" s="12"/>
    </row>
    <row r="389619" spans="8:8">
      <c r="H389619" s="12"/>
    </row>
    <row r="389620" spans="8:8">
      <c r="H389620" s="12"/>
    </row>
    <row r="389621" spans="8:8">
      <c r="H389621" s="12"/>
    </row>
    <row r="389622" spans="8:8">
      <c r="H389622" s="12"/>
    </row>
    <row r="389623" spans="8:8">
      <c r="H389623" s="12"/>
    </row>
    <row r="389624" spans="8:8">
      <c r="H389624" s="12"/>
    </row>
    <row r="389625" spans="8:8">
      <c r="H389625" s="12"/>
    </row>
    <row r="389626" spans="8:8">
      <c r="H389626" s="12"/>
    </row>
    <row r="389627" spans="8:8">
      <c r="H389627" s="12"/>
    </row>
    <row r="389628" spans="8:8">
      <c r="H389628" s="12"/>
    </row>
    <row r="389629" spans="8:8">
      <c r="H389629" s="12"/>
    </row>
    <row r="389630" spans="8:8">
      <c r="H389630" s="12"/>
    </row>
    <row r="389631" spans="8:8">
      <c r="H389631" s="12"/>
    </row>
    <row r="389632" spans="8:8">
      <c r="H389632" s="12"/>
    </row>
    <row r="389633" spans="8:8">
      <c r="H389633" s="12"/>
    </row>
    <row r="389634" spans="8:8">
      <c r="H389634" s="12"/>
    </row>
    <row r="389635" spans="8:8">
      <c r="H389635" s="12"/>
    </row>
    <row r="389636" spans="8:8">
      <c r="H389636" s="12"/>
    </row>
    <row r="389637" spans="8:8">
      <c r="H389637" s="12"/>
    </row>
    <row r="389638" spans="8:8">
      <c r="H389638" s="12"/>
    </row>
    <row r="389639" spans="8:8">
      <c r="H389639" s="12"/>
    </row>
    <row r="389640" spans="8:8">
      <c r="H389640" s="12"/>
    </row>
    <row r="389641" spans="8:8">
      <c r="H389641" s="12"/>
    </row>
    <row r="389642" spans="8:8">
      <c r="H389642" s="12"/>
    </row>
    <row r="389643" spans="8:8">
      <c r="H389643" s="12"/>
    </row>
    <row r="389644" spans="8:8">
      <c r="H389644" s="12"/>
    </row>
    <row r="389645" spans="8:8">
      <c r="H389645" s="12"/>
    </row>
    <row r="389646" spans="8:8">
      <c r="H389646" s="12"/>
    </row>
    <row r="389647" spans="8:8">
      <c r="H389647" s="12"/>
    </row>
    <row r="389648" spans="8:8">
      <c r="H389648" s="12"/>
    </row>
    <row r="389649" spans="8:8">
      <c r="H389649" s="12"/>
    </row>
    <row r="389650" spans="8:8">
      <c r="H389650" s="12"/>
    </row>
    <row r="389651" spans="8:8">
      <c r="H389651" s="12"/>
    </row>
    <row r="389652" spans="8:8">
      <c r="H389652" s="12"/>
    </row>
    <row r="389653" spans="8:8">
      <c r="H389653" s="12"/>
    </row>
    <row r="389654" spans="8:8">
      <c r="H389654" s="12"/>
    </row>
    <row r="389655" spans="8:8">
      <c r="H389655" s="12"/>
    </row>
    <row r="389656" spans="8:8">
      <c r="H389656" s="12"/>
    </row>
    <row r="389657" spans="8:8">
      <c r="H389657" s="12"/>
    </row>
    <row r="389658" spans="8:8">
      <c r="H389658" s="12"/>
    </row>
    <row r="389659" spans="8:8">
      <c r="H389659" s="12"/>
    </row>
    <row r="389660" spans="8:8">
      <c r="H389660" s="12"/>
    </row>
    <row r="389661" spans="8:8">
      <c r="H389661" s="12"/>
    </row>
    <row r="389662" spans="8:8">
      <c r="H389662" s="12"/>
    </row>
    <row r="389663" spans="8:8">
      <c r="H389663" s="12"/>
    </row>
    <row r="389664" spans="8:8">
      <c r="H389664" s="12"/>
    </row>
    <row r="389665" spans="8:8">
      <c r="H389665" s="12"/>
    </row>
    <row r="389666" spans="8:8">
      <c r="H389666" s="12"/>
    </row>
    <row r="389667" spans="8:8">
      <c r="H389667" s="12"/>
    </row>
    <row r="389668" spans="8:8">
      <c r="H389668" s="12"/>
    </row>
    <row r="389669" spans="8:8">
      <c r="H389669" s="12"/>
    </row>
    <row r="389670" spans="8:8">
      <c r="H389670" s="12"/>
    </row>
    <row r="389671" spans="8:8">
      <c r="H389671" s="12"/>
    </row>
    <row r="389672" spans="8:8">
      <c r="H389672" s="12"/>
    </row>
    <row r="389673" spans="8:8">
      <c r="H389673" s="12"/>
    </row>
    <row r="389674" spans="8:8">
      <c r="H389674" s="12"/>
    </row>
    <row r="389675" spans="8:8">
      <c r="H389675" s="12"/>
    </row>
    <row r="389676" spans="8:8">
      <c r="H389676" s="12"/>
    </row>
    <row r="389677" spans="8:8">
      <c r="H389677" s="12"/>
    </row>
    <row r="389678" spans="8:8">
      <c r="H389678" s="12"/>
    </row>
    <row r="389679" spans="8:8">
      <c r="H389679" s="12"/>
    </row>
    <row r="389680" spans="8:8">
      <c r="H389680" s="12"/>
    </row>
    <row r="389681" spans="8:8">
      <c r="H389681" s="12"/>
    </row>
    <row r="389682" spans="8:8">
      <c r="H389682" s="12"/>
    </row>
    <row r="389683" spans="8:8">
      <c r="H389683" s="12"/>
    </row>
    <row r="389684" spans="8:8">
      <c r="H389684" s="12"/>
    </row>
    <row r="389685" spans="8:8">
      <c r="H389685" s="12"/>
    </row>
    <row r="389686" spans="8:8">
      <c r="H389686" s="12"/>
    </row>
    <row r="389687" spans="8:8">
      <c r="H389687" s="12"/>
    </row>
    <row r="389688" spans="8:8">
      <c r="H389688" s="12"/>
    </row>
    <row r="389689" spans="8:8">
      <c r="H389689" s="12"/>
    </row>
    <row r="389690" spans="8:8">
      <c r="H389690" s="12"/>
    </row>
    <row r="389691" spans="8:8">
      <c r="H389691" s="12"/>
    </row>
    <row r="389692" spans="8:8">
      <c r="H389692" s="12"/>
    </row>
    <row r="389693" spans="8:8">
      <c r="H389693" s="12"/>
    </row>
    <row r="389694" spans="8:8">
      <c r="H389694" s="12"/>
    </row>
    <row r="389695" spans="8:8">
      <c r="H389695" s="12"/>
    </row>
    <row r="389696" spans="8:8">
      <c r="H389696" s="12"/>
    </row>
    <row r="389697" spans="8:8">
      <c r="H389697" s="12"/>
    </row>
    <row r="389698" spans="8:8">
      <c r="H389698" s="12"/>
    </row>
    <row r="389699" spans="8:8">
      <c r="H389699" s="12"/>
    </row>
    <row r="389700" spans="8:8">
      <c r="H389700" s="12"/>
    </row>
    <row r="389701" spans="8:8">
      <c r="H389701" s="12"/>
    </row>
    <row r="389702" spans="8:8">
      <c r="H389702" s="12"/>
    </row>
    <row r="389703" spans="8:8">
      <c r="H389703" s="12"/>
    </row>
    <row r="389704" spans="8:8">
      <c r="H389704" s="12"/>
    </row>
    <row r="389705" spans="8:8">
      <c r="H389705" s="12"/>
    </row>
    <row r="389706" spans="8:8">
      <c r="H389706" s="12"/>
    </row>
    <row r="389707" spans="8:8">
      <c r="H389707" s="12"/>
    </row>
    <row r="389708" spans="8:8">
      <c r="H389708" s="12"/>
    </row>
    <row r="389709" spans="8:8">
      <c r="H389709" s="12"/>
    </row>
    <row r="389710" spans="8:8">
      <c r="H389710" s="12"/>
    </row>
    <row r="389711" spans="8:8">
      <c r="H389711" s="12"/>
    </row>
    <row r="389712" spans="8:8">
      <c r="H389712" s="12"/>
    </row>
    <row r="389713" spans="8:8">
      <c r="H389713" s="12"/>
    </row>
    <row r="389714" spans="8:8">
      <c r="H389714" s="12"/>
    </row>
    <row r="389715" spans="8:8">
      <c r="H389715" s="12"/>
    </row>
    <row r="389716" spans="8:8">
      <c r="H389716" s="12"/>
    </row>
    <row r="389717" spans="8:8">
      <c r="H389717" s="12"/>
    </row>
    <row r="389718" spans="8:8">
      <c r="H389718" s="12"/>
    </row>
    <row r="389719" spans="8:8">
      <c r="H389719" s="12"/>
    </row>
    <row r="389720" spans="8:8">
      <c r="H389720" s="12"/>
    </row>
    <row r="389721" spans="8:8">
      <c r="H389721" s="12"/>
    </row>
    <row r="389722" spans="8:8">
      <c r="H389722" s="12"/>
    </row>
    <row r="389723" spans="8:8">
      <c r="H389723" s="12"/>
    </row>
    <row r="389724" spans="8:8">
      <c r="H389724" s="12"/>
    </row>
    <row r="389725" spans="8:8">
      <c r="H389725" s="12"/>
    </row>
    <row r="389726" spans="8:8">
      <c r="H389726" s="12"/>
    </row>
    <row r="389727" spans="8:8">
      <c r="H389727" s="12"/>
    </row>
    <row r="389728" spans="8:8">
      <c r="H389728" s="12"/>
    </row>
    <row r="389729" spans="8:8">
      <c r="H389729" s="12"/>
    </row>
    <row r="389730" spans="8:8">
      <c r="H389730" s="12"/>
    </row>
    <row r="389731" spans="8:8">
      <c r="H389731" s="12"/>
    </row>
    <row r="389732" spans="8:8">
      <c r="H389732" s="12"/>
    </row>
    <row r="389733" spans="8:8">
      <c r="H389733" s="12"/>
    </row>
    <row r="389734" spans="8:8">
      <c r="H389734" s="12"/>
    </row>
    <row r="389735" spans="8:8">
      <c r="H389735" s="12"/>
    </row>
    <row r="389736" spans="8:8">
      <c r="H389736" s="12"/>
    </row>
    <row r="389737" spans="8:8">
      <c r="H389737" s="12"/>
    </row>
    <row r="389738" spans="8:8">
      <c r="H389738" s="12"/>
    </row>
    <row r="389739" spans="8:8">
      <c r="H389739" s="12"/>
    </row>
    <row r="389740" spans="8:8">
      <c r="H389740" s="12"/>
    </row>
    <row r="389741" spans="8:8">
      <c r="H389741" s="12"/>
    </row>
    <row r="389742" spans="8:8">
      <c r="H389742" s="12"/>
    </row>
    <row r="389743" spans="8:8">
      <c r="H389743" s="12"/>
    </row>
    <row r="389744" spans="8:8">
      <c r="H389744" s="12"/>
    </row>
    <row r="389745" spans="8:8">
      <c r="H389745" s="12"/>
    </row>
    <row r="389746" spans="8:8">
      <c r="H389746" s="12"/>
    </row>
    <row r="389747" spans="8:8">
      <c r="H389747" s="12"/>
    </row>
    <row r="389748" spans="8:8">
      <c r="H389748" s="12"/>
    </row>
    <row r="389749" spans="8:8">
      <c r="H389749" s="12"/>
    </row>
    <row r="389750" spans="8:8">
      <c r="H389750" s="12"/>
    </row>
    <row r="389751" spans="8:8">
      <c r="H389751" s="12"/>
    </row>
    <row r="389752" spans="8:8">
      <c r="H389752" s="12"/>
    </row>
    <row r="389753" spans="8:8">
      <c r="H389753" s="12"/>
    </row>
    <row r="389754" spans="8:8">
      <c r="H389754" s="12"/>
    </row>
    <row r="389755" spans="8:8">
      <c r="H389755" s="12"/>
    </row>
    <row r="389756" spans="8:8">
      <c r="H389756" s="12"/>
    </row>
    <row r="389757" spans="8:8">
      <c r="H389757" s="12"/>
    </row>
    <row r="389758" spans="8:8">
      <c r="H389758" s="12"/>
    </row>
    <row r="389759" spans="8:8">
      <c r="H389759" s="12"/>
    </row>
    <row r="389760" spans="8:8">
      <c r="H389760" s="12"/>
    </row>
    <row r="389761" spans="8:8">
      <c r="H389761" s="12"/>
    </row>
    <row r="389762" spans="8:8">
      <c r="H389762" s="12"/>
    </row>
    <row r="389763" spans="8:8">
      <c r="H389763" s="12"/>
    </row>
    <row r="389764" spans="8:8">
      <c r="H389764" s="12"/>
    </row>
    <row r="389765" spans="8:8">
      <c r="H389765" s="12"/>
    </row>
    <row r="389766" spans="8:8">
      <c r="H389766" s="12"/>
    </row>
    <row r="389767" spans="8:8">
      <c r="H389767" s="12"/>
    </row>
    <row r="389768" spans="8:8">
      <c r="H389768" s="12"/>
    </row>
    <row r="389769" spans="8:8">
      <c r="H389769" s="12"/>
    </row>
    <row r="389770" spans="8:8">
      <c r="H389770" s="12"/>
    </row>
    <row r="389771" spans="8:8">
      <c r="H389771" s="12"/>
    </row>
    <row r="389772" spans="8:8">
      <c r="H389772" s="12"/>
    </row>
    <row r="389773" spans="8:8">
      <c r="H389773" s="12"/>
    </row>
    <row r="389774" spans="8:8">
      <c r="H389774" s="12"/>
    </row>
    <row r="389775" spans="8:8">
      <c r="H389775" s="12"/>
    </row>
    <row r="389776" spans="8:8">
      <c r="H389776" s="12"/>
    </row>
    <row r="389777" spans="8:8">
      <c r="H389777" s="12"/>
    </row>
    <row r="389778" spans="8:8">
      <c r="H389778" s="12"/>
    </row>
    <row r="389779" spans="8:8">
      <c r="H389779" s="12"/>
    </row>
    <row r="389780" spans="8:8">
      <c r="H389780" s="12"/>
    </row>
    <row r="389781" spans="8:8">
      <c r="H389781" s="12"/>
    </row>
    <row r="389782" spans="8:8">
      <c r="H389782" s="12"/>
    </row>
    <row r="389783" spans="8:8">
      <c r="H389783" s="12"/>
    </row>
    <row r="389784" spans="8:8">
      <c r="H389784" s="12"/>
    </row>
    <row r="389785" spans="8:8">
      <c r="H389785" s="12"/>
    </row>
    <row r="389786" spans="8:8">
      <c r="H389786" s="12"/>
    </row>
    <row r="389787" spans="8:8">
      <c r="H389787" s="12"/>
    </row>
    <row r="389788" spans="8:8">
      <c r="H389788" s="12"/>
    </row>
    <row r="389789" spans="8:8">
      <c r="H389789" s="12"/>
    </row>
    <row r="389790" spans="8:8">
      <c r="H389790" s="12"/>
    </row>
    <row r="389791" spans="8:8">
      <c r="H389791" s="12"/>
    </row>
    <row r="389792" spans="8:8">
      <c r="H389792" s="12"/>
    </row>
    <row r="389793" spans="8:8">
      <c r="H389793" s="12"/>
    </row>
    <row r="389794" spans="8:8">
      <c r="H389794" s="12"/>
    </row>
    <row r="389795" spans="8:8">
      <c r="H389795" s="12"/>
    </row>
    <row r="389796" spans="8:8">
      <c r="H389796" s="12"/>
    </row>
    <row r="389797" spans="8:8">
      <c r="H389797" s="12"/>
    </row>
    <row r="389798" spans="8:8">
      <c r="H389798" s="12"/>
    </row>
    <row r="389799" spans="8:8">
      <c r="H389799" s="12"/>
    </row>
    <row r="389800" spans="8:8">
      <c r="H389800" s="12"/>
    </row>
    <row r="389801" spans="8:8">
      <c r="H389801" s="12"/>
    </row>
    <row r="389802" spans="8:8">
      <c r="H389802" s="12"/>
    </row>
    <row r="389803" spans="8:8">
      <c r="H389803" s="12"/>
    </row>
    <row r="389804" spans="8:8">
      <c r="H389804" s="12"/>
    </row>
    <row r="389805" spans="8:8">
      <c r="H389805" s="12"/>
    </row>
    <row r="389806" spans="8:8">
      <c r="H389806" s="12"/>
    </row>
    <row r="389807" spans="8:8">
      <c r="H389807" s="12"/>
    </row>
    <row r="389808" spans="8:8">
      <c r="H389808" s="12"/>
    </row>
    <row r="389809" spans="8:8">
      <c r="H389809" s="12"/>
    </row>
    <row r="389810" spans="8:8">
      <c r="H389810" s="12"/>
    </row>
    <row r="389811" spans="8:8">
      <c r="H389811" s="12"/>
    </row>
    <row r="389812" spans="8:8">
      <c r="H389812" s="12"/>
    </row>
    <row r="389813" spans="8:8">
      <c r="H389813" s="12"/>
    </row>
    <row r="389814" spans="8:8">
      <c r="H389814" s="12"/>
    </row>
    <row r="389815" spans="8:8">
      <c r="H389815" s="12"/>
    </row>
    <row r="389816" spans="8:8">
      <c r="H389816" s="12"/>
    </row>
    <row r="389817" spans="8:8">
      <c r="H389817" s="12"/>
    </row>
    <row r="389818" spans="8:8">
      <c r="H389818" s="12"/>
    </row>
    <row r="389819" spans="8:8">
      <c r="H389819" s="12"/>
    </row>
    <row r="389820" spans="8:8">
      <c r="H389820" s="12"/>
    </row>
    <row r="389821" spans="8:8">
      <c r="H389821" s="12"/>
    </row>
    <row r="389822" spans="8:8">
      <c r="H389822" s="12"/>
    </row>
    <row r="389823" spans="8:8">
      <c r="H389823" s="12"/>
    </row>
    <row r="389824" spans="8:8">
      <c r="H389824" s="12"/>
    </row>
    <row r="389825" spans="8:8">
      <c r="H389825" s="12"/>
    </row>
    <row r="389826" spans="8:8">
      <c r="H389826" s="12"/>
    </row>
    <row r="389827" spans="8:8">
      <c r="H389827" s="12"/>
    </row>
    <row r="389828" spans="8:8">
      <c r="H389828" s="12"/>
    </row>
    <row r="389829" spans="8:8">
      <c r="H389829" s="12"/>
    </row>
    <row r="389830" spans="8:8">
      <c r="H389830" s="12"/>
    </row>
    <row r="389831" spans="8:8">
      <c r="H389831" s="12"/>
    </row>
    <row r="389832" spans="8:8">
      <c r="H389832" s="12"/>
    </row>
    <row r="389833" spans="8:8">
      <c r="H389833" s="12"/>
    </row>
    <row r="389834" spans="8:8">
      <c r="H389834" s="12"/>
    </row>
    <row r="389835" spans="8:8">
      <c r="H389835" s="12"/>
    </row>
    <row r="389836" spans="8:8">
      <c r="H389836" s="12"/>
    </row>
    <row r="389837" spans="8:8">
      <c r="H389837" s="12"/>
    </row>
    <row r="389838" spans="8:8">
      <c r="H389838" s="12"/>
    </row>
    <row r="389839" spans="8:8">
      <c r="H389839" s="12"/>
    </row>
    <row r="389840" spans="8:8">
      <c r="H389840" s="12"/>
    </row>
    <row r="389841" spans="8:8">
      <c r="H389841" s="12"/>
    </row>
    <row r="389842" spans="8:8">
      <c r="H389842" s="12"/>
    </row>
    <row r="389843" spans="8:8">
      <c r="H389843" s="12"/>
    </row>
    <row r="389844" spans="8:8">
      <c r="H389844" s="12"/>
    </row>
    <row r="389845" spans="8:8">
      <c r="H389845" s="12"/>
    </row>
    <row r="389846" spans="8:8">
      <c r="H389846" s="12"/>
    </row>
    <row r="389847" spans="8:8">
      <c r="H389847" s="12"/>
    </row>
    <row r="389848" spans="8:8">
      <c r="H389848" s="12"/>
    </row>
    <row r="389849" spans="8:8">
      <c r="H389849" s="12"/>
    </row>
    <row r="389850" spans="8:8">
      <c r="H389850" s="12"/>
    </row>
    <row r="389851" spans="8:8">
      <c r="H389851" s="12"/>
    </row>
    <row r="389852" spans="8:8">
      <c r="H389852" s="12"/>
    </row>
    <row r="389853" spans="8:8">
      <c r="H389853" s="12"/>
    </row>
    <row r="389854" spans="8:8">
      <c r="H389854" s="12"/>
    </row>
    <row r="389855" spans="8:8">
      <c r="H389855" s="12"/>
    </row>
    <row r="389856" spans="8:8">
      <c r="H389856" s="12"/>
    </row>
    <row r="389857" spans="8:8">
      <c r="H389857" s="12"/>
    </row>
    <row r="389858" spans="8:8">
      <c r="H389858" s="12"/>
    </row>
    <row r="389859" spans="8:8">
      <c r="H389859" s="12"/>
    </row>
    <row r="389860" spans="8:8">
      <c r="H389860" s="12"/>
    </row>
    <row r="389861" spans="8:8">
      <c r="H389861" s="12"/>
    </row>
    <row r="389862" spans="8:8">
      <c r="H389862" s="12"/>
    </row>
    <row r="389863" spans="8:8">
      <c r="H389863" s="12"/>
    </row>
    <row r="389864" spans="8:8">
      <c r="H389864" s="12"/>
    </row>
    <row r="389865" spans="8:8">
      <c r="H389865" s="12"/>
    </row>
    <row r="389866" spans="8:8">
      <c r="H389866" s="12"/>
    </row>
    <row r="389867" spans="8:8">
      <c r="H389867" s="12"/>
    </row>
    <row r="389868" spans="8:8">
      <c r="H389868" s="12"/>
    </row>
    <row r="389869" spans="8:8">
      <c r="H389869" s="12"/>
    </row>
    <row r="389870" spans="8:8">
      <c r="H389870" s="12"/>
    </row>
    <row r="389871" spans="8:8">
      <c r="H389871" s="12"/>
    </row>
    <row r="389872" spans="8:8">
      <c r="H389872" s="12"/>
    </row>
    <row r="389873" spans="8:8">
      <c r="H389873" s="12"/>
    </row>
    <row r="389874" spans="8:8">
      <c r="H389874" s="12"/>
    </row>
    <row r="389875" spans="8:8">
      <c r="H389875" s="12"/>
    </row>
    <row r="389876" spans="8:8">
      <c r="H389876" s="12"/>
    </row>
    <row r="389877" spans="8:8">
      <c r="H389877" s="12"/>
    </row>
    <row r="389878" spans="8:8">
      <c r="H389878" s="12"/>
    </row>
    <row r="389879" spans="8:8">
      <c r="H389879" s="12"/>
    </row>
    <row r="389880" spans="8:8">
      <c r="H389880" s="12"/>
    </row>
    <row r="389881" spans="8:8">
      <c r="H389881" s="12"/>
    </row>
    <row r="389882" spans="8:8">
      <c r="H389882" s="12"/>
    </row>
    <row r="389883" spans="8:8">
      <c r="H389883" s="12"/>
    </row>
    <row r="389884" spans="8:8">
      <c r="H389884" s="12"/>
    </row>
    <row r="389885" spans="8:8">
      <c r="H389885" s="12"/>
    </row>
    <row r="389886" spans="8:8">
      <c r="H389886" s="12"/>
    </row>
    <row r="389887" spans="8:8">
      <c r="H389887" s="12"/>
    </row>
    <row r="389888" spans="8:8">
      <c r="H389888" s="12"/>
    </row>
    <row r="389889" spans="8:8">
      <c r="H389889" s="12"/>
    </row>
    <row r="389890" spans="8:8">
      <c r="H389890" s="12"/>
    </row>
    <row r="389891" spans="8:8">
      <c r="H389891" s="12"/>
    </row>
    <row r="389892" spans="8:8">
      <c r="H389892" s="12"/>
    </row>
    <row r="389893" spans="8:8">
      <c r="H389893" s="12"/>
    </row>
    <row r="389894" spans="8:8">
      <c r="H389894" s="12"/>
    </row>
    <row r="389895" spans="8:8">
      <c r="H389895" s="12"/>
    </row>
    <row r="389896" spans="8:8">
      <c r="H389896" s="12"/>
    </row>
    <row r="389897" spans="8:8">
      <c r="H389897" s="12"/>
    </row>
    <row r="389898" spans="8:8">
      <c r="H389898" s="12"/>
    </row>
    <row r="389899" spans="8:8">
      <c r="H389899" s="12"/>
    </row>
    <row r="389900" spans="8:8">
      <c r="H389900" s="12"/>
    </row>
    <row r="389901" spans="8:8">
      <c r="H389901" s="12"/>
    </row>
    <row r="389902" spans="8:8">
      <c r="H389902" s="12"/>
    </row>
    <row r="389903" spans="8:8">
      <c r="H389903" s="12"/>
    </row>
    <row r="389904" spans="8:8">
      <c r="H389904" s="12"/>
    </row>
    <row r="389905" spans="8:8">
      <c r="H389905" s="12"/>
    </row>
    <row r="389906" spans="8:8">
      <c r="H389906" s="12"/>
    </row>
    <row r="389907" spans="8:8">
      <c r="H389907" s="12"/>
    </row>
    <row r="389908" spans="8:8">
      <c r="H389908" s="12"/>
    </row>
    <row r="389909" spans="8:8">
      <c r="H389909" s="12"/>
    </row>
    <row r="389910" spans="8:8">
      <c r="H389910" s="12"/>
    </row>
    <row r="389911" spans="8:8">
      <c r="H389911" s="12"/>
    </row>
    <row r="389912" spans="8:8">
      <c r="H389912" s="12"/>
    </row>
    <row r="389913" spans="8:8">
      <c r="H389913" s="12"/>
    </row>
    <row r="389914" spans="8:8">
      <c r="H389914" s="12"/>
    </row>
    <row r="389915" spans="8:8">
      <c r="H389915" s="12"/>
    </row>
    <row r="389916" spans="8:8">
      <c r="H389916" s="12"/>
    </row>
    <row r="389917" spans="8:8">
      <c r="H389917" s="12"/>
    </row>
    <row r="389918" spans="8:8">
      <c r="H389918" s="12"/>
    </row>
    <row r="389919" spans="8:8">
      <c r="H389919" s="12"/>
    </row>
    <row r="389920" spans="8:8">
      <c r="H389920" s="12"/>
    </row>
    <row r="389921" spans="8:8">
      <c r="H389921" s="12"/>
    </row>
    <row r="389922" spans="8:8">
      <c r="H389922" s="12"/>
    </row>
    <row r="389923" spans="8:8">
      <c r="H389923" s="12"/>
    </row>
    <row r="389924" spans="8:8">
      <c r="H389924" s="12"/>
    </row>
    <row r="389925" spans="8:8">
      <c r="H389925" s="12"/>
    </row>
    <row r="389926" spans="8:8">
      <c r="H389926" s="12"/>
    </row>
    <row r="389927" spans="8:8">
      <c r="H389927" s="12"/>
    </row>
    <row r="389928" spans="8:8">
      <c r="H389928" s="12"/>
    </row>
    <row r="389929" spans="8:8">
      <c r="H389929" s="12"/>
    </row>
    <row r="389930" spans="8:8">
      <c r="H389930" s="12"/>
    </row>
    <row r="389931" spans="8:8">
      <c r="H389931" s="12"/>
    </row>
    <row r="389932" spans="8:8">
      <c r="H389932" s="12"/>
    </row>
    <row r="389933" spans="8:8">
      <c r="H389933" s="12"/>
    </row>
    <row r="389934" spans="8:8">
      <c r="H389934" s="12"/>
    </row>
    <row r="389935" spans="8:8">
      <c r="H389935" s="12"/>
    </row>
    <row r="389936" spans="8:8">
      <c r="H389936" s="12"/>
    </row>
    <row r="389937" spans="8:8">
      <c r="H389937" s="12"/>
    </row>
    <row r="389938" spans="8:8">
      <c r="H389938" s="12"/>
    </row>
    <row r="389939" spans="8:8">
      <c r="H389939" s="12"/>
    </row>
    <row r="389940" spans="8:8">
      <c r="H389940" s="12"/>
    </row>
    <row r="389941" spans="8:8">
      <c r="H389941" s="12"/>
    </row>
    <row r="389942" spans="8:8">
      <c r="H389942" s="12"/>
    </row>
    <row r="389943" spans="8:8">
      <c r="H389943" s="12"/>
    </row>
    <row r="389944" spans="8:8">
      <c r="H389944" s="12"/>
    </row>
    <row r="389945" spans="8:8">
      <c r="H389945" s="12"/>
    </row>
    <row r="389946" spans="8:8">
      <c r="H389946" s="12"/>
    </row>
    <row r="389947" spans="8:8">
      <c r="H389947" s="12"/>
    </row>
    <row r="389948" spans="8:8">
      <c r="H389948" s="12"/>
    </row>
    <row r="389949" spans="8:8">
      <c r="H389949" s="12"/>
    </row>
    <row r="389950" spans="8:8">
      <c r="H389950" s="12"/>
    </row>
    <row r="389951" spans="8:8">
      <c r="H389951" s="12"/>
    </row>
    <row r="389952" spans="8:8">
      <c r="H389952" s="12"/>
    </row>
    <row r="389953" spans="8:8">
      <c r="H389953" s="12"/>
    </row>
    <row r="389954" spans="8:8">
      <c r="H389954" s="12"/>
    </row>
    <row r="389955" spans="8:8">
      <c r="H389955" s="12"/>
    </row>
    <row r="389956" spans="8:8">
      <c r="H389956" s="12"/>
    </row>
    <row r="389957" spans="8:8">
      <c r="H389957" s="12"/>
    </row>
    <row r="389958" spans="8:8">
      <c r="H389958" s="12"/>
    </row>
    <row r="389959" spans="8:8">
      <c r="H389959" s="12"/>
    </row>
    <row r="389960" spans="8:8">
      <c r="H389960" s="12"/>
    </row>
    <row r="389961" spans="8:8">
      <c r="H389961" s="12"/>
    </row>
    <row r="389962" spans="8:8">
      <c r="H389962" s="12"/>
    </row>
    <row r="389963" spans="8:8">
      <c r="H389963" s="12"/>
    </row>
    <row r="389964" spans="8:8">
      <c r="H389964" s="12"/>
    </row>
    <row r="389965" spans="8:8">
      <c r="H389965" s="12"/>
    </row>
    <row r="389966" spans="8:8">
      <c r="H389966" s="12"/>
    </row>
    <row r="389967" spans="8:8">
      <c r="H389967" s="12"/>
    </row>
    <row r="389968" spans="8:8">
      <c r="H389968" s="12"/>
    </row>
    <row r="389969" spans="8:8">
      <c r="H389969" s="12"/>
    </row>
    <row r="389970" spans="8:8">
      <c r="H389970" s="12"/>
    </row>
    <row r="389971" spans="8:8">
      <c r="H389971" s="12"/>
    </row>
    <row r="389972" spans="8:8">
      <c r="H389972" s="12"/>
    </row>
    <row r="389973" spans="8:8">
      <c r="H389973" s="12"/>
    </row>
    <row r="389974" spans="8:8">
      <c r="H389974" s="12"/>
    </row>
    <row r="389975" spans="8:8">
      <c r="H389975" s="12"/>
    </row>
    <row r="389976" spans="8:8">
      <c r="H389976" s="12"/>
    </row>
    <row r="389977" spans="8:8">
      <c r="H389977" s="12"/>
    </row>
    <row r="389978" spans="8:8">
      <c r="H389978" s="12"/>
    </row>
    <row r="389979" spans="8:8">
      <c r="H389979" s="12"/>
    </row>
    <row r="389980" spans="8:8">
      <c r="H389980" s="12"/>
    </row>
    <row r="389981" spans="8:8">
      <c r="H389981" s="12"/>
    </row>
    <row r="389982" spans="8:8">
      <c r="H389982" s="12"/>
    </row>
    <row r="389983" spans="8:8">
      <c r="H389983" s="12"/>
    </row>
    <row r="389984" spans="8:8">
      <c r="H389984" s="12"/>
    </row>
    <row r="389985" spans="8:8">
      <c r="H389985" s="12"/>
    </row>
    <row r="389986" spans="8:8">
      <c r="H389986" s="12"/>
    </row>
    <row r="389987" spans="8:8">
      <c r="H389987" s="12"/>
    </row>
    <row r="389988" spans="8:8">
      <c r="H389988" s="12"/>
    </row>
    <row r="389989" spans="8:8">
      <c r="H389989" s="12"/>
    </row>
    <row r="389990" spans="8:8">
      <c r="H389990" s="12"/>
    </row>
    <row r="389991" spans="8:8">
      <c r="H389991" s="12"/>
    </row>
    <row r="389992" spans="8:8">
      <c r="H389992" s="12"/>
    </row>
    <row r="389993" spans="8:8">
      <c r="H389993" s="12"/>
    </row>
    <row r="389994" spans="8:8">
      <c r="H389994" s="12"/>
    </row>
    <row r="389995" spans="8:8">
      <c r="H389995" s="12"/>
    </row>
    <row r="389996" spans="8:8">
      <c r="H389996" s="12"/>
    </row>
    <row r="389997" spans="8:8">
      <c r="H389997" s="12"/>
    </row>
    <row r="389998" spans="8:8">
      <c r="H389998" s="12"/>
    </row>
    <row r="389999" spans="8:8">
      <c r="H389999" s="12"/>
    </row>
    <row r="390000" spans="8:8">
      <c r="H390000" s="12"/>
    </row>
    <row r="390001" spans="8:8">
      <c r="H390001" s="12"/>
    </row>
    <row r="390002" spans="8:8">
      <c r="H390002" s="12"/>
    </row>
    <row r="390003" spans="8:8">
      <c r="H390003" s="12"/>
    </row>
    <row r="390004" spans="8:8">
      <c r="H390004" s="12"/>
    </row>
    <row r="390005" spans="8:8">
      <c r="H390005" s="12"/>
    </row>
    <row r="390006" spans="8:8">
      <c r="H390006" s="12"/>
    </row>
    <row r="390007" spans="8:8">
      <c r="H390007" s="12"/>
    </row>
    <row r="390008" spans="8:8">
      <c r="H390008" s="12"/>
    </row>
    <row r="390009" spans="8:8">
      <c r="H390009" s="12"/>
    </row>
    <row r="390010" spans="8:8">
      <c r="H390010" s="12"/>
    </row>
    <row r="390011" spans="8:8">
      <c r="H390011" s="12"/>
    </row>
    <row r="390012" spans="8:8">
      <c r="H390012" s="12"/>
    </row>
    <row r="390013" spans="8:8">
      <c r="H390013" s="12"/>
    </row>
    <row r="390014" spans="8:8">
      <c r="H390014" s="12"/>
    </row>
    <row r="390015" spans="8:8">
      <c r="H390015" s="12"/>
    </row>
    <row r="390016" spans="8:8">
      <c r="H390016" s="12"/>
    </row>
    <row r="390017" spans="8:8">
      <c r="H390017" s="12"/>
    </row>
    <row r="390018" spans="8:8">
      <c r="H390018" s="12"/>
    </row>
    <row r="390019" spans="8:8">
      <c r="H390019" s="12"/>
    </row>
    <row r="390020" spans="8:8">
      <c r="H390020" s="12"/>
    </row>
    <row r="390021" spans="8:8">
      <c r="H390021" s="12"/>
    </row>
    <row r="390022" spans="8:8">
      <c r="H390022" s="12"/>
    </row>
    <row r="390023" spans="8:8">
      <c r="H390023" s="12"/>
    </row>
    <row r="390024" spans="8:8">
      <c r="H390024" s="12"/>
    </row>
    <row r="390025" spans="8:8">
      <c r="H390025" s="12"/>
    </row>
    <row r="390026" spans="8:8">
      <c r="H390026" s="12"/>
    </row>
    <row r="390027" spans="8:8">
      <c r="H390027" s="12"/>
    </row>
    <row r="390028" spans="8:8">
      <c r="H390028" s="12"/>
    </row>
    <row r="390029" spans="8:8">
      <c r="H390029" s="12"/>
    </row>
    <row r="390030" spans="8:8">
      <c r="H390030" s="12"/>
    </row>
    <row r="390031" spans="8:8">
      <c r="H390031" s="12"/>
    </row>
    <row r="390032" spans="8:8">
      <c r="H390032" s="12"/>
    </row>
    <row r="390033" spans="8:8">
      <c r="H390033" s="12"/>
    </row>
    <row r="390034" spans="8:8">
      <c r="H390034" s="12"/>
    </row>
    <row r="390035" spans="8:8">
      <c r="H390035" s="12"/>
    </row>
    <row r="390036" spans="8:8">
      <c r="H390036" s="12"/>
    </row>
    <row r="390037" spans="8:8">
      <c r="H390037" s="12"/>
    </row>
    <row r="390038" spans="8:8">
      <c r="H390038" s="12"/>
    </row>
    <row r="390039" spans="8:8">
      <c r="H390039" s="12"/>
    </row>
    <row r="390040" spans="8:8">
      <c r="H390040" s="12"/>
    </row>
    <row r="390041" spans="8:8">
      <c r="H390041" s="12"/>
    </row>
    <row r="390042" spans="8:8">
      <c r="H390042" s="12"/>
    </row>
    <row r="390043" spans="8:8">
      <c r="H390043" s="12"/>
    </row>
    <row r="390044" spans="8:8">
      <c r="H390044" s="12"/>
    </row>
    <row r="390045" spans="8:8">
      <c r="H390045" s="12"/>
    </row>
    <row r="390046" spans="8:8">
      <c r="H390046" s="12"/>
    </row>
    <row r="390047" spans="8:8">
      <c r="H390047" s="12"/>
    </row>
    <row r="390048" spans="8:8">
      <c r="H390048" s="12"/>
    </row>
    <row r="390049" spans="8:8">
      <c r="H390049" s="12"/>
    </row>
    <row r="390050" spans="8:8">
      <c r="H390050" s="12"/>
    </row>
    <row r="390051" spans="8:8">
      <c r="H390051" s="12"/>
    </row>
    <row r="390052" spans="8:8">
      <c r="H390052" s="12"/>
    </row>
    <row r="390053" spans="8:8">
      <c r="H390053" s="12"/>
    </row>
    <row r="390054" spans="8:8">
      <c r="H390054" s="12"/>
    </row>
    <row r="390055" spans="8:8">
      <c r="H390055" s="12"/>
    </row>
    <row r="390056" spans="8:8">
      <c r="H390056" s="12"/>
    </row>
    <row r="390057" spans="8:8">
      <c r="H390057" s="12"/>
    </row>
    <row r="390058" spans="8:8">
      <c r="H390058" s="12"/>
    </row>
    <row r="390059" spans="8:8">
      <c r="H390059" s="12"/>
    </row>
    <row r="390060" spans="8:8">
      <c r="H390060" s="12"/>
    </row>
    <row r="390061" spans="8:8">
      <c r="H390061" s="12"/>
    </row>
    <row r="390062" spans="8:8">
      <c r="H390062" s="12"/>
    </row>
    <row r="390063" spans="8:8">
      <c r="H390063" s="12"/>
    </row>
    <row r="390064" spans="8:8">
      <c r="H390064" s="12"/>
    </row>
    <row r="390065" spans="8:8">
      <c r="H390065" s="12"/>
    </row>
    <row r="390066" spans="8:8">
      <c r="H390066" s="12"/>
    </row>
    <row r="390067" spans="8:8">
      <c r="H390067" s="12"/>
    </row>
    <row r="390068" spans="8:8">
      <c r="H390068" s="12"/>
    </row>
    <row r="390069" spans="8:8">
      <c r="H390069" s="12"/>
    </row>
    <row r="390070" spans="8:8">
      <c r="H390070" s="12"/>
    </row>
    <row r="390071" spans="8:8">
      <c r="H390071" s="12"/>
    </row>
    <row r="390072" spans="8:8">
      <c r="H390072" s="12"/>
    </row>
    <row r="390073" spans="8:8">
      <c r="H390073" s="12"/>
    </row>
    <row r="390074" spans="8:8">
      <c r="H390074" s="12"/>
    </row>
    <row r="390075" spans="8:8">
      <c r="H390075" s="12"/>
    </row>
    <row r="390076" spans="8:8">
      <c r="H390076" s="12"/>
    </row>
    <row r="390077" spans="8:8">
      <c r="H390077" s="12"/>
    </row>
    <row r="390078" spans="8:8">
      <c r="H390078" s="12"/>
    </row>
    <row r="390079" spans="8:8">
      <c r="H390079" s="12"/>
    </row>
    <row r="390080" spans="8:8">
      <c r="H390080" s="12"/>
    </row>
    <row r="390081" spans="8:8">
      <c r="H390081" s="12"/>
    </row>
    <row r="390082" spans="8:8">
      <c r="H390082" s="12"/>
    </row>
    <row r="390083" spans="8:8">
      <c r="H390083" s="12"/>
    </row>
    <row r="390084" spans="8:8">
      <c r="H390084" s="12"/>
    </row>
    <row r="390085" spans="8:8">
      <c r="H390085" s="12"/>
    </row>
    <row r="390086" spans="8:8">
      <c r="H390086" s="12"/>
    </row>
    <row r="390087" spans="8:8">
      <c r="H390087" s="12"/>
    </row>
    <row r="390088" spans="8:8">
      <c r="H390088" s="12"/>
    </row>
    <row r="390089" spans="8:8">
      <c r="H390089" s="12"/>
    </row>
    <row r="390090" spans="8:8">
      <c r="H390090" s="12"/>
    </row>
    <row r="390091" spans="8:8">
      <c r="H390091" s="12"/>
    </row>
    <row r="390092" spans="8:8">
      <c r="H390092" s="12"/>
    </row>
    <row r="390093" spans="8:8">
      <c r="H390093" s="12"/>
    </row>
    <row r="390094" spans="8:8">
      <c r="H390094" s="12"/>
    </row>
    <row r="390095" spans="8:8">
      <c r="H390095" s="12"/>
    </row>
    <row r="390096" spans="8:8">
      <c r="H390096" s="12"/>
    </row>
    <row r="390097" spans="8:8">
      <c r="H390097" s="12"/>
    </row>
    <row r="390098" spans="8:8">
      <c r="H390098" s="12"/>
    </row>
    <row r="390099" spans="8:8">
      <c r="H390099" s="12"/>
    </row>
    <row r="390100" spans="8:8">
      <c r="H390100" s="12"/>
    </row>
    <row r="390101" spans="8:8">
      <c r="H390101" s="12"/>
    </row>
    <row r="390102" spans="8:8">
      <c r="H390102" s="12"/>
    </row>
    <row r="390103" spans="8:8">
      <c r="H390103" s="12"/>
    </row>
    <row r="390104" spans="8:8">
      <c r="H390104" s="12"/>
    </row>
    <row r="390105" spans="8:8">
      <c r="H390105" s="12"/>
    </row>
    <row r="390106" spans="8:8">
      <c r="H390106" s="12"/>
    </row>
    <row r="390107" spans="8:8">
      <c r="H390107" s="12"/>
    </row>
    <row r="390108" spans="8:8">
      <c r="H390108" s="12"/>
    </row>
    <row r="390109" spans="8:8">
      <c r="H390109" s="12"/>
    </row>
    <row r="390110" spans="8:8">
      <c r="H390110" s="12"/>
    </row>
    <row r="390111" spans="8:8">
      <c r="H390111" s="12"/>
    </row>
    <row r="390112" spans="8:8">
      <c r="H390112" s="12"/>
    </row>
    <row r="390113" spans="8:8">
      <c r="H390113" s="12"/>
    </row>
    <row r="390114" spans="8:8">
      <c r="H390114" s="12"/>
    </row>
    <row r="390115" spans="8:8">
      <c r="H390115" s="12"/>
    </row>
    <row r="390116" spans="8:8">
      <c r="H390116" s="12"/>
    </row>
    <row r="390117" spans="8:8">
      <c r="H390117" s="12"/>
    </row>
    <row r="390118" spans="8:8">
      <c r="H390118" s="12"/>
    </row>
    <row r="390119" spans="8:8">
      <c r="H390119" s="12"/>
    </row>
    <row r="390120" spans="8:8">
      <c r="H390120" s="12"/>
    </row>
    <row r="390121" spans="8:8">
      <c r="H390121" s="12"/>
    </row>
    <row r="390122" spans="8:8">
      <c r="H390122" s="12"/>
    </row>
    <row r="390123" spans="8:8">
      <c r="H390123" s="12"/>
    </row>
    <row r="390124" spans="8:8">
      <c r="H390124" s="12"/>
    </row>
    <row r="390125" spans="8:8">
      <c r="H390125" s="12"/>
    </row>
    <row r="390126" spans="8:8">
      <c r="H390126" s="12"/>
    </row>
    <row r="390127" spans="8:8">
      <c r="H390127" s="12"/>
    </row>
    <row r="390128" spans="8:8">
      <c r="H390128" s="12"/>
    </row>
    <row r="390129" spans="8:8">
      <c r="H390129" s="12"/>
    </row>
    <row r="390130" spans="8:8">
      <c r="H390130" s="12"/>
    </row>
    <row r="390131" spans="8:8">
      <c r="H390131" s="12"/>
    </row>
    <row r="390132" spans="8:8">
      <c r="H390132" s="12"/>
    </row>
    <row r="390133" spans="8:8">
      <c r="H390133" s="12"/>
    </row>
    <row r="390134" spans="8:8">
      <c r="H390134" s="12"/>
    </row>
    <row r="390135" spans="8:8">
      <c r="H390135" s="12"/>
    </row>
    <row r="390136" spans="8:8">
      <c r="H390136" s="12"/>
    </row>
    <row r="390137" spans="8:8">
      <c r="H390137" s="12"/>
    </row>
    <row r="390138" spans="8:8">
      <c r="H390138" s="12"/>
    </row>
    <row r="390139" spans="8:8">
      <c r="H390139" s="12"/>
    </row>
    <row r="390140" spans="8:8">
      <c r="H390140" s="12"/>
    </row>
    <row r="390141" spans="8:8">
      <c r="H390141" s="12"/>
    </row>
    <row r="390142" spans="8:8">
      <c r="H390142" s="12"/>
    </row>
    <row r="390143" spans="8:8">
      <c r="H390143" s="12"/>
    </row>
    <row r="390144" spans="8:8">
      <c r="H390144" s="12"/>
    </row>
    <row r="390145" spans="8:8">
      <c r="H390145" s="12"/>
    </row>
    <row r="390146" spans="8:8">
      <c r="H390146" s="12"/>
    </row>
    <row r="390147" spans="8:8">
      <c r="H390147" s="12"/>
    </row>
    <row r="390148" spans="8:8">
      <c r="H390148" s="12"/>
    </row>
    <row r="390149" spans="8:8">
      <c r="H390149" s="12"/>
    </row>
    <row r="390150" spans="8:8">
      <c r="H390150" s="12"/>
    </row>
    <row r="390151" spans="8:8">
      <c r="H390151" s="12"/>
    </row>
    <row r="390152" spans="8:8">
      <c r="H390152" s="12"/>
    </row>
    <row r="390153" spans="8:8">
      <c r="H390153" s="12"/>
    </row>
    <row r="390154" spans="8:8">
      <c r="H390154" s="12"/>
    </row>
    <row r="390155" spans="8:8">
      <c r="H390155" s="12"/>
    </row>
    <row r="390156" spans="8:8">
      <c r="H390156" s="12"/>
    </row>
    <row r="390157" spans="8:8">
      <c r="H390157" s="12"/>
    </row>
    <row r="390158" spans="8:8">
      <c r="H390158" s="12"/>
    </row>
    <row r="390159" spans="8:8">
      <c r="H390159" s="12"/>
    </row>
    <row r="390160" spans="8:8">
      <c r="H390160" s="12"/>
    </row>
    <row r="390161" spans="8:8">
      <c r="H390161" s="12"/>
    </row>
    <row r="390162" spans="8:8">
      <c r="H390162" s="12"/>
    </row>
    <row r="390163" spans="8:8">
      <c r="H390163" s="12"/>
    </row>
    <row r="390164" spans="8:8">
      <c r="H390164" s="12"/>
    </row>
    <row r="390165" spans="8:8">
      <c r="H390165" s="12"/>
    </row>
    <row r="390166" spans="8:8">
      <c r="H390166" s="12"/>
    </row>
    <row r="390167" spans="8:8">
      <c r="H390167" s="12"/>
    </row>
    <row r="390168" spans="8:8">
      <c r="H390168" s="12"/>
    </row>
    <row r="390169" spans="8:8">
      <c r="H390169" s="12"/>
    </row>
    <row r="390170" spans="8:8">
      <c r="H390170" s="12"/>
    </row>
    <row r="390171" spans="8:8">
      <c r="H390171" s="12"/>
    </row>
    <row r="390172" spans="8:8">
      <c r="H390172" s="12"/>
    </row>
    <row r="390173" spans="8:8">
      <c r="H390173" s="12"/>
    </row>
    <row r="390174" spans="8:8">
      <c r="H390174" s="12"/>
    </row>
    <row r="390175" spans="8:8">
      <c r="H390175" s="12"/>
    </row>
    <row r="390176" spans="8:8">
      <c r="H390176" s="12"/>
    </row>
    <row r="390177" spans="8:8">
      <c r="H390177" s="12"/>
    </row>
    <row r="390178" spans="8:8">
      <c r="H390178" s="12"/>
    </row>
    <row r="390179" spans="8:8">
      <c r="H390179" s="12"/>
    </row>
    <row r="390180" spans="8:8">
      <c r="H390180" s="12"/>
    </row>
    <row r="390181" spans="8:8">
      <c r="H390181" s="12"/>
    </row>
    <row r="390182" spans="8:8">
      <c r="H390182" s="12"/>
    </row>
    <row r="390183" spans="8:8">
      <c r="H390183" s="12"/>
    </row>
    <row r="390184" spans="8:8">
      <c r="H390184" s="12"/>
    </row>
    <row r="390185" spans="8:8">
      <c r="H390185" s="12"/>
    </row>
    <row r="390186" spans="8:8">
      <c r="H390186" s="12"/>
    </row>
    <row r="390187" spans="8:8">
      <c r="H390187" s="12"/>
    </row>
    <row r="390188" spans="8:8">
      <c r="H390188" s="12"/>
    </row>
    <row r="390189" spans="8:8">
      <c r="H390189" s="12"/>
    </row>
    <row r="390190" spans="8:8">
      <c r="H390190" s="12"/>
    </row>
    <row r="390191" spans="8:8">
      <c r="H390191" s="12"/>
    </row>
    <row r="390192" spans="8:8">
      <c r="H390192" s="12"/>
    </row>
    <row r="390193" spans="8:8">
      <c r="H390193" s="12"/>
    </row>
    <row r="390194" spans="8:8">
      <c r="H390194" s="12"/>
    </row>
    <row r="390195" spans="8:8">
      <c r="H390195" s="12"/>
    </row>
    <row r="390196" spans="8:8">
      <c r="H390196" s="12"/>
    </row>
    <row r="390197" spans="8:8">
      <c r="H390197" s="12"/>
    </row>
    <row r="390198" spans="8:8">
      <c r="H390198" s="12"/>
    </row>
    <row r="390199" spans="8:8">
      <c r="H390199" s="12"/>
    </row>
    <row r="390200" spans="8:8">
      <c r="H390200" s="12"/>
    </row>
    <row r="390201" spans="8:8">
      <c r="H390201" s="12"/>
    </row>
    <row r="390202" spans="8:8">
      <c r="H390202" s="12"/>
    </row>
    <row r="390203" spans="8:8">
      <c r="H390203" s="12"/>
    </row>
    <row r="390204" spans="8:8">
      <c r="H390204" s="12"/>
    </row>
    <row r="390205" spans="8:8">
      <c r="H390205" s="12"/>
    </row>
    <row r="390206" spans="8:8">
      <c r="H390206" s="12"/>
    </row>
    <row r="390207" spans="8:8">
      <c r="H390207" s="12"/>
    </row>
    <row r="390208" spans="8:8">
      <c r="H390208" s="12"/>
    </row>
    <row r="390209" spans="8:8">
      <c r="H390209" s="12"/>
    </row>
    <row r="390210" spans="8:8">
      <c r="H390210" s="12"/>
    </row>
    <row r="390211" spans="8:8">
      <c r="H390211" s="12"/>
    </row>
    <row r="390212" spans="8:8">
      <c r="H390212" s="12"/>
    </row>
    <row r="390213" spans="8:8">
      <c r="H390213" s="12"/>
    </row>
    <row r="390214" spans="8:8">
      <c r="H390214" s="12"/>
    </row>
    <row r="390215" spans="8:8">
      <c r="H390215" s="12"/>
    </row>
    <row r="390216" spans="8:8">
      <c r="H390216" s="12"/>
    </row>
    <row r="390217" spans="8:8">
      <c r="H390217" s="12"/>
    </row>
    <row r="390218" spans="8:8">
      <c r="H390218" s="12"/>
    </row>
    <row r="390219" spans="8:8">
      <c r="H390219" s="12"/>
    </row>
    <row r="390220" spans="8:8">
      <c r="H390220" s="12"/>
    </row>
    <row r="390221" spans="8:8">
      <c r="H390221" s="12"/>
    </row>
    <row r="390222" spans="8:8">
      <c r="H390222" s="12"/>
    </row>
    <row r="390223" spans="8:8">
      <c r="H390223" s="12"/>
    </row>
    <row r="390224" spans="8:8">
      <c r="H390224" s="12"/>
    </row>
    <row r="390225" spans="8:8">
      <c r="H390225" s="12"/>
    </row>
    <row r="390226" spans="8:8">
      <c r="H390226" s="12"/>
    </row>
    <row r="390227" spans="8:8">
      <c r="H390227" s="12"/>
    </row>
    <row r="390228" spans="8:8">
      <c r="H390228" s="12"/>
    </row>
    <row r="390229" spans="8:8">
      <c r="H390229" s="12"/>
    </row>
    <row r="390230" spans="8:8">
      <c r="H390230" s="12"/>
    </row>
    <row r="390231" spans="8:8">
      <c r="H390231" s="12"/>
    </row>
    <row r="390232" spans="8:8">
      <c r="H390232" s="12"/>
    </row>
    <row r="390233" spans="8:8">
      <c r="H390233" s="12"/>
    </row>
    <row r="390234" spans="8:8">
      <c r="H390234" s="12"/>
    </row>
    <row r="390235" spans="8:8">
      <c r="H390235" s="12"/>
    </row>
    <row r="390236" spans="8:8">
      <c r="H390236" s="12"/>
    </row>
    <row r="390237" spans="8:8">
      <c r="H390237" s="12"/>
    </row>
    <row r="390238" spans="8:8">
      <c r="H390238" s="12"/>
    </row>
    <row r="390239" spans="8:8">
      <c r="H390239" s="12"/>
    </row>
    <row r="390240" spans="8:8">
      <c r="H390240" s="12"/>
    </row>
    <row r="390241" spans="8:8">
      <c r="H390241" s="12"/>
    </row>
    <row r="390242" spans="8:8">
      <c r="H390242" s="12"/>
    </row>
    <row r="390243" spans="8:8">
      <c r="H390243" s="12"/>
    </row>
    <row r="390244" spans="8:8">
      <c r="H390244" s="12"/>
    </row>
    <row r="390245" spans="8:8">
      <c r="H390245" s="12"/>
    </row>
    <row r="390246" spans="8:8">
      <c r="H390246" s="12"/>
    </row>
    <row r="390247" spans="8:8">
      <c r="H390247" s="12"/>
    </row>
    <row r="390248" spans="8:8">
      <c r="H390248" s="12"/>
    </row>
    <row r="390249" spans="8:8">
      <c r="H390249" s="12"/>
    </row>
    <row r="390250" spans="8:8">
      <c r="H390250" s="12"/>
    </row>
    <row r="390251" spans="8:8">
      <c r="H390251" s="12"/>
    </row>
    <row r="390252" spans="8:8">
      <c r="H390252" s="12"/>
    </row>
    <row r="390253" spans="8:8">
      <c r="H390253" s="12"/>
    </row>
    <row r="390254" spans="8:8">
      <c r="H390254" s="12"/>
    </row>
    <row r="390255" spans="8:8">
      <c r="H390255" s="12"/>
    </row>
    <row r="390256" spans="8:8">
      <c r="H390256" s="12"/>
    </row>
    <row r="390257" spans="8:8">
      <c r="H390257" s="12"/>
    </row>
    <row r="390258" spans="8:8">
      <c r="H390258" s="12"/>
    </row>
    <row r="390259" spans="8:8">
      <c r="H390259" s="12"/>
    </row>
    <row r="390260" spans="8:8">
      <c r="H390260" s="12"/>
    </row>
    <row r="390261" spans="8:8">
      <c r="H390261" s="12"/>
    </row>
    <row r="390262" spans="8:8">
      <c r="H390262" s="12"/>
    </row>
    <row r="390263" spans="8:8">
      <c r="H390263" s="12"/>
    </row>
    <row r="390264" spans="8:8">
      <c r="H390264" s="12"/>
    </row>
    <row r="390265" spans="8:8">
      <c r="H390265" s="12"/>
    </row>
    <row r="390266" spans="8:8">
      <c r="H390266" s="12"/>
    </row>
    <row r="390267" spans="8:8">
      <c r="H390267" s="12"/>
    </row>
    <row r="390268" spans="8:8">
      <c r="H390268" s="12"/>
    </row>
    <row r="390269" spans="8:8">
      <c r="H390269" s="12"/>
    </row>
    <row r="390270" spans="8:8">
      <c r="H390270" s="12"/>
    </row>
    <row r="390271" spans="8:8">
      <c r="H390271" s="12"/>
    </row>
    <row r="390272" spans="8:8">
      <c r="H390272" s="12"/>
    </row>
    <row r="390273" spans="8:8">
      <c r="H390273" s="12"/>
    </row>
    <row r="390274" spans="8:8">
      <c r="H390274" s="12"/>
    </row>
    <row r="390275" spans="8:8">
      <c r="H390275" s="12"/>
    </row>
    <row r="390276" spans="8:8">
      <c r="H390276" s="12"/>
    </row>
    <row r="390277" spans="8:8">
      <c r="H390277" s="12"/>
    </row>
    <row r="390278" spans="8:8">
      <c r="H390278" s="12"/>
    </row>
    <row r="390279" spans="8:8">
      <c r="H390279" s="12"/>
    </row>
    <row r="390280" spans="8:8">
      <c r="H390280" s="12"/>
    </row>
    <row r="390281" spans="8:8">
      <c r="H390281" s="12"/>
    </row>
    <row r="390282" spans="8:8">
      <c r="H390282" s="12"/>
    </row>
    <row r="390283" spans="8:8">
      <c r="H390283" s="12"/>
    </row>
    <row r="390284" spans="8:8">
      <c r="H390284" s="12"/>
    </row>
    <row r="390285" spans="8:8">
      <c r="H390285" s="12"/>
    </row>
    <row r="390286" spans="8:8">
      <c r="H390286" s="12"/>
    </row>
    <row r="390287" spans="8:8">
      <c r="H390287" s="12"/>
    </row>
    <row r="390288" spans="8:8">
      <c r="H390288" s="12"/>
    </row>
    <row r="390289" spans="8:8">
      <c r="H390289" s="12"/>
    </row>
    <row r="390290" spans="8:8">
      <c r="H390290" s="12"/>
    </row>
    <row r="390291" spans="8:8">
      <c r="H390291" s="12"/>
    </row>
    <row r="390292" spans="8:8">
      <c r="H390292" s="12"/>
    </row>
    <row r="390293" spans="8:8">
      <c r="H390293" s="12"/>
    </row>
    <row r="390294" spans="8:8">
      <c r="H390294" s="12"/>
    </row>
    <row r="390295" spans="8:8">
      <c r="H390295" s="12"/>
    </row>
    <row r="390296" spans="8:8">
      <c r="H390296" s="12"/>
    </row>
    <row r="390297" spans="8:8">
      <c r="H390297" s="12"/>
    </row>
    <row r="390298" spans="8:8">
      <c r="H390298" s="12"/>
    </row>
    <row r="390299" spans="8:8">
      <c r="H390299" s="12"/>
    </row>
    <row r="390300" spans="8:8">
      <c r="H390300" s="12"/>
    </row>
    <row r="390301" spans="8:8">
      <c r="H390301" s="12"/>
    </row>
    <row r="390302" spans="8:8">
      <c r="H390302" s="12"/>
    </row>
    <row r="390303" spans="8:8">
      <c r="H390303" s="12"/>
    </row>
    <row r="390304" spans="8:8">
      <c r="H390304" s="12"/>
    </row>
    <row r="390305" spans="8:8">
      <c r="H390305" s="12"/>
    </row>
    <row r="390306" spans="8:8">
      <c r="H390306" s="12"/>
    </row>
    <row r="390307" spans="8:8">
      <c r="H390307" s="12"/>
    </row>
    <row r="390308" spans="8:8">
      <c r="H390308" s="12"/>
    </row>
    <row r="390309" spans="8:8">
      <c r="H390309" s="12"/>
    </row>
    <row r="390310" spans="8:8">
      <c r="H390310" s="12"/>
    </row>
    <row r="390311" spans="8:8">
      <c r="H390311" s="12"/>
    </row>
    <row r="390312" spans="8:8">
      <c r="H390312" s="12"/>
    </row>
    <row r="390313" spans="8:8">
      <c r="H390313" s="12"/>
    </row>
    <row r="390314" spans="8:8">
      <c r="H390314" s="12"/>
    </row>
    <row r="390315" spans="8:8">
      <c r="H390315" s="12"/>
    </row>
    <row r="390316" spans="8:8">
      <c r="H390316" s="12"/>
    </row>
    <row r="390317" spans="8:8">
      <c r="H390317" s="12"/>
    </row>
    <row r="390318" spans="8:8">
      <c r="H390318" s="12"/>
    </row>
    <row r="390319" spans="8:8">
      <c r="H390319" s="12"/>
    </row>
    <row r="390320" spans="8:8">
      <c r="H390320" s="12"/>
    </row>
    <row r="390321" spans="8:8">
      <c r="H390321" s="12"/>
    </row>
    <row r="390322" spans="8:8">
      <c r="H390322" s="12"/>
    </row>
    <row r="390323" spans="8:8">
      <c r="H390323" s="12"/>
    </row>
    <row r="390324" spans="8:8">
      <c r="H390324" s="12"/>
    </row>
    <row r="390325" spans="8:8">
      <c r="H390325" s="12"/>
    </row>
    <row r="390326" spans="8:8">
      <c r="H390326" s="12"/>
    </row>
    <row r="390327" spans="8:8">
      <c r="H390327" s="12"/>
    </row>
    <row r="390328" spans="8:8">
      <c r="H390328" s="12"/>
    </row>
    <row r="390329" spans="8:8">
      <c r="H390329" s="12"/>
    </row>
    <row r="390330" spans="8:8">
      <c r="H390330" s="12"/>
    </row>
    <row r="390331" spans="8:8">
      <c r="H390331" s="12"/>
    </row>
    <row r="390332" spans="8:8">
      <c r="H390332" s="12"/>
    </row>
    <row r="390333" spans="8:8">
      <c r="H390333" s="12"/>
    </row>
    <row r="390334" spans="8:8">
      <c r="H390334" s="12"/>
    </row>
    <row r="390335" spans="8:8">
      <c r="H390335" s="12"/>
    </row>
    <row r="390336" spans="8:8">
      <c r="H390336" s="12"/>
    </row>
    <row r="390337" spans="8:8">
      <c r="H390337" s="12"/>
    </row>
    <row r="390338" spans="8:8">
      <c r="H390338" s="12"/>
    </row>
    <row r="390339" spans="8:8">
      <c r="H390339" s="12"/>
    </row>
    <row r="390340" spans="8:8">
      <c r="H390340" s="12"/>
    </row>
    <row r="390341" spans="8:8">
      <c r="H390341" s="12"/>
    </row>
    <row r="390342" spans="8:8">
      <c r="H390342" s="12"/>
    </row>
    <row r="390343" spans="8:8">
      <c r="H390343" s="12"/>
    </row>
    <row r="390344" spans="8:8">
      <c r="H390344" s="12"/>
    </row>
    <row r="390345" spans="8:8">
      <c r="H390345" s="12"/>
    </row>
    <row r="390346" spans="8:8">
      <c r="H390346" s="12"/>
    </row>
    <row r="390347" spans="8:8">
      <c r="H390347" s="12"/>
    </row>
    <row r="390348" spans="8:8">
      <c r="H390348" s="12"/>
    </row>
    <row r="390349" spans="8:8">
      <c r="H390349" s="12"/>
    </row>
    <row r="390350" spans="8:8">
      <c r="H390350" s="12"/>
    </row>
    <row r="390351" spans="8:8">
      <c r="H390351" s="12"/>
    </row>
    <row r="390352" spans="8:8">
      <c r="H390352" s="12"/>
    </row>
    <row r="390353" spans="8:8">
      <c r="H390353" s="12"/>
    </row>
    <row r="390354" spans="8:8">
      <c r="H390354" s="12"/>
    </row>
    <row r="390355" spans="8:8">
      <c r="H390355" s="12"/>
    </row>
    <row r="390356" spans="8:8">
      <c r="H390356" s="12"/>
    </row>
    <row r="390357" spans="8:8">
      <c r="H390357" s="12"/>
    </row>
    <row r="390358" spans="8:8">
      <c r="H390358" s="12"/>
    </row>
    <row r="390359" spans="8:8">
      <c r="H390359" s="12"/>
    </row>
    <row r="390360" spans="8:8">
      <c r="H390360" s="12"/>
    </row>
    <row r="390361" spans="8:8">
      <c r="H390361" s="12"/>
    </row>
    <row r="390362" spans="8:8">
      <c r="H390362" s="12"/>
    </row>
    <row r="390363" spans="8:8">
      <c r="H390363" s="12"/>
    </row>
    <row r="390364" spans="8:8">
      <c r="H390364" s="12"/>
    </row>
    <row r="390365" spans="8:8">
      <c r="H390365" s="12"/>
    </row>
    <row r="390366" spans="8:8">
      <c r="H390366" s="12"/>
    </row>
    <row r="390367" spans="8:8">
      <c r="H390367" s="12"/>
    </row>
    <row r="390368" spans="8:8">
      <c r="H390368" s="12"/>
    </row>
    <row r="390369" spans="8:8">
      <c r="H390369" s="12"/>
    </row>
    <row r="390370" spans="8:8">
      <c r="H390370" s="12"/>
    </row>
    <row r="390371" spans="8:8">
      <c r="H390371" s="12"/>
    </row>
    <row r="390372" spans="8:8">
      <c r="H390372" s="12"/>
    </row>
    <row r="390373" spans="8:8">
      <c r="H390373" s="12"/>
    </row>
    <row r="390374" spans="8:8">
      <c r="H390374" s="12"/>
    </row>
    <row r="390375" spans="8:8">
      <c r="H390375" s="12"/>
    </row>
    <row r="390376" spans="8:8">
      <c r="H390376" s="12"/>
    </row>
    <row r="390377" spans="8:8">
      <c r="H390377" s="12"/>
    </row>
    <row r="390378" spans="8:8">
      <c r="H390378" s="12"/>
    </row>
    <row r="390379" spans="8:8">
      <c r="H390379" s="12"/>
    </row>
    <row r="390380" spans="8:8">
      <c r="H390380" s="12"/>
    </row>
    <row r="390381" spans="8:8">
      <c r="H390381" s="12"/>
    </row>
    <row r="390382" spans="8:8">
      <c r="H390382" s="12"/>
    </row>
    <row r="390383" spans="8:8">
      <c r="H390383" s="12"/>
    </row>
    <row r="390384" spans="8:8">
      <c r="H390384" s="12"/>
    </row>
    <row r="390385" spans="8:8">
      <c r="H390385" s="12"/>
    </row>
    <row r="390386" spans="8:8">
      <c r="H390386" s="12"/>
    </row>
    <row r="390387" spans="8:8">
      <c r="H390387" s="12"/>
    </row>
    <row r="390388" spans="8:8">
      <c r="H390388" s="12"/>
    </row>
    <row r="390389" spans="8:8">
      <c r="H390389" s="12"/>
    </row>
    <row r="390390" spans="8:8">
      <c r="H390390" s="12"/>
    </row>
    <row r="390391" spans="8:8">
      <c r="H390391" s="12"/>
    </row>
    <row r="390392" spans="8:8">
      <c r="H390392" s="12"/>
    </row>
    <row r="390393" spans="8:8">
      <c r="H390393" s="12"/>
    </row>
    <row r="390394" spans="8:8">
      <c r="H390394" s="12"/>
    </row>
    <row r="390395" spans="8:8">
      <c r="H390395" s="12"/>
    </row>
    <row r="390396" spans="8:8">
      <c r="H390396" s="12"/>
    </row>
    <row r="390397" spans="8:8">
      <c r="H390397" s="12"/>
    </row>
    <row r="390398" spans="8:8">
      <c r="H390398" s="12"/>
    </row>
    <row r="390399" spans="8:8">
      <c r="H390399" s="12"/>
    </row>
    <row r="390400" spans="8:8">
      <c r="H390400" s="12"/>
    </row>
    <row r="390401" spans="8:8">
      <c r="H390401" s="12"/>
    </row>
    <row r="390402" spans="8:8">
      <c r="H390402" s="12"/>
    </row>
    <row r="390403" spans="8:8">
      <c r="H390403" s="12"/>
    </row>
    <row r="390404" spans="8:8">
      <c r="H390404" s="12"/>
    </row>
    <row r="390405" spans="8:8">
      <c r="H390405" s="12"/>
    </row>
    <row r="390406" spans="8:8">
      <c r="H390406" s="12"/>
    </row>
    <row r="390407" spans="8:8">
      <c r="H390407" s="12"/>
    </row>
    <row r="390408" spans="8:8">
      <c r="H390408" s="12"/>
    </row>
    <row r="390409" spans="8:8">
      <c r="H390409" s="12"/>
    </row>
    <row r="390410" spans="8:8">
      <c r="H390410" s="12"/>
    </row>
    <row r="390411" spans="8:8">
      <c r="H390411" s="12"/>
    </row>
    <row r="390412" spans="8:8">
      <c r="H390412" s="12"/>
    </row>
    <row r="390413" spans="8:8">
      <c r="H390413" s="12"/>
    </row>
    <row r="390414" spans="8:8">
      <c r="H390414" s="12"/>
    </row>
    <row r="390415" spans="8:8">
      <c r="H390415" s="12"/>
    </row>
    <row r="390416" spans="8:8">
      <c r="H390416" s="12"/>
    </row>
    <row r="390417" spans="8:8">
      <c r="H390417" s="12"/>
    </row>
    <row r="390418" spans="8:8">
      <c r="H390418" s="12"/>
    </row>
    <row r="390419" spans="8:8">
      <c r="H390419" s="12"/>
    </row>
    <row r="390420" spans="8:8">
      <c r="H390420" s="12"/>
    </row>
    <row r="390421" spans="8:8">
      <c r="H390421" s="12"/>
    </row>
    <row r="390422" spans="8:8">
      <c r="H390422" s="12"/>
    </row>
    <row r="390423" spans="8:8">
      <c r="H390423" s="12"/>
    </row>
    <row r="390424" spans="8:8">
      <c r="H390424" s="12"/>
    </row>
    <row r="390425" spans="8:8">
      <c r="H390425" s="12"/>
    </row>
    <row r="390426" spans="8:8">
      <c r="H390426" s="12"/>
    </row>
    <row r="390427" spans="8:8">
      <c r="H390427" s="12"/>
    </row>
    <row r="390428" spans="8:8">
      <c r="H390428" s="12"/>
    </row>
    <row r="390429" spans="8:8">
      <c r="H390429" s="12"/>
    </row>
    <row r="390430" spans="8:8">
      <c r="H390430" s="12"/>
    </row>
    <row r="390431" spans="8:8">
      <c r="H390431" s="12"/>
    </row>
    <row r="390432" spans="8:8">
      <c r="H390432" s="12"/>
    </row>
    <row r="390433" spans="8:8">
      <c r="H390433" s="12"/>
    </row>
    <row r="390434" spans="8:8">
      <c r="H390434" s="12"/>
    </row>
    <row r="390435" spans="8:8">
      <c r="H390435" s="12"/>
    </row>
    <row r="390436" spans="8:8">
      <c r="H390436" s="12"/>
    </row>
    <row r="390437" spans="8:8">
      <c r="H390437" s="12"/>
    </row>
    <row r="390438" spans="8:8">
      <c r="H390438" s="12"/>
    </row>
    <row r="390439" spans="8:8">
      <c r="H390439" s="12"/>
    </row>
    <row r="390440" spans="8:8">
      <c r="H390440" s="12"/>
    </row>
    <row r="390441" spans="8:8">
      <c r="H390441" s="12"/>
    </row>
    <row r="390442" spans="8:8">
      <c r="H390442" s="12"/>
    </row>
    <row r="390443" spans="8:8">
      <c r="H390443" s="12"/>
    </row>
    <row r="390444" spans="8:8">
      <c r="H390444" s="12"/>
    </row>
    <row r="390445" spans="8:8">
      <c r="H390445" s="12"/>
    </row>
    <row r="390446" spans="8:8">
      <c r="H390446" s="12"/>
    </row>
    <row r="390447" spans="8:8">
      <c r="H390447" s="12"/>
    </row>
    <row r="390448" spans="8:8">
      <c r="H390448" s="12"/>
    </row>
    <row r="390449" spans="8:8">
      <c r="H390449" s="12"/>
    </row>
    <row r="390450" spans="8:8">
      <c r="H390450" s="12"/>
    </row>
    <row r="390451" spans="8:8">
      <c r="H390451" s="12"/>
    </row>
    <row r="390452" spans="8:8">
      <c r="H390452" s="12"/>
    </row>
    <row r="390453" spans="8:8">
      <c r="H390453" s="12"/>
    </row>
    <row r="390454" spans="8:8">
      <c r="H390454" s="12"/>
    </row>
    <row r="390455" spans="8:8">
      <c r="H390455" s="12"/>
    </row>
    <row r="390456" spans="8:8">
      <c r="H390456" s="12"/>
    </row>
    <row r="390457" spans="8:8">
      <c r="H390457" s="12"/>
    </row>
    <row r="390458" spans="8:8">
      <c r="H390458" s="12"/>
    </row>
    <row r="390459" spans="8:8">
      <c r="H390459" s="12"/>
    </row>
    <row r="390460" spans="8:8">
      <c r="H390460" s="12"/>
    </row>
    <row r="390461" spans="8:8">
      <c r="H390461" s="12"/>
    </row>
    <row r="390462" spans="8:8">
      <c r="H390462" s="12"/>
    </row>
    <row r="390463" spans="8:8">
      <c r="H390463" s="12"/>
    </row>
    <row r="390464" spans="8:8">
      <c r="H390464" s="12"/>
    </row>
    <row r="390465" spans="8:8">
      <c r="H390465" s="12"/>
    </row>
    <row r="390466" spans="8:8">
      <c r="H390466" s="12"/>
    </row>
    <row r="390467" spans="8:8">
      <c r="H390467" s="12"/>
    </row>
    <row r="390468" spans="8:8">
      <c r="H390468" s="12"/>
    </row>
    <row r="390469" spans="8:8">
      <c r="H390469" s="12"/>
    </row>
    <row r="390470" spans="8:8">
      <c r="H390470" s="12"/>
    </row>
    <row r="390471" spans="8:8">
      <c r="H390471" s="12"/>
    </row>
    <row r="390472" spans="8:8">
      <c r="H390472" s="12"/>
    </row>
    <row r="390473" spans="8:8">
      <c r="H390473" s="12"/>
    </row>
    <row r="390474" spans="8:8">
      <c r="H390474" s="12"/>
    </row>
    <row r="390475" spans="8:8">
      <c r="H390475" s="12"/>
    </row>
    <row r="390476" spans="8:8">
      <c r="H390476" s="12"/>
    </row>
    <row r="390477" spans="8:8">
      <c r="H390477" s="12"/>
    </row>
    <row r="390478" spans="8:8">
      <c r="H390478" s="12"/>
    </row>
    <row r="390479" spans="8:8">
      <c r="H390479" s="12"/>
    </row>
    <row r="390480" spans="8:8">
      <c r="H390480" s="12"/>
    </row>
    <row r="390481" spans="8:8">
      <c r="H390481" s="12"/>
    </row>
    <row r="390482" spans="8:8">
      <c r="H390482" s="12"/>
    </row>
    <row r="390483" spans="8:8">
      <c r="H390483" s="12"/>
    </row>
    <row r="390484" spans="8:8">
      <c r="H390484" s="12"/>
    </row>
    <row r="390485" spans="8:8">
      <c r="H390485" s="12"/>
    </row>
    <row r="390486" spans="8:8">
      <c r="H390486" s="12"/>
    </row>
    <row r="390487" spans="8:8">
      <c r="H390487" s="12"/>
    </row>
    <row r="390488" spans="8:8">
      <c r="H390488" s="12"/>
    </row>
    <row r="390489" spans="8:8">
      <c r="H390489" s="12"/>
    </row>
    <row r="390490" spans="8:8">
      <c r="H390490" s="12"/>
    </row>
    <row r="390491" spans="8:8">
      <c r="H390491" s="12"/>
    </row>
    <row r="390492" spans="8:8">
      <c r="H390492" s="12"/>
    </row>
    <row r="390493" spans="8:8">
      <c r="H390493" s="12"/>
    </row>
    <row r="390494" spans="8:8">
      <c r="H390494" s="12"/>
    </row>
    <row r="390495" spans="8:8">
      <c r="H390495" s="12"/>
    </row>
    <row r="390496" spans="8:8">
      <c r="H390496" s="12"/>
    </row>
    <row r="390497" spans="8:8">
      <c r="H390497" s="12"/>
    </row>
    <row r="390498" spans="8:8">
      <c r="H390498" s="12"/>
    </row>
    <row r="390499" spans="8:8">
      <c r="H390499" s="12"/>
    </row>
    <row r="390500" spans="8:8">
      <c r="H390500" s="12"/>
    </row>
    <row r="390501" spans="8:8">
      <c r="H390501" s="12"/>
    </row>
    <row r="390502" spans="8:8">
      <c r="H390502" s="12"/>
    </row>
    <row r="390503" spans="8:8">
      <c r="H390503" s="12"/>
    </row>
    <row r="390504" spans="8:8">
      <c r="H390504" s="12"/>
    </row>
    <row r="390505" spans="8:8">
      <c r="H390505" s="12"/>
    </row>
    <row r="390506" spans="8:8">
      <c r="H390506" s="12"/>
    </row>
    <row r="390507" spans="8:8">
      <c r="H390507" s="12"/>
    </row>
    <row r="390508" spans="8:8">
      <c r="H390508" s="12"/>
    </row>
    <row r="390509" spans="8:8">
      <c r="H390509" s="12"/>
    </row>
    <row r="390510" spans="8:8">
      <c r="H390510" s="12"/>
    </row>
    <row r="390511" spans="8:8">
      <c r="H390511" s="12"/>
    </row>
    <row r="390512" spans="8:8">
      <c r="H390512" s="12"/>
    </row>
    <row r="390513" spans="8:8">
      <c r="H390513" s="12"/>
    </row>
    <row r="390514" spans="8:8">
      <c r="H390514" s="12"/>
    </row>
    <row r="390515" spans="8:8">
      <c r="H390515" s="12"/>
    </row>
    <row r="390516" spans="8:8">
      <c r="H390516" s="12"/>
    </row>
    <row r="390517" spans="8:8">
      <c r="H390517" s="12"/>
    </row>
    <row r="390518" spans="8:8">
      <c r="H390518" s="12"/>
    </row>
    <row r="390519" spans="8:8">
      <c r="H390519" s="12"/>
    </row>
    <row r="390520" spans="8:8">
      <c r="H390520" s="12"/>
    </row>
    <row r="390521" spans="8:8">
      <c r="H390521" s="12"/>
    </row>
    <row r="390522" spans="8:8">
      <c r="H390522" s="12"/>
    </row>
    <row r="390523" spans="8:8">
      <c r="H390523" s="12"/>
    </row>
    <row r="390524" spans="8:8">
      <c r="H390524" s="12"/>
    </row>
    <row r="390525" spans="8:8">
      <c r="H390525" s="12"/>
    </row>
    <row r="390526" spans="8:8">
      <c r="H390526" s="12"/>
    </row>
    <row r="390527" spans="8:8">
      <c r="H390527" s="12"/>
    </row>
    <row r="390528" spans="8:8">
      <c r="H390528" s="12"/>
    </row>
    <row r="390529" spans="8:8">
      <c r="H390529" s="12"/>
    </row>
    <row r="390530" spans="8:8">
      <c r="H390530" s="12"/>
    </row>
    <row r="390531" spans="8:8">
      <c r="H390531" s="12"/>
    </row>
    <row r="390532" spans="8:8">
      <c r="H390532" s="12"/>
    </row>
    <row r="390533" spans="8:8">
      <c r="H390533" s="12"/>
    </row>
    <row r="390534" spans="8:8">
      <c r="H390534" s="12"/>
    </row>
    <row r="390535" spans="8:8">
      <c r="H390535" s="12"/>
    </row>
    <row r="390536" spans="8:8">
      <c r="H390536" s="12"/>
    </row>
    <row r="390537" spans="8:8">
      <c r="H390537" s="12"/>
    </row>
    <row r="390538" spans="8:8">
      <c r="H390538" s="12"/>
    </row>
    <row r="390539" spans="8:8">
      <c r="H390539" s="12"/>
    </row>
    <row r="390540" spans="8:8">
      <c r="H390540" s="12"/>
    </row>
    <row r="390541" spans="8:8">
      <c r="H390541" s="12"/>
    </row>
    <row r="390542" spans="8:8">
      <c r="H390542" s="12"/>
    </row>
    <row r="390543" spans="8:8">
      <c r="H390543" s="12"/>
    </row>
    <row r="390544" spans="8:8">
      <c r="H390544" s="12"/>
    </row>
    <row r="390545" spans="8:8">
      <c r="H390545" s="12"/>
    </row>
    <row r="390546" spans="8:8">
      <c r="H390546" s="12"/>
    </row>
    <row r="390547" spans="8:8">
      <c r="H390547" s="12"/>
    </row>
    <row r="390548" spans="8:8">
      <c r="H390548" s="12"/>
    </row>
    <row r="390549" spans="8:8">
      <c r="H390549" s="12"/>
    </row>
    <row r="390550" spans="8:8">
      <c r="H390550" s="12"/>
    </row>
    <row r="390551" spans="8:8">
      <c r="H390551" s="12"/>
    </row>
    <row r="390552" spans="8:8">
      <c r="H390552" s="12"/>
    </row>
    <row r="390553" spans="8:8">
      <c r="H390553" s="12"/>
    </row>
    <row r="390554" spans="8:8">
      <c r="H390554" s="12"/>
    </row>
    <row r="390555" spans="8:8">
      <c r="H390555" s="12"/>
    </row>
    <row r="390556" spans="8:8">
      <c r="H390556" s="12"/>
    </row>
    <row r="390557" spans="8:8">
      <c r="H390557" s="12"/>
    </row>
    <row r="390558" spans="8:8">
      <c r="H390558" s="12"/>
    </row>
    <row r="390559" spans="8:8">
      <c r="H390559" s="12"/>
    </row>
    <row r="390560" spans="8:8">
      <c r="H390560" s="12"/>
    </row>
    <row r="390561" spans="8:8">
      <c r="H390561" s="12"/>
    </row>
    <row r="390562" spans="8:8">
      <c r="H390562" s="12"/>
    </row>
    <row r="390563" spans="8:8">
      <c r="H390563" s="12"/>
    </row>
    <row r="390564" spans="8:8">
      <c r="H390564" s="12"/>
    </row>
    <row r="390565" spans="8:8">
      <c r="H390565" s="12"/>
    </row>
    <row r="390566" spans="8:8">
      <c r="H390566" s="12"/>
    </row>
    <row r="390567" spans="8:8">
      <c r="H390567" s="12"/>
    </row>
    <row r="390568" spans="8:8">
      <c r="H390568" s="12"/>
    </row>
    <row r="390569" spans="8:8">
      <c r="H390569" s="12"/>
    </row>
    <row r="390570" spans="8:8">
      <c r="H390570" s="12"/>
    </row>
    <row r="390571" spans="8:8">
      <c r="H390571" s="12"/>
    </row>
    <row r="390572" spans="8:8">
      <c r="H390572" s="12"/>
    </row>
    <row r="390573" spans="8:8">
      <c r="H390573" s="12"/>
    </row>
    <row r="390574" spans="8:8">
      <c r="H390574" s="12"/>
    </row>
    <row r="390575" spans="8:8">
      <c r="H390575" s="12"/>
    </row>
    <row r="390576" spans="8:8">
      <c r="H390576" s="12"/>
    </row>
    <row r="390577" spans="8:8">
      <c r="H390577" s="12"/>
    </row>
    <row r="390578" spans="8:8">
      <c r="H390578" s="12"/>
    </row>
    <row r="390579" spans="8:8">
      <c r="H390579" s="12"/>
    </row>
    <row r="390580" spans="8:8">
      <c r="H390580" s="12"/>
    </row>
    <row r="390581" spans="8:8">
      <c r="H390581" s="12"/>
    </row>
    <row r="390582" spans="8:8">
      <c r="H390582" s="12"/>
    </row>
    <row r="390583" spans="8:8">
      <c r="H390583" s="12"/>
    </row>
    <row r="390584" spans="8:8">
      <c r="H390584" s="12"/>
    </row>
    <row r="390585" spans="8:8">
      <c r="H390585" s="12"/>
    </row>
    <row r="390586" spans="8:8">
      <c r="H390586" s="12"/>
    </row>
    <row r="390587" spans="8:8">
      <c r="H390587" s="12"/>
    </row>
    <row r="390588" spans="8:8">
      <c r="H390588" s="12"/>
    </row>
    <row r="390589" spans="8:8">
      <c r="H390589" s="12"/>
    </row>
    <row r="390590" spans="8:8">
      <c r="H390590" s="12"/>
    </row>
    <row r="390591" spans="8:8">
      <c r="H390591" s="12"/>
    </row>
    <row r="390592" spans="8:8">
      <c r="H390592" s="12"/>
    </row>
    <row r="390593" spans="8:8">
      <c r="H390593" s="12"/>
    </row>
    <row r="390594" spans="8:8">
      <c r="H390594" s="12"/>
    </row>
    <row r="390595" spans="8:8">
      <c r="H390595" s="12"/>
    </row>
    <row r="390596" spans="8:8">
      <c r="H390596" s="12"/>
    </row>
    <row r="390597" spans="8:8">
      <c r="H390597" s="12"/>
    </row>
    <row r="390598" spans="8:8">
      <c r="H390598" s="12"/>
    </row>
    <row r="390599" spans="8:8">
      <c r="H390599" s="12"/>
    </row>
    <row r="390600" spans="8:8">
      <c r="H390600" s="12"/>
    </row>
    <row r="390601" spans="8:8">
      <c r="H390601" s="12"/>
    </row>
    <row r="390602" spans="8:8">
      <c r="H390602" s="12"/>
    </row>
    <row r="390603" spans="8:8">
      <c r="H390603" s="12"/>
    </row>
    <row r="390604" spans="8:8">
      <c r="H390604" s="12"/>
    </row>
    <row r="390605" spans="8:8">
      <c r="H390605" s="12"/>
    </row>
    <row r="390606" spans="8:8">
      <c r="H390606" s="12"/>
    </row>
    <row r="390607" spans="8:8">
      <c r="H390607" s="12"/>
    </row>
    <row r="390608" spans="8:8">
      <c r="H390608" s="12"/>
    </row>
    <row r="390609" spans="8:8">
      <c r="H390609" s="12"/>
    </row>
    <row r="390610" spans="8:8">
      <c r="H390610" s="12"/>
    </row>
    <row r="390611" spans="8:8">
      <c r="H390611" s="12"/>
    </row>
    <row r="390612" spans="8:8">
      <c r="H390612" s="12"/>
    </row>
    <row r="390613" spans="8:8">
      <c r="H390613" s="12"/>
    </row>
    <row r="390614" spans="8:8">
      <c r="H390614" s="12"/>
    </row>
    <row r="390615" spans="8:8">
      <c r="H390615" s="12"/>
    </row>
    <row r="390616" spans="8:8">
      <c r="H390616" s="12"/>
    </row>
    <row r="390617" spans="8:8">
      <c r="H390617" s="12"/>
    </row>
    <row r="390618" spans="8:8">
      <c r="H390618" s="12"/>
    </row>
    <row r="390619" spans="8:8">
      <c r="H390619" s="12"/>
    </row>
    <row r="390620" spans="8:8">
      <c r="H390620" s="12"/>
    </row>
    <row r="390621" spans="8:8">
      <c r="H390621" s="12"/>
    </row>
    <row r="390622" spans="8:8">
      <c r="H390622" s="12"/>
    </row>
    <row r="390623" spans="8:8">
      <c r="H390623" s="12"/>
    </row>
    <row r="390624" spans="8:8">
      <c r="H390624" s="12"/>
    </row>
    <row r="390625" spans="8:8">
      <c r="H390625" s="12"/>
    </row>
    <row r="390626" spans="8:8">
      <c r="H390626" s="12"/>
    </row>
    <row r="390627" spans="8:8">
      <c r="H390627" s="12"/>
    </row>
    <row r="390628" spans="8:8">
      <c r="H390628" s="12"/>
    </row>
    <row r="390629" spans="8:8">
      <c r="H390629" s="12"/>
    </row>
    <row r="390630" spans="8:8">
      <c r="H390630" s="12"/>
    </row>
    <row r="390631" spans="8:8">
      <c r="H390631" s="12"/>
    </row>
    <row r="390632" spans="8:8">
      <c r="H390632" s="12"/>
    </row>
    <row r="390633" spans="8:8">
      <c r="H390633" s="12"/>
    </row>
    <row r="390634" spans="8:8">
      <c r="H390634" s="12"/>
    </row>
    <row r="390635" spans="8:8">
      <c r="H390635" s="12"/>
    </row>
    <row r="390636" spans="8:8">
      <c r="H390636" s="12"/>
    </row>
    <row r="390637" spans="8:8">
      <c r="H390637" s="12"/>
    </row>
    <row r="390638" spans="8:8">
      <c r="H390638" s="12"/>
    </row>
    <row r="390639" spans="8:8">
      <c r="H390639" s="12"/>
    </row>
    <row r="390640" spans="8:8">
      <c r="H390640" s="12"/>
    </row>
    <row r="390641" spans="8:8">
      <c r="H390641" s="12"/>
    </row>
    <row r="390642" spans="8:8">
      <c r="H390642" s="12"/>
    </row>
    <row r="390643" spans="8:8">
      <c r="H390643" s="12"/>
    </row>
    <row r="390644" spans="8:8">
      <c r="H390644" s="12"/>
    </row>
    <row r="390645" spans="8:8">
      <c r="H390645" s="12"/>
    </row>
    <row r="390646" spans="8:8">
      <c r="H390646" s="12"/>
    </row>
    <row r="390647" spans="8:8">
      <c r="H390647" s="12"/>
    </row>
    <row r="390648" spans="8:8">
      <c r="H390648" s="12"/>
    </row>
    <row r="390649" spans="8:8">
      <c r="H390649" s="12"/>
    </row>
    <row r="390650" spans="8:8">
      <c r="H390650" s="12"/>
    </row>
    <row r="390651" spans="8:8">
      <c r="H390651" s="12"/>
    </row>
    <row r="390652" spans="8:8">
      <c r="H390652" s="12"/>
    </row>
    <row r="390653" spans="8:8">
      <c r="H390653" s="12"/>
    </row>
    <row r="390654" spans="8:8">
      <c r="H390654" s="12"/>
    </row>
    <row r="390655" spans="8:8">
      <c r="H390655" s="12"/>
    </row>
    <row r="390656" spans="8:8">
      <c r="H390656" s="12"/>
    </row>
    <row r="390657" spans="8:8">
      <c r="H390657" s="12"/>
    </row>
    <row r="390658" spans="8:8">
      <c r="H390658" s="12"/>
    </row>
    <row r="390659" spans="8:8">
      <c r="H390659" s="12"/>
    </row>
    <row r="390660" spans="8:8">
      <c r="H390660" s="12"/>
    </row>
    <row r="390661" spans="8:8">
      <c r="H390661" s="12"/>
    </row>
    <row r="390662" spans="8:8">
      <c r="H390662" s="12"/>
    </row>
    <row r="390663" spans="8:8">
      <c r="H390663" s="12"/>
    </row>
    <row r="390664" spans="8:8">
      <c r="H390664" s="12"/>
    </row>
    <row r="390665" spans="8:8">
      <c r="H390665" s="12"/>
    </row>
    <row r="390666" spans="8:8">
      <c r="H390666" s="12"/>
    </row>
    <row r="390667" spans="8:8">
      <c r="H390667" s="12"/>
    </row>
    <row r="390668" spans="8:8">
      <c r="H390668" s="12"/>
    </row>
    <row r="390669" spans="8:8">
      <c r="H390669" s="12"/>
    </row>
    <row r="390670" spans="8:8">
      <c r="H390670" s="12"/>
    </row>
    <row r="390671" spans="8:8">
      <c r="H390671" s="12"/>
    </row>
    <row r="390672" spans="8:8">
      <c r="H390672" s="12"/>
    </row>
    <row r="390673" spans="8:8">
      <c r="H390673" s="12"/>
    </row>
    <row r="390674" spans="8:8">
      <c r="H390674" s="12"/>
    </row>
    <row r="390675" spans="8:8">
      <c r="H390675" s="12"/>
    </row>
    <row r="390676" spans="8:8">
      <c r="H390676" s="12"/>
    </row>
    <row r="390677" spans="8:8">
      <c r="H390677" s="12"/>
    </row>
    <row r="390678" spans="8:8">
      <c r="H390678" s="12"/>
    </row>
    <row r="390679" spans="8:8">
      <c r="H390679" s="12"/>
    </row>
    <row r="390680" spans="8:8">
      <c r="H390680" s="12"/>
    </row>
    <row r="390681" spans="8:8">
      <c r="H390681" s="12"/>
    </row>
    <row r="390682" spans="8:8">
      <c r="H390682" s="12"/>
    </row>
    <row r="390683" spans="8:8">
      <c r="H390683" s="12"/>
    </row>
    <row r="390684" spans="8:8">
      <c r="H390684" s="12"/>
    </row>
    <row r="390685" spans="8:8">
      <c r="H390685" s="12"/>
    </row>
    <row r="390686" spans="8:8">
      <c r="H390686" s="12"/>
    </row>
    <row r="390687" spans="8:8">
      <c r="H390687" s="12"/>
    </row>
    <row r="390688" spans="8:8">
      <c r="H390688" s="12"/>
    </row>
    <row r="390689" spans="8:8">
      <c r="H390689" s="12"/>
    </row>
    <row r="390690" spans="8:8">
      <c r="H390690" s="12"/>
    </row>
    <row r="390691" spans="8:8">
      <c r="H390691" s="12"/>
    </row>
    <row r="390692" spans="8:8">
      <c r="H390692" s="12"/>
    </row>
    <row r="390693" spans="8:8">
      <c r="H390693" s="12"/>
    </row>
    <row r="390694" spans="8:8">
      <c r="H390694" s="12"/>
    </row>
    <row r="390695" spans="8:8">
      <c r="H390695" s="12"/>
    </row>
    <row r="390696" spans="8:8">
      <c r="H390696" s="12"/>
    </row>
    <row r="390697" spans="8:8">
      <c r="H390697" s="12"/>
    </row>
    <row r="390698" spans="8:8">
      <c r="H390698" s="12"/>
    </row>
    <row r="390699" spans="8:8">
      <c r="H390699" s="12"/>
    </row>
    <row r="390700" spans="8:8">
      <c r="H390700" s="12"/>
    </row>
    <row r="390701" spans="8:8">
      <c r="H390701" s="12"/>
    </row>
    <row r="390702" spans="8:8">
      <c r="H390702" s="12"/>
    </row>
    <row r="390703" spans="8:8">
      <c r="H390703" s="12"/>
    </row>
    <row r="390704" spans="8:8">
      <c r="H390704" s="12"/>
    </row>
    <row r="390705" spans="8:8">
      <c r="H390705" s="12"/>
    </row>
    <row r="390706" spans="8:8">
      <c r="H390706" s="12"/>
    </row>
    <row r="390707" spans="8:8">
      <c r="H390707" s="12"/>
    </row>
    <row r="390708" spans="8:8">
      <c r="H390708" s="12"/>
    </row>
    <row r="390709" spans="8:8">
      <c r="H390709" s="12"/>
    </row>
    <row r="390710" spans="8:8">
      <c r="H390710" s="12"/>
    </row>
    <row r="390711" spans="8:8">
      <c r="H390711" s="12"/>
    </row>
    <row r="390712" spans="8:8">
      <c r="H390712" s="12"/>
    </row>
    <row r="390713" spans="8:8">
      <c r="H390713" s="12"/>
    </row>
    <row r="390714" spans="8:8">
      <c r="H390714" s="12"/>
    </row>
    <row r="390715" spans="8:8">
      <c r="H390715" s="12"/>
    </row>
    <row r="390716" spans="8:8">
      <c r="H390716" s="12"/>
    </row>
    <row r="390717" spans="8:8">
      <c r="H390717" s="12"/>
    </row>
    <row r="390718" spans="8:8">
      <c r="H390718" s="12"/>
    </row>
    <row r="390719" spans="8:8">
      <c r="H390719" s="12"/>
    </row>
    <row r="390720" spans="8:8">
      <c r="H390720" s="12"/>
    </row>
    <row r="390721" spans="8:8">
      <c r="H390721" s="12"/>
    </row>
    <row r="390722" spans="8:8">
      <c r="H390722" s="12"/>
    </row>
    <row r="390723" spans="8:8">
      <c r="H390723" s="12"/>
    </row>
    <row r="390724" spans="8:8">
      <c r="H390724" s="12"/>
    </row>
    <row r="390725" spans="8:8">
      <c r="H390725" s="12"/>
    </row>
    <row r="390726" spans="8:8">
      <c r="H390726" s="12"/>
    </row>
    <row r="390727" spans="8:8">
      <c r="H390727" s="12"/>
    </row>
    <row r="390728" spans="8:8">
      <c r="H390728" s="12"/>
    </row>
    <row r="390729" spans="8:8">
      <c r="H390729" s="12"/>
    </row>
    <row r="390730" spans="8:8">
      <c r="H390730" s="12"/>
    </row>
    <row r="390731" spans="8:8">
      <c r="H390731" s="12"/>
    </row>
    <row r="390732" spans="8:8">
      <c r="H390732" s="12"/>
    </row>
    <row r="390733" spans="8:8">
      <c r="H390733" s="12"/>
    </row>
    <row r="390734" spans="8:8">
      <c r="H390734" s="12"/>
    </row>
    <row r="390735" spans="8:8">
      <c r="H390735" s="12"/>
    </row>
    <row r="390736" spans="8:8">
      <c r="H390736" s="12"/>
    </row>
    <row r="390737" spans="8:8">
      <c r="H390737" s="12"/>
    </row>
    <row r="390738" spans="8:8">
      <c r="H390738" s="12"/>
    </row>
    <row r="390739" spans="8:8">
      <c r="H390739" s="12"/>
    </row>
    <row r="390740" spans="8:8">
      <c r="H390740" s="12"/>
    </row>
    <row r="390741" spans="8:8">
      <c r="H390741" s="12"/>
    </row>
    <row r="390742" spans="8:8">
      <c r="H390742" s="12"/>
    </row>
    <row r="390743" spans="8:8">
      <c r="H390743" s="12"/>
    </row>
    <row r="390744" spans="8:8">
      <c r="H390744" s="12"/>
    </row>
    <row r="390745" spans="8:8">
      <c r="H390745" s="12"/>
    </row>
    <row r="390746" spans="8:8">
      <c r="H390746" s="12"/>
    </row>
    <row r="390747" spans="8:8">
      <c r="H390747" s="12"/>
    </row>
    <row r="390748" spans="8:8">
      <c r="H390748" s="12"/>
    </row>
    <row r="390749" spans="8:8">
      <c r="H390749" s="12"/>
    </row>
    <row r="390750" spans="8:8">
      <c r="H390750" s="12"/>
    </row>
    <row r="390751" spans="8:8">
      <c r="H390751" s="12"/>
    </row>
    <row r="390752" spans="8:8">
      <c r="H390752" s="12"/>
    </row>
    <row r="390753" spans="8:8">
      <c r="H390753" s="12"/>
    </row>
    <row r="390754" spans="8:8">
      <c r="H390754" s="12"/>
    </row>
    <row r="390755" spans="8:8">
      <c r="H390755" s="12"/>
    </row>
    <row r="390756" spans="8:8">
      <c r="H390756" s="12"/>
    </row>
    <row r="390757" spans="8:8">
      <c r="H390757" s="12"/>
    </row>
    <row r="390758" spans="8:8">
      <c r="H390758" s="12"/>
    </row>
    <row r="390759" spans="8:8">
      <c r="H390759" s="12"/>
    </row>
    <row r="390760" spans="8:8">
      <c r="H390760" s="12"/>
    </row>
    <row r="390761" spans="8:8">
      <c r="H390761" s="12"/>
    </row>
    <row r="390762" spans="8:8">
      <c r="H390762" s="12"/>
    </row>
    <row r="390763" spans="8:8">
      <c r="H390763" s="12"/>
    </row>
    <row r="390764" spans="8:8">
      <c r="H390764" s="12"/>
    </row>
    <row r="390765" spans="8:8">
      <c r="H390765" s="12"/>
    </row>
    <row r="390766" spans="8:8">
      <c r="H390766" s="12"/>
    </row>
    <row r="390767" spans="8:8">
      <c r="H390767" s="12"/>
    </row>
    <row r="390768" spans="8:8">
      <c r="H390768" s="12"/>
    </row>
    <row r="390769" spans="8:8">
      <c r="H390769" s="12"/>
    </row>
    <row r="390770" spans="8:8">
      <c r="H390770" s="12"/>
    </row>
    <row r="390771" spans="8:8">
      <c r="H390771" s="12"/>
    </row>
    <row r="390772" spans="8:8">
      <c r="H390772" s="12"/>
    </row>
    <row r="390773" spans="8:8">
      <c r="H390773" s="12"/>
    </row>
    <row r="390774" spans="8:8">
      <c r="H390774" s="12"/>
    </row>
    <row r="390775" spans="8:8">
      <c r="H390775" s="12"/>
    </row>
    <row r="390776" spans="8:8">
      <c r="H390776" s="12"/>
    </row>
    <row r="390777" spans="8:8">
      <c r="H390777" s="12"/>
    </row>
    <row r="390778" spans="8:8">
      <c r="H390778" s="12"/>
    </row>
    <row r="390779" spans="8:8">
      <c r="H390779" s="12"/>
    </row>
    <row r="390780" spans="8:8">
      <c r="H390780" s="12"/>
    </row>
    <row r="390781" spans="8:8">
      <c r="H390781" s="12"/>
    </row>
    <row r="390782" spans="8:8">
      <c r="H390782" s="12"/>
    </row>
    <row r="390783" spans="8:8">
      <c r="H390783" s="12"/>
    </row>
    <row r="390784" spans="8:8">
      <c r="H390784" s="12"/>
    </row>
    <row r="390785" spans="8:8">
      <c r="H390785" s="12"/>
    </row>
    <row r="390786" spans="8:8">
      <c r="H390786" s="12"/>
    </row>
    <row r="390787" spans="8:8">
      <c r="H390787" s="12"/>
    </row>
    <row r="390788" spans="8:8">
      <c r="H390788" s="12"/>
    </row>
    <row r="390789" spans="8:8">
      <c r="H390789" s="12"/>
    </row>
    <row r="390790" spans="8:8">
      <c r="H390790" s="12"/>
    </row>
    <row r="390791" spans="8:8">
      <c r="H390791" s="12"/>
    </row>
    <row r="390792" spans="8:8">
      <c r="H390792" s="12"/>
    </row>
    <row r="390793" spans="8:8">
      <c r="H390793" s="12"/>
    </row>
    <row r="390794" spans="8:8">
      <c r="H390794" s="12"/>
    </row>
    <row r="390795" spans="8:8">
      <c r="H390795" s="12"/>
    </row>
    <row r="390796" spans="8:8">
      <c r="H390796" s="12"/>
    </row>
    <row r="390797" spans="8:8">
      <c r="H390797" s="12"/>
    </row>
    <row r="390798" spans="8:8">
      <c r="H390798" s="12"/>
    </row>
    <row r="390799" spans="8:8">
      <c r="H390799" s="12"/>
    </row>
    <row r="390800" spans="8:8">
      <c r="H390800" s="12"/>
    </row>
    <row r="390801" spans="8:8">
      <c r="H390801" s="12"/>
    </row>
    <row r="390802" spans="8:8">
      <c r="H390802" s="12"/>
    </row>
    <row r="390803" spans="8:8">
      <c r="H390803" s="12"/>
    </row>
    <row r="390804" spans="8:8">
      <c r="H390804" s="12"/>
    </row>
    <row r="390805" spans="8:8">
      <c r="H390805" s="12"/>
    </row>
    <row r="390806" spans="8:8">
      <c r="H390806" s="12"/>
    </row>
    <row r="390807" spans="8:8">
      <c r="H390807" s="12"/>
    </row>
    <row r="390808" spans="8:8">
      <c r="H390808" s="12"/>
    </row>
    <row r="390809" spans="8:8">
      <c r="H390809" s="12"/>
    </row>
    <row r="390810" spans="8:8">
      <c r="H390810" s="12"/>
    </row>
    <row r="390811" spans="8:8">
      <c r="H390811" s="12"/>
    </row>
    <row r="390812" spans="8:8">
      <c r="H390812" s="12"/>
    </row>
    <row r="390813" spans="8:8">
      <c r="H390813" s="12"/>
    </row>
    <row r="390814" spans="8:8">
      <c r="H390814" s="12"/>
    </row>
    <row r="390815" spans="8:8">
      <c r="H390815" s="12"/>
    </row>
    <row r="390816" spans="8:8">
      <c r="H390816" s="12"/>
    </row>
    <row r="390817" spans="8:8">
      <c r="H390817" s="12"/>
    </row>
    <row r="390818" spans="8:8">
      <c r="H390818" s="12"/>
    </row>
    <row r="390819" spans="8:8">
      <c r="H390819" s="12"/>
    </row>
    <row r="390820" spans="8:8">
      <c r="H390820" s="12"/>
    </row>
    <row r="390821" spans="8:8">
      <c r="H390821" s="12"/>
    </row>
    <row r="390822" spans="8:8">
      <c r="H390822" s="12"/>
    </row>
    <row r="390823" spans="8:8">
      <c r="H390823" s="12"/>
    </row>
    <row r="390824" spans="8:8">
      <c r="H390824" s="12"/>
    </row>
    <row r="390825" spans="8:8">
      <c r="H390825" s="12"/>
    </row>
    <row r="390826" spans="8:8">
      <c r="H390826" s="12"/>
    </row>
    <row r="390827" spans="8:8">
      <c r="H390827" s="12"/>
    </row>
    <row r="390828" spans="8:8">
      <c r="H390828" s="12"/>
    </row>
    <row r="390829" spans="8:8">
      <c r="H390829" s="12"/>
    </row>
    <row r="390830" spans="8:8">
      <c r="H390830" s="12"/>
    </row>
    <row r="390831" spans="8:8">
      <c r="H390831" s="12"/>
    </row>
    <row r="390832" spans="8:8">
      <c r="H390832" s="12"/>
    </row>
    <row r="390833" spans="8:8">
      <c r="H390833" s="12"/>
    </row>
    <row r="390834" spans="8:8">
      <c r="H390834" s="12"/>
    </row>
    <row r="390835" spans="8:8">
      <c r="H390835" s="12"/>
    </row>
    <row r="390836" spans="8:8">
      <c r="H390836" s="12"/>
    </row>
    <row r="390837" spans="8:8">
      <c r="H390837" s="12"/>
    </row>
    <row r="390838" spans="8:8">
      <c r="H390838" s="12"/>
    </row>
    <row r="390839" spans="8:8">
      <c r="H390839" s="12"/>
    </row>
    <row r="390840" spans="8:8">
      <c r="H390840" s="12"/>
    </row>
    <row r="390841" spans="8:8">
      <c r="H390841" s="12"/>
    </row>
    <row r="390842" spans="8:8">
      <c r="H390842" s="12"/>
    </row>
    <row r="390843" spans="8:8">
      <c r="H390843" s="12"/>
    </row>
    <row r="390844" spans="8:8">
      <c r="H390844" s="12"/>
    </row>
    <row r="390845" spans="8:8">
      <c r="H390845" s="12"/>
    </row>
    <row r="390846" spans="8:8">
      <c r="H390846" s="12"/>
    </row>
    <row r="390847" spans="8:8">
      <c r="H390847" s="12"/>
    </row>
    <row r="390848" spans="8:8">
      <c r="H390848" s="12"/>
    </row>
    <row r="390849" spans="8:8">
      <c r="H390849" s="12"/>
    </row>
    <row r="390850" spans="8:8">
      <c r="H390850" s="12"/>
    </row>
    <row r="390851" spans="8:8">
      <c r="H390851" s="12"/>
    </row>
    <row r="390852" spans="8:8">
      <c r="H390852" s="12"/>
    </row>
    <row r="390853" spans="8:8">
      <c r="H390853" s="12"/>
    </row>
    <row r="390854" spans="8:8">
      <c r="H390854" s="12"/>
    </row>
    <row r="390855" spans="8:8">
      <c r="H390855" s="12"/>
    </row>
    <row r="390856" spans="8:8">
      <c r="H390856" s="12"/>
    </row>
    <row r="390857" spans="8:8">
      <c r="H390857" s="12"/>
    </row>
    <row r="390858" spans="8:8">
      <c r="H390858" s="12"/>
    </row>
    <row r="390859" spans="8:8">
      <c r="H390859" s="12"/>
    </row>
    <row r="390860" spans="8:8">
      <c r="H390860" s="12"/>
    </row>
    <row r="390861" spans="8:8">
      <c r="H390861" s="12"/>
    </row>
    <row r="390862" spans="8:8">
      <c r="H390862" s="12"/>
    </row>
    <row r="390863" spans="8:8">
      <c r="H390863" s="12"/>
    </row>
    <row r="390864" spans="8:8">
      <c r="H390864" s="12"/>
    </row>
    <row r="390865" spans="8:8">
      <c r="H390865" s="12"/>
    </row>
    <row r="390866" spans="8:8">
      <c r="H390866" s="12"/>
    </row>
    <row r="390867" spans="8:8">
      <c r="H390867" s="12"/>
    </row>
    <row r="390868" spans="8:8">
      <c r="H390868" s="12"/>
    </row>
    <row r="390869" spans="8:8">
      <c r="H390869" s="12"/>
    </row>
    <row r="390870" spans="8:8">
      <c r="H390870" s="12"/>
    </row>
    <row r="390871" spans="8:8">
      <c r="H390871" s="12"/>
    </row>
    <row r="390872" spans="8:8">
      <c r="H390872" s="12"/>
    </row>
    <row r="390873" spans="8:8">
      <c r="H390873" s="12"/>
    </row>
    <row r="390874" spans="8:8">
      <c r="H390874" s="12"/>
    </row>
    <row r="390875" spans="8:8">
      <c r="H390875" s="12"/>
    </row>
    <row r="390876" spans="8:8">
      <c r="H390876" s="12"/>
    </row>
    <row r="390877" spans="8:8">
      <c r="H390877" s="12"/>
    </row>
    <row r="390878" spans="8:8">
      <c r="H390878" s="12"/>
    </row>
    <row r="390879" spans="8:8">
      <c r="H390879" s="12"/>
    </row>
    <row r="390880" spans="8:8">
      <c r="H390880" s="12"/>
    </row>
    <row r="390881" spans="8:8">
      <c r="H390881" s="12"/>
    </row>
    <row r="390882" spans="8:8">
      <c r="H390882" s="12"/>
    </row>
    <row r="390883" spans="8:8">
      <c r="H390883" s="12"/>
    </row>
    <row r="390884" spans="8:8">
      <c r="H390884" s="12"/>
    </row>
    <row r="390885" spans="8:8">
      <c r="H390885" s="12"/>
    </row>
    <row r="390886" spans="8:8">
      <c r="H390886" s="12"/>
    </row>
    <row r="390887" spans="8:8">
      <c r="H390887" s="12"/>
    </row>
    <row r="390888" spans="8:8">
      <c r="H390888" s="12"/>
    </row>
    <row r="390889" spans="8:8">
      <c r="H390889" s="12"/>
    </row>
    <row r="390890" spans="8:8">
      <c r="H390890" s="12"/>
    </row>
    <row r="390891" spans="8:8">
      <c r="H390891" s="12"/>
    </row>
    <row r="390892" spans="8:8">
      <c r="H390892" s="12"/>
    </row>
    <row r="390893" spans="8:8">
      <c r="H390893" s="12"/>
    </row>
    <row r="390894" spans="8:8">
      <c r="H390894" s="12"/>
    </row>
    <row r="390895" spans="8:8">
      <c r="H390895" s="12"/>
    </row>
    <row r="390896" spans="8:8">
      <c r="H390896" s="12"/>
    </row>
    <row r="390897" spans="8:8">
      <c r="H390897" s="12"/>
    </row>
    <row r="390898" spans="8:8">
      <c r="H390898" s="12"/>
    </row>
    <row r="390899" spans="8:8">
      <c r="H390899" s="12"/>
    </row>
    <row r="390900" spans="8:8">
      <c r="H390900" s="12"/>
    </row>
    <row r="390901" spans="8:8">
      <c r="H390901" s="12"/>
    </row>
    <row r="390902" spans="8:8">
      <c r="H390902" s="12"/>
    </row>
    <row r="390903" spans="8:8">
      <c r="H390903" s="12"/>
    </row>
    <row r="390904" spans="8:8">
      <c r="H390904" s="12"/>
    </row>
    <row r="390905" spans="8:8">
      <c r="H390905" s="12"/>
    </row>
    <row r="390906" spans="8:8">
      <c r="H390906" s="12"/>
    </row>
    <row r="390907" spans="8:8">
      <c r="H390907" s="12"/>
    </row>
    <row r="390908" spans="8:8">
      <c r="H390908" s="12"/>
    </row>
    <row r="390909" spans="8:8">
      <c r="H390909" s="12"/>
    </row>
    <row r="390910" spans="8:8">
      <c r="H390910" s="12"/>
    </row>
    <row r="390911" spans="8:8">
      <c r="H390911" s="12"/>
    </row>
    <row r="390912" spans="8:8">
      <c r="H390912" s="12"/>
    </row>
    <row r="390913" spans="8:8">
      <c r="H390913" s="12"/>
    </row>
    <row r="390914" spans="8:8">
      <c r="H390914" s="12"/>
    </row>
    <row r="390915" spans="8:8">
      <c r="H390915" s="12"/>
    </row>
    <row r="390916" spans="8:8">
      <c r="H390916" s="12"/>
    </row>
    <row r="390917" spans="8:8">
      <c r="H390917" s="12"/>
    </row>
    <row r="390918" spans="8:8">
      <c r="H390918" s="12"/>
    </row>
    <row r="390919" spans="8:8">
      <c r="H390919" s="12"/>
    </row>
    <row r="390920" spans="8:8">
      <c r="H390920" s="12"/>
    </row>
    <row r="390921" spans="8:8">
      <c r="H390921" s="12"/>
    </row>
    <row r="390922" spans="8:8">
      <c r="H390922" s="12"/>
    </row>
    <row r="390923" spans="8:8">
      <c r="H390923" s="12"/>
    </row>
    <row r="390924" spans="8:8">
      <c r="H390924" s="12"/>
    </row>
    <row r="390925" spans="8:8">
      <c r="H390925" s="12"/>
    </row>
    <row r="390926" spans="8:8">
      <c r="H390926" s="12"/>
    </row>
    <row r="390927" spans="8:8">
      <c r="H390927" s="12"/>
    </row>
    <row r="390928" spans="8:8">
      <c r="H390928" s="12"/>
    </row>
    <row r="390929" spans="8:8">
      <c r="H390929" s="12"/>
    </row>
    <row r="390930" spans="8:8">
      <c r="H390930" s="12"/>
    </row>
    <row r="390931" spans="8:8">
      <c r="H390931" s="12"/>
    </row>
    <row r="390932" spans="8:8">
      <c r="H390932" s="12"/>
    </row>
    <row r="390933" spans="8:8">
      <c r="H390933" s="12"/>
    </row>
    <row r="390934" spans="8:8">
      <c r="H390934" s="12"/>
    </row>
    <row r="390935" spans="8:8">
      <c r="H390935" s="12"/>
    </row>
    <row r="390936" spans="8:8">
      <c r="H390936" s="12"/>
    </row>
    <row r="390937" spans="8:8">
      <c r="H390937" s="12"/>
    </row>
    <row r="390938" spans="8:8">
      <c r="H390938" s="12"/>
    </row>
    <row r="390939" spans="8:8">
      <c r="H390939" s="12"/>
    </row>
    <row r="390940" spans="8:8">
      <c r="H390940" s="12"/>
    </row>
    <row r="390941" spans="8:8">
      <c r="H390941" s="12"/>
    </row>
    <row r="390942" spans="8:8">
      <c r="H390942" s="12"/>
    </row>
    <row r="390943" spans="8:8">
      <c r="H390943" s="12"/>
    </row>
    <row r="390944" spans="8:8">
      <c r="H390944" s="12"/>
    </row>
    <row r="390945" spans="8:8">
      <c r="H390945" s="12"/>
    </row>
    <row r="390946" spans="8:8">
      <c r="H390946" s="12"/>
    </row>
    <row r="390947" spans="8:8">
      <c r="H390947" s="12"/>
    </row>
    <row r="390948" spans="8:8">
      <c r="H390948" s="12"/>
    </row>
    <row r="390949" spans="8:8">
      <c r="H390949" s="12"/>
    </row>
    <row r="390950" spans="8:8">
      <c r="H390950" s="12"/>
    </row>
    <row r="390951" spans="8:8">
      <c r="H390951" s="12"/>
    </row>
    <row r="390952" spans="8:8">
      <c r="H390952" s="12"/>
    </row>
    <row r="390953" spans="8:8">
      <c r="H390953" s="12"/>
    </row>
    <row r="390954" spans="8:8">
      <c r="H390954" s="12"/>
    </row>
    <row r="390955" spans="8:8">
      <c r="H390955" s="12"/>
    </row>
    <row r="390956" spans="8:8">
      <c r="H390956" s="12"/>
    </row>
    <row r="390957" spans="8:8">
      <c r="H390957" s="12"/>
    </row>
    <row r="390958" spans="8:8">
      <c r="H390958" s="12"/>
    </row>
    <row r="390959" spans="8:8">
      <c r="H390959" s="12"/>
    </row>
    <row r="390960" spans="8:8">
      <c r="H390960" s="12"/>
    </row>
    <row r="390961" spans="8:8">
      <c r="H390961" s="12"/>
    </row>
    <row r="390962" spans="8:8">
      <c r="H390962" s="12"/>
    </row>
    <row r="390963" spans="8:8">
      <c r="H390963" s="12"/>
    </row>
    <row r="390964" spans="8:8">
      <c r="H390964" s="12"/>
    </row>
    <row r="390965" spans="8:8">
      <c r="H390965" s="12"/>
    </row>
    <row r="390966" spans="8:8">
      <c r="H390966" s="12"/>
    </row>
    <row r="390967" spans="8:8">
      <c r="H390967" s="12"/>
    </row>
    <row r="390968" spans="8:8">
      <c r="H390968" s="12"/>
    </row>
    <row r="390969" spans="8:8">
      <c r="H390969" s="12"/>
    </row>
    <row r="390970" spans="8:8">
      <c r="H390970" s="12"/>
    </row>
    <row r="390971" spans="8:8">
      <c r="H390971" s="12"/>
    </row>
    <row r="390972" spans="8:8">
      <c r="H390972" s="12"/>
    </row>
    <row r="390973" spans="8:8">
      <c r="H390973" s="12"/>
    </row>
    <row r="390974" spans="8:8">
      <c r="H390974" s="12"/>
    </row>
    <row r="390975" spans="8:8">
      <c r="H390975" s="12"/>
    </row>
    <row r="390976" spans="8:8">
      <c r="H390976" s="12"/>
    </row>
    <row r="390977" spans="8:8">
      <c r="H390977" s="12"/>
    </row>
    <row r="390978" spans="8:8">
      <c r="H390978" s="12"/>
    </row>
    <row r="390979" spans="8:8">
      <c r="H390979" s="12"/>
    </row>
    <row r="390980" spans="8:8">
      <c r="H390980" s="12"/>
    </row>
    <row r="390981" spans="8:8">
      <c r="H390981" s="12"/>
    </row>
    <row r="390982" spans="8:8">
      <c r="H390982" s="12"/>
    </row>
    <row r="390983" spans="8:8">
      <c r="H390983" s="12"/>
    </row>
    <row r="390984" spans="8:8">
      <c r="H390984" s="12"/>
    </row>
    <row r="390985" spans="8:8">
      <c r="H390985" s="12"/>
    </row>
    <row r="390986" spans="8:8">
      <c r="H390986" s="12"/>
    </row>
    <row r="390987" spans="8:8">
      <c r="H390987" s="12"/>
    </row>
    <row r="390988" spans="8:8">
      <c r="H390988" s="12"/>
    </row>
    <row r="390989" spans="8:8">
      <c r="H390989" s="12"/>
    </row>
    <row r="390990" spans="8:8">
      <c r="H390990" s="12"/>
    </row>
    <row r="390991" spans="8:8">
      <c r="H390991" s="12"/>
    </row>
    <row r="390992" spans="8:8">
      <c r="H390992" s="12"/>
    </row>
    <row r="390993" spans="8:8">
      <c r="H390993" s="12"/>
    </row>
    <row r="390994" spans="8:8">
      <c r="H390994" s="12"/>
    </row>
    <row r="390995" spans="8:8">
      <c r="H390995" s="12"/>
    </row>
    <row r="390996" spans="8:8">
      <c r="H390996" s="12"/>
    </row>
    <row r="390997" spans="8:8">
      <c r="H390997" s="12"/>
    </row>
    <row r="390998" spans="8:8">
      <c r="H390998" s="12"/>
    </row>
    <row r="390999" spans="8:8">
      <c r="H390999" s="12"/>
    </row>
    <row r="391000" spans="8:8">
      <c r="H391000" s="12"/>
    </row>
    <row r="391001" spans="8:8">
      <c r="H391001" s="12"/>
    </row>
    <row r="391002" spans="8:8">
      <c r="H391002" s="12"/>
    </row>
    <row r="391003" spans="8:8">
      <c r="H391003" s="12"/>
    </row>
    <row r="391004" spans="8:8">
      <c r="H391004" s="12"/>
    </row>
    <row r="391005" spans="8:8">
      <c r="H391005" s="12"/>
    </row>
    <row r="391006" spans="8:8">
      <c r="H391006" s="12"/>
    </row>
    <row r="391007" spans="8:8">
      <c r="H391007" s="12"/>
    </row>
    <row r="391008" spans="8:8">
      <c r="H391008" s="12"/>
    </row>
    <row r="391009" spans="8:8">
      <c r="H391009" s="12"/>
    </row>
    <row r="391010" spans="8:8">
      <c r="H391010" s="12"/>
    </row>
    <row r="391011" spans="8:8">
      <c r="H391011" s="12"/>
    </row>
    <row r="391012" spans="8:8">
      <c r="H391012" s="12"/>
    </row>
    <row r="391013" spans="8:8">
      <c r="H391013" s="12"/>
    </row>
    <row r="391014" spans="8:8">
      <c r="H391014" s="12"/>
    </row>
    <row r="391015" spans="8:8">
      <c r="H391015" s="12"/>
    </row>
    <row r="391016" spans="8:8">
      <c r="H391016" s="12"/>
    </row>
    <row r="391017" spans="8:8">
      <c r="H391017" s="12"/>
    </row>
    <row r="391018" spans="8:8">
      <c r="H391018" s="12"/>
    </row>
    <row r="391019" spans="8:8">
      <c r="H391019" s="12"/>
    </row>
    <row r="391020" spans="8:8">
      <c r="H391020" s="12"/>
    </row>
    <row r="391021" spans="8:8">
      <c r="H391021" s="12"/>
    </row>
    <row r="391022" spans="8:8">
      <c r="H391022" s="12"/>
    </row>
    <row r="391023" spans="8:8">
      <c r="H391023" s="12"/>
    </row>
    <row r="391024" spans="8:8">
      <c r="H391024" s="12"/>
    </row>
    <row r="391025" spans="8:8">
      <c r="H391025" s="12"/>
    </row>
    <row r="391026" spans="8:8">
      <c r="H391026" s="12"/>
    </row>
    <row r="391027" spans="8:8">
      <c r="H391027" s="12"/>
    </row>
    <row r="391028" spans="8:8">
      <c r="H391028" s="12"/>
    </row>
    <row r="391029" spans="8:8">
      <c r="H391029" s="12"/>
    </row>
    <row r="391030" spans="8:8">
      <c r="H391030" s="12"/>
    </row>
    <row r="391031" spans="8:8">
      <c r="H391031" s="12"/>
    </row>
    <row r="391032" spans="8:8">
      <c r="H391032" s="12"/>
    </row>
    <row r="391033" spans="8:8">
      <c r="H391033" s="12"/>
    </row>
    <row r="391034" spans="8:8">
      <c r="H391034" s="12"/>
    </row>
    <row r="391035" spans="8:8">
      <c r="H391035" s="12"/>
    </row>
    <row r="391036" spans="8:8">
      <c r="H391036" s="12"/>
    </row>
    <row r="391037" spans="8:8">
      <c r="H391037" s="12"/>
    </row>
    <row r="391038" spans="8:8">
      <c r="H391038" s="12"/>
    </row>
    <row r="391039" spans="8:8">
      <c r="H391039" s="12"/>
    </row>
    <row r="391040" spans="8:8">
      <c r="H391040" s="12"/>
    </row>
    <row r="391041" spans="8:8">
      <c r="H391041" s="12"/>
    </row>
    <row r="391042" spans="8:8">
      <c r="H391042" s="12"/>
    </row>
    <row r="391043" spans="8:8">
      <c r="H391043" s="12"/>
    </row>
    <row r="391044" spans="8:8">
      <c r="H391044" s="12"/>
    </row>
    <row r="391045" spans="8:8">
      <c r="H391045" s="12"/>
    </row>
    <row r="391046" spans="8:8">
      <c r="H391046" s="12"/>
    </row>
    <row r="391047" spans="8:8">
      <c r="H391047" s="12"/>
    </row>
    <row r="391048" spans="8:8">
      <c r="H391048" s="12"/>
    </row>
    <row r="391049" spans="8:8">
      <c r="H391049" s="12"/>
    </row>
    <row r="391050" spans="8:8">
      <c r="H391050" s="12"/>
    </row>
    <row r="391051" spans="8:8">
      <c r="H391051" s="12"/>
    </row>
    <row r="391052" spans="8:8">
      <c r="H391052" s="12"/>
    </row>
    <row r="391053" spans="8:8">
      <c r="H391053" s="12"/>
    </row>
    <row r="391054" spans="8:8">
      <c r="H391054" s="12"/>
    </row>
    <row r="391055" spans="8:8">
      <c r="H391055" s="12"/>
    </row>
    <row r="391056" spans="8:8">
      <c r="H391056" s="12"/>
    </row>
    <row r="391057" spans="8:8">
      <c r="H391057" s="12"/>
    </row>
    <row r="391058" spans="8:8">
      <c r="H391058" s="12"/>
    </row>
    <row r="391059" spans="8:8">
      <c r="H391059" s="12"/>
    </row>
    <row r="391060" spans="8:8">
      <c r="H391060" s="12"/>
    </row>
    <row r="391061" spans="8:8">
      <c r="H391061" s="12"/>
    </row>
    <row r="391062" spans="8:8">
      <c r="H391062" s="12"/>
    </row>
    <row r="391063" spans="8:8">
      <c r="H391063" s="12"/>
    </row>
    <row r="391064" spans="8:8">
      <c r="H391064" s="12"/>
    </row>
    <row r="391065" spans="8:8">
      <c r="H391065" s="12"/>
    </row>
    <row r="391066" spans="8:8">
      <c r="H391066" s="12"/>
    </row>
    <row r="391067" spans="8:8">
      <c r="H391067" s="12"/>
    </row>
    <row r="391068" spans="8:8">
      <c r="H391068" s="12"/>
    </row>
    <row r="391069" spans="8:8">
      <c r="H391069" s="12"/>
    </row>
    <row r="391070" spans="8:8">
      <c r="H391070" s="12"/>
    </row>
    <row r="391071" spans="8:8">
      <c r="H391071" s="12"/>
    </row>
    <row r="391072" spans="8:8">
      <c r="H391072" s="12"/>
    </row>
    <row r="391073" spans="8:8">
      <c r="H391073" s="12"/>
    </row>
    <row r="391074" spans="8:8">
      <c r="H391074" s="12"/>
    </row>
    <row r="391075" spans="8:8">
      <c r="H391075" s="12"/>
    </row>
    <row r="391076" spans="8:8">
      <c r="H391076" s="12"/>
    </row>
    <row r="391077" spans="8:8">
      <c r="H391077" s="12"/>
    </row>
    <row r="391078" spans="8:8">
      <c r="H391078" s="12"/>
    </row>
    <row r="391079" spans="8:8">
      <c r="H391079" s="12"/>
    </row>
    <row r="391080" spans="8:8">
      <c r="H391080" s="12"/>
    </row>
    <row r="391081" spans="8:8">
      <c r="H391081" s="12"/>
    </row>
    <row r="391082" spans="8:8">
      <c r="H391082" s="12"/>
    </row>
    <row r="391083" spans="8:8">
      <c r="H391083" s="12"/>
    </row>
    <row r="391084" spans="8:8">
      <c r="H391084" s="12"/>
    </row>
    <row r="391085" spans="8:8">
      <c r="H391085" s="12"/>
    </row>
    <row r="391086" spans="8:8">
      <c r="H391086" s="12"/>
    </row>
    <row r="391087" spans="8:8">
      <c r="H391087" s="12"/>
    </row>
    <row r="391088" spans="8:8">
      <c r="H391088" s="12"/>
    </row>
    <row r="391089" spans="8:8">
      <c r="H391089" s="12"/>
    </row>
    <row r="391090" spans="8:8">
      <c r="H391090" s="12"/>
    </row>
    <row r="391091" spans="8:8">
      <c r="H391091" s="12"/>
    </row>
    <row r="391092" spans="8:8">
      <c r="H391092" s="12"/>
    </row>
    <row r="391093" spans="8:8">
      <c r="H391093" s="12"/>
    </row>
    <row r="391094" spans="8:8">
      <c r="H391094" s="12"/>
    </row>
    <row r="391095" spans="8:8">
      <c r="H391095" s="12"/>
    </row>
    <row r="391096" spans="8:8">
      <c r="H391096" s="12"/>
    </row>
    <row r="391097" spans="8:8">
      <c r="H391097" s="12"/>
    </row>
    <row r="391098" spans="8:8">
      <c r="H391098" s="12"/>
    </row>
    <row r="391099" spans="8:8">
      <c r="H391099" s="12"/>
    </row>
    <row r="391100" spans="8:8">
      <c r="H391100" s="12"/>
    </row>
    <row r="391101" spans="8:8">
      <c r="H391101" s="12"/>
    </row>
    <row r="391102" spans="8:8">
      <c r="H391102" s="12"/>
    </row>
    <row r="391103" spans="8:8">
      <c r="H391103" s="12"/>
    </row>
    <row r="391104" spans="8:8">
      <c r="H391104" s="12"/>
    </row>
    <row r="391105" spans="8:8">
      <c r="H391105" s="12"/>
    </row>
    <row r="391106" spans="8:8">
      <c r="H391106" s="12"/>
    </row>
    <row r="391107" spans="8:8">
      <c r="H391107" s="12"/>
    </row>
    <row r="391108" spans="8:8">
      <c r="H391108" s="12"/>
    </row>
    <row r="391109" spans="8:8">
      <c r="H391109" s="12"/>
    </row>
    <row r="391110" spans="8:8">
      <c r="H391110" s="12"/>
    </row>
    <row r="391111" spans="8:8">
      <c r="H391111" s="12"/>
    </row>
    <row r="391112" spans="8:8">
      <c r="H391112" s="12"/>
    </row>
    <row r="391113" spans="8:8">
      <c r="H391113" s="12"/>
    </row>
    <row r="391114" spans="8:8">
      <c r="H391114" s="12"/>
    </row>
    <row r="391115" spans="8:8">
      <c r="H391115" s="12"/>
    </row>
    <row r="391116" spans="8:8">
      <c r="H391116" s="12"/>
    </row>
    <row r="391117" spans="8:8">
      <c r="H391117" s="12"/>
    </row>
    <row r="391118" spans="8:8">
      <c r="H391118" s="12"/>
    </row>
    <row r="391119" spans="8:8">
      <c r="H391119" s="12"/>
    </row>
    <row r="391120" spans="8:8">
      <c r="H391120" s="12"/>
    </row>
    <row r="391121" spans="8:8">
      <c r="H391121" s="12"/>
    </row>
    <row r="391122" spans="8:8">
      <c r="H391122" s="12"/>
    </row>
    <row r="391123" spans="8:8">
      <c r="H391123" s="12"/>
    </row>
    <row r="391124" spans="8:8">
      <c r="H391124" s="12"/>
    </row>
    <row r="391125" spans="8:8">
      <c r="H391125" s="12"/>
    </row>
    <row r="391126" spans="8:8">
      <c r="H391126" s="12"/>
    </row>
    <row r="391127" spans="8:8">
      <c r="H391127" s="12"/>
    </row>
    <row r="391128" spans="8:8">
      <c r="H391128" s="12"/>
    </row>
    <row r="391129" spans="8:8">
      <c r="H391129" s="12"/>
    </row>
    <row r="391130" spans="8:8">
      <c r="H391130" s="12"/>
    </row>
    <row r="391131" spans="8:8">
      <c r="H391131" s="12"/>
    </row>
    <row r="391132" spans="8:8">
      <c r="H391132" s="12"/>
    </row>
    <row r="391133" spans="8:8">
      <c r="H391133" s="12"/>
    </row>
    <row r="391134" spans="8:8">
      <c r="H391134" s="12"/>
    </row>
    <row r="391135" spans="8:8">
      <c r="H391135" s="12"/>
    </row>
    <row r="391136" spans="8:8">
      <c r="H391136" s="12"/>
    </row>
    <row r="391137" spans="8:8">
      <c r="H391137" s="12"/>
    </row>
    <row r="391138" spans="8:8">
      <c r="H391138" s="12"/>
    </row>
    <row r="391139" spans="8:8">
      <c r="H391139" s="12"/>
    </row>
    <row r="391140" spans="8:8">
      <c r="H391140" s="12"/>
    </row>
    <row r="391141" spans="8:8">
      <c r="H391141" s="12"/>
    </row>
    <row r="391142" spans="8:8">
      <c r="H391142" s="12"/>
    </row>
    <row r="391143" spans="8:8">
      <c r="H391143" s="12"/>
    </row>
    <row r="391144" spans="8:8">
      <c r="H391144" s="12"/>
    </row>
    <row r="391145" spans="8:8">
      <c r="H391145" s="12"/>
    </row>
    <row r="391146" spans="8:8">
      <c r="H391146" s="12"/>
    </row>
    <row r="391147" spans="8:8">
      <c r="H391147" s="12"/>
    </row>
    <row r="391148" spans="8:8">
      <c r="H391148" s="12"/>
    </row>
    <row r="391149" spans="8:8">
      <c r="H391149" s="12"/>
    </row>
    <row r="391150" spans="8:8">
      <c r="H391150" s="12"/>
    </row>
    <row r="391151" spans="8:8">
      <c r="H391151" s="12"/>
    </row>
    <row r="391152" spans="8:8">
      <c r="H391152" s="12"/>
    </row>
    <row r="391153" spans="8:8">
      <c r="H391153" s="12"/>
    </row>
    <row r="391154" spans="8:8">
      <c r="H391154" s="12"/>
    </row>
    <row r="391155" spans="8:8">
      <c r="H391155" s="12"/>
    </row>
    <row r="391156" spans="8:8">
      <c r="H391156" s="12"/>
    </row>
    <row r="391157" spans="8:8">
      <c r="H391157" s="12"/>
    </row>
    <row r="391158" spans="8:8">
      <c r="H391158" s="12"/>
    </row>
    <row r="391159" spans="8:8">
      <c r="H391159" s="12"/>
    </row>
    <row r="391160" spans="8:8">
      <c r="H391160" s="12"/>
    </row>
    <row r="391161" spans="8:8">
      <c r="H391161" s="12"/>
    </row>
    <row r="391162" spans="8:8">
      <c r="H391162" s="12"/>
    </row>
    <row r="391163" spans="8:8">
      <c r="H391163" s="12"/>
    </row>
    <row r="391164" spans="8:8">
      <c r="H391164" s="12"/>
    </row>
    <row r="391165" spans="8:8">
      <c r="H391165" s="12"/>
    </row>
    <row r="391166" spans="8:8">
      <c r="H391166" s="12"/>
    </row>
    <row r="391167" spans="8:8">
      <c r="H391167" s="12"/>
    </row>
    <row r="391168" spans="8:8">
      <c r="H391168" s="12"/>
    </row>
    <row r="391169" spans="8:8">
      <c r="H391169" s="12"/>
    </row>
    <row r="391170" spans="8:8">
      <c r="H391170" s="12"/>
    </row>
    <row r="391171" spans="8:8">
      <c r="H391171" s="12"/>
    </row>
    <row r="391172" spans="8:8">
      <c r="H391172" s="12"/>
    </row>
    <row r="391173" spans="8:8">
      <c r="H391173" s="12"/>
    </row>
    <row r="391174" spans="8:8">
      <c r="H391174" s="12"/>
    </row>
    <row r="391175" spans="8:8">
      <c r="H391175" s="12"/>
    </row>
    <row r="391176" spans="8:8">
      <c r="H391176" s="12"/>
    </row>
    <row r="391177" spans="8:8">
      <c r="H391177" s="12"/>
    </row>
    <row r="391178" spans="8:8">
      <c r="H391178" s="12"/>
    </row>
    <row r="391179" spans="8:8">
      <c r="H391179" s="12"/>
    </row>
    <row r="391180" spans="8:8">
      <c r="H391180" s="12"/>
    </row>
    <row r="391181" spans="8:8">
      <c r="H391181" s="12"/>
    </row>
    <row r="391182" spans="8:8">
      <c r="H391182" s="12"/>
    </row>
    <row r="391183" spans="8:8">
      <c r="H391183" s="12"/>
    </row>
    <row r="391184" spans="8:8">
      <c r="H391184" s="12"/>
    </row>
    <row r="391185" spans="8:8">
      <c r="H391185" s="12"/>
    </row>
    <row r="391186" spans="8:8">
      <c r="H391186" s="12"/>
    </row>
    <row r="391187" spans="8:8">
      <c r="H391187" s="12"/>
    </row>
    <row r="391188" spans="8:8">
      <c r="H391188" s="12"/>
    </row>
    <row r="391189" spans="8:8">
      <c r="H391189" s="12"/>
    </row>
    <row r="391190" spans="8:8">
      <c r="H391190" s="12"/>
    </row>
    <row r="391191" spans="8:8">
      <c r="H391191" s="12"/>
    </row>
    <row r="391192" spans="8:8">
      <c r="H391192" s="12"/>
    </row>
    <row r="391193" spans="8:8">
      <c r="H391193" s="12"/>
    </row>
    <row r="391194" spans="8:8">
      <c r="H391194" s="12"/>
    </row>
    <row r="391195" spans="8:8">
      <c r="H391195" s="12"/>
    </row>
    <row r="391196" spans="8:8">
      <c r="H391196" s="12"/>
    </row>
    <row r="391197" spans="8:8">
      <c r="H391197" s="12"/>
    </row>
    <row r="391198" spans="8:8">
      <c r="H391198" s="12"/>
    </row>
    <row r="391199" spans="8:8">
      <c r="H391199" s="12"/>
    </row>
    <row r="391200" spans="8:8">
      <c r="H391200" s="12"/>
    </row>
    <row r="391201" spans="8:8">
      <c r="H391201" s="12"/>
    </row>
    <row r="391202" spans="8:8">
      <c r="H391202" s="12"/>
    </row>
    <row r="391203" spans="8:8">
      <c r="H391203" s="12"/>
    </row>
    <row r="391204" spans="8:8">
      <c r="H391204" s="12"/>
    </row>
    <row r="391205" spans="8:8">
      <c r="H391205" s="12"/>
    </row>
    <row r="391206" spans="8:8">
      <c r="H391206" s="12"/>
    </row>
    <row r="391207" spans="8:8">
      <c r="H391207" s="12"/>
    </row>
    <row r="391208" spans="8:8">
      <c r="H391208" s="12"/>
    </row>
    <row r="391209" spans="8:8">
      <c r="H391209" s="12"/>
    </row>
    <row r="391210" spans="8:8">
      <c r="H391210" s="12"/>
    </row>
    <row r="391211" spans="8:8">
      <c r="H391211" s="12"/>
    </row>
    <row r="391212" spans="8:8">
      <c r="H391212" s="12"/>
    </row>
    <row r="391213" spans="8:8">
      <c r="H391213" s="12"/>
    </row>
    <row r="391214" spans="8:8">
      <c r="H391214" s="12"/>
    </row>
    <row r="391215" spans="8:8">
      <c r="H391215" s="12"/>
    </row>
    <row r="391216" spans="8:8">
      <c r="H391216" s="12"/>
    </row>
    <row r="391217" spans="8:8">
      <c r="H391217" s="12"/>
    </row>
    <row r="391218" spans="8:8">
      <c r="H391218" s="12"/>
    </row>
    <row r="391219" spans="8:8">
      <c r="H391219" s="12"/>
    </row>
    <row r="391220" spans="8:8">
      <c r="H391220" s="12"/>
    </row>
    <row r="391221" spans="8:8">
      <c r="H391221" s="12"/>
    </row>
    <row r="391222" spans="8:8">
      <c r="H391222" s="12"/>
    </row>
    <row r="391223" spans="8:8">
      <c r="H391223" s="12"/>
    </row>
    <row r="391224" spans="8:8">
      <c r="H391224" s="12"/>
    </row>
    <row r="391225" spans="8:8">
      <c r="H391225" s="12"/>
    </row>
    <row r="391226" spans="8:8">
      <c r="H391226" s="12"/>
    </row>
    <row r="391227" spans="8:8">
      <c r="H391227" s="12"/>
    </row>
    <row r="391228" spans="8:8">
      <c r="H391228" s="12"/>
    </row>
    <row r="391229" spans="8:8">
      <c r="H391229" s="12"/>
    </row>
    <row r="391230" spans="8:8">
      <c r="H391230" s="12"/>
    </row>
    <row r="391231" spans="8:8">
      <c r="H391231" s="12"/>
    </row>
    <row r="391232" spans="8:8">
      <c r="H391232" s="12"/>
    </row>
    <row r="391233" spans="8:8">
      <c r="H391233" s="12"/>
    </row>
    <row r="391234" spans="8:8">
      <c r="H391234" s="12"/>
    </row>
    <row r="391235" spans="8:8">
      <c r="H391235" s="12"/>
    </row>
    <row r="391236" spans="8:8">
      <c r="H391236" s="12"/>
    </row>
    <row r="391237" spans="8:8">
      <c r="H391237" s="12"/>
    </row>
    <row r="391238" spans="8:8">
      <c r="H391238" s="12"/>
    </row>
    <row r="391239" spans="8:8">
      <c r="H391239" s="12"/>
    </row>
    <row r="391240" spans="8:8">
      <c r="H391240" s="12"/>
    </row>
    <row r="391241" spans="8:8">
      <c r="H391241" s="12"/>
    </row>
    <row r="391242" spans="8:8">
      <c r="H391242" s="12"/>
    </row>
    <row r="391243" spans="8:8">
      <c r="H391243" s="12"/>
    </row>
    <row r="391244" spans="8:8">
      <c r="H391244" s="12"/>
    </row>
    <row r="391245" spans="8:8">
      <c r="H391245" s="12"/>
    </row>
    <row r="391246" spans="8:8">
      <c r="H391246" s="12"/>
    </row>
    <row r="391247" spans="8:8">
      <c r="H391247" s="12"/>
    </row>
    <row r="391248" spans="8:8">
      <c r="H391248" s="12"/>
    </row>
    <row r="391249" spans="8:8">
      <c r="H391249" s="12"/>
    </row>
    <row r="391250" spans="8:8">
      <c r="H391250" s="12"/>
    </row>
    <row r="391251" spans="8:8">
      <c r="H391251" s="12"/>
    </row>
    <row r="391252" spans="8:8">
      <c r="H391252" s="12"/>
    </row>
    <row r="391253" spans="8:8">
      <c r="H391253" s="12"/>
    </row>
    <row r="391254" spans="8:8">
      <c r="H391254" s="12"/>
    </row>
    <row r="391255" spans="8:8">
      <c r="H391255" s="12"/>
    </row>
    <row r="391256" spans="8:8">
      <c r="H391256" s="12"/>
    </row>
    <row r="391257" spans="8:8">
      <c r="H391257" s="12"/>
    </row>
    <row r="391258" spans="8:8">
      <c r="H391258" s="12"/>
    </row>
    <row r="391259" spans="8:8">
      <c r="H391259" s="12"/>
    </row>
    <row r="391260" spans="8:8">
      <c r="H391260" s="12"/>
    </row>
    <row r="391261" spans="8:8">
      <c r="H391261" s="12"/>
    </row>
    <row r="391262" spans="8:8">
      <c r="H391262" s="12"/>
    </row>
    <row r="391263" spans="8:8">
      <c r="H391263" s="12"/>
    </row>
    <row r="391264" spans="8:8">
      <c r="H391264" s="12"/>
    </row>
    <row r="391265" spans="8:8">
      <c r="H391265" s="12"/>
    </row>
    <row r="391266" spans="8:8">
      <c r="H391266" s="12"/>
    </row>
    <row r="391267" spans="8:8">
      <c r="H391267" s="12"/>
    </row>
    <row r="391268" spans="8:8">
      <c r="H391268" s="12"/>
    </row>
    <row r="391269" spans="8:8">
      <c r="H391269" s="12"/>
    </row>
    <row r="391270" spans="8:8">
      <c r="H391270" s="12"/>
    </row>
    <row r="391271" spans="8:8">
      <c r="H391271" s="12"/>
    </row>
    <row r="391272" spans="8:8">
      <c r="H391272" s="12"/>
    </row>
    <row r="391273" spans="8:8">
      <c r="H391273" s="12"/>
    </row>
    <row r="391274" spans="8:8">
      <c r="H391274" s="12"/>
    </row>
    <row r="391275" spans="8:8">
      <c r="H391275" s="12"/>
    </row>
    <row r="391276" spans="8:8">
      <c r="H391276" s="12"/>
    </row>
    <row r="391277" spans="8:8">
      <c r="H391277" s="12"/>
    </row>
    <row r="391278" spans="8:8">
      <c r="H391278" s="12"/>
    </row>
    <row r="391279" spans="8:8">
      <c r="H391279" s="12"/>
    </row>
    <row r="391280" spans="8:8">
      <c r="H391280" s="12"/>
    </row>
    <row r="391281" spans="8:8">
      <c r="H391281" s="12"/>
    </row>
    <row r="391282" spans="8:8">
      <c r="H391282" s="12"/>
    </row>
    <row r="391283" spans="8:8">
      <c r="H391283" s="12"/>
    </row>
    <row r="391284" spans="8:8">
      <c r="H391284" s="12"/>
    </row>
    <row r="391285" spans="8:8">
      <c r="H391285" s="12"/>
    </row>
    <row r="391286" spans="8:8">
      <c r="H391286" s="12"/>
    </row>
    <row r="391287" spans="8:8">
      <c r="H391287" s="12"/>
    </row>
    <row r="391288" spans="8:8">
      <c r="H391288" s="12"/>
    </row>
    <row r="391289" spans="8:8">
      <c r="H391289" s="12"/>
    </row>
    <row r="391290" spans="8:8">
      <c r="H391290" s="12"/>
    </row>
    <row r="391291" spans="8:8">
      <c r="H391291" s="12"/>
    </row>
    <row r="391292" spans="8:8">
      <c r="H391292" s="12"/>
    </row>
    <row r="391293" spans="8:8">
      <c r="H391293" s="12"/>
    </row>
    <row r="391294" spans="8:8">
      <c r="H391294" s="12"/>
    </row>
    <row r="391295" spans="8:8">
      <c r="H391295" s="12"/>
    </row>
    <row r="391296" spans="8:8">
      <c r="H391296" s="12"/>
    </row>
    <row r="391297" spans="8:8">
      <c r="H391297" s="12"/>
    </row>
    <row r="391298" spans="8:8">
      <c r="H391298" s="12"/>
    </row>
    <row r="391299" spans="8:8">
      <c r="H391299" s="12"/>
    </row>
    <row r="391300" spans="8:8">
      <c r="H391300" s="12"/>
    </row>
    <row r="391301" spans="8:8">
      <c r="H391301" s="12"/>
    </row>
    <row r="391302" spans="8:8">
      <c r="H391302" s="12"/>
    </row>
    <row r="391303" spans="8:8">
      <c r="H391303" s="12"/>
    </row>
    <row r="391304" spans="8:8">
      <c r="H391304" s="12"/>
    </row>
    <row r="391305" spans="8:8">
      <c r="H391305" s="12"/>
    </row>
    <row r="391306" spans="8:8">
      <c r="H391306" s="12"/>
    </row>
    <row r="391307" spans="8:8">
      <c r="H391307" s="12"/>
    </row>
    <row r="391308" spans="8:8">
      <c r="H391308" s="12"/>
    </row>
    <row r="391309" spans="8:8">
      <c r="H391309" s="12"/>
    </row>
    <row r="391310" spans="8:8">
      <c r="H391310" s="12"/>
    </row>
    <row r="391311" spans="8:8">
      <c r="H391311" s="12"/>
    </row>
    <row r="391312" spans="8:8">
      <c r="H391312" s="12"/>
    </row>
    <row r="391313" spans="8:8">
      <c r="H391313" s="12"/>
    </row>
    <row r="391314" spans="8:8">
      <c r="H391314" s="12"/>
    </row>
    <row r="391315" spans="8:8">
      <c r="H391315" s="12"/>
    </row>
    <row r="391316" spans="8:8">
      <c r="H391316" s="12"/>
    </row>
    <row r="391317" spans="8:8">
      <c r="H391317" s="12"/>
    </row>
    <row r="391318" spans="8:8">
      <c r="H391318" s="12"/>
    </row>
    <row r="391319" spans="8:8">
      <c r="H391319" s="12"/>
    </row>
    <row r="391320" spans="8:8">
      <c r="H391320" s="12"/>
    </row>
    <row r="391321" spans="8:8">
      <c r="H391321" s="12"/>
    </row>
    <row r="391322" spans="8:8">
      <c r="H391322" s="12"/>
    </row>
    <row r="391323" spans="8:8">
      <c r="H391323" s="12"/>
    </row>
    <row r="391324" spans="8:8">
      <c r="H391324" s="12"/>
    </row>
    <row r="391325" spans="8:8">
      <c r="H391325" s="12"/>
    </row>
    <row r="391326" spans="8:8">
      <c r="H391326" s="12"/>
    </row>
    <row r="391327" spans="8:8">
      <c r="H391327" s="12"/>
    </row>
    <row r="391328" spans="8:8">
      <c r="H391328" s="12"/>
    </row>
    <row r="391329" spans="8:8">
      <c r="H391329" s="12"/>
    </row>
    <row r="391330" spans="8:8">
      <c r="H391330" s="12"/>
    </row>
    <row r="391331" spans="8:8">
      <c r="H391331" s="12"/>
    </row>
    <row r="391332" spans="8:8">
      <c r="H391332" s="12"/>
    </row>
    <row r="391333" spans="8:8">
      <c r="H391333" s="12"/>
    </row>
    <row r="391334" spans="8:8">
      <c r="H391334" s="12"/>
    </row>
    <row r="391335" spans="8:8">
      <c r="H391335" s="12"/>
    </row>
    <row r="391336" spans="8:8">
      <c r="H391336" s="12"/>
    </row>
    <row r="391337" spans="8:8">
      <c r="H391337" s="12"/>
    </row>
    <row r="391338" spans="8:8">
      <c r="H391338" s="12"/>
    </row>
    <row r="391339" spans="8:8">
      <c r="H391339" s="12"/>
    </row>
    <row r="391340" spans="8:8">
      <c r="H391340" s="12"/>
    </row>
    <row r="391341" spans="8:8">
      <c r="H391341" s="12"/>
    </row>
    <row r="391342" spans="8:8">
      <c r="H391342" s="12"/>
    </row>
    <row r="391343" spans="8:8">
      <c r="H391343" s="12"/>
    </row>
    <row r="391344" spans="8:8">
      <c r="H391344" s="12"/>
    </row>
    <row r="391345" spans="8:8">
      <c r="H391345" s="12"/>
    </row>
    <row r="391346" spans="8:8">
      <c r="H391346" s="12"/>
    </row>
    <row r="391347" spans="8:8">
      <c r="H391347" s="12"/>
    </row>
    <row r="391348" spans="8:8">
      <c r="H391348" s="12"/>
    </row>
    <row r="391349" spans="8:8">
      <c r="H391349" s="12"/>
    </row>
    <row r="391350" spans="8:8">
      <c r="H391350" s="12"/>
    </row>
    <row r="391351" spans="8:8">
      <c r="H391351" s="12"/>
    </row>
    <row r="391352" spans="8:8">
      <c r="H391352" s="12"/>
    </row>
    <row r="391353" spans="8:8">
      <c r="H391353" s="12"/>
    </row>
    <row r="391354" spans="8:8">
      <c r="H391354" s="12"/>
    </row>
    <row r="391355" spans="8:8">
      <c r="H391355" s="12"/>
    </row>
    <row r="391356" spans="8:8">
      <c r="H391356" s="12"/>
    </row>
    <row r="391357" spans="8:8">
      <c r="H391357" s="12"/>
    </row>
    <row r="391358" spans="8:8">
      <c r="H391358" s="12"/>
    </row>
    <row r="391359" spans="8:8">
      <c r="H391359" s="12"/>
    </row>
    <row r="391360" spans="8:8">
      <c r="H391360" s="12"/>
    </row>
    <row r="391361" spans="8:8">
      <c r="H391361" s="12"/>
    </row>
    <row r="391362" spans="8:8">
      <c r="H391362" s="12"/>
    </row>
    <row r="391363" spans="8:8">
      <c r="H391363" s="12"/>
    </row>
    <row r="391364" spans="8:8">
      <c r="H391364" s="12"/>
    </row>
    <row r="391365" spans="8:8">
      <c r="H391365" s="12"/>
    </row>
    <row r="391366" spans="8:8">
      <c r="H391366" s="12"/>
    </row>
    <row r="391367" spans="8:8">
      <c r="H391367" s="12"/>
    </row>
    <row r="391368" spans="8:8">
      <c r="H391368" s="12"/>
    </row>
    <row r="391369" spans="8:8">
      <c r="H391369" s="12"/>
    </row>
    <row r="391370" spans="8:8">
      <c r="H391370" s="12"/>
    </row>
    <row r="391371" spans="8:8">
      <c r="H391371" s="12"/>
    </row>
    <row r="391372" spans="8:8">
      <c r="H391372" s="12"/>
    </row>
    <row r="391373" spans="8:8">
      <c r="H391373" s="12"/>
    </row>
    <row r="391374" spans="8:8">
      <c r="H391374" s="12"/>
    </row>
    <row r="391375" spans="8:8">
      <c r="H391375" s="12"/>
    </row>
    <row r="391376" spans="8:8">
      <c r="H391376" s="12"/>
    </row>
    <row r="391377" spans="8:8">
      <c r="H391377" s="12"/>
    </row>
    <row r="391378" spans="8:8">
      <c r="H391378" s="12"/>
    </row>
    <row r="391379" spans="8:8">
      <c r="H391379" s="12"/>
    </row>
    <row r="391380" spans="8:8">
      <c r="H391380" s="12"/>
    </row>
    <row r="391381" spans="8:8">
      <c r="H391381" s="12"/>
    </row>
    <row r="391382" spans="8:8">
      <c r="H391382" s="12"/>
    </row>
    <row r="391383" spans="8:8">
      <c r="H391383" s="12"/>
    </row>
    <row r="391384" spans="8:8">
      <c r="H391384" s="12"/>
    </row>
    <row r="391385" spans="8:8">
      <c r="H391385" s="12"/>
    </row>
    <row r="391386" spans="8:8">
      <c r="H391386" s="12"/>
    </row>
    <row r="391387" spans="8:8">
      <c r="H391387" s="12"/>
    </row>
    <row r="391388" spans="8:8">
      <c r="H391388" s="12"/>
    </row>
    <row r="391389" spans="8:8">
      <c r="H391389" s="12"/>
    </row>
    <row r="391390" spans="8:8">
      <c r="H391390" s="12"/>
    </row>
    <row r="391391" spans="8:8">
      <c r="H391391" s="12"/>
    </row>
    <row r="391392" spans="8:8">
      <c r="H391392" s="12"/>
    </row>
    <row r="391393" spans="8:8">
      <c r="H391393" s="12"/>
    </row>
    <row r="391394" spans="8:8">
      <c r="H391394" s="12"/>
    </row>
    <row r="391395" spans="8:8">
      <c r="H391395" s="12"/>
    </row>
    <row r="391396" spans="8:8">
      <c r="H391396" s="12"/>
    </row>
    <row r="391397" spans="8:8">
      <c r="H391397" s="12"/>
    </row>
    <row r="391398" spans="8:8">
      <c r="H391398" s="12"/>
    </row>
    <row r="391399" spans="8:8">
      <c r="H391399" s="12"/>
    </row>
    <row r="391400" spans="8:8">
      <c r="H391400" s="12"/>
    </row>
    <row r="391401" spans="8:8">
      <c r="H391401" s="12"/>
    </row>
    <row r="391402" spans="8:8">
      <c r="H391402" s="12"/>
    </row>
    <row r="391403" spans="8:8">
      <c r="H391403" s="12"/>
    </row>
    <row r="391404" spans="8:8">
      <c r="H391404" s="12"/>
    </row>
    <row r="391405" spans="8:8">
      <c r="H391405" s="12"/>
    </row>
    <row r="391406" spans="8:8">
      <c r="H391406" s="12"/>
    </row>
    <row r="391407" spans="8:8">
      <c r="H391407" s="12"/>
    </row>
    <row r="391408" spans="8:8">
      <c r="H391408" s="12"/>
    </row>
    <row r="391409" spans="8:8">
      <c r="H391409" s="12"/>
    </row>
    <row r="391410" spans="8:8">
      <c r="H391410" s="12"/>
    </row>
    <row r="391411" spans="8:8">
      <c r="H391411" s="12"/>
    </row>
    <row r="391412" spans="8:8">
      <c r="H391412" s="12"/>
    </row>
    <row r="391413" spans="8:8">
      <c r="H391413" s="12"/>
    </row>
    <row r="391414" spans="8:8">
      <c r="H391414" s="12"/>
    </row>
    <row r="391415" spans="8:8">
      <c r="H391415" s="12"/>
    </row>
    <row r="391416" spans="8:8">
      <c r="H391416" s="12"/>
    </row>
    <row r="391417" spans="8:8">
      <c r="H391417" s="12"/>
    </row>
    <row r="391418" spans="8:8">
      <c r="H391418" s="12"/>
    </row>
    <row r="391419" spans="8:8">
      <c r="H391419" s="12"/>
    </row>
    <row r="391420" spans="8:8">
      <c r="H391420" s="12"/>
    </row>
    <row r="391421" spans="8:8">
      <c r="H391421" s="12"/>
    </row>
    <row r="391422" spans="8:8">
      <c r="H391422" s="12"/>
    </row>
    <row r="391423" spans="8:8">
      <c r="H391423" s="12"/>
    </row>
    <row r="391424" spans="8:8">
      <c r="H391424" s="12"/>
    </row>
    <row r="391425" spans="8:8">
      <c r="H391425" s="12"/>
    </row>
    <row r="391426" spans="8:8">
      <c r="H391426" s="12"/>
    </row>
    <row r="391427" spans="8:8">
      <c r="H391427" s="12"/>
    </row>
    <row r="391428" spans="8:8">
      <c r="H391428" s="12"/>
    </row>
    <row r="391429" spans="8:8">
      <c r="H391429" s="12"/>
    </row>
    <row r="391430" spans="8:8">
      <c r="H391430" s="12"/>
    </row>
    <row r="391431" spans="8:8">
      <c r="H391431" s="12"/>
    </row>
    <row r="391432" spans="8:8">
      <c r="H391432" s="12"/>
    </row>
    <row r="391433" spans="8:8">
      <c r="H391433" s="12"/>
    </row>
    <row r="391434" spans="8:8">
      <c r="H391434" s="12"/>
    </row>
    <row r="391435" spans="8:8">
      <c r="H391435" s="12"/>
    </row>
    <row r="391436" spans="8:8">
      <c r="H391436" s="12"/>
    </row>
    <row r="391437" spans="8:8">
      <c r="H391437" s="12"/>
    </row>
    <row r="391438" spans="8:8">
      <c r="H391438" s="12"/>
    </row>
    <row r="391439" spans="8:8">
      <c r="H391439" s="12"/>
    </row>
    <row r="391440" spans="8:8">
      <c r="H391440" s="12"/>
    </row>
    <row r="391441" spans="8:8">
      <c r="H391441" s="12"/>
    </row>
    <row r="391442" spans="8:8">
      <c r="H391442" s="12"/>
    </row>
    <row r="391443" spans="8:8">
      <c r="H391443" s="12"/>
    </row>
    <row r="391444" spans="8:8">
      <c r="H391444" s="12"/>
    </row>
    <row r="391445" spans="8:8">
      <c r="H391445" s="12"/>
    </row>
    <row r="391446" spans="8:8">
      <c r="H391446" s="12"/>
    </row>
    <row r="391447" spans="8:8">
      <c r="H391447" s="12"/>
    </row>
    <row r="391448" spans="8:8">
      <c r="H391448" s="12"/>
    </row>
    <row r="391449" spans="8:8">
      <c r="H391449" s="12"/>
    </row>
    <row r="391450" spans="8:8">
      <c r="H391450" s="12"/>
    </row>
    <row r="391451" spans="8:8">
      <c r="H391451" s="12"/>
    </row>
    <row r="391452" spans="8:8">
      <c r="H391452" s="12"/>
    </row>
    <row r="391453" spans="8:8">
      <c r="H391453" s="12"/>
    </row>
    <row r="391454" spans="8:8">
      <c r="H391454" s="12"/>
    </row>
    <row r="391455" spans="8:8">
      <c r="H391455" s="12"/>
    </row>
    <row r="391456" spans="8:8">
      <c r="H391456" s="12"/>
    </row>
    <row r="391457" spans="8:8">
      <c r="H391457" s="12"/>
    </row>
    <row r="391458" spans="8:8">
      <c r="H391458" s="12"/>
    </row>
    <row r="391459" spans="8:8">
      <c r="H391459" s="12"/>
    </row>
    <row r="391460" spans="8:8">
      <c r="H391460" s="12"/>
    </row>
    <row r="391461" spans="8:8">
      <c r="H391461" s="12"/>
    </row>
    <row r="391462" spans="8:8">
      <c r="H391462" s="12"/>
    </row>
    <row r="391463" spans="8:8">
      <c r="H391463" s="12"/>
    </row>
    <row r="391464" spans="8:8">
      <c r="H391464" s="12"/>
    </row>
    <row r="391465" spans="8:8">
      <c r="H391465" s="12"/>
    </row>
    <row r="391466" spans="8:8">
      <c r="H391466" s="12"/>
    </row>
    <row r="391467" spans="8:8">
      <c r="H391467" s="12"/>
    </row>
    <row r="391468" spans="8:8">
      <c r="H391468" s="12"/>
    </row>
    <row r="391469" spans="8:8">
      <c r="H391469" s="12"/>
    </row>
    <row r="391470" spans="8:8">
      <c r="H391470" s="12"/>
    </row>
    <row r="391471" spans="8:8">
      <c r="H391471" s="12"/>
    </row>
    <row r="391472" spans="8:8">
      <c r="H391472" s="12"/>
    </row>
    <row r="391473" spans="8:8">
      <c r="H391473" s="12"/>
    </row>
    <row r="391474" spans="8:8">
      <c r="H391474" s="12"/>
    </row>
    <row r="391475" spans="8:8">
      <c r="H391475" s="12"/>
    </row>
    <row r="391476" spans="8:8">
      <c r="H391476" s="12"/>
    </row>
    <row r="391477" spans="8:8">
      <c r="H391477" s="12"/>
    </row>
    <row r="391478" spans="8:8">
      <c r="H391478" s="12"/>
    </row>
    <row r="391479" spans="8:8">
      <c r="H391479" s="12"/>
    </row>
    <row r="391480" spans="8:8">
      <c r="H391480" s="12"/>
    </row>
    <row r="391481" spans="8:8">
      <c r="H391481" s="12"/>
    </row>
    <row r="391482" spans="8:8">
      <c r="H391482" s="12"/>
    </row>
    <row r="391483" spans="8:8">
      <c r="H391483" s="12"/>
    </row>
    <row r="391484" spans="8:8">
      <c r="H391484" s="12"/>
    </row>
    <row r="391485" spans="8:8">
      <c r="H391485" s="12"/>
    </row>
    <row r="391486" spans="8:8">
      <c r="H391486" s="12"/>
    </row>
    <row r="391487" spans="8:8">
      <c r="H391487" s="12"/>
    </row>
    <row r="391488" spans="8:8">
      <c r="H391488" s="12"/>
    </row>
    <row r="391489" spans="8:8">
      <c r="H391489" s="12"/>
    </row>
    <row r="391490" spans="8:8">
      <c r="H391490" s="12"/>
    </row>
    <row r="391491" spans="8:8">
      <c r="H391491" s="12"/>
    </row>
    <row r="391492" spans="8:8">
      <c r="H391492" s="12"/>
    </row>
    <row r="391493" spans="8:8">
      <c r="H391493" s="12"/>
    </row>
    <row r="391494" spans="8:8">
      <c r="H391494" s="12"/>
    </row>
    <row r="391495" spans="8:8">
      <c r="H391495" s="12"/>
    </row>
    <row r="391496" spans="8:8">
      <c r="H391496" s="12"/>
    </row>
    <row r="391497" spans="8:8">
      <c r="H391497" s="12"/>
    </row>
    <row r="391498" spans="8:8">
      <c r="H391498" s="12"/>
    </row>
    <row r="391499" spans="8:8">
      <c r="H391499" s="12"/>
    </row>
    <row r="391500" spans="8:8">
      <c r="H391500" s="12"/>
    </row>
    <row r="391501" spans="8:8">
      <c r="H391501" s="12"/>
    </row>
    <row r="391502" spans="8:8">
      <c r="H391502" s="12"/>
    </row>
    <row r="391503" spans="8:8">
      <c r="H391503" s="12"/>
    </row>
    <row r="391504" spans="8:8">
      <c r="H391504" s="12"/>
    </row>
    <row r="391505" spans="8:8">
      <c r="H391505" s="12"/>
    </row>
    <row r="391506" spans="8:8">
      <c r="H391506" s="12"/>
    </row>
    <row r="391507" spans="8:8">
      <c r="H391507" s="12"/>
    </row>
    <row r="391508" spans="8:8">
      <c r="H391508" s="12"/>
    </row>
    <row r="391509" spans="8:8">
      <c r="H391509" s="12"/>
    </row>
    <row r="391510" spans="8:8">
      <c r="H391510" s="12"/>
    </row>
    <row r="391511" spans="8:8">
      <c r="H391511" s="12"/>
    </row>
    <row r="391512" spans="8:8">
      <c r="H391512" s="12"/>
    </row>
    <row r="391513" spans="8:8">
      <c r="H391513" s="12"/>
    </row>
    <row r="391514" spans="8:8">
      <c r="H391514" s="12"/>
    </row>
    <row r="391515" spans="8:8">
      <c r="H391515" s="12"/>
    </row>
    <row r="391516" spans="8:8">
      <c r="H391516" s="12"/>
    </row>
    <row r="391517" spans="8:8">
      <c r="H391517" s="12"/>
    </row>
    <row r="391518" spans="8:8">
      <c r="H391518" s="12"/>
    </row>
    <row r="391519" spans="8:8">
      <c r="H391519" s="12"/>
    </row>
    <row r="391520" spans="8:8">
      <c r="H391520" s="12"/>
    </row>
    <row r="391521" spans="8:8">
      <c r="H391521" s="12"/>
    </row>
    <row r="391522" spans="8:8">
      <c r="H391522" s="12"/>
    </row>
    <row r="391523" spans="8:8">
      <c r="H391523" s="12"/>
    </row>
    <row r="391524" spans="8:8">
      <c r="H391524" s="12"/>
    </row>
    <row r="391525" spans="8:8">
      <c r="H391525" s="12"/>
    </row>
    <row r="391526" spans="8:8">
      <c r="H391526" s="12"/>
    </row>
    <row r="391527" spans="8:8">
      <c r="H391527" s="12"/>
    </row>
    <row r="391528" spans="8:8">
      <c r="H391528" s="12"/>
    </row>
    <row r="391529" spans="8:8">
      <c r="H391529" s="12"/>
    </row>
    <row r="391530" spans="8:8">
      <c r="H391530" s="12"/>
    </row>
    <row r="391531" spans="8:8">
      <c r="H391531" s="12"/>
    </row>
    <row r="391532" spans="8:8">
      <c r="H391532" s="12"/>
    </row>
    <row r="391533" spans="8:8">
      <c r="H391533" s="12"/>
    </row>
    <row r="391534" spans="8:8">
      <c r="H391534" s="12"/>
    </row>
    <row r="391535" spans="8:8">
      <c r="H391535" s="12"/>
    </row>
    <row r="391536" spans="8:8">
      <c r="H391536" s="12"/>
    </row>
    <row r="391537" spans="8:8">
      <c r="H391537" s="12"/>
    </row>
    <row r="391538" spans="8:8">
      <c r="H391538" s="12"/>
    </row>
    <row r="391539" spans="8:8">
      <c r="H391539" s="12"/>
    </row>
    <row r="391540" spans="8:8">
      <c r="H391540" s="12"/>
    </row>
    <row r="391541" spans="8:8">
      <c r="H391541" s="12"/>
    </row>
    <row r="391542" spans="8:8">
      <c r="H391542" s="12"/>
    </row>
    <row r="391543" spans="8:8">
      <c r="H391543" s="12"/>
    </row>
    <row r="391544" spans="8:8">
      <c r="H391544" s="12"/>
    </row>
    <row r="391545" spans="8:8">
      <c r="H391545" s="12"/>
    </row>
    <row r="391546" spans="8:8">
      <c r="H391546" s="12"/>
    </row>
    <row r="391547" spans="8:8">
      <c r="H391547" s="12"/>
    </row>
    <row r="391548" spans="8:8">
      <c r="H391548" s="12"/>
    </row>
    <row r="391549" spans="8:8">
      <c r="H391549" s="12"/>
    </row>
    <row r="391550" spans="8:8">
      <c r="H391550" s="12"/>
    </row>
    <row r="391551" spans="8:8">
      <c r="H391551" s="12"/>
    </row>
    <row r="391552" spans="8:8">
      <c r="H391552" s="12"/>
    </row>
    <row r="391553" spans="8:8">
      <c r="H391553" s="12"/>
    </row>
    <row r="391554" spans="8:8">
      <c r="H391554" s="12"/>
    </row>
    <row r="391555" spans="8:8">
      <c r="H391555" s="12"/>
    </row>
    <row r="391556" spans="8:8">
      <c r="H391556" s="12"/>
    </row>
    <row r="391557" spans="8:8">
      <c r="H391557" s="12"/>
    </row>
    <row r="391558" spans="8:8">
      <c r="H391558" s="12"/>
    </row>
    <row r="391559" spans="8:8">
      <c r="H391559" s="12"/>
    </row>
    <row r="391560" spans="8:8">
      <c r="H391560" s="12"/>
    </row>
    <row r="391561" spans="8:8">
      <c r="H391561" s="12"/>
    </row>
    <row r="391562" spans="8:8">
      <c r="H391562" s="12"/>
    </row>
    <row r="391563" spans="8:8">
      <c r="H391563" s="12"/>
    </row>
    <row r="391564" spans="8:8">
      <c r="H391564" s="12"/>
    </row>
    <row r="391565" spans="8:8">
      <c r="H391565" s="12"/>
    </row>
    <row r="391566" spans="8:8">
      <c r="H391566" s="12"/>
    </row>
    <row r="391567" spans="8:8">
      <c r="H391567" s="12"/>
    </row>
    <row r="391568" spans="8:8">
      <c r="H391568" s="12"/>
    </row>
    <row r="391569" spans="8:8">
      <c r="H391569" s="12"/>
    </row>
    <row r="391570" spans="8:8">
      <c r="H391570" s="12"/>
    </row>
    <row r="391571" spans="8:8">
      <c r="H391571" s="12"/>
    </row>
    <row r="391572" spans="8:8">
      <c r="H391572" s="12"/>
    </row>
    <row r="391573" spans="8:8">
      <c r="H391573" s="12"/>
    </row>
    <row r="391574" spans="8:8">
      <c r="H391574" s="12"/>
    </row>
    <row r="391575" spans="8:8">
      <c r="H391575" s="12"/>
    </row>
    <row r="391576" spans="8:8">
      <c r="H391576" s="12"/>
    </row>
    <row r="391577" spans="8:8">
      <c r="H391577" s="12"/>
    </row>
    <row r="391578" spans="8:8">
      <c r="H391578" s="12"/>
    </row>
    <row r="391579" spans="8:8">
      <c r="H391579" s="12"/>
    </row>
    <row r="391580" spans="8:8">
      <c r="H391580" s="12"/>
    </row>
    <row r="391581" spans="8:8">
      <c r="H391581" s="12"/>
    </row>
    <row r="391582" spans="8:8">
      <c r="H391582" s="12"/>
    </row>
    <row r="391583" spans="8:8">
      <c r="H391583" s="12"/>
    </row>
    <row r="391584" spans="8:8">
      <c r="H391584" s="12"/>
    </row>
    <row r="391585" spans="8:8">
      <c r="H391585" s="12"/>
    </row>
    <row r="391586" spans="8:8">
      <c r="H391586" s="12"/>
    </row>
    <row r="391587" spans="8:8">
      <c r="H391587" s="12"/>
    </row>
    <row r="391588" spans="8:8">
      <c r="H391588" s="12"/>
    </row>
    <row r="391589" spans="8:8">
      <c r="H391589" s="12"/>
    </row>
    <row r="391590" spans="8:8">
      <c r="H391590" s="12"/>
    </row>
    <row r="391591" spans="8:8">
      <c r="H391591" s="12"/>
    </row>
    <row r="391592" spans="8:8">
      <c r="H391592" s="12"/>
    </row>
    <row r="391593" spans="8:8">
      <c r="H391593" s="12"/>
    </row>
    <row r="391594" spans="8:8">
      <c r="H391594" s="12"/>
    </row>
    <row r="391595" spans="8:8">
      <c r="H391595" s="12"/>
    </row>
    <row r="391596" spans="8:8">
      <c r="H391596" s="12"/>
    </row>
    <row r="391597" spans="8:8">
      <c r="H391597" s="12"/>
    </row>
    <row r="391598" spans="8:8">
      <c r="H391598" s="12"/>
    </row>
    <row r="391599" spans="8:8">
      <c r="H391599" s="12"/>
    </row>
    <row r="391600" spans="8:8">
      <c r="H391600" s="12"/>
    </row>
    <row r="391601" spans="8:8">
      <c r="H391601" s="12"/>
    </row>
    <row r="391602" spans="8:8">
      <c r="H391602" s="12"/>
    </row>
    <row r="391603" spans="8:8">
      <c r="H391603" s="12"/>
    </row>
    <row r="391604" spans="8:8">
      <c r="H391604" s="12"/>
    </row>
    <row r="391605" spans="8:8">
      <c r="H391605" s="12"/>
    </row>
    <row r="391606" spans="8:8">
      <c r="H391606" s="12"/>
    </row>
    <row r="391607" spans="8:8">
      <c r="H391607" s="12"/>
    </row>
    <row r="391608" spans="8:8">
      <c r="H391608" s="12"/>
    </row>
    <row r="391609" spans="8:8">
      <c r="H391609" s="12"/>
    </row>
    <row r="391610" spans="8:8">
      <c r="H391610" s="12"/>
    </row>
    <row r="391611" spans="8:8">
      <c r="H391611" s="12"/>
    </row>
    <row r="391612" spans="8:8">
      <c r="H391612" s="12"/>
    </row>
    <row r="391613" spans="8:8">
      <c r="H391613" s="12"/>
    </row>
    <row r="391614" spans="8:8">
      <c r="H391614" s="12"/>
    </row>
    <row r="391615" spans="8:8">
      <c r="H391615" s="12"/>
    </row>
    <row r="391616" spans="8:8">
      <c r="H391616" s="12"/>
    </row>
    <row r="391617" spans="8:8">
      <c r="H391617" s="12"/>
    </row>
    <row r="391618" spans="8:8">
      <c r="H391618" s="12"/>
    </row>
    <row r="391619" spans="8:8">
      <c r="H391619" s="12"/>
    </row>
    <row r="391620" spans="8:8">
      <c r="H391620" s="12"/>
    </row>
    <row r="391621" spans="8:8">
      <c r="H391621" s="12"/>
    </row>
    <row r="391622" spans="8:8">
      <c r="H391622" s="12"/>
    </row>
    <row r="391623" spans="8:8">
      <c r="H391623" s="12"/>
    </row>
    <row r="391624" spans="8:8">
      <c r="H391624" s="12"/>
    </row>
    <row r="391625" spans="8:8">
      <c r="H391625" s="12"/>
    </row>
    <row r="391626" spans="8:8">
      <c r="H391626" s="12"/>
    </row>
    <row r="391627" spans="8:8">
      <c r="H391627" s="12"/>
    </row>
    <row r="391628" spans="8:8">
      <c r="H391628" s="12"/>
    </row>
    <row r="391629" spans="8:8">
      <c r="H391629" s="12"/>
    </row>
    <row r="391630" spans="8:8">
      <c r="H391630" s="12"/>
    </row>
    <row r="391631" spans="8:8">
      <c r="H391631" s="12"/>
    </row>
    <row r="391632" spans="8:8">
      <c r="H391632" s="12"/>
    </row>
    <row r="391633" spans="8:8">
      <c r="H391633" s="12"/>
    </row>
    <row r="391634" spans="8:8">
      <c r="H391634" s="12"/>
    </row>
    <row r="391635" spans="8:8">
      <c r="H391635" s="12"/>
    </row>
    <row r="391636" spans="8:8">
      <c r="H391636" s="12"/>
    </row>
    <row r="391637" spans="8:8">
      <c r="H391637" s="12"/>
    </row>
    <row r="391638" spans="8:8">
      <c r="H391638" s="12"/>
    </row>
    <row r="391639" spans="8:8">
      <c r="H391639" s="12"/>
    </row>
    <row r="391640" spans="8:8">
      <c r="H391640" s="12"/>
    </row>
    <row r="391641" spans="8:8">
      <c r="H391641" s="12"/>
    </row>
    <row r="391642" spans="8:8">
      <c r="H391642" s="12"/>
    </row>
    <row r="391643" spans="8:8">
      <c r="H391643" s="12"/>
    </row>
    <row r="391644" spans="8:8">
      <c r="H391644" s="12"/>
    </row>
    <row r="391645" spans="8:8">
      <c r="H391645" s="12"/>
    </row>
    <row r="391646" spans="8:8">
      <c r="H391646" s="12"/>
    </row>
    <row r="391647" spans="8:8">
      <c r="H391647" s="12"/>
    </row>
    <row r="391648" spans="8:8">
      <c r="H391648" s="12"/>
    </row>
    <row r="391649" spans="8:8">
      <c r="H391649" s="12"/>
    </row>
    <row r="391650" spans="8:8">
      <c r="H391650" s="12"/>
    </row>
    <row r="391651" spans="8:8">
      <c r="H391651" s="12"/>
    </row>
    <row r="391652" spans="8:8">
      <c r="H391652" s="12"/>
    </row>
    <row r="391653" spans="8:8">
      <c r="H391653" s="12"/>
    </row>
    <row r="391654" spans="8:8">
      <c r="H391654" s="12"/>
    </row>
    <row r="391655" spans="8:8">
      <c r="H391655" s="12"/>
    </row>
    <row r="391656" spans="8:8">
      <c r="H391656" s="12"/>
    </row>
    <row r="391657" spans="8:8">
      <c r="H391657" s="12"/>
    </row>
    <row r="391658" spans="8:8">
      <c r="H391658" s="12"/>
    </row>
    <row r="391659" spans="8:8">
      <c r="H391659" s="12"/>
    </row>
    <row r="391660" spans="8:8">
      <c r="H391660" s="12"/>
    </row>
    <row r="391661" spans="8:8">
      <c r="H391661" s="12"/>
    </row>
    <row r="391662" spans="8:8">
      <c r="H391662" s="12"/>
    </row>
    <row r="391663" spans="8:8">
      <c r="H391663" s="12"/>
    </row>
    <row r="391664" spans="8:8">
      <c r="H391664" s="12"/>
    </row>
    <row r="391665" spans="8:8">
      <c r="H391665" s="12"/>
    </row>
    <row r="391666" spans="8:8">
      <c r="H391666" s="12"/>
    </row>
    <row r="391667" spans="8:8">
      <c r="H391667" s="12"/>
    </row>
    <row r="391668" spans="8:8">
      <c r="H391668" s="12"/>
    </row>
    <row r="391669" spans="8:8">
      <c r="H391669" s="12"/>
    </row>
    <row r="391670" spans="8:8">
      <c r="H391670" s="12"/>
    </row>
    <row r="391671" spans="8:8">
      <c r="H391671" s="12"/>
    </row>
    <row r="391672" spans="8:8">
      <c r="H391672" s="12"/>
    </row>
    <row r="391673" spans="8:8">
      <c r="H391673" s="12"/>
    </row>
    <row r="391674" spans="8:8">
      <c r="H391674" s="12"/>
    </row>
    <row r="391675" spans="8:8">
      <c r="H391675" s="12"/>
    </row>
    <row r="391676" spans="8:8">
      <c r="H391676" s="12"/>
    </row>
    <row r="391677" spans="8:8">
      <c r="H391677" s="12"/>
    </row>
    <row r="391678" spans="8:8">
      <c r="H391678" s="12"/>
    </row>
    <row r="391679" spans="8:8">
      <c r="H391679" s="12"/>
    </row>
    <row r="391680" spans="8:8">
      <c r="H391680" s="12"/>
    </row>
    <row r="391681" spans="8:8">
      <c r="H391681" s="12"/>
    </row>
    <row r="391682" spans="8:8">
      <c r="H391682" s="12"/>
    </row>
    <row r="391683" spans="8:8">
      <c r="H391683" s="12"/>
    </row>
    <row r="391684" spans="8:8">
      <c r="H391684" s="12"/>
    </row>
    <row r="391685" spans="8:8">
      <c r="H391685" s="12"/>
    </row>
    <row r="391686" spans="8:8">
      <c r="H391686" s="12"/>
    </row>
    <row r="391687" spans="8:8">
      <c r="H391687" s="12"/>
    </row>
    <row r="391688" spans="8:8">
      <c r="H391688" s="12"/>
    </row>
    <row r="391689" spans="8:8">
      <c r="H391689" s="12"/>
    </row>
    <row r="391690" spans="8:8">
      <c r="H391690" s="12"/>
    </row>
    <row r="391691" spans="8:8">
      <c r="H391691" s="12"/>
    </row>
    <row r="391692" spans="8:8">
      <c r="H391692" s="12"/>
    </row>
    <row r="391693" spans="8:8">
      <c r="H391693" s="12"/>
    </row>
    <row r="391694" spans="8:8">
      <c r="H391694" s="12"/>
    </row>
    <row r="391695" spans="8:8">
      <c r="H391695" s="12"/>
    </row>
    <row r="391696" spans="8:8">
      <c r="H391696" s="12"/>
    </row>
    <row r="391697" spans="8:8">
      <c r="H391697" s="12"/>
    </row>
    <row r="391698" spans="8:8">
      <c r="H391698" s="12"/>
    </row>
    <row r="391699" spans="8:8">
      <c r="H391699" s="12"/>
    </row>
    <row r="391700" spans="8:8">
      <c r="H391700" s="12"/>
    </row>
    <row r="391701" spans="8:8">
      <c r="H391701" s="12"/>
    </row>
    <row r="391702" spans="8:8">
      <c r="H391702" s="12"/>
    </row>
    <row r="391703" spans="8:8">
      <c r="H391703" s="12"/>
    </row>
    <row r="391704" spans="8:8">
      <c r="H391704" s="12"/>
    </row>
    <row r="391705" spans="8:8">
      <c r="H391705" s="12"/>
    </row>
    <row r="391706" spans="8:8">
      <c r="H391706" s="12"/>
    </row>
    <row r="391707" spans="8:8">
      <c r="H391707" s="12"/>
    </row>
    <row r="391708" spans="8:8">
      <c r="H391708" s="12"/>
    </row>
    <row r="391709" spans="8:8">
      <c r="H391709" s="12"/>
    </row>
    <row r="391710" spans="8:8">
      <c r="H391710" s="12"/>
    </row>
    <row r="391711" spans="8:8">
      <c r="H391711" s="12"/>
    </row>
    <row r="391712" spans="8:8">
      <c r="H391712" s="12"/>
    </row>
    <row r="391713" spans="8:8">
      <c r="H391713" s="12"/>
    </row>
    <row r="391714" spans="8:8">
      <c r="H391714" s="12"/>
    </row>
    <row r="391715" spans="8:8">
      <c r="H391715" s="12"/>
    </row>
    <row r="391716" spans="8:8">
      <c r="H391716" s="12"/>
    </row>
    <row r="391717" spans="8:8">
      <c r="H391717" s="12"/>
    </row>
    <row r="391718" spans="8:8">
      <c r="H391718" s="12"/>
    </row>
    <row r="391719" spans="8:8">
      <c r="H391719" s="12"/>
    </row>
    <row r="391720" spans="8:8">
      <c r="H391720" s="12"/>
    </row>
    <row r="391721" spans="8:8">
      <c r="H391721" s="12"/>
    </row>
    <row r="391722" spans="8:8">
      <c r="H391722" s="12"/>
    </row>
    <row r="391723" spans="8:8">
      <c r="H391723" s="12"/>
    </row>
    <row r="391724" spans="8:8">
      <c r="H391724" s="12"/>
    </row>
    <row r="391725" spans="8:8">
      <c r="H391725" s="12"/>
    </row>
    <row r="391726" spans="8:8">
      <c r="H391726" s="12"/>
    </row>
    <row r="391727" spans="8:8">
      <c r="H391727" s="12"/>
    </row>
    <row r="391728" spans="8:8">
      <c r="H391728" s="12"/>
    </row>
    <row r="391729" spans="8:8">
      <c r="H391729" s="12"/>
    </row>
    <row r="391730" spans="8:8">
      <c r="H391730" s="12"/>
    </row>
    <row r="391731" spans="8:8">
      <c r="H391731" s="12"/>
    </row>
    <row r="391732" spans="8:8">
      <c r="H391732" s="12"/>
    </row>
    <row r="391733" spans="8:8">
      <c r="H391733" s="12"/>
    </row>
    <row r="391734" spans="8:8">
      <c r="H391734" s="12"/>
    </row>
    <row r="391735" spans="8:8">
      <c r="H391735" s="12"/>
    </row>
    <row r="391736" spans="8:8">
      <c r="H391736" s="12"/>
    </row>
    <row r="391737" spans="8:8">
      <c r="H391737" s="12"/>
    </row>
    <row r="391738" spans="8:8">
      <c r="H391738" s="12"/>
    </row>
    <row r="391739" spans="8:8">
      <c r="H391739" s="12"/>
    </row>
    <row r="391740" spans="8:8">
      <c r="H391740" s="12"/>
    </row>
    <row r="391741" spans="8:8">
      <c r="H391741" s="12"/>
    </row>
    <row r="391742" spans="8:8">
      <c r="H391742" s="12"/>
    </row>
    <row r="391743" spans="8:8">
      <c r="H391743" s="12"/>
    </row>
    <row r="391744" spans="8:8">
      <c r="H391744" s="12"/>
    </row>
    <row r="391745" spans="8:8">
      <c r="H391745" s="12"/>
    </row>
    <row r="391746" spans="8:8">
      <c r="H391746" s="12"/>
    </row>
    <row r="391747" spans="8:8">
      <c r="H391747" s="12"/>
    </row>
    <row r="391748" spans="8:8">
      <c r="H391748" s="12"/>
    </row>
    <row r="391749" spans="8:8">
      <c r="H391749" s="12"/>
    </row>
    <row r="391750" spans="8:8">
      <c r="H391750" s="12"/>
    </row>
    <row r="391751" spans="8:8">
      <c r="H391751" s="12"/>
    </row>
    <row r="391752" spans="8:8">
      <c r="H391752" s="12"/>
    </row>
    <row r="391753" spans="8:8">
      <c r="H391753" s="12"/>
    </row>
    <row r="391754" spans="8:8">
      <c r="H391754" s="12"/>
    </row>
    <row r="391755" spans="8:8">
      <c r="H391755" s="12"/>
    </row>
    <row r="391756" spans="8:8">
      <c r="H391756" s="12"/>
    </row>
    <row r="391757" spans="8:8">
      <c r="H391757" s="12"/>
    </row>
    <row r="391758" spans="8:8">
      <c r="H391758" s="12"/>
    </row>
    <row r="391759" spans="8:8">
      <c r="H391759" s="12"/>
    </row>
    <row r="391760" spans="8:8">
      <c r="H391760" s="12"/>
    </row>
    <row r="391761" spans="8:8">
      <c r="H391761" s="12"/>
    </row>
    <row r="391762" spans="8:8">
      <c r="H391762" s="12"/>
    </row>
    <row r="391763" spans="8:8">
      <c r="H391763" s="12"/>
    </row>
    <row r="391764" spans="8:8">
      <c r="H391764" s="12"/>
    </row>
    <row r="391765" spans="8:8">
      <c r="H391765" s="12"/>
    </row>
    <row r="391766" spans="8:8">
      <c r="H391766" s="12"/>
    </row>
    <row r="391767" spans="8:8">
      <c r="H391767" s="12"/>
    </row>
    <row r="391768" spans="8:8">
      <c r="H391768" s="12"/>
    </row>
    <row r="391769" spans="8:8">
      <c r="H391769" s="12"/>
    </row>
    <row r="391770" spans="8:8">
      <c r="H391770" s="12"/>
    </row>
    <row r="391771" spans="8:8">
      <c r="H391771" s="12"/>
    </row>
    <row r="391772" spans="8:8">
      <c r="H391772" s="12"/>
    </row>
    <row r="391773" spans="8:8">
      <c r="H391773" s="12"/>
    </row>
    <row r="391774" spans="8:8">
      <c r="H391774" s="12"/>
    </row>
    <row r="391775" spans="8:8">
      <c r="H391775" s="12"/>
    </row>
    <row r="391776" spans="8:8">
      <c r="H391776" s="12"/>
    </row>
    <row r="391777" spans="8:8">
      <c r="H391777" s="12"/>
    </row>
    <row r="391778" spans="8:8">
      <c r="H391778" s="12"/>
    </row>
    <row r="391779" spans="8:8">
      <c r="H391779" s="12"/>
    </row>
    <row r="391780" spans="8:8">
      <c r="H391780" s="12"/>
    </row>
    <row r="391781" spans="8:8">
      <c r="H391781" s="12"/>
    </row>
    <row r="391782" spans="8:8">
      <c r="H391782" s="12"/>
    </row>
    <row r="391783" spans="8:8">
      <c r="H391783" s="12"/>
    </row>
    <row r="391784" spans="8:8">
      <c r="H391784" s="12"/>
    </row>
    <row r="391785" spans="8:8">
      <c r="H391785" s="12"/>
    </row>
    <row r="391786" spans="8:8">
      <c r="H391786" s="12"/>
    </row>
    <row r="391787" spans="8:8">
      <c r="H391787" s="12"/>
    </row>
    <row r="391788" spans="8:8">
      <c r="H391788" s="12"/>
    </row>
    <row r="391789" spans="8:8">
      <c r="H391789" s="12"/>
    </row>
    <row r="391790" spans="8:8">
      <c r="H391790" s="12"/>
    </row>
    <row r="391791" spans="8:8">
      <c r="H391791" s="12"/>
    </row>
    <row r="391792" spans="8:8">
      <c r="H391792" s="12"/>
    </row>
    <row r="391793" spans="8:8">
      <c r="H391793" s="12"/>
    </row>
    <row r="391794" spans="8:8">
      <c r="H391794" s="12"/>
    </row>
    <row r="391795" spans="8:8">
      <c r="H391795" s="12"/>
    </row>
    <row r="391796" spans="8:8">
      <c r="H391796" s="12"/>
    </row>
    <row r="391797" spans="8:8">
      <c r="H391797" s="12"/>
    </row>
    <row r="391798" spans="8:8">
      <c r="H391798" s="12"/>
    </row>
    <row r="391799" spans="8:8">
      <c r="H391799" s="12"/>
    </row>
    <row r="391800" spans="8:8">
      <c r="H391800" s="12"/>
    </row>
    <row r="391801" spans="8:8">
      <c r="H391801" s="12"/>
    </row>
    <row r="391802" spans="8:8">
      <c r="H391802" s="12"/>
    </row>
    <row r="391803" spans="8:8">
      <c r="H391803" s="12"/>
    </row>
    <row r="391804" spans="8:8">
      <c r="H391804" s="12"/>
    </row>
    <row r="391805" spans="8:8">
      <c r="H391805" s="12"/>
    </row>
    <row r="391806" spans="8:8">
      <c r="H391806" s="12"/>
    </row>
    <row r="391807" spans="8:8">
      <c r="H391807" s="12"/>
    </row>
    <row r="391808" spans="8:8">
      <c r="H391808" s="12"/>
    </row>
    <row r="391809" spans="8:8">
      <c r="H391809" s="12"/>
    </row>
    <row r="391810" spans="8:8">
      <c r="H391810" s="12"/>
    </row>
    <row r="391811" spans="8:8">
      <c r="H391811" s="12"/>
    </row>
    <row r="391812" spans="8:8">
      <c r="H391812" s="12"/>
    </row>
    <row r="391813" spans="8:8">
      <c r="H391813" s="12"/>
    </row>
    <row r="391814" spans="8:8">
      <c r="H391814" s="12"/>
    </row>
    <row r="391815" spans="8:8">
      <c r="H391815" s="12"/>
    </row>
    <row r="391816" spans="8:8">
      <c r="H391816" s="12"/>
    </row>
    <row r="391817" spans="8:8">
      <c r="H391817" s="12"/>
    </row>
    <row r="391818" spans="8:8">
      <c r="H391818" s="12"/>
    </row>
    <row r="391819" spans="8:8">
      <c r="H391819" s="12"/>
    </row>
    <row r="391820" spans="8:8">
      <c r="H391820" s="12"/>
    </row>
    <row r="391821" spans="8:8">
      <c r="H391821" s="12"/>
    </row>
    <row r="391822" spans="8:8">
      <c r="H391822" s="12"/>
    </row>
    <row r="391823" spans="8:8">
      <c r="H391823" s="12"/>
    </row>
    <row r="391824" spans="8:8">
      <c r="H391824" s="12"/>
    </row>
    <row r="391825" spans="8:8">
      <c r="H391825" s="12"/>
    </row>
    <row r="391826" spans="8:8">
      <c r="H391826" s="12"/>
    </row>
    <row r="391827" spans="8:8">
      <c r="H391827" s="12"/>
    </row>
    <row r="391828" spans="8:8">
      <c r="H391828" s="12"/>
    </row>
    <row r="391829" spans="8:8">
      <c r="H391829" s="12"/>
    </row>
    <row r="391830" spans="8:8">
      <c r="H391830" s="12"/>
    </row>
    <row r="391831" spans="8:8">
      <c r="H391831" s="12"/>
    </row>
    <row r="391832" spans="8:8">
      <c r="H391832" s="12"/>
    </row>
    <row r="391833" spans="8:8">
      <c r="H391833" s="12"/>
    </row>
    <row r="391834" spans="8:8">
      <c r="H391834" s="12"/>
    </row>
    <row r="391835" spans="8:8">
      <c r="H391835" s="12"/>
    </row>
    <row r="391836" spans="8:8">
      <c r="H391836" s="12"/>
    </row>
    <row r="391837" spans="8:8">
      <c r="H391837" s="12"/>
    </row>
    <row r="391838" spans="8:8">
      <c r="H391838" s="12"/>
    </row>
    <row r="391839" spans="8:8">
      <c r="H391839" s="12"/>
    </row>
    <row r="391840" spans="8:8">
      <c r="H391840" s="12"/>
    </row>
    <row r="391841" spans="8:8">
      <c r="H391841" s="12"/>
    </row>
    <row r="391842" spans="8:8">
      <c r="H391842" s="12"/>
    </row>
    <row r="391843" spans="8:8">
      <c r="H391843" s="12"/>
    </row>
    <row r="391844" spans="8:8">
      <c r="H391844" s="12"/>
    </row>
    <row r="391845" spans="8:8">
      <c r="H391845" s="12"/>
    </row>
    <row r="391846" spans="8:8">
      <c r="H391846" s="12"/>
    </row>
    <row r="391847" spans="8:8">
      <c r="H391847" s="12"/>
    </row>
    <row r="391848" spans="8:8">
      <c r="H391848" s="12"/>
    </row>
    <row r="391849" spans="8:8">
      <c r="H391849" s="12"/>
    </row>
    <row r="391850" spans="8:8">
      <c r="H391850" s="12"/>
    </row>
    <row r="391851" spans="8:8">
      <c r="H391851" s="12"/>
    </row>
    <row r="391852" spans="8:8">
      <c r="H391852" s="12"/>
    </row>
    <row r="391853" spans="8:8">
      <c r="H391853" s="12"/>
    </row>
    <row r="391854" spans="8:8">
      <c r="H391854" s="12"/>
    </row>
    <row r="391855" spans="8:8">
      <c r="H391855" s="12"/>
    </row>
    <row r="391856" spans="8:8">
      <c r="H391856" s="12"/>
    </row>
    <row r="391857" spans="8:8">
      <c r="H391857" s="12"/>
    </row>
    <row r="391858" spans="8:8">
      <c r="H391858" s="12"/>
    </row>
    <row r="391859" spans="8:8">
      <c r="H391859" s="12"/>
    </row>
    <row r="391860" spans="8:8">
      <c r="H391860" s="12"/>
    </row>
    <row r="391861" spans="8:8">
      <c r="H391861" s="12"/>
    </row>
    <row r="391862" spans="8:8">
      <c r="H391862" s="12"/>
    </row>
    <row r="391863" spans="8:8">
      <c r="H391863" s="12"/>
    </row>
    <row r="391864" spans="8:8">
      <c r="H391864" s="12"/>
    </row>
    <row r="391865" spans="8:8">
      <c r="H391865" s="12"/>
    </row>
    <row r="391866" spans="8:8">
      <c r="H391866" s="12"/>
    </row>
    <row r="391867" spans="8:8">
      <c r="H391867" s="12"/>
    </row>
    <row r="391868" spans="8:8">
      <c r="H391868" s="12"/>
    </row>
    <row r="391869" spans="8:8">
      <c r="H391869" s="12"/>
    </row>
    <row r="391870" spans="8:8">
      <c r="H391870" s="12"/>
    </row>
    <row r="391871" spans="8:8">
      <c r="H391871" s="12"/>
    </row>
    <row r="391872" spans="8:8">
      <c r="H391872" s="12"/>
    </row>
    <row r="391873" spans="8:8">
      <c r="H391873" s="12"/>
    </row>
    <row r="391874" spans="8:8">
      <c r="H391874" s="12"/>
    </row>
    <row r="391875" spans="8:8">
      <c r="H391875" s="12"/>
    </row>
    <row r="391876" spans="8:8">
      <c r="H391876" s="12"/>
    </row>
    <row r="391877" spans="8:8">
      <c r="H391877" s="12"/>
    </row>
    <row r="391878" spans="8:8">
      <c r="H391878" s="12"/>
    </row>
    <row r="391879" spans="8:8">
      <c r="H391879" s="12"/>
    </row>
    <row r="391880" spans="8:8">
      <c r="H391880" s="12"/>
    </row>
    <row r="391881" spans="8:8">
      <c r="H391881" s="12"/>
    </row>
    <row r="391882" spans="8:8">
      <c r="H391882" s="12"/>
    </row>
    <row r="391883" spans="8:8">
      <c r="H391883" s="12"/>
    </row>
    <row r="391884" spans="8:8">
      <c r="H391884" s="12"/>
    </row>
    <row r="391885" spans="8:8">
      <c r="H391885" s="12"/>
    </row>
    <row r="391886" spans="8:8">
      <c r="H391886" s="12"/>
    </row>
    <row r="391887" spans="8:8">
      <c r="H391887" s="12"/>
    </row>
    <row r="391888" spans="8:8">
      <c r="H391888" s="12"/>
    </row>
    <row r="391889" spans="8:8">
      <c r="H391889" s="12"/>
    </row>
    <row r="391890" spans="8:8">
      <c r="H391890" s="12"/>
    </row>
    <row r="391891" spans="8:8">
      <c r="H391891" s="12"/>
    </row>
    <row r="391892" spans="8:8">
      <c r="H391892" s="12"/>
    </row>
    <row r="391893" spans="8:8">
      <c r="H391893" s="12"/>
    </row>
    <row r="391894" spans="8:8">
      <c r="H391894" s="12"/>
    </row>
    <row r="391895" spans="8:8">
      <c r="H391895" s="12"/>
    </row>
    <row r="391896" spans="8:8">
      <c r="H391896" s="12"/>
    </row>
    <row r="391897" spans="8:8">
      <c r="H391897" s="12"/>
    </row>
    <row r="391898" spans="8:8">
      <c r="H391898" s="12"/>
    </row>
    <row r="391899" spans="8:8">
      <c r="H391899" s="12"/>
    </row>
    <row r="391900" spans="8:8">
      <c r="H391900" s="12"/>
    </row>
    <row r="391901" spans="8:8">
      <c r="H391901" s="12"/>
    </row>
    <row r="391902" spans="8:8">
      <c r="H391902" s="12"/>
    </row>
    <row r="391903" spans="8:8">
      <c r="H391903" s="12"/>
    </row>
    <row r="391904" spans="8:8">
      <c r="H391904" s="12"/>
    </row>
    <row r="391905" spans="8:8">
      <c r="H391905" s="12"/>
    </row>
    <row r="391906" spans="8:8">
      <c r="H391906" s="12"/>
    </row>
    <row r="391907" spans="8:8">
      <c r="H391907" s="12"/>
    </row>
    <row r="391908" spans="8:8">
      <c r="H391908" s="12"/>
    </row>
    <row r="391909" spans="8:8">
      <c r="H391909" s="12"/>
    </row>
    <row r="391910" spans="8:8">
      <c r="H391910" s="12"/>
    </row>
    <row r="391911" spans="8:8">
      <c r="H391911" s="12"/>
    </row>
    <row r="391912" spans="8:8">
      <c r="H391912" s="12"/>
    </row>
    <row r="391913" spans="8:8">
      <c r="H391913" s="12"/>
    </row>
    <row r="391914" spans="8:8">
      <c r="H391914" s="12"/>
    </row>
    <row r="391915" spans="8:8">
      <c r="H391915" s="12"/>
    </row>
    <row r="391916" spans="8:8">
      <c r="H391916" s="12"/>
    </row>
    <row r="391917" spans="8:8">
      <c r="H391917" s="12"/>
    </row>
    <row r="391918" spans="8:8">
      <c r="H391918" s="12"/>
    </row>
    <row r="391919" spans="8:8">
      <c r="H391919" s="12"/>
    </row>
    <row r="391920" spans="8:8">
      <c r="H391920" s="12"/>
    </row>
    <row r="391921" spans="8:8">
      <c r="H391921" s="12"/>
    </row>
    <row r="391922" spans="8:8">
      <c r="H391922" s="12"/>
    </row>
    <row r="391923" spans="8:8">
      <c r="H391923" s="12"/>
    </row>
    <row r="391924" spans="8:8">
      <c r="H391924" s="12"/>
    </row>
    <row r="391925" spans="8:8">
      <c r="H391925" s="12"/>
    </row>
    <row r="391926" spans="8:8">
      <c r="H391926" s="12"/>
    </row>
    <row r="391927" spans="8:8">
      <c r="H391927" s="12"/>
    </row>
    <row r="391928" spans="8:8">
      <c r="H391928" s="12"/>
    </row>
    <row r="391929" spans="8:8">
      <c r="H391929" s="12"/>
    </row>
    <row r="391930" spans="8:8">
      <c r="H391930" s="12"/>
    </row>
    <row r="391931" spans="8:8">
      <c r="H391931" s="12"/>
    </row>
    <row r="391932" spans="8:8">
      <c r="H391932" s="12"/>
    </row>
    <row r="391933" spans="8:8">
      <c r="H391933" s="12"/>
    </row>
    <row r="391934" spans="8:8">
      <c r="H391934" s="12"/>
    </row>
    <row r="391935" spans="8:8">
      <c r="H391935" s="12"/>
    </row>
    <row r="391936" spans="8:8">
      <c r="H391936" s="12"/>
    </row>
    <row r="391937" spans="8:8">
      <c r="H391937" s="12"/>
    </row>
    <row r="391938" spans="8:8">
      <c r="H391938" s="12"/>
    </row>
    <row r="391939" spans="8:8">
      <c r="H391939" s="12"/>
    </row>
    <row r="391940" spans="8:8">
      <c r="H391940" s="12"/>
    </row>
    <row r="391941" spans="8:8">
      <c r="H391941" s="12"/>
    </row>
    <row r="391942" spans="8:8">
      <c r="H391942" s="12"/>
    </row>
    <row r="391943" spans="8:8">
      <c r="H391943" s="12"/>
    </row>
    <row r="391944" spans="8:8">
      <c r="H391944" s="12"/>
    </row>
    <row r="391945" spans="8:8">
      <c r="H391945" s="12"/>
    </row>
    <row r="391946" spans="8:8">
      <c r="H391946" s="12"/>
    </row>
    <row r="391947" spans="8:8">
      <c r="H391947" s="12"/>
    </row>
    <row r="391948" spans="8:8">
      <c r="H391948" s="12"/>
    </row>
    <row r="391949" spans="8:8">
      <c r="H391949" s="12"/>
    </row>
    <row r="391950" spans="8:8">
      <c r="H391950" s="12"/>
    </row>
    <row r="391951" spans="8:8">
      <c r="H391951" s="12"/>
    </row>
    <row r="391952" spans="8:8">
      <c r="H391952" s="12"/>
    </row>
    <row r="391953" spans="8:8">
      <c r="H391953" s="12"/>
    </row>
    <row r="391954" spans="8:8">
      <c r="H391954" s="12"/>
    </row>
    <row r="391955" spans="8:8">
      <c r="H391955" s="12"/>
    </row>
    <row r="391956" spans="8:8">
      <c r="H391956" s="12"/>
    </row>
    <row r="391957" spans="8:8">
      <c r="H391957" s="12"/>
    </row>
    <row r="391958" spans="8:8">
      <c r="H391958" s="12"/>
    </row>
    <row r="391959" spans="8:8">
      <c r="H391959" s="12"/>
    </row>
    <row r="391960" spans="8:8">
      <c r="H391960" s="12"/>
    </row>
    <row r="391961" spans="8:8">
      <c r="H391961" s="12"/>
    </row>
    <row r="391962" spans="8:8">
      <c r="H391962" s="12"/>
    </row>
    <row r="391963" spans="8:8">
      <c r="H391963" s="12"/>
    </row>
    <row r="391964" spans="8:8">
      <c r="H391964" s="12"/>
    </row>
    <row r="391965" spans="8:8">
      <c r="H391965" s="12"/>
    </row>
    <row r="391966" spans="8:8">
      <c r="H391966" s="12"/>
    </row>
    <row r="391967" spans="8:8">
      <c r="H391967" s="12"/>
    </row>
    <row r="391968" spans="8:8">
      <c r="H391968" s="12"/>
    </row>
    <row r="391969" spans="8:8">
      <c r="H391969" s="12"/>
    </row>
    <row r="391970" spans="8:8">
      <c r="H391970" s="12"/>
    </row>
    <row r="391971" spans="8:8">
      <c r="H391971" s="12"/>
    </row>
    <row r="391972" spans="8:8">
      <c r="H391972" s="12"/>
    </row>
    <row r="391973" spans="8:8">
      <c r="H391973" s="12"/>
    </row>
    <row r="391974" spans="8:8">
      <c r="H391974" s="12"/>
    </row>
    <row r="391975" spans="8:8">
      <c r="H391975" s="12"/>
    </row>
    <row r="391976" spans="8:8">
      <c r="H391976" s="12"/>
    </row>
    <row r="391977" spans="8:8">
      <c r="H391977" s="12"/>
    </row>
    <row r="391978" spans="8:8">
      <c r="H391978" s="12"/>
    </row>
    <row r="391979" spans="8:8">
      <c r="H391979" s="12"/>
    </row>
    <row r="391980" spans="8:8">
      <c r="H391980" s="12"/>
    </row>
    <row r="391981" spans="8:8">
      <c r="H391981" s="12"/>
    </row>
    <row r="391982" spans="8:8">
      <c r="H391982" s="12"/>
    </row>
    <row r="391983" spans="8:8">
      <c r="H391983" s="12"/>
    </row>
    <row r="391984" spans="8:8">
      <c r="H391984" s="12"/>
    </row>
    <row r="391985" spans="8:8">
      <c r="H391985" s="12"/>
    </row>
    <row r="391986" spans="8:8">
      <c r="H391986" s="12"/>
    </row>
    <row r="391987" spans="8:8">
      <c r="H391987" s="12"/>
    </row>
    <row r="391988" spans="8:8">
      <c r="H391988" s="12"/>
    </row>
    <row r="391989" spans="8:8">
      <c r="H391989" s="12"/>
    </row>
    <row r="391990" spans="8:8">
      <c r="H391990" s="12"/>
    </row>
    <row r="391991" spans="8:8">
      <c r="H391991" s="12"/>
    </row>
    <row r="391992" spans="8:8">
      <c r="H391992" s="12"/>
    </row>
    <row r="391993" spans="8:8">
      <c r="H391993" s="12"/>
    </row>
    <row r="391994" spans="8:8">
      <c r="H391994" s="12"/>
    </row>
    <row r="391995" spans="8:8">
      <c r="H391995" s="12"/>
    </row>
    <row r="391996" spans="8:8">
      <c r="H391996" s="12"/>
    </row>
    <row r="391997" spans="8:8">
      <c r="H391997" s="12"/>
    </row>
    <row r="391998" spans="8:8">
      <c r="H391998" s="12"/>
    </row>
    <row r="391999" spans="8:8">
      <c r="H391999" s="12"/>
    </row>
    <row r="392000" spans="8:8">
      <c r="H392000" s="12"/>
    </row>
    <row r="392001" spans="8:8">
      <c r="H392001" s="12"/>
    </row>
    <row r="392002" spans="8:8">
      <c r="H392002" s="12"/>
    </row>
    <row r="392003" spans="8:8">
      <c r="H392003" s="12"/>
    </row>
    <row r="392004" spans="8:8">
      <c r="H392004" s="12"/>
    </row>
    <row r="392005" spans="8:8">
      <c r="H392005" s="12"/>
    </row>
    <row r="392006" spans="8:8">
      <c r="H392006" s="12"/>
    </row>
    <row r="392007" spans="8:8">
      <c r="H392007" s="12"/>
    </row>
    <row r="392008" spans="8:8">
      <c r="H392008" s="12"/>
    </row>
    <row r="392009" spans="8:8">
      <c r="H392009" s="12"/>
    </row>
    <row r="392010" spans="8:8">
      <c r="H392010" s="12"/>
    </row>
    <row r="392011" spans="8:8">
      <c r="H392011" s="12"/>
    </row>
    <row r="392012" spans="8:8">
      <c r="H392012" s="12"/>
    </row>
    <row r="392013" spans="8:8">
      <c r="H392013" s="12"/>
    </row>
    <row r="392014" spans="8:8">
      <c r="H392014" s="12"/>
    </row>
    <row r="392015" spans="8:8">
      <c r="H392015" s="12"/>
    </row>
    <row r="392016" spans="8:8">
      <c r="H392016" s="12"/>
    </row>
    <row r="392017" spans="8:8">
      <c r="H392017" s="12"/>
    </row>
    <row r="392018" spans="8:8">
      <c r="H392018" s="12"/>
    </row>
    <row r="392019" spans="8:8">
      <c r="H392019" s="12"/>
    </row>
    <row r="392020" spans="8:8">
      <c r="H392020" s="12"/>
    </row>
    <row r="392021" spans="8:8">
      <c r="H392021" s="12"/>
    </row>
    <row r="392022" spans="8:8">
      <c r="H392022" s="12"/>
    </row>
    <row r="392023" spans="8:8">
      <c r="H392023" s="12"/>
    </row>
    <row r="392024" spans="8:8">
      <c r="H392024" s="12"/>
    </row>
    <row r="392025" spans="8:8">
      <c r="H392025" s="12"/>
    </row>
    <row r="392026" spans="8:8">
      <c r="H392026" s="12"/>
    </row>
    <row r="392027" spans="8:8">
      <c r="H392027" s="12"/>
    </row>
    <row r="392028" spans="8:8">
      <c r="H392028" s="12"/>
    </row>
    <row r="392029" spans="8:8">
      <c r="H392029" s="12"/>
    </row>
    <row r="392030" spans="8:8">
      <c r="H392030" s="12"/>
    </row>
    <row r="392031" spans="8:8">
      <c r="H392031" s="12"/>
    </row>
    <row r="392032" spans="8:8">
      <c r="H392032" s="12"/>
    </row>
    <row r="392033" spans="8:8">
      <c r="H392033" s="12"/>
    </row>
    <row r="392034" spans="8:8">
      <c r="H392034" s="12"/>
    </row>
    <row r="392035" spans="8:8">
      <c r="H392035" s="12"/>
    </row>
    <row r="392036" spans="8:8">
      <c r="H392036" s="12"/>
    </row>
    <row r="392037" spans="8:8">
      <c r="H392037" s="12"/>
    </row>
    <row r="392038" spans="8:8">
      <c r="H392038" s="12"/>
    </row>
    <row r="392039" spans="8:8">
      <c r="H392039" s="12"/>
    </row>
    <row r="392040" spans="8:8">
      <c r="H392040" s="12"/>
    </row>
    <row r="392041" spans="8:8">
      <c r="H392041" s="12"/>
    </row>
    <row r="392042" spans="8:8">
      <c r="H392042" s="12"/>
    </row>
    <row r="392043" spans="8:8">
      <c r="H392043" s="12"/>
    </row>
    <row r="392044" spans="8:8">
      <c r="H392044" s="12"/>
    </row>
    <row r="392045" spans="8:8">
      <c r="H392045" s="12"/>
    </row>
    <row r="392046" spans="8:8">
      <c r="H392046" s="12"/>
    </row>
    <row r="392047" spans="8:8">
      <c r="H392047" s="12"/>
    </row>
    <row r="392048" spans="8:8">
      <c r="H392048" s="12"/>
    </row>
    <row r="392049" spans="8:8">
      <c r="H392049" s="12"/>
    </row>
    <row r="392050" spans="8:8">
      <c r="H392050" s="12"/>
    </row>
    <row r="392051" spans="8:8">
      <c r="H392051" s="12"/>
    </row>
    <row r="392052" spans="8:8">
      <c r="H392052" s="12"/>
    </row>
    <row r="392053" spans="8:8">
      <c r="H392053" s="12"/>
    </row>
    <row r="392054" spans="8:8">
      <c r="H392054" s="12"/>
    </row>
    <row r="392055" spans="8:8">
      <c r="H392055" s="12"/>
    </row>
    <row r="392056" spans="8:8">
      <c r="H392056" s="12"/>
    </row>
    <row r="392057" spans="8:8">
      <c r="H392057" s="12"/>
    </row>
    <row r="392058" spans="8:8">
      <c r="H392058" s="12"/>
    </row>
    <row r="392059" spans="8:8">
      <c r="H392059" s="12"/>
    </row>
    <row r="392060" spans="8:8">
      <c r="H392060" s="12"/>
    </row>
    <row r="392061" spans="8:8">
      <c r="H392061" s="12"/>
    </row>
    <row r="392062" spans="8:8">
      <c r="H392062" s="12"/>
    </row>
    <row r="392063" spans="8:8">
      <c r="H392063" s="12"/>
    </row>
    <row r="392064" spans="8:8">
      <c r="H392064" s="12"/>
    </row>
    <row r="392065" spans="8:8">
      <c r="H392065" s="12"/>
    </row>
    <row r="392066" spans="8:8">
      <c r="H392066" s="12"/>
    </row>
    <row r="392067" spans="8:8">
      <c r="H392067" s="12"/>
    </row>
    <row r="392068" spans="8:8">
      <c r="H392068" s="12"/>
    </row>
    <row r="392069" spans="8:8">
      <c r="H392069" s="12"/>
    </row>
    <row r="392070" spans="8:8">
      <c r="H392070" s="12"/>
    </row>
    <row r="392071" spans="8:8">
      <c r="H392071" s="12"/>
    </row>
    <row r="392072" spans="8:8">
      <c r="H392072" s="12"/>
    </row>
    <row r="392073" spans="8:8">
      <c r="H392073" s="12"/>
    </row>
    <row r="392074" spans="8:8">
      <c r="H392074" s="12"/>
    </row>
    <row r="392075" spans="8:8">
      <c r="H392075" s="12"/>
    </row>
    <row r="392076" spans="8:8">
      <c r="H392076" s="12"/>
    </row>
    <row r="392077" spans="8:8">
      <c r="H392077" s="12"/>
    </row>
    <row r="392078" spans="8:8">
      <c r="H392078" s="12"/>
    </row>
    <row r="392079" spans="8:8">
      <c r="H392079" s="12"/>
    </row>
    <row r="392080" spans="8:8">
      <c r="H392080" s="12"/>
    </row>
    <row r="392081" spans="8:8">
      <c r="H392081" s="12"/>
    </row>
    <row r="392082" spans="8:8">
      <c r="H392082" s="12"/>
    </row>
    <row r="392083" spans="8:8">
      <c r="H392083" s="12"/>
    </row>
    <row r="392084" spans="8:8">
      <c r="H392084" s="12"/>
    </row>
    <row r="392085" spans="8:8">
      <c r="H392085" s="12"/>
    </row>
    <row r="392086" spans="8:8">
      <c r="H392086" s="12"/>
    </row>
    <row r="392087" spans="8:8">
      <c r="H392087" s="12"/>
    </row>
    <row r="392088" spans="8:8">
      <c r="H392088" s="12"/>
    </row>
    <row r="392089" spans="8:8">
      <c r="H392089" s="12"/>
    </row>
    <row r="392090" spans="8:8">
      <c r="H392090" s="12"/>
    </row>
    <row r="392091" spans="8:8">
      <c r="H392091" s="12"/>
    </row>
    <row r="392092" spans="8:8">
      <c r="H392092" s="12"/>
    </row>
    <row r="392093" spans="8:8">
      <c r="H392093" s="12"/>
    </row>
    <row r="392094" spans="8:8">
      <c r="H392094" s="12"/>
    </row>
    <row r="392095" spans="8:8">
      <c r="H392095" s="12"/>
    </row>
    <row r="392096" spans="8:8">
      <c r="H392096" s="12"/>
    </row>
    <row r="392097" spans="8:8">
      <c r="H392097" s="12"/>
    </row>
    <row r="392098" spans="8:8">
      <c r="H392098" s="12"/>
    </row>
    <row r="392099" spans="8:8">
      <c r="H392099" s="12"/>
    </row>
    <row r="392100" spans="8:8">
      <c r="H392100" s="12"/>
    </row>
    <row r="392101" spans="8:8">
      <c r="H392101" s="12"/>
    </row>
    <row r="392102" spans="8:8">
      <c r="H392102" s="12"/>
    </row>
    <row r="392103" spans="8:8">
      <c r="H392103" s="12"/>
    </row>
    <row r="392104" spans="8:8">
      <c r="H392104" s="12"/>
    </row>
    <row r="392105" spans="8:8">
      <c r="H392105" s="12"/>
    </row>
    <row r="392106" spans="8:8">
      <c r="H392106" s="12"/>
    </row>
    <row r="392107" spans="8:8">
      <c r="H392107" s="12"/>
    </row>
    <row r="392108" spans="8:8">
      <c r="H392108" s="12"/>
    </row>
    <row r="392109" spans="8:8">
      <c r="H392109" s="12"/>
    </row>
    <row r="392110" spans="8:8">
      <c r="H392110" s="12"/>
    </row>
    <row r="392111" spans="8:8">
      <c r="H392111" s="12"/>
    </row>
    <row r="392112" spans="8:8">
      <c r="H392112" s="12"/>
    </row>
    <row r="392113" spans="8:8">
      <c r="H392113" s="12"/>
    </row>
    <row r="392114" spans="8:8">
      <c r="H392114" s="12"/>
    </row>
    <row r="392115" spans="8:8">
      <c r="H392115" s="12"/>
    </row>
    <row r="392116" spans="8:8">
      <c r="H392116" s="12"/>
    </row>
    <row r="392117" spans="8:8">
      <c r="H392117" s="12"/>
    </row>
    <row r="392118" spans="8:8">
      <c r="H392118" s="12"/>
    </row>
    <row r="392119" spans="8:8">
      <c r="H392119" s="12"/>
    </row>
    <row r="392120" spans="8:8">
      <c r="H392120" s="12"/>
    </row>
    <row r="392121" spans="8:8">
      <c r="H392121" s="12"/>
    </row>
    <row r="392122" spans="8:8">
      <c r="H392122" s="12"/>
    </row>
    <row r="392123" spans="8:8">
      <c r="H392123" s="12"/>
    </row>
    <row r="392124" spans="8:8">
      <c r="H392124" s="12"/>
    </row>
    <row r="392125" spans="8:8">
      <c r="H392125" s="12"/>
    </row>
    <row r="392126" spans="8:8">
      <c r="H392126" s="12"/>
    </row>
    <row r="392127" spans="8:8">
      <c r="H392127" s="12"/>
    </row>
    <row r="392128" spans="8:8">
      <c r="H392128" s="12"/>
    </row>
    <row r="392129" spans="8:8">
      <c r="H392129" s="12"/>
    </row>
    <row r="392130" spans="8:8">
      <c r="H392130" s="12"/>
    </row>
    <row r="392131" spans="8:8">
      <c r="H392131" s="12"/>
    </row>
    <row r="392132" spans="8:8">
      <c r="H392132" s="12"/>
    </row>
    <row r="392133" spans="8:8">
      <c r="H392133" s="12"/>
    </row>
    <row r="392134" spans="8:8">
      <c r="H392134" s="12"/>
    </row>
    <row r="392135" spans="8:8">
      <c r="H392135" s="12"/>
    </row>
    <row r="392136" spans="8:8">
      <c r="H392136" s="12"/>
    </row>
    <row r="392137" spans="8:8">
      <c r="H392137" s="12"/>
    </row>
    <row r="392138" spans="8:8">
      <c r="H392138" s="12"/>
    </row>
    <row r="392139" spans="8:8">
      <c r="H392139" s="12"/>
    </row>
    <row r="392140" spans="8:8">
      <c r="H392140" s="12"/>
    </row>
    <row r="392141" spans="8:8">
      <c r="H392141" s="12"/>
    </row>
    <row r="392142" spans="8:8">
      <c r="H392142" s="12"/>
    </row>
    <row r="392143" spans="8:8">
      <c r="H392143" s="12"/>
    </row>
    <row r="392144" spans="8:8">
      <c r="H392144" s="12"/>
    </row>
    <row r="392145" spans="8:8">
      <c r="H392145" s="12"/>
    </row>
    <row r="392146" spans="8:8">
      <c r="H392146" s="12"/>
    </row>
    <row r="392147" spans="8:8">
      <c r="H392147" s="12"/>
    </row>
    <row r="392148" spans="8:8">
      <c r="H392148" s="12"/>
    </row>
    <row r="392149" spans="8:8">
      <c r="H392149" s="12"/>
    </row>
    <row r="392150" spans="8:8">
      <c r="H392150" s="12"/>
    </row>
    <row r="392151" spans="8:8">
      <c r="H392151" s="12"/>
    </row>
    <row r="392152" spans="8:8">
      <c r="H392152" s="12"/>
    </row>
    <row r="392153" spans="8:8">
      <c r="H392153" s="12"/>
    </row>
    <row r="392154" spans="8:8">
      <c r="H392154" s="12"/>
    </row>
    <row r="392155" spans="8:8">
      <c r="H392155" s="12"/>
    </row>
    <row r="392156" spans="8:8">
      <c r="H392156" s="12"/>
    </row>
    <row r="392157" spans="8:8">
      <c r="H392157" s="12"/>
    </row>
    <row r="392158" spans="8:8">
      <c r="H392158" s="12"/>
    </row>
    <row r="392159" spans="8:8">
      <c r="H392159" s="12"/>
    </row>
    <row r="392160" spans="8:8">
      <c r="H392160" s="12"/>
    </row>
    <row r="392161" spans="8:8">
      <c r="H392161" s="12"/>
    </row>
    <row r="392162" spans="8:8">
      <c r="H392162" s="12"/>
    </row>
    <row r="392163" spans="8:8">
      <c r="H392163" s="12"/>
    </row>
    <row r="392164" spans="8:8">
      <c r="H392164" s="12"/>
    </row>
    <row r="392165" spans="8:8">
      <c r="H392165" s="12"/>
    </row>
    <row r="392166" spans="8:8">
      <c r="H392166" s="12"/>
    </row>
    <row r="392167" spans="8:8">
      <c r="H392167" s="12"/>
    </row>
    <row r="392168" spans="8:8">
      <c r="H392168" s="12"/>
    </row>
    <row r="392169" spans="8:8">
      <c r="H392169" s="12"/>
    </row>
    <row r="392170" spans="8:8">
      <c r="H392170" s="12"/>
    </row>
    <row r="392171" spans="8:8">
      <c r="H392171" s="12"/>
    </row>
    <row r="392172" spans="8:8">
      <c r="H392172" s="12"/>
    </row>
    <row r="392173" spans="8:8">
      <c r="H392173" s="12"/>
    </row>
    <row r="392174" spans="8:8">
      <c r="H392174" s="12"/>
    </row>
    <row r="392175" spans="8:8">
      <c r="H392175" s="12"/>
    </row>
    <row r="392176" spans="8:8">
      <c r="H392176" s="12"/>
    </row>
    <row r="392177" spans="8:8">
      <c r="H392177" s="12"/>
    </row>
    <row r="392178" spans="8:8">
      <c r="H392178" s="12"/>
    </row>
    <row r="392179" spans="8:8">
      <c r="H392179" s="12"/>
    </row>
    <row r="392180" spans="8:8">
      <c r="H392180" s="12"/>
    </row>
    <row r="392181" spans="8:8">
      <c r="H392181" s="12"/>
    </row>
    <row r="392182" spans="8:8">
      <c r="H392182" s="12"/>
    </row>
    <row r="392183" spans="8:8">
      <c r="H392183" s="12"/>
    </row>
    <row r="392184" spans="8:8">
      <c r="H392184" s="12"/>
    </row>
    <row r="392185" spans="8:8">
      <c r="H392185" s="12"/>
    </row>
    <row r="392186" spans="8:8">
      <c r="H392186" s="12"/>
    </row>
    <row r="392187" spans="8:8">
      <c r="H392187" s="12"/>
    </row>
    <row r="392188" spans="8:8">
      <c r="H392188" s="12"/>
    </row>
    <row r="392189" spans="8:8">
      <c r="H392189" s="12"/>
    </row>
    <row r="392190" spans="8:8">
      <c r="H392190" s="12"/>
    </row>
    <row r="392191" spans="8:8">
      <c r="H392191" s="12"/>
    </row>
    <row r="392192" spans="8:8">
      <c r="H392192" s="12"/>
    </row>
    <row r="392193" spans="8:8">
      <c r="H392193" s="12"/>
    </row>
    <row r="392194" spans="8:8">
      <c r="H392194" s="12"/>
    </row>
    <row r="392195" spans="8:8">
      <c r="H392195" s="12"/>
    </row>
    <row r="392196" spans="8:8">
      <c r="H392196" s="12"/>
    </row>
    <row r="392197" spans="8:8">
      <c r="H392197" s="12"/>
    </row>
    <row r="392198" spans="8:8">
      <c r="H392198" s="12"/>
    </row>
    <row r="392199" spans="8:8">
      <c r="H392199" s="12"/>
    </row>
    <row r="392200" spans="8:8">
      <c r="H392200" s="12"/>
    </row>
    <row r="392201" spans="8:8">
      <c r="H392201" s="12"/>
    </row>
    <row r="392202" spans="8:8">
      <c r="H392202" s="12"/>
    </row>
    <row r="392203" spans="8:8">
      <c r="H392203" s="12"/>
    </row>
    <row r="392204" spans="8:8">
      <c r="H392204" s="12"/>
    </row>
    <row r="392205" spans="8:8">
      <c r="H392205" s="12"/>
    </row>
    <row r="392206" spans="8:8">
      <c r="H392206" s="12"/>
    </row>
    <row r="392207" spans="8:8">
      <c r="H392207" s="12"/>
    </row>
    <row r="392208" spans="8:8">
      <c r="H392208" s="12"/>
    </row>
    <row r="392209" spans="8:8">
      <c r="H392209" s="12"/>
    </row>
    <row r="392210" spans="8:8">
      <c r="H392210" s="12"/>
    </row>
    <row r="392211" spans="8:8">
      <c r="H392211" s="12"/>
    </row>
    <row r="392212" spans="8:8">
      <c r="H392212" s="12"/>
    </row>
    <row r="392213" spans="8:8">
      <c r="H392213" s="12"/>
    </row>
    <row r="392214" spans="8:8">
      <c r="H392214" s="12"/>
    </row>
    <row r="392215" spans="8:8">
      <c r="H392215" s="12"/>
    </row>
    <row r="392216" spans="8:8">
      <c r="H392216" s="12"/>
    </row>
    <row r="392217" spans="8:8">
      <c r="H392217" s="12"/>
    </row>
    <row r="392218" spans="8:8">
      <c r="H392218" s="12"/>
    </row>
    <row r="392219" spans="8:8">
      <c r="H392219" s="12"/>
    </row>
    <row r="392220" spans="8:8">
      <c r="H392220" s="12"/>
    </row>
    <row r="392221" spans="8:8">
      <c r="H392221" s="12"/>
    </row>
    <row r="392222" spans="8:8">
      <c r="H392222" s="12"/>
    </row>
    <row r="392223" spans="8:8">
      <c r="H392223" s="12"/>
    </row>
    <row r="392224" spans="8:8">
      <c r="H392224" s="12"/>
    </row>
    <row r="392225" spans="8:8">
      <c r="H392225" s="12"/>
    </row>
    <row r="392226" spans="8:8">
      <c r="H392226" s="12"/>
    </row>
    <row r="392227" spans="8:8">
      <c r="H392227" s="12"/>
    </row>
    <row r="392228" spans="8:8">
      <c r="H392228" s="12"/>
    </row>
    <row r="392229" spans="8:8">
      <c r="H392229" s="12"/>
    </row>
    <row r="392230" spans="8:8">
      <c r="H392230" s="12"/>
    </row>
    <row r="392231" spans="8:8">
      <c r="H392231" s="12"/>
    </row>
    <row r="392232" spans="8:8">
      <c r="H392232" s="12"/>
    </row>
    <row r="392233" spans="8:8">
      <c r="H392233" s="12"/>
    </row>
    <row r="392234" spans="8:8">
      <c r="H392234" s="12"/>
    </row>
    <row r="392235" spans="8:8">
      <c r="H392235" s="12"/>
    </row>
    <row r="392236" spans="8:8">
      <c r="H392236" s="12"/>
    </row>
    <row r="392237" spans="8:8">
      <c r="H392237" s="12"/>
    </row>
    <row r="392238" spans="8:8">
      <c r="H392238" s="12"/>
    </row>
    <row r="392239" spans="8:8">
      <c r="H392239" s="12"/>
    </row>
    <row r="392240" spans="8:8">
      <c r="H392240" s="12"/>
    </row>
    <row r="392241" spans="8:8">
      <c r="H392241" s="12"/>
    </row>
    <row r="392242" spans="8:8">
      <c r="H392242" s="12"/>
    </row>
    <row r="392243" spans="8:8">
      <c r="H392243" s="12"/>
    </row>
    <row r="392244" spans="8:8">
      <c r="H392244" s="12"/>
    </row>
    <row r="392245" spans="8:8">
      <c r="H392245" s="12"/>
    </row>
    <row r="392246" spans="8:8">
      <c r="H392246" s="12"/>
    </row>
    <row r="392247" spans="8:8">
      <c r="H392247" s="12"/>
    </row>
    <row r="392248" spans="8:8">
      <c r="H392248" s="12"/>
    </row>
    <row r="392249" spans="8:8">
      <c r="H392249" s="12"/>
    </row>
    <row r="392250" spans="8:8">
      <c r="H392250" s="12"/>
    </row>
    <row r="392251" spans="8:8">
      <c r="H392251" s="12"/>
    </row>
    <row r="392252" spans="8:8">
      <c r="H392252" s="12"/>
    </row>
    <row r="392253" spans="8:8">
      <c r="H392253" s="12"/>
    </row>
    <row r="392254" spans="8:8">
      <c r="H392254" s="12"/>
    </row>
    <row r="392255" spans="8:8">
      <c r="H392255" s="12"/>
    </row>
    <row r="392256" spans="8:8">
      <c r="H392256" s="12"/>
    </row>
    <row r="392257" spans="8:8">
      <c r="H392257" s="12"/>
    </row>
    <row r="392258" spans="8:8">
      <c r="H392258" s="12"/>
    </row>
    <row r="392259" spans="8:8">
      <c r="H392259" s="12"/>
    </row>
    <row r="392260" spans="8:8">
      <c r="H392260" s="12"/>
    </row>
    <row r="392261" spans="8:8">
      <c r="H392261" s="12"/>
    </row>
    <row r="392262" spans="8:8">
      <c r="H392262" s="12"/>
    </row>
    <row r="392263" spans="8:8">
      <c r="H392263" s="12"/>
    </row>
    <row r="392264" spans="8:8">
      <c r="H392264" s="12"/>
    </row>
    <row r="392265" spans="8:8">
      <c r="H392265" s="12"/>
    </row>
    <row r="392266" spans="8:8">
      <c r="H392266" s="12"/>
    </row>
    <row r="392267" spans="8:8">
      <c r="H392267" s="12"/>
    </row>
    <row r="392268" spans="8:8">
      <c r="H392268" s="12"/>
    </row>
    <row r="392269" spans="8:8">
      <c r="H392269" s="12"/>
    </row>
    <row r="392270" spans="8:8">
      <c r="H392270" s="12"/>
    </row>
    <row r="392271" spans="8:8">
      <c r="H392271" s="12"/>
    </row>
    <row r="392272" spans="8:8">
      <c r="H392272" s="12"/>
    </row>
    <row r="392273" spans="8:8">
      <c r="H392273" s="12"/>
    </row>
    <row r="392274" spans="8:8">
      <c r="H392274" s="12"/>
    </row>
    <row r="392275" spans="8:8">
      <c r="H392275" s="12"/>
    </row>
    <row r="392276" spans="8:8">
      <c r="H392276" s="12"/>
    </row>
    <row r="392277" spans="8:8">
      <c r="H392277" s="12"/>
    </row>
    <row r="392278" spans="8:8">
      <c r="H392278" s="12"/>
    </row>
    <row r="392279" spans="8:8">
      <c r="H392279" s="12"/>
    </row>
    <row r="392280" spans="8:8">
      <c r="H392280" s="12"/>
    </row>
    <row r="392281" spans="8:8">
      <c r="H392281" s="12"/>
    </row>
    <row r="392282" spans="8:8">
      <c r="H392282" s="12"/>
    </row>
    <row r="392283" spans="8:8">
      <c r="H392283" s="12"/>
    </row>
    <row r="392284" spans="8:8">
      <c r="H392284" s="12"/>
    </row>
    <row r="392285" spans="8:8">
      <c r="H392285" s="12"/>
    </row>
    <row r="392286" spans="8:8">
      <c r="H392286" s="12"/>
    </row>
    <row r="392287" spans="8:8">
      <c r="H392287" s="12"/>
    </row>
    <row r="392288" spans="8:8">
      <c r="H392288" s="12"/>
    </row>
    <row r="392289" spans="8:8">
      <c r="H392289" s="12"/>
    </row>
    <row r="392290" spans="8:8">
      <c r="H392290" s="12"/>
    </row>
    <row r="392291" spans="8:8">
      <c r="H392291" s="12"/>
    </row>
    <row r="392292" spans="8:8">
      <c r="H392292" s="12"/>
    </row>
    <row r="392293" spans="8:8">
      <c r="H392293" s="12"/>
    </row>
    <row r="392294" spans="8:8">
      <c r="H392294" s="12"/>
    </row>
    <row r="392295" spans="8:8">
      <c r="H392295" s="12"/>
    </row>
    <row r="392296" spans="8:8">
      <c r="H392296" s="12"/>
    </row>
    <row r="392297" spans="8:8">
      <c r="H392297" s="12"/>
    </row>
    <row r="392298" spans="8:8">
      <c r="H392298" s="12"/>
    </row>
    <row r="392299" spans="8:8">
      <c r="H392299" s="12"/>
    </row>
    <row r="392300" spans="8:8">
      <c r="H392300" s="12"/>
    </row>
    <row r="392301" spans="8:8">
      <c r="H392301" s="12"/>
    </row>
    <row r="392302" spans="8:8">
      <c r="H392302" s="12"/>
    </row>
    <row r="392303" spans="8:8">
      <c r="H392303" s="12"/>
    </row>
    <row r="392304" spans="8:8">
      <c r="H392304" s="12"/>
    </row>
    <row r="392305" spans="8:8">
      <c r="H392305" s="12"/>
    </row>
    <row r="392306" spans="8:8">
      <c r="H392306" s="12"/>
    </row>
    <row r="392307" spans="8:8">
      <c r="H392307" s="12"/>
    </row>
    <row r="392308" spans="8:8">
      <c r="H392308" s="12"/>
    </row>
    <row r="392309" spans="8:8">
      <c r="H392309" s="12"/>
    </row>
    <row r="392310" spans="8:8">
      <c r="H392310" s="12"/>
    </row>
    <row r="392311" spans="8:8">
      <c r="H392311" s="12"/>
    </row>
    <row r="392312" spans="8:8">
      <c r="H392312" s="12"/>
    </row>
    <row r="392313" spans="8:8">
      <c r="H392313" s="12"/>
    </row>
    <row r="392314" spans="8:8">
      <c r="H392314" s="12"/>
    </row>
    <row r="392315" spans="8:8">
      <c r="H392315" s="12"/>
    </row>
    <row r="392316" spans="8:8">
      <c r="H392316" s="12"/>
    </row>
    <row r="392317" spans="8:8">
      <c r="H392317" s="12"/>
    </row>
    <row r="392318" spans="8:8">
      <c r="H392318" s="12"/>
    </row>
    <row r="392319" spans="8:8">
      <c r="H392319" s="12"/>
    </row>
    <row r="392320" spans="8:8">
      <c r="H392320" s="12"/>
    </row>
    <row r="392321" spans="8:8">
      <c r="H392321" s="12"/>
    </row>
    <row r="392322" spans="8:8">
      <c r="H392322" s="12"/>
    </row>
    <row r="392323" spans="8:8">
      <c r="H392323" s="12"/>
    </row>
    <row r="392324" spans="8:8">
      <c r="H392324" s="12"/>
    </row>
    <row r="392325" spans="8:8">
      <c r="H392325" s="12"/>
    </row>
    <row r="392326" spans="8:8">
      <c r="H392326" s="12"/>
    </row>
    <row r="392327" spans="8:8">
      <c r="H392327" s="12"/>
    </row>
    <row r="392328" spans="8:8">
      <c r="H392328" s="12"/>
    </row>
    <row r="392329" spans="8:8">
      <c r="H392329" s="12"/>
    </row>
    <row r="392330" spans="8:8">
      <c r="H392330" s="12"/>
    </row>
    <row r="392331" spans="8:8">
      <c r="H392331" s="12"/>
    </row>
    <row r="392332" spans="8:8">
      <c r="H392332" s="12"/>
    </row>
    <row r="392333" spans="8:8">
      <c r="H392333" s="12"/>
    </row>
    <row r="392334" spans="8:8">
      <c r="H392334" s="12"/>
    </row>
    <row r="392335" spans="8:8">
      <c r="H392335" s="12"/>
    </row>
    <row r="392336" spans="8:8">
      <c r="H392336" s="12"/>
    </row>
    <row r="392337" spans="8:8">
      <c r="H392337" s="12"/>
    </row>
    <row r="392338" spans="8:8">
      <c r="H392338" s="12"/>
    </row>
    <row r="392339" spans="8:8">
      <c r="H392339" s="12"/>
    </row>
    <row r="392340" spans="8:8">
      <c r="H392340" s="12"/>
    </row>
    <row r="392341" spans="8:8">
      <c r="H392341" s="12"/>
    </row>
    <row r="392342" spans="8:8">
      <c r="H392342" s="12"/>
    </row>
    <row r="392343" spans="8:8">
      <c r="H392343" s="12"/>
    </row>
    <row r="392344" spans="8:8">
      <c r="H392344" s="12"/>
    </row>
    <row r="392345" spans="8:8">
      <c r="H392345" s="12"/>
    </row>
    <row r="392346" spans="8:8">
      <c r="H392346" s="12"/>
    </row>
    <row r="392347" spans="8:8">
      <c r="H392347" s="12"/>
    </row>
    <row r="392348" spans="8:8">
      <c r="H392348" s="12"/>
    </row>
    <row r="392349" spans="8:8">
      <c r="H392349" s="12"/>
    </row>
    <row r="392350" spans="8:8">
      <c r="H392350" s="12"/>
    </row>
    <row r="392351" spans="8:8">
      <c r="H392351" s="12"/>
    </row>
    <row r="392352" spans="8:8">
      <c r="H392352" s="12"/>
    </row>
    <row r="392353" spans="8:8">
      <c r="H392353" s="12"/>
    </row>
    <row r="392354" spans="8:8">
      <c r="H392354" s="12"/>
    </row>
    <row r="392355" spans="8:8">
      <c r="H392355" s="12"/>
    </row>
    <row r="392356" spans="8:8">
      <c r="H392356" s="12"/>
    </row>
    <row r="392357" spans="8:8">
      <c r="H392357" s="12"/>
    </row>
    <row r="392358" spans="8:8">
      <c r="H392358" s="12"/>
    </row>
    <row r="392359" spans="8:8">
      <c r="H392359" s="12"/>
    </row>
    <row r="392360" spans="8:8">
      <c r="H392360" s="12"/>
    </row>
    <row r="392361" spans="8:8">
      <c r="H392361" s="12"/>
    </row>
    <row r="392362" spans="8:8">
      <c r="H392362" s="12"/>
    </row>
    <row r="392363" spans="8:8">
      <c r="H392363" s="12"/>
    </row>
    <row r="392364" spans="8:8">
      <c r="H392364" s="12"/>
    </row>
    <row r="392365" spans="8:8">
      <c r="H392365" s="12"/>
    </row>
    <row r="392366" spans="8:8">
      <c r="H392366" s="12"/>
    </row>
    <row r="392367" spans="8:8">
      <c r="H392367" s="12"/>
    </row>
    <row r="392368" spans="8:8">
      <c r="H392368" s="12"/>
    </row>
    <row r="392369" spans="8:8">
      <c r="H392369" s="12"/>
    </row>
    <row r="392370" spans="8:8">
      <c r="H392370" s="12"/>
    </row>
    <row r="392371" spans="8:8">
      <c r="H392371" s="12"/>
    </row>
    <row r="392372" spans="8:8">
      <c r="H392372" s="12"/>
    </row>
    <row r="392373" spans="8:8">
      <c r="H392373" s="12"/>
    </row>
    <row r="392374" spans="8:8">
      <c r="H392374" s="12"/>
    </row>
    <row r="392375" spans="8:8">
      <c r="H392375" s="12"/>
    </row>
    <row r="392376" spans="8:8">
      <c r="H392376" s="12"/>
    </row>
    <row r="392377" spans="8:8">
      <c r="H392377" s="12"/>
    </row>
    <row r="392378" spans="8:8">
      <c r="H392378" s="12"/>
    </row>
    <row r="392379" spans="8:8">
      <c r="H392379" s="12"/>
    </row>
    <row r="392380" spans="8:8">
      <c r="H392380" s="12"/>
    </row>
    <row r="392381" spans="8:8">
      <c r="H392381" s="12"/>
    </row>
    <row r="392382" spans="8:8">
      <c r="H392382" s="12"/>
    </row>
    <row r="392383" spans="8:8">
      <c r="H392383" s="12"/>
    </row>
    <row r="392384" spans="8:8">
      <c r="H392384" s="12"/>
    </row>
    <row r="392385" spans="8:8">
      <c r="H392385" s="12"/>
    </row>
    <row r="392386" spans="8:8">
      <c r="H392386" s="12"/>
    </row>
    <row r="392387" spans="8:8">
      <c r="H392387" s="12"/>
    </row>
    <row r="392388" spans="8:8">
      <c r="H392388" s="12"/>
    </row>
    <row r="392389" spans="8:8">
      <c r="H392389" s="12"/>
    </row>
    <row r="392390" spans="8:8">
      <c r="H392390" s="12"/>
    </row>
    <row r="392391" spans="8:8">
      <c r="H392391" s="12"/>
    </row>
    <row r="392392" spans="8:8">
      <c r="H392392" s="12"/>
    </row>
    <row r="392393" spans="8:8">
      <c r="H392393" s="12"/>
    </row>
    <row r="392394" spans="8:8">
      <c r="H392394" s="12"/>
    </row>
    <row r="392395" spans="8:8">
      <c r="H392395" s="12"/>
    </row>
    <row r="392396" spans="8:8">
      <c r="H392396" s="12"/>
    </row>
    <row r="392397" spans="8:8">
      <c r="H392397" s="12"/>
    </row>
    <row r="392398" spans="8:8">
      <c r="H392398" s="12"/>
    </row>
    <row r="392399" spans="8:8">
      <c r="H392399" s="12"/>
    </row>
    <row r="392400" spans="8:8">
      <c r="H392400" s="12"/>
    </row>
    <row r="392401" spans="8:8">
      <c r="H392401" s="12"/>
    </row>
    <row r="392402" spans="8:8">
      <c r="H392402" s="12"/>
    </row>
    <row r="392403" spans="8:8">
      <c r="H392403" s="12"/>
    </row>
    <row r="392404" spans="8:8">
      <c r="H392404" s="12"/>
    </row>
    <row r="392405" spans="8:8">
      <c r="H392405" s="12"/>
    </row>
    <row r="392406" spans="8:8">
      <c r="H392406" s="12"/>
    </row>
    <row r="392407" spans="8:8">
      <c r="H392407" s="12"/>
    </row>
    <row r="392408" spans="8:8">
      <c r="H392408" s="12"/>
    </row>
    <row r="392409" spans="8:8">
      <c r="H392409" s="12"/>
    </row>
    <row r="392410" spans="8:8">
      <c r="H392410" s="12"/>
    </row>
    <row r="392411" spans="8:8">
      <c r="H392411" s="12"/>
    </row>
    <row r="392412" spans="8:8">
      <c r="H392412" s="12"/>
    </row>
    <row r="392413" spans="8:8">
      <c r="H392413" s="12"/>
    </row>
    <row r="392414" spans="8:8">
      <c r="H392414" s="12"/>
    </row>
    <row r="392415" spans="8:8">
      <c r="H392415" s="12"/>
    </row>
    <row r="392416" spans="8:8">
      <c r="H392416" s="12"/>
    </row>
    <row r="392417" spans="8:8">
      <c r="H392417" s="12"/>
    </row>
    <row r="392418" spans="8:8">
      <c r="H392418" s="12"/>
    </row>
    <row r="392419" spans="8:8">
      <c r="H392419" s="12"/>
    </row>
    <row r="392420" spans="8:8">
      <c r="H392420" s="12"/>
    </row>
    <row r="392421" spans="8:8">
      <c r="H392421" s="12"/>
    </row>
    <row r="392422" spans="8:8">
      <c r="H392422" s="12"/>
    </row>
    <row r="392423" spans="8:8">
      <c r="H392423" s="12"/>
    </row>
    <row r="392424" spans="8:8">
      <c r="H392424" s="12"/>
    </row>
    <row r="392425" spans="8:8">
      <c r="H392425" s="12"/>
    </row>
    <row r="392426" spans="8:8">
      <c r="H392426" s="12"/>
    </row>
    <row r="392427" spans="8:8">
      <c r="H392427" s="12"/>
    </row>
    <row r="392428" spans="8:8">
      <c r="H392428" s="12"/>
    </row>
    <row r="392429" spans="8:8">
      <c r="H392429" s="12"/>
    </row>
    <row r="392430" spans="8:8">
      <c r="H392430" s="12"/>
    </row>
    <row r="392431" spans="8:8">
      <c r="H392431" s="12"/>
    </row>
    <row r="392432" spans="8:8">
      <c r="H392432" s="12"/>
    </row>
    <row r="392433" spans="8:8">
      <c r="H392433" s="12"/>
    </row>
    <row r="392434" spans="8:8">
      <c r="H392434" s="12"/>
    </row>
    <row r="392435" spans="8:8">
      <c r="H392435" s="12"/>
    </row>
    <row r="392436" spans="8:8">
      <c r="H392436" s="12"/>
    </row>
    <row r="392437" spans="8:8">
      <c r="H392437" s="12"/>
    </row>
    <row r="392438" spans="8:8">
      <c r="H392438" s="12"/>
    </row>
    <row r="392439" spans="8:8">
      <c r="H392439" s="12"/>
    </row>
    <row r="392440" spans="8:8">
      <c r="H392440" s="12"/>
    </row>
    <row r="392441" spans="8:8">
      <c r="H392441" s="12"/>
    </row>
    <row r="392442" spans="8:8">
      <c r="H392442" s="12"/>
    </row>
    <row r="392443" spans="8:8">
      <c r="H392443" s="12"/>
    </row>
    <row r="392444" spans="8:8">
      <c r="H392444" s="12"/>
    </row>
    <row r="392445" spans="8:8">
      <c r="H392445" s="12"/>
    </row>
    <row r="392446" spans="8:8">
      <c r="H392446" s="12"/>
    </row>
    <row r="392447" spans="8:8">
      <c r="H392447" s="12"/>
    </row>
    <row r="392448" spans="8:8">
      <c r="H392448" s="12"/>
    </row>
    <row r="392449" spans="8:8">
      <c r="H392449" s="12"/>
    </row>
    <row r="392450" spans="8:8">
      <c r="H392450" s="12"/>
    </row>
    <row r="392451" spans="8:8">
      <c r="H392451" s="12"/>
    </row>
    <row r="392452" spans="8:8">
      <c r="H392452" s="12"/>
    </row>
    <row r="392453" spans="8:8">
      <c r="H392453" s="12"/>
    </row>
    <row r="392454" spans="8:8">
      <c r="H392454" s="12"/>
    </row>
    <row r="392455" spans="8:8">
      <c r="H392455" s="12"/>
    </row>
    <row r="392456" spans="8:8">
      <c r="H392456" s="12"/>
    </row>
    <row r="392457" spans="8:8">
      <c r="H392457" s="12"/>
    </row>
    <row r="392458" spans="8:8">
      <c r="H392458" s="12"/>
    </row>
    <row r="392459" spans="8:8">
      <c r="H392459" s="12"/>
    </row>
    <row r="392460" spans="8:8">
      <c r="H392460" s="12"/>
    </row>
    <row r="392461" spans="8:8">
      <c r="H392461" s="12"/>
    </row>
    <row r="392462" spans="8:8">
      <c r="H392462" s="12"/>
    </row>
    <row r="392463" spans="8:8">
      <c r="H392463" s="12"/>
    </row>
    <row r="392464" spans="8:8">
      <c r="H392464" s="12"/>
    </row>
    <row r="392465" spans="8:8">
      <c r="H392465" s="12"/>
    </row>
    <row r="392466" spans="8:8">
      <c r="H392466" s="12"/>
    </row>
    <row r="392467" spans="8:8">
      <c r="H392467" s="12"/>
    </row>
    <row r="392468" spans="8:8">
      <c r="H392468" s="12"/>
    </row>
    <row r="392469" spans="8:8">
      <c r="H392469" s="12"/>
    </row>
    <row r="392470" spans="8:8">
      <c r="H392470" s="12"/>
    </row>
    <row r="392471" spans="8:8">
      <c r="H392471" s="12"/>
    </row>
    <row r="392472" spans="8:8">
      <c r="H392472" s="12"/>
    </row>
    <row r="392473" spans="8:8">
      <c r="H392473" s="12"/>
    </row>
    <row r="392474" spans="8:8">
      <c r="H392474" s="12"/>
    </row>
    <row r="392475" spans="8:8">
      <c r="H392475" s="12"/>
    </row>
    <row r="392476" spans="8:8">
      <c r="H392476" s="12"/>
    </row>
    <row r="392477" spans="8:8">
      <c r="H392477" s="12"/>
    </row>
    <row r="392478" spans="8:8">
      <c r="H392478" s="12"/>
    </row>
    <row r="392479" spans="8:8">
      <c r="H392479" s="12"/>
    </row>
    <row r="392480" spans="8:8">
      <c r="H392480" s="12"/>
    </row>
    <row r="392481" spans="8:8">
      <c r="H392481" s="12"/>
    </row>
    <row r="392482" spans="8:8">
      <c r="H392482" s="12"/>
    </row>
    <row r="392483" spans="8:8">
      <c r="H392483" s="12"/>
    </row>
    <row r="392484" spans="8:8">
      <c r="H392484" s="12"/>
    </row>
    <row r="392485" spans="8:8">
      <c r="H392485" s="12"/>
    </row>
    <row r="392486" spans="8:8">
      <c r="H392486" s="12"/>
    </row>
    <row r="392487" spans="8:8">
      <c r="H392487" s="12"/>
    </row>
    <row r="392488" spans="8:8">
      <c r="H392488" s="12"/>
    </row>
    <row r="392489" spans="8:8">
      <c r="H392489" s="12"/>
    </row>
    <row r="392490" spans="8:8">
      <c r="H392490" s="12"/>
    </row>
    <row r="392491" spans="8:8">
      <c r="H392491" s="12"/>
    </row>
    <row r="392492" spans="8:8">
      <c r="H392492" s="12"/>
    </row>
    <row r="392493" spans="8:8">
      <c r="H392493" s="12"/>
    </row>
    <row r="392494" spans="8:8">
      <c r="H392494" s="12"/>
    </row>
    <row r="392495" spans="8:8">
      <c r="H392495" s="12"/>
    </row>
    <row r="392496" spans="8:8">
      <c r="H392496" s="12"/>
    </row>
    <row r="392497" spans="8:8">
      <c r="H392497" s="12"/>
    </row>
    <row r="392498" spans="8:8">
      <c r="H392498" s="12"/>
    </row>
    <row r="392499" spans="8:8">
      <c r="H392499" s="12"/>
    </row>
    <row r="392500" spans="8:8">
      <c r="H392500" s="12"/>
    </row>
    <row r="392501" spans="8:8">
      <c r="H392501" s="12"/>
    </row>
    <row r="392502" spans="8:8">
      <c r="H392502" s="12"/>
    </row>
    <row r="392503" spans="8:8">
      <c r="H392503" s="12"/>
    </row>
    <row r="392504" spans="8:8">
      <c r="H392504" s="12"/>
    </row>
    <row r="392505" spans="8:8">
      <c r="H392505" s="12"/>
    </row>
    <row r="392506" spans="8:8">
      <c r="H392506" s="12"/>
    </row>
    <row r="392507" spans="8:8">
      <c r="H392507" s="12"/>
    </row>
    <row r="392508" spans="8:8">
      <c r="H392508" s="12"/>
    </row>
    <row r="392509" spans="8:8">
      <c r="H392509" s="12"/>
    </row>
    <row r="392510" spans="8:8">
      <c r="H392510" s="12"/>
    </row>
    <row r="392511" spans="8:8">
      <c r="H392511" s="12"/>
    </row>
    <row r="392512" spans="8:8">
      <c r="H392512" s="12"/>
    </row>
    <row r="392513" spans="8:8">
      <c r="H392513" s="12"/>
    </row>
    <row r="392514" spans="8:8">
      <c r="H392514" s="12"/>
    </row>
    <row r="392515" spans="8:8">
      <c r="H392515" s="12"/>
    </row>
    <row r="392516" spans="8:8">
      <c r="H392516" s="12"/>
    </row>
    <row r="392517" spans="8:8">
      <c r="H392517" s="12"/>
    </row>
    <row r="392518" spans="8:8">
      <c r="H392518" s="12"/>
    </row>
    <row r="392519" spans="8:8">
      <c r="H392519" s="12"/>
    </row>
    <row r="392520" spans="8:8">
      <c r="H392520" s="12"/>
    </row>
    <row r="392521" spans="8:8">
      <c r="H392521" s="12"/>
    </row>
    <row r="392522" spans="8:8">
      <c r="H392522" s="12"/>
    </row>
    <row r="392523" spans="8:8">
      <c r="H392523" s="12"/>
    </row>
    <row r="392524" spans="8:8">
      <c r="H392524" s="12"/>
    </row>
    <row r="392525" spans="8:8">
      <c r="H392525" s="12"/>
    </row>
    <row r="392526" spans="8:8">
      <c r="H392526" s="12"/>
    </row>
    <row r="392527" spans="8:8">
      <c r="H392527" s="12"/>
    </row>
    <row r="392528" spans="8:8">
      <c r="H392528" s="12"/>
    </row>
    <row r="392529" spans="8:8">
      <c r="H392529" s="12"/>
    </row>
    <row r="392530" spans="8:8">
      <c r="H392530" s="12"/>
    </row>
    <row r="392531" spans="8:8">
      <c r="H392531" s="12"/>
    </row>
    <row r="392532" spans="8:8">
      <c r="H392532" s="12"/>
    </row>
    <row r="392533" spans="8:8">
      <c r="H392533" s="12"/>
    </row>
    <row r="392534" spans="8:8">
      <c r="H392534" s="12"/>
    </row>
    <row r="392535" spans="8:8">
      <c r="H392535" s="12"/>
    </row>
    <row r="392536" spans="8:8">
      <c r="H392536" s="12"/>
    </row>
    <row r="392537" spans="8:8">
      <c r="H392537" s="12"/>
    </row>
    <row r="392538" spans="8:8">
      <c r="H392538" s="12"/>
    </row>
    <row r="392539" spans="8:8">
      <c r="H392539" s="12"/>
    </row>
    <row r="392540" spans="8:8">
      <c r="H392540" s="12"/>
    </row>
    <row r="392541" spans="8:8">
      <c r="H392541" s="12"/>
    </row>
    <row r="392542" spans="8:8">
      <c r="H392542" s="12"/>
    </row>
    <row r="392543" spans="8:8">
      <c r="H392543" s="12"/>
    </row>
    <row r="392544" spans="8:8">
      <c r="H392544" s="12"/>
    </row>
    <row r="392545" spans="8:8">
      <c r="H392545" s="12"/>
    </row>
    <row r="392546" spans="8:8">
      <c r="H392546" s="12"/>
    </row>
    <row r="392547" spans="8:8">
      <c r="H392547" s="12"/>
    </row>
    <row r="392548" spans="8:8">
      <c r="H392548" s="12"/>
    </row>
    <row r="392549" spans="8:8">
      <c r="H392549" s="12"/>
    </row>
    <row r="392550" spans="8:8">
      <c r="H392550" s="12"/>
    </row>
    <row r="392551" spans="8:8">
      <c r="H392551" s="12"/>
    </row>
    <row r="392552" spans="8:8">
      <c r="H392552" s="12"/>
    </row>
    <row r="392553" spans="8:8">
      <c r="H392553" s="12"/>
    </row>
    <row r="392554" spans="8:8">
      <c r="H392554" s="12"/>
    </row>
    <row r="392555" spans="8:8">
      <c r="H392555" s="12"/>
    </row>
    <row r="392556" spans="8:8">
      <c r="H392556" s="12"/>
    </row>
    <row r="392557" spans="8:8">
      <c r="H392557" s="12"/>
    </row>
    <row r="392558" spans="8:8">
      <c r="H392558" s="12"/>
    </row>
    <row r="392559" spans="8:8">
      <c r="H392559" s="12"/>
    </row>
    <row r="392560" spans="8:8">
      <c r="H392560" s="12"/>
    </row>
    <row r="392561" spans="8:8">
      <c r="H392561" s="12"/>
    </row>
    <row r="392562" spans="8:8">
      <c r="H392562" s="12"/>
    </row>
    <row r="392563" spans="8:8">
      <c r="H392563" s="12"/>
    </row>
    <row r="392564" spans="8:8">
      <c r="H392564" s="12"/>
    </row>
    <row r="392565" spans="8:8">
      <c r="H392565" s="12"/>
    </row>
    <row r="392566" spans="8:8">
      <c r="H392566" s="12"/>
    </row>
    <row r="392567" spans="8:8">
      <c r="H392567" s="12"/>
    </row>
    <row r="392568" spans="8:8">
      <c r="H392568" s="12"/>
    </row>
    <row r="392569" spans="8:8">
      <c r="H392569" s="12"/>
    </row>
    <row r="392570" spans="8:8">
      <c r="H392570" s="12"/>
    </row>
    <row r="392571" spans="8:8">
      <c r="H392571" s="12"/>
    </row>
    <row r="392572" spans="8:8">
      <c r="H392572" s="12"/>
    </row>
    <row r="392573" spans="8:8">
      <c r="H392573" s="12"/>
    </row>
    <row r="392574" spans="8:8">
      <c r="H392574" s="12"/>
    </row>
    <row r="392575" spans="8:8">
      <c r="H392575" s="12"/>
    </row>
    <row r="392576" spans="8:8">
      <c r="H392576" s="12"/>
    </row>
    <row r="392577" spans="8:8">
      <c r="H392577" s="12"/>
    </row>
    <row r="392578" spans="8:8">
      <c r="H392578" s="12"/>
    </row>
    <row r="392579" spans="8:8">
      <c r="H392579" s="12"/>
    </row>
    <row r="392580" spans="8:8">
      <c r="H392580" s="12"/>
    </row>
    <row r="392581" spans="8:8">
      <c r="H392581" s="12"/>
    </row>
    <row r="392582" spans="8:8">
      <c r="H392582" s="12"/>
    </row>
    <row r="392583" spans="8:8">
      <c r="H392583" s="12"/>
    </row>
    <row r="392584" spans="8:8">
      <c r="H392584" s="12"/>
    </row>
    <row r="392585" spans="8:8">
      <c r="H392585" s="12"/>
    </row>
    <row r="392586" spans="8:8">
      <c r="H392586" s="12"/>
    </row>
    <row r="392587" spans="8:8">
      <c r="H392587" s="12"/>
    </row>
    <row r="392588" spans="8:8">
      <c r="H392588" s="12"/>
    </row>
    <row r="392589" spans="8:8">
      <c r="H392589" s="12"/>
    </row>
    <row r="392590" spans="8:8">
      <c r="H392590" s="12"/>
    </row>
    <row r="392591" spans="8:8">
      <c r="H392591" s="12"/>
    </row>
    <row r="392592" spans="8:8">
      <c r="H392592" s="12"/>
    </row>
    <row r="392593" spans="8:8">
      <c r="H392593" s="12"/>
    </row>
    <row r="392594" spans="8:8">
      <c r="H392594" s="12"/>
    </row>
    <row r="392595" spans="8:8">
      <c r="H392595" s="12"/>
    </row>
    <row r="392596" spans="8:8">
      <c r="H392596" s="12"/>
    </row>
    <row r="392597" spans="8:8">
      <c r="H392597" s="12"/>
    </row>
    <row r="392598" spans="8:8">
      <c r="H392598" s="12"/>
    </row>
    <row r="392599" spans="8:8">
      <c r="H392599" s="12"/>
    </row>
    <row r="392600" spans="8:8">
      <c r="H392600" s="12"/>
    </row>
    <row r="392601" spans="8:8">
      <c r="H392601" s="12"/>
    </row>
    <row r="392602" spans="8:8">
      <c r="H392602" s="12"/>
    </row>
    <row r="392603" spans="8:8">
      <c r="H392603" s="12"/>
    </row>
    <row r="392604" spans="8:8">
      <c r="H392604" s="12"/>
    </row>
    <row r="392605" spans="8:8">
      <c r="H392605" s="12"/>
    </row>
    <row r="392606" spans="8:8">
      <c r="H392606" s="12"/>
    </row>
    <row r="392607" spans="8:8">
      <c r="H392607" s="12"/>
    </row>
    <row r="392608" spans="8:8">
      <c r="H392608" s="12"/>
    </row>
    <row r="392609" spans="8:8">
      <c r="H392609" s="12"/>
    </row>
    <row r="392610" spans="8:8">
      <c r="H392610" s="12"/>
    </row>
    <row r="392611" spans="8:8">
      <c r="H392611" s="12"/>
    </row>
    <row r="392612" spans="8:8">
      <c r="H392612" s="12"/>
    </row>
    <row r="392613" spans="8:8">
      <c r="H392613" s="12"/>
    </row>
    <row r="392614" spans="8:8">
      <c r="H392614" s="12"/>
    </row>
    <row r="392615" spans="8:8">
      <c r="H392615" s="12"/>
    </row>
    <row r="392616" spans="8:8">
      <c r="H392616" s="12"/>
    </row>
    <row r="392617" spans="8:8">
      <c r="H392617" s="12"/>
    </row>
    <row r="392618" spans="8:8">
      <c r="H392618" s="12"/>
    </row>
    <row r="392619" spans="8:8">
      <c r="H392619" s="12"/>
    </row>
    <row r="392620" spans="8:8">
      <c r="H392620" s="12"/>
    </row>
    <row r="392621" spans="8:8">
      <c r="H392621" s="12"/>
    </row>
    <row r="392622" spans="8:8">
      <c r="H392622" s="12"/>
    </row>
    <row r="392623" spans="8:8">
      <c r="H392623" s="12"/>
    </row>
    <row r="392624" spans="8:8">
      <c r="H392624" s="12"/>
    </row>
    <row r="392625" spans="8:8">
      <c r="H392625" s="12"/>
    </row>
    <row r="392626" spans="8:8">
      <c r="H392626" s="12"/>
    </row>
    <row r="392627" spans="8:8">
      <c r="H392627" s="12"/>
    </row>
    <row r="392628" spans="8:8">
      <c r="H392628" s="12"/>
    </row>
    <row r="392629" spans="8:8">
      <c r="H392629" s="12"/>
    </row>
    <row r="392630" spans="8:8">
      <c r="H392630" s="12"/>
    </row>
    <row r="392631" spans="8:8">
      <c r="H392631" s="12"/>
    </row>
    <row r="392632" spans="8:8">
      <c r="H392632" s="12"/>
    </row>
    <row r="392633" spans="8:8">
      <c r="H392633" s="12"/>
    </row>
    <row r="392634" spans="8:8">
      <c r="H392634" s="12"/>
    </row>
    <row r="392635" spans="8:8">
      <c r="H392635" s="12"/>
    </row>
    <row r="392636" spans="8:8">
      <c r="H392636" s="12"/>
    </row>
    <row r="392637" spans="8:8">
      <c r="H392637" s="12"/>
    </row>
    <row r="392638" spans="8:8">
      <c r="H392638" s="12"/>
    </row>
    <row r="392639" spans="8:8">
      <c r="H392639" s="12"/>
    </row>
    <row r="392640" spans="8:8">
      <c r="H392640" s="12"/>
    </row>
    <row r="392641" spans="8:8">
      <c r="H392641" s="12"/>
    </row>
    <row r="392642" spans="8:8">
      <c r="H392642" s="12"/>
    </row>
    <row r="392643" spans="8:8">
      <c r="H392643" s="12"/>
    </row>
    <row r="392644" spans="8:8">
      <c r="H392644" s="12"/>
    </row>
    <row r="392645" spans="8:8">
      <c r="H392645" s="12"/>
    </row>
    <row r="392646" spans="8:8">
      <c r="H392646" s="12"/>
    </row>
    <row r="392647" spans="8:8">
      <c r="H392647" s="12"/>
    </row>
    <row r="392648" spans="8:8">
      <c r="H392648" s="12"/>
    </row>
    <row r="392649" spans="8:8">
      <c r="H392649" s="12"/>
    </row>
    <row r="392650" spans="8:8">
      <c r="H392650" s="12"/>
    </row>
    <row r="392651" spans="8:8">
      <c r="H392651" s="12"/>
    </row>
    <row r="392652" spans="8:8">
      <c r="H392652" s="12"/>
    </row>
    <row r="392653" spans="8:8">
      <c r="H392653" s="12"/>
    </row>
    <row r="392654" spans="8:8">
      <c r="H392654" s="12"/>
    </row>
    <row r="392655" spans="8:8">
      <c r="H392655" s="12"/>
    </row>
    <row r="392656" spans="8:8">
      <c r="H392656" s="12"/>
    </row>
    <row r="392657" spans="8:8">
      <c r="H392657" s="12"/>
    </row>
    <row r="392658" spans="8:8">
      <c r="H392658" s="12"/>
    </row>
    <row r="392659" spans="8:8">
      <c r="H392659" s="12"/>
    </row>
    <row r="392660" spans="8:8">
      <c r="H392660" s="12"/>
    </row>
    <row r="392661" spans="8:8">
      <c r="H392661" s="12"/>
    </row>
    <row r="392662" spans="8:8">
      <c r="H392662" s="12"/>
    </row>
    <row r="392663" spans="8:8">
      <c r="H392663" s="12"/>
    </row>
    <row r="392664" spans="8:8">
      <c r="H392664" s="12"/>
    </row>
    <row r="392665" spans="8:8">
      <c r="H392665" s="12"/>
    </row>
    <row r="392666" spans="8:8">
      <c r="H392666" s="12"/>
    </row>
    <row r="392667" spans="8:8">
      <c r="H392667" s="12"/>
    </row>
    <row r="392668" spans="8:8">
      <c r="H392668" s="12"/>
    </row>
    <row r="392669" spans="8:8">
      <c r="H392669" s="12"/>
    </row>
    <row r="392670" spans="8:8">
      <c r="H392670" s="12"/>
    </row>
    <row r="392671" spans="8:8">
      <c r="H392671" s="12"/>
    </row>
    <row r="392672" spans="8:8">
      <c r="H392672" s="12"/>
    </row>
    <row r="392673" spans="8:8">
      <c r="H392673" s="12"/>
    </row>
    <row r="392674" spans="8:8">
      <c r="H392674" s="12"/>
    </row>
    <row r="392675" spans="8:8">
      <c r="H392675" s="12"/>
    </row>
    <row r="392676" spans="8:8">
      <c r="H392676" s="12"/>
    </row>
    <row r="392677" spans="8:8">
      <c r="H392677" s="12"/>
    </row>
    <row r="392678" spans="8:8">
      <c r="H392678" s="12"/>
    </row>
    <row r="392679" spans="8:8">
      <c r="H392679" s="12"/>
    </row>
    <row r="392680" spans="8:8">
      <c r="H392680" s="12"/>
    </row>
    <row r="392681" spans="8:8">
      <c r="H392681" s="12"/>
    </row>
    <row r="392682" spans="8:8">
      <c r="H392682" s="12"/>
    </row>
    <row r="392683" spans="8:8">
      <c r="H392683" s="12"/>
    </row>
    <row r="392684" spans="8:8">
      <c r="H392684" s="12"/>
    </row>
    <row r="392685" spans="8:8">
      <c r="H392685" s="12"/>
    </row>
    <row r="392686" spans="8:8">
      <c r="H392686" s="12"/>
    </row>
    <row r="392687" spans="8:8">
      <c r="H392687" s="12"/>
    </row>
    <row r="392688" spans="8:8">
      <c r="H392688" s="12"/>
    </row>
    <row r="392689" spans="8:8">
      <c r="H392689" s="12"/>
    </row>
    <row r="392690" spans="8:8">
      <c r="H392690" s="12"/>
    </row>
    <row r="392691" spans="8:8">
      <c r="H392691" s="12"/>
    </row>
    <row r="392692" spans="8:8">
      <c r="H392692" s="12"/>
    </row>
    <row r="392693" spans="8:8">
      <c r="H392693" s="12"/>
    </row>
    <row r="392694" spans="8:8">
      <c r="H392694" s="12"/>
    </row>
    <row r="392695" spans="8:8">
      <c r="H392695" s="12"/>
    </row>
    <row r="392696" spans="8:8">
      <c r="H392696" s="12"/>
    </row>
    <row r="392697" spans="8:8">
      <c r="H392697" s="12"/>
    </row>
    <row r="392698" spans="8:8">
      <c r="H392698" s="12"/>
    </row>
    <row r="392699" spans="8:8">
      <c r="H392699" s="12"/>
    </row>
    <row r="392700" spans="8:8">
      <c r="H392700" s="12"/>
    </row>
    <row r="392701" spans="8:8">
      <c r="H392701" s="12"/>
    </row>
    <row r="392702" spans="8:8">
      <c r="H392702" s="12"/>
    </row>
    <row r="392703" spans="8:8">
      <c r="H392703" s="12"/>
    </row>
    <row r="392704" spans="8:8">
      <c r="H392704" s="12"/>
    </row>
    <row r="392705" spans="8:8">
      <c r="H392705" s="12"/>
    </row>
    <row r="392706" spans="8:8">
      <c r="H392706" s="12"/>
    </row>
    <row r="392707" spans="8:8">
      <c r="H392707" s="12"/>
    </row>
    <row r="392708" spans="8:8">
      <c r="H392708" s="12"/>
    </row>
    <row r="392709" spans="8:8">
      <c r="H392709" s="12"/>
    </row>
    <row r="392710" spans="8:8">
      <c r="H392710" s="12"/>
    </row>
    <row r="392711" spans="8:8">
      <c r="H392711" s="12"/>
    </row>
    <row r="392712" spans="8:8">
      <c r="H392712" s="12"/>
    </row>
    <row r="392713" spans="8:8">
      <c r="H392713" s="12"/>
    </row>
    <row r="392714" spans="8:8">
      <c r="H392714" s="12"/>
    </row>
    <row r="392715" spans="8:8">
      <c r="H392715" s="12"/>
    </row>
    <row r="392716" spans="8:8">
      <c r="H392716" s="12"/>
    </row>
    <row r="392717" spans="8:8">
      <c r="H392717" s="12"/>
    </row>
    <row r="392718" spans="8:8">
      <c r="H392718" s="12"/>
    </row>
    <row r="392719" spans="8:8">
      <c r="H392719" s="12"/>
    </row>
    <row r="392720" spans="8:8">
      <c r="H392720" s="12"/>
    </row>
    <row r="392721" spans="8:8">
      <c r="H392721" s="12"/>
    </row>
    <row r="392722" spans="8:8">
      <c r="H392722" s="12"/>
    </row>
    <row r="392723" spans="8:8">
      <c r="H392723" s="12"/>
    </row>
    <row r="392724" spans="8:8">
      <c r="H392724" s="12"/>
    </row>
    <row r="392725" spans="8:8">
      <c r="H392725" s="12"/>
    </row>
    <row r="392726" spans="8:8">
      <c r="H392726" s="12"/>
    </row>
    <row r="392727" spans="8:8">
      <c r="H392727" s="12"/>
    </row>
    <row r="392728" spans="8:8">
      <c r="H392728" s="12"/>
    </row>
    <row r="392729" spans="8:8">
      <c r="H392729" s="12"/>
    </row>
    <row r="392730" spans="8:8">
      <c r="H392730" s="12"/>
    </row>
    <row r="392731" spans="8:8">
      <c r="H392731" s="12"/>
    </row>
    <row r="392732" spans="8:8">
      <c r="H392732" s="12"/>
    </row>
    <row r="392733" spans="8:8">
      <c r="H392733" s="12"/>
    </row>
    <row r="392734" spans="8:8">
      <c r="H392734" s="12"/>
    </row>
    <row r="392735" spans="8:8">
      <c r="H392735" s="12"/>
    </row>
    <row r="392736" spans="8:8">
      <c r="H392736" s="12"/>
    </row>
    <row r="392737" spans="8:8">
      <c r="H392737" s="12"/>
    </row>
    <row r="392738" spans="8:8">
      <c r="H392738" s="12"/>
    </row>
    <row r="392739" spans="8:8">
      <c r="H392739" s="12"/>
    </row>
    <row r="392740" spans="8:8">
      <c r="H392740" s="12"/>
    </row>
    <row r="392741" spans="8:8">
      <c r="H392741" s="12"/>
    </row>
    <row r="392742" spans="8:8">
      <c r="H392742" s="12"/>
    </row>
    <row r="392743" spans="8:8">
      <c r="H392743" s="12"/>
    </row>
    <row r="392744" spans="8:8">
      <c r="H392744" s="12"/>
    </row>
    <row r="392745" spans="8:8">
      <c r="H392745" s="12"/>
    </row>
    <row r="392746" spans="8:8">
      <c r="H392746" s="12"/>
    </row>
    <row r="392747" spans="8:8">
      <c r="H392747" s="12"/>
    </row>
    <row r="392748" spans="8:8">
      <c r="H392748" s="12"/>
    </row>
    <row r="392749" spans="8:8">
      <c r="H392749" s="12"/>
    </row>
    <row r="392750" spans="8:8">
      <c r="H392750" s="12"/>
    </row>
    <row r="392751" spans="8:8">
      <c r="H392751" s="12"/>
    </row>
    <row r="392752" spans="8:8">
      <c r="H392752" s="12"/>
    </row>
    <row r="392753" spans="8:8">
      <c r="H392753" s="12"/>
    </row>
    <row r="392754" spans="8:8">
      <c r="H392754" s="12"/>
    </row>
    <row r="392755" spans="8:8">
      <c r="H392755" s="12"/>
    </row>
    <row r="392756" spans="8:8">
      <c r="H392756" s="12"/>
    </row>
    <row r="392757" spans="8:8">
      <c r="H392757" s="12"/>
    </row>
    <row r="392758" spans="8:8">
      <c r="H392758" s="12"/>
    </row>
    <row r="392759" spans="8:8">
      <c r="H392759" s="12"/>
    </row>
    <row r="392760" spans="8:8">
      <c r="H392760" s="12"/>
    </row>
    <row r="392761" spans="8:8">
      <c r="H392761" s="12"/>
    </row>
    <row r="392762" spans="8:8">
      <c r="H392762" s="12"/>
    </row>
    <row r="392763" spans="8:8">
      <c r="H392763" s="12"/>
    </row>
    <row r="392764" spans="8:8">
      <c r="H392764" s="12"/>
    </row>
    <row r="392765" spans="8:8">
      <c r="H392765" s="12"/>
    </row>
    <row r="392766" spans="8:8">
      <c r="H392766" s="12"/>
    </row>
    <row r="392767" spans="8:8">
      <c r="H392767" s="12"/>
    </row>
    <row r="392768" spans="8:8">
      <c r="H392768" s="12"/>
    </row>
    <row r="392769" spans="8:8">
      <c r="H392769" s="12"/>
    </row>
    <row r="392770" spans="8:8">
      <c r="H392770" s="12"/>
    </row>
    <row r="392771" spans="8:8">
      <c r="H392771" s="12"/>
    </row>
    <row r="392772" spans="8:8">
      <c r="H392772" s="12"/>
    </row>
    <row r="392773" spans="8:8">
      <c r="H392773" s="12"/>
    </row>
    <row r="392774" spans="8:8">
      <c r="H392774" s="12"/>
    </row>
    <row r="392775" spans="8:8">
      <c r="H392775" s="12"/>
    </row>
    <row r="392776" spans="8:8">
      <c r="H392776" s="12"/>
    </row>
    <row r="392777" spans="8:8">
      <c r="H392777" s="12"/>
    </row>
    <row r="392778" spans="8:8">
      <c r="H392778" s="12"/>
    </row>
    <row r="392779" spans="8:8">
      <c r="H392779" s="12"/>
    </row>
    <row r="392780" spans="8:8">
      <c r="H392780" s="12"/>
    </row>
    <row r="392781" spans="8:8">
      <c r="H392781" s="12"/>
    </row>
    <row r="392782" spans="8:8">
      <c r="H392782" s="12"/>
    </row>
    <row r="392783" spans="8:8">
      <c r="H392783" s="12"/>
    </row>
    <row r="392784" spans="8:8">
      <c r="H392784" s="12"/>
    </row>
    <row r="392785" spans="8:8">
      <c r="H392785" s="12"/>
    </row>
    <row r="392786" spans="8:8">
      <c r="H392786" s="12"/>
    </row>
    <row r="392787" spans="8:8">
      <c r="H392787" s="12"/>
    </row>
    <row r="392788" spans="8:8">
      <c r="H392788" s="12"/>
    </row>
    <row r="392789" spans="8:8">
      <c r="H392789" s="12"/>
    </row>
    <row r="392790" spans="8:8">
      <c r="H392790" s="12"/>
    </row>
    <row r="392791" spans="8:8">
      <c r="H392791" s="12"/>
    </row>
    <row r="392792" spans="8:8">
      <c r="H392792" s="12"/>
    </row>
    <row r="392793" spans="8:8">
      <c r="H392793" s="12"/>
    </row>
    <row r="392794" spans="8:8">
      <c r="H392794" s="12"/>
    </row>
    <row r="392795" spans="8:8">
      <c r="H392795" s="12"/>
    </row>
    <row r="392796" spans="8:8">
      <c r="H392796" s="12"/>
    </row>
    <row r="392797" spans="8:8">
      <c r="H392797" s="12"/>
    </row>
    <row r="392798" spans="8:8">
      <c r="H392798" s="12"/>
    </row>
    <row r="392799" spans="8:8">
      <c r="H392799" s="12"/>
    </row>
    <row r="392800" spans="8:8">
      <c r="H392800" s="12"/>
    </row>
    <row r="392801" spans="8:8">
      <c r="H392801" s="12"/>
    </row>
    <row r="392802" spans="8:8">
      <c r="H392802" s="12"/>
    </row>
    <row r="392803" spans="8:8">
      <c r="H392803" s="12"/>
    </row>
    <row r="392804" spans="8:8">
      <c r="H392804" s="12"/>
    </row>
    <row r="392805" spans="8:8">
      <c r="H392805" s="12"/>
    </row>
    <row r="392806" spans="8:8">
      <c r="H392806" s="12"/>
    </row>
    <row r="392807" spans="8:8">
      <c r="H392807" s="12"/>
    </row>
    <row r="392808" spans="8:8">
      <c r="H392808" s="12"/>
    </row>
    <row r="392809" spans="8:8">
      <c r="H392809" s="12"/>
    </row>
    <row r="392810" spans="8:8">
      <c r="H392810" s="12"/>
    </row>
    <row r="392811" spans="8:8">
      <c r="H392811" s="12"/>
    </row>
    <row r="392812" spans="8:8">
      <c r="H392812" s="12"/>
    </row>
    <row r="392813" spans="8:8">
      <c r="H392813" s="12"/>
    </row>
    <row r="392814" spans="8:8">
      <c r="H392814" s="12"/>
    </row>
    <row r="392815" spans="8:8">
      <c r="H392815" s="12"/>
    </row>
    <row r="392816" spans="8:8">
      <c r="H392816" s="12"/>
    </row>
    <row r="392817" spans="8:8">
      <c r="H392817" s="12"/>
    </row>
    <row r="392818" spans="8:8">
      <c r="H392818" s="12"/>
    </row>
    <row r="392819" spans="8:8">
      <c r="H392819" s="12"/>
    </row>
    <row r="392820" spans="8:8">
      <c r="H392820" s="12"/>
    </row>
    <row r="392821" spans="8:8">
      <c r="H392821" s="12"/>
    </row>
    <row r="392822" spans="8:8">
      <c r="H392822" s="12"/>
    </row>
    <row r="392823" spans="8:8">
      <c r="H392823" s="12"/>
    </row>
    <row r="392824" spans="8:8">
      <c r="H392824" s="12"/>
    </row>
    <row r="392825" spans="8:8">
      <c r="H392825" s="12"/>
    </row>
    <row r="392826" spans="8:8">
      <c r="H392826" s="12"/>
    </row>
    <row r="392827" spans="8:8">
      <c r="H392827" s="12"/>
    </row>
    <row r="392828" spans="8:8">
      <c r="H392828" s="12"/>
    </row>
    <row r="392829" spans="8:8">
      <c r="H392829" s="12"/>
    </row>
    <row r="392830" spans="8:8">
      <c r="H392830" s="12"/>
    </row>
    <row r="392831" spans="8:8">
      <c r="H392831" s="12"/>
    </row>
    <row r="392832" spans="8:8">
      <c r="H392832" s="12"/>
    </row>
    <row r="392833" spans="8:8">
      <c r="H392833" s="12"/>
    </row>
    <row r="392834" spans="8:8">
      <c r="H392834" s="12"/>
    </row>
    <row r="392835" spans="8:8">
      <c r="H392835" s="12"/>
    </row>
    <row r="392836" spans="8:8">
      <c r="H392836" s="12"/>
    </row>
    <row r="392837" spans="8:8">
      <c r="H392837" s="12"/>
    </row>
    <row r="392838" spans="8:8">
      <c r="H392838" s="12"/>
    </row>
    <row r="392839" spans="8:8">
      <c r="H392839" s="12"/>
    </row>
    <row r="392840" spans="8:8">
      <c r="H392840" s="12"/>
    </row>
    <row r="392841" spans="8:8">
      <c r="H392841" s="12"/>
    </row>
    <row r="392842" spans="8:8">
      <c r="H392842" s="12"/>
    </row>
    <row r="392843" spans="8:8">
      <c r="H392843" s="12"/>
    </row>
    <row r="392844" spans="8:8">
      <c r="H392844" s="12"/>
    </row>
    <row r="392845" spans="8:8">
      <c r="H392845" s="12"/>
    </row>
    <row r="392846" spans="8:8">
      <c r="H392846" s="12"/>
    </row>
    <row r="392847" spans="8:8">
      <c r="H392847" s="12"/>
    </row>
    <row r="392848" spans="8:8">
      <c r="H392848" s="12"/>
    </row>
    <row r="392849" spans="8:8">
      <c r="H392849" s="12"/>
    </row>
    <row r="392850" spans="8:8">
      <c r="H392850" s="12"/>
    </row>
    <row r="392851" spans="8:8">
      <c r="H392851" s="12"/>
    </row>
    <row r="392852" spans="8:8">
      <c r="H392852" s="12"/>
    </row>
    <row r="392853" spans="8:8">
      <c r="H392853" s="12"/>
    </row>
    <row r="392854" spans="8:8">
      <c r="H392854" s="12"/>
    </row>
    <row r="392855" spans="8:8">
      <c r="H392855" s="12"/>
    </row>
    <row r="392856" spans="8:8">
      <c r="H392856" s="12"/>
    </row>
    <row r="392857" spans="8:8">
      <c r="H392857" s="12"/>
    </row>
    <row r="392858" spans="8:8">
      <c r="H392858" s="12"/>
    </row>
    <row r="392859" spans="8:8">
      <c r="H392859" s="12"/>
    </row>
    <row r="392860" spans="8:8">
      <c r="H392860" s="12"/>
    </row>
    <row r="392861" spans="8:8">
      <c r="H392861" s="12"/>
    </row>
    <row r="392862" spans="8:8">
      <c r="H392862" s="12"/>
    </row>
    <row r="392863" spans="8:8">
      <c r="H392863" s="12"/>
    </row>
    <row r="392864" spans="8:8">
      <c r="H392864" s="12"/>
    </row>
    <row r="392865" spans="8:8">
      <c r="H392865" s="12"/>
    </row>
    <row r="392866" spans="8:8">
      <c r="H392866" s="12"/>
    </row>
    <row r="392867" spans="8:8">
      <c r="H392867" s="12"/>
    </row>
    <row r="392868" spans="8:8">
      <c r="H392868" s="12"/>
    </row>
    <row r="392869" spans="8:8">
      <c r="H392869" s="12"/>
    </row>
    <row r="392870" spans="8:8">
      <c r="H392870" s="12"/>
    </row>
    <row r="392871" spans="8:8">
      <c r="H392871" s="12"/>
    </row>
    <row r="392872" spans="8:8">
      <c r="H392872" s="12"/>
    </row>
    <row r="392873" spans="8:8">
      <c r="H392873" s="12"/>
    </row>
    <row r="392874" spans="8:8">
      <c r="H392874" s="12"/>
    </row>
    <row r="392875" spans="8:8">
      <c r="H392875" s="12"/>
    </row>
    <row r="392876" spans="8:8">
      <c r="H392876" s="12"/>
    </row>
    <row r="392877" spans="8:8">
      <c r="H392877" s="12"/>
    </row>
    <row r="392878" spans="8:8">
      <c r="H392878" s="12"/>
    </row>
    <row r="392879" spans="8:8">
      <c r="H392879" s="12"/>
    </row>
    <row r="392880" spans="8:8">
      <c r="H392880" s="12"/>
    </row>
    <row r="392881" spans="8:8">
      <c r="H392881" s="12"/>
    </row>
    <row r="392882" spans="8:8">
      <c r="H392882" s="12"/>
    </row>
    <row r="392883" spans="8:8">
      <c r="H392883" s="12"/>
    </row>
    <row r="392884" spans="8:8">
      <c r="H392884" s="12"/>
    </row>
    <row r="392885" spans="8:8">
      <c r="H392885" s="12"/>
    </row>
    <row r="392886" spans="8:8">
      <c r="H392886" s="12"/>
    </row>
    <row r="392887" spans="8:8">
      <c r="H392887" s="12"/>
    </row>
    <row r="392888" spans="8:8">
      <c r="H392888" s="12"/>
    </row>
    <row r="392889" spans="8:8">
      <c r="H392889" s="12"/>
    </row>
    <row r="392890" spans="8:8">
      <c r="H392890" s="12"/>
    </row>
    <row r="392891" spans="8:8">
      <c r="H392891" s="12"/>
    </row>
    <row r="392892" spans="8:8">
      <c r="H392892" s="12"/>
    </row>
    <row r="392893" spans="8:8">
      <c r="H392893" s="12"/>
    </row>
    <row r="392894" spans="8:8">
      <c r="H392894" s="12"/>
    </row>
    <row r="392895" spans="8:8">
      <c r="H392895" s="12"/>
    </row>
    <row r="392896" spans="8:8">
      <c r="H392896" s="12"/>
    </row>
    <row r="392897" spans="8:8">
      <c r="H392897" s="12"/>
    </row>
    <row r="392898" spans="8:8">
      <c r="H392898" s="12"/>
    </row>
    <row r="392899" spans="8:8">
      <c r="H392899" s="12"/>
    </row>
    <row r="392900" spans="8:8">
      <c r="H392900" s="12"/>
    </row>
    <row r="392901" spans="8:8">
      <c r="H392901" s="12"/>
    </row>
    <row r="392902" spans="8:8">
      <c r="H392902" s="12"/>
    </row>
    <row r="392903" spans="8:8">
      <c r="H392903" s="12"/>
    </row>
    <row r="392904" spans="8:8">
      <c r="H392904" s="12"/>
    </row>
    <row r="392905" spans="8:8">
      <c r="H392905" s="12"/>
    </row>
    <row r="392906" spans="8:8">
      <c r="H392906" s="12"/>
    </row>
    <row r="392907" spans="8:8">
      <c r="H392907" s="12"/>
    </row>
    <row r="392908" spans="8:8">
      <c r="H392908" s="12"/>
    </row>
    <row r="392909" spans="8:8">
      <c r="H392909" s="12"/>
    </row>
    <row r="392910" spans="8:8">
      <c r="H392910" s="12"/>
    </row>
    <row r="392911" spans="8:8">
      <c r="H392911" s="12"/>
    </row>
    <row r="392912" spans="8:8">
      <c r="H392912" s="12"/>
    </row>
    <row r="392913" spans="8:8">
      <c r="H392913" s="12"/>
    </row>
    <row r="392914" spans="8:8">
      <c r="H392914" s="12"/>
    </row>
    <row r="392915" spans="8:8">
      <c r="H392915" s="12"/>
    </row>
    <row r="392916" spans="8:8">
      <c r="H392916" s="12"/>
    </row>
    <row r="392917" spans="8:8">
      <c r="H392917" s="12"/>
    </row>
    <row r="392918" spans="8:8">
      <c r="H392918" s="12"/>
    </row>
    <row r="392919" spans="8:8">
      <c r="H392919" s="12"/>
    </row>
    <row r="392920" spans="8:8">
      <c r="H392920" s="12"/>
    </row>
    <row r="392921" spans="8:8">
      <c r="H392921" s="12"/>
    </row>
    <row r="392922" spans="8:8">
      <c r="H392922" s="12"/>
    </row>
    <row r="392923" spans="8:8">
      <c r="H392923" s="12"/>
    </row>
    <row r="392924" spans="8:8">
      <c r="H392924" s="12"/>
    </row>
    <row r="392925" spans="8:8">
      <c r="H392925" s="12"/>
    </row>
    <row r="392926" spans="8:8">
      <c r="H392926" s="12"/>
    </row>
    <row r="392927" spans="8:8">
      <c r="H392927" s="12"/>
    </row>
    <row r="392928" spans="8:8">
      <c r="H392928" s="12"/>
    </row>
    <row r="392929" spans="8:8">
      <c r="H392929" s="12"/>
    </row>
    <row r="392930" spans="8:8">
      <c r="H392930" s="12"/>
    </row>
    <row r="392931" spans="8:8">
      <c r="H392931" s="12"/>
    </row>
    <row r="392932" spans="8:8">
      <c r="H392932" s="12"/>
    </row>
    <row r="392933" spans="8:8">
      <c r="H392933" s="12"/>
    </row>
    <row r="392934" spans="8:8">
      <c r="H392934" s="12"/>
    </row>
    <row r="392935" spans="8:8">
      <c r="H392935" s="12"/>
    </row>
    <row r="392936" spans="8:8">
      <c r="H392936" s="12"/>
    </row>
    <row r="392937" spans="8:8">
      <c r="H392937" s="12"/>
    </row>
    <row r="392938" spans="8:8">
      <c r="H392938" s="12"/>
    </row>
    <row r="392939" spans="8:8">
      <c r="H392939" s="12"/>
    </row>
    <row r="392940" spans="8:8">
      <c r="H392940" s="12"/>
    </row>
    <row r="392941" spans="8:8">
      <c r="H392941" s="12"/>
    </row>
    <row r="392942" spans="8:8">
      <c r="H392942" s="12"/>
    </row>
    <row r="392943" spans="8:8">
      <c r="H392943" s="12"/>
    </row>
    <row r="392944" spans="8:8">
      <c r="H392944" s="12"/>
    </row>
    <row r="392945" spans="8:8">
      <c r="H392945" s="12"/>
    </row>
    <row r="392946" spans="8:8">
      <c r="H392946" s="12"/>
    </row>
    <row r="392947" spans="8:8">
      <c r="H392947" s="12"/>
    </row>
    <row r="392948" spans="8:8">
      <c r="H392948" s="12"/>
    </row>
    <row r="392949" spans="8:8">
      <c r="H392949" s="12"/>
    </row>
    <row r="392950" spans="8:8">
      <c r="H392950" s="12"/>
    </row>
    <row r="392951" spans="8:8">
      <c r="H392951" s="12"/>
    </row>
    <row r="392952" spans="8:8">
      <c r="H392952" s="12"/>
    </row>
    <row r="392953" spans="8:8">
      <c r="H392953" s="12"/>
    </row>
    <row r="392954" spans="8:8">
      <c r="H392954" s="12"/>
    </row>
    <row r="392955" spans="8:8">
      <c r="H392955" s="12"/>
    </row>
    <row r="392956" spans="8:8">
      <c r="H392956" s="12"/>
    </row>
    <row r="392957" spans="8:8">
      <c r="H392957" s="12"/>
    </row>
    <row r="392958" spans="8:8">
      <c r="H392958" s="12"/>
    </row>
    <row r="392959" spans="8:8">
      <c r="H392959" s="12"/>
    </row>
    <row r="392960" spans="8:8">
      <c r="H392960" s="12"/>
    </row>
    <row r="392961" spans="8:8">
      <c r="H392961" s="12"/>
    </row>
    <row r="392962" spans="8:8">
      <c r="H392962" s="12"/>
    </row>
    <row r="392963" spans="8:8">
      <c r="H392963" s="12"/>
    </row>
    <row r="392964" spans="8:8">
      <c r="H392964" s="12"/>
    </row>
    <row r="392965" spans="8:8">
      <c r="H392965" s="12"/>
    </row>
    <row r="392966" spans="8:8">
      <c r="H392966" s="12"/>
    </row>
    <row r="392967" spans="8:8">
      <c r="H392967" s="12"/>
    </row>
    <row r="392968" spans="8:8">
      <c r="H392968" s="12"/>
    </row>
    <row r="392969" spans="8:8">
      <c r="H392969" s="12"/>
    </row>
    <row r="392970" spans="8:8">
      <c r="H392970" s="12"/>
    </row>
    <row r="392971" spans="8:8">
      <c r="H392971" s="12"/>
    </row>
    <row r="392972" spans="8:8">
      <c r="H392972" s="12"/>
    </row>
    <row r="392973" spans="8:8">
      <c r="H392973" s="12"/>
    </row>
    <row r="392974" spans="8:8">
      <c r="H392974" s="12"/>
    </row>
    <row r="392975" spans="8:8">
      <c r="H392975" s="12"/>
    </row>
    <row r="392976" spans="8:8">
      <c r="H392976" s="12"/>
    </row>
    <row r="392977" spans="8:8">
      <c r="H392977" s="12"/>
    </row>
    <row r="392978" spans="8:8">
      <c r="H392978" s="12"/>
    </row>
    <row r="392979" spans="8:8">
      <c r="H392979" s="12"/>
    </row>
    <row r="392980" spans="8:8">
      <c r="H392980" s="12"/>
    </row>
    <row r="392981" spans="8:8">
      <c r="H392981" s="12"/>
    </row>
    <row r="392982" spans="8:8">
      <c r="H392982" s="12"/>
    </row>
    <row r="392983" spans="8:8">
      <c r="H392983" s="12"/>
    </row>
    <row r="392984" spans="8:8">
      <c r="H392984" s="12"/>
    </row>
    <row r="392985" spans="8:8">
      <c r="H392985" s="12"/>
    </row>
    <row r="392986" spans="8:8">
      <c r="H392986" s="12"/>
    </row>
    <row r="392987" spans="8:8">
      <c r="H392987" s="12"/>
    </row>
    <row r="392988" spans="8:8">
      <c r="H392988" s="12"/>
    </row>
    <row r="392989" spans="8:8">
      <c r="H392989" s="12"/>
    </row>
    <row r="392990" spans="8:8">
      <c r="H392990" s="12"/>
    </row>
    <row r="392991" spans="8:8">
      <c r="H392991" s="12"/>
    </row>
    <row r="392992" spans="8:8">
      <c r="H392992" s="12"/>
    </row>
    <row r="392993" spans="8:8">
      <c r="H392993" s="12"/>
    </row>
    <row r="392994" spans="8:8">
      <c r="H392994" s="12"/>
    </row>
    <row r="392995" spans="8:8">
      <c r="H392995" s="12"/>
    </row>
    <row r="392996" spans="8:8">
      <c r="H392996" s="12"/>
    </row>
    <row r="392997" spans="8:8">
      <c r="H392997" s="12"/>
    </row>
    <row r="392998" spans="8:8">
      <c r="H392998" s="12"/>
    </row>
    <row r="392999" spans="8:8">
      <c r="H392999" s="12"/>
    </row>
    <row r="393000" spans="8:8">
      <c r="H393000" s="12"/>
    </row>
    <row r="393001" spans="8:8">
      <c r="H393001" s="12"/>
    </row>
    <row r="393002" spans="8:8">
      <c r="H393002" s="12"/>
    </row>
    <row r="393003" spans="8:8">
      <c r="H393003" s="12"/>
    </row>
    <row r="393004" spans="8:8">
      <c r="H393004" s="12"/>
    </row>
    <row r="393005" spans="8:8">
      <c r="H393005" s="12"/>
    </row>
    <row r="393006" spans="8:8">
      <c r="H393006" s="12"/>
    </row>
    <row r="393007" spans="8:8">
      <c r="H393007" s="12"/>
    </row>
    <row r="393008" spans="8:8">
      <c r="H393008" s="12"/>
    </row>
    <row r="393009" spans="8:8">
      <c r="H393009" s="12"/>
    </row>
    <row r="393010" spans="8:8">
      <c r="H393010" s="12"/>
    </row>
    <row r="393011" spans="8:8">
      <c r="H393011" s="12"/>
    </row>
    <row r="393012" spans="8:8">
      <c r="H393012" s="12"/>
    </row>
    <row r="393013" spans="8:8">
      <c r="H393013" s="12"/>
    </row>
    <row r="393014" spans="8:8">
      <c r="H393014" s="12"/>
    </row>
    <row r="393015" spans="8:8">
      <c r="H393015" s="12"/>
    </row>
    <row r="393016" spans="8:8">
      <c r="H393016" s="12"/>
    </row>
    <row r="393017" spans="8:8">
      <c r="H393017" s="12"/>
    </row>
    <row r="393018" spans="8:8">
      <c r="H393018" s="12"/>
    </row>
    <row r="393019" spans="8:8">
      <c r="H393019" s="12"/>
    </row>
    <row r="393020" spans="8:8">
      <c r="H393020" s="12"/>
    </row>
    <row r="393021" spans="8:8">
      <c r="H393021" s="12"/>
    </row>
    <row r="393022" spans="8:8">
      <c r="H393022" s="12"/>
    </row>
    <row r="393023" spans="8:8">
      <c r="H393023" s="12"/>
    </row>
    <row r="393024" spans="8:8">
      <c r="H393024" s="12"/>
    </row>
    <row r="393025" spans="8:8">
      <c r="H393025" s="12"/>
    </row>
    <row r="393026" spans="8:8">
      <c r="H393026" s="12"/>
    </row>
    <row r="393027" spans="8:8">
      <c r="H393027" s="12"/>
    </row>
    <row r="393028" spans="8:8">
      <c r="H393028" s="12"/>
    </row>
    <row r="393029" spans="8:8">
      <c r="H393029" s="12"/>
    </row>
    <row r="393030" spans="8:8">
      <c r="H393030" s="12"/>
    </row>
    <row r="393031" spans="8:8">
      <c r="H393031" s="12"/>
    </row>
    <row r="393032" spans="8:8">
      <c r="H393032" s="12"/>
    </row>
    <row r="393033" spans="8:8">
      <c r="H393033" s="12"/>
    </row>
    <row r="393034" spans="8:8">
      <c r="H393034" s="12"/>
    </row>
    <row r="393035" spans="8:8">
      <c r="H393035" s="12"/>
    </row>
    <row r="393036" spans="8:8">
      <c r="H393036" s="12"/>
    </row>
    <row r="393037" spans="8:8">
      <c r="H393037" s="12"/>
    </row>
    <row r="393038" spans="8:8">
      <c r="H393038" s="12"/>
    </row>
    <row r="393039" spans="8:8">
      <c r="H393039" s="12"/>
    </row>
    <row r="393040" spans="8:8">
      <c r="H393040" s="12"/>
    </row>
    <row r="393041" spans="8:8">
      <c r="H393041" s="12"/>
    </row>
    <row r="393042" spans="8:8">
      <c r="H393042" s="12"/>
    </row>
    <row r="393043" spans="8:8">
      <c r="H393043" s="12"/>
    </row>
    <row r="393044" spans="8:8">
      <c r="H393044" s="12"/>
    </row>
    <row r="393045" spans="8:8">
      <c r="H393045" s="12"/>
    </row>
    <row r="393046" spans="8:8">
      <c r="H393046" s="12"/>
    </row>
    <row r="393047" spans="8:8">
      <c r="H393047" s="12"/>
    </row>
    <row r="393048" spans="8:8">
      <c r="H393048" s="12"/>
    </row>
    <row r="393049" spans="8:8">
      <c r="H393049" s="12"/>
    </row>
    <row r="393050" spans="8:8">
      <c r="H393050" s="12"/>
    </row>
    <row r="393051" spans="8:8">
      <c r="H393051" s="12"/>
    </row>
    <row r="393052" spans="8:8">
      <c r="H393052" s="12"/>
    </row>
    <row r="393053" spans="8:8">
      <c r="H393053" s="12"/>
    </row>
    <row r="393054" spans="8:8">
      <c r="H393054" s="12"/>
    </row>
    <row r="393055" spans="8:8">
      <c r="H393055" s="12"/>
    </row>
    <row r="393056" spans="8:8">
      <c r="H393056" s="12"/>
    </row>
    <row r="393057" spans="8:8">
      <c r="H393057" s="12"/>
    </row>
    <row r="393058" spans="8:8">
      <c r="H393058" s="12"/>
    </row>
    <row r="393059" spans="8:8">
      <c r="H393059" s="12"/>
    </row>
    <row r="393060" spans="8:8">
      <c r="H393060" s="12"/>
    </row>
    <row r="393061" spans="8:8">
      <c r="H393061" s="12"/>
    </row>
    <row r="393062" spans="8:8">
      <c r="H393062" s="12"/>
    </row>
    <row r="393063" spans="8:8">
      <c r="H393063" s="12"/>
    </row>
    <row r="393064" spans="8:8">
      <c r="H393064" s="12"/>
    </row>
    <row r="393065" spans="8:8">
      <c r="H393065" s="12"/>
    </row>
    <row r="393066" spans="8:8">
      <c r="H393066" s="12"/>
    </row>
    <row r="393067" spans="8:8">
      <c r="H393067" s="12"/>
    </row>
    <row r="393068" spans="8:8">
      <c r="H393068" s="12"/>
    </row>
    <row r="393069" spans="8:8">
      <c r="H393069" s="12"/>
    </row>
    <row r="393070" spans="8:8">
      <c r="H393070" s="12"/>
    </row>
    <row r="393071" spans="8:8">
      <c r="H393071" s="12"/>
    </row>
    <row r="393072" spans="8:8">
      <c r="H393072" s="12"/>
    </row>
    <row r="393073" spans="8:8">
      <c r="H393073" s="12"/>
    </row>
    <row r="393074" spans="8:8">
      <c r="H393074" s="12"/>
    </row>
    <row r="393075" spans="8:8">
      <c r="H393075" s="12"/>
    </row>
    <row r="393076" spans="8:8">
      <c r="H393076" s="12"/>
    </row>
    <row r="393077" spans="8:8">
      <c r="H393077" s="12"/>
    </row>
    <row r="393078" spans="8:8">
      <c r="H393078" s="12"/>
    </row>
    <row r="393079" spans="8:8">
      <c r="H393079" s="12"/>
    </row>
    <row r="393080" spans="8:8">
      <c r="H393080" s="12"/>
    </row>
    <row r="393081" spans="8:8">
      <c r="H393081" s="12"/>
    </row>
    <row r="393082" spans="8:8">
      <c r="H393082" s="12"/>
    </row>
    <row r="393083" spans="8:8">
      <c r="H393083" s="12"/>
    </row>
    <row r="393084" spans="8:8">
      <c r="H393084" s="12"/>
    </row>
    <row r="393085" spans="8:8">
      <c r="H393085" s="12"/>
    </row>
    <row r="393086" spans="8:8">
      <c r="H393086" s="12"/>
    </row>
    <row r="393087" spans="8:8">
      <c r="H393087" s="12"/>
    </row>
    <row r="393088" spans="8:8">
      <c r="H393088" s="12"/>
    </row>
    <row r="393089" spans="8:8">
      <c r="H393089" s="12"/>
    </row>
    <row r="393090" spans="8:8">
      <c r="H393090" s="12"/>
    </row>
    <row r="393091" spans="8:8">
      <c r="H393091" s="12"/>
    </row>
    <row r="393092" spans="8:8">
      <c r="H393092" s="12"/>
    </row>
    <row r="393093" spans="8:8">
      <c r="H393093" s="12"/>
    </row>
    <row r="393094" spans="8:8">
      <c r="H393094" s="12"/>
    </row>
    <row r="393095" spans="8:8">
      <c r="H393095" s="12"/>
    </row>
    <row r="393096" spans="8:8">
      <c r="H393096" s="12"/>
    </row>
    <row r="393097" spans="8:8">
      <c r="H393097" s="12"/>
    </row>
    <row r="393098" spans="8:8">
      <c r="H393098" s="12"/>
    </row>
    <row r="393099" spans="8:8">
      <c r="H393099" s="12"/>
    </row>
    <row r="393100" spans="8:8">
      <c r="H393100" s="12"/>
    </row>
    <row r="393101" spans="8:8">
      <c r="H393101" s="12"/>
    </row>
    <row r="393102" spans="8:8">
      <c r="H393102" s="12"/>
    </row>
    <row r="393103" spans="8:8">
      <c r="H393103" s="12"/>
    </row>
    <row r="393104" spans="8:8">
      <c r="H393104" s="12"/>
    </row>
    <row r="393105" spans="8:8">
      <c r="H393105" s="12"/>
    </row>
    <row r="393106" spans="8:8">
      <c r="H393106" s="12"/>
    </row>
    <row r="393107" spans="8:8">
      <c r="H393107" s="12"/>
    </row>
    <row r="393108" spans="8:8">
      <c r="H393108" s="12"/>
    </row>
    <row r="393109" spans="8:8">
      <c r="H393109" s="12"/>
    </row>
    <row r="393110" spans="8:8">
      <c r="H393110" s="12"/>
    </row>
    <row r="393111" spans="8:8">
      <c r="H393111" s="12"/>
    </row>
    <row r="393112" spans="8:8">
      <c r="H393112" s="12"/>
    </row>
    <row r="393113" spans="8:8">
      <c r="H393113" s="12"/>
    </row>
    <row r="393114" spans="8:8">
      <c r="H393114" s="12"/>
    </row>
    <row r="393115" spans="8:8">
      <c r="H393115" s="12"/>
    </row>
    <row r="393116" spans="8:8">
      <c r="H393116" s="12"/>
    </row>
    <row r="393117" spans="8:8">
      <c r="H393117" s="12"/>
    </row>
    <row r="393118" spans="8:8">
      <c r="H393118" s="12"/>
    </row>
    <row r="393119" spans="8:8">
      <c r="H393119" s="12"/>
    </row>
    <row r="393120" spans="8:8">
      <c r="H393120" s="12"/>
    </row>
    <row r="393121" spans="8:8">
      <c r="H393121" s="12"/>
    </row>
    <row r="393122" spans="8:8">
      <c r="H393122" s="12"/>
    </row>
    <row r="393123" spans="8:8">
      <c r="H393123" s="12"/>
    </row>
    <row r="393124" spans="8:8">
      <c r="H393124" s="12"/>
    </row>
    <row r="393125" spans="8:8">
      <c r="H393125" s="12"/>
    </row>
    <row r="393126" spans="8:8">
      <c r="H393126" s="12"/>
    </row>
    <row r="393127" spans="8:8">
      <c r="H393127" s="12"/>
    </row>
    <row r="393128" spans="8:8">
      <c r="H393128" s="12"/>
    </row>
    <row r="393129" spans="8:8">
      <c r="H393129" s="12"/>
    </row>
    <row r="393130" spans="8:8">
      <c r="H393130" s="12"/>
    </row>
    <row r="393131" spans="8:8">
      <c r="H393131" s="12"/>
    </row>
    <row r="393132" spans="8:8">
      <c r="H393132" s="12"/>
    </row>
    <row r="393133" spans="8:8">
      <c r="H393133" s="12"/>
    </row>
    <row r="393134" spans="8:8">
      <c r="H393134" s="12"/>
    </row>
    <row r="393135" spans="8:8">
      <c r="H393135" s="12"/>
    </row>
    <row r="393136" spans="8:8">
      <c r="H393136" s="12"/>
    </row>
    <row r="393137" spans="8:8">
      <c r="H393137" s="12"/>
    </row>
    <row r="393138" spans="8:8">
      <c r="H393138" s="12"/>
    </row>
    <row r="393139" spans="8:8">
      <c r="H393139" s="12"/>
    </row>
    <row r="393140" spans="8:8">
      <c r="H393140" s="12"/>
    </row>
    <row r="393141" spans="8:8">
      <c r="H393141" s="12"/>
    </row>
    <row r="393142" spans="8:8">
      <c r="H393142" s="12"/>
    </row>
    <row r="393143" spans="8:8">
      <c r="H393143" s="12"/>
    </row>
    <row r="393144" spans="8:8">
      <c r="H393144" s="12"/>
    </row>
    <row r="393145" spans="8:8">
      <c r="H393145" s="12"/>
    </row>
    <row r="393146" spans="8:8">
      <c r="H393146" s="12"/>
    </row>
    <row r="393147" spans="8:8">
      <c r="H393147" s="12"/>
    </row>
    <row r="393148" spans="8:8">
      <c r="H393148" s="12"/>
    </row>
    <row r="393149" spans="8:8">
      <c r="H393149" s="12"/>
    </row>
    <row r="393150" spans="8:8">
      <c r="H393150" s="12"/>
    </row>
    <row r="393151" spans="8:8">
      <c r="H393151" s="12"/>
    </row>
    <row r="393152" spans="8:8">
      <c r="H393152" s="12"/>
    </row>
    <row r="393153" spans="8:8">
      <c r="H393153" s="12"/>
    </row>
    <row r="393154" spans="8:8">
      <c r="H393154" s="12"/>
    </row>
    <row r="393155" spans="8:8">
      <c r="H393155" s="12"/>
    </row>
    <row r="393156" spans="8:8">
      <c r="H393156" s="12"/>
    </row>
    <row r="393157" spans="8:8">
      <c r="H393157" s="12"/>
    </row>
    <row r="393158" spans="8:8">
      <c r="H393158" s="12"/>
    </row>
    <row r="393159" spans="8:8">
      <c r="H393159" s="12"/>
    </row>
    <row r="393160" spans="8:8">
      <c r="H393160" s="12"/>
    </row>
    <row r="393161" spans="8:8">
      <c r="H393161" s="12"/>
    </row>
    <row r="393162" spans="8:8">
      <c r="H393162" s="12"/>
    </row>
    <row r="393163" spans="8:8">
      <c r="H393163" s="12"/>
    </row>
    <row r="393164" spans="8:8">
      <c r="H393164" s="12"/>
    </row>
    <row r="393165" spans="8:8">
      <c r="H393165" s="12"/>
    </row>
    <row r="393166" spans="8:8">
      <c r="H393166" s="12"/>
    </row>
    <row r="393167" spans="8:8">
      <c r="H393167" s="12"/>
    </row>
    <row r="393168" spans="8:8">
      <c r="H393168" s="12"/>
    </row>
    <row r="393169" spans="8:8">
      <c r="H393169" s="12"/>
    </row>
    <row r="393170" spans="8:8">
      <c r="H393170" s="12"/>
    </row>
    <row r="393171" spans="8:8">
      <c r="H393171" s="12"/>
    </row>
    <row r="393172" spans="8:8">
      <c r="H393172" s="12"/>
    </row>
    <row r="393173" spans="8:8">
      <c r="H393173" s="12"/>
    </row>
    <row r="393174" spans="8:8">
      <c r="H393174" s="12"/>
    </row>
    <row r="393175" spans="8:8">
      <c r="H393175" s="12"/>
    </row>
    <row r="393176" spans="8:8">
      <c r="H393176" s="12"/>
    </row>
    <row r="393177" spans="8:8">
      <c r="H393177" s="12"/>
    </row>
    <row r="393178" spans="8:8">
      <c r="H393178" s="12"/>
    </row>
    <row r="393179" spans="8:8">
      <c r="H393179" s="12"/>
    </row>
    <row r="393180" spans="8:8">
      <c r="H393180" s="12"/>
    </row>
    <row r="393181" spans="8:8">
      <c r="H393181" s="12"/>
    </row>
    <row r="393182" spans="8:8">
      <c r="H393182" s="12"/>
    </row>
    <row r="393183" spans="8:8">
      <c r="H393183" s="12"/>
    </row>
    <row r="393184" spans="8:8">
      <c r="H393184" s="12"/>
    </row>
    <row r="393185" spans="8:8">
      <c r="H393185" s="12"/>
    </row>
    <row r="393186" spans="8:8">
      <c r="H393186" s="12"/>
    </row>
    <row r="393187" spans="8:8">
      <c r="H393187" s="12"/>
    </row>
    <row r="393188" spans="8:8">
      <c r="H393188" s="12"/>
    </row>
    <row r="393189" spans="8:8">
      <c r="H393189" s="12"/>
    </row>
    <row r="393190" spans="8:8">
      <c r="H393190" s="12"/>
    </row>
    <row r="393191" spans="8:8">
      <c r="H393191" s="12"/>
    </row>
    <row r="393192" spans="8:8">
      <c r="H393192" s="12"/>
    </row>
    <row r="393193" spans="8:8">
      <c r="H393193" s="12"/>
    </row>
    <row r="393194" spans="8:8">
      <c r="H393194" s="12"/>
    </row>
    <row r="393195" spans="8:8">
      <c r="H393195" s="12"/>
    </row>
    <row r="393196" spans="8:8">
      <c r="H393196" s="12"/>
    </row>
    <row r="393197" spans="8:8">
      <c r="H393197" s="12"/>
    </row>
    <row r="393198" spans="8:8">
      <c r="H393198" s="12"/>
    </row>
    <row r="393199" spans="8:8">
      <c r="H393199" s="12"/>
    </row>
    <row r="393200" spans="8:8">
      <c r="H393200" s="12"/>
    </row>
    <row r="393201" spans="8:8">
      <c r="H393201" s="12"/>
    </row>
    <row r="393202" spans="8:8">
      <c r="H393202" s="12"/>
    </row>
    <row r="393203" spans="8:8">
      <c r="H393203" s="12"/>
    </row>
    <row r="393204" spans="8:8">
      <c r="H393204" s="12"/>
    </row>
    <row r="393205" spans="8:8">
      <c r="H393205" s="12"/>
    </row>
    <row r="393206" spans="8:8">
      <c r="H393206" s="12"/>
    </row>
    <row r="393207" spans="8:8">
      <c r="H393207" s="12"/>
    </row>
    <row r="393208" spans="8:8">
      <c r="H393208" s="12"/>
    </row>
    <row r="393209" spans="8:8">
      <c r="H393209" s="12"/>
    </row>
    <row r="393210" spans="8:8">
      <c r="H393210" s="12"/>
    </row>
    <row r="393211" spans="8:8">
      <c r="H393211" s="12"/>
    </row>
    <row r="393212" spans="8:8">
      <c r="H393212" s="12"/>
    </row>
    <row r="393213" spans="8:8">
      <c r="H393213" s="12"/>
    </row>
    <row r="393214" spans="8:8">
      <c r="H393214" s="12"/>
    </row>
    <row r="393215" spans="8:8">
      <c r="H393215" s="12"/>
    </row>
    <row r="393216" spans="8:8">
      <c r="H393216" s="12"/>
    </row>
    <row r="393217" spans="8:8">
      <c r="H393217" s="12"/>
    </row>
    <row r="393218" spans="8:8">
      <c r="H393218" s="12"/>
    </row>
    <row r="393219" spans="8:8">
      <c r="H393219" s="12"/>
    </row>
    <row r="393220" spans="8:8">
      <c r="H393220" s="12"/>
    </row>
    <row r="393221" spans="8:8">
      <c r="H393221" s="12"/>
    </row>
    <row r="393222" spans="8:8">
      <c r="H393222" s="12"/>
    </row>
    <row r="393223" spans="8:8">
      <c r="H393223" s="12"/>
    </row>
    <row r="393224" spans="8:8">
      <c r="H393224" s="12"/>
    </row>
    <row r="393225" spans="8:8">
      <c r="H393225" s="12"/>
    </row>
    <row r="393226" spans="8:8">
      <c r="H393226" s="12"/>
    </row>
    <row r="393227" spans="8:8">
      <c r="H393227" s="12"/>
    </row>
    <row r="393228" spans="8:8">
      <c r="H393228" s="12"/>
    </row>
    <row r="393229" spans="8:8">
      <c r="H393229" s="12"/>
    </row>
    <row r="393230" spans="8:8">
      <c r="H393230" s="12"/>
    </row>
    <row r="393231" spans="8:8">
      <c r="H393231" s="12"/>
    </row>
    <row r="393232" spans="8:8">
      <c r="H393232" s="12"/>
    </row>
    <row r="393233" spans="8:8">
      <c r="H393233" s="12"/>
    </row>
    <row r="393234" spans="8:8">
      <c r="H393234" s="12"/>
    </row>
    <row r="393235" spans="8:8">
      <c r="H393235" s="12"/>
    </row>
    <row r="393236" spans="8:8">
      <c r="H393236" s="12"/>
    </row>
    <row r="393237" spans="8:8">
      <c r="H393237" s="12"/>
    </row>
    <row r="393238" spans="8:8">
      <c r="H393238" s="12"/>
    </row>
    <row r="393239" spans="8:8">
      <c r="H393239" s="12"/>
    </row>
    <row r="393240" spans="8:8">
      <c r="H393240" s="12"/>
    </row>
    <row r="393241" spans="8:8">
      <c r="H393241" s="12"/>
    </row>
    <row r="393242" spans="8:8">
      <c r="H393242" s="12"/>
    </row>
    <row r="393243" spans="8:8">
      <c r="H393243" s="12"/>
    </row>
    <row r="393244" spans="8:8">
      <c r="H393244" s="12"/>
    </row>
    <row r="393245" spans="8:8">
      <c r="H393245" s="12"/>
    </row>
    <row r="393246" spans="8:8">
      <c r="H393246" s="12"/>
    </row>
    <row r="393247" spans="8:8">
      <c r="H393247" s="12"/>
    </row>
    <row r="393248" spans="8:8">
      <c r="H393248" s="12"/>
    </row>
    <row r="393249" spans="8:8">
      <c r="H393249" s="12"/>
    </row>
    <row r="393250" spans="8:8">
      <c r="H393250" s="12"/>
    </row>
    <row r="393251" spans="8:8">
      <c r="H393251" s="12"/>
    </row>
    <row r="393252" spans="8:8">
      <c r="H393252" s="12"/>
    </row>
    <row r="393253" spans="8:8">
      <c r="H393253" s="12"/>
    </row>
    <row r="393254" spans="8:8">
      <c r="H393254" s="12"/>
    </row>
    <row r="393255" spans="8:8">
      <c r="H393255" s="12"/>
    </row>
    <row r="393256" spans="8:8">
      <c r="H393256" s="12"/>
    </row>
    <row r="393257" spans="8:8">
      <c r="H393257" s="12"/>
    </row>
    <row r="393258" spans="8:8">
      <c r="H393258" s="12"/>
    </row>
    <row r="393259" spans="8:8">
      <c r="H393259" s="12"/>
    </row>
    <row r="393260" spans="8:8">
      <c r="H393260" s="12"/>
    </row>
    <row r="393261" spans="8:8">
      <c r="H393261" s="12"/>
    </row>
    <row r="393262" spans="8:8">
      <c r="H393262" s="12"/>
    </row>
    <row r="393263" spans="8:8">
      <c r="H393263" s="12"/>
    </row>
    <row r="393264" spans="8:8">
      <c r="H393264" s="12"/>
    </row>
    <row r="393265" spans="8:8">
      <c r="H393265" s="12"/>
    </row>
    <row r="393266" spans="8:8">
      <c r="H393266" s="12"/>
    </row>
    <row r="393267" spans="8:8">
      <c r="H393267" s="12"/>
    </row>
    <row r="393268" spans="8:8">
      <c r="H393268" s="12"/>
    </row>
    <row r="393269" spans="8:8">
      <c r="H393269" s="12"/>
    </row>
    <row r="393270" spans="8:8">
      <c r="H393270" s="12"/>
    </row>
    <row r="393271" spans="8:8">
      <c r="H393271" s="12"/>
    </row>
    <row r="393272" spans="8:8">
      <c r="H393272" s="12"/>
    </row>
    <row r="393273" spans="8:8">
      <c r="H393273" s="12"/>
    </row>
    <row r="393274" spans="8:8">
      <c r="H393274" s="12"/>
    </row>
    <row r="393275" spans="8:8">
      <c r="H393275" s="12"/>
    </row>
    <row r="393276" spans="8:8">
      <c r="H393276" s="12"/>
    </row>
    <row r="393277" spans="8:8">
      <c r="H393277" s="12"/>
    </row>
    <row r="393278" spans="8:8">
      <c r="H393278" s="12"/>
    </row>
    <row r="393279" spans="8:8">
      <c r="H393279" s="12"/>
    </row>
    <row r="393280" spans="8:8">
      <c r="H393280" s="12"/>
    </row>
    <row r="393281" spans="8:8">
      <c r="H393281" s="12"/>
    </row>
    <row r="393282" spans="8:8">
      <c r="H393282" s="12"/>
    </row>
    <row r="393283" spans="8:8">
      <c r="H393283" s="12"/>
    </row>
    <row r="393284" spans="8:8">
      <c r="H393284" s="12"/>
    </row>
    <row r="393285" spans="8:8">
      <c r="H393285" s="12"/>
    </row>
    <row r="393286" spans="8:8">
      <c r="H393286" s="12"/>
    </row>
    <row r="393287" spans="8:8">
      <c r="H393287" s="12"/>
    </row>
    <row r="393288" spans="8:8">
      <c r="H393288" s="12"/>
    </row>
    <row r="393289" spans="8:8">
      <c r="H393289" s="12"/>
    </row>
    <row r="393290" spans="8:8">
      <c r="H393290" s="12"/>
    </row>
    <row r="393291" spans="8:8">
      <c r="H393291" s="12"/>
    </row>
    <row r="393292" spans="8:8">
      <c r="H393292" s="12"/>
    </row>
    <row r="393293" spans="8:8">
      <c r="H393293" s="12"/>
    </row>
    <row r="393294" spans="8:8">
      <c r="H393294" s="12"/>
    </row>
    <row r="393295" spans="8:8">
      <c r="H393295" s="12"/>
    </row>
    <row r="393296" spans="8:8">
      <c r="H393296" s="12"/>
    </row>
    <row r="393297" spans="8:8">
      <c r="H393297" s="12"/>
    </row>
    <row r="393298" spans="8:8">
      <c r="H393298" s="12"/>
    </row>
    <row r="393299" spans="8:8">
      <c r="H393299" s="12"/>
    </row>
    <row r="393300" spans="8:8">
      <c r="H393300" s="12"/>
    </row>
    <row r="393301" spans="8:8">
      <c r="H393301" s="12"/>
    </row>
    <row r="393302" spans="8:8">
      <c r="H393302" s="12"/>
    </row>
    <row r="393303" spans="8:8">
      <c r="H393303" s="12"/>
    </row>
    <row r="393304" spans="8:8">
      <c r="H393304" s="12"/>
    </row>
    <row r="393305" spans="8:8">
      <c r="H393305" s="12"/>
    </row>
    <row r="393306" spans="8:8">
      <c r="H393306" s="12"/>
    </row>
    <row r="393307" spans="8:8">
      <c r="H393307" s="12"/>
    </row>
    <row r="393308" spans="8:8">
      <c r="H393308" s="12"/>
    </row>
    <row r="393309" spans="8:8">
      <c r="H393309" s="12"/>
    </row>
    <row r="393310" spans="8:8">
      <c r="H393310" s="12"/>
    </row>
    <row r="393311" spans="8:8">
      <c r="H393311" s="12"/>
    </row>
    <row r="393312" spans="8:8">
      <c r="H393312" s="12"/>
    </row>
    <row r="393313" spans="8:8">
      <c r="H393313" s="12"/>
    </row>
    <row r="393314" spans="8:8">
      <c r="H393314" s="12"/>
    </row>
    <row r="393315" spans="8:8">
      <c r="H393315" s="12"/>
    </row>
    <row r="393316" spans="8:8">
      <c r="H393316" s="12"/>
    </row>
    <row r="393317" spans="8:8">
      <c r="H393317" s="12"/>
    </row>
    <row r="393318" spans="8:8">
      <c r="H393318" s="12"/>
    </row>
    <row r="393319" spans="8:8">
      <c r="H393319" s="12"/>
    </row>
    <row r="393320" spans="8:8">
      <c r="H393320" s="12"/>
    </row>
    <row r="393321" spans="8:8">
      <c r="H393321" s="12"/>
    </row>
    <row r="393322" spans="8:8">
      <c r="H393322" s="12"/>
    </row>
    <row r="393323" spans="8:8">
      <c r="H393323" s="12"/>
    </row>
    <row r="393324" spans="8:8">
      <c r="H393324" s="12"/>
    </row>
    <row r="393325" spans="8:8">
      <c r="H393325" s="12"/>
    </row>
    <row r="393326" spans="8:8">
      <c r="H393326" s="12"/>
    </row>
    <row r="393327" spans="8:8">
      <c r="H393327" s="12"/>
    </row>
    <row r="393328" spans="8:8">
      <c r="H393328" s="12"/>
    </row>
    <row r="393329" spans="8:8">
      <c r="H393329" s="12"/>
    </row>
    <row r="393330" spans="8:8">
      <c r="H393330" s="12"/>
    </row>
    <row r="393331" spans="8:8">
      <c r="H393331" s="12"/>
    </row>
    <row r="393332" spans="8:8">
      <c r="H393332" s="12"/>
    </row>
    <row r="393333" spans="8:8">
      <c r="H393333" s="12"/>
    </row>
    <row r="393334" spans="8:8">
      <c r="H393334" s="12"/>
    </row>
    <row r="393335" spans="8:8">
      <c r="H393335" s="12"/>
    </row>
    <row r="393336" spans="8:8">
      <c r="H393336" s="12"/>
    </row>
    <row r="393337" spans="8:8">
      <c r="H393337" s="12"/>
    </row>
    <row r="393338" spans="8:8">
      <c r="H393338" s="12"/>
    </row>
    <row r="393339" spans="8:8">
      <c r="H393339" s="12"/>
    </row>
    <row r="393340" spans="8:8">
      <c r="H393340" s="12"/>
    </row>
    <row r="393341" spans="8:8">
      <c r="H393341" s="12"/>
    </row>
    <row r="393342" spans="8:8">
      <c r="H393342" s="12"/>
    </row>
    <row r="393343" spans="8:8">
      <c r="H393343" s="12"/>
    </row>
    <row r="393344" spans="8:8">
      <c r="H393344" s="12"/>
    </row>
    <row r="393345" spans="8:8">
      <c r="H393345" s="12"/>
    </row>
    <row r="393346" spans="8:8">
      <c r="H393346" s="12"/>
    </row>
    <row r="393347" spans="8:8">
      <c r="H393347" s="12"/>
    </row>
    <row r="393348" spans="8:8">
      <c r="H393348" s="12"/>
    </row>
    <row r="393349" spans="8:8">
      <c r="H393349" s="12"/>
    </row>
    <row r="393350" spans="8:8">
      <c r="H393350" s="12"/>
    </row>
    <row r="393351" spans="8:8">
      <c r="H393351" s="12"/>
    </row>
    <row r="393352" spans="8:8">
      <c r="H393352" s="12"/>
    </row>
    <row r="393353" spans="8:8">
      <c r="H393353" s="12"/>
    </row>
    <row r="393354" spans="8:8">
      <c r="H393354" s="12"/>
    </row>
    <row r="393355" spans="8:8">
      <c r="H393355" s="12"/>
    </row>
    <row r="393356" spans="8:8">
      <c r="H393356" s="12"/>
    </row>
    <row r="393357" spans="8:8">
      <c r="H393357" s="12"/>
    </row>
    <row r="393358" spans="8:8">
      <c r="H393358" s="12"/>
    </row>
    <row r="393359" spans="8:8">
      <c r="H393359" s="12"/>
    </row>
    <row r="393360" spans="8:8">
      <c r="H393360" s="12"/>
    </row>
    <row r="393361" spans="8:8">
      <c r="H393361" s="12"/>
    </row>
    <row r="393362" spans="8:8">
      <c r="H393362" s="12"/>
    </row>
    <row r="393363" spans="8:8">
      <c r="H393363" s="12"/>
    </row>
    <row r="393364" spans="8:8">
      <c r="H393364" s="12"/>
    </row>
    <row r="393365" spans="8:8">
      <c r="H393365" s="12"/>
    </row>
    <row r="393366" spans="8:8">
      <c r="H393366" s="12"/>
    </row>
    <row r="393367" spans="8:8">
      <c r="H393367" s="12"/>
    </row>
    <row r="393368" spans="8:8">
      <c r="H393368" s="12"/>
    </row>
    <row r="393369" spans="8:8">
      <c r="H393369" s="12"/>
    </row>
    <row r="393370" spans="8:8">
      <c r="H393370" s="12"/>
    </row>
    <row r="393371" spans="8:8">
      <c r="H393371" s="12"/>
    </row>
    <row r="393372" spans="8:8">
      <c r="H393372" s="12"/>
    </row>
    <row r="393373" spans="8:8">
      <c r="H393373" s="12"/>
    </row>
    <row r="393374" spans="8:8">
      <c r="H393374" s="12"/>
    </row>
    <row r="393375" spans="8:8">
      <c r="H393375" s="12"/>
    </row>
    <row r="393376" spans="8:8">
      <c r="H393376" s="12"/>
    </row>
    <row r="393377" spans="8:8">
      <c r="H393377" s="12"/>
    </row>
    <row r="393378" spans="8:8">
      <c r="H393378" s="12"/>
    </row>
    <row r="393379" spans="8:8">
      <c r="H393379" s="12"/>
    </row>
    <row r="393380" spans="8:8">
      <c r="H393380" s="12"/>
    </row>
    <row r="393381" spans="8:8">
      <c r="H393381" s="12"/>
    </row>
    <row r="393382" spans="8:8">
      <c r="H393382" s="12"/>
    </row>
    <row r="393383" spans="8:8">
      <c r="H393383" s="12"/>
    </row>
    <row r="393384" spans="8:8">
      <c r="H393384" s="12"/>
    </row>
    <row r="393385" spans="8:8">
      <c r="H393385" s="12"/>
    </row>
    <row r="393386" spans="8:8">
      <c r="H393386" s="12"/>
    </row>
    <row r="393387" spans="8:8">
      <c r="H393387" s="12"/>
    </row>
    <row r="393388" spans="8:8">
      <c r="H393388" s="12"/>
    </row>
    <row r="393389" spans="8:8">
      <c r="H393389" s="12"/>
    </row>
    <row r="393390" spans="8:8">
      <c r="H393390" s="12"/>
    </row>
    <row r="393391" spans="8:8">
      <c r="H393391" s="12"/>
    </row>
    <row r="393392" spans="8:8">
      <c r="H393392" s="12"/>
    </row>
    <row r="393393" spans="8:8">
      <c r="H393393" s="12"/>
    </row>
    <row r="393394" spans="8:8">
      <c r="H393394" s="12"/>
    </row>
    <row r="393395" spans="8:8">
      <c r="H393395" s="12"/>
    </row>
    <row r="393396" spans="8:8">
      <c r="H393396" s="12"/>
    </row>
    <row r="393397" spans="8:8">
      <c r="H393397" s="12"/>
    </row>
    <row r="393398" spans="8:8">
      <c r="H393398" s="12"/>
    </row>
    <row r="393399" spans="8:8">
      <c r="H393399" s="12"/>
    </row>
    <row r="393400" spans="8:8">
      <c r="H393400" s="12"/>
    </row>
    <row r="393401" spans="8:8">
      <c r="H393401" s="12"/>
    </row>
    <row r="393402" spans="8:8">
      <c r="H393402" s="12"/>
    </row>
    <row r="393403" spans="8:8">
      <c r="H393403" s="12"/>
    </row>
    <row r="393404" spans="8:8">
      <c r="H393404" s="12"/>
    </row>
    <row r="393405" spans="8:8">
      <c r="H393405" s="12"/>
    </row>
    <row r="393406" spans="8:8">
      <c r="H393406" s="12"/>
    </row>
    <row r="393407" spans="8:8">
      <c r="H393407" s="12"/>
    </row>
    <row r="393408" spans="8:8">
      <c r="H393408" s="12"/>
    </row>
    <row r="393409" spans="8:8">
      <c r="H393409" s="12"/>
    </row>
    <row r="393410" spans="8:8">
      <c r="H393410" s="12"/>
    </row>
    <row r="393411" spans="8:8">
      <c r="H393411" s="12"/>
    </row>
    <row r="393412" spans="8:8">
      <c r="H393412" s="12"/>
    </row>
    <row r="393413" spans="8:8">
      <c r="H393413" s="12"/>
    </row>
    <row r="393414" spans="8:8">
      <c r="H393414" s="12"/>
    </row>
    <row r="393415" spans="8:8">
      <c r="H393415" s="12"/>
    </row>
    <row r="393416" spans="8:8">
      <c r="H393416" s="12"/>
    </row>
    <row r="393417" spans="8:8">
      <c r="H393417" s="12"/>
    </row>
    <row r="393418" spans="8:8">
      <c r="H393418" s="12"/>
    </row>
    <row r="393419" spans="8:8">
      <c r="H393419" s="12"/>
    </row>
    <row r="393420" spans="8:8">
      <c r="H393420" s="12"/>
    </row>
    <row r="393421" spans="8:8">
      <c r="H393421" s="12"/>
    </row>
    <row r="393422" spans="8:8">
      <c r="H393422" s="12"/>
    </row>
    <row r="393423" spans="8:8">
      <c r="H393423" s="12"/>
    </row>
    <row r="393424" spans="8:8">
      <c r="H393424" s="12"/>
    </row>
    <row r="393425" spans="8:8">
      <c r="H393425" s="12"/>
    </row>
    <row r="393426" spans="8:8">
      <c r="H393426" s="12"/>
    </row>
    <row r="393427" spans="8:8">
      <c r="H393427" s="12"/>
    </row>
    <row r="393428" spans="8:8">
      <c r="H393428" s="12"/>
    </row>
    <row r="393429" spans="8:8">
      <c r="H393429" s="12"/>
    </row>
    <row r="393430" spans="8:8">
      <c r="H393430" s="12"/>
    </row>
    <row r="393431" spans="8:8">
      <c r="H393431" s="12"/>
    </row>
    <row r="393432" spans="8:8">
      <c r="H393432" s="12"/>
    </row>
    <row r="393433" spans="8:8">
      <c r="H393433" s="12"/>
    </row>
    <row r="393434" spans="8:8">
      <c r="H393434" s="12"/>
    </row>
    <row r="393435" spans="8:8">
      <c r="H393435" s="12"/>
    </row>
    <row r="393436" spans="8:8">
      <c r="H393436" s="12"/>
    </row>
    <row r="393437" spans="8:8">
      <c r="H393437" s="12"/>
    </row>
    <row r="393438" spans="8:8">
      <c r="H393438" s="12"/>
    </row>
    <row r="393439" spans="8:8">
      <c r="H393439" s="12"/>
    </row>
    <row r="393440" spans="8:8">
      <c r="H393440" s="12"/>
    </row>
    <row r="393441" spans="8:8">
      <c r="H393441" s="12"/>
    </row>
    <row r="393442" spans="8:8">
      <c r="H393442" s="12"/>
    </row>
    <row r="393443" spans="8:8">
      <c r="H393443" s="12"/>
    </row>
    <row r="393444" spans="8:8">
      <c r="H393444" s="12"/>
    </row>
    <row r="393445" spans="8:8">
      <c r="H393445" s="12"/>
    </row>
    <row r="393446" spans="8:8">
      <c r="H393446" s="12"/>
    </row>
    <row r="393447" spans="8:8">
      <c r="H393447" s="12"/>
    </row>
    <row r="393448" spans="8:8">
      <c r="H393448" s="12"/>
    </row>
    <row r="393449" spans="8:8">
      <c r="H393449" s="12"/>
    </row>
    <row r="393450" spans="8:8">
      <c r="H393450" s="12"/>
    </row>
    <row r="393451" spans="8:8">
      <c r="H393451" s="12"/>
    </row>
    <row r="393452" spans="8:8">
      <c r="H393452" s="12"/>
    </row>
    <row r="393453" spans="8:8">
      <c r="H393453" s="12"/>
    </row>
    <row r="393454" spans="8:8">
      <c r="H393454" s="12"/>
    </row>
    <row r="393455" spans="8:8">
      <c r="H393455" s="12"/>
    </row>
    <row r="393456" spans="8:8">
      <c r="H393456" s="12"/>
    </row>
    <row r="393457" spans="8:8">
      <c r="H393457" s="12"/>
    </row>
    <row r="393458" spans="8:8">
      <c r="H393458" s="12"/>
    </row>
    <row r="393459" spans="8:8">
      <c r="H393459" s="12"/>
    </row>
    <row r="393460" spans="8:8">
      <c r="H393460" s="12"/>
    </row>
    <row r="393461" spans="8:8">
      <c r="H393461" s="12"/>
    </row>
    <row r="393462" spans="8:8">
      <c r="H393462" s="12"/>
    </row>
    <row r="393463" spans="8:8">
      <c r="H393463" s="12"/>
    </row>
    <row r="393464" spans="8:8">
      <c r="H393464" s="12"/>
    </row>
    <row r="393465" spans="8:8">
      <c r="H393465" s="12"/>
    </row>
    <row r="393466" spans="8:8">
      <c r="H393466" s="12"/>
    </row>
    <row r="393467" spans="8:8">
      <c r="H393467" s="12"/>
    </row>
    <row r="393468" spans="8:8">
      <c r="H393468" s="12"/>
    </row>
    <row r="393469" spans="8:8">
      <c r="H393469" s="12"/>
    </row>
    <row r="393470" spans="8:8">
      <c r="H393470" s="12"/>
    </row>
    <row r="393471" spans="8:8">
      <c r="H393471" s="12"/>
    </row>
    <row r="393472" spans="8:8">
      <c r="H393472" s="12"/>
    </row>
    <row r="393473" spans="8:8">
      <c r="H393473" s="12"/>
    </row>
    <row r="393474" spans="8:8">
      <c r="H393474" s="12"/>
    </row>
    <row r="393475" spans="8:8">
      <c r="H393475" s="12"/>
    </row>
    <row r="393476" spans="8:8">
      <c r="H393476" s="12"/>
    </row>
    <row r="393477" spans="8:8">
      <c r="H393477" s="12"/>
    </row>
    <row r="393478" spans="8:8">
      <c r="H393478" s="12"/>
    </row>
    <row r="393479" spans="8:8">
      <c r="H393479" s="12"/>
    </row>
    <row r="393480" spans="8:8">
      <c r="H393480" s="12"/>
    </row>
    <row r="393481" spans="8:8">
      <c r="H393481" s="12"/>
    </row>
    <row r="393482" spans="8:8">
      <c r="H393482" s="12"/>
    </row>
    <row r="393483" spans="8:8">
      <c r="H393483" s="12"/>
    </row>
    <row r="393484" spans="8:8">
      <c r="H393484" s="12"/>
    </row>
    <row r="393485" spans="8:8">
      <c r="H393485" s="12"/>
    </row>
    <row r="393486" spans="8:8">
      <c r="H393486" s="12"/>
    </row>
    <row r="393487" spans="8:8">
      <c r="H393487" s="12"/>
    </row>
    <row r="393488" spans="8:8">
      <c r="H393488" s="12"/>
    </row>
    <row r="393489" spans="8:8">
      <c r="H393489" s="12"/>
    </row>
    <row r="393490" spans="8:8">
      <c r="H393490" s="12"/>
    </row>
    <row r="393491" spans="8:8">
      <c r="H393491" s="12"/>
    </row>
    <row r="393492" spans="8:8">
      <c r="H393492" s="12"/>
    </row>
    <row r="393493" spans="8:8">
      <c r="H393493" s="12"/>
    </row>
    <row r="393494" spans="8:8">
      <c r="H393494" s="12"/>
    </row>
    <row r="393495" spans="8:8">
      <c r="H393495" s="12"/>
    </row>
    <row r="393496" spans="8:8">
      <c r="H393496" s="12"/>
    </row>
    <row r="393497" spans="8:8">
      <c r="H393497" s="12"/>
    </row>
    <row r="393498" spans="8:8">
      <c r="H393498" s="12"/>
    </row>
    <row r="393499" spans="8:8">
      <c r="H393499" s="12"/>
    </row>
    <row r="393500" spans="8:8">
      <c r="H393500" s="12"/>
    </row>
    <row r="393501" spans="8:8">
      <c r="H393501" s="12"/>
    </row>
    <row r="393502" spans="8:8">
      <c r="H393502" s="12"/>
    </row>
    <row r="393503" spans="8:8">
      <c r="H393503" s="12"/>
    </row>
    <row r="393504" spans="8:8">
      <c r="H393504" s="12"/>
    </row>
    <row r="393505" spans="8:8">
      <c r="H393505" s="12"/>
    </row>
    <row r="393506" spans="8:8">
      <c r="H393506" s="12"/>
    </row>
    <row r="393507" spans="8:8">
      <c r="H393507" s="12"/>
    </row>
    <row r="393508" spans="8:8">
      <c r="H393508" s="12"/>
    </row>
    <row r="393509" spans="8:8">
      <c r="H393509" s="12"/>
    </row>
    <row r="393510" spans="8:8">
      <c r="H393510" s="12"/>
    </row>
    <row r="393511" spans="8:8">
      <c r="H393511" s="12"/>
    </row>
    <row r="393512" spans="8:8">
      <c r="H393512" s="12"/>
    </row>
    <row r="393513" spans="8:8">
      <c r="H393513" s="12"/>
    </row>
    <row r="393514" spans="8:8">
      <c r="H393514" s="12"/>
    </row>
    <row r="393515" spans="8:8">
      <c r="H393515" s="12"/>
    </row>
    <row r="393516" spans="8:8">
      <c r="H393516" s="12"/>
    </row>
    <row r="393517" spans="8:8">
      <c r="H393517" s="12"/>
    </row>
    <row r="393518" spans="8:8">
      <c r="H393518" s="12"/>
    </row>
    <row r="393519" spans="8:8">
      <c r="H393519" s="12"/>
    </row>
    <row r="393520" spans="8:8">
      <c r="H393520" s="12"/>
    </row>
    <row r="393521" spans="8:8">
      <c r="H393521" s="12"/>
    </row>
    <row r="393522" spans="8:8">
      <c r="H393522" s="12"/>
    </row>
    <row r="393523" spans="8:8">
      <c r="H393523" s="12"/>
    </row>
    <row r="393524" spans="8:8">
      <c r="H393524" s="12"/>
    </row>
    <row r="393525" spans="8:8">
      <c r="H393525" s="12"/>
    </row>
    <row r="393526" spans="8:8">
      <c r="H393526" s="12"/>
    </row>
    <row r="393527" spans="8:8">
      <c r="H393527" s="12"/>
    </row>
    <row r="393528" spans="8:8">
      <c r="H393528" s="12"/>
    </row>
    <row r="393529" spans="8:8">
      <c r="H393529" s="12"/>
    </row>
    <row r="393530" spans="8:8">
      <c r="H393530" s="12"/>
    </row>
    <row r="393531" spans="8:8">
      <c r="H393531" s="12"/>
    </row>
    <row r="393532" spans="8:8">
      <c r="H393532" s="12"/>
    </row>
    <row r="393533" spans="8:8">
      <c r="H393533" s="12"/>
    </row>
    <row r="393534" spans="8:8">
      <c r="H393534" s="12"/>
    </row>
    <row r="393535" spans="8:8">
      <c r="H393535" s="12"/>
    </row>
    <row r="393536" spans="8:8">
      <c r="H393536" s="12"/>
    </row>
    <row r="393537" spans="8:8">
      <c r="H393537" s="12"/>
    </row>
    <row r="393538" spans="8:8">
      <c r="H393538" s="12"/>
    </row>
    <row r="393539" spans="8:8">
      <c r="H393539" s="12"/>
    </row>
    <row r="393540" spans="8:8">
      <c r="H393540" s="12"/>
    </row>
    <row r="393541" spans="8:8">
      <c r="H393541" s="12"/>
    </row>
    <row r="393542" spans="8:8">
      <c r="H393542" s="12"/>
    </row>
    <row r="393543" spans="8:8">
      <c r="H393543" s="12"/>
    </row>
    <row r="393544" spans="8:8">
      <c r="H393544" s="12"/>
    </row>
    <row r="393545" spans="8:8">
      <c r="H393545" s="12"/>
    </row>
    <row r="393546" spans="8:8">
      <c r="H393546" s="12"/>
    </row>
    <row r="393547" spans="8:8">
      <c r="H393547" s="12"/>
    </row>
    <row r="393548" spans="8:8">
      <c r="H393548" s="12"/>
    </row>
    <row r="393549" spans="8:8">
      <c r="H393549" s="12"/>
    </row>
    <row r="393550" spans="8:8">
      <c r="H393550" s="12"/>
    </row>
    <row r="393551" spans="8:8">
      <c r="H393551" s="12"/>
    </row>
    <row r="393552" spans="8:8">
      <c r="H393552" s="12"/>
    </row>
    <row r="393553" spans="8:8">
      <c r="H393553" s="12"/>
    </row>
    <row r="393554" spans="8:8">
      <c r="H393554" s="12"/>
    </row>
    <row r="393555" spans="8:8">
      <c r="H393555" s="12"/>
    </row>
    <row r="393556" spans="8:8">
      <c r="H393556" s="12"/>
    </row>
    <row r="393557" spans="8:8">
      <c r="H393557" s="12"/>
    </row>
    <row r="393558" spans="8:8">
      <c r="H393558" s="12"/>
    </row>
    <row r="393559" spans="8:8">
      <c r="H393559" s="12"/>
    </row>
    <row r="393560" spans="8:8">
      <c r="H393560" s="12"/>
    </row>
    <row r="393561" spans="8:8">
      <c r="H393561" s="12"/>
    </row>
    <row r="393562" spans="8:8">
      <c r="H393562" s="12"/>
    </row>
    <row r="393563" spans="8:8">
      <c r="H393563" s="12"/>
    </row>
    <row r="393564" spans="8:8">
      <c r="H393564" s="12"/>
    </row>
    <row r="393565" spans="8:8">
      <c r="H393565" s="12"/>
    </row>
    <row r="393566" spans="8:8">
      <c r="H393566" s="12"/>
    </row>
    <row r="393567" spans="8:8">
      <c r="H393567" s="12"/>
    </row>
    <row r="393568" spans="8:8">
      <c r="H393568" s="12"/>
    </row>
    <row r="393569" spans="8:8">
      <c r="H393569" s="12"/>
    </row>
    <row r="393570" spans="8:8">
      <c r="H393570" s="12"/>
    </row>
    <row r="393571" spans="8:8">
      <c r="H393571" s="12"/>
    </row>
    <row r="393572" spans="8:8">
      <c r="H393572" s="12"/>
    </row>
    <row r="393573" spans="8:8">
      <c r="H393573" s="12"/>
    </row>
    <row r="393574" spans="8:8">
      <c r="H393574" s="12"/>
    </row>
    <row r="393575" spans="8:8">
      <c r="H393575" s="12"/>
    </row>
    <row r="393576" spans="8:8">
      <c r="H393576" s="12"/>
    </row>
    <row r="393577" spans="8:8">
      <c r="H393577" s="12"/>
    </row>
    <row r="393578" spans="8:8">
      <c r="H393578" s="12"/>
    </row>
    <row r="393579" spans="8:8">
      <c r="H393579" s="12"/>
    </row>
    <row r="393580" spans="8:8">
      <c r="H393580" s="12"/>
    </row>
    <row r="393581" spans="8:8">
      <c r="H393581" s="12"/>
    </row>
    <row r="393582" spans="8:8">
      <c r="H393582" s="12"/>
    </row>
    <row r="393583" spans="8:8">
      <c r="H393583" s="12"/>
    </row>
    <row r="393584" spans="8:8">
      <c r="H393584" s="12"/>
    </row>
    <row r="393585" spans="8:8">
      <c r="H393585" s="12"/>
    </row>
    <row r="393586" spans="8:8">
      <c r="H393586" s="12"/>
    </row>
    <row r="393587" spans="8:8">
      <c r="H393587" s="12"/>
    </row>
    <row r="393588" spans="8:8">
      <c r="H393588" s="12"/>
    </row>
    <row r="393589" spans="8:8">
      <c r="H393589" s="12"/>
    </row>
    <row r="393590" spans="8:8">
      <c r="H393590" s="12"/>
    </row>
    <row r="393591" spans="8:8">
      <c r="H393591" s="12"/>
    </row>
    <row r="393592" spans="8:8">
      <c r="H393592" s="12"/>
    </row>
    <row r="393593" spans="8:8">
      <c r="H393593" s="12"/>
    </row>
    <row r="393594" spans="8:8">
      <c r="H393594" s="12"/>
    </row>
    <row r="393595" spans="8:8">
      <c r="H393595" s="12"/>
    </row>
    <row r="393596" spans="8:8">
      <c r="H393596" s="12"/>
    </row>
    <row r="393597" spans="8:8">
      <c r="H393597" s="12"/>
    </row>
    <row r="393598" spans="8:8">
      <c r="H393598" s="12"/>
    </row>
    <row r="393599" spans="8:8">
      <c r="H393599" s="12"/>
    </row>
    <row r="393600" spans="8:8">
      <c r="H393600" s="12"/>
    </row>
    <row r="393601" spans="8:8">
      <c r="H393601" s="12"/>
    </row>
    <row r="393602" spans="8:8">
      <c r="H393602" s="12"/>
    </row>
    <row r="393603" spans="8:8">
      <c r="H393603" s="12"/>
    </row>
    <row r="393604" spans="8:8">
      <c r="H393604" s="12"/>
    </row>
    <row r="393605" spans="8:8">
      <c r="H393605" s="12"/>
    </row>
    <row r="393606" spans="8:8">
      <c r="H393606" s="12"/>
    </row>
    <row r="393607" spans="8:8">
      <c r="H393607" s="12"/>
    </row>
    <row r="393608" spans="8:8">
      <c r="H393608" s="12"/>
    </row>
    <row r="393609" spans="8:8">
      <c r="H393609" s="12"/>
    </row>
    <row r="393610" spans="8:8">
      <c r="H393610" s="12"/>
    </row>
    <row r="393611" spans="8:8">
      <c r="H393611" s="12"/>
    </row>
    <row r="393612" spans="8:8">
      <c r="H393612" s="12"/>
    </row>
    <row r="393613" spans="8:8">
      <c r="H393613" s="12"/>
    </row>
    <row r="393614" spans="8:8">
      <c r="H393614" s="12"/>
    </row>
    <row r="393615" spans="8:8">
      <c r="H393615" s="12"/>
    </row>
    <row r="393616" spans="8:8">
      <c r="H393616" s="12"/>
    </row>
    <row r="393617" spans="8:8">
      <c r="H393617" s="12"/>
    </row>
    <row r="393618" spans="8:8">
      <c r="H393618" s="12"/>
    </row>
    <row r="393619" spans="8:8">
      <c r="H393619" s="12"/>
    </row>
    <row r="393620" spans="8:8">
      <c r="H393620" s="12"/>
    </row>
    <row r="393621" spans="8:8">
      <c r="H393621" s="12"/>
    </row>
    <row r="393622" spans="8:8">
      <c r="H393622" s="12"/>
    </row>
    <row r="393623" spans="8:8">
      <c r="H393623" s="12"/>
    </row>
    <row r="393624" spans="8:8">
      <c r="H393624" s="12"/>
    </row>
    <row r="393625" spans="8:8">
      <c r="H393625" s="12"/>
    </row>
    <row r="393626" spans="8:8">
      <c r="H393626" s="12"/>
    </row>
    <row r="393627" spans="8:8">
      <c r="H393627" s="12"/>
    </row>
    <row r="393628" spans="8:8">
      <c r="H393628" s="12"/>
    </row>
    <row r="393629" spans="8:8">
      <c r="H393629" s="12"/>
    </row>
    <row r="393630" spans="8:8">
      <c r="H393630" s="12"/>
    </row>
    <row r="393631" spans="8:8">
      <c r="H393631" s="12"/>
    </row>
    <row r="393632" spans="8:8">
      <c r="H393632" s="12"/>
    </row>
    <row r="393633" spans="8:8">
      <c r="H393633" s="12"/>
    </row>
    <row r="393634" spans="8:8">
      <c r="H393634" s="12"/>
    </row>
    <row r="393635" spans="8:8">
      <c r="H393635" s="12"/>
    </row>
    <row r="393636" spans="8:8">
      <c r="H393636" s="12"/>
    </row>
    <row r="393637" spans="8:8">
      <c r="H393637" s="12"/>
    </row>
    <row r="393638" spans="8:8">
      <c r="H393638" s="12"/>
    </row>
    <row r="393639" spans="8:8">
      <c r="H393639" s="12"/>
    </row>
    <row r="393640" spans="8:8">
      <c r="H393640" s="12"/>
    </row>
    <row r="393641" spans="8:8">
      <c r="H393641" s="12"/>
    </row>
    <row r="393642" spans="8:8">
      <c r="H393642" s="12"/>
    </row>
    <row r="393643" spans="8:8">
      <c r="H393643" s="12"/>
    </row>
    <row r="393644" spans="8:8">
      <c r="H393644" s="12"/>
    </row>
    <row r="393645" spans="8:8">
      <c r="H393645" s="12"/>
    </row>
    <row r="393646" spans="8:8">
      <c r="H393646" s="12"/>
    </row>
    <row r="393647" spans="8:8">
      <c r="H393647" s="12"/>
    </row>
    <row r="393648" spans="8:8">
      <c r="H393648" s="12"/>
    </row>
    <row r="393649" spans="8:8">
      <c r="H393649" s="12"/>
    </row>
    <row r="393650" spans="8:8">
      <c r="H393650" s="12"/>
    </row>
    <row r="393651" spans="8:8">
      <c r="H393651" s="12"/>
    </row>
    <row r="393652" spans="8:8">
      <c r="H393652" s="12"/>
    </row>
    <row r="393653" spans="8:8">
      <c r="H393653" s="12"/>
    </row>
    <row r="393654" spans="8:8">
      <c r="H393654" s="12"/>
    </row>
    <row r="393655" spans="8:8">
      <c r="H393655" s="12"/>
    </row>
    <row r="393656" spans="8:8">
      <c r="H393656" s="12"/>
    </row>
    <row r="393657" spans="8:8">
      <c r="H393657" s="12"/>
    </row>
    <row r="393658" spans="8:8">
      <c r="H393658" s="12"/>
    </row>
    <row r="393659" spans="8:8">
      <c r="H393659" s="12"/>
    </row>
    <row r="393660" spans="8:8">
      <c r="H393660" s="12"/>
    </row>
    <row r="393661" spans="8:8">
      <c r="H393661" s="12"/>
    </row>
    <row r="393662" spans="8:8">
      <c r="H393662" s="12"/>
    </row>
    <row r="393663" spans="8:8">
      <c r="H393663" s="12"/>
    </row>
    <row r="393664" spans="8:8">
      <c r="H393664" s="12"/>
    </row>
    <row r="393665" spans="8:8">
      <c r="H393665" s="12"/>
    </row>
    <row r="393666" spans="8:8">
      <c r="H393666" s="12"/>
    </row>
    <row r="393667" spans="8:8">
      <c r="H393667" s="12"/>
    </row>
    <row r="393668" spans="8:8">
      <c r="H393668" s="12"/>
    </row>
    <row r="393669" spans="8:8">
      <c r="H393669" s="12"/>
    </row>
    <row r="393670" spans="8:8">
      <c r="H393670" s="12"/>
    </row>
    <row r="393671" spans="8:8">
      <c r="H393671" s="12"/>
    </row>
    <row r="393672" spans="8:8">
      <c r="H393672" s="12"/>
    </row>
    <row r="393673" spans="8:8">
      <c r="H393673" s="12"/>
    </row>
    <row r="393674" spans="8:8">
      <c r="H393674" s="12"/>
    </row>
    <row r="393675" spans="8:8">
      <c r="H393675" s="12"/>
    </row>
    <row r="393676" spans="8:8">
      <c r="H393676" s="12"/>
    </row>
    <row r="393677" spans="8:8">
      <c r="H393677" s="12"/>
    </row>
    <row r="393678" spans="8:8">
      <c r="H393678" s="12"/>
    </row>
    <row r="393679" spans="8:8">
      <c r="H393679" s="12"/>
    </row>
    <row r="393680" spans="8:8">
      <c r="H393680" s="12"/>
    </row>
    <row r="393681" spans="8:8">
      <c r="H393681" s="12"/>
    </row>
    <row r="393682" spans="8:8">
      <c r="H393682" s="12"/>
    </row>
    <row r="393683" spans="8:8">
      <c r="H393683" s="12"/>
    </row>
    <row r="393684" spans="8:8">
      <c r="H393684" s="12"/>
    </row>
    <row r="393685" spans="8:8">
      <c r="H393685" s="12"/>
    </row>
    <row r="393686" spans="8:8">
      <c r="H393686" s="12"/>
    </row>
    <row r="393687" spans="8:8">
      <c r="H393687" s="12"/>
    </row>
    <row r="393688" spans="8:8">
      <c r="H393688" s="12"/>
    </row>
    <row r="393689" spans="8:8">
      <c r="H393689" s="12"/>
    </row>
    <row r="393690" spans="8:8">
      <c r="H393690" s="12"/>
    </row>
    <row r="393691" spans="8:8">
      <c r="H393691" s="12"/>
    </row>
    <row r="393692" spans="8:8">
      <c r="H393692" s="12"/>
    </row>
    <row r="393693" spans="8:8">
      <c r="H393693" s="12"/>
    </row>
    <row r="393694" spans="8:8">
      <c r="H393694" s="12"/>
    </row>
    <row r="393695" spans="8:8">
      <c r="H393695" s="12"/>
    </row>
    <row r="393696" spans="8:8">
      <c r="H393696" s="12"/>
    </row>
    <row r="393697" spans="8:8">
      <c r="H393697" s="12"/>
    </row>
    <row r="393698" spans="8:8">
      <c r="H393698" s="12"/>
    </row>
    <row r="393699" spans="8:8">
      <c r="H393699" s="12"/>
    </row>
    <row r="393700" spans="8:8">
      <c r="H393700" s="12"/>
    </row>
    <row r="393701" spans="8:8">
      <c r="H393701" s="12"/>
    </row>
    <row r="393702" spans="8:8">
      <c r="H393702" s="12"/>
    </row>
    <row r="393703" spans="8:8">
      <c r="H393703" s="12"/>
    </row>
    <row r="393704" spans="8:8">
      <c r="H393704" s="12"/>
    </row>
    <row r="393705" spans="8:8">
      <c r="H393705" s="12"/>
    </row>
    <row r="393706" spans="8:8">
      <c r="H393706" s="12"/>
    </row>
    <row r="393707" spans="8:8">
      <c r="H393707" s="12"/>
    </row>
    <row r="393708" spans="8:8">
      <c r="H393708" s="12"/>
    </row>
    <row r="393709" spans="8:8">
      <c r="H393709" s="12"/>
    </row>
    <row r="393710" spans="8:8">
      <c r="H393710" s="12"/>
    </row>
    <row r="393711" spans="8:8">
      <c r="H393711" s="12"/>
    </row>
    <row r="393712" spans="8:8">
      <c r="H393712" s="12"/>
    </row>
    <row r="393713" spans="8:8">
      <c r="H393713" s="12"/>
    </row>
    <row r="393714" spans="8:8">
      <c r="H393714" s="12"/>
    </row>
    <row r="393715" spans="8:8">
      <c r="H393715" s="12"/>
    </row>
    <row r="393716" spans="8:8">
      <c r="H393716" s="12"/>
    </row>
    <row r="393717" spans="8:8">
      <c r="H393717" s="12"/>
    </row>
    <row r="393718" spans="8:8">
      <c r="H393718" s="12"/>
    </row>
    <row r="393719" spans="8:8">
      <c r="H393719" s="12"/>
    </row>
    <row r="393720" spans="8:8">
      <c r="H393720" s="12"/>
    </row>
    <row r="393721" spans="8:8">
      <c r="H393721" s="12"/>
    </row>
    <row r="393722" spans="8:8">
      <c r="H393722" s="12"/>
    </row>
    <row r="393723" spans="8:8">
      <c r="H393723" s="12"/>
    </row>
    <row r="393724" spans="8:8">
      <c r="H393724" s="12"/>
    </row>
    <row r="393725" spans="8:8">
      <c r="H393725" s="12"/>
    </row>
    <row r="393726" spans="8:8">
      <c r="H393726" s="12"/>
    </row>
    <row r="393727" spans="8:8">
      <c r="H393727" s="12"/>
    </row>
    <row r="393728" spans="8:8">
      <c r="H393728" s="12"/>
    </row>
    <row r="393729" spans="8:8">
      <c r="H393729" s="12"/>
    </row>
    <row r="393730" spans="8:8">
      <c r="H393730" s="12"/>
    </row>
    <row r="393731" spans="8:8">
      <c r="H393731" s="12"/>
    </row>
    <row r="393732" spans="8:8">
      <c r="H393732" s="12"/>
    </row>
    <row r="393733" spans="8:8">
      <c r="H393733" s="12"/>
    </row>
    <row r="393734" spans="8:8">
      <c r="H393734" s="12"/>
    </row>
    <row r="393735" spans="8:8">
      <c r="H393735" s="12"/>
    </row>
    <row r="393736" spans="8:8">
      <c r="H393736" s="12"/>
    </row>
    <row r="393737" spans="8:8">
      <c r="H393737" s="12"/>
    </row>
    <row r="393738" spans="8:8">
      <c r="H393738" s="12"/>
    </row>
    <row r="393739" spans="8:8">
      <c r="H393739" s="12"/>
    </row>
    <row r="393740" spans="8:8">
      <c r="H393740" s="12"/>
    </row>
    <row r="393741" spans="8:8">
      <c r="H393741" s="12"/>
    </row>
    <row r="393742" spans="8:8">
      <c r="H393742" s="12"/>
    </row>
    <row r="393743" spans="8:8">
      <c r="H393743" s="12"/>
    </row>
    <row r="393744" spans="8:8">
      <c r="H393744" s="12"/>
    </row>
    <row r="393745" spans="8:8">
      <c r="H393745" s="12"/>
    </row>
    <row r="393746" spans="8:8">
      <c r="H393746" s="12"/>
    </row>
    <row r="393747" spans="8:8">
      <c r="H393747" s="12"/>
    </row>
    <row r="393748" spans="8:8">
      <c r="H393748" s="12"/>
    </row>
    <row r="393749" spans="8:8">
      <c r="H393749" s="12"/>
    </row>
    <row r="393750" spans="8:8">
      <c r="H393750" s="12"/>
    </row>
    <row r="393751" spans="8:8">
      <c r="H393751" s="12"/>
    </row>
    <row r="393752" spans="8:8">
      <c r="H393752" s="12"/>
    </row>
    <row r="393753" spans="8:8">
      <c r="H393753" s="12"/>
    </row>
    <row r="393754" spans="8:8">
      <c r="H393754" s="12"/>
    </row>
    <row r="393755" spans="8:8">
      <c r="H393755" s="12"/>
    </row>
    <row r="393756" spans="8:8">
      <c r="H393756" s="12"/>
    </row>
    <row r="393757" spans="8:8">
      <c r="H393757" s="12"/>
    </row>
    <row r="393758" spans="8:8">
      <c r="H393758" s="12"/>
    </row>
    <row r="393759" spans="8:8">
      <c r="H393759" s="12"/>
    </row>
    <row r="393760" spans="8:8">
      <c r="H393760" s="12"/>
    </row>
    <row r="393761" spans="8:8">
      <c r="H393761" s="12"/>
    </row>
    <row r="393762" spans="8:8">
      <c r="H393762" s="12"/>
    </row>
    <row r="393763" spans="8:8">
      <c r="H393763" s="12"/>
    </row>
    <row r="393764" spans="8:8">
      <c r="H393764" s="12"/>
    </row>
    <row r="393765" spans="8:8">
      <c r="H393765" s="12"/>
    </row>
    <row r="393766" spans="8:8">
      <c r="H393766" s="12"/>
    </row>
    <row r="393767" spans="8:8">
      <c r="H393767" s="12"/>
    </row>
    <row r="393768" spans="8:8">
      <c r="H393768" s="12"/>
    </row>
    <row r="393769" spans="8:8">
      <c r="H393769" s="12"/>
    </row>
    <row r="393770" spans="8:8">
      <c r="H393770" s="12"/>
    </row>
    <row r="393771" spans="8:8">
      <c r="H393771" s="12"/>
    </row>
    <row r="393772" spans="8:8">
      <c r="H393772" s="12"/>
    </row>
    <row r="393773" spans="8:8">
      <c r="H393773" s="12"/>
    </row>
    <row r="393774" spans="8:8">
      <c r="H393774" s="12"/>
    </row>
    <row r="393775" spans="8:8">
      <c r="H393775" s="12"/>
    </row>
    <row r="393776" spans="8:8">
      <c r="H393776" s="12"/>
    </row>
    <row r="393777" spans="8:8">
      <c r="H393777" s="12"/>
    </row>
    <row r="393778" spans="8:8">
      <c r="H393778" s="12"/>
    </row>
    <row r="393779" spans="8:8">
      <c r="H393779" s="12"/>
    </row>
    <row r="393780" spans="8:8">
      <c r="H393780" s="12"/>
    </row>
    <row r="393781" spans="8:8">
      <c r="H393781" s="12"/>
    </row>
    <row r="393782" spans="8:8">
      <c r="H393782" s="12"/>
    </row>
    <row r="393783" spans="8:8">
      <c r="H393783" s="12"/>
    </row>
    <row r="393784" spans="8:8">
      <c r="H393784" s="12"/>
    </row>
    <row r="393785" spans="8:8">
      <c r="H393785" s="12"/>
    </row>
    <row r="393786" spans="8:8">
      <c r="H393786" s="12"/>
    </row>
    <row r="393787" spans="8:8">
      <c r="H393787" s="12"/>
    </row>
    <row r="393788" spans="8:8">
      <c r="H393788" s="12"/>
    </row>
    <row r="393789" spans="8:8">
      <c r="H393789" s="12"/>
    </row>
    <row r="393790" spans="8:8">
      <c r="H393790" s="12"/>
    </row>
    <row r="393791" spans="8:8">
      <c r="H393791" s="12"/>
    </row>
    <row r="393792" spans="8:8">
      <c r="H393792" s="12"/>
    </row>
    <row r="393793" spans="8:8">
      <c r="H393793" s="12"/>
    </row>
    <row r="393794" spans="8:8">
      <c r="H393794" s="12"/>
    </row>
    <row r="393795" spans="8:8">
      <c r="H393795" s="12"/>
    </row>
    <row r="393796" spans="8:8">
      <c r="H393796" s="12"/>
    </row>
    <row r="393797" spans="8:8">
      <c r="H393797" s="12"/>
    </row>
    <row r="393798" spans="8:8">
      <c r="H393798" s="12"/>
    </row>
    <row r="393799" spans="8:8">
      <c r="H393799" s="12"/>
    </row>
    <row r="393800" spans="8:8">
      <c r="H393800" s="12"/>
    </row>
    <row r="393801" spans="8:8">
      <c r="H393801" s="12"/>
    </row>
    <row r="393802" spans="8:8">
      <c r="H393802" s="12"/>
    </row>
    <row r="393803" spans="8:8">
      <c r="H393803" s="12"/>
    </row>
    <row r="393804" spans="8:8">
      <c r="H393804" s="12"/>
    </row>
    <row r="393805" spans="8:8">
      <c r="H393805" s="12"/>
    </row>
    <row r="393806" spans="8:8">
      <c r="H393806" s="12"/>
    </row>
    <row r="393807" spans="8:8">
      <c r="H393807" s="12"/>
    </row>
    <row r="393808" spans="8:8">
      <c r="H393808" s="12"/>
    </row>
    <row r="393809" spans="8:8">
      <c r="H393809" s="12"/>
    </row>
    <row r="393810" spans="8:8">
      <c r="H393810" s="12"/>
    </row>
    <row r="393811" spans="8:8">
      <c r="H393811" s="12"/>
    </row>
    <row r="393812" spans="8:8">
      <c r="H393812" s="12"/>
    </row>
    <row r="393813" spans="8:8">
      <c r="H393813" s="12"/>
    </row>
    <row r="393814" spans="8:8">
      <c r="H393814" s="12"/>
    </row>
    <row r="393815" spans="8:8">
      <c r="H393815" s="12"/>
    </row>
    <row r="393816" spans="8:8">
      <c r="H393816" s="12"/>
    </row>
    <row r="393817" spans="8:8">
      <c r="H393817" s="12"/>
    </row>
    <row r="393818" spans="8:8">
      <c r="H393818" s="12"/>
    </row>
    <row r="393819" spans="8:8">
      <c r="H393819" s="12"/>
    </row>
    <row r="393820" spans="8:8">
      <c r="H393820" s="12"/>
    </row>
    <row r="393821" spans="8:8">
      <c r="H393821" s="12"/>
    </row>
    <row r="393822" spans="8:8">
      <c r="H393822" s="12"/>
    </row>
    <row r="393823" spans="8:8">
      <c r="H393823" s="12"/>
    </row>
    <row r="393824" spans="8:8">
      <c r="H393824" s="12"/>
    </row>
    <row r="393825" spans="8:8">
      <c r="H393825" s="12"/>
    </row>
    <row r="393826" spans="8:8">
      <c r="H393826" s="12"/>
    </row>
    <row r="393827" spans="8:8">
      <c r="H393827" s="12"/>
    </row>
    <row r="393828" spans="8:8">
      <c r="H393828" s="12"/>
    </row>
    <row r="393829" spans="8:8">
      <c r="H393829" s="12"/>
    </row>
    <row r="393830" spans="8:8">
      <c r="H393830" s="12"/>
    </row>
    <row r="393831" spans="8:8">
      <c r="H393831" s="12"/>
    </row>
    <row r="393832" spans="8:8">
      <c r="H393832" s="12"/>
    </row>
    <row r="393833" spans="8:8">
      <c r="H393833" s="12"/>
    </row>
    <row r="393834" spans="8:8">
      <c r="H393834" s="12"/>
    </row>
    <row r="393835" spans="8:8">
      <c r="H393835" s="12"/>
    </row>
    <row r="393836" spans="8:8">
      <c r="H393836" s="12"/>
    </row>
    <row r="393837" spans="8:8">
      <c r="H393837" s="12"/>
    </row>
    <row r="393838" spans="8:8">
      <c r="H393838" s="12"/>
    </row>
    <row r="393839" spans="8:8">
      <c r="H393839" s="12"/>
    </row>
    <row r="393840" spans="8:8">
      <c r="H393840" s="12"/>
    </row>
    <row r="393841" spans="8:8">
      <c r="H393841" s="12"/>
    </row>
    <row r="393842" spans="8:8">
      <c r="H393842" s="12"/>
    </row>
    <row r="393843" spans="8:8">
      <c r="H393843" s="12"/>
    </row>
    <row r="393844" spans="8:8">
      <c r="H393844" s="12"/>
    </row>
    <row r="393845" spans="8:8">
      <c r="H393845" s="12"/>
    </row>
    <row r="393846" spans="8:8">
      <c r="H393846" s="12"/>
    </row>
    <row r="393847" spans="8:8">
      <c r="H393847" s="12"/>
    </row>
    <row r="393848" spans="8:8">
      <c r="H393848" s="12"/>
    </row>
    <row r="393849" spans="8:8">
      <c r="H393849" s="12"/>
    </row>
    <row r="393850" spans="8:8">
      <c r="H393850" s="12"/>
    </row>
    <row r="393851" spans="8:8">
      <c r="H393851" s="12"/>
    </row>
    <row r="393852" spans="8:8">
      <c r="H393852" s="12"/>
    </row>
    <row r="393853" spans="8:8">
      <c r="H393853" s="12"/>
    </row>
    <row r="393854" spans="8:8">
      <c r="H393854" s="12"/>
    </row>
    <row r="393855" spans="8:8">
      <c r="H393855" s="12"/>
    </row>
    <row r="393856" spans="8:8">
      <c r="H393856" s="12"/>
    </row>
    <row r="393857" spans="8:8">
      <c r="H393857" s="12"/>
    </row>
    <row r="393858" spans="8:8">
      <c r="H393858" s="12"/>
    </row>
    <row r="393859" spans="8:8">
      <c r="H393859" s="12"/>
    </row>
    <row r="393860" spans="8:8">
      <c r="H393860" s="12"/>
    </row>
    <row r="393861" spans="8:8">
      <c r="H393861" s="12"/>
    </row>
    <row r="393862" spans="8:8">
      <c r="H393862" s="12"/>
    </row>
    <row r="393863" spans="8:8">
      <c r="H393863" s="12"/>
    </row>
    <row r="393864" spans="8:8">
      <c r="H393864" s="12"/>
    </row>
    <row r="393865" spans="8:8">
      <c r="H393865" s="12"/>
    </row>
    <row r="393866" spans="8:8">
      <c r="H393866" s="12"/>
    </row>
    <row r="393867" spans="8:8">
      <c r="H393867" s="12"/>
    </row>
    <row r="393868" spans="8:8">
      <c r="H393868" s="12"/>
    </row>
    <row r="393869" spans="8:8">
      <c r="H393869" s="12"/>
    </row>
    <row r="393870" spans="8:8">
      <c r="H393870" s="12"/>
    </row>
    <row r="393871" spans="8:8">
      <c r="H393871" s="12"/>
    </row>
    <row r="393872" spans="8:8">
      <c r="H393872" s="12"/>
    </row>
    <row r="393873" spans="8:8">
      <c r="H393873" s="12"/>
    </row>
    <row r="393874" spans="8:8">
      <c r="H393874" s="12"/>
    </row>
    <row r="393875" spans="8:8">
      <c r="H393875" s="12"/>
    </row>
    <row r="393876" spans="8:8">
      <c r="H393876" s="12"/>
    </row>
    <row r="393877" spans="8:8">
      <c r="H393877" s="12"/>
    </row>
    <row r="393878" spans="8:8">
      <c r="H393878" s="12"/>
    </row>
    <row r="393879" spans="8:8">
      <c r="H393879" s="12"/>
    </row>
    <row r="393880" spans="8:8">
      <c r="H393880" s="12"/>
    </row>
    <row r="393881" spans="8:8">
      <c r="H393881" s="12"/>
    </row>
    <row r="393882" spans="8:8">
      <c r="H393882" s="12"/>
    </row>
    <row r="393883" spans="8:8">
      <c r="H393883" s="12"/>
    </row>
    <row r="393884" spans="8:8">
      <c r="H393884" s="12"/>
    </row>
    <row r="393885" spans="8:8">
      <c r="H393885" s="12"/>
    </row>
    <row r="393886" spans="8:8">
      <c r="H393886" s="12"/>
    </row>
    <row r="393887" spans="8:8">
      <c r="H393887" s="12"/>
    </row>
    <row r="393888" spans="8:8">
      <c r="H393888" s="12"/>
    </row>
    <row r="393889" spans="8:8">
      <c r="H393889" s="12"/>
    </row>
    <row r="393890" spans="8:8">
      <c r="H393890" s="12"/>
    </row>
    <row r="393891" spans="8:8">
      <c r="H393891" s="12"/>
    </row>
    <row r="393892" spans="8:8">
      <c r="H393892" s="12"/>
    </row>
    <row r="393893" spans="8:8">
      <c r="H393893" s="12"/>
    </row>
    <row r="393894" spans="8:8">
      <c r="H393894" s="12"/>
    </row>
    <row r="393895" spans="8:8">
      <c r="H393895" s="12"/>
    </row>
    <row r="393896" spans="8:8">
      <c r="H393896" s="12"/>
    </row>
    <row r="393897" spans="8:8">
      <c r="H393897" s="12"/>
    </row>
    <row r="393898" spans="8:8">
      <c r="H393898" s="12"/>
    </row>
    <row r="393899" spans="8:8">
      <c r="H393899" s="12"/>
    </row>
    <row r="393900" spans="8:8">
      <c r="H393900" s="12"/>
    </row>
    <row r="393901" spans="8:8">
      <c r="H393901" s="12"/>
    </row>
    <row r="393902" spans="8:8">
      <c r="H393902" s="12"/>
    </row>
    <row r="393903" spans="8:8">
      <c r="H393903" s="12"/>
    </row>
    <row r="393904" spans="8:8">
      <c r="H393904" s="12"/>
    </row>
    <row r="393905" spans="8:8">
      <c r="H393905" s="12"/>
    </row>
    <row r="393906" spans="8:8">
      <c r="H393906" s="12"/>
    </row>
    <row r="393907" spans="8:8">
      <c r="H393907" s="12"/>
    </row>
    <row r="393908" spans="8:8">
      <c r="H393908" s="12"/>
    </row>
    <row r="393909" spans="8:8">
      <c r="H393909" s="12"/>
    </row>
    <row r="393910" spans="8:8">
      <c r="H393910" s="12"/>
    </row>
    <row r="393911" spans="8:8">
      <c r="H393911" s="12"/>
    </row>
    <row r="393912" spans="8:8">
      <c r="H393912" s="12"/>
    </row>
    <row r="393913" spans="8:8">
      <c r="H393913" s="12"/>
    </row>
    <row r="393914" spans="8:8">
      <c r="H393914" s="12"/>
    </row>
    <row r="393915" spans="8:8">
      <c r="H393915" s="12"/>
    </row>
    <row r="393916" spans="8:8">
      <c r="H393916" s="12"/>
    </row>
    <row r="393917" spans="8:8">
      <c r="H393917" s="12"/>
    </row>
    <row r="393918" spans="8:8">
      <c r="H393918" s="12"/>
    </row>
    <row r="393919" spans="8:8">
      <c r="H393919" s="12"/>
    </row>
    <row r="393920" spans="8:8">
      <c r="H393920" s="12"/>
    </row>
    <row r="393921" spans="8:8">
      <c r="H393921" s="12"/>
    </row>
    <row r="393922" spans="8:8">
      <c r="H393922" s="12"/>
    </row>
    <row r="393923" spans="8:8">
      <c r="H393923" s="12"/>
    </row>
    <row r="393924" spans="8:8">
      <c r="H393924" s="12"/>
    </row>
    <row r="393925" spans="8:8">
      <c r="H393925" s="12"/>
    </row>
    <row r="393926" spans="8:8">
      <c r="H393926" s="12"/>
    </row>
    <row r="393927" spans="8:8">
      <c r="H393927" s="12"/>
    </row>
    <row r="393928" spans="8:8">
      <c r="H393928" s="12"/>
    </row>
    <row r="393929" spans="8:8">
      <c r="H393929" s="12"/>
    </row>
    <row r="393930" spans="8:8">
      <c r="H393930" s="12"/>
    </row>
    <row r="393931" spans="8:8">
      <c r="H393931" s="12"/>
    </row>
    <row r="393932" spans="8:8">
      <c r="H393932" s="12"/>
    </row>
    <row r="393933" spans="8:8">
      <c r="H393933" s="12"/>
    </row>
    <row r="393934" spans="8:8">
      <c r="H393934" s="12"/>
    </row>
    <row r="393935" spans="8:8">
      <c r="H393935" s="12"/>
    </row>
    <row r="393936" spans="8:8">
      <c r="H393936" s="12"/>
    </row>
    <row r="393937" spans="8:8">
      <c r="H393937" s="12"/>
    </row>
    <row r="393938" spans="8:8">
      <c r="H393938" s="12"/>
    </row>
    <row r="393939" spans="8:8">
      <c r="H393939" s="12"/>
    </row>
    <row r="393940" spans="8:8">
      <c r="H393940" s="12"/>
    </row>
    <row r="393941" spans="8:8">
      <c r="H393941" s="12"/>
    </row>
    <row r="393942" spans="8:8">
      <c r="H393942" s="12"/>
    </row>
    <row r="393943" spans="8:8">
      <c r="H393943" s="12"/>
    </row>
    <row r="393944" spans="8:8">
      <c r="H393944" s="12"/>
    </row>
    <row r="393945" spans="8:8">
      <c r="H393945" s="12"/>
    </row>
    <row r="393946" spans="8:8">
      <c r="H393946" s="12"/>
    </row>
    <row r="393947" spans="8:8">
      <c r="H393947" s="12"/>
    </row>
    <row r="393948" spans="8:8">
      <c r="H393948" s="12"/>
    </row>
    <row r="393949" spans="8:8">
      <c r="H393949" s="12"/>
    </row>
    <row r="393950" spans="8:8">
      <c r="H393950" s="12"/>
    </row>
    <row r="393951" spans="8:8">
      <c r="H393951" s="12"/>
    </row>
    <row r="393952" spans="8:8">
      <c r="H393952" s="12"/>
    </row>
    <row r="393953" spans="8:8">
      <c r="H393953" s="12"/>
    </row>
    <row r="393954" spans="8:8">
      <c r="H393954" s="12"/>
    </row>
    <row r="393955" spans="8:8">
      <c r="H393955" s="12"/>
    </row>
    <row r="393956" spans="8:8">
      <c r="H393956" s="12"/>
    </row>
    <row r="393957" spans="8:8">
      <c r="H393957" s="12"/>
    </row>
    <row r="393958" spans="8:8">
      <c r="H393958" s="12"/>
    </row>
    <row r="393959" spans="8:8">
      <c r="H393959" s="12"/>
    </row>
    <row r="393960" spans="8:8">
      <c r="H393960" s="12"/>
    </row>
    <row r="393961" spans="8:8">
      <c r="H393961" s="12"/>
    </row>
    <row r="393962" spans="8:8">
      <c r="H393962" s="12"/>
    </row>
    <row r="393963" spans="8:8">
      <c r="H393963" s="12"/>
    </row>
    <row r="393964" spans="8:8">
      <c r="H393964" s="12"/>
    </row>
    <row r="393965" spans="8:8">
      <c r="H393965" s="12"/>
    </row>
    <row r="393966" spans="8:8">
      <c r="H393966" s="12"/>
    </row>
    <row r="393967" spans="8:8">
      <c r="H393967" s="12"/>
    </row>
    <row r="393968" spans="8:8">
      <c r="H393968" s="12"/>
    </row>
    <row r="393969" spans="8:8">
      <c r="H393969" s="12"/>
    </row>
    <row r="393970" spans="8:8">
      <c r="H393970" s="12"/>
    </row>
    <row r="393971" spans="8:8">
      <c r="H393971" s="12"/>
    </row>
    <row r="393972" spans="8:8">
      <c r="H393972" s="12"/>
    </row>
    <row r="393973" spans="8:8">
      <c r="H393973" s="12"/>
    </row>
    <row r="393974" spans="8:8">
      <c r="H393974" s="12"/>
    </row>
    <row r="393975" spans="8:8">
      <c r="H393975" s="12"/>
    </row>
    <row r="393976" spans="8:8">
      <c r="H393976" s="12"/>
    </row>
    <row r="393977" spans="8:8">
      <c r="H393977" s="12"/>
    </row>
    <row r="393978" spans="8:8">
      <c r="H393978" s="12"/>
    </row>
    <row r="393979" spans="8:8">
      <c r="H393979" s="12"/>
    </row>
    <row r="393980" spans="8:8">
      <c r="H393980" s="12"/>
    </row>
    <row r="393981" spans="8:8">
      <c r="H393981" s="12"/>
    </row>
    <row r="393982" spans="8:8">
      <c r="H393982" s="12"/>
    </row>
    <row r="393983" spans="8:8">
      <c r="H393983" s="12"/>
    </row>
    <row r="393984" spans="8:8">
      <c r="H393984" s="12"/>
    </row>
    <row r="393985" spans="8:8">
      <c r="H393985" s="12"/>
    </row>
    <row r="393986" spans="8:8">
      <c r="H393986" s="12"/>
    </row>
    <row r="393987" spans="8:8">
      <c r="H393987" s="12"/>
    </row>
    <row r="393988" spans="8:8">
      <c r="H393988" s="12"/>
    </row>
    <row r="393989" spans="8:8">
      <c r="H393989" s="12"/>
    </row>
    <row r="393990" spans="8:8">
      <c r="H393990" s="12"/>
    </row>
    <row r="393991" spans="8:8">
      <c r="H393991" s="12"/>
    </row>
    <row r="393992" spans="8:8">
      <c r="H393992" s="12"/>
    </row>
    <row r="393993" spans="8:8">
      <c r="H393993" s="12"/>
    </row>
    <row r="393994" spans="8:8">
      <c r="H393994" s="12"/>
    </row>
    <row r="393995" spans="8:8">
      <c r="H393995" s="12"/>
    </row>
    <row r="393996" spans="8:8">
      <c r="H393996" s="12"/>
    </row>
    <row r="393997" spans="8:8">
      <c r="H393997" s="12"/>
    </row>
    <row r="393998" spans="8:8">
      <c r="H393998" s="12"/>
    </row>
    <row r="393999" spans="8:8">
      <c r="H393999" s="12"/>
    </row>
    <row r="394000" spans="8:8">
      <c r="H394000" s="12"/>
    </row>
    <row r="394001" spans="8:8">
      <c r="H394001" s="12"/>
    </row>
    <row r="394002" spans="8:8">
      <c r="H394002" s="12"/>
    </row>
    <row r="394003" spans="8:8">
      <c r="H394003" s="12"/>
    </row>
    <row r="394004" spans="8:8">
      <c r="H394004" s="12"/>
    </row>
    <row r="394005" spans="8:8">
      <c r="H394005" s="12"/>
    </row>
    <row r="394006" spans="8:8">
      <c r="H394006" s="12"/>
    </row>
    <row r="394007" spans="8:8">
      <c r="H394007" s="12"/>
    </row>
    <row r="394008" spans="8:8">
      <c r="H394008" s="12"/>
    </row>
    <row r="394009" spans="8:8">
      <c r="H394009" s="12"/>
    </row>
    <row r="394010" spans="8:8">
      <c r="H394010" s="12"/>
    </row>
    <row r="394011" spans="8:8">
      <c r="H394011" s="12"/>
    </row>
    <row r="394012" spans="8:8">
      <c r="H394012" s="12"/>
    </row>
    <row r="394013" spans="8:8">
      <c r="H394013" s="12"/>
    </row>
    <row r="394014" spans="8:8">
      <c r="H394014" s="12"/>
    </row>
    <row r="394015" spans="8:8">
      <c r="H394015" s="12"/>
    </row>
    <row r="394016" spans="8:8">
      <c r="H394016" s="12"/>
    </row>
    <row r="394017" spans="8:8">
      <c r="H394017" s="12"/>
    </row>
    <row r="394018" spans="8:8">
      <c r="H394018" s="12"/>
    </row>
    <row r="394019" spans="8:8">
      <c r="H394019" s="12"/>
    </row>
    <row r="394020" spans="8:8">
      <c r="H394020" s="12"/>
    </row>
    <row r="394021" spans="8:8">
      <c r="H394021" s="12"/>
    </row>
    <row r="394022" spans="8:8">
      <c r="H394022" s="12"/>
    </row>
    <row r="394023" spans="8:8">
      <c r="H394023" s="12"/>
    </row>
    <row r="394024" spans="8:8">
      <c r="H394024" s="12"/>
    </row>
    <row r="394025" spans="8:8">
      <c r="H394025" s="12"/>
    </row>
    <row r="394026" spans="8:8">
      <c r="H394026" s="12"/>
    </row>
    <row r="394027" spans="8:8">
      <c r="H394027" s="12"/>
    </row>
    <row r="394028" spans="8:8">
      <c r="H394028" s="12"/>
    </row>
    <row r="394029" spans="8:8">
      <c r="H394029" s="12"/>
    </row>
    <row r="394030" spans="8:8">
      <c r="H394030" s="12"/>
    </row>
    <row r="394031" spans="8:8">
      <c r="H394031" s="12"/>
    </row>
    <row r="394032" spans="8:8">
      <c r="H394032" s="12"/>
    </row>
    <row r="394033" spans="8:8">
      <c r="H394033" s="12"/>
    </row>
    <row r="394034" spans="8:8">
      <c r="H394034" s="12"/>
    </row>
    <row r="394035" spans="8:8">
      <c r="H394035" s="12"/>
    </row>
    <row r="394036" spans="8:8">
      <c r="H394036" s="12"/>
    </row>
    <row r="394037" spans="8:8">
      <c r="H394037" s="12"/>
    </row>
    <row r="394038" spans="8:8">
      <c r="H394038" s="12"/>
    </row>
    <row r="394039" spans="8:8">
      <c r="H394039" s="12"/>
    </row>
    <row r="394040" spans="8:8">
      <c r="H394040" s="12"/>
    </row>
    <row r="394041" spans="8:8">
      <c r="H394041" s="12"/>
    </row>
    <row r="394042" spans="8:8">
      <c r="H394042" s="12"/>
    </row>
    <row r="394043" spans="8:8">
      <c r="H394043" s="12"/>
    </row>
    <row r="394044" spans="8:8">
      <c r="H394044" s="12"/>
    </row>
    <row r="394045" spans="8:8">
      <c r="H394045" s="12"/>
    </row>
    <row r="394046" spans="8:8">
      <c r="H394046" s="12"/>
    </row>
    <row r="394047" spans="8:8">
      <c r="H394047" s="12"/>
    </row>
    <row r="394048" spans="8:8">
      <c r="H394048" s="12"/>
    </row>
    <row r="394049" spans="8:8">
      <c r="H394049" s="12"/>
    </row>
    <row r="394050" spans="8:8">
      <c r="H394050" s="12"/>
    </row>
    <row r="394051" spans="8:8">
      <c r="H394051" s="12"/>
    </row>
    <row r="394052" spans="8:8">
      <c r="H394052" s="12"/>
    </row>
    <row r="394053" spans="8:8">
      <c r="H394053" s="12"/>
    </row>
    <row r="394054" spans="8:8">
      <c r="H394054" s="12"/>
    </row>
    <row r="394055" spans="8:8">
      <c r="H394055" s="12"/>
    </row>
    <row r="394056" spans="8:8">
      <c r="H394056" s="12"/>
    </row>
    <row r="394057" spans="8:8">
      <c r="H394057" s="12"/>
    </row>
    <row r="394058" spans="8:8">
      <c r="H394058" s="12"/>
    </row>
    <row r="394059" spans="8:8">
      <c r="H394059" s="12"/>
    </row>
    <row r="394060" spans="8:8">
      <c r="H394060" s="12"/>
    </row>
    <row r="394061" spans="8:8">
      <c r="H394061" s="12"/>
    </row>
    <row r="394062" spans="8:8">
      <c r="H394062" s="12"/>
    </row>
    <row r="394063" spans="8:8">
      <c r="H394063" s="12"/>
    </row>
    <row r="394064" spans="8:8">
      <c r="H394064" s="12"/>
    </row>
    <row r="394065" spans="8:8">
      <c r="H394065" s="12"/>
    </row>
    <row r="394066" spans="8:8">
      <c r="H394066" s="12"/>
    </row>
    <row r="394067" spans="8:8">
      <c r="H394067" s="12"/>
    </row>
    <row r="394068" spans="8:8">
      <c r="H394068" s="12"/>
    </row>
    <row r="394069" spans="8:8">
      <c r="H394069" s="12"/>
    </row>
    <row r="394070" spans="8:8">
      <c r="H394070" s="12"/>
    </row>
    <row r="394071" spans="8:8">
      <c r="H394071" s="12"/>
    </row>
    <row r="394072" spans="8:8">
      <c r="H394072" s="12"/>
    </row>
    <row r="394073" spans="8:8">
      <c r="H394073" s="12"/>
    </row>
    <row r="394074" spans="8:8">
      <c r="H394074" s="12"/>
    </row>
    <row r="394075" spans="8:8">
      <c r="H394075" s="12"/>
    </row>
    <row r="394076" spans="8:8">
      <c r="H394076" s="12"/>
    </row>
    <row r="394077" spans="8:8">
      <c r="H394077" s="12"/>
    </row>
    <row r="394078" spans="8:8">
      <c r="H394078" s="12"/>
    </row>
    <row r="394079" spans="8:8">
      <c r="H394079" s="12"/>
    </row>
    <row r="394080" spans="8:8">
      <c r="H394080" s="12"/>
    </row>
    <row r="394081" spans="8:8">
      <c r="H394081" s="12"/>
    </row>
    <row r="394082" spans="8:8">
      <c r="H394082" s="12"/>
    </row>
    <row r="394083" spans="8:8">
      <c r="H394083" s="12"/>
    </row>
    <row r="394084" spans="8:8">
      <c r="H394084" s="12"/>
    </row>
    <row r="394085" spans="8:8">
      <c r="H394085" s="12"/>
    </row>
    <row r="394086" spans="8:8">
      <c r="H394086" s="12"/>
    </row>
    <row r="394087" spans="8:8">
      <c r="H394087" s="12"/>
    </row>
    <row r="394088" spans="8:8">
      <c r="H394088" s="12"/>
    </row>
    <row r="394089" spans="8:8">
      <c r="H394089" s="12"/>
    </row>
    <row r="394090" spans="8:8">
      <c r="H394090" s="12"/>
    </row>
    <row r="394091" spans="8:8">
      <c r="H394091" s="12"/>
    </row>
    <row r="394092" spans="8:8">
      <c r="H394092" s="12"/>
    </row>
    <row r="394093" spans="8:8">
      <c r="H394093" s="12"/>
    </row>
    <row r="394094" spans="8:8">
      <c r="H394094" s="12"/>
    </row>
    <row r="394095" spans="8:8">
      <c r="H394095" s="12"/>
    </row>
    <row r="394096" spans="8:8">
      <c r="H394096" s="12"/>
    </row>
    <row r="394097" spans="8:8">
      <c r="H394097" s="12"/>
    </row>
    <row r="394098" spans="8:8">
      <c r="H394098" s="12"/>
    </row>
    <row r="394099" spans="8:8">
      <c r="H394099" s="12"/>
    </row>
    <row r="394100" spans="8:8">
      <c r="H394100" s="12"/>
    </row>
    <row r="394101" spans="8:8">
      <c r="H394101" s="12"/>
    </row>
    <row r="394102" spans="8:8">
      <c r="H394102" s="12"/>
    </row>
    <row r="394103" spans="8:8">
      <c r="H394103" s="12"/>
    </row>
    <row r="394104" spans="8:8">
      <c r="H394104" s="12"/>
    </row>
    <row r="394105" spans="8:8">
      <c r="H394105" s="12"/>
    </row>
    <row r="394106" spans="8:8">
      <c r="H394106" s="12"/>
    </row>
    <row r="394107" spans="8:8">
      <c r="H394107" s="12"/>
    </row>
    <row r="394108" spans="8:8">
      <c r="H394108" s="12"/>
    </row>
    <row r="394109" spans="8:8">
      <c r="H394109" s="12"/>
    </row>
    <row r="394110" spans="8:8">
      <c r="H394110" s="12"/>
    </row>
    <row r="394111" spans="8:8">
      <c r="H394111" s="12"/>
    </row>
    <row r="394112" spans="8:8">
      <c r="H394112" s="12"/>
    </row>
    <row r="394113" spans="8:8">
      <c r="H394113" s="12"/>
    </row>
    <row r="394114" spans="8:8">
      <c r="H394114" s="12"/>
    </row>
    <row r="394115" spans="8:8">
      <c r="H394115" s="12"/>
    </row>
    <row r="394116" spans="8:8">
      <c r="H394116" s="12"/>
    </row>
    <row r="394117" spans="8:8">
      <c r="H394117" s="12"/>
    </row>
    <row r="394118" spans="8:8">
      <c r="H394118" s="12"/>
    </row>
    <row r="394119" spans="8:8">
      <c r="H394119" s="12"/>
    </row>
    <row r="394120" spans="8:8">
      <c r="H394120" s="12"/>
    </row>
    <row r="394121" spans="8:8">
      <c r="H394121" s="12"/>
    </row>
    <row r="394122" spans="8:8">
      <c r="H394122" s="12"/>
    </row>
    <row r="394123" spans="8:8">
      <c r="H394123" s="12"/>
    </row>
    <row r="394124" spans="8:8">
      <c r="H394124" s="12"/>
    </row>
    <row r="394125" spans="8:8">
      <c r="H394125" s="12"/>
    </row>
    <row r="394126" spans="8:8">
      <c r="H394126" s="12"/>
    </row>
    <row r="394127" spans="8:8">
      <c r="H394127" s="12"/>
    </row>
    <row r="394128" spans="8:8">
      <c r="H394128" s="12"/>
    </row>
    <row r="394129" spans="8:8">
      <c r="H394129" s="12"/>
    </row>
    <row r="394130" spans="8:8">
      <c r="H394130" s="12"/>
    </row>
    <row r="394131" spans="8:8">
      <c r="H394131" s="12"/>
    </row>
    <row r="394132" spans="8:8">
      <c r="H394132" s="12"/>
    </row>
    <row r="394133" spans="8:8">
      <c r="H394133" s="12"/>
    </row>
    <row r="394134" spans="8:8">
      <c r="H394134" s="12"/>
    </row>
    <row r="394135" spans="8:8">
      <c r="H394135" s="12"/>
    </row>
    <row r="394136" spans="8:8">
      <c r="H394136" s="12"/>
    </row>
    <row r="394137" spans="8:8">
      <c r="H394137" s="12"/>
    </row>
    <row r="394138" spans="8:8">
      <c r="H394138" s="12"/>
    </row>
    <row r="394139" spans="8:8">
      <c r="H394139" s="12"/>
    </row>
    <row r="394140" spans="8:8">
      <c r="H394140" s="12"/>
    </row>
    <row r="394141" spans="8:8">
      <c r="H394141" s="12"/>
    </row>
    <row r="394142" spans="8:8">
      <c r="H394142" s="12"/>
    </row>
    <row r="394143" spans="8:8">
      <c r="H394143" s="12"/>
    </row>
    <row r="394144" spans="8:8">
      <c r="H394144" s="12"/>
    </row>
    <row r="394145" spans="8:8">
      <c r="H394145" s="12"/>
    </row>
    <row r="394146" spans="8:8">
      <c r="H394146" s="12"/>
    </row>
    <row r="394147" spans="8:8">
      <c r="H394147" s="12"/>
    </row>
    <row r="394148" spans="8:8">
      <c r="H394148" s="12"/>
    </row>
    <row r="394149" spans="8:8">
      <c r="H394149" s="12"/>
    </row>
    <row r="394150" spans="8:8">
      <c r="H394150" s="12"/>
    </row>
    <row r="394151" spans="8:8">
      <c r="H394151" s="12"/>
    </row>
    <row r="394152" spans="8:8">
      <c r="H394152" s="12"/>
    </row>
    <row r="394153" spans="8:8">
      <c r="H394153" s="12"/>
    </row>
    <row r="394154" spans="8:8">
      <c r="H394154" s="12"/>
    </row>
    <row r="394155" spans="8:8">
      <c r="H394155" s="12"/>
    </row>
    <row r="394156" spans="8:8">
      <c r="H394156" s="12"/>
    </row>
    <row r="394157" spans="8:8">
      <c r="H394157" s="12"/>
    </row>
    <row r="394158" spans="8:8">
      <c r="H394158" s="12"/>
    </row>
    <row r="394159" spans="8:8">
      <c r="H394159" s="12"/>
    </row>
    <row r="394160" spans="8:8">
      <c r="H394160" s="12"/>
    </row>
    <row r="394161" spans="8:8">
      <c r="H394161" s="12"/>
    </row>
    <row r="394162" spans="8:8">
      <c r="H394162" s="12"/>
    </row>
    <row r="394163" spans="8:8">
      <c r="H394163" s="12"/>
    </row>
    <row r="394164" spans="8:8">
      <c r="H394164" s="12"/>
    </row>
    <row r="394165" spans="8:8">
      <c r="H394165" s="12"/>
    </row>
    <row r="394166" spans="8:8">
      <c r="H394166" s="12"/>
    </row>
    <row r="394167" spans="8:8">
      <c r="H394167" s="12"/>
    </row>
    <row r="394168" spans="8:8">
      <c r="H394168" s="12"/>
    </row>
    <row r="394169" spans="8:8">
      <c r="H394169" s="12"/>
    </row>
    <row r="394170" spans="8:8">
      <c r="H394170" s="12"/>
    </row>
    <row r="394171" spans="8:8">
      <c r="H394171" s="12"/>
    </row>
    <row r="394172" spans="8:8">
      <c r="H394172" s="12"/>
    </row>
    <row r="394173" spans="8:8">
      <c r="H394173" s="12"/>
    </row>
    <row r="394174" spans="8:8">
      <c r="H394174" s="12"/>
    </row>
    <row r="394175" spans="8:8">
      <c r="H394175" s="12"/>
    </row>
    <row r="394176" spans="8:8">
      <c r="H394176" s="12"/>
    </row>
    <row r="394177" spans="8:8">
      <c r="H394177" s="12"/>
    </row>
    <row r="394178" spans="8:8">
      <c r="H394178" s="12"/>
    </row>
    <row r="394179" spans="8:8">
      <c r="H394179" s="12"/>
    </row>
    <row r="394180" spans="8:8">
      <c r="H394180" s="12"/>
    </row>
    <row r="394181" spans="8:8">
      <c r="H394181" s="12"/>
    </row>
    <row r="394182" spans="8:8">
      <c r="H394182" s="12"/>
    </row>
    <row r="394183" spans="8:8">
      <c r="H394183" s="12"/>
    </row>
    <row r="394184" spans="8:8">
      <c r="H394184" s="12"/>
    </row>
    <row r="394185" spans="8:8">
      <c r="H394185" s="12"/>
    </row>
    <row r="394186" spans="8:8">
      <c r="H394186" s="12"/>
    </row>
    <row r="394187" spans="8:8">
      <c r="H394187" s="12"/>
    </row>
    <row r="394188" spans="8:8">
      <c r="H394188" s="12"/>
    </row>
    <row r="394189" spans="8:8">
      <c r="H394189" s="12"/>
    </row>
    <row r="394190" spans="8:8">
      <c r="H394190" s="12"/>
    </row>
    <row r="394191" spans="8:8">
      <c r="H394191" s="12"/>
    </row>
    <row r="394192" spans="8:8">
      <c r="H394192" s="12"/>
    </row>
    <row r="394193" spans="8:8">
      <c r="H394193" s="12"/>
    </row>
    <row r="394194" spans="8:8">
      <c r="H394194" s="12"/>
    </row>
    <row r="394195" spans="8:8">
      <c r="H394195" s="12"/>
    </row>
    <row r="394196" spans="8:8">
      <c r="H394196" s="12"/>
    </row>
    <row r="394197" spans="8:8">
      <c r="H394197" s="12"/>
    </row>
    <row r="394198" spans="8:8">
      <c r="H394198" s="12"/>
    </row>
    <row r="394199" spans="8:8">
      <c r="H394199" s="12"/>
    </row>
    <row r="394200" spans="8:8">
      <c r="H394200" s="12"/>
    </row>
    <row r="394201" spans="8:8">
      <c r="H394201" s="12"/>
    </row>
    <row r="394202" spans="8:8">
      <c r="H394202" s="12"/>
    </row>
    <row r="394203" spans="8:8">
      <c r="H394203" s="12"/>
    </row>
    <row r="394204" spans="8:8">
      <c r="H394204" s="12"/>
    </row>
    <row r="394205" spans="8:8">
      <c r="H394205" s="12"/>
    </row>
    <row r="394206" spans="8:8">
      <c r="H394206" s="12"/>
    </row>
    <row r="394207" spans="8:8">
      <c r="H394207" s="12"/>
    </row>
    <row r="394208" spans="8:8">
      <c r="H394208" s="12"/>
    </row>
    <row r="394209" spans="8:8">
      <c r="H394209" s="12"/>
    </row>
    <row r="394210" spans="8:8">
      <c r="H394210" s="12"/>
    </row>
    <row r="394211" spans="8:8">
      <c r="H394211" s="12"/>
    </row>
    <row r="394212" spans="8:8">
      <c r="H394212" s="12"/>
    </row>
    <row r="394213" spans="8:8">
      <c r="H394213" s="12"/>
    </row>
    <row r="394214" spans="8:8">
      <c r="H394214" s="12"/>
    </row>
    <row r="394215" spans="8:8">
      <c r="H394215" s="12"/>
    </row>
    <row r="394216" spans="8:8">
      <c r="H394216" s="12"/>
    </row>
    <row r="394217" spans="8:8">
      <c r="H394217" s="12"/>
    </row>
    <row r="394218" spans="8:8">
      <c r="H394218" s="12"/>
    </row>
    <row r="394219" spans="8:8">
      <c r="H394219" s="12"/>
    </row>
    <row r="394220" spans="8:8">
      <c r="H394220" s="12"/>
    </row>
    <row r="394221" spans="8:8">
      <c r="H394221" s="12"/>
    </row>
    <row r="394222" spans="8:8">
      <c r="H394222" s="12"/>
    </row>
    <row r="394223" spans="8:8">
      <c r="H394223" s="12"/>
    </row>
    <row r="394224" spans="8:8">
      <c r="H394224" s="12"/>
    </row>
    <row r="394225" spans="8:8">
      <c r="H394225" s="12"/>
    </row>
    <row r="394226" spans="8:8">
      <c r="H394226" s="12"/>
    </row>
    <row r="394227" spans="8:8">
      <c r="H394227" s="12"/>
    </row>
    <row r="394228" spans="8:8">
      <c r="H394228" s="12"/>
    </row>
    <row r="394229" spans="8:8">
      <c r="H394229" s="12"/>
    </row>
    <row r="394230" spans="8:8">
      <c r="H394230" s="12"/>
    </row>
    <row r="394231" spans="8:8">
      <c r="H394231" s="12"/>
    </row>
    <row r="394232" spans="8:8">
      <c r="H394232" s="12"/>
    </row>
    <row r="394233" spans="8:8">
      <c r="H394233" s="12"/>
    </row>
    <row r="394234" spans="8:8">
      <c r="H394234" s="12"/>
    </row>
    <row r="394235" spans="8:8">
      <c r="H394235" s="12"/>
    </row>
    <row r="394236" spans="8:8">
      <c r="H394236" s="12"/>
    </row>
    <row r="394237" spans="8:8">
      <c r="H394237" s="12"/>
    </row>
    <row r="394238" spans="8:8">
      <c r="H394238" s="12"/>
    </row>
    <row r="394239" spans="8:8">
      <c r="H394239" s="12"/>
    </row>
    <row r="394240" spans="8:8">
      <c r="H394240" s="12"/>
    </row>
    <row r="394241" spans="8:8">
      <c r="H394241" s="12"/>
    </row>
    <row r="394242" spans="8:8">
      <c r="H394242" s="12"/>
    </row>
    <row r="394243" spans="8:8">
      <c r="H394243" s="12"/>
    </row>
    <row r="394244" spans="8:8">
      <c r="H394244" s="12"/>
    </row>
    <row r="394245" spans="8:8">
      <c r="H394245" s="12"/>
    </row>
    <row r="394246" spans="8:8">
      <c r="H394246" s="12"/>
    </row>
    <row r="394247" spans="8:8">
      <c r="H394247" s="12"/>
    </row>
    <row r="394248" spans="8:8">
      <c r="H394248" s="12"/>
    </row>
    <row r="394249" spans="8:8">
      <c r="H394249" s="12"/>
    </row>
    <row r="394250" spans="8:8">
      <c r="H394250" s="12"/>
    </row>
    <row r="394251" spans="8:8">
      <c r="H394251" s="12"/>
    </row>
    <row r="394252" spans="8:8">
      <c r="H394252" s="12"/>
    </row>
    <row r="394253" spans="8:8">
      <c r="H394253" s="12"/>
    </row>
    <row r="394254" spans="8:8">
      <c r="H394254" s="12"/>
    </row>
    <row r="394255" spans="8:8">
      <c r="H394255" s="12"/>
    </row>
    <row r="394256" spans="8:8">
      <c r="H394256" s="12"/>
    </row>
    <row r="394257" spans="8:8">
      <c r="H394257" s="12"/>
    </row>
    <row r="394258" spans="8:8">
      <c r="H394258" s="12"/>
    </row>
    <row r="394259" spans="8:8">
      <c r="H394259" s="12"/>
    </row>
    <row r="394260" spans="8:8">
      <c r="H394260" s="12"/>
    </row>
    <row r="394261" spans="8:8">
      <c r="H394261" s="12"/>
    </row>
    <row r="394262" spans="8:8">
      <c r="H394262" s="12"/>
    </row>
    <row r="394263" spans="8:8">
      <c r="H394263" s="12"/>
    </row>
    <row r="394264" spans="8:8">
      <c r="H394264" s="12"/>
    </row>
    <row r="394265" spans="8:8">
      <c r="H394265" s="12"/>
    </row>
    <row r="394266" spans="8:8">
      <c r="H394266" s="12"/>
    </row>
    <row r="394267" spans="8:8">
      <c r="H394267" s="12"/>
    </row>
    <row r="394268" spans="8:8">
      <c r="H394268" s="12"/>
    </row>
    <row r="394269" spans="8:8">
      <c r="H394269" s="12"/>
    </row>
    <row r="394270" spans="8:8">
      <c r="H394270" s="12"/>
    </row>
    <row r="394271" spans="8:8">
      <c r="H394271" s="12"/>
    </row>
    <row r="394272" spans="8:8">
      <c r="H394272" s="12"/>
    </row>
    <row r="394273" spans="8:8">
      <c r="H394273" s="12"/>
    </row>
    <row r="394274" spans="8:8">
      <c r="H394274" s="12"/>
    </row>
    <row r="394275" spans="8:8">
      <c r="H394275" s="12"/>
    </row>
    <row r="394276" spans="8:8">
      <c r="H394276" s="12"/>
    </row>
    <row r="394277" spans="8:8">
      <c r="H394277" s="12"/>
    </row>
    <row r="394278" spans="8:8">
      <c r="H394278" s="12"/>
    </row>
    <row r="394279" spans="8:8">
      <c r="H394279" s="12"/>
    </row>
    <row r="394280" spans="8:8">
      <c r="H394280" s="12"/>
    </row>
    <row r="394281" spans="8:8">
      <c r="H394281" s="12"/>
    </row>
    <row r="394282" spans="8:8">
      <c r="H394282" s="12"/>
    </row>
    <row r="394283" spans="8:8">
      <c r="H394283" s="12"/>
    </row>
    <row r="394284" spans="8:8">
      <c r="H394284" s="12"/>
    </row>
    <row r="394285" spans="8:8">
      <c r="H394285" s="12"/>
    </row>
    <row r="394286" spans="8:8">
      <c r="H394286" s="12"/>
    </row>
    <row r="394287" spans="8:8">
      <c r="H394287" s="12"/>
    </row>
    <row r="394288" spans="8:8">
      <c r="H394288" s="12"/>
    </row>
    <row r="394289" spans="8:8">
      <c r="H394289" s="12"/>
    </row>
    <row r="394290" spans="8:8">
      <c r="H394290" s="12"/>
    </row>
    <row r="394291" spans="8:8">
      <c r="H394291" s="12"/>
    </row>
    <row r="394292" spans="8:8">
      <c r="H394292" s="12"/>
    </row>
    <row r="394293" spans="8:8">
      <c r="H394293" s="12"/>
    </row>
    <row r="394294" spans="8:8">
      <c r="H394294" s="12"/>
    </row>
    <row r="394295" spans="8:8">
      <c r="H394295" s="12"/>
    </row>
    <row r="394296" spans="8:8">
      <c r="H394296" s="12"/>
    </row>
    <row r="394297" spans="8:8">
      <c r="H394297" s="12"/>
    </row>
    <row r="394298" spans="8:8">
      <c r="H394298" s="12"/>
    </row>
    <row r="394299" spans="8:8">
      <c r="H394299" s="12"/>
    </row>
    <row r="394300" spans="8:8">
      <c r="H394300" s="12"/>
    </row>
    <row r="394301" spans="8:8">
      <c r="H394301" s="12"/>
    </row>
    <row r="394302" spans="8:8">
      <c r="H394302" s="12"/>
    </row>
    <row r="394303" spans="8:8">
      <c r="H394303" s="12"/>
    </row>
    <row r="394304" spans="8:8">
      <c r="H394304" s="12"/>
    </row>
    <row r="394305" spans="8:8">
      <c r="H394305" s="12"/>
    </row>
    <row r="394306" spans="8:8">
      <c r="H394306" s="12"/>
    </row>
    <row r="394307" spans="8:8">
      <c r="H394307" s="12"/>
    </row>
    <row r="394308" spans="8:8">
      <c r="H394308" s="12"/>
    </row>
    <row r="394309" spans="8:8">
      <c r="H394309" s="12"/>
    </row>
    <row r="394310" spans="8:8">
      <c r="H394310" s="12"/>
    </row>
    <row r="394311" spans="8:8">
      <c r="H394311" s="12"/>
    </row>
    <row r="394312" spans="8:8">
      <c r="H394312" s="12"/>
    </row>
    <row r="394313" spans="8:8">
      <c r="H394313" s="12"/>
    </row>
    <row r="394314" spans="8:8">
      <c r="H394314" s="12"/>
    </row>
    <row r="394315" spans="8:8">
      <c r="H394315" s="12"/>
    </row>
    <row r="394316" spans="8:8">
      <c r="H394316" s="12"/>
    </row>
    <row r="394317" spans="8:8">
      <c r="H394317" s="12"/>
    </row>
    <row r="394318" spans="8:8">
      <c r="H394318" s="12"/>
    </row>
    <row r="394319" spans="8:8">
      <c r="H394319" s="12"/>
    </row>
    <row r="394320" spans="8:8">
      <c r="H394320" s="12"/>
    </row>
    <row r="394321" spans="8:8">
      <c r="H394321" s="12"/>
    </row>
    <row r="394322" spans="8:8">
      <c r="H394322" s="12"/>
    </row>
    <row r="394323" spans="8:8">
      <c r="H394323" s="12"/>
    </row>
    <row r="394324" spans="8:8">
      <c r="H394324" s="12"/>
    </row>
    <row r="394325" spans="8:8">
      <c r="H394325" s="12"/>
    </row>
    <row r="394326" spans="8:8">
      <c r="H394326" s="12"/>
    </row>
    <row r="394327" spans="8:8">
      <c r="H394327" s="12"/>
    </row>
    <row r="394328" spans="8:8">
      <c r="H394328" s="12"/>
    </row>
    <row r="394329" spans="8:8">
      <c r="H394329" s="12"/>
    </row>
    <row r="394330" spans="8:8">
      <c r="H394330" s="12"/>
    </row>
    <row r="394331" spans="8:8">
      <c r="H394331" s="12"/>
    </row>
    <row r="394332" spans="8:8">
      <c r="H394332" s="12"/>
    </row>
    <row r="394333" spans="8:8">
      <c r="H394333" s="12"/>
    </row>
    <row r="394334" spans="8:8">
      <c r="H394334" s="12"/>
    </row>
    <row r="394335" spans="8:8">
      <c r="H394335" s="12"/>
    </row>
    <row r="394336" spans="8:8">
      <c r="H394336" s="12"/>
    </row>
    <row r="394337" spans="8:8">
      <c r="H394337" s="12"/>
    </row>
    <row r="394338" spans="8:8">
      <c r="H394338" s="12"/>
    </row>
    <row r="394339" spans="8:8">
      <c r="H394339" s="12"/>
    </row>
    <row r="394340" spans="8:8">
      <c r="H394340" s="12"/>
    </row>
    <row r="394341" spans="8:8">
      <c r="H394341" s="12"/>
    </row>
    <row r="394342" spans="8:8">
      <c r="H394342" s="12"/>
    </row>
    <row r="394343" spans="8:8">
      <c r="H394343" s="12"/>
    </row>
    <row r="394344" spans="8:8">
      <c r="H394344" s="12"/>
    </row>
    <row r="394345" spans="8:8">
      <c r="H394345" s="12"/>
    </row>
    <row r="394346" spans="8:8">
      <c r="H394346" s="12"/>
    </row>
    <row r="394347" spans="8:8">
      <c r="H394347" s="12"/>
    </row>
    <row r="394348" spans="8:8">
      <c r="H394348" s="12"/>
    </row>
    <row r="394349" spans="8:8">
      <c r="H394349" s="12"/>
    </row>
    <row r="394350" spans="8:8">
      <c r="H394350" s="12"/>
    </row>
    <row r="394351" spans="8:8">
      <c r="H394351" s="12"/>
    </row>
    <row r="394352" spans="8:8">
      <c r="H394352" s="12"/>
    </row>
    <row r="394353" spans="8:8">
      <c r="H394353" s="12"/>
    </row>
    <row r="394354" spans="8:8">
      <c r="H394354" s="12"/>
    </row>
    <row r="394355" spans="8:8">
      <c r="H394355" s="12"/>
    </row>
    <row r="394356" spans="8:8">
      <c r="H394356" s="12"/>
    </row>
    <row r="394357" spans="8:8">
      <c r="H394357" s="12"/>
    </row>
    <row r="394358" spans="8:8">
      <c r="H394358" s="12"/>
    </row>
    <row r="394359" spans="8:8">
      <c r="H394359" s="12"/>
    </row>
    <row r="394360" spans="8:8">
      <c r="H394360" s="12"/>
    </row>
    <row r="394361" spans="8:8">
      <c r="H394361" s="12"/>
    </row>
    <row r="394362" spans="8:8">
      <c r="H394362" s="12"/>
    </row>
    <row r="394363" spans="8:8">
      <c r="H394363" s="12"/>
    </row>
    <row r="394364" spans="8:8">
      <c r="H394364" s="12"/>
    </row>
    <row r="394365" spans="8:8">
      <c r="H394365" s="12"/>
    </row>
    <row r="394366" spans="8:8">
      <c r="H394366" s="12"/>
    </row>
    <row r="394367" spans="8:8">
      <c r="H394367" s="12"/>
    </row>
    <row r="394368" spans="8:8">
      <c r="H394368" s="12"/>
    </row>
    <row r="394369" spans="8:8">
      <c r="H394369" s="12"/>
    </row>
    <row r="394370" spans="8:8">
      <c r="H394370" s="12"/>
    </row>
    <row r="394371" spans="8:8">
      <c r="H394371" s="12"/>
    </row>
    <row r="394372" spans="8:8">
      <c r="H394372" s="12"/>
    </row>
    <row r="394373" spans="8:8">
      <c r="H394373" s="12"/>
    </row>
    <row r="394374" spans="8:8">
      <c r="H394374" s="12"/>
    </row>
    <row r="394375" spans="8:8">
      <c r="H394375" s="12"/>
    </row>
    <row r="394376" spans="8:8">
      <c r="H394376" s="12"/>
    </row>
    <row r="394377" spans="8:8">
      <c r="H394377" s="12"/>
    </row>
    <row r="394378" spans="8:8">
      <c r="H394378" s="12"/>
    </row>
    <row r="394379" spans="8:8">
      <c r="H394379" s="12"/>
    </row>
    <row r="394380" spans="8:8">
      <c r="H394380" s="12"/>
    </row>
    <row r="394381" spans="8:8">
      <c r="H394381" s="12"/>
    </row>
    <row r="394382" spans="8:8">
      <c r="H394382" s="12"/>
    </row>
    <row r="394383" spans="8:8">
      <c r="H394383" s="12"/>
    </row>
    <row r="394384" spans="8:8">
      <c r="H394384" s="12"/>
    </row>
    <row r="394385" spans="8:8">
      <c r="H394385" s="12"/>
    </row>
    <row r="394386" spans="8:8">
      <c r="H394386" s="12"/>
    </row>
    <row r="394387" spans="8:8">
      <c r="H394387" s="12"/>
    </row>
    <row r="394388" spans="8:8">
      <c r="H394388" s="12"/>
    </row>
    <row r="394389" spans="8:8">
      <c r="H394389" s="12"/>
    </row>
    <row r="394390" spans="8:8">
      <c r="H394390" s="12"/>
    </row>
    <row r="394391" spans="8:8">
      <c r="H394391" s="12"/>
    </row>
    <row r="394392" spans="8:8">
      <c r="H394392" s="12"/>
    </row>
    <row r="394393" spans="8:8">
      <c r="H394393" s="12"/>
    </row>
    <row r="394394" spans="8:8">
      <c r="H394394" s="12"/>
    </row>
    <row r="394395" spans="8:8">
      <c r="H394395" s="12"/>
    </row>
    <row r="394396" spans="8:8">
      <c r="H394396" s="12"/>
    </row>
    <row r="394397" spans="8:8">
      <c r="H394397" s="12"/>
    </row>
    <row r="394398" spans="8:8">
      <c r="H394398" s="12"/>
    </row>
    <row r="394399" spans="8:8">
      <c r="H394399" s="12"/>
    </row>
    <row r="394400" spans="8:8">
      <c r="H394400" s="12"/>
    </row>
    <row r="394401" spans="8:8">
      <c r="H394401" s="12"/>
    </row>
    <row r="394402" spans="8:8">
      <c r="H394402" s="12"/>
    </row>
    <row r="394403" spans="8:8">
      <c r="H394403" s="12"/>
    </row>
    <row r="394404" spans="8:8">
      <c r="H394404" s="12"/>
    </row>
    <row r="394405" spans="8:8">
      <c r="H394405" s="12"/>
    </row>
    <row r="394406" spans="8:8">
      <c r="H394406" s="12"/>
    </row>
    <row r="394407" spans="8:8">
      <c r="H394407" s="12"/>
    </row>
    <row r="394408" spans="8:8">
      <c r="H394408" s="12"/>
    </row>
    <row r="394409" spans="8:8">
      <c r="H394409" s="12"/>
    </row>
    <row r="394410" spans="8:8">
      <c r="H394410" s="12"/>
    </row>
    <row r="394411" spans="8:8">
      <c r="H394411" s="12"/>
    </row>
    <row r="394412" spans="8:8">
      <c r="H394412" s="12"/>
    </row>
    <row r="394413" spans="8:8">
      <c r="H394413" s="12"/>
    </row>
    <row r="394414" spans="8:8">
      <c r="H394414" s="12"/>
    </row>
    <row r="394415" spans="8:8">
      <c r="H394415" s="12"/>
    </row>
    <row r="394416" spans="8:8">
      <c r="H394416" s="12"/>
    </row>
    <row r="394417" spans="8:8">
      <c r="H394417" s="12"/>
    </row>
    <row r="394418" spans="8:8">
      <c r="H394418" s="12"/>
    </row>
    <row r="394419" spans="8:8">
      <c r="H394419" s="12"/>
    </row>
    <row r="394420" spans="8:8">
      <c r="H394420" s="12"/>
    </row>
    <row r="394421" spans="8:8">
      <c r="H394421" s="12"/>
    </row>
    <row r="394422" spans="8:8">
      <c r="H394422" s="12"/>
    </row>
    <row r="394423" spans="8:8">
      <c r="H394423" s="12"/>
    </row>
    <row r="394424" spans="8:8">
      <c r="H394424" s="12"/>
    </row>
    <row r="394425" spans="8:8">
      <c r="H394425" s="12"/>
    </row>
    <row r="394426" spans="8:8">
      <c r="H394426" s="12"/>
    </row>
    <row r="394427" spans="8:8">
      <c r="H394427" s="12"/>
    </row>
    <row r="394428" spans="8:8">
      <c r="H394428" s="12"/>
    </row>
    <row r="394429" spans="8:8">
      <c r="H394429" s="12"/>
    </row>
    <row r="394430" spans="8:8">
      <c r="H394430" s="12"/>
    </row>
    <row r="394431" spans="8:8">
      <c r="H394431" s="12"/>
    </row>
    <row r="394432" spans="8:8">
      <c r="H394432" s="12"/>
    </row>
    <row r="394433" spans="8:8">
      <c r="H394433" s="12"/>
    </row>
    <row r="394434" spans="8:8">
      <c r="H394434" s="12"/>
    </row>
    <row r="394435" spans="8:8">
      <c r="H394435" s="12"/>
    </row>
    <row r="394436" spans="8:8">
      <c r="H394436" s="12"/>
    </row>
    <row r="394437" spans="8:8">
      <c r="H394437" s="12"/>
    </row>
    <row r="394438" spans="8:8">
      <c r="H394438" s="12"/>
    </row>
    <row r="394439" spans="8:8">
      <c r="H394439" s="12"/>
    </row>
    <row r="394440" spans="8:8">
      <c r="H394440" s="12"/>
    </row>
    <row r="394441" spans="8:8">
      <c r="H394441" s="12"/>
    </row>
    <row r="394442" spans="8:8">
      <c r="H394442" s="12"/>
    </row>
    <row r="394443" spans="8:8">
      <c r="H394443" s="12"/>
    </row>
    <row r="394444" spans="8:8">
      <c r="H394444" s="12"/>
    </row>
    <row r="394445" spans="8:8">
      <c r="H394445" s="12"/>
    </row>
    <row r="394446" spans="8:8">
      <c r="H394446" s="12"/>
    </row>
    <row r="394447" spans="8:8">
      <c r="H394447" s="12"/>
    </row>
    <row r="394448" spans="8:8">
      <c r="H394448" s="12"/>
    </row>
    <row r="394449" spans="8:8">
      <c r="H394449" s="12"/>
    </row>
    <row r="394450" spans="8:8">
      <c r="H394450" s="12"/>
    </row>
    <row r="394451" spans="8:8">
      <c r="H394451" s="12"/>
    </row>
    <row r="394452" spans="8:8">
      <c r="H394452" s="12"/>
    </row>
    <row r="394453" spans="8:8">
      <c r="H394453" s="12"/>
    </row>
    <row r="394454" spans="8:8">
      <c r="H394454" s="12"/>
    </row>
    <row r="394455" spans="8:8">
      <c r="H394455" s="12"/>
    </row>
    <row r="394456" spans="8:8">
      <c r="H394456" s="12"/>
    </row>
    <row r="394457" spans="8:8">
      <c r="H394457" s="12"/>
    </row>
    <row r="394458" spans="8:8">
      <c r="H394458" s="12"/>
    </row>
    <row r="394459" spans="8:8">
      <c r="H394459" s="12"/>
    </row>
    <row r="394460" spans="8:8">
      <c r="H394460" s="12"/>
    </row>
    <row r="394461" spans="8:8">
      <c r="H394461" s="12"/>
    </row>
    <row r="394462" spans="8:8">
      <c r="H394462" s="12"/>
    </row>
    <row r="394463" spans="8:8">
      <c r="H394463" s="12"/>
    </row>
    <row r="394464" spans="8:8">
      <c r="H394464" s="12"/>
    </row>
    <row r="394465" spans="8:8">
      <c r="H394465" s="12"/>
    </row>
    <row r="394466" spans="8:8">
      <c r="H394466" s="12"/>
    </row>
    <row r="394467" spans="8:8">
      <c r="H394467" s="12"/>
    </row>
    <row r="394468" spans="8:8">
      <c r="H394468" s="12"/>
    </row>
    <row r="394469" spans="8:8">
      <c r="H394469" s="12"/>
    </row>
    <row r="394470" spans="8:8">
      <c r="H394470" s="12"/>
    </row>
    <row r="394471" spans="8:8">
      <c r="H394471" s="12"/>
    </row>
    <row r="394472" spans="8:8">
      <c r="H394472" s="12"/>
    </row>
    <row r="394473" spans="8:8">
      <c r="H394473" s="12"/>
    </row>
    <row r="394474" spans="8:8">
      <c r="H394474" s="12"/>
    </row>
    <row r="394475" spans="8:8">
      <c r="H394475" s="12"/>
    </row>
    <row r="394476" spans="8:8">
      <c r="H394476" s="12"/>
    </row>
    <row r="394477" spans="8:8">
      <c r="H394477" s="12"/>
    </row>
    <row r="394478" spans="8:8">
      <c r="H394478" s="12"/>
    </row>
    <row r="394479" spans="8:8">
      <c r="H394479" s="12"/>
    </row>
    <row r="394480" spans="8:8">
      <c r="H394480" s="12"/>
    </row>
    <row r="394481" spans="8:8">
      <c r="H394481" s="12"/>
    </row>
    <row r="394482" spans="8:8">
      <c r="H394482" s="12"/>
    </row>
    <row r="394483" spans="8:8">
      <c r="H394483" s="12"/>
    </row>
    <row r="394484" spans="8:8">
      <c r="H394484" s="12"/>
    </row>
    <row r="394485" spans="8:8">
      <c r="H394485" s="12"/>
    </row>
    <row r="394486" spans="8:8">
      <c r="H394486" s="12"/>
    </row>
    <row r="394487" spans="8:8">
      <c r="H394487" s="12"/>
    </row>
    <row r="394488" spans="8:8">
      <c r="H394488" s="12"/>
    </row>
    <row r="394489" spans="8:8">
      <c r="H394489" s="12"/>
    </row>
    <row r="394490" spans="8:8">
      <c r="H394490" s="12"/>
    </row>
    <row r="394491" spans="8:8">
      <c r="H394491" s="12"/>
    </row>
    <row r="394492" spans="8:8">
      <c r="H394492" s="12"/>
    </row>
    <row r="394493" spans="8:8">
      <c r="H394493" s="12"/>
    </row>
    <row r="394494" spans="8:8">
      <c r="H394494" s="12"/>
    </row>
    <row r="394495" spans="8:8">
      <c r="H394495" s="12"/>
    </row>
    <row r="394496" spans="8:8">
      <c r="H394496" s="12"/>
    </row>
    <row r="394497" spans="8:8">
      <c r="H394497" s="12"/>
    </row>
    <row r="394498" spans="8:8">
      <c r="H394498" s="12"/>
    </row>
    <row r="394499" spans="8:8">
      <c r="H394499" s="12"/>
    </row>
    <row r="394500" spans="8:8">
      <c r="H394500" s="12"/>
    </row>
    <row r="394501" spans="8:8">
      <c r="H394501" s="12"/>
    </row>
    <row r="394502" spans="8:8">
      <c r="H394502" s="12"/>
    </row>
    <row r="394503" spans="8:8">
      <c r="H394503" s="12"/>
    </row>
    <row r="394504" spans="8:8">
      <c r="H394504" s="12"/>
    </row>
    <row r="394505" spans="8:8">
      <c r="H394505" s="12"/>
    </row>
    <row r="394506" spans="8:8">
      <c r="H394506" s="12"/>
    </row>
    <row r="394507" spans="8:8">
      <c r="H394507" s="12"/>
    </row>
    <row r="394508" spans="8:8">
      <c r="H394508" s="12"/>
    </row>
    <row r="394509" spans="8:8">
      <c r="H394509" s="12"/>
    </row>
    <row r="394510" spans="8:8">
      <c r="H394510" s="12"/>
    </row>
    <row r="394511" spans="8:8">
      <c r="H394511" s="12"/>
    </row>
    <row r="394512" spans="8:8">
      <c r="H394512" s="12"/>
    </row>
    <row r="394513" spans="8:8">
      <c r="H394513" s="12"/>
    </row>
    <row r="394514" spans="8:8">
      <c r="H394514" s="12"/>
    </row>
    <row r="394515" spans="8:8">
      <c r="H394515" s="12"/>
    </row>
    <row r="394516" spans="8:8">
      <c r="H394516" s="12"/>
    </row>
    <row r="394517" spans="8:8">
      <c r="H394517" s="12"/>
    </row>
    <row r="394518" spans="8:8">
      <c r="H394518" s="12"/>
    </row>
    <row r="394519" spans="8:8">
      <c r="H394519" s="12"/>
    </row>
    <row r="394520" spans="8:8">
      <c r="H394520" s="12"/>
    </row>
    <row r="394521" spans="8:8">
      <c r="H394521" s="12"/>
    </row>
    <row r="394522" spans="8:8">
      <c r="H394522" s="12"/>
    </row>
    <row r="394523" spans="8:8">
      <c r="H394523" s="12"/>
    </row>
    <row r="394524" spans="8:8">
      <c r="H394524" s="12"/>
    </row>
    <row r="394525" spans="8:8">
      <c r="H394525" s="12"/>
    </row>
    <row r="394526" spans="8:8">
      <c r="H394526" s="12"/>
    </row>
    <row r="394527" spans="8:8">
      <c r="H394527" s="12"/>
    </row>
    <row r="394528" spans="8:8">
      <c r="H394528" s="12"/>
    </row>
    <row r="394529" spans="8:8">
      <c r="H394529" s="12"/>
    </row>
    <row r="394530" spans="8:8">
      <c r="H394530" s="12"/>
    </row>
    <row r="394531" spans="8:8">
      <c r="H394531" s="12"/>
    </row>
    <row r="394532" spans="8:8">
      <c r="H394532" s="12"/>
    </row>
    <row r="394533" spans="8:8">
      <c r="H394533" s="12"/>
    </row>
    <row r="394534" spans="8:8">
      <c r="H394534" s="12"/>
    </row>
    <row r="394535" spans="8:8">
      <c r="H394535" s="12"/>
    </row>
    <row r="394536" spans="8:8">
      <c r="H394536" s="12"/>
    </row>
    <row r="394537" spans="8:8">
      <c r="H394537" s="12"/>
    </row>
    <row r="394538" spans="8:8">
      <c r="H394538" s="12"/>
    </row>
    <row r="394539" spans="8:8">
      <c r="H394539" s="12"/>
    </row>
    <row r="394540" spans="8:8">
      <c r="H394540" s="12"/>
    </row>
    <row r="394541" spans="8:8">
      <c r="H394541" s="12"/>
    </row>
    <row r="394542" spans="8:8">
      <c r="H394542" s="12"/>
    </row>
    <row r="394543" spans="8:8">
      <c r="H394543" s="12"/>
    </row>
    <row r="394544" spans="8:8">
      <c r="H394544" s="12"/>
    </row>
    <row r="394545" spans="8:8">
      <c r="H394545" s="12"/>
    </row>
    <row r="394546" spans="8:8">
      <c r="H394546" s="12"/>
    </row>
    <row r="394547" spans="8:8">
      <c r="H394547" s="12"/>
    </row>
    <row r="394548" spans="8:8">
      <c r="H394548" s="12"/>
    </row>
    <row r="394549" spans="8:8">
      <c r="H394549" s="12"/>
    </row>
    <row r="394550" spans="8:8">
      <c r="H394550" s="12"/>
    </row>
    <row r="394551" spans="8:8">
      <c r="H394551" s="12"/>
    </row>
    <row r="394552" spans="8:8">
      <c r="H394552" s="12"/>
    </row>
    <row r="394553" spans="8:8">
      <c r="H394553" s="12"/>
    </row>
    <row r="394554" spans="8:8">
      <c r="H394554" s="12"/>
    </row>
    <row r="394555" spans="8:8">
      <c r="H394555" s="12"/>
    </row>
    <row r="394556" spans="8:8">
      <c r="H394556" s="12"/>
    </row>
    <row r="394557" spans="8:8">
      <c r="H394557" s="12"/>
    </row>
    <row r="394558" spans="8:8">
      <c r="H394558" s="12"/>
    </row>
    <row r="394559" spans="8:8">
      <c r="H394559" s="12"/>
    </row>
    <row r="394560" spans="8:8">
      <c r="H394560" s="12"/>
    </row>
    <row r="394561" spans="8:8">
      <c r="H394561" s="12"/>
    </row>
    <row r="394562" spans="8:8">
      <c r="H394562" s="12"/>
    </row>
    <row r="394563" spans="8:8">
      <c r="H394563" s="12"/>
    </row>
    <row r="394564" spans="8:8">
      <c r="H394564" s="12"/>
    </row>
    <row r="394565" spans="8:8">
      <c r="H394565" s="12"/>
    </row>
    <row r="394566" spans="8:8">
      <c r="H394566" s="12"/>
    </row>
    <row r="394567" spans="8:8">
      <c r="H394567" s="12"/>
    </row>
    <row r="394568" spans="8:8">
      <c r="H394568" s="12"/>
    </row>
    <row r="394569" spans="8:8">
      <c r="H394569" s="12"/>
    </row>
    <row r="394570" spans="8:8">
      <c r="H394570" s="12"/>
    </row>
    <row r="394571" spans="8:8">
      <c r="H394571" s="12"/>
    </row>
    <row r="394572" spans="8:8">
      <c r="H394572" s="12"/>
    </row>
    <row r="394573" spans="8:8">
      <c r="H394573" s="12"/>
    </row>
    <row r="394574" spans="8:8">
      <c r="H394574" s="12"/>
    </row>
    <row r="394575" spans="8:8">
      <c r="H394575" s="12"/>
    </row>
    <row r="394576" spans="8:8">
      <c r="H394576" s="12"/>
    </row>
    <row r="394577" spans="8:8">
      <c r="H394577" s="12"/>
    </row>
    <row r="394578" spans="8:8">
      <c r="H394578" s="12"/>
    </row>
    <row r="394579" spans="8:8">
      <c r="H394579" s="12"/>
    </row>
    <row r="394580" spans="8:8">
      <c r="H394580" s="12"/>
    </row>
    <row r="394581" spans="8:8">
      <c r="H394581" s="12"/>
    </row>
    <row r="394582" spans="8:8">
      <c r="H394582" s="12"/>
    </row>
    <row r="394583" spans="8:8">
      <c r="H394583" s="12"/>
    </row>
    <row r="394584" spans="8:8">
      <c r="H394584" s="12"/>
    </row>
    <row r="394585" spans="8:8">
      <c r="H394585" s="12"/>
    </row>
    <row r="394586" spans="8:8">
      <c r="H394586" s="12"/>
    </row>
    <row r="394587" spans="8:8">
      <c r="H394587" s="12"/>
    </row>
    <row r="394588" spans="8:8">
      <c r="H394588" s="12"/>
    </row>
    <row r="394589" spans="8:8">
      <c r="H394589" s="12"/>
    </row>
    <row r="394590" spans="8:8">
      <c r="H394590" s="12"/>
    </row>
    <row r="394591" spans="8:8">
      <c r="H394591" s="12"/>
    </row>
    <row r="394592" spans="8:8">
      <c r="H394592" s="12"/>
    </row>
    <row r="394593" spans="8:8">
      <c r="H394593" s="12"/>
    </row>
    <row r="394594" spans="8:8">
      <c r="H394594" s="12"/>
    </row>
    <row r="394595" spans="8:8">
      <c r="H394595" s="12"/>
    </row>
    <row r="394596" spans="8:8">
      <c r="H394596" s="12"/>
    </row>
    <row r="394597" spans="8:8">
      <c r="H394597" s="12"/>
    </row>
    <row r="394598" spans="8:8">
      <c r="H394598" s="12"/>
    </row>
    <row r="394599" spans="8:8">
      <c r="H394599" s="12"/>
    </row>
    <row r="394600" spans="8:8">
      <c r="H394600" s="12"/>
    </row>
    <row r="394601" spans="8:8">
      <c r="H394601" s="12"/>
    </row>
    <row r="394602" spans="8:8">
      <c r="H394602" s="12"/>
    </row>
    <row r="394603" spans="8:8">
      <c r="H394603" s="12"/>
    </row>
    <row r="394604" spans="8:8">
      <c r="H394604" s="12"/>
    </row>
    <row r="394605" spans="8:8">
      <c r="H394605" s="12"/>
    </row>
    <row r="394606" spans="8:8">
      <c r="H394606" s="12"/>
    </row>
    <row r="394607" spans="8:8">
      <c r="H394607" s="12"/>
    </row>
    <row r="394608" spans="8:8">
      <c r="H394608" s="12"/>
    </row>
    <row r="394609" spans="8:8">
      <c r="H394609" s="12"/>
    </row>
    <row r="394610" spans="8:8">
      <c r="H394610" s="12"/>
    </row>
    <row r="394611" spans="8:8">
      <c r="H394611" s="12"/>
    </row>
    <row r="394612" spans="8:8">
      <c r="H394612" s="12"/>
    </row>
    <row r="394613" spans="8:8">
      <c r="H394613" s="12"/>
    </row>
    <row r="394614" spans="8:8">
      <c r="H394614" s="12"/>
    </row>
    <row r="394615" spans="8:8">
      <c r="H394615" s="12"/>
    </row>
    <row r="394616" spans="8:8">
      <c r="H394616" s="12"/>
    </row>
    <row r="394617" spans="8:8">
      <c r="H394617" s="12"/>
    </row>
    <row r="394618" spans="8:8">
      <c r="H394618" s="12"/>
    </row>
    <row r="394619" spans="8:8">
      <c r="H394619" s="12"/>
    </row>
    <row r="394620" spans="8:8">
      <c r="H394620" s="12"/>
    </row>
    <row r="394621" spans="8:8">
      <c r="H394621" s="12"/>
    </row>
    <row r="394622" spans="8:8">
      <c r="H394622" s="12"/>
    </row>
    <row r="394623" spans="8:8">
      <c r="H394623" s="12"/>
    </row>
    <row r="394624" spans="8:8">
      <c r="H394624" s="12"/>
    </row>
    <row r="394625" spans="8:8">
      <c r="H394625" s="12"/>
    </row>
    <row r="394626" spans="8:8">
      <c r="H394626" s="12"/>
    </row>
    <row r="394627" spans="8:8">
      <c r="H394627" s="12"/>
    </row>
    <row r="394628" spans="8:8">
      <c r="H394628" s="12"/>
    </row>
    <row r="394629" spans="8:8">
      <c r="H394629" s="12"/>
    </row>
    <row r="394630" spans="8:8">
      <c r="H394630" s="12"/>
    </row>
    <row r="394631" spans="8:8">
      <c r="H394631" s="12"/>
    </row>
    <row r="394632" spans="8:8">
      <c r="H394632" s="12"/>
    </row>
    <row r="394633" spans="8:8">
      <c r="H394633" s="12"/>
    </row>
    <row r="394634" spans="8:8">
      <c r="H394634" s="12"/>
    </row>
    <row r="394635" spans="8:8">
      <c r="H394635" s="12"/>
    </row>
    <row r="394636" spans="8:8">
      <c r="H394636" s="12"/>
    </row>
    <row r="394637" spans="8:8">
      <c r="H394637" s="12"/>
    </row>
    <row r="394638" spans="8:8">
      <c r="H394638" s="12"/>
    </row>
    <row r="394639" spans="8:8">
      <c r="H394639" s="12"/>
    </row>
    <row r="394640" spans="8:8">
      <c r="H394640" s="12"/>
    </row>
    <row r="394641" spans="8:8">
      <c r="H394641" s="12"/>
    </row>
    <row r="394642" spans="8:8">
      <c r="H394642" s="12"/>
    </row>
    <row r="394643" spans="8:8">
      <c r="H394643" s="12"/>
    </row>
    <row r="394644" spans="8:8">
      <c r="H394644" s="12"/>
    </row>
    <row r="394645" spans="8:8">
      <c r="H394645" s="12"/>
    </row>
    <row r="394646" spans="8:8">
      <c r="H394646" s="12"/>
    </row>
    <row r="394647" spans="8:8">
      <c r="H394647" s="12"/>
    </row>
    <row r="394648" spans="8:8">
      <c r="H394648" s="12"/>
    </row>
    <row r="394649" spans="8:8">
      <c r="H394649" s="12"/>
    </row>
    <row r="394650" spans="8:8">
      <c r="H394650" s="12"/>
    </row>
    <row r="394651" spans="8:8">
      <c r="H394651" s="12"/>
    </row>
    <row r="394652" spans="8:8">
      <c r="H394652" s="12"/>
    </row>
    <row r="394653" spans="8:8">
      <c r="H394653" s="12"/>
    </row>
    <row r="394654" spans="8:8">
      <c r="H394654" s="12"/>
    </row>
    <row r="394655" spans="8:8">
      <c r="H394655" s="12"/>
    </row>
    <row r="394656" spans="8:8">
      <c r="H394656" s="12"/>
    </row>
    <row r="394657" spans="8:8">
      <c r="H394657" s="12"/>
    </row>
    <row r="394658" spans="8:8">
      <c r="H394658" s="12"/>
    </row>
    <row r="394659" spans="8:8">
      <c r="H394659" s="12"/>
    </row>
    <row r="394660" spans="8:8">
      <c r="H394660" s="12"/>
    </row>
    <row r="394661" spans="8:8">
      <c r="H394661" s="12"/>
    </row>
    <row r="394662" spans="8:8">
      <c r="H394662" s="12"/>
    </row>
    <row r="394663" spans="8:8">
      <c r="H394663" s="12"/>
    </row>
    <row r="394664" spans="8:8">
      <c r="H394664" s="12"/>
    </row>
    <row r="394665" spans="8:8">
      <c r="H394665" s="12"/>
    </row>
    <row r="394666" spans="8:8">
      <c r="H394666" s="12"/>
    </row>
    <row r="394667" spans="8:8">
      <c r="H394667" s="12"/>
    </row>
    <row r="394668" spans="8:8">
      <c r="H394668" s="12"/>
    </row>
    <row r="394669" spans="8:8">
      <c r="H394669" s="12"/>
    </row>
    <row r="394670" spans="8:8">
      <c r="H394670" s="12"/>
    </row>
    <row r="394671" spans="8:8">
      <c r="H394671" s="12"/>
    </row>
    <row r="394672" spans="8:8">
      <c r="H394672" s="12"/>
    </row>
    <row r="394673" spans="8:8">
      <c r="H394673" s="12"/>
    </row>
    <row r="394674" spans="8:8">
      <c r="H394674" s="12"/>
    </row>
    <row r="394675" spans="8:8">
      <c r="H394675" s="12"/>
    </row>
    <row r="394676" spans="8:8">
      <c r="H394676" s="12"/>
    </row>
    <row r="394677" spans="8:8">
      <c r="H394677" s="12"/>
    </row>
    <row r="394678" spans="8:8">
      <c r="H394678" s="12"/>
    </row>
    <row r="394679" spans="8:8">
      <c r="H394679" s="12"/>
    </row>
    <row r="394680" spans="8:8">
      <c r="H394680" s="12"/>
    </row>
    <row r="394681" spans="8:8">
      <c r="H394681" s="12"/>
    </row>
    <row r="394682" spans="8:8">
      <c r="H394682" s="12"/>
    </row>
    <row r="394683" spans="8:8">
      <c r="H394683" s="12"/>
    </row>
    <row r="394684" spans="8:8">
      <c r="H394684" s="12"/>
    </row>
    <row r="394685" spans="8:8">
      <c r="H394685" s="12"/>
    </row>
    <row r="394686" spans="8:8">
      <c r="H394686" s="12"/>
    </row>
    <row r="394687" spans="8:8">
      <c r="H394687" s="12"/>
    </row>
    <row r="394688" spans="8:8">
      <c r="H394688" s="12"/>
    </row>
    <row r="394689" spans="8:8">
      <c r="H394689" s="12"/>
    </row>
    <row r="394690" spans="8:8">
      <c r="H394690" s="12"/>
    </row>
    <row r="394691" spans="8:8">
      <c r="H394691" s="12"/>
    </row>
    <row r="394692" spans="8:8">
      <c r="H394692" s="12"/>
    </row>
    <row r="394693" spans="8:8">
      <c r="H394693" s="12"/>
    </row>
    <row r="394694" spans="8:8">
      <c r="H394694" s="12"/>
    </row>
    <row r="394695" spans="8:8">
      <c r="H394695" s="12"/>
    </row>
    <row r="394696" spans="8:8">
      <c r="H394696" s="12"/>
    </row>
    <row r="394697" spans="8:8">
      <c r="H394697" s="12"/>
    </row>
    <row r="394698" spans="8:8">
      <c r="H394698" s="12"/>
    </row>
    <row r="394699" spans="8:8">
      <c r="H394699" s="12"/>
    </row>
    <row r="394700" spans="8:8">
      <c r="H394700" s="12"/>
    </row>
    <row r="394701" spans="8:8">
      <c r="H394701" s="12"/>
    </row>
    <row r="394702" spans="8:8">
      <c r="H394702" s="12"/>
    </row>
    <row r="394703" spans="8:8">
      <c r="H394703" s="12"/>
    </row>
    <row r="394704" spans="8:8">
      <c r="H394704" s="12"/>
    </row>
    <row r="394705" spans="8:8">
      <c r="H394705" s="12"/>
    </row>
    <row r="394706" spans="8:8">
      <c r="H394706" s="12"/>
    </row>
    <row r="394707" spans="8:8">
      <c r="H394707" s="12"/>
    </row>
    <row r="394708" spans="8:8">
      <c r="H394708" s="12"/>
    </row>
    <row r="394709" spans="8:8">
      <c r="H394709" s="12"/>
    </row>
    <row r="394710" spans="8:8">
      <c r="H394710" s="12"/>
    </row>
    <row r="394711" spans="8:8">
      <c r="H394711" s="12"/>
    </row>
    <row r="394712" spans="8:8">
      <c r="H394712" s="12"/>
    </row>
    <row r="394713" spans="8:8">
      <c r="H394713" s="12"/>
    </row>
    <row r="394714" spans="8:8">
      <c r="H394714" s="12"/>
    </row>
    <row r="394715" spans="8:8">
      <c r="H394715" s="12"/>
    </row>
    <row r="394716" spans="8:8">
      <c r="H394716" s="12"/>
    </row>
    <row r="394717" spans="8:8">
      <c r="H394717" s="12"/>
    </row>
    <row r="394718" spans="8:8">
      <c r="H394718" s="12"/>
    </row>
    <row r="394719" spans="8:8">
      <c r="H394719" s="12"/>
    </row>
    <row r="394720" spans="8:8">
      <c r="H394720" s="12"/>
    </row>
    <row r="394721" spans="8:8">
      <c r="H394721" s="12"/>
    </row>
    <row r="394722" spans="8:8">
      <c r="H394722" s="12"/>
    </row>
    <row r="394723" spans="8:8">
      <c r="H394723" s="12"/>
    </row>
    <row r="394724" spans="8:8">
      <c r="H394724" s="12"/>
    </row>
    <row r="394725" spans="8:8">
      <c r="H394725" s="12"/>
    </row>
    <row r="394726" spans="8:8">
      <c r="H394726" s="12"/>
    </row>
    <row r="394727" spans="8:8">
      <c r="H394727" s="12"/>
    </row>
    <row r="394728" spans="8:8">
      <c r="H394728" s="12"/>
    </row>
    <row r="394729" spans="8:8">
      <c r="H394729" s="12"/>
    </row>
    <row r="394730" spans="8:8">
      <c r="H394730" s="12"/>
    </row>
    <row r="394731" spans="8:8">
      <c r="H394731" s="12"/>
    </row>
    <row r="394732" spans="8:8">
      <c r="H394732" s="12"/>
    </row>
    <row r="394733" spans="8:8">
      <c r="H394733" s="12"/>
    </row>
    <row r="394734" spans="8:8">
      <c r="H394734" s="12"/>
    </row>
    <row r="394735" spans="8:8">
      <c r="H394735" s="12"/>
    </row>
    <row r="394736" spans="8:8">
      <c r="H394736" s="12"/>
    </row>
    <row r="394737" spans="8:8">
      <c r="H394737" s="12"/>
    </row>
    <row r="394738" spans="8:8">
      <c r="H394738" s="12"/>
    </row>
    <row r="394739" spans="8:8">
      <c r="H394739" s="12"/>
    </row>
    <row r="394740" spans="8:8">
      <c r="H394740" s="12"/>
    </row>
    <row r="394741" spans="8:8">
      <c r="H394741" s="12"/>
    </row>
    <row r="394742" spans="8:8">
      <c r="H394742" s="12"/>
    </row>
    <row r="394743" spans="8:8">
      <c r="H394743" s="12"/>
    </row>
    <row r="394744" spans="8:8">
      <c r="H394744" s="12"/>
    </row>
    <row r="394745" spans="8:8">
      <c r="H394745" s="12"/>
    </row>
    <row r="394746" spans="8:8">
      <c r="H394746" s="12"/>
    </row>
    <row r="394747" spans="8:8">
      <c r="H394747" s="12"/>
    </row>
    <row r="394748" spans="8:8">
      <c r="H394748" s="12"/>
    </row>
    <row r="394749" spans="8:8">
      <c r="H394749" s="12"/>
    </row>
    <row r="394750" spans="8:8">
      <c r="H394750" s="12"/>
    </row>
    <row r="394751" spans="8:8">
      <c r="H394751" s="12"/>
    </row>
    <row r="394752" spans="8:8">
      <c r="H394752" s="12"/>
    </row>
    <row r="394753" spans="8:8">
      <c r="H394753" s="12"/>
    </row>
    <row r="394754" spans="8:8">
      <c r="H394754" s="12"/>
    </row>
    <row r="394755" spans="8:8">
      <c r="H394755" s="12"/>
    </row>
    <row r="394756" spans="8:8">
      <c r="H394756" s="12"/>
    </row>
    <row r="394757" spans="8:8">
      <c r="H394757" s="12"/>
    </row>
    <row r="394758" spans="8:8">
      <c r="H394758" s="12"/>
    </row>
    <row r="394759" spans="8:8">
      <c r="H394759" s="12"/>
    </row>
    <row r="394760" spans="8:8">
      <c r="H394760" s="12"/>
    </row>
    <row r="394761" spans="8:8">
      <c r="H394761" s="12"/>
    </row>
    <row r="394762" spans="8:8">
      <c r="H394762" s="12"/>
    </row>
    <row r="394763" spans="8:8">
      <c r="H394763" s="12"/>
    </row>
    <row r="394764" spans="8:8">
      <c r="H394764" s="12"/>
    </row>
    <row r="394765" spans="8:8">
      <c r="H394765" s="12"/>
    </row>
    <row r="394766" spans="8:8">
      <c r="H394766" s="12"/>
    </row>
    <row r="394767" spans="8:8">
      <c r="H394767" s="12"/>
    </row>
    <row r="394768" spans="8:8">
      <c r="H394768" s="12"/>
    </row>
    <row r="394769" spans="8:8">
      <c r="H394769" s="12"/>
    </row>
    <row r="394770" spans="8:8">
      <c r="H394770" s="12"/>
    </row>
    <row r="394771" spans="8:8">
      <c r="H394771" s="12"/>
    </row>
    <row r="394772" spans="8:8">
      <c r="H394772" s="12"/>
    </row>
    <row r="394773" spans="8:8">
      <c r="H394773" s="12"/>
    </row>
    <row r="394774" spans="8:8">
      <c r="H394774" s="12"/>
    </row>
    <row r="394775" spans="8:8">
      <c r="H394775" s="12"/>
    </row>
    <row r="394776" spans="8:8">
      <c r="H394776" s="12"/>
    </row>
    <row r="394777" spans="8:8">
      <c r="H394777" s="12"/>
    </row>
    <row r="394778" spans="8:8">
      <c r="H394778" s="12"/>
    </row>
    <row r="394779" spans="8:8">
      <c r="H394779" s="12"/>
    </row>
    <row r="394780" spans="8:8">
      <c r="H394780" s="12"/>
    </row>
    <row r="394781" spans="8:8">
      <c r="H394781" s="12"/>
    </row>
    <row r="394782" spans="8:8">
      <c r="H394782" s="12"/>
    </row>
    <row r="394783" spans="8:8">
      <c r="H394783" s="12"/>
    </row>
    <row r="394784" spans="8:8">
      <c r="H394784" s="12"/>
    </row>
    <row r="394785" spans="8:8">
      <c r="H394785" s="12"/>
    </row>
    <row r="394786" spans="8:8">
      <c r="H394786" s="12"/>
    </row>
    <row r="394787" spans="8:8">
      <c r="H394787" s="12"/>
    </row>
    <row r="394788" spans="8:8">
      <c r="H394788" s="12"/>
    </row>
    <row r="394789" spans="8:8">
      <c r="H394789" s="12"/>
    </row>
    <row r="394790" spans="8:8">
      <c r="H394790" s="12"/>
    </row>
    <row r="394791" spans="8:8">
      <c r="H394791" s="12"/>
    </row>
    <row r="394792" spans="8:8">
      <c r="H394792" s="12"/>
    </row>
    <row r="394793" spans="8:8">
      <c r="H394793" s="12"/>
    </row>
    <row r="394794" spans="8:8">
      <c r="H394794" s="12"/>
    </row>
    <row r="394795" spans="8:8">
      <c r="H394795" s="12"/>
    </row>
    <row r="394796" spans="8:8">
      <c r="H394796" s="12"/>
    </row>
    <row r="394797" spans="8:8">
      <c r="H394797" s="12"/>
    </row>
    <row r="394798" spans="8:8">
      <c r="H394798" s="12"/>
    </row>
    <row r="394799" spans="8:8">
      <c r="H394799" s="12"/>
    </row>
    <row r="394800" spans="8:8">
      <c r="H394800" s="12"/>
    </row>
    <row r="394801" spans="8:8">
      <c r="H394801" s="12"/>
    </row>
    <row r="394802" spans="8:8">
      <c r="H394802" s="12"/>
    </row>
    <row r="394803" spans="8:8">
      <c r="H394803" s="12"/>
    </row>
    <row r="394804" spans="8:8">
      <c r="H394804" s="12"/>
    </row>
    <row r="394805" spans="8:8">
      <c r="H394805" s="12"/>
    </row>
    <row r="394806" spans="8:8">
      <c r="H394806" s="12"/>
    </row>
    <row r="394807" spans="8:8">
      <c r="H394807" s="12"/>
    </row>
    <row r="394808" spans="8:8">
      <c r="H394808" s="12"/>
    </row>
    <row r="394809" spans="8:8">
      <c r="H394809" s="12"/>
    </row>
    <row r="394810" spans="8:8">
      <c r="H394810" s="12"/>
    </row>
    <row r="394811" spans="8:8">
      <c r="H394811" s="12"/>
    </row>
    <row r="394812" spans="8:8">
      <c r="H394812" s="12"/>
    </row>
    <row r="394813" spans="8:8">
      <c r="H394813" s="12"/>
    </row>
    <row r="394814" spans="8:8">
      <c r="H394814" s="12"/>
    </row>
    <row r="394815" spans="8:8">
      <c r="H394815" s="12"/>
    </row>
    <row r="394816" spans="8:8">
      <c r="H394816" s="12"/>
    </row>
    <row r="394817" spans="8:8">
      <c r="H394817" s="12"/>
    </row>
    <row r="394818" spans="8:8">
      <c r="H394818" s="12"/>
    </row>
    <row r="394819" spans="8:8">
      <c r="H394819" s="12"/>
    </row>
    <row r="394820" spans="8:8">
      <c r="H394820" s="12"/>
    </row>
    <row r="394821" spans="8:8">
      <c r="H394821" s="12"/>
    </row>
    <row r="394822" spans="8:8">
      <c r="H394822" s="12"/>
    </row>
    <row r="394823" spans="8:8">
      <c r="H394823" s="12"/>
    </row>
    <row r="394824" spans="8:8">
      <c r="H394824" s="12"/>
    </row>
    <row r="394825" spans="8:8">
      <c r="H394825" s="12"/>
    </row>
    <row r="394826" spans="8:8">
      <c r="H394826" s="12"/>
    </row>
    <row r="394827" spans="8:8">
      <c r="H394827" s="12"/>
    </row>
    <row r="394828" spans="8:8">
      <c r="H394828" s="12"/>
    </row>
    <row r="394829" spans="8:8">
      <c r="H394829" s="12"/>
    </row>
    <row r="394830" spans="8:8">
      <c r="H394830" s="12"/>
    </row>
    <row r="394831" spans="8:8">
      <c r="H394831" s="12"/>
    </row>
    <row r="394832" spans="8:8">
      <c r="H394832" s="12"/>
    </row>
    <row r="394833" spans="8:8">
      <c r="H394833" s="12"/>
    </row>
    <row r="394834" spans="8:8">
      <c r="H394834" s="12"/>
    </row>
    <row r="394835" spans="8:8">
      <c r="H394835" s="12"/>
    </row>
    <row r="394836" spans="8:8">
      <c r="H394836" s="12"/>
    </row>
    <row r="394837" spans="8:8">
      <c r="H394837" s="12"/>
    </row>
    <row r="394838" spans="8:8">
      <c r="H394838" s="12"/>
    </row>
    <row r="394839" spans="8:8">
      <c r="H394839" s="12"/>
    </row>
    <row r="394840" spans="8:8">
      <c r="H394840" s="12"/>
    </row>
    <row r="394841" spans="8:8">
      <c r="H394841" s="12"/>
    </row>
    <row r="394842" spans="8:8">
      <c r="H394842" s="12"/>
    </row>
    <row r="394843" spans="8:8">
      <c r="H394843" s="12"/>
    </row>
    <row r="394844" spans="8:8">
      <c r="H394844" s="12"/>
    </row>
    <row r="394845" spans="8:8">
      <c r="H394845" s="12"/>
    </row>
    <row r="394846" spans="8:8">
      <c r="H394846" s="12"/>
    </row>
    <row r="394847" spans="8:8">
      <c r="H394847" s="12"/>
    </row>
    <row r="394848" spans="8:8">
      <c r="H394848" s="12"/>
    </row>
    <row r="394849" spans="8:8">
      <c r="H394849" s="12"/>
    </row>
    <row r="394850" spans="8:8">
      <c r="H394850" s="12"/>
    </row>
    <row r="394851" spans="8:8">
      <c r="H394851" s="12"/>
    </row>
    <row r="394852" spans="8:8">
      <c r="H394852" s="12"/>
    </row>
    <row r="394853" spans="8:8">
      <c r="H394853" s="12"/>
    </row>
    <row r="394854" spans="8:8">
      <c r="H394854" s="12"/>
    </row>
    <row r="394855" spans="8:8">
      <c r="H394855" s="12"/>
    </row>
    <row r="394856" spans="8:8">
      <c r="H394856" s="12"/>
    </row>
    <row r="394857" spans="8:8">
      <c r="H394857" s="12"/>
    </row>
    <row r="394858" spans="8:8">
      <c r="H394858" s="12"/>
    </row>
    <row r="394859" spans="8:8">
      <c r="H394859" s="12"/>
    </row>
    <row r="394860" spans="8:8">
      <c r="H394860" s="12"/>
    </row>
    <row r="394861" spans="8:8">
      <c r="H394861" s="12"/>
    </row>
    <row r="394862" spans="8:8">
      <c r="H394862" s="12"/>
    </row>
    <row r="394863" spans="8:8">
      <c r="H394863" s="12"/>
    </row>
    <row r="394864" spans="8:8">
      <c r="H394864" s="12"/>
    </row>
    <row r="394865" spans="8:8">
      <c r="H394865" s="12"/>
    </row>
    <row r="394866" spans="8:8">
      <c r="H394866" s="12"/>
    </row>
    <row r="394867" spans="8:8">
      <c r="H394867" s="12"/>
    </row>
    <row r="394868" spans="8:8">
      <c r="H394868" s="12"/>
    </row>
    <row r="394869" spans="8:8">
      <c r="H394869" s="12"/>
    </row>
    <row r="394870" spans="8:8">
      <c r="H394870" s="12"/>
    </row>
    <row r="394871" spans="8:8">
      <c r="H394871" s="12"/>
    </row>
    <row r="394872" spans="8:8">
      <c r="H394872" s="12"/>
    </row>
    <row r="394873" spans="8:8">
      <c r="H394873" s="12"/>
    </row>
    <row r="394874" spans="8:8">
      <c r="H394874" s="12"/>
    </row>
    <row r="394875" spans="8:8">
      <c r="H394875" s="12"/>
    </row>
    <row r="394876" spans="8:8">
      <c r="H394876" s="12"/>
    </row>
    <row r="394877" spans="8:8">
      <c r="H394877" s="12"/>
    </row>
    <row r="394878" spans="8:8">
      <c r="H394878" s="12"/>
    </row>
    <row r="394879" spans="8:8">
      <c r="H394879" s="12"/>
    </row>
    <row r="394880" spans="8:8">
      <c r="H394880" s="12"/>
    </row>
    <row r="394881" spans="8:8">
      <c r="H394881" s="12"/>
    </row>
    <row r="394882" spans="8:8">
      <c r="H394882" s="12"/>
    </row>
    <row r="394883" spans="8:8">
      <c r="H394883" s="12"/>
    </row>
    <row r="394884" spans="8:8">
      <c r="H394884" s="12"/>
    </row>
    <row r="394885" spans="8:8">
      <c r="H394885" s="12"/>
    </row>
    <row r="394886" spans="8:8">
      <c r="H394886" s="12"/>
    </row>
    <row r="394887" spans="8:8">
      <c r="H394887" s="12"/>
    </row>
    <row r="394888" spans="8:8">
      <c r="H394888" s="12"/>
    </row>
    <row r="394889" spans="8:8">
      <c r="H394889" s="12"/>
    </row>
    <row r="394890" spans="8:8">
      <c r="H394890" s="12"/>
    </row>
    <row r="394891" spans="8:8">
      <c r="H394891" s="12"/>
    </row>
    <row r="394892" spans="8:8">
      <c r="H394892" s="12"/>
    </row>
    <row r="394893" spans="8:8">
      <c r="H394893" s="12"/>
    </row>
    <row r="394894" spans="8:8">
      <c r="H394894" s="12"/>
    </row>
    <row r="394895" spans="8:8">
      <c r="H394895" s="12"/>
    </row>
    <row r="394896" spans="8:8">
      <c r="H394896" s="12"/>
    </row>
    <row r="394897" spans="8:8">
      <c r="H394897" s="12"/>
    </row>
    <row r="394898" spans="8:8">
      <c r="H394898" s="12"/>
    </row>
    <row r="394899" spans="8:8">
      <c r="H394899" s="12"/>
    </row>
    <row r="394900" spans="8:8">
      <c r="H394900" s="12"/>
    </row>
    <row r="394901" spans="8:8">
      <c r="H394901" s="12"/>
    </row>
    <row r="394902" spans="8:8">
      <c r="H394902" s="12"/>
    </row>
    <row r="394903" spans="8:8">
      <c r="H394903" s="12"/>
    </row>
    <row r="394904" spans="8:8">
      <c r="H394904" s="12"/>
    </row>
    <row r="394905" spans="8:8">
      <c r="H394905" s="12"/>
    </row>
    <row r="394906" spans="8:8">
      <c r="H394906" s="12"/>
    </row>
    <row r="394907" spans="8:8">
      <c r="H394907" s="12"/>
    </row>
    <row r="394908" spans="8:8">
      <c r="H394908" s="12"/>
    </row>
    <row r="394909" spans="8:8">
      <c r="H394909" s="12"/>
    </row>
    <row r="394910" spans="8:8">
      <c r="H394910" s="12"/>
    </row>
    <row r="394911" spans="8:8">
      <c r="H394911" s="12"/>
    </row>
    <row r="394912" spans="8:8">
      <c r="H394912" s="12"/>
    </row>
    <row r="394913" spans="8:8">
      <c r="H394913" s="12"/>
    </row>
    <row r="394914" spans="8:8">
      <c r="H394914" s="12"/>
    </row>
    <row r="394915" spans="8:8">
      <c r="H394915" s="12"/>
    </row>
    <row r="394916" spans="8:8">
      <c r="H394916" s="12"/>
    </row>
    <row r="394917" spans="8:8">
      <c r="H394917" s="12"/>
    </row>
    <row r="394918" spans="8:8">
      <c r="H394918" s="12"/>
    </row>
    <row r="394919" spans="8:8">
      <c r="H394919" s="12"/>
    </row>
    <row r="394920" spans="8:8">
      <c r="H394920" s="12"/>
    </row>
    <row r="394921" spans="8:8">
      <c r="H394921" s="12"/>
    </row>
    <row r="394922" spans="8:8">
      <c r="H394922" s="12"/>
    </row>
    <row r="394923" spans="8:8">
      <c r="H394923" s="12"/>
    </row>
    <row r="394924" spans="8:8">
      <c r="H394924" s="12"/>
    </row>
    <row r="394925" spans="8:8">
      <c r="H394925" s="12"/>
    </row>
    <row r="394926" spans="8:8">
      <c r="H394926" s="12"/>
    </row>
    <row r="394927" spans="8:8">
      <c r="H394927" s="12"/>
    </row>
    <row r="394928" spans="8:8">
      <c r="H394928" s="12"/>
    </row>
    <row r="394929" spans="8:8">
      <c r="H394929" s="12"/>
    </row>
    <row r="394930" spans="8:8">
      <c r="H394930" s="12"/>
    </row>
    <row r="394931" spans="8:8">
      <c r="H394931" s="12"/>
    </row>
    <row r="394932" spans="8:8">
      <c r="H394932" s="12"/>
    </row>
    <row r="394933" spans="8:8">
      <c r="H394933" s="12"/>
    </row>
    <row r="394934" spans="8:8">
      <c r="H394934" s="12"/>
    </row>
    <row r="394935" spans="8:8">
      <c r="H394935" s="12"/>
    </row>
    <row r="394936" spans="8:8">
      <c r="H394936" s="12"/>
    </row>
    <row r="394937" spans="8:8">
      <c r="H394937" s="12"/>
    </row>
    <row r="394938" spans="8:8">
      <c r="H394938" s="12"/>
    </row>
    <row r="394939" spans="8:8">
      <c r="H394939" s="12"/>
    </row>
    <row r="394940" spans="8:8">
      <c r="H394940" s="12"/>
    </row>
    <row r="394941" spans="8:8">
      <c r="H394941" s="12"/>
    </row>
    <row r="394942" spans="8:8">
      <c r="H394942" s="12"/>
    </row>
    <row r="394943" spans="8:8">
      <c r="H394943" s="12"/>
    </row>
    <row r="394944" spans="8:8">
      <c r="H394944" s="12"/>
    </row>
    <row r="394945" spans="8:8">
      <c r="H394945" s="12"/>
    </row>
    <row r="394946" spans="8:8">
      <c r="H394946" s="12"/>
    </row>
    <row r="394947" spans="8:8">
      <c r="H394947" s="12"/>
    </row>
    <row r="394948" spans="8:8">
      <c r="H394948" s="12"/>
    </row>
    <row r="394949" spans="8:8">
      <c r="H394949" s="12"/>
    </row>
    <row r="394950" spans="8:8">
      <c r="H394950" s="12"/>
    </row>
    <row r="394951" spans="8:8">
      <c r="H394951" s="12"/>
    </row>
    <row r="394952" spans="8:8">
      <c r="H394952" s="12"/>
    </row>
    <row r="394953" spans="8:8">
      <c r="H394953" s="12"/>
    </row>
    <row r="394954" spans="8:8">
      <c r="H394954" s="12"/>
    </row>
    <row r="394955" spans="8:8">
      <c r="H394955" s="12"/>
    </row>
    <row r="394956" spans="8:8">
      <c r="H394956" s="12"/>
    </row>
    <row r="394957" spans="8:8">
      <c r="H394957" s="12"/>
    </row>
    <row r="394958" spans="8:8">
      <c r="H394958" s="12"/>
    </row>
    <row r="394959" spans="8:8">
      <c r="H394959" s="12"/>
    </row>
    <row r="394960" spans="8:8">
      <c r="H394960" s="12"/>
    </row>
    <row r="394961" spans="8:8">
      <c r="H394961" s="12"/>
    </row>
    <row r="394962" spans="8:8">
      <c r="H394962" s="12"/>
    </row>
    <row r="394963" spans="8:8">
      <c r="H394963" s="12"/>
    </row>
    <row r="394964" spans="8:8">
      <c r="H394964" s="12"/>
    </row>
    <row r="394965" spans="8:8">
      <c r="H394965" s="12"/>
    </row>
    <row r="394966" spans="8:8">
      <c r="H394966" s="12"/>
    </row>
    <row r="394967" spans="8:8">
      <c r="H394967" s="12"/>
    </row>
    <row r="394968" spans="8:8">
      <c r="H394968" s="12"/>
    </row>
    <row r="394969" spans="8:8">
      <c r="H394969" s="12"/>
    </row>
    <row r="394970" spans="8:8">
      <c r="H394970" s="12"/>
    </row>
    <row r="394971" spans="8:8">
      <c r="H394971" s="12"/>
    </row>
    <row r="394972" spans="8:8">
      <c r="H394972" s="12"/>
    </row>
    <row r="394973" spans="8:8">
      <c r="H394973" s="12"/>
    </row>
    <row r="394974" spans="8:8">
      <c r="H394974" s="12"/>
    </row>
    <row r="394975" spans="8:8">
      <c r="H394975" s="12"/>
    </row>
    <row r="394976" spans="8:8">
      <c r="H394976" s="12"/>
    </row>
    <row r="394977" spans="8:8">
      <c r="H394977" s="12"/>
    </row>
    <row r="394978" spans="8:8">
      <c r="H394978" s="12"/>
    </row>
    <row r="394979" spans="8:8">
      <c r="H394979" s="12"/>
    </row>
    <row r="394980" spans="8:8">
      <c r="H394980" s="12"/>
    </row>
    <row r="394981" spans="8:8">
      <c r="H394981" s="12"/>
    </row>
    <row r="394982" spans="8:8">
      <c r="H394982" s="12"/>
    </row>
    <row r="394983" spans="8:8">
      <c r="H394983" s="12"/>
    </row>
    <row r="394984" spans="8:8">
      <c r="H394984" s="12"/>
    </row>
    <row r="394985" spans="8:8">
      <c r="H394985" s="12"/>
    </row>
    <row r="394986" spans="8:8">
      <c r="H394986" s="12"/>
    </row>
    <row r="394987" spans="8:8">
      <c r="H394987" s="12"/>
    </row>
    <row r="394988" spans="8:8">
      <c r="H394988" s="12"/>
    </row>
    <row r="394989" spans="8:8">
      <c r="H394989" s="12"/>
    </row>
    <row r="394990" spans="8:8">
      <c r="H394990" s="12"/>
    </row>
    <row r="394991" spans="8:8">
      <c r="H394991" s="12"/>
    </row>
    <row r="394992" spans="8:8">
      <c r="H394992" s="12"/>
    </row>
    <row r="394993" spans="8:8">
      <c r="H394993" s="12"/>
    </row>
    <row r="394994" spans="8:8">
      <c r="H394994" s="12"/>
    </row>
    <row r="394995" spans="8:8">
      <c r="H394995" s="12"/>
    </row>
    <row r="394996" spans="8:8">
      <c r="H394996" s="12"/>
    </row>
    <row r="394997" spans="8:8">
      <c r="H394997" s="12"/>
    </row>
    <row r="394998" spans="8:8">
      <c r="H394998" s="12"/>
    </row>
    <row r="394999" spans="8:8">
      <c r="H394999" s="12"/>
    </row>
    <row r="395000" spans="8:8">
      <c r="H395000" s="12"/>
    </row>
    <row r="395001" spans="8:8">
      <c r="H395001" s="12"/>
    </row>
    <row r="395002" spans="8:8">
      <c r="H395002" s="12"/>
    </row>
    <row r="395003" spans="8:8">
      <c r="H395003" s="12"/>
    </row>
    <row r="395004" spans="8:8">
      <c r="H395004" s="12"/>
    </row>
    <row r="395005" spans="8:8">
      <c r="H395005" s="12"/>
    </row>
    <row r="395006" spans="8:8">
      <c r="H395006" s="12"/>
    </row>
    <row r="395007" spans="8:8">
      <c r="H395007" s="12"/>
    </row>
    <row r="395008" spans="8:8">
      <c r="H395008" s="12"/>
    </row>
    <row r="395009" spans="8:8">
      <c r="H395009" s="12"/>
    </row>
    <row r="395010" spans="8:8">
      <c r="H395010" s="12"/>
    </row>
    <row r="395011" spans="8:8">
      <c r="H395011" s="12"/>
    </row>
    <row r="395012" spans="8:8">
      <c r="H395012" s="12"/>
    </row>
    <row r="395013" spans="8:8">
      <c r="H395013" s="12"/>
    </row>
    <row r="395014" spans="8:8">
      <c r="H395014" s="12"/>
    </row>
    <row r="395015" spans="8:8">
      <c r="H395015" s="12"/>
    </row>
    <row r="395016" spans="8:8">
      <c r="H395016" s="12"/>
    </row>
    <row r="395017" spans="8:8">
      <c r="H395017" s="12"/>
    </row>
    <row r="395018" spans="8:8">
      <c r="H395018" s="12"/>
    </row>
    <row r="395019" spans="8:8">
      <c r="H395019" s="12"/>
    </row>
    <row r="395020" spans="8:8">
      <c r="H395020" s="12"/>
    </row>
    <row r="395021" spans="8:8">
      <c r="H395021" s="12"/>
    </row>
    <row r="395022" spans="8:8">
      <c r="H395022" s="12"/>
    </row>
    <row r="395023" spans="8:8">
      <c r="H395023" s="12"/>
    </row>
    <row r="395024" spans="8:8">
      <c r="H395024" s="12"/>
    </row>
    <row r="395025" spans="8:8">
      <c r="H395025" s="12"/>
    </row>
    <row r="395026" spans="8:8">
      <c r="H395026" s="12"/>
    </row>
    <row r="395027" spans="8:8">
      <c r="H395027" s="12"/>
    </row>
    <row r="395028" spans="8:8">
      <c r="H395028" s="12"/>
    </row>
    <row r="395029" spans="8:8">
      <c r="H395029" s="12"/>
    </row>
    <row r="395030" spans="8:8">
      <c r="H395030" s="12"/>
    </row>
    <row r="395031" spans="8:8">
      <c r="H395031" s="12"/>
    </row>
    <row r="395032" spans="8:8">
      <c r="H395032" s="12"/>
    </row>
    <row r="395033" spans="8:8">
      <c r="H395033" s="12"/>
    </row>
    <row r="395034" spans="8:8">
      <c r="H395034" s="12"/>
    </row>
    <row r="395035" spans="8:8">
      <c r="H395035" s="12"/>
    </row>
    <row r="395036" spans="8:8">
      <c r="H395036" s="12"/>
    </row>
    <row r="395037" spans="8:8">
      <c r="H395037" s="12"/>
    </row>
    <row r="395038" spans="8:8">
      <c r="H395038" s="12"/>
    </row>
    <row r="395039" spans="8:8">
      <c r="H395039" s="12"/>
    </row>
    <row r="395040" spans="8:8">
      <c r="H395040" s="12"/>
    </row>
    <row r="395041" spans="8:8">
      <c r="H395041" s="12"/>
    </row>
    <row r="395042" spans="8:8">
      <c r="H395042" s="12"/>
    </row>
    <row r="395043" spans="8:8">
      <c r="H395043" s="12"/>
    </row>
    <row r="395044" spans="8:8">
      <c r="H395044" s="12"/>
    </row>
    <row r="395045" spans="8:8">
      <c r="H395045" s="12"/>
    </row>
    <row r="395046" spans="8:8">
      <c r="H395046" s="12"/>
    </row>
    <row r="395047" spans="8:8">
      <c r="H395047" s="12"/>
    </row>
    <row r="395048" spans="8:8">
      <c r="H395048" s="12"/>
    </row>
    <row r="395049" spans="8:8">
      <c r="H395049" s="12"/>
    </row>
    <row r="395050" spans="8:8">
      <c r="H395050" s="12"/>
    </row>
    <row r="395051" spans="8:8">
      <c r="H395051" s="12"/>
    </row>
    <row r="395052" spans="8:8">
      <c r="H395052" s="12"/>
    </row>
    <row r="395053" spans="8:8">
      <c r="H395053" s="12"/>
    </row>
    <row r="395054" spans="8:8">
      <c r="H395054" s="12"/>
    </row>
    <row r="395055" spans="8:8">
      <c r="H395055" s="12"/>
    </row>
    <row r="395056" spans="8:8">
      <c r="H395056" s="12"/>
    </row>
    <row r="395057" spans="8:8">
      <c r="H395057" s="12"/>
    </row>
    <row r="395058" spans="8:8">
      <c r="H395058" s="12"/>
    </row>
    <row r="395059" spans="8:8">
      <c r="H395059" s="12"/>
    </row>
    <row r="395060" spans="8:8">
      <c r="H395060" s="12"/>
    </row>
    <row r="395061" spans="8:8">
      <c r="H395061" s="12"/>
    </row>
    <row r="395062" spans="8:8">
      <c r="H395062" s="12"/>
    </row>
    <row r="395063" spans="8:8">
      <c r="H395063" s="12"/>
    </row>
    <row r="395064" spans="8:8">
      <c r="H395064" s="12"/>
    </row>
    <row r="395065" spans="8:8">
      <c r="H395065" s="12"/>
    </row>
    <row r="395066" spans="8:8">
      <c r="H395066" s="12"/>
    </row>
    <row r="395067" spans="8:8">
      <c r="H395067" s="12"/>
    </row>
    <row r="395068" spans="8:8">
      <c r="H395068" s="12"/>
    </row>
    <row r="395069" spans="8:8">
      <c r="H395069" s="12"/>
    </row>
    <row r="395070" spans="8:8">
      <c r="H395070" s="12"/>
    </row>
    <row r="395071" spans="8:8">
      <c r="H395071" s="12"/>
    </row>
    <row r="395072" spans="8:8">
      <c r="H395072" s="12"/>
    </row>
    <row r="395073" spans="8:8">
      <c r="H395073" s="12"/>
    </row>
    <row r="395074" spans="8:8">
      <c r="H395074" s="12"/>
    </row>
    <row r="395075" spans="8:8">
      <c r="H395075" s="12"/>
    </row>
    <row r="395076" spans="8:8">
      <c r="H395076" s="12"/>
    </row>
    <row r="395077" spans="8:8">
      <c r="H395077" s="12"/>
    </row>
    <row r="395078" spans="8:8">
      <c r="H395078" s="12"/>
    </row>
    <row r="395079" spans="8:8">
      <c r="H395079" s="12"/>
    </row>
    <row r="395080" spans="8:8">
      <c r="H395080" s="12"/>
    </row>
    <row r="395081" spans="8:8">
      <c r="H395081" s="12"/>
    </row>
    <row r="395082" spans="8:8">
      <c r="H395082" s="12"/>
    </row>
    <row r="395083" spans="8:8">
      <c r="H395083" s="12"/>
    </row>
    <row r="395084" spans="8:8">
      <c r="H395084" s="12"/>
    </row>
    <row r="395085" spans="8:8">
      <c r="H395085" s="12"/>
    </row>
    <row r="395086" spans="8:8">
      <c r="H395086" s="12"/>
    </row>
    <row r="395087" spans="8:8">
      <c r="H395087" s="12"/>
    </row>
    <row r="395088" spans="8:8">
      <c r="H395088" s="12"/>
    </row>
    <row r="395089" spans="8:8">
      <c r="H395089" s="12"/>
    </row>
    <row r="395090" spans="8:8">
      <c r="H395090" s="12"/>
    </row>
    <row r="395091" spans="8:8">
      <c r="H395091" s="12"/>
    </row>
    <row r="395092" spans="8:8">
      <c r="H395092" s="12"/>
    </row>
    <row r="395093" spans="8:8">
      <c r="H395093" s="12"/>
    </row>
    <row r="395094" spans="8:8">
      <c r="H395094" s="12"/>
    </row>
    <row r="395095" spans="8:8">
      <c r="H395095" s="12"/>
    </row>
    <row r="395096" spans="8:8">
      <c r="H395096" s="12"/>
    </row>
    <row r="395097" spans="8:8">
      <c r="H395097" s="12"/>
    </row>
    <row r="395098" spans="8:8">
      <c r="H395098" s="12"/>
    </row>
    <row r="395099" spans="8:8">
      <c r="H395099" s="12"/>
    </row>
    <row r="395100" spans="8:8">
      <c r="H395100" s="12"/>
    </row>
    <row r="395101" spans="8:8">
      <c r="H395101" s="12"/>
    </row>
    <row r="395102" spans="8:8">
      <c r="H395102" s="12"/>
    </row>
    <row r="395103" spans="8:8">
      <c r="H395103" s="12"/>
    </row>
    <row r="395104" spans="8:8">
      <c r="H395104" s="12"/>
    </row>
    <row r="395105" spans="8:8">
      <c r="H395105" s="12"/>
    </row>
    <row r="395106" spans="8:8">
      <c r="H395106" s="12"/>
    </row>
    <row r="395107" spans="8:8">
      <c r="H395107" s="12"/>
    </row>
    <row r="395108" spans="8:8">
      <c r="H395108" s="12"/>
    </row>
    <row r="395109" spans="8:8">
      <c r="H395109" s="12"/>
    </row>
    <row r="395110" spans="8:8">
      <c r="H395110" s="12"/>
    </row>
    <row r="395111" spans="8:8">
      <c r="H395111" s="12"/>
    </row>
    <row r="395112" spans="8:8">
      <c r="H395112" s="12"/>
    </row>
    <row r="395113" spans="8:8">
      <c r="H395113" s="12"/>
    </row>
    <row r="395114" spans="8:8">
      <c r="H395114" s="12"/>
    </row>
    <row r="395115" spans="8:8">
      <c r="H395115" s="12"/>
    </row>
    <row r="395116" spans="8:8">
      <c r="H395116" s="12"/>
    </row>
    <row r="395117" spans="8:8">
      <c r="H395117" s="12"/>
    </row>
    <row r="395118" spans="8:8">
      <c r="H395118" s="12"/>
    </row>
    <row r="395119" spans="8:8">
      <c r="H395119" s="12"/>
    </row>
    <row r="395120" spans="8:8">
      <c r="H395120" s="12"/>
    </row>
    <row r="395121" spans="8:8">
      <c r="H395121" s="12"/>
    </row>
    <row r="395122" spans="8:8">
      <c r="H395122" s="12"/>
    </row>
    <row r="395123" spans="8:8">
      <c r="H395123" s="12"/>
    </row>
    <row r="395124" spans="8:8">
      <c r="H395124" s="12"/>
    </row>
    <row r="395125" spans="8:8">
      <c r="H395125" s="12"/>
    </row>
    <row r="395126" spans="8:8">
      <c r="H395126" s="12"/>
    </row>
    <row r="395127" spans="8:8">
      <c r="H395127" s="12"/>
    </row>
    <row r="395128" spans="8:8">
      <c r="H395128" s="12"/>
    </row>
    <row r="395129" spans="8:8">
      <c r="H395129" s="12"/>
    </row>
    <row r="395130" spans="8:8">
      <c r="H395130" s="12"/>
    </row>
    <row r="395131" spans="8:8">
      <c r="H395131" s="12"/>
    </row>
    <row r="395132" spans="8:8">
      <c r="H395132" s="12"/>
    </row>
    <row r="395133" spans="8:8">
      <c r="H395133" s="12"/>
    </row>
    <row r="395134" spans="8:8">
      <c r="H395134" s="12"/>
    </row>
    <row r="395135" spans="8:8">
      <c r="H395135" s="12"/>
    </row>
    <row r="395136" spans="8:8">
      <c r="H395136" s="12"/>
    </row>
    <row r="395137" spans="8:8">
      <c r="H395137" s="12"/>
    </row>
    <row r="395138" spans="8:8">
      <c r="H395138" s="12"/>
    </row>
    <row r="395139" spans="8:8">
      <c r="H395139" s="12"/>
    </row>
    <row r="395140" spans="8:8">
      <c r="H395140" s="12"/>
    </row>
    <row r="395141" spans="8:8">
      <c r="H395141" s="12"/>
    </row>
    <row r="395142" spans="8:8">
      <c r="H395142" s="12"/>
    </row>
    <row r="395143" spans="8:8">
      <c r="H395143" s="12"/>
    </row>
    <row r="395144" spans="8:8">
      <c r="H395144" s="12"/>
    </row>
    <row r="395145" spans="8:8">
      <c r="H395145" s="12"/>
    </row>
    <row r="395146" spans="8:8">
      <c r="H395146" s="12"/>
    </row>
    <row r="395147" spans="8:8">
      <c r="H395147" s="12"/>
    </row>
    <row r="395148" spans="8:8">
      <c r="H395148" s="12"/>
    </row>
    <row r="395149" spans="8:8">
      <c r="H395149" s="12"/>
    </row>
    <row r="395150" spans="8:8">
      <c r="H395150" s="12"/>
    </row>
    <row r="395151" spans="8:8">
      <c r="H395151" s="12"/>
    </row>
    <row r="395152" spans="8:8">
      <c r="H395152" s="12"/>
    </row>
    <row r="395153" spans="8:8">
      <c r="H395153" s="12"/>
    </row>
    <row r="395154" spans="8:8">
      <c r="H395154" s="12"/>
    </row>
    <row r="395155" spans="8:8">
      <c r="H395155" s="12"/>
    </row>
    <row r="395156" spans="8:8">
      <c r="H395156" s="12"/>
    </row>
    <row r="395157" spans="8:8">
      <c r="H395157" s="12"/>
    </row>
    <row r="395158" spans="8:8">
      <c r="H395158" s="12"/>
    </row>
    <row r="395159" spans="8:8">
      <c r="H395159" s="12"/>
    </row>
    <row r="395160" spans="8:8">
      <c r="H395160" s="12"/>
    </row>
    <row r="395161" spans="8:8">
      <c r="H395161" s="12"/>
    </row>
    <row r="395162" spans="8:8">
      <c r="H395162" s="12"/>
    </row>
    <row r="395163" spans="8:8">
      <c r="H395163" s="12"/>
    </row>
    <row r="395164" spans="8:8">
      <c r="H395164" s="12"/>
    </row>
    <row r="395165" spans="8:8">
      <c r="H395165" s="12"/>
    </row>
    <row r="395166" spans="8:8">
      <c r="H395166" s="12"/>
    </row>
    <row r="395167" spans="8:8">
      <c r="H395167" s="12"/>
    </row>
    <row r="395168" spans="8:8">
      <c r="H395168" s="12"/>
    </row>
    <row r="395169" spans="8:8">
      <c r="H395169" s="12"/>
    </row>
    <row r="395170" spans="8:8">
      <c r="H395170" s="12"/>
    </row>
    <row r="395171" spans="8:8">
      <c r="H395171" s="12"/>
    </row>
    <row r="395172" spans="8:8">
      <c r="H395172" s="12"/>
    </row>
    <row r="395173" spans="8:8">
      <c r="H395173" s="12"/>
    </row>
    <row r="395174" spans="8:8">
      <c r="H395174" s="12"/>
    </row>
    <row r="395175" spans="8:8">
      <c r="H395175" s="12"/>
    </row>
    <row r="395176" spans="8:8">
      <c r="H395176" s="12"/>
    </row>
    <row r="395177" spans="8:8">
      <c r="H395177" s="12"/>
    </row>
    <row r="395178" spans="8:8">
      <c r="H395178" s="12"/>
    </row>
    <row r="395179" spans="8:8">
      <c r="H395179" s="12"/>
    </row>
    <row r="395180" spans="8:8">
      <c r="H395180" s="12"/>
    </row>
    <row r="395181" spans="8:8">
      <c r="H395181" s="12"/>
    </row>
    <row r="395182" spans="8:8">
      <c r="H395182" s="12"/>
    </row>
    <row r="395183" spans="8:8">
      <c r="H395183" s="12"/>
    </row>
    <row r="395184" spans="8:8">
      <c r="H395184" s="12"/>
    </row>
    <row r="395185" spans="8:8">
      <c r="H395185" s="12"/>
    </row>
    <row r="395186" spans="8:8">
      <c r="H395186" s="12"/>
    </row>
    <row r="395187" spans="8:8">
      <c r="H395187" s="12"/>
    </row>
    <row r="395188" spans="8:8">
      <c r="H395188" s="12"/>
    </row>
    <row r="395189" spans="8:8">
      <c r="H395189" s="12"/>
    </row>
    <row r="395190" spans="8:8">
      <c r="H395190" s="12"/>
    </row>
    <row r="395191" spans="8:8">
      <c r="H395191" s="12"/>
    </row>
    <row r="395192" spans="8:8">
      <c r="H395192" s="12"/>
    </row>
    <row r="395193" spans="8:8">
      <c r="H395193" s="12"/>
    </row>
    <row r="395194" spans="8:8">
      <c r="H395194" s="12"/>
    </row>
    <row r="395195" spans="8:8">
      <c r="H395195" s="12"/>
    </row>
    <row r="395196" spans="8:8">
      <c r="H395196" s="12"/>
    </row>
    <row r="395197" spans="8:8">
      <c r="H395197" s="12"/>
    </row>
    <row r="395198" spans="8:8">
      <c r="H395198" s="12"/>
    </row>
    <row r="395199" spans="8:8">
      <c r="H395199" s="12"/>
    </row>
    <row r="395200" spans="8:8">
      <c r="H395200" s="12"/>
    </row>
    <row r="395201" spans="8:8">
      <c r="H395201" s="12"/>
    </row>
    <row r="395202" spans="8:8">
      <c r="H395202" s="12"/>
    </row>
    <row r="395203" spans="8:8">
      <c r="H395203" s="12"/>
    </row>
    <row r="395204" spans="8:8">
      <c r="H395204" s="12"/>
    </row>
    <row r="395205" spans="8:8">
      <c r="H395205" s="12"/>
    </row>
    <row r="395206" spans="8:8">
      <c r="H395206" s="12"/>
    </row>
    <row r="395207" spans="8:8">
      <c r="H395207" s="12"/>
    </row>
    <row r="395208" spans="8:8">
      <c r="H395208" s="12"/>
    </row>
    <row r="395209" spans="8:8">
      <c r="H395209" s="12"/>
    </row>
    <row r="395210" spans="8:8">
      <c r="H395210" s="12"/>
    </row>
    <row r="395211" spans="8:8">
      <c r="H395211" s="12"/>
    </row>
    <row r="395212" spans="8:8">
      <c r="H395212" s="12"/>
    </row>
    <row r="395213" spans="8:8">
      <c r="H395213" s="12"/>
    </row>
    <row r="395214" spans="8:8">
      <c r="H395214" s="12"/>
    </row>
    <row r="395215" spans="8:8">
      <c r="H395215" s="12"/>
    </row>
    <row r="395216" spans="8:8">
      <c r="H395216" s="12"/>
    </row>
    <row r="395217" spans="8:8">
      <c r="H395217" s="12"/>
    </row>
    <row r="395218" spans="8:8">
      <c r="H395218" s="12"/>
    </row>
    <row r="395219" spans="8:8">
      <c r="H395219" s="12"/>
    </row>
    <row r="395220" spans="8:8">
      <c r="H395220" s="12"/>
    </row>
    <row r="395221" spans="8:8">
      <c r="H395221" s="12"/>
    </row>
    <row r="395222" spans="8:8">
      <c r="H395222" s="12"/>
    </row>
    <row r="395223" spans="8:8">
      <c r="H395223" s="12"/>
    </row>
    <row r="395224" spans="8:8">
      <c r="H395224" s="12"/>
    </row>
    <row r="395225" spans="8:8">
      <c r="H395225" s="12"/>
    </row>
    <row r="395226" spans="8:8">
      <c r="H395226" s="12"/>
    </row>
    <row r="395227" spans="8:8">
      <c r="H395227" s="12"/>
    </row>
    <row r="395228" spans="8:8">
      <c r="H395228" s="12"/>
    </row>
    <row r="395229" spans="8:8">
      <c r="H395229" s="12"/>
    </row>
    <row r="395230" spans="8:8">
      <c r="H395230" s="12"/>
    </row>
    <row r="395231" spans="8:8">
      <c r="H395231" s="12"/>
    </row>
    <row r="395232" spans="8:8">
      <c r="H395232" s="12"/>
    </row>
    <row r="395233" spans="8:8">
      <c r="H395233" s="12"/>
    </row>
    <row r="395234" spans="8:8">
      <c r="H395234" s="12"/>
    </row>
    <row r="395235" spans="8:8">
      <c r="H395235" s="12"/>
    </row>
    <row r="395236" spans="8:8">
      <c r="H395236" s="12"/>
    </row>
    <row r="395237" spans="8:8">
      <c r="H395237" s="12"/>
    </row>
    <row r="395238" spans="8:8">
      <c r="H395238" s="12"/>
    </row>
    <row r="395239" spans="8:8">
      <c r="H395239" s="12"/>
    </row>
    <row r="395240" spans="8:8">
      <c r="H395240" s="12"/>
    </row>
    <row r="395241" spans="8:8">
      <c r="H395241" s="12"/>
    </row>
    <row r="395242" spans="8:8">
      <c r="H395242" s="12"/>
    </row>
    <row r="395243" spans="8:8">
      <c r="H395243" s="12"/>
    </row>
    <row r="395244" spans="8:8">
      <c r="H395244" s="12"/>
    </row>
    <row r="395245" spans="8:8">
      <c r="H395245" s="12"/>
    </row>
    <row r="395246" spans="8:8">
      <c r="H395246" s="12"/>
    </row>
    <row r="395247" spans="8:8">
      <c r="H395247" s="12"/>
    </row>
    <row r="395248" spans="8:8">
      <c r="H395248" s="12"/>
    </row>
    <row r="395249" spans="8:8">
      <c r="H395249" s="12"/>
    </row>
    <row r="395250" spans="8:8">
      <c r="H395250" s="12"/>
    </row>
    <row r="395251" spans="8:8">
      <c r="H395251" s="12"/>
    </row>
    <row r="395252" spans="8:8">
      <c r="H395252" s="12"/>
    </row>
    <row r="395253" spans="8:8">
      <c r="H395253" s="12"/>
    </row>
    <row r="395254" spans="8:8">
      <c r="H395254" s="12"/>
    </row>
    <row r="395255" spans="8:8">
      <c r="H395255" s="12"/>
    </row>
    <row r="395256" spans="8:8">
      <c r="H395256" s="12"/>
    </row>
    <row r="395257" spans="8:8">
      <c r="H395257" s="12"/>
    </row>
    <row r="395258" spans="8:8">
      <c r="H395258" s="12"/>
    </row>
    <row r="395259" spans="8:8">
      <c r="H395259" s="12"/>
    </row>
    <row r="395260" spans="8:8">
      <c r="H395260" s="12"/>
    </row>
    <row r="395261" spans="8:8">
      <c r="H395261" s="12"/>
    </row>
    <row r="395262" spans="8:8">
      <c r="H395262" s="12"/>
    </row>
    <row r="395263" spans="8:8">
      <c r="H395263" s="12"/>
    </row>
    <row r="395264" spans="8:8">
      <c r="H395264" s="12"/>
    </row>
    <row r="395265" spans="8:8">
      <c r="H395265" s="12"/>
    </row>
    <row r="395266" spans="8:8">
      <c r="H395266" s="12"/>
    </row>
    <row r="395267" spans="8:8">
      <c r="H395267" s="12"/>
    </row>
    <row r="395268" spans="8:8">
      <c r="H395268" s="12"/>
    </row>
    <row r="395269" spans="8:8">
      <c r="H395269" s="12"/>
    </row>
    <row r="395270" spans="8:8">
      <c r="H395270" s="12"/>
    </row>
    <row r="395271" spans="8:8">
      <c r="H395271" s="12"/>
    </row>
    <row r="395272" spans="8:8">
      <c r="H395272" s="12"/>
    </row>
    <row r="395273" spans="8:8">
      <c r="H395273" s="12"/>
    </row>
    <row r="395274" spans="8:8">
      <c r="H395274" s="12"/>
    </row>
    <row r="395275" spans="8:8">
      <c r="H395275" s="12"/>
    </row>
    <row r="395276" spans="8:8">
      <c r="H395276" s="12"/>
    </row>
    <row r="395277" spans="8:8">
      <c r="H395277" s="12"/>
    </row>
    <row r="395278" spans="8:8">
      <c r="H395278" s="12"/>
    </row>
    <row r="395279" spans="8:8">
      <c r="H395279" s="12"/>
    </row>
    <row r="395280" spans="8:8">
      <c r="H395280" s="12"/>
    </row>
    <row r="395281" spans="8:8">
      <c r="H395281" s="12"/>
    </row>
    <row r="395282" spans="8:8">
      <c r="H395282" s="12"/>
    </row>
    <row r="395283" spans="8:8">
      <c r="H395283" s="12"/>
    </row>
    <row r="395284" spans="8:8">
      <c r="H395284" s="12"/>
    </row>
    <row r="395285" spans="8:8">
      <c r="H395285" s="12"/>
    </row>
    <row r="395286" spans="8:8">
      <c r="H395286" s="12"/>
    </row>
    <row r="395287" spans="8:8">
      <c r="H395287" s="12"/>
    </row>
    <row r="395288" spans="8:8">
      <c r="H395288" s="12"/>
    </row>
    <row r="395289" spans="8:8">
      <c r="H395289" s="12"/>
    </row>
    <row r="395290" spans="8:8">
      <c r="H395290" s="12"/>
    </row>
    <row r="395291" spans="8:8">
      <c r="H395291" s="12"/>
    </row>
    <row r="395292" spans="8:8">
      <c r="H395292" s="12"/>
    </row>
    <row r="395293" spans="8:8">
      <c r="H395293" s="12"/>
    </row>
    <row r="395294" spans="8:8">
      <c r="H395294" s="12"/>
    </row>
    <row r="395295" spans="8:8">
      <c r="H395295" s="12"/>
    </row>
    <row r="395296" spans="8:8">
      <c r="H395296" s="12"/>
    </row>
    <row r="395297" spans="8:8">
      <c r="H395297" s="12"/>
    </row>
    <row r="395298" spans="8:8">
      <c r="H395298" s="12"/>
    </row>
    <row r="395299" spans="8:8">
      <c r="H395299" s="12"/>
    </row>
    <row r="395300" spans="8:8">
      <c r="H395300" s="12"/>
    </row>
    <row r="395301" spans="8:8">
      <c r="H395301" s="12"/>
    </row>
    <row r="395302" spans="8:8">
      <c r="H395302" s="12"/>
    </row>
    <row r="395303" spans="8:8">
      <c r="H395303" s="12"/>
    </row>
    <row r="395304" spans="8:8">
      <c r="H395304" s="12"/>
    </row>
    <row r="395305" spans="8:8">
      <c r="H395305" s="12"/>
    </row>
    <row r="395306" spans="8:8">
      <c r="H395306" s="12"/>
    </row>
    <row r="395307" spans="8:8">
      <c r="H395307" s="12"/>
    </row>
    <row r="395308" spans="8:8">
      <c r="H395308" s="12"/>
    </row>
    <row r="395309" spans="8:8">
      <c r="H395309" s="12"/>
    </row>
    <row r="395310" spans="8:8">
      <c r="H395310" s="12"/>
    </row>
    <row r="395311" spans="8:8">
      <c r="H395311" s="12"/>
    </row>
    <row r="395312" spans="8:8">
      <c r="H395312" s="12"/>
    </row>
    <row r="395313" spans="8:8">
      <c r="H395313" s="12"/>
    </row>
    <row r="395314" spans="8:8">
      <c r="H395314" s="12"/>
    </row>
    <row r="395315" spans="8:8">
      <c r="H395315" s="12"/>
    </row>
    <row r="395316" spans="8:8">
      <c r="H395316" s="12"/>
    </row>
    <row r="395317" spans="8:8">
      <c r="H395317" s="12"/>
    </row>
    <row r="395318" spans="8:8">
      <c r="H395318" s="12"/>
    </row>
    <row r="395319" spans="8:8">
      <c r="H395319" s="12"/>
    </row>
    <row r="395320" spans="8:8">
      <c r="H395320" s="12"/>
    </row>
    <row r="395321" spans="8:8">
      <c r="H395321" s="12"/>
    </row>
    <row r="395322" spans="8:8">
      <c r="H395322" s="12"/>
    </row>
    <row r="395323" spans="8:8">
      <c r="H395323" s="12"/>
    </row>
    <row r="395324" spans="8:8">
      <c r="H395324" s="12"/>
    </row>
    <row r="395325" spans="8:8">
      <c r="H395325" s="12"/>
    </row>
    <row r="395326" spans="8:8">
      <c r="H395326" s="12"/>
    </row>
    <row r="395327" spans="8:8">
      <c r="H395327" s="12"/>
    </row>
    <row r="395328" spans="8:8">
      <c r="H395328" s="12"/>
    </row>
    <row r="395329" spans="8:8">
      <c r="H395329" s="12"/>
    </row>
    <row r="395330" spans="8:8">
      <c r="H395330" s="12"/>
    </row>
    <row r="395331" spans="8:8">
      <c r="H395331" s="12"/>
    </row>
    <row r="395332" spans="8:8">
      <c r="H395332" s="12"/>
    </row>
    <row r="395333" spans="8:8">
      <c r="H395333" s="12"/>
    </row>
    <row r="395334" spans="8:8">
      <c r="H395334" s="12"/>
    </row>
    <row r="395335" spans="8:8">
      <c r="H395335" s="12"/>
    </row>
    <row r="395336" spans="8:8">
      <c r="H395336" s="12"/>
    </row>
    <row r="395337" spans="8:8">
      <c r="H395337" s="12"/>
    </row>
    <row r="395338" spans="8:8">
      <c r="H395338" s="12"/>
    </row>
    <row r="395339" spans="8:8">
      <c r="H395339" s="12"/>
    </row>
    <row r="395340" spans="8:8">
      <c r="H395340" s="12"/>
    </row>
    <row r="395341" spans="8:8">
      <c r="H395341" s="12"/>
    </row>
    <row r="395342" spans="8:8">
      <c r="H395342" s="12"/>
    </row>
    <row r="395343" spans="8:8">
      <c r="H395343" s="12"/>
    </row>
    <row r="395344" spans="8:8">
      <c r="H395344" s="12"/>
    </row>
    <row r="395345" spans="8:8">
      <c r="H395345" s="12"/>
    </row>
    <row r="395346" spans="8:8">
      <c r="H395346" s="12"/>
    </row>
    <row r="395347" spans="8:8">
      <c r="H395347" s="12"/>
    </row>
    <row r="395348" spans="8:8">
      <c r="H395348" s="12"/>
    </row>
    <row r="395349" spans="8:8">
      <c r="H395349" s="12"/>
    </row>
    <row r="395350" spans="8:8">
      <c r="H395350" s="12"/>
    </row>
    <row r="395351" spans="8:8">
      <c r="H395351" s="12"/>
    </row>
    <row r="395352" spans="8:8">
      <c r="H395352" s="12"/>
    </row>
    <row r="395353" spans="8:8">
      <c r="H395353" s="12"/>
    </row>
    <row r="395354" spans="8:8">
      <c r="H395354" s="12"/>
    </row>
    <row r="395355" spans="8:8">
      <c r="H395355" s="12"/>
    </row>
    <row r="395356" spans="8:8">
      <c r="H395356" s="12"/>
    </row>
    <row r="395357" spans="8:8">
      <c r="H395357" s="12"/>
    </row>
    <row r="395358" spans="8:8">
      <c r="H395358" s="12"/>
    </row>
    <row r="395359" spans="8:8">
      <c r="H395359" s="12"/>
    </row>
    <row r="395360" spans="8:8">
      <c r="H395360" s="12"/>
    </row>
    <row r="395361" spans="8:8">
      <c r="H395361" s="12"/>
    </row>
    <row r="395362" spans="8:8">
      <c r="H395362" s="12"/>
    </row>
    <row r="395363" spans="8:8">
      <c r="H395363" s="12"/>
    </row>
    <row r="395364" spans="8:8">
      <c r="H395364" s="12"/>
    </row>
    <row r="395365" spans="8:8">
      <c r="H395365" s="12"/>
    </row>
    <row r="395366" spans="8:8">
      <c r="H395366" s="12"/>
    </row>
    <row r="395367" spans="8:8">
      <c r="H395367" s="12"/>
    </row>
    <row r="395368" spans="8:8">
      <c r="H395368" s="12"/>
    </row>
    <row r="395369" spans="8:8">
      <c r="H395369" s="12"/>
    </row>
    <row r="395370" spans="8:8">
      <c r="H395370" s="12"/>
    </row>
    <row r="395371" spans="8:8">
      <c r="H395371" s="12"/>
    </row>
    <row r="395372" spans="8:8">
      <c r="H395372" s="12"/>
    </row>
    <row r="395373" spans="8:8">
      <c r="H395373" s="12"/>
    </row>
    <row r="395374" spans="8:8">
      <c r="H395374" s="12"/>
    </row>
    <row r="395375" spans="8:8">
      <c r="H395375" s="12"/>
    </row>
    <row r="395376" spans="8:8">
      <c r="H395376" s="12"/>
    </row>
    <row r="395377" spans="8:8">
      <c r="H395377" s="12"/>
    </row>
    <row r="395378" spans="8:8">
      <c r="H395378" s="12"/>
    </row>
    <row r="395379" spans="8:8">
      <c r="H395379" s="12"/>
    </row>
    <row r="395380" spans="8:8">
      <c r="H395380" s="12"/>
    </row>
    <row r="395381" spans="8:8">
      <c r="H395381" s="12"/>
    </row>
    <row r="395382" spans="8:8">
      <c r="H395382" s="12"/>
    </row>
    <row r="395383" spans="8:8">
      <c r="H395383" s="12"/>
    </row>
    <row r="395384" spans="8:8">
      <c r="H395384" s="12"/>
    </row>
    <row r="395385" spans="8:8">
      <c r="H395385" s="12"/>
    </row>
    <row r="395386" spans="8:8">
      <c r="H395386" s="12"/>
    </row>
    <row r="395387" spans="8:8">
      <c r="H395387" s="12"/>
    </row>
    <row r="395388" spans="8:8">
      <c r="H395388" s="12"/>
    </row>
    <row r="395389" spans="8:8">
      <c r="H395389" s="12"/>
    </row>
    <row r="395390" spans="8:8">
      <c r="H395390" s="12"/>
    </row>
    <row r="395391" spans="8:8">
      <c r="H395391" s="12"/>
    </row>
    <row r="395392" spans="8:8">
      <c r="H395392" s="12"/>
    </row>
    <row r="395393" spans="8:8">
      <c r="H395393" s="12"/>
    </row>
    <row r="395394" spans="8:8">
      <c r="H395394" s="12"/>
    </row>
    <row r="395395" spans="8:8">
      <c r="H395395" s="12"/>
    </row>
    <row r="395396" spans="8:8">
      <c r="H395396" s="12"/>
    </row>
    <row r="395397" spans="8:8">
      <c r="H395397" s="12"/>
    </row>
    <row r="395398" spans="8:8">
      <c r="H395398" s="12"/>
    </row>
    <row r="395399" spans="8:8">
      <c r="H395399" s="12"/>
    </row>
    <row r="395400" spans="8:8">
      <c r="H395400" s="12"/>
    </row>
    <row r="395401" spans="8:8">
      <c r="H395401" s="12"/>
    </row>
    <row r="395402" spans="8:8">
      <c r="H395402" s="12"/>
    </row>
    <row r="395403" spans="8:8">
      <c r="H395403" s="12"/>
    </row>
    <row r="395404" spans="8:8">
      <c r="H395404" s="12"/>
    </row>
    <row r="395405" spans="8:8">
      <c r="H395405" s="12"/>
    </row>
    <row r="395406" spans="8:8">
      <c r="H395406" s="12"/>
    </row>
    <row r="395407" spans="8:8">
      <c r="H395407" s="12"/>
    </row>
    <row r="395408" spans="8:8">
      <c r="H395408" s="12"/>
    </row>
    <row r="395409" spans="8:8">
      <c r="H395409" s="12"/>
    </row>
    <row r="395410" spans="8:8">
      <c r="H395410" s="12"/>
    </row>
    <row r="395411" spans="8:8">
      <c r="H395411" s="12"/>
    </row>
    <row r="395412" spans="8:8">
      <c r="H395412" s="12"/>
    </row>
    <row r="395413" spans="8:8">
      <c r="H395413" s="12"/>
    </row>
    <row r="395414" spans="8:8">
      <c r="H395414" s="12"/>
    </row>
    <row r="395415" spans="8:8">
      <c r="H395415" s="12"/>
    </row>
    <row r="395416" spans="8:8">
      <c r="H395416" s="12"/>
    </row>
    <row r="395417" spans="8:8">
      <c r="H395417" s="12"/>
    </row>
    <row r="395418" spans="8:8">
      <c r="H395418" s="12"/>
    </row>
    <row r="395419" spans="8:8">
      <c r="H395419" s="12"/>
    </row>
    <row r="395420" spans="8:8">
      <c r="H395420" s="12"/>
    </row>
    <row r="395421" spans="8:8">
      <c r="H395421" s="12"/>
    </row>
    <row r="395422" spans="8:8">
      <c r="H395422" s="12"/>
    </row>
    <row r="395423" spans="8:8">
      <c r="H395423" s="12"/>
    </row>
    <row r="395424" spans="8:8">
      <c r="H395424" s="12"/>
    </row>
    <row r="395425" spans="8:8">
      <c r="H395425" s="12"/>
    </row>
    <row r="395426" spans="8:8">
      <c r="H395426" s="12"/>
    </row>
    <row r="395427" spans="8:8">
      <c r="H395427" s="12"/>
    </row>
    <row r="395428" spans="8:8">
      <c r="H395428" s="12"/>
    </row>
    <row r="395429" spans="8:8">
      <c r="H395429" s="12"/>
    </row>
    <row r="395430" spans="8:8">
      <c r="H395430" s="12"/>
    </row>
    <row r="395431" spans="8:8">
      <c r="H395431" s="12"/>
    </row>
    <row r="395432" spans="8:8">
      <c r="H395432" s="12"/>
    </row>
    <row r="395433" spans="8:8">
      <c r="H395433" s="12"/>
    </row>
    <row r="395434" spans="8:8">
      <c r="H395434" s="12"/>
    </row>
    <row r="395435" spans="8:8">
      <c r="H395435" s="12"/>
    </row>
    <row r="395436" spans="8:8">
      <c r="H395436" s="12"/>
    </row>
    <row r="395437" spans="8:8">
      <c r="H395437" s="12"/>
    </row>
    <row r="395438" spans="8:8">
      <c r="H395438" s="12"/>
    </row>
    <row r="395439" spans="8:8">
      <c r="H395439" s="12"/>
    </row>
    <row r="395440" spans="8:8">
      <c r="H395440" s="12"/>
    </row>
    <row r="395441" spans="8:8">
      <c r="H395441" s="12"/>
    </row>
    <row r="395442" spans="8:8">
      <c r="H395442" s="12"/>
    </row>
    <row r="395443" spans="8:8">
      <c r="H395443" s="12"/>
    </row>
    <row r="395444" spans="8:8">
      <c r="H395444" s="12"/>
    </row>
    <row r="395445" spans="8:8">
      <c r="H395445" s="12"/>
    </row>
    <row r="395446" spans="8:8">
      <c r="H395446" s="12"/>
    </row>
    <row r="395447" spans="8:8">
      <c r="H395447" s="12"/>
    </row>
    <row r="395448" spans="8:8">
      <c r="H395448" s="12"/>
    </row>
    <row r="395449" spans="8:8">
      <c r="H395449" s="12"/>
    </row>
    <row r="395450" spans="8:8">
      <c r="H395450" s="12"/>
    </row>
    <row r="395451" spans="8:8">
      <c r="H395451" s="12"/>
    </row>
    <row r="395452" spans="8:8">
      <c r="H395452" s="12"/>
    </row>
    <row r="395453" spans="8:8">
      <c r="H395453" s="12"/>
    </row>
    <row r="395454" spans="8:8">
      <c r="H395454" s="12"/>
    </row>
    <row r="395455" spans="8:8">
      <c r="H395455" s="12"/>
    </row>
    <row r="395456" spans="8:8">
      <c r="H395456" s="12"/>
    </row>
    <row r="395457" spans="8:8">
      <c r="H395457" s="12"/>
    </row>
    <row r="395458" spans="8:8">
      <c r="H395458" s="12"/>
    </row>
    <row r="395459" spans="8:8">
      <c r="H395459" s="12"/>
    </row>
    <row r="395460" spans="8:8">
      <c r="H395460" s="12"/>
    </row>
    <row r="395461" spans="8:8">
      <c r="H395461" s="12"/>
    </row>
    <row r="395462" spans="8:8">
      <c r="H395462" s="12"/>
    </row>
    <row r="395463" spans="8:8">
      <c r="H395463" s="12"/>
    </row>
    <row r="395464" spans="8:8">
      <c r="H395464" s="12"/>
    </row>
    <row r="395465" spans="8:8">
      <c r="H395465" s="12"/>
    </row>
    <row r="395466" spans="8:8">
      <c r="H395466" s="12"/>
    </row>
    <row r="395467" spans="8:8">
      <c r="H395467" s="12"/>
    </row>
    <row r="395468" spans="8:8">
      <c r="H395468" s="12"/>
    </row>
    <row r="395469" spans="8:8">
      <c r="H395469" s="12"/>
    </row>
    <row r="395470" spans="8:8">
      <c r="H395470" s="12"/>
    </row>
    <row r="395471" spans="8:8">
      <c r="H395471" s="12"/>
    </row>
    <row r="395472" spans="8:8">
      <c r="H395472" s="12"/>
    </row>
    <row r="395473" spans="8:8">
      <c r="H395473" s="12"/>
    </row>
    <row r="395474" spans="8:8">
      <c r="H395474" s="12"/>
    </row>
    <row r="395475" spans="8:8">
      <c r="H395475" s="12"/>
    </row>
    <row r="395476" spans="8:8">
      <c r="H395476" s="12"/>
    </row>
    <row r="395477" spans="8:8">
      <c r="H395477" s="12"/>
    </row>
    <row r="395478" spans="8:8">
      <c r="H395478" s="12"/>
    </row>
    <row r="395479" spans="8:8">
      <c r="H395479" s="12"/>
    </row>
    <row r="395480" spans="8:8">
      <c r="H395480" s="12"/>
    </row>
    <row r="395481" spans="8:8">
      <c r="H395481" s="12"/>
    </row>
    <row r="395482" spans="8:8">
      <c r="H395482" s="12"/>
    </row>
    <row r="395483" spans="8:8">
      <c r="H395483" s="12"/>
    </row>
    <row r="395484" spans="8:8">
      <c r="H395484" s="12"/>
    </row>
    <row r="395485" spans="8:8">
      <c r="H395485" s="12"/>
    </row>
    <row r="395486" spans="8:8">
      <c r="H395486" s="12"/>
    </row>
    <row r="395487" spans="8:8">
      <c r="H395487" s="12"/>
    </row>
    <row r="395488" spans="8:8">
      <c r="H395488" s="12"/>
    </row>
    <row r="395489" spans="8:8">
      <c r="H395489" s="12"/>
    </row>
    <row r="395490" spans="8:8">
      <c r="H395490" s="12"/>
    </row>
    <row r="395491" spans="8:8">
      <c r="H395491" s="12"/>
    </row>
    <row r="395492" spans="8:8">
      <c r="H395492" s="12"/>
    </row>
    <row r="395493" spans="8:8">
      <c r="H395493" s="12"/>
    </row>
    <row r="395494" spans="8:8">
      <c r="H395494" s="12"/>
    </row>
    <row r="395495" spans="8:8">
      <c r="H395495" s="12"/>
    </row>
    <row r="395496" spans="8:8">
      <c r="H395496" s="12"/>
    </row>
    <row r="395497" spans="8:8">
      <c r="H395497" s="12"/>
    </row>
    <row r="395498" spans="8:8">
      <c r="H395498" s="12"/>
    </row>
    <row r="395499" spans="8:8">
      <c r="H395499" s="12"/>
    </row>
    <row r="395500" spans="8:8">
      <c r="H395500" s="12"/>
    </row>
    <row r="395501" spans="8:8">
      <c r="H395501" s="12"/>
    </row>
    <row r="395502" spans="8:8">
      <c r="H395502" s="12"/>
    </row>
    <row r="395503" spans="8:8">
      <c r="H395503" s="12"/>
    </row>
    <row r="395504" spans="8:8">
      <c r="H395504" s="12"/>
    </row>
    <row r="395505" spans="8:8">
      <c r="H395505" s="12"/>
    </row>
    <row r="395506" spans="8:8">
      <c r="H395506" s="12"/>
    </row>
    <row r="395507" spans="8:8">
      <c r="H395507" s="12"/>
    </row>
    <row r="395508" spans="8:8">
      <c r="H395508" s="12"/>
    </row>
    <row r="395509" spans="8:8">
      <c r="H395509" s="12"/>
    </row>
    <row r="395510" spans="8:8">
      <c r="H395510" s="12"/>
    </row>
    <row r="395511" spans="8:8">
      <c r="H395511" s="12"/>
    </row>
    <row r="395512" spans="8:8">
      <c r="H395512" s="12"/>
    </row>
    <row r="395513" spans="8:8">
      <c r="H395513" s="12"/>
    </row>
    <row r="395514" spans="8:8">
      <c r="H395514" s="12"/>
    </row>
    <row r="395515" spans="8:8">
      <c r="H395515" s="12"/>
    </row>
    <row r="395516" spans="8:8">
      <c r="H395516" s="12"/>
    </row>
    <row r="395517" spans="8:8">
      <c r="H395517" s="12"/>
    </row>
    <row r="395518" spans="8:8">
      <c r="H395518" s="12"/>
    </row>
    <row r="395519" spans="8:8">
      <c r="H395519" s="12"/>
    </row>
    <row r="395520" spans="8:8">
      <c r="H395520" s="12"/>
    </row>
    <row r="395521" spans="8:8">
      <c r="H395521" s="12"/>
    </row>
    <row r="395522" spans="8:8">
      <c r="H395522" s="12"/>
    </row>
    <row r="395523" spans="8:8">
      <c r="H395523" s="12"/>
    </row>
    <row r="395524" spans="8:8">
      <c r="H395524" s="12"/>
    </row>
    <row r="395525" spans="8:8">
      <c r="H395525" s="12"/>
    </row>
    <row r="395526" spans="8:8">
      <c r="H395526" s="12"/>
    </row>
    <row r="395527" spans="8:8">
      <c r="H395527" s="12"/>
    </row>
    <row r="395528" spans="8:8">
      <c r="H395528" s="12"/>
    </row>
    <row r="395529" spans="8:8">
      <c r="H395529" s="12"/>
    </row>
    <row r="395530" spans="8:8">
      <c r="H395530" s="12"/>
    </row>
    <row r="395531" spans="8:8">
      <c r="H395531" s="12"/>
    </row>
    <row r="395532" spans="8:8">
      <c r="H395532" s="12"/>
    </row>
    <row r="395533" spans="8:8">
      <c r="H395533" s="12"/>
    </row>
    <row r="395534" spans="8:8">
      <c r="H395534" s="12"/>
    </row>
    <row r="395535" spans="8:8">
      <c r="H395535" s="12"/>
    </row>
    <row r="395536" spans="8:8">
      <c r="H395536" s="12"/>
    </row>
    <row r="395537" spans="8:8">
      <c r="H395537" s="12"/>
    </row>
    <row r="395538" spans="8:8">
      <c r="H395538" s="12"/>
    </row>
    <row r="395539" spans="8:8">
      <c r="H395539" s="12"/>
    </row>
    <row r="395540" spans="8:8">
      <c r="H395540" s="12"/>
    </row>
    <row r="395541" spans="8:8">
      <c r="H395541" s="12"/>
    </row>
    <row r="395542" spans="8:8">
      <c r="H395542" s="12"/>
    </row>
    <row r="395543" spans="8:8">
      <c r="H395543" s="12"/>
    </row>
    <row r="395544" spans="8:8">
      <c r="H395544" s="12"/>
    </row>
    <row r="395545" spans="8:8">
      <c r="H395545" s="12"/>
    </row>
    <row r="395546" spans="8:8">
      <c r="H395546" s="12"/>
    </row>
    <row r="395547" spans="8:8">
      <c r="H395547" s="12"/>
    </row>
    <row r="395548" spans="8:8">
      <c r="H395548" s="12"/>
    </row>
    <row r="395549" spans="8:8">
      <c r="H395549" s="12"/>
    </row>
    <row r="395550" spans="8:8">
      <c r="H395550" s="12"/>
    </row>
    <row r="395551" spans="8:8">
      <c r="H395551" s="12"/>
    </row>
    <row r="395552" spans="8:8">
      <c r="H395552" s="12"/>
    </row>
    <row r="395553" spans="8:8">
      <c r="H395553" s="12"/>
    </row>
    <row r="395554" spans="8:8">
      <c r="H395554" s="12"/>
    </row>
    <row r="395555" spans="8:8">
      <c r="H395555" s="12"/>
    </row>
    <row r="395556" spans="8:8">
      <c r="H395556" s="12"/>
    </row>
    <row r="395557" spans="8:8">
      <c r="H395557" s="12"/>
    </row>
    <row r="395558" spans="8:8">
      <c r="H395558" s="12"/>
    </row>
    <row r="395559" spans="8:8">
      <c r="H395559" s="12"/>
    </row>
    <row r="395560" spans="8:8">
      <c r="H395560" s="12"/>
    </row>
    <row r="395561" spans="8:8">
      <c r="H395561" s="12"/>
    </row>
    <row r="395562" spans="8:8">
      <c r="H395562" s="12"/>
    </row>
    <row r="395563" spans="8:8">
      <c r="H395563" s="12"/>
    </row>
    <row r="395564" spans="8:8">
      <c r="H395564" s="12"/>
    </row>
    <row r="395565" spans="8:8">
      <c r="H395565" s="12"/>
    </row>
    <row r="395566" spans="8:8">
      <c r="H395566" s="12"/>
    </row>
    <row r="395567" spans="8:8">
      <c r="H395567" s="12"/>
    </row>
    <row r="395568" spans="8:8">
      <c r="H395568" s="12"/>
    </row>
    <row r="395569" spans="8:8">
      <c r="H395569" s="12"/>
    </row>
    <row r="395570" spans="8:8">
      <c r="H395570" s="12"/>
    </row>
    <row r="395571" spans="8:8">
      <c r="H395571" s="12"/>
    </row>
    <row r="395572" spans="8:8">
      <c r="H395572" s="12"/>
    </row>
    <row r="395573" spans="8:8">
      <c r="H395573" s="12"/>
    </row>
    <row r="395574" spans="8:8">
      <c r="H395574" s="12"/>
    </row>
    <row r="395575" spans="8:8">
      <c r="H395575" s="12"/>
    </row>
    <row r="395576" spans="8:8">
      <c r="H395576" s="12"/>
    </row>
    <row r="395577" spans="8:8">
      <c r="H395577" s="12"/>
    </row>
    <row r="395578" spans="8:8">
      <c r="H395578" s="12"/>
    </row>
    <row r="395579" spans="8:8">
      <c r="H395579" s="12"/>
    </row>
    <row r="395580" spans="8:8">
      <c r="H395580" s="12"/>
    </row>
    <row r="395581" spans="8:8">
      <c r="H395581" s="12"/>
    </row>
    <row r="395582" spans="8:8">
      <c r="H395582" s="12"/>
    </row>
    <row r="395583" spans="8:8">
      <c r="H395583" s="12"/>
    </row>
    <row r="395584" spans="8:8">
      <c r="H395584" s="12"/>
    </row>
    <row r="395585" spans="8:8">
      <c r="H395585" s="12"/>
    </row>
    <row r="395586" spans="8:8">
      <c r="H395586" s="12"/>
    </row>
    <row r="395587" spans="8:8">
      <c r="H395587" s="12"/>
    </row>
    <row r="395588" spans="8:8">
      <c r="H395588" s="12"/>
    </row>
    <row r="395589" spans="8:8">
      <c r="H395589" s="12"/>
    </row>
    <row r="395590" spans="8:8">
      <c r="H395590" s="12"/>
    </row>
    <row r="395591" spans="8:8">
      <c r="H395591" s="12"/>
    </row>
    <row r="395592" spans="8:8">
      <c r="H395592" s="12"/>
    </row>
    <row r="395593" spans="8:8">
      <c r="H395593" s="12"/>
    </row>
    <row r="395594" spans="8:8">
      <c r="H395594" s="12"/>
    </row>
    <row r="395595" spans="8:8">
      <c r="H395595" s="12"/>
    </row>
    <row r="395596" spans="8:8">
      <c r="H395596" s="12"/>
    </row>
    <row r="395597" spans="8:8">
      <c r="H395597" s="12"/>
    </row>
    <row r="395598" spans="8:8">
      <c r="H395598" s="12"/>
    </row>
    <row r="395599" spans="8:8">
      <c r="H395599" s="12"/>
    </row>
    <row r="395600" spans="8:8">
      <c r="H395600" s="12"/>
    </row>
    <row r="395601" spans="8:8">
      <c r="H395601" s="12"/>
    </row>
    <row r="395602" spans="8:8">
      <c r="H395602" s="12"/>
    </row>
    <row r="395603" spans="8:8">
      <c r="H395603" s="12"/>
    </row>
    <row r="395604" spans="8:8">
      <c r="H395604" s="12"/>
    </row>
    <row r="395605" spans="8:8">
      <c r="H395605" s="12"/>
    </row>
    <row r="395606" spans="8:8">
      <c r="H395606" s="12"/>
    </row>
    <row r="395607" spans="8:8">
      <c r="H395607" s="12"/>
    </row>
    <row r="395608" spans="8:8">
      <c r="H395608" s="12"/>
    </row>
    <row r="395609" spans="8:8">
      <c r="H395609" s="12"/>
    </row>
    <row r="395610" spans="8:8">
      <c r="H395610" s="12"/>
    </row>
    <row r="395611" spans="8:8">
      <c r="H395611" s="12"/>
    </row>
    <row r="395612" spans="8:8">
      <c r="H395612" s="12"/>
    </row>
    <row r="395613" spans="8:8">
      <c r="H395613" s="12"/>
    </row>
    <row r="395614" spans="8:8">
      <c r="H395614" s="12"/>
    </row>
    <row r="395615" spans="8:8">
      <c r="H395615" s="12"/>
    </row>
    <row r="395616" spans="8:8">
      <c r="H395616" s="12"/>
    </row>
    <row r="395617" spans="8:8">
      <c r="H395617" s="12"/>
    </row>
    <row r="395618" spans="8:8">
      <c r="H395618" s="12"/>
    </row>
    <row r="395619" spans="8:8">
      <c r="H395619" s="12"/>
    </row>
    <row r="395620" spans="8:8">
      <c r="H395620" s="12"/>
    </row>
    <row r="395621" spans="8:8">
      <c r="H395621" s="12"/>
    </row>
    <row r="395622" spans="8:8">
      <c r="H395622" s="12"/>
    </row>
    <row r="395623" spans="8:8">
      <c r="H395623" s="12"/>
    </row>
    <row r="395624" spans="8:8">
      <c r="H395624" s="12"/>
    </row>
    <row r="395625" spans="8:8">
      <c r="H395625" s="12"/>
    </row>
    <row r="395626" spans="8:8">
      <c r="H395626" s="12"/>
    </row>
    <row r="395627" spans="8:8">
      <c r="H395627" s="12"/>
    </row>
    <row r="395628" spans="8:8">
      <c r="H395628" s="12"/>
    </row>
    <row r="395629" spans="8:8">
      <c r="H395629" s="12"/>
    </row>
    <row r="395630" spans="8:8">
      <c r="H395630" s="12"/>
    </row>
    <row r="395631" spans="8:8">
      <c r="H395631" s="12"/>
    </row>
    <row r="395632" spans="8:8">
      <c r="H395632" s="12"/>
    </row>
    <row r="395633" spans="8:8">
      <c r="H395633" s="12"/>
    </row>
    <row r="395634" spans="8:8">
      <c r="H395634" s="12"/>
    </row>
    <row r="395635" spans="8:8">
      <c r="H395635" s="12"/>
    </row>
    <row r="395636" spans="8:8">
      <c r="H395636" s="12"/>
    </row>
    <row r="395637" spans="8:8">
      <c r="H395637" s="12"/>
    </row>
    <row r="395638" spans="8:8">
      <c r="H395638" s="12"/>
    </row>
    <row r="395639" spans="8:8">
      <c r="H395639" s="12"/>
    </row>
    <row r="395640" spans="8:8">
      <c r="H395640" s="12"/>
    </row>
    <row r="395641" spans="8:8">
      <c r="H395641" s="12"/>
    </row>
    <row r="395642" spans="8:8">
      <c r="H395642" s="12"/>
    </row>
    <row r="395643" spans="8:8">
      <c r="H395643" s="12"/>
    </row>
    <row r="395644" spans="8:8">
      <c r="H395644" s="12"/>
    </row>
    <row r="395645" spans="8:8">
      <c r="H395645" s="12"/>
    </row>
    <row r="395646" spans="8:8">
      <c r="H395646" s="12"/>
    </row>
    <row r="395647" spans="8:8">
      <c r="H395647" s="12"/>
    </row>
    <row r="395648" spans="8:8">
      <c r="H395648" s="12"/>
    </row>
    <row r="395649" spans="8:8">
      <c r="H395649" s="12"/>
    </row>
    <row r="395650" spans="8:8">
      <c r="H395650" s="12"/>
    </row>
    <row r="395651" spans="8:8">
      <c r="H395651" s="12"/>
    </row>
    <row r="395652" spans="8:8">
      <c r="H395652" s="12"/>
    </row>
    <row r="395653" spans="8:8">
      <c r="H395653" s="12"/>
    </row>
    <row r="395654" spans="8:8">
      <c r="H395654" s="12"/>
    </row>
    <row r="395655" spans="8:8">
      <c r="H395655" s="12"/>
    </row>
    <row r="395656" spans="8:8">
      <c r="H395656" s="12"/>
    </row>
    <row r="395657" spans="8:8">
      <c r="H395657" s="12"/>
    </row>
    <row r="395658" spans="8:8">
      <c r="H395658" s="12"/>
    </row>
    <row r="395659" spans="8:8">
      <c r="H395659" s="12"/>
    </row>
    <row r="395660" spans="8:8">
      <c r="H395660" s="12"/>
    </row>
    <row r="395661" spans="8:8">
      <c r="H395661" s="12"/>
    </row>
    <row r="395662" spans="8:8">
      <c r="H395662" s="12"/>
    </row>
    <row r="395663" spans="8:8">
      <c r="H395663" s="12"/>
    </row>
    <row r="395664" spans="8:8">
      <c r="H395664" s="12"/>
    </row>
    <row r="395665" spans="8:8">
      <c r="H395665" s="12"/>
    </row>
    <row r="395666" spans="8:8">
      <c r="H395666" s="12"/>
    </row>
    <row r="395667" spans="8:8">
      <c r="H395667" s="12"/>
    </row>
    <row r="395668" spans="8:8">
      <c r="H395668" s="12"/>
    </row>
    <row r="395669" spans="8:8">
      <c r="H395669" s="12"/>
    </row>
    <row r="395670" spans="8:8">
      <c r="H395670" s="12"/>
    </row>
    <row r="395671" spans="8:8">
      <c r="H395671" s="12"/>
    </row>
    <row r="395672" spans="8:8">
      <c r="H395672" s="12"/>
    </row>
    <row r="395673" spans="8:8">
      <c r="H395673" s="12"/>
    </row>
    <row r="395674" spans="8:8">
      <c r="H395674" s="12"/>
    </row>
    <row r="395675" spans="8:8">
      <c r="H395675" s="12"/>
    </row>
    <row r="395676" spans="8:8">
      <c r="H395676" s="12"/>
    </row>
    <row r="395677" spans="8:8">
      <c r="H395677" s="12"/>
    </row>
    <row r="395678" spans="8:8">
      <c r="H395678" s="12"/>
    </row>
    <row r="395679" spans="8:8">
      <c r="H395679" s="12"/>
    </row>
    <row r="395680" spans="8:8">
      <c r="H395680" s="12"/>
    </row>
    <row r="395681" spans="8:8">
      <c r="H395681" s="12"/>
    </row>
    <row r="395682" spans="8:8">
      <c r="H395682" s="12"/>
    </row>
    <row r="395683" spans="8:8">
      <c r="H395683" s="12"/>
    </row>
    <row r="395684" spans="8:8">
      <c r="H395684" s="12"/>
    </row>
    <row r="395685" spans="8:8">
      <c r="H395685" s="12"/>
    </row>
    <row r="395686" spans="8:8">
      <c r="H395686" s="12"/>
    </row>
    <row r="395687" spans="8:8">
      <c r="H395687" s="12"/>
    </row>
    <row r="395688" spans="8:8">
      <c r="H395688" s="12"/>
    </row>
    <row r="395689" spans="8:8">
      <c r="H395689" s="12"/>
    </row>
    <row r="395690" spans="8:8">
      <c r="H395690" s="12"/>
    </row>
    <row r="395691" spans="8:8">
      <c r="H395691" s="12"/>
    </row>
    <row r="395692" spans="8:8">
      <c r="H395692" s="12"/>
    </row>
    <row r="395693" spans="8:8">
      <c r="H395693" s="12"/>
    </row>
    <row r="395694" spans="8:8">
      <c r="H395694" s="12"/>
    </row>
    <row r="395695" spans="8:8">
      <c r="H395695" s="12"/>
    </row>
    <row r="395696" spans="8:8">
      <c r="H395696" s="12"/>
    </row>
    <row r="395697" spans="8:8">
      <c r="H395697" s="12"/>
    </row>
    <row r="395698" spans="8:8">
      <c r="H395698" s="12"/>
    </row>
    <row r="395699" spans="8:8">
      <c r="H395699" s="12"/>
    </row>
    <row r="395700" spans="8:8">
      <c r="H395700" s="12"/>
    </row>
    <row r="395701" spans="8:8">
      <c r="H395701" s="12"/>
    </row>
    <row r="395702" spans="8:8">
      <c r="H395702" s="12"/>
    </row>
    <row r="395703" spans="8:8">
      <c r="H395703" s="12"/>
    </row>
    <row r="395704" spans="8:8">
      <c r="H395704" s="12"/>
    </row>
    <row r="395705" spans="8:8">
      <c r="H395705" s="12"/>
    </row>
    <row r="395706" spans="8:8">
      <c r="H395706" s="12"/>
    </row>
    <row r="395707" spans="8:8">
      <c r="H395707" s="12"/>
    </row>
    <row r="395708" spans="8:8">
      <c r="H395708" s="12"/>
    </row>
    <row r="395709" spans="8:8">
      <c r="H395709" s="12"/>
    </row>
    <row r="395710" spans="8:8">
      <c r="H395710" s="12"/>
    </row>
    <row r="395711" spans="8:8">
      <c r="H395711" s="12"/>
    </row>
    <row r="395712" spans="8:8">
      <c r="H395712" s="12"/>
    </row>
    <row r="395713" spans="8:8">
      <c r="H395713" s="12"/>
    </row>
    <row r="395714" spans="8:8">
      <c r="H395714" s="12"/>
    </row>
    <row r="395715" spans="8:8">
      <c r="H395715" s="12"/>
    </row>
    <row r="395716" spans="8:8">
      <c r="H395716" s="12"/>
    </row>
    <row r="395717" spans="8:8">
      <c r="H395717" s="12"/>
    </row>
    <row r="395718" spans="8:8">
      <c r="H395718" s="12"/>
    </row>
    <row r="395719" spans="8:8">
      <c r="H395719" s="12"/>
    </row>
    <row r="395720" spans="8:8">
      <c r="H395720" s="12"/>
    </row>
    <row r="395721" spans="8:8">
      <c r="H395721" s="12"/>
    </row>
    <row r="395722" spans="8:8">
      <c r="H395722" s="12"/>
    </row>
    <row r="395723" spans="8:8">
      <c r="H395723" s="12"/>
    </row>
    <row r="395724" spans="8:8">
      <c r="H395724" s="12"/>
    </row>
    <row r="395725" spans="8:8">
      <c r="H395725" s="12"/>
    </row>
    <row r="395726" spans="8:8">
      <c r="H395726" s="12"/>
    </row>
    <row r="395727" spans="8:8">
      <c r="H395727" s="12"/>
    </row>
    <row r="395728" spans="8:8">
      <c r="H395728" s="12"/>
    </row>
    <row r="395729" spans="8:8">
      <c r="H395729" s="12"/>
    </row>
    <row r="395730" spans="8:8">
      <c r="H395730" s="12"/>
    </row>
    <row r="395731" spans="8:8">
      <c r="H395731" s="12"/>
    </row>
    <row r="395732" spans="8:8">
      <c r="H395732" s="12"/>
    </row>
    <row r="395733" spans="8:8">
      <c r="H395733" s="12"/>
    </row>
    <row r="395734" spans="8:8">
      <c r="H395734" s="12"/>
    </row>
    <row r="395735" spans="8:8">
      <c r="H395735" s="12"/>
    </row>
    <row r="395736" spans="8:8">
      <c r="H395736" s="12"/>
    </row>
    <row r="395737" spans="8:8">
      <c r="H395737" s="12"/>
    </row>
    <row r="395738" spans="8:8">
      <c r="H395738" s="12"/>
    </row>
    <row r="395739" spans="8:8">
      <c r="H395739" s="12"/>
    </row>
    <row r="395740" spans="8:8">
      <c r="H395740" s="12"/>
    </row>
    <row r="395741" spans="8:8">
      <c r="H395741" s="12"/>
    </row>
    <row r="395742" spans="8:8">
      <c r="H395742" s="12"/>
    </row>
    <row r="395743" spans="8:8">
      <c r="H395743" s="12"/>
    </row>
    <row r="395744" spans="8:8">
      <c r="H395744" s="12"/>
    </row>
    <row r="395745" spans="8:8">
      <c r="H395745" s="12"/>
    </row>
    <row r="395746" spans="8:8">
      <c r="H395746" s="12"/>
    </row>
    <row r="395747" spans="8:8">
      <c r="H395747" s="12"/>
    </row>
    <row r="395748" spans="8:8">
      <c r="H395748" s="12"/>
    </row>
    <row r="395749" spans="8:8">
      <c r="H395749" s="12"/>
    </row>
    <row r="395750" spans="8:8">
      <c r="H395750" s="12"/>
    </row>
    <row r="395751" spans="8:8">
      <c r="H395751" s="12"/>
    </row>
    <row r="395752" spans="8:8">
      <c r="H395752" s="12"/>
    </row>
    <row r="395753" spans="8:8">
      <c r="H395753" s="12"/>
    </row>
    <row r="395754" spans="8:8">
      <c r="H395754" s="12"/>
    </row>
    <row r="395755" spans="8:8">
      <c r="H395755" s="12"/>
    </row>
    <row r="395756" spans="8:8">
      <c r="H395756" s="12"/>
    </row>
    <row r="395757" spans="8:8">
      <c r="H395757" s="12"/>
    </row>
    <row r="395758" spans="8:8">
      <c r="H395758" s="12"/>
    </row>
    <row r="395759" spans="8:8">
      <c r="H395759" s="12"/>
    </row>
    <row r="395760" spans="8:8">
      <c r="H395760" s="12"/>
    </row>
    <row r="395761" spans="8:8">
      <c r="H395761" s="12"/>
    </row>
    <row r="395762" spans="8:8">
      <c r="H395762" s="12"/>
    </row>
    <row r="395763" spans="8:8">
      <c r="H395763" s="12"/>
    </row>
    <row r="395764" spans="8:8">
      <c r="H395764" s="12"/>
    </row>
    <row r="395765" spans="8:8">
      <c r="H395765" s="12"/>
    </row>
    <row r="395766" spans="8:8">
      <c r="H395766" s="12"/>
    </row>
    <row r="395767" spans="8:8">
      <c r="H395767" s="12"/>
    </row>
    <row r="395768" spans="8:8">
      <c r="H395768" s="12"/>
    </row>
    <row r="395769" spans="8:8">
      <c r="H395769" s="12"/>
    </row>
    <row r="395770" spans="8:8">
      <c r="H395770" s="12"/>
    </row>
    <row r="395771" spans="8:8">
      <c r="H395771" s="12"/>
    </row>
    <row r="395772" spans="8:8">
      <c r="H395772" s="12"/>
    </row>
    <row r="395773" spans="8:8">
      <c r="H395773" s="12"/>
    </row>
    <row r="395774" spans="8:8">
      <c r="H395774" s="12"/>
    </row>
    <row r="395775" spans="8:8">
      <c r="H395775" s="12"/>
    </row>
    <row r="395776" spans="8:8">
      <c r="H395776" s="12"/>
    </row>
    <row r="395777" spans="8:8">
      <c r="H395777" s="12"/>
    </row>
    <row r="395778" spans="8:8">
      <c r="H395778" s="12"/>
    </row>
    <row r="395779" spans="8:8">
      <c r="H395779" s="12"/>
    </row>
    <row r="395780" spans="8:8">
      <c r="H395780" s="12"/>
    </row>
    <row r="395781" spans="8:8">
      <c r="H395781" s="12"/>
    </row>
    <row r="395782" spans="8:8">
      <c r="H395782" s="12"/>
    </row>
    <row r="395783" spans="8:8">
      <c r="H395783" s="12"/>
    </row>
    <row r="395784" spans="8:8">
      <c r="H395784" s="12"/>
    </row>
    <row r="395785" spans="8:8">
      <c r="H395785" s="12"/>
    </row>
    <row r="395786" spans="8:8">
      <c r="H395786" s="12"/>
    </row>
    <row r="395787" spans="8:8">
      <c r="H395787" s="12"/>
    </row>
    <row r="395788" spans="8:8">
      <c r="H395788" s="12"/>
    </row>
    <row r="395789" spans="8:8">
      <c r="H395789" s="12"/>
    </row>
    <row r="395790" spans="8:8">
      <c r="H395790" s="12"/>
    </row>
    <row r="395791" spans="8:8">
      <c r="H395791" s="12"/>
    </row>
    <row r="395792" spans="8:8">
      <c r="H395792" s="12"/>
    </row>
    <row r="395793" spans="8:8">
      <c r="H395793" s="12"/>
    </row>
    <row r="395794" spans="8:8">
      <c r="H395794" s="12"/>
    </row>
    <row r="395795" spans="8:8">
      <c r="H395795" s="12"/>
    </row>
    <row r="395796" spans="8:8">
      <c r="H395796" s="12"/>
    </row>
    <row r="395797" spans="8:8">
      <c r="H395797" s="12"/>
    </row>
    <row r="395798" spans="8:8">
      <c r="H395798" s="12"/>
    </row>
    <row r="395799" spans="8:8">
      <c r="H395799" s="12"/>
    </row>
    <row r="395800" spans="8:8">
      <c r="H395800" s="12"/>
    </row>
    <row r="395801" spans="8:8">
      <c r="H395801" s="12"/>
    </row>
    <row r="395802" spans="8:8">
      <c r="H395802" s="12"/>
    </row>
    <row r="395803" spans="8:8">
      <c r="H395803" s="12"/>
    </row>
    <row r="395804" spans="8:8">
      <c r="H395804" s="12"/>
    </row>
    <row r="395805" spans="8:8">
      <c r="H395805" s="12"/>
    </row>
    <row r="395806" spans="8:8">
      <c r="H395806" s="12"/>
    </row>
    <row r="395807" spans="8:8">
      <c r="H395807" s="12"/>
    </row>
    <row r="395808" spans="8:8">
      <c r="H395808" s="12"/>
    </row>
    <row r="395809" spans="8:8">
      <c r="H395809" s="12"/>
    </row>
    <row r="395810" spans="8:8">
      <c r="H395810" s="12"/>
    </row>
    <row r="395811" spans="8:8">
      <c r="H395811" s="12"/>
    </row>
    <row r="395812" spans="8:8">
      <c r="H395812" s="12"/>
    </row>
    <row r="395813" spans="8:8">
      <c r="H395813" s="12"/>
    </row>
    <row r="395814" spans="8:8">
      <c r="H395814" s="12"/>
    </row>
    <row r="395815" spans="8:8">
      <c r="H395815" s="12"/>
    </row>
    <row r="395816" spans="8:8">
      <c r="H395816" s="12"/>
    </row>
    <row r="395817" spans="8:8">
      <c r="H395817" s="12"/>
    </row>
    <row r="395818" spans="8:8">
      <c r="H395818" s="12"/>
    </row>
    <row r="395819" spans="8:8">
      <c r="H395819" s="12"/>
    </row>
    <row r="395820" spans="8:8">
      <c r="H395820" s="12"/>
    </row>
    <row r="395821" spans="8:8">
      <c r="H395821" s="12"/>
    </row>
    <row r="395822" spans="8:8">
      <c r="H395822" s="12"/>
    </row>
    <row r="395823" spans="8:8">
      <c r="H395823" s="12"/>
    </row>
    <row r="395824" spans="8:8">
      <c r="H395824" s="12"/>
    </row>
    <row r="395825" spans="8:8">
      <c r="H395825" s="12"/>
    </row>
    <row r="395826" spans="8:8">
      <c r="H395826" s="12"/>
    </row>
    <row r="395827" spans="8:8">
      <c r="H395827" s="12"/>
    </row>
    <row r="395828" spans="8:8">
      <c r="H395828" s="12"/>
    </row>
    <row r="395829" spans="8:8">
      <c r="H395829" s="12"/>
    </row>
    <row r="395830" spans="8:8">
      <c r="H395830" s="12"/>
    </row>
    <row r="395831" spans="8:8">
      <c r="H395831" s="12"/>
    </row>
    <row r="395832" spans="8:8">
      <c r="H395832" s="12"/>
    </row>
    <row r="395833" spans="8:8">
      <c r="H395833" s="12"/>
    </row>
    <row r="395834" spans="8:8">
      <c r="H395834" s="12"/>
    </row>
    <row r="395835" spans="8:8">
      <c r="H395835" s="12"/>
    </row>
    <row r="395836" spans="8:8">
      <c r="H395836" s="12"/>
    </row>
    <row r="395837" spans="8:8">
      <c r="H395837" s="12"/>
    </row>
    <row r="395838" spans="8:8">
      <c r="H395838" s="12"/>
    </row>
    <row r="395839" spans="8:8">
      <c r="H395839" s="12"/>
    </row>
    <row r="395840" spans="8:8">
      <c r="H395840" s="12"/>
    </row>
    <row r="395841" spans="8:8">
      <c r="H395841" s="12"/>
    </row>
    <row r="395842" spans="8:8">
      <c r="H395842" s="12"/>
    </row>
    <row r="395843" spans="8:8">
      <c r="H395843" s="12"/>
    </row>
    <row r="395844" spans="8:8">
      <c r="H395844" s="12"/>
    </row>
    <row r="395845" spans="8:8">
      <c r="H395845" s="12"/>
    </row>
    <row r="395846" spans="8:8">
      <c r="H395846" s="12"/>
    </row>
    <row r="395847" spans="8:8">
      <c r="H395847" s="12"/>
    </row>
    <row r="395848" spans="8:8">
      <c r="H395848" s="12"/>
    </row>
    <row r="395849" spans="8:8">
      <c r="H395849" s="12"/>
    </row>
    <row r="395850" spans="8:8">
      <c r="H395850" s="12"/>
    </row>
    <row r="395851" spans="8:8">
      <c r="H395851" s="12"/>
    </row>
    <row r="395852" spans="8:8">
      <c r="H395852" s="12"/>
    </row>
    <row r="395853" spans="8:8">
      <c r="H395853" s="12"/>
    </row>
    <row r="395854" spans="8:8">
      <c r="H395854" s="12"/>
    </row>
    <row r="395855" spans="8:8">
      <c r="H395855" s="12"/>
    </row>
    <row r="395856" spans="8:8">
      <c r="H395856" s="12"/>
    </row>
    <row r="395857" spans="8:8">
      <c r="H395857" s="12"/>
    </row>
    <row r="395858" spans="8:8">
      <c r="H395858" s="12"/>
    </row>
    <row r="395859" spans="8:8">
      <c r="H395859" s="12"/>
    </row>
    <row r="395860" spans="8:8">
      <c r="H395860" s="12"/>
    </row>
    <row r="395861" spans="8:8">
      <c r="H395861" s="12"/>
    </row>
    <row r="395862" spans="8:8">
      <c r="H395862" s="12"/>
    </row>
    <row r="395863" spans="8:8">
      <c r="H395863" s="12"/>
    </row>
    <row r="395864" spans="8:8">
      <c r="H395864" s="12"/>
    </row>
    <row r="395865" spans="8:8">
      <c r="H395865" s="12"/>
    </row>
    <row r="395866" spans="8:8">
      <c r="H395866" s="12"/>
    </row>
    <row r="395867" spans="8:8">
      <c r="H395867" s="12"/>
    </row>
    <row r="395868" spans="8:8">
      <c r="H395868" s="12"/>
    </row>
    <row r="395869" spans="8:8">
      <c r="H395869" s="12"/>
    </row>
    <row r="395870" spans="8:8">
      <c r="H395870" s="12"/>
    </row>
    <row r="395871" spans="8:8">
      <c r="H395871" s="12"/>
    </row>
    <row r="395872" spans="8:8">
      <c r="H395872" s="12"/>
    </row>
    <row r="395873" spans="8:8">
      <c r="H395873" s="12"/>
    </row>
    <row r="395874" spans="8:8">
      <c r="H395874" s="12"/>
    </row>
    <row r="395875" spans="8:8">
      <c r="H395875" s="12"/>
    </row>
    <row r="395876" spans="8:8">
      <c r="H395876" s="12"/>
    </row>
    <row r="395877" spans="8:8">
      <c r="H395877" s="12"/>
    </row>
    <row r="395878" spans="8:8">
      <c r="H395878" s="12"/>
    </row>
    <row r="395879" spans="8:8">
      <c r="H395879" s="12"/>
    </row>
    <row r="395880" spans="8:8">
      <c r="H395880" s="12"/>
    </row>
    <row r="395881" spans="8:8">
      <c r="H395881" s="12"/>
    </row>
    <row r="395882" spans="8:8">
      <c r="H395882" s="12"/>
    </row>
    <row r="395883" spans="8:8">
      <c r="H395883" s="12"/>
    </row>
    <row r="395884" spans="8:8">
      <c r="H395884" s="12"/>
    </row>
    <row r="395885" spans="8:8">
      <c r="H395885" s="12"/>
    </row>
    <row r="395886" spans="8:8">
      <c r="H395886" s="12"/>
    </row>
    <row r="395887" spans="8:8">
      <c r="H395887" s="12"/>
    </row>
    <row r="395888" spans="8:8">
      <c r="H395888" s="12"/>
    </row>
    <row r="395889" spans="8:8">
      <c r="H395889" s="12"/>
    </row>
    <row r="395890" spans="8:8">
      <c r="H395890" s="12"/>
    </row>
    <row r="395891" spans="8:8">
      <c r="H395891" s="12"/>
    </row>
    <row r="395892" spans="8:8">
      <c r="H395892" s="12"/>
    </row>
    <row r="395893" spans="8:8">
      <c r="H395893" s="12"/>
    </row>
    <row r="395894" spans="8:8">
      <c r="H395894" s="12"/>
    </row>
    <row r="395895" spans="8:8">
      <c r="H395895" s="12"/>
    </row>
    <row r="395896" spans="8:8">
      <c r="H395896" s="12"/>
    </row>
    <row r="395897" spans="8:8">
      <c r="H395897" s="12"/>
    </row>
    <row r="395898" spans="8:8">
      <c r="H395898" s="12"/>
    </row>
    <row r="395899" spans="8:8">
      <c r="H395899" s="12"/>
    </row>
    <row r="395900" spans="8:8">
      <c r="H395900" s="12"/>
    </row>
    <row r="395901" spans="8:8">
      <c r="H395901" s="12"/>
    </row>
    <row r="395902" spans="8:8">
      <c r="H395902" s="12"/>
    </row>
    <row r="395903" spans="8:8">
      <c r="H395903" s="12"/>
    </row>
    <row r="395904" spans="8:8">
      <c r="H395904" s="12"/>
    </row>
    <row r="395905" spans="8:8">
      <c r="H395905" s="12"/>
    </row>
    <row r="395906" spans="8:8">
      <c r="H395906" s="12"/>
    </row>
    <row r="395907" spans="8:8">
      <c r="H395907" s="12"/>
    </row>
    <row r="395908" spans="8:8">
      <c r="H395908" s="12"/>
    </row>
    <row r="395909" spans="8:8">
      <c r="H395909" s="12"/>
    </row>
    <row r="395910" spans="8:8">
      <c r="H395910" s="12"/>
    </row>
    <row r="395911" spans="8:8">
      <c r="H395911" s="12"/>
    </row>
    <row r="395912" spans="8:8">
      <c r="H395912" s="12"/>
    </row>
    <row r="395913" spans="8:8">
      <c r="H395913" s="12"/>
    </row>
    <row r="395914" spans="8:8">
      <c r="H395914" s="12"/>
    </row>
    <row r="395915" spans="8:8">
      <c r="H395915" s="12"/>
    </row>
    <row r="395916" spans="8:8">
      <c r="H395916" s="12"/>
    </row>
    <row r="395917" spans="8:8">
      <c r="H395917" s="12"/>
    </row>
    <row r="395918" spans="8:8">
      <c r="H395918" s="12"/>
    </row>
    <row r="395919" spans="8:8">
      <c r="H395919" s="12"/>
    </row>
    <row r="395920" spans="8:8">
      <c r="H395920" s="12"/>
    </row>
    <row r="395921" spans="8:8">
      <c r="H395921" s="12"/>
    </row>
    <row r="395922" spans="8:8">
      <c r="H395922" s="12"/>
    </row>
    <row r="395923" spans="8:8">
      <c r="H395923" s="12"/>
    </row>
    <row r="395924" spans="8:8">
      <c r="H395924" s="12"/>
    </row>
    <row r="395925" spans="8:8">
      <c r="H395925" s="12"/>
    </row>
    <row r="395926" spans="8:8">
      <c r="H395926" s="12"/>
    </row>
    <row r="395927" spans="8:8">
      <c r="H395927" s="12"/>
    </row>
    <row r="395928" spans="8:8">
      <c r="H395928" s="12"/>
    </row>
    <row r="395929" spans="8:8">
      <c r="H395929" s="12"/>
    </row>
    <row r="395930" spans="8:8">
      <c r="H395930" s="12"/>
    </row>
    <row r="395931" spans="8:8">
      <c r="H395931" s="12"/>
    </row>
    <row r="395932" spans="8:8">
      <c r="H395932" s="12"/>
    </row>
    <row r="395933" spans="8:8">
      <c r="H395933" s="12"/>
    </row>
    <row r="395934" spans="8:8">
      <c r="H395934" s="12"/>
    </row>
    <row r="395935" spans="8:8">
      <c r="H395935" s="12"/>
    </row>
    <row r="395936" spans="8:8">
      <c r="H395936" s="12"/>
    </row>
    <row r="395937" spans="8:8">
      <c r="H395937" s="12"/>
    </row>
    <row r="395938" spans="8:8">
      <c r="H395938" s="12"/>
    </row>
    <row r="395939" spans="8:8">
      <c r="H395939" s="12"/>
    </row>
    <row r="395940" spans="8:8">
      <c r="H395940" s="12"/>
    </row>
    <row r="395941" spans="8:8">
      <c r="H395941" s="12"/>
    </row>
    <row r="395942" spans="8:8">
      <c r="H395942" s="12"/>
    </row>
    <row r="395943" spans="8:8">
      <c r="H395943" s="12"/>
    </row>
    <row r="395944" spans="8:8">
      <c r="H395944" s="12"/>
    </row>
    <row r="395945" spans="8:8">
      <c r="H395945" s="12"/>
    </row>
    <row r="395946" spans="8:8">
      <c r="H395946" s="12"/>
    </row>
    <row r="395947" spans="8:8">
      <c r="H395947" s="12"/>
    </row>
    <row r="395948" spans="8:8">
      <c r="H395948" s="12"/>
    </row>
    <row r="395949" spans="8:8">
      <c r="H395949" s="12"/>
    </row>
    <row r="395950" spans="8:8">
      <c r="H395950" s="12"/>
    </row>
    <row r="395951" spans="8:8">
      <c r="H395951" s="12"/>
    </row>
    <row r="395952" spans="8:8">
      <c r="H395952" s="12"/>
    </row>
    <row r="395953" spans="8:8">
      <c r="H395953" s="12"/>
    </row>
    <row r="395954" spans="8:8">
      <c r="H395954" s="12"/>
    </row>
    <row r="395955" spans="8:8">
      <c r="H395955" s="12"/>
    </row>
    <row r="395956" spans="8:8">
      <c r="H395956" s="12"/>
    </row>
    <row r="395957" spans="8:8">
      <c r="H395957" s="12"/>
    </row>
    <row r="395958" spans="8:8">
      <c r="H395958" s="12"/>
    </row>
    <row r="395959" spans="8:8">
      <c r="H395959" s="12"/>
    </row>
    <row r="395960" spans="8:8">
      <c r="H395960" s="12"/>
    </row>
    <row r="395961" spans="8:8">
      <c r="H395961" s="12"/>
    </row>
    <row r="395962" spans="8:8">
      <c r="H395962" s="12"/>
    </row>
    <row r="395963" spans="8:8">
      <c r="H395963" s="12"/>
    </row>
    <row r="395964" spans="8:8">
      <c r="H395964" s="12"/>
    </row>
    <row r="395965" spans="8:8">
      <c r="H395965" s="12"/>
    </row>
    <row r="395966" spans="8:8">
      <c r="H395966" s="12"/>
    </row>
    <row r="395967" spans="8:8">
      <c r="H395967" s="12"/>
    </row>
    <row r="395968" spans="8:8">
      <c r="H395968" s="12"/>
    </row>
    <row r="395969" spans="8:8">
      <c r="H395969" s="12"/>
    </row>
    <row r="395970" spans="8:8">
      <c r="H395970" s="12"/>
    </row>
    <row r="395971" spans="8:8">
      <c r="H395971" s="12"/>
    </row>
    <row r="395972" spans="8:8">
      <c r="H395972" s="12"/>
    </row>
    <row r="395973" spans="8:8">
      <c r="H395973" s="12"/>
    </row>
    <row r="395974" spans="8:8">
      <c r="H395974" s="12"/>
    </row>
    <row r="395975" spans="8:8">
      <c r="H395975" s="12"/>
    </row>
    <row r="395976" spans="8:8">
      <c r="H395976" s="12"/>
    </row>
    <row r="395977" spans="8:8">
      <c r="H395977" s="12"/>
    </row>
    <row r="395978" spans="8:8">
      <c r="H395978" s="12"/>
    </row>
    <row r="395979" spans="8:8">
      <c r="H395979" s="12"/>
    </row>
    <row r="395980" spans="8:8">
      <c r="H395980" s="12"/>
    </row>
    <row r="395981" spans="8:8">
      <c r="H395981" s="12"/>
    </row>
    <row r="395982" spans="8:8">
      <c r="H395982" s="12"/>
    </row>
    <row r="395983" spans="8:8">
      <c r="H395983" s="12"/>
    </row>
    <row r="395984" spans="8:8">
      <c r="H395984" s="12"/>
    </row>
    <row r="395985" spans="8:8">
      <c r="H395985" s="12"/>
    </row>
    <row r="395986" spans="8:8">
      <c r="H395986" s="12"/>
    </row>
    <row r="395987" spans="8:8">
      <c r="H395987" s="12"/>
    </row>
    <row r="395988" spans="8:8">
      <c r="H395988" s="12"/>
    </row>
    <row r="395989" spans="8:8">
      <c r="H395989" s="12"/>
    </row>
    <row r="395990" spans="8:8">
      <c r="H395990" s="12"/>
    </row>
    <row r="395991" spans="8:8">
      <c r="H395991" s="12"/>
    </row>
    <row r="395992" spans="8:8">
      <c r="H395992" s="12"/>
    </row>
    <row r="395993" spans="8:8">
      <c r="H395993" s="12"/>
    </row>
    <row r="395994" spans="8:8">
      <c r="H395994" s="12"/>
    </row>
    <row r="395995" spans="8:8">
      <c r="H395995" s="12"/>
    </row>
    <row r="395996" spans="8:8">
      <c r="H395996" s="12"/>
    </row>
    <row r="395997" spans="8:8">
      <c r="H395997" s="12"/>
    </row>
    <row r="395998" spans="8:8">
      <c r="H395998" s="12"/>
    </row>
    <row r="395999" spans="8:8">
      <c r="H395999" s="12"/>
    </row>
    <row r="396000" spans="8:8">
      <c r="H396000" s="12"/>
    </row>
    <row r="396001" spans="8:8">
      <c r="H396001" s="12"/>
    </row>
    <row r="396002" spans="8:8">
      <c r="H396002" s="12"/>
    </row>
    <row r="396003" spans="8:8">
      <c r="H396003" s="12"/>
    </row>
    <row r="396004" spans="8:8">
      <c r="H396004" s="12"/>
    </row>
    <row r="396005" spans="8:8">
      <c r="H396005" s="12"/>
    </row>
    <row r="396006" spans="8:8">
      <c r="H396006" s="12"/>
    </row>
    <row r="396007" spans="8:8">
      <c r="H396007" s="12"/>
    </row>
    <row r="396008" spans="8:8">
      <c r="H396008" s="12"/>
    </row>
    <row r="396009" spans="8:8">
      <c r="H396009" s="12"/>
    </row>
    <row r="396010" spans="8:8">
      <c r="H396010" s="12"/>
    </row>
    <row r="396011" spans="8:8">
      <c r="H396011" s="12"/>
    </row>
    <row r="396012" spans="8:8">
      <c r="H396012" s="12"/>
    </row>
    <row r="396013" spans="8:8">
      <c r="H396013" s="12"/>
    </row>
    <row r="396014" spans="8:8">
      <c r="H396014" s="12"/>
    </row>
    <row r="396015" spans="8:8">
      <c r="H396015" s="12"/>
    </row>
    <row r="396016" spans="8:8">
      <c r="H396016" s="12"/>
    </row>
    <row r="396017" spans="8:8">
      <c r="H396017" s="12"/>
    </row>
    <row r="396018" spans="8:8">
      <c r="H396018" s="12"/>
    </row>
    <row r="396019" spans="8:8">
      <c r="H396019" s="12"/>
    </row>
    <row r="396020" spans="8:8">
      <c r="H396020" s="12"/>
    </row>
    <row r="396021" spans="8:8">
      <c r="H396021" s="12"/>
    </row>
    <row r="396022" spans="8:8">
      <c r="H396022" s="12"/>
    </row>
    <row r="396023" spans="8:8">
      <c r="H396023" s="12"/>
    </row>
    <row r="396024" spans="8:8">
      <c r="H396024" s="12"/>
    </row>
    <row r="396025" spans="8:8">
      <c r="H396025" s="12"/>
    </row>
    <row r="396026" spans="8:8">
      <c r="H396026" s="12"/>
    </row>
    <row r="396027" spans="8:8">
      <c r="H396027" s="12"/>
    </row>
    <row r="396028" spans="8:8">
      <c r="H396028" s="12"/>
    </row>
    <row r="396029" spans="8:8">
      <c r="H396029" s="12"/>
    </row>
    <row r="396030" spans="8:8">
      <c r="H396030" s="12"/>
    </row>
    <row r="396031" spans="8:8">
      <c r="H396031" s="12"/>
    </row>
    <row r="396032" spans="8:8">
      <c r="H396032" s="12"/>
    </row>
    <row r="396033" spans="8:8">
      <c r="H396033" s="12"/>
    </row>
    <row r="396034" spans="8:8">
      <c r="H396034" s="12"/>
    </row>
    <row r="396035" spans="8:8">
      <c r="H396035" s="12"/>
    </row>
    <row r="396036" spans="8:8">
      <c r="H396036" s="12"/>
    </row>
    <row r="396037" spans="8:8">
      <c r="H396037" s="12"/>
    </row>
    <row r="396038" spans="8:8">
      <c r="H396038" s="12"/>
    </row>
    <row r="396039" spans="8:8">
      <c r="H396039" s="12"/>
    </row>
    <row r="396040" spans="8:8">
      <c r="H396040" s="12"/>
    </row>
    <row r="396041" spans="8:8">
      <c r="H396041" s="12"/>
    </row>
    <row r="396042" spans="8:8">
      <c r="H396042" s="12"/>
    </row>
    <row r="396043" spans="8:8">
      <c r="H396043" s="12"/>
    </row>
    <row r="396044" spans="8:8">
      <c r="H396044" s="12"/>
    </row>
    <row r="396045" spans="8:8">
      <c r="H396045" s="12"/>
    </row>
    <row r="396046" spans="8:8">
      <c r="H396046" s="12"/>
    </row>
    <row r="396047" spans="8:8">
      <c r="H396047" s="12"/>
    </row>
    <row r="396048" spans="8:8">
      <c r="H396048" s="12"/>
    </row>
    <row r="396049" spans="8:8">
      <c r="H396049" s="12"/>
    </row>
    <row r="396050" spans="8:8">
      <c r="H396050" s="12"/>
    </row>
    <row r="396051" spans="8:8">
      <c r="H396051" s="12"/>
    </row>
    <row r="396052" spans="8:8">
      <c r="H396052" s="12"/>
    </row>
    <row r="396053" spans="8:8">
      <c r="H396053" s="12"/>
    </row>
    <row r="396054" spans="8:8">
      <c r="H396054" s="12"/>
    </row>
    <row r="396055" spans="8:8">
      <c r="H396055" s="12"/>
    </row>
    <row r="396056" spans="8:8">
      <c r="H396056" s="12"/>
    </row>
    <row r="396057" spans="8:8">
      <c r="H396057" s="12"/>
    </row>
    <row r="396058" spans="8:8">
      <c r="H396058" s="12"/>
    </row>
    <row r="396059" spans="8:8">
      <c r="H396059" s="12"/>
    </row>
    <row r="396060" spans="8:8">
      <c r="H396060" s="12"/>
    </row>
    <row r="396061" spans="8:8">
      <c r="H396061" s="12"/>
    </row>
    <row r="396062" spans="8:8">
      <c r="H396062" s="12"/>
    </row>
    <row r="396063" spans="8:8">
      <c r="H396063" s="12"/>
    </row>
    <row r="396064" spans="8:8">
      <c r="H396064" s="12"/>
    </row>
    <row r="396065" spans="8:8">
      <c r="H396065" s="12"/>
    </row>
    <row r="396066" spans="8:8">
      <c r="H396066" s="12"/>
    </row>
    <row r="396067" spans="8:8">
      <c r="H396067" s="12"/>
    </row>
    <row r="396068" spans="8:8">
      <c r="H396068" s="12"/>
    </row>
    <row r="396069" spans="8:8">
      <c r="H396069" s="12"/>
    </row>
    <row r="396070" spans="8:8">
      <c r="H396070" s="12"/>
    </row>
    <row r="396071" spans="8:8">
      <c r="H396071" s="12"/>
    </row>
    <row r="396072" spans="8:8">
      <c r="H396072" s="12"/>
    </row>
    <row r="396073" spans="8:8">
      <c r="H396073" s="12"/>
    </row>
    <row r="396074" spans="8:8">
      <c r="H396074" s="12"/>
    </row>
    <row r="396075" spans="8:8">
      <c r="H396075" s="12"/>
    </row>
    <row r="396076" spans="8:8">
      <c r="H396076" s="12"/>
    </row>
    <row r="396077" spans="8:8">
      <c r="H396077" s="12"/>
    </row>
    <row r="396078" spans="8:8">
      <c r="H396078" s="12"/>
    </row>
    <row r="396079" spans="8:8">
      <c r="H396079" s="12"/>
    </row>
    <row r="396080" spans="8:8">
      <c r="H396080" s="12"/>
    </row>
    <row r="396081" spans="8:8">
      <c r="H396081" s="12"/>
    </row>
    <row r="396082" spans="8:8">
      <c r="H396082" s="12"/>
    </row>
    <row r="396083" spans="8:8">
      <c r="H396083" s="12"/>
    </row>
    <row r="396084" spans="8:8">
      <c r="H396084" s="12"/>
    </row>
    <row r="396085" spans="8:8">
      <c r="H396085" s="12"/>
    </row>
    <row r="396086" spans="8:8">
      <c r="H396086" s="12"/>
    </row>
    <row r="396087" spans="8:8">
      <c r="H396087" s="12"/>
    </row>
    <row r="396088" spans="8:8">
      <c r="H396088" s="12"/>
    </row>
    <row r="396089" spans="8:8">
      <c r="H396089" s="12"/>
    </row>
    <row r="396090" spans="8:8">
      <c r="H396090" s="12"/>
    </row>
    <row r="396091" spans="8:8">
      <c r="H396091" s="12"/>
    </row>
    <row r="396092" spans="8:8">
      <c r="H396092" s="12"/>
    </row>
    <row r="396093" spans="8:8">
      <c r="H396093" s="12"/>
    </row>
    <row r="396094" spans="8:8">
      <c r="H396094" s="12"/>
    </row>
    <row r="396095" spans="8:8">
      <c r="H396095" s="12"/>
    </row>
    <row r="396096" spans="8:8">
      <c r="H396096" s="12"/>
    </row>
    <row r="396097" spans="8:8">
      <c r="H396097" s="12"/>
    </row>
    <row r="396098" spans="8:8">
      <c r="H396098" s="12"/>
    </row>
    <row r="396099" spans="8:8">
      <c r="H396099" s="12"/>
    </row>
    <row r="396100" spans="8:8">
      <c r="H396100" s="12"/>
    </row>
    <row r="396101" spans="8:8">
      <c r="H396101" s="12"/>
    </row>
    <row r="396102" spans="8:8">
      <c r="H396102" s="12"/>
    </row>
    <row r="396103" spans="8:8">
      <c r="H396103" s="12"/>
    </row>
    <row r="396104" spans="8:8">
      <c r="H396104" s="12"/>
    </row>
    <row r="396105" spans="8:8">
      <c r="H396105" s="12"/>
    </row>
    <row r="396106" spans="8:8">
      <c r="H396106" s="12"/>
    </row>
    <row r="396107" spans="8:8">
      <c r="H396107" s="12"/>
    </row>
    <row r="396108" spans="8:8">
      <c r="H396108" s="12"/>
    </row>
    <row r="396109" spans="8:8">
      <c r="H396109" s="12"/>
    </row>
    <row r="396110" spans="8:8">
      <c r="H396110" s="12"/>
    </row>
    <row r="396111" spans="8:8">
      <c r="H396111" s="12"/>
    </row>
    <row r="396112" spans="8:8">
      <c r="H396112" s="12"/>
    </row>
    <row r="396113" spans="8:8">
      <c r="H396113" s="12"/>
    </row>
    <row r="396114" spans="8:8">
      <c r="H396114" s="12"/>
    </row>
    <row r="396115" spans="8:8">
      <c r="H396115" s="12"/>
    </row>
    <row r="396116" spans="8:8">
      <c r="H396116" s="12"/>
    </row>
    <row r="396117" spans="8:8">
      <c r="H396117" s="12"/>
    </row>
    <row r="396118" spans="8:8">
      <c r="H396118" s="12"/>
    </row>
    <row r="396119" spans="8:8">
      <c r="H396119" s="12"/>
    </row>
    <row r="396120" spans="8:8">
      <c r="H396120" s="12"/>
    </row>
    <row r="396121" spans="8:8">
      <c r="H396121" s="12"/>
    </row>
    <row r="396122" spans="8:8">
      <c r="H396122" s="12"/>
    </row>
    <row r="396123" spans="8:8">
      <c r="H396123" s="12"/>
    </row>
    <row r="396124" spans="8:8">
      <c r="H396124" s="12"/>
    </row>
    <row r="396125" spans="8:8">
      <c r="H396125" s="12"/>
    </row>
    <row r="396126" spans="8:8">
      <c r="H396126" s="12"/>
    </row>
    <row r="396127" spans="8:8">
      <c r="H396127" s="12"/>
    </row>
    <row r="396128" spans="8:8">
      <c r="H396128" s="12"/>
    </row>
    <row r="396129" spans="8:8">
      <c r="H396129" s="12"/>
    </row>
    <row r="396130" spans="8:8">
      <c r="H396130" s="12"/>
    </row>
    <row r="396131" spans="8:8">
      <c r="H396131" s="12"/>
    </row>
    <row r="396132" spans="8:8">
      <c r="H396132" s="12"/>
    </row>
    <row r="396133" spans="8:8">
      <c r="H396133" s="12"/>
    </row>
    <row r="396134" spans="8:8">
      <c r="H396134" s="12"/>
    </row>
    <row r="396135" spans="8:8">
      <c r="H396135" s="12"/>
    </row>
    <row r="396136" spans="8:8">
      <c r="H396136" s="12"/>
    </row>
    <row r="396137" spans="8:8">
      <c r="H396137" s="12"/>
    </row>
    <row r="396138" spans="8:8">
      <c r="H396138" s="12"/>
    </row>
    <row r="396139" spans="8:8">
      <c r="H396139" s="12"/>
    </row>
    <row r="396140" spans="8:8">
      <c r="H396140" s="12"/>
    </row>
    <row r="396141" spans="8:8">
      <c r="H396141" s="12"/>
    </row>
    <row r="396142" spans="8:8">
      <c r="H396142" s="12"/>
    </row>
    <row r="396143" spans="8:8">
      <c r="H396143" s="12"/>
    </row>
    <row r="396144" spans="8:8">
      <c r="H396144" s="12"/>
    </row>
    <row r="396145" spans="8:8">
      <c r="H396145" s="12"/>
    </row>
    <row r="396146" spans="8:8">
      <c r="H396146" s="12"/>
    </row>
    <row r="396147" spans="8:8">
      <c r="H396147" s="12"/>
    </row>
    <row r="396148" spans="8:8">
      <c r="H396148" s="12"/>
    </row>
    <row r="396149" spans="8:8">
      <c r="H396149" s="12"/>
    </row>
    <row r="396150" spans="8:8">
      <c r="H396150" s="12"/>
    </row>
    <row r="396151" spans="8:8">
      <c r="H396151" s="12"/>
    </row>
    <row r="396152" spans="8:8">
      <c r="H396152" s="12"/>
    </row>
    <row r="396153" spans="8:8">
      <c r="H396153" s="12"/>
    </row>
    <row r="396154" spans="8:8">
      <c r="H396154" s="12"/>
    </row>
    <row r="396155" spans="8:8">
      <c r="H396155" s="12"/>
    </row>
    <row r="396156" spans="8:8">
      <c r="H396156" s="12"/>
    </row>
    <row r="396157" spans="8:8">
      <c r="H396157" s="12"/>
    </row>
    <row r="396158" spans="8:8">
      <c r="H396158" s="12"/>
    </row>
    <row r="396159" spans="8:8">
      <c r="H396159" s="12"/>
    </row>
    <row r="396160" spans="8:8">
      <c r="H396160" s="12"/>
    </row>
    <row r="396161" spans="8:8">
      <c r="H396161" s="12"/>
    </row>
    <row r="396162" spans="8:8">
      <c r="H396162" s="12"/>
    </row>
    <row r="396163" spans="8:8">
      <c r="H396163" s="12"/>
    </row>
    <row r="396164" spans="8:8">
      <c r="H396164" s="12"/>
    </row>
    <row r="396165" spans="8:8">
      <c r="H396165" s="12"/>
    </row>
    <row r="396166" spans="8:8">
      <c r="H396166" s="12"/>
    </row>
    <row r="396167" spans="8:8">
      <c r="H396167" s="12"/>
    </row>
    <row r="396168" spans="8:8">
      <c r="H396168" s="12"/>
    </row>
    <row r="396169" spans="8:8">
      <c r="H396169" s="12"/>
    </row>
    <row r="396170" spans="8:8">
      <c r="H396170" s="12"/>
    </row>
    <row r="396171" spans="8:8">
      <c r="H396171" s="12"/>
    </row>
    <row r="396172" spans="8:8">
      <c r="H396172" s="12"/>
    </row>
    <row r="396173" spans="8:8">
      <c r="H396173" s="12"/>
    </row>
    <row r="396174" spans="8:8">
      <c r="H396174" s="12"/>
    </row>
    <row r="396175" spans="8:8">
      <c r="H396175" s="12"/>
    </row>
    <row r="396176" spans="8:8">
      <c r="H396176" s="12"/>
    </row>
    <row r="396177" spans="8:8">
      <c r="H396177" s="12"/>
    </row>
    <row r="396178" spans="8:8">
      <c r="H396178" s="12"/>
    </row>
    <row r="396179" spans="8:8">
      <c r="H396179" s="12"/>
    </row>
    <row r="396180" spans="8:8">
      <c r="H396180" s="12"/>
    </row>
    <row r="396181" spans="8:8">
      <c r="H396181" s="12"/>
    </row>
    <row r="396182" spans="8:8">
      <c r="H396182" s="12"/>
    </row>
    <row r="396183" spans="8:8">
      <c r="H396183" s="12"/>
    </row>
    <row r="396184" spans="8:8">
      <c r="H396184" s="12"/>
    </row>
    <row r="396185" spans="8:8">
      <c r="H396185" s="12"/>
    </row>
    <row r="396186" spans="8:8">
      <c r="H396186" s="12"/>
    </row>
    <row r="396187" spans="8:8">
      <c r="H396187" s="12"/>
    </row>
    <row r="396188" spans="8:8">
      <c r="H396188" s="12"/>
    </row>
    <row r="396189" spans="8:8">
      <c r="H396189" s="12"/>
    </row>
    <row r="396190" spans="8:8">
      <c r="H396190" s="12"/>
    </row>
    <row r="396191" spans="8:8">
      <c r="H396191" s="12"/>
    </row>
    <row r="396192" spans="8:8">
      <c r="H396192" s="12"/>
    </row>
    <row r="396193" spans="8:8">
      <c r="H396193" s="12"/>
    </row>
    <row r="396194" spans="8:8">
      <c r="H396194" s="12"/>
    </row>
    <row r="396195" spans="8:8">
      <c r="H396195" s="12"/>
    </row>
    <row r="396196" spans="8:8">
      <c r="H396196" s="12"/>
    </row>
    <row r="396197" spans="8:8">
      <c r="H396197" s="12"/>
    </row>
    <row r="396198" spans="8:8">
      <c r="H396198" s="12"/>
    </row>
    <row r="396199" spans="8:8">
      <c r="H396199" s="12"/>
    </row>
    <row r="396200" spans="8:8">
      <c r="H396200" s="12"/>
    </row>
    <row r="396201" spans="8:8">
      <c r="H396201" s="12"/>
    </row>
    <row r="396202" spans="8:8">
      <c r="H396202" s="12"/>
    </row>
    <row r="396203" spans="8:8">
      <c r="H396203" s="12"/>
    </row>
    <row r="396204" spans="8:8">
      <c r="H396204" s="12"/>
    </row>
    <row r="396205" spans="8:8">
      <c r="H396205" s="12"/>
    </row>
    <row r="396206" spans="8:8">
      <c r="H396206" s="12"/>
    </row>
    <row r="396207" spans="8:8">
      <c r="H396207" s="12"/>
    </row>
    <row r="396208" spans="8:8">
      <c r="H396208" s="12"/>
    </row>
    <row r="396209" spans="8:8">
      <c r="H396209" s="12"/>
    </row>
    <row r="396210" spans="8:8">
      <c r="H396210" s="12"/>
    </row>
    <row r="396211" spans="8:8">
      <c r="H396211" s="12"/>
    </row>
    <row r="396212" spans="8:8">
      <c r="H396212" s="12"/>
    </row>
    <row r="396213" spans="8:8">
      <c r="H396213" s="12"/>
    </row>
    <row r="396214" spans="8:8">
      <c r="H396214" s="12"/>
    </row>
    <row r="396215" spans="8:8">
      <c r="H396215" s="12"/>
    </row>
    <row r="396216" spans="8:8">
      <c r="H396216" s="12"/>
    </row>
    <row r="396217" spans="8:8">
      <c r="H396217" s="12"/>
    </row>
    <row r="396218" spans="8:8">
      <c r="H396218" s="12"/>
    </row>
    <row r="396219" spans="8:8">
      <c r="H396219" s="12"/>
    </row>
    <row r="396220" spans="8:8">
      <c r="H396220" s="12"/>
    </row>
    <row r="396221" spans="8:8">
      <c r="H396221" s="12"/>
    </row>
    <row r="396222" spans="8:8">
      <c r="H396222" s="12"/>
    </row>
    <row r="396223" spans="8:8">
      <c r="H396223" s="12"/>
    </row>
    <row r="396224" spans="8:8">
      <c r="H396224" s="12"/>
    </row>
    <row r="396225" spans="8:8">
      <c r="H396225" s="12"/>
    </row>
    <row r="396226" spans="8:8">
      <c r="H396226" s="12"/>
    </row>
    <row r="396227" spans="8:8">
      <c r="H396227" s="12"/>
    </row>
    <row r="396228" spans="8:8">
      <c r="H396228" s="12"/>
    </row>
    <row r="396229" spans="8:8">
      <c r="H396229" s="12"/>
    </row>
    <row r="396230" spans="8:8">
      <c r="H396230" s="12"/>
    </row>
    <row r="396231" spans="8:8">
      <c r="H396231" s="12"/>
    </row>
    <row r="396232" spans="8:8">
      <c r="H396232" s="12"/>
    </row>
    <row r="396233" spans="8:8">
      <c r="H396233" s="12"/>
    </row>
    <row r="396234" spans="8:8">
      <c r="H396234" s="12"/>
    </row>
    <row r="396235" spans="8:8">
      <c r="H396235" s="12"/>
    </row>
    <row r="396236" spans="8:8">
      <c r="H396236" s="12"/>
    </row>
    <row r="396237" spans="8:8">
      <c r="H396237" s="12"/>
    </row>
    <row r="396238" spans="8:8">
      <c r="H396238" s="12"/>
    </row>
    <row r="396239" spans="8:8">
      <c r="H396239" s="12"/>
    </row>
    <row r="396240" spans="8:8">
      <c r="H396240" s="12"/>
    </row>
    <row r="396241" spans="8:8">
      <c r="H396241" s="12"/>
    </row>
    <row r="396242" spans="8:8">
      <c r="H396242" s="12"/>
    </row>
    <row r="396243" spans="8:8">
      <c r="H396243" s="12"/>
    </row>
    <row r="396244" spans="8:8">
      <c r="H396244" s="12"/>
    </row>
    <row r="396245" spans="8:8">
      <c r="H396245" s="12"/>
    </row>
    <row r="396246" spans="8:8">
      <c r="H396246" s="12"/>
    </row>
    <row r="396247" spans="8:8">
      <c r="H396247" s="12"/>
    </row>
    <row r="396248" spans="8:8">
      <c r="H396248" s="12"/>
    </row>
    <row r="396249" spans="8:8">
      <c r="H396249" s="12"/>
    </row>
    <row r="396250" spans="8:8">
      <c r="H396250" s="12"/>
    </row>
    <row r="396251" spans="8:8">
      <c r="H396251" s="12"/>
    </row>
    <row r="396252" spans="8:8">
      <c r="H396252" s="12"/>
    </row>
    <row r="396253" spans="8:8">
      <c r="H396253" s="12"/>
    </row>
    <row r="396254" spans="8:8">
      <c r="H396254" s="12"/>
    </row>
    <row r="396255" spans="8:8">
      <c r="H396255" s="12"/>
    </row>
    <row r="396256" spans="8:8">
      <c r="H396256" s="12"/>
    </row>
    <row r="396257" spans="8:8">
      <c r="H396257" s="12"/>
    </row>
    <row r="396258" spans="8:8">
      <c r="H396258" s="12"/>
    </row>
    <row r="396259" spans="8:8">
      <c r="H396259" s="12"/>
    </row>
    <row r="396260" spans="8:8">
      <c r="H396260" s="12"/>
    </row>
    <row r="396261" spans="8:8">
      <c r="H396261" s="12"/>
    </row>
    <row r="396262" spans="8:8">
      <c r="H396262" s="12"/>
    </row>
    <row r="396263" spans="8:8">
      <c r="H396263" s="12"/>
    </row>
    <row r="396264" spans="8:8">
      <c r="H396264" s="12"/>
    </row>
    <row r="396265" spans="8:8">
      <c r="H396265" s="12"/>
    </row>
    <row r="396266" spans="8:8">
      <c r="H396266" s="12"/>
    </row>
    <row r="396267" spans="8:8">
      <c r="H396267" s="12"/>
    </row>
    <row r="396268" spans="8:8">
      <c r="H396268" s="12"/>
    </row>
    <row r="396269" spans="8:8">
      <c r="H396269" s="12"/>
    </row>
    <row r="396270" spans="8:8">
      <c r="H396270" s="12"/>
    </row>
    <row r="396271" spans="8:8">
      <c r="H396271" s="12"/>
    </row>
    <row r="396272" spans="8:8">
      <c r="H396272" s="12"/>
    </row>
    <row r="396273" spans="8:8">
      <c r="H396273" s="12"/>
    </row>
    <row r="396274" spans="8:8">
      <c r="H396274" s="12"/>
    </row>
    <row r="396275" spans="8:8">
      <c r="H396275" s="12"/>
    </row>
    <row r="396276" spans="8:8">
      <c r="H396276" s="12"/>
    </row>
    <row r="396277" spans="8:8">
      <c r="H396277" s="12"/>
    </row>
    <row r="396278" spans="8:8">
      <c r="H396278" s="12"/>
    </row>
    <row r="396279" spans="8:8">
      <c r="H396279" s="12"/>
    </row>
    <row r="396280" spans="8:8">
      <c r="H396280" s="12"/>
    </row>
    <row r="396281" spans="8:8">
      <c r="H396281" s="12"/>
    </row>
    <row r="396282" spans="8:8">
      <c r="H396282" s="12"/>
    </row>
    <row r="396283" spans="8:8">
      <c r="H396283" s="12"/>
    </row>
    <row r="396284" spans="8:8">
      <c r="H396284" s="12"/>
    </row>
    <row r="396285" spans="8:8">
      <c r="H396285" s="12"/>
    </row>
    <row r="396286" spans="8:8">
      <c r="H396286" s="12"/>
    </row>
    <row r="396287" spans="8:8">
      <c r="H396287" s="12"/>
    </row>
    <row r="396288" spans="8:8">
      <c r="H396288" s="12"/>
    </row>
    <row r="396289" spans="8:8">
      <c r="H396289" s="12"/>
    </row>
    <row r="396290" spans="8:8">
      <c r="H396290" s="12"/>
    </row>
    <row r="396291" spans="8:8">
      <c r="H396291" s="12"/>
    </row>
    <row r="396292" spans="8:8">
      <c r="H396292" s="12"/>
    </row>
    <row r="396293" spans="8:8">
      <c r="H396293" s="12"/>
    </row>
    <row r="396294" spans="8:8">
      <c r="H396294" s="12"/>
    </row>
    <row r="396295" spans="8:8">
      <c r="H396295" s="12"/>
    </row>
    <row r="396296" spans="8:8">
      <c r="H396296" s="12"/>
    </row>
    <row r="396297" spans="8:8">
      <c r="H396297" s="12"/>
    </row>
    <row r="396298" spans="8:8">
      <c r="H396298" s="12"/>
    </row>
    <row r="396299" spans="8:8">
      <c r="H396299" s="12"/>
    </row>
    <row r="396300" spans="8:8">
      <c r="H396300" s="12"/>
    </row>
    <row r="396301" spans="8:8">
      <c r="H396301" s="12"/>
    </row>
    <row r="396302" spans="8:8">
      <c r="H396302" s="12"/>
    </row>
    <row r="396303" spans="8:8">
      <c r="H396303" s="12"/>
    </row>
    <row r="396304" spans="8:8">
      <c r="H396304" s="12"/>
    </row>
    <row r="396305" spans="8:8">
      <c r="H396305" s="12"/>
    </row>
    <row r="396306" spans="8:8">
      <c r="H396306" s="12"/>
    </row>
    <row r="396307" spans="8:8">
      <c r="H396307" s="12"/>
    </row>
    <row r="396308" spans="8:8">
      <c r="H396308" s="12"/>
    </row>
    <row r="396309" spans="8:8">
      <c r="H396309" s="12"/>
    </row>
    <row r="396310" spans="8:8">
      <c r="H396310" s="12"/>
    </row>
    <row r="396311" spans="8:8">
      <c r="H396311" s="12"/>
    </row>
    <row r="396312" spans="8:8">
      <c r="H396312" s="12"/>
    </row>
    <row r="396313" spans="8:8">
      <c r="H396313" s="12"/>
    </row>
    <row r="396314" spans="8:8">
      <c r="H396314" s="12"/>
    </row>
    <row r="396315" spans="8:8">
      <c r="H396315" s="12"/>
    </row>
    <row r="396316" spans="8:8">
      <c r="H396316" s="12"/>
    </row>
    <row r="396317" spans="8:8">
      <c r="H396317" s="12"/>
    </row>
    <row r="396318" spans="8:8">
      <c r="H396318" s="12"/>
    </row>
    <row r="396319" spans="8:8">
      <c r="H396319" s="12"/>
    </row>
    <row r="396320" spans="8:8">
      <c r="H396320" s="12"/>
    </row>
    <row r="396321" spans="8:8">
      <c r="H396321" s="12"/>
    </row>
    <row r="396322" spans="8:8">
      <c r="H396322" s="12"/>
    </row>
    <row r="396323" spans="8:8">
      <c r="H396323" s="12"/>
    </row>
    <row r="396324" spans="8:8">
      <c r="H396324" s="12"/>
    </row>
    <row r="396325" spans="8:8">
      <c r="H396325" s="12"/>
    </row>
    <row r="396326" spans="8:8">
      <c r="H396326" s="12"/>
    </row>
    <row r="396327" spans="8:8">
      <c r="H396327" s="12"/>
    </row>
    <row r="396328" spans="8:8">
      <c r="H396328" s="12"/>
    </row>
    <row r="396329" spans="8:8">
      <c r="H396329" s="12"/>
    </row>
    <row r="396330" spans="8:8">
      <c r="H396330" s="12"/>
    </row>
    <row r="396331" spans="8:8">
      <c r="H396331" s="12"/>
    </row>
    <row r="396332" spans="8:8">
      <c r="H396332" s="12"/>
    </row>
    <row r="396333" spans="8:8">
      <c r="H396333" s="12"/>
    </row>
    <row r="396334" spans="8:8">
      <c r="H396334" s="12"/>
    </row>
    <row r="396335" spans="8:8">
      <c r="H396335" s="12"/>
    </row>
    <row r="396336" spans="8:8">
      <c r="H396336" s="12"/>
    </row>
    <row r="396337" spans="8:8">
      <c r="H396337" s="12"/>
    </row>
    <row r="396338" spans="8:8">
      <c r="H396338" s="12"/>
    </row>
    <row r="396339" spans="8:8">
      <c r="H396339" s="12"/>
    </row>
    <row r="396340" spans="8:8">
      <c r="H396340" s="12"/>
    </row>
    <row r="396341" spans="8:8">
      <c r="H396341" s="12"/>
    </row>
    <row r="396342" spans="8:8">
      <c r="H396342" s="12"/>
    </row>
    <row r="396343" spans="8:8">
      <c r="H396343" s="12"/>
    </row>
    <row r="396344" spans="8:8">
      <c r="H396344" s="12"/>
    </row>
    <row r="396345" spans="8:8">
      <c r="H396345" s="12"/>
    </row>
    <row r="396346" spans="8:8">
      <c r="H396346" s="12"/>
    </row>
    <row r="396347" spans="8:8">
      <c r="H396347" s="12"/>
    </row>
    <row r="396348" spans="8:8">
      <c r="H396348" s="12"/>
    </row>
    <row r="396349" spans="8:8">
      <c r="H396349" s="12"/>
    </row>
    <row r="396350" spans="8:8">
      <c r="H396350" s="12"/>
    </row>
    <row r="396351" spans="8:8">
      <c r="H396351" s="12"/>
    </row>
    <row r="396352" spans="8:8">
      <c r="H396352" s="12"/>
    </row>
    <row r="396353" spans="8:8">
      <c r="H396353" s="12"/>
    </row>
    <row r="396354" spans="8:8">
      <c r="H396354" s="12"/>
    </row>
    <row r="396355" spans="8:8">
      <c r="H396355" s="12"/>
    </row>
    <row r="396356" spans="8:8">
      <c r="H396356" s="12"/>
    </row>
    <row r="396357" spans="8:8">
      <c r="H396357" s="12"/>
    </row>
    <row r="396358" spans="8:8">
      <c r="H396358" s="12"/>
    </row>
    <row r="396359" spans="8:8">
      <c r="H396359" s="12"/>
    </row>
    <row r="396360" spans="8:8">
      <c r="H396360" s="12"/>
    </row>
    <row r="396361" spans="8:8">
      <c r="H396361" s="12"/>
    </row>
    <row r="396362" spans="8:8">
      <c r="H396362" s="12"/>
    </row>
    <row r="396363" spans="8:8">
      <c r="H396363" s="12"/>
    </row>
    <row r="396364" spans="8:8">
      <c r="H396364" s="12"/>
    </row>
    <row r="396365" spans="8:8">
      <c r="H396365" s="12"/>
    </row>
    <row r="396366" spans="8:8">
      <c r="H396366" s="12"/>
    </row>
    <row r="396367" spans="8:8">
      <c r="H396367" s="12"/>
    </row>
    <row r="396368" spans="8:8">
      <c r="H396368" s="12"/>
    </row>
    <row r="396369" spans="8:8">
      <c r="H396369" s="12"/>
    </row>
    <row r="396370" spans="8:8">
      <c r="H396370" s="12"/>
    </row>
    <row r="396371" spans="8:8">
      <c r="H396371" s="12"/>
    </row>
    <row r="396372" spans="8:8">
      <c r="H396372" s="12"/>
    </row>
    <row r="396373" spans="8:8">
      <c r="H396373" s="12"/>
    </row>
    <row r="396374" spans="8:8">
      <c r="H396374" s="12"/>
    </row>
    <row r="396375" spans="8:8">
      <c r="H396375" s="12"/>
    </row>
    <row r="396376" spans="8:8">
      <c r="H396376" s="12"/>
    </row>
    <row r="396377" spans="8:8">
      <c r="H396377" s="12"/>
    </row>
    <row r="396378" spans="8:8">
      <c r="H396378" s="12"/>
    </row>
    <row r="396379" spans="8:8">
      <c r="H396379" s="12"/>
    </row>
    <row r="396380" spans="8:8">
      <c r="H396380" s="12"/>
    </row>
    <row r="396381" spans="8:8">
      <c r="H396381" s="12"/>
    </row>
    <row r="396382" spans="8:8">
      <c r="H396382" s="12"/>
    </row>
    <row r="396383" spans="8:8">
      <c r="H396383" s="12"/>
    </row>
    <row r="396384" spans="8:8">
      <c r="H396384" s="12"/>
    </row>
    <row r="396385" spans="8:8">
      <c r="H396385" s="12"/>
    </row>
    <row r="396386" spans="8:8">
      <c r="H396386" s="12"/>
    </row>
    <row r="396387" spans="8:8">
      <c r="H396387" s="12"/>
    </row>
    <row r="396388" spans="8:8">
      <c r="H396388" s="12"/>
    </row>
    <row r="396389" spans="8:8">
      <c r="H396389" s="12"/>
    </row>
    <row r="396390" spans="8:8">
      <c r="H396390" s="12"/>
    </row>
    <row r="396391" spans="8:8">
      <c r="H396391" s="12"/>
    </row>
    <row r="396392" spans="8:8">
      <c r="H396392" s="12"/>
    </row>
    <row r="396393" spans="8:8">
      <c r="H396393" s="12"/>
    </row>
    <row r="396394" spans="8:8">
      <c r="H396394" s="12"/>
    </row>
    <row r="396395" spans="8:8">
      <c r="H396395" s="12"/>
    </row>
    <row r="396396" spans="8:8">
      <c r="H396396" s="12"/>
    </row>
    <row r="396397" spans="8:8">
      <c r="H396397" s="12"/>
    </row>
    <row r="396398" spans="8:8">
      <c r="H396398" s="12"/>
    </row>
    <row r="396399" spans="8:8">
      <c r="H396399" s="12"/>
    </row>
    <row r="396400" spans="8:8">
      <c r="H396400" s="12"/>
    </row>
    <row r="396401" spans="8:8">
      <c r="H396401" s="12"/>
    </row>
    <row r="396402" spans="8:8">
      <c r="H396402" s="12"/>
    </row>
    <row r="396403" spans="8:8">
      <c r="H396403" s="12"/>
    </row>
    <row r="396404" spans="8:8">
      <c r="H396404" s="12"/>
    </row>
    <row r="396405" spans="8:8">
      <c r="H396405" s="12"/>
    </row>
    <row r="396406" spans="8:8">
      <c r="H396406" s="12"/>
    </row>
    <row r="396407" spans="8:8">
      <c r="H396407" s="12"/>
    </row>
    <row r="396408" spans="8:8">
      <c r="H396408" s="12"/>
    </row>
    <row r="396409" spans="8:8">
      <c r="H396409" s="12"/>
    </row>
    <row r="396410" spans="8:8">
      <c r="H396410" s="12"/>
    </row>
    <row r="396411" spans="8:8">
      <c r="H396411" s="12"/>
    </row>
    <row r="396412" spans="8:8">
      <c r="H396412" s="12"/>
    </row>
    <row r="396413" spans="8:8">
      <c r="H396413" s="12"/>
    </row>
    <row r="396414" spans="8:8">
      <c r="H396414" s="12"/>
    </row>
    <row r="396415" spans="8:8">
      <c r="H396415" s="12"/>
    </row>
    <row r="396416" spans="8:8">
      <c r="H396416" s="12"/>
    </row>
    <row r="396417" spans="8:8">
      <c r="H396417" s="12"/>
    </row>
    <row r="396418" spans="8:8">
      <c r="H396418" s="12"/>
    </row>
    <row r="396419" spans="8:8">
      <c r="H396419" s="12"/>
    </row>
    <row r="396420" spans="8:8">
      <c r="H396420" s="12"/>
    </row>
    <row r="396421" spans="8:8">
      <c r="H396421" s="12"/>
    </row>
    <row r="396422" spans="8:8">
      <c r="H396422" s="12"/>
    </row>
    <row r="396423" spans="8:8">
      <c r="H396423" s="12"/>
    </row>
    <row r="396424" spans="8:8">
      <c r="H396424" s="12"/>
    </row>
    <row r="396425" spans="8:8">
      <c r="H396425" s="12"/>
    </row>
    <row r="396426" spans="8:8">
      <c r="H396426" s="12"/>
    </row>
    <row r="396427" spans="8:8">
      <c r="H396427" s="12"/>
    </row>
    <row r="396428" spans="8:8">
      <c r="H396428" s="12"/>
    </row>
    <row r="396429" spans="8:8">
      <c r="H396429" s="12"/>
    </row>
    <row r="396430" spans="8:8">
      <c r="H396430" s="12"/>
    </row>
    <row r="396431" spans="8:8">
      <c r="H396431" s="12"/>
    </row>
    <row r="396432" spans="8:8">
      <c r="H396432" s="12"/>
    </row>
    <row r="396433" spans="8:8">
      <c r="H396433" s="12"/>
    </row>
    <row r="396434" spans="8:8">
      <c r="H396434" s="12"/>
    </row>
    <row r="396435" spans="8:8">
      <c r="H396435" s="12"/>
    </row>
    <row r="396436" spans="8:8">
      <c r="H396436" s="12"/>
    </row>
    <row r="396437" spans="8:8">
      <c r="H396437" s="12"/>
    </row>
    <row r="396438" spans="8:8">
      <c r="H396438" s="12"/>
    </row>
    <row r="396439" spans="8:8">
      <c r="H396439" s="12"/>
    </row>
    <row r="396440" spans="8:8">
      <c r="H396440" s="12"/>
    </row>
    <row r="396441" spans="8:8">
      <c r="H396441" s="12"/>
    </row>
    <row r="396442" spans="8:8">
      <c r="H396442" s="12"/>
    </row>
    <row r="396443" spans="8:8">
      <c r="H396443" s="12"/>
    </row>
    <row r="396444" spans="8:8">
      <c r="H396444" s="12"/>
    </row>
    <row r="396445" spans="8:8">
      <c r="H396445" s="12"/>
    </row>
    <row r="396446" spans="8:8">
      <c r="H396446" s="12"/>
    </row>
    <row r="396447" spans="8:8">
      <c r="H396447" s="12"/>
    </row>
    <row r="396448" spans="8:8">
      <c r="H396448" s="12"/>
    </row>
    <row r="396449" spans="8:8">
      <c r="H396449" s="12"/>
    </row>
    <row r="396450" spans="8:8">
      <c r="H396450" s="12"/>
    </row>
    <row r="396451" spans="8:8">
      <c r="H396451" s="12"/>
    </row>
    <row r="396452" spans="8:8">
      <c r="H396452" s="12"/>
    </row>
    <row r="396453" spans="8:8">
      <c r="H396453" s="12"/>
    </row>
    <row r="396454" spans="8:8">
      <c r="H396454" s="12"/>
    </row>
    <row r="396455" spans="8:8">
      <c r="H396455" s="12"/>
    </row>
    <row r="396456" spans="8:8">
      <c r="H396456" s="12"/>
    </row>
    <row r="396457" spans="8:8">
      <c r="H396457" s="12"/>
    </row>
    <row r="396458" spans="8:8">
      <c r="H396458" s="12"/>
    </row>
    <row r="396459" spans="8:8">
      <c r="H396459" s="12"/>
    </row>
    <row r="396460" spans="8:8">
      <c r="H396460" s="12"/>
    </row>
    <row r="396461" spans="8:8">
      <c r="H396461" s="12"/>
    </row>
    <row r="396462" spans="8:8">
      <c r="H396462" s="12"/>
    </row>
    <row r="396463" spans="8:8">
      <c r="H396463" s="12"/>
    </row>
    <row r="396464" spans="8:8">
      <c r="H396464" s="12"/>
    </row>
    <row r="396465" spans="8:8">
      <c r="H396465" s="12"/>
    </row>
    <row r="396466" spans="8:8">
      <c r="H396466" s="12"/>
    </row>
    <row r="396467" spans="8:8">
      <c r="H396467" s="12"/>
    </row>
    <row r="396468" spans="8:8">
      <c r="H396468" s="12"/>
    </row>
    <row r="396469" spans="8:8">
      <c r="H396469" s="12"/>
    </row>
    <row r="396470" spans="8:8">
      <c r="H396470" s="12"/>
    </row>
    <row r="396471" spans="8:8">
      <c r="H396471" s="12"/>
    </row>
    <row r="396472" spans="8:8">
      <c r="H396472" s="12"/>
    </row>
    <row r="396473" spans="8:8">
      <c r="H396473" s="12"/>
    </row>
    <row r="396474" spans="8:8">
      <c r="H396474" s="12"/>
    </row>
    <row r="396475" spans="8:8">
      <c r="H396475" s="12"/>
    </row>
    <row r="396476" spans="8:8">
      <c r="H396476" s="12"/>
    </row>
    <row r="396477" spans="8:8">
      <c r="H396477" s="12"/>
    </row>
    <row r="396478" spans="8:8">
      <c r="H396478" s="12"/>
    </row>
    <row r="396479" spans="8:8">
      <c r="H396479" s="12"/>
    </row>
    <row r="396480" spans="8:8">
      <c r="H396480" s="12"/>
    </row>
    <row r="396481" spans="8:8">
      <c r="H396481" s="12"/>
    </row>
    <row r="396482" spans="8:8">
      <c r="H396482" s="12"/>
    </row>
    <row r="396483" spans="8:8">
      <c r="H396483" s="12"/>
    </row>
    <row r="396484" spans="8:8">
      <c r="H396484" s="12"/>
    </row>
    <row r="396485" spans="8:8">
      <c r="H396485" s="12"/>
    </row>
    <row r="396486" spans="8:8">
      <c r="H396486" s="12"/>
    </row>
    <row r="396487" spans="8:8">
      <c r="H396487" s="12"/>
    </row>
    <row r="396488" spans="8:8">
      <c r="H396488" s="12"/>
    </row>
    <row r="396489" spans="8:8">
      <c r="H396489" s="12"/>
    </row>
    <row r="396490" spans="8:8">
      <c r="H396490" s="12"/>
    </row>
    <row r="396491" spans="8:8">
      <c r="H396491" s="12"/>
    </row>
    <row r="396492" spans="8:8">
      <c r="H396492" s="12"/>
    </row>
    <row r="396493" spans="8:8">
      <c r="H396493" s="12"/>
    </row>
    <row r="396494" spans="8:8">
      <c r="H396494" s="12"/>
    </row>
    <row r="396495" spans="8:8">
      <c r="H396495" s="12"/>
    </row>
    <row r="396496" spans="8:8">
      <c r="H396496" s="12"/>
    </row>
    <row r="396497" spans="8:8">
      <c r="H396497" s="12"/>
    </row>
    <row r="396498" spans="8:8">
      <c r="H396498" s="12"/>
    </row>
    <row r="396499" spans="8:8">
      <c r="H396499" s="12"/>
    </row>
    <row r="396500" spans="8:8">
      <c r="H396500" s="12"/>
    </row>
    <row r="396501" spans="8:8">
      <c r="H396501" s="12"/>
    </row>
    <row r="396502" spans="8:8">
      <c r="H396502" s="12"/>
    </row>
    <row r="396503" spans="8:8">
      <c r="H396503" s="12"/>
    </row>
    <row r="396504" spans="8:8">
      <c r="H396504" s="12"/>
    </row>
    <row r="396505" spans="8:8">
      <c r="H396505" s="12"/>
    </row>
    <row r="396506" spans="8:8">
      <c r="H396506" s="12"/>
    </row>
    <row r="396507" spans="8:8">
      <c r="H396507" s="12"/>
    </row>
    <row r="396508" spans="8:8">
      <c r="H396508" s="12"/>
    </row>
    <row r="396509" spans="8:8">
      <c r="H396509" s="12"/>
    </row>
    <row r="396510" spans="8:8">
      <c r="H396510" s="12"/>
    </row>
    <row r="396511" spans="8:8">
      <c r="H396511" s="12"/>
    </row>
    <row r="396512" spans="8:8">
      <c r="H396512" s="12"/>
    </row>
    <row r="396513" spans="8:8">
      <c r="H396513" s="12"/>
    </row>
    <row r="396514" spans="8:8">
      <c r="H396514" s="12"/>
    </row>
    <row r="396515" spans="8:8">
      <c r="H396515" s="12"/>
    </row>
    <row r="396516" spans="8:8">
      <c r="H396516" s="12"/>
    </row>
    <row r="396517" spans="8:8">
      <c r="H396517" s="12"/>
    </row>
    <row r="396518" spans="8:8">
      <c r="H396518" s="12"/>
    </row>
    <row r="396519" spans="8:8">
      <c r="H396519" s="12"/>
    </row>
    <row r="396520" spans="8:8">
      <c r="H396520" s="12"/>
    </row>
    <row r="396521" spans="8:8">
      <c r="H396521" s="12"/>
    </row>
    <row r="396522" spans="8:8">
      <c r="H396522" s="12"/>
    </row>
    <row r="396523" spans="8:8">
      <c r="H396523" s="12"/>
    </row>
    <row r="396524" spans="8:8">
      <c r="H396524" s="12"/>
    </row>
    <row r="396525" spans="8:8">
      <c r="H396525" s="12"/>
    </row>
    <row r="396526" spans="8:8">
      <c r="H396526" s="12"/>
    </row>
    <row r="396527" spans="8:8">
      <c r="H396527" s="12"/>
    </row>
    <row r="396528" spans="8:8">
      <c r="H396528" s="12"/>
    </row>
    <row r="396529" spans="8:8">
      <c r="H396529" s="12"/>
    </row>
    <row r="396530" spans="8:8">
      <c r="H396530" s="12"/>
    </row>
    <row r="396531" spans="8:8">
      <c r="H396531" s="12"/>
    </row>
    <row r="396532" spans="8:8">
      <c r="H396532" s="12"/>
    </row>
    <row r="396533" spans="8:8">
      <c r="H396533" s="12"/>
    </row>
    <row r="396534" spans="8:8">
      <c r="H396534" s="12"/>
    </row>
    <row r="396535" spans="8:8">
      <c r="H396535" s="12"/>
    </row>
    <row r="396536" spans="8:8">
      <c r="H396536" s="12"/>
    </row>
    <row r="396537" spans="8:8">
      <c r="H396537" s="12"/>
    </row>
    <row r="396538" spans="8:8">
      <c r="H396538" s="12"/>
    </row>
    <row r="396539" spans="8:8">
      <c r="H396539" s="12"/>
    </row>
    <row r="396540" spans="8:8">
      <c r="H396540" s="12"/>
    </row>
    <row r="396541" spans="8:8">
      <c r="H396541" s="12"/>
    </row>
    <row r="396542" spans="8:8">
      <c r="H396542" s="12"/>
    </row>
    <row r="396543" spans="8:8">
      <c r="H396543" s="12"/>
    </row>
    <row r="396544" spans="8:8">
      <c r="H396544" s="12"/>
    </row>
    <row r="396545" spans="8:8">
      <c r="H396545" s="12"/>
    </row>
    <row r="396546" spans="8:8">
      <c r="H396546" s="12"/>
    </row>
    <row r="396547" spans="8:8">
      <c r="H396547" s="12"/>
    </row>
    <row r="396548" spans="8:8">
      <c r="H396548" s="12"/>
    </row>
    <row r="396549" spans="8:8">
      <c r="H396549" s="12"/>
    </row>
    <row r="396550" spans="8:8">
      <c r="H396550" s="12"/>
    </row>
    <row r="396551" spans="8:8">
      <c r="H396551" s="12"/>
    </row>
    <row r="396552" spans="8:8">
      <c r="H396552" s="12"/>
    </row>
    <row r="396553" spans="8:8">
      <c r="H396553" s="12"/>
    </row>
    <row r="396554" spans="8:8">
      <c r="H396554" s="12"/>
    </row>
    <row r="396555" spans="8:8">
      <c r="H396555" s="12"/>
    </row>
    <row r="396556" spans="8:8">
      <c r="H396556" s="12"/>
    </row>
    <row r="396557" spans="8:8">
      <c r="H396557" s="12"/>
    </row>
    <row r="396558" spans="8:8">
      <c r="H396558" s="12"/>
    </row>
    <row r="396559" spans="8:8">
      <c r="H396559" s="12"/>
    </row>
    <row r="396560" spans="8:8">
      <c r="H396560" s="12"/>
    </row>
    <row r="396561" spans="8:8">
      <c r="H396561" s="12"/>
    </row>
    <row r="396562" spans="8:8">
      <c r="H396562" s="12"/>
    </row>
    <row r="396563" spans="8:8">
      <c r="H396563" s="12"/>
    </row>
    <row r="396564" spans="8:8">
      <c r="H396564" s="12"/>
    </row>
    <row r="396565" spans="8:8">
      <c r="H396565" s="12"/>
    </row>
    <row r="396566" spans="8:8">
      <c r="H396566" s="12"/>
    </row>
    <row r="396567" spans="8:8">
      <c r="H396567" s="12"/>
    </row>
    <row r="396568" spans="8:8">
      <c r="H396568" s="12"/>
    </row>
    <row r="396569" spans="8:8">
      <c r="H396569" s="12"/>
    </row>
    <row r="396570" spans="8:8">
      <c r="H396570" s="12"/>
    </row>
    <row r="396571" spans="8:8">
      <c r="H396571" s="12"/>
    </row>
    <row r="396572" spans="8:8">
      <c r="H396572" s="12"/>
    </row>
    <row r="396573" spans="8:8">
      <c r="H396573" s="12"/>
    </row>
    <row r="396574" spans="8:8">
      <c r="H396574" s="12"/>
    </row>
    <row r="396575" spans="8:8">
      <c r="H396575" s="12"/>
    </row>
    <row r="396576" spans="8:8">
      <c r="H396576" s="12"/>
    </row>
    <row r="396577" spans="8:8">
      <c r="H396577" s="12"/>
    </row>
    <row r="396578" spans="8:8">
      <c r="H396578" s="12"/>
    </row>
    <row r="396579" spans="8:8">
      <c r="H396579" s="12"/>
    </row>
    <row r="396580" spans="8:8">
      <c r="H396580" s="12"/>
    </row>
    <row r="396581" spans="8:8">
      <c r="H396581" s="12"/>
    </row>
    <row r="396582" spans="8:8">
      <c r="H396582" s="12"/>
    </row>
    <row r="396583" spans="8:8">
      <c r="H396583" s="12"/>
    </row>
    <row r="396584" spans="8:8">
      <c r="H396584" s="12"/>
    </row>
    <row r="396585" spans="8:8">
      <c r="H396585" s="12"/>
    </row>
    <row r="396586" spans="8:8">
      <c r="H396586" s="12"/>
    </row>
    <row r="396587" spans="8:8">
      <c r="H396587" s="12"/>
    </row>
    <row r="396588" spans="8:8">
      <c r="H396588" s="12"/>
    </row>
    <row r="396589" spans="8:8">
      <c r="H396589" s="12"/>
    </row>
    <row r="396590" spans="8:8">
      <c r="H396590" s="12"/>
    </row>
    <row r="396591" spans="8:8">
      <c r="H396591" s="12"/>
    </row>
    <row r="396592" spans="8:8">
      <c r="H396592" s="12"/>
    </row>
    <row r="396593" spans="8:8">
      <c r="H396593" s="12"/>
    </row>
    <row r="396594" spans="8:8">
      <c r="H396594" s="12"/>
    </row>
    <row r="396595" spans="8:8">
      <c r="H396595" s="12"/>
    </row>
    <row r="396596" spans="8:8">
      <c r="H396596" s="12"/>
    </row>
    <row r="396597" spans="8:8">
      <c r="H396597" s="12"/>
    </row>
    <row r="396598" spans="8:8">
      <c r="H396598" s="12"/>
    </row>
    <row r="396599" spans="8:8">
      <c r="H396599" s="12"/>
    </row>
    <row r="396600" spans="8:8">
      <c r="H396600" s="12"/>
    </row>
    <row r="396601" spans="8:8">
      <c r="H396601" s="12"/>
    </row>
    <row r="396602" spans="8:8">
      <c r="H396602" s="12"/>
    </row>
    <row r="396603" spans="8:8">
      <c r="H396603" s="12"/>
    </row>
    <row r="396604" spans="8:8">
      <c r="H396604" s="12"/>
    </row>
    <row r="396605" spans="8:8">
      <c r="H396605" s="12"/>
    </row>
    <row r="396606" spans="8:8">
      <c r="H396606" s="12"/>
    </row>
    <row r="396607" spans="8:8">
      <c r="H396607" s="12"/>
    </row>
    <row r="396608" spans="8:8">
      <c r="H396608" s="12"/>
    </row>
    <row r="396609" spans="8:8">
      <c r="H396609" s="12"/>
    </row>
    <row r="396610" spans="8:8">
      <c r="H396610" s="12"/>
    </row>
    <row r="396611" spans="8:8">
      <c r="H396611" s="12"/>
    </row>
    <row r="396612" spans="8:8">
      <c r="H396612" s="12"/>
    </row>
    <row r="396613" spans="8:8">
      <c r="H396613" s="12"/>
    </row>
    <row r="396614" spans="8:8">
      <c r="H396614" s="12"/>
    </row>
    <row r="396615" spans="8:8">
      <c r="H396615" s="12"/>
    </row>
    <row r="396616" spans="8:8">
      <c r="H396616" s="12"/>
    </row>
    <row r="396617" spans="8:8">
      <c r="H396617" s="12"/>
    </row>
    <row r="396618" spans="8:8">
      <c r="H396618" s="12"/>
    </row>
    <row r="396619" spans="8:8">
      <c r="H396619" s="12"/>
    </row>
    <row r="396620" spans="8:8">
      <c r="H396620" s="12"/>
    </row>
    <row r="396621" spans="8:8">
      <c r="H396621" s="12"/>
    </row>
    <row r="396622" spans="8:8">
      <c r="H396622" s="12"/>
    </row>
    <row r="396623" spans="8:8">
      <c r="H396623" s="12"/>
    </row>
    <row r="396624" spans="8:8">
      <c r="H396624" s="12"/>
    </row>
    <row r="396625" spans="8:8">
      <c r="H396625" s="12"/>
    </row>
    <row r="396626" spans="8:8">
      <c r="H396626" s="12"/>
    </row>
    <row r="396627" spans="8:8">
      <c r="H396627" s="12"/>
    </row>
    <row r="396628" spans="8:8">
      <c r="H396628" s="12"/>
    </row>
    <row r="396629" spans="8:8">
      <c r="H396629" s="12"/>
    </row>
    <row r="396630" spans="8:8">
      <c r="H396630" s="12"/>
    </row>
    <row r="396631" spans="8:8">
      <c r="H396631" s="12"/>
    </row>
    <row r="396632" spans="8:8">
      <c r="H396632" s="12"/>
    </row>
    <row r="396633" spans="8:8">
      <c r="H396633" s="12"/>
    </row>
    <row r="396634" spans="8:8">
      <c r="H396634" s="12"/>
    </row>
    <row r="396635" spans="8:8">
      <c r="H396635" s="12"/>
    </row>
    <row r="396636" spans="8:8">
      <c r="H396636" s="12"/>
    </row>
    <row r="396637" spans="8:8">
      <c r="H396637" s="12"/>
    </row>
    <row r="396638" spans="8:8">
      <c r="H396638" s="12"/>
    </row>
    <row r="396639" spans="8:8">
      <c r="H396639" s="12"/>
    </row>
    <row r="396640" spans="8:8">
      <c r="H396640" s="12"/>
    </row>
    <row r="396641" spans="8:8">
      <c r="H396641" s="12"/>
    </row>
    <row r="396642" spans="8:8">
      <c r="H396642" s="12"/>
    </row>
    <row r="396643" spans="8:8">
      <c r="H396643" s="12"/>
    </row>
    <row r="396644" spans="8:8">
      <c r="H396644" s="12"/>
    </row>
    <row r="396645" spans="8:8">
      <c r="H396645" s="12"/>
    </row>
    <row r="396646" spans="8:8">
      <c r="H396646" s="12"/>
    </row>
    <row r="396647" spans="8:8">
      <c r="H396647" s="12"/>
    </row>
    <row r="396648" spans="8:8">
      <c r="H396648" s="12"/>
    </row>
    <row r="396649" spans="8:8">
      <c r="H396649" s="12"/>
    </row>
    <row r="396650" spans="8:8">
      <c r="H396650" s="12"/>
    </row>
    <row r="396651" spans="8:8">
      <c r="H396651" s="12"/>
    </row>
    <row r="396652" spans="8:8">
      <c r="H396652" s="12"/>
    </row>
    <row r="396653" spans="8:8">
      <c r="H396653" s="12"/>
    </row>
    <row r="396654" spans="8:8">
      <c r="H396654" s="12"/>
    </row>
    <row r="396655" spans="8:8">
      <c r="H396655" s="12"/>
    </row>
    <row r="396656" spans="8:8">
      <c r="H396656" s="12"/>
    </row>
    <row r="396657" spans="8:8">
      <c r="H396657" s="12"/>
    </row>
    <row r="396658" spans="8:8">
      <c r="H396658" s="12"/>
    </row>
    <row r="396659" spans="8:8">
      <c r="H396659" s="12"/>
    </row>
    <row r="396660" spans="8:8">
      <c r="H396660" s="12"/>
    </row>
    <row r="396661" spans="8:8">
      <c r="H396661" s="12"/>
    </row>
    <row r="396662" spans="8:8">
      <c r="H396662" s="12"/>
    </row>
    <row r="396663" spans="8:8">
      <c r="H396663" s="12"/>
    </row>
    <row r="396664" spans="8:8">
      <c r="H396664" s="12"/>
    </row>
    <row r="396665" spans="8:8">
      <c r="H396665" s="12"/>
    </row>
    <row r="396666" spans="8:8">
      <c r="H396666" s="12"/>
    </row>
    <row r="396667" spans="8:8">
      <c r="H396667" s="12"/>
    </row>
    <row r="396668" spans="8:8">
      <c r="H396668" s="12"/>
    </row>
    <row r="396669" spans="8:8">
      <c r="H396669" s="12"/>
    </row>
    <row r="396670" spans="8:8">
      <c r="H396670" s="12"/>
    </row>
    <row r="396671" spans="8:8">
      <c r="H396671" s="12"/>
    </row>
    <row r="396672" spans="8:8">
      <c r="H396672" s="12"/>
    </row>
    <row r="396673" spans="8:8">
      <c r="H396673" s="12"/>
    </row>
    <row r="396674" spans="8:8">
      <c r="H396674" s="12"/>
    </row>
    <row r="396675" spans="8:8">
      <c r="H396675" s="12"/>
    </row>
    <row r="396676" spans="8:8">
      <c r="H396676" s="12"/>
    </row>
    <row r="396677" spans="8:8">
      <c r="H396677" s="12"/>
    </row>
    <row r="396678" spans="8:8">
      <c r="H396678" s="12"/>
    </row>
    <row r="396679" spans="8:8">
      <c r="H396679" s="12"/>
    </row>
    <row r="396680" spans="8:8">
      <c r="H396680" s="12"/>
    </row>
    <row r="396681" spans="8:8">
      <c r="H396681" s="12"/>
    </row>
    <row r="396682" spans="8:8">
      <c r="H396682" s="12"/>
    </row>
    <row r="396683" spans="8:8">
      <c r="H396683" s="12"/>
    </row>
    <row r="396684" spans="8:8">
      <c r="H396684" s="12"/>
    </row>
    <row r="396685" spans="8:8">
      <c r="H396685" s="12"/>
    </row>
    <row r="396686" spans="8:8">
      <c r="H396686" s="12"/>
    </row>
    <row r="396687" spans="8:8">
      <c r="H396687" s="12"/>
    </row>
    <row r="396688" spans="8:8">
      <c r="H396688" s="12"/>
    </row>
    <row r="396689" spans="8:8">
      <c r="H396689" s="12"/>
    </row>
    <row r="396690" spans="8:8">
      <c r="H396690" s="12"/>
    </row>
    <row r="396691" spans="8:8">
      <c r="H396691" s="12"/>
    </row>
    <row r="396692" spans="8:8">
      <c r="H396692" s="12"/>
    </row>
    <row r="396693" spans="8:8">
      <c r="H396693" s="12"/>
    </row>
    <row r="396694" spans="8:8">
      <c r="H396694" s="12"/>
    </row>
    <row r="396695" spans="8:8">
      <c r="H396695" s="12"/>
    </row>
    <row r="396696" spans="8:8">
      <c r="H396696" s="12"/>
    </row>
    <row r="396697" spans="8:8">
      <c r="H396697" s="12"/>
    </row>
    <row r="396698" spans="8:8">
      <c r="H396698" s="12"/>
    </row>
    <row r="396699" spans="8:8">
      <c r="H396699" s="12"/>
    </row>
    <row r="396700" spans="8:8">
      <c r="H396700" s="12"/>
    </row>
    <row r="396701" spans="8:8">
      <c r="H396701" s="12"/>
    </row>
    <row r="396702" spans="8:8">
      <c r="H396702" s="12"/>
    </row>
    <row r="396703" spans="8:8">
      <c r="H396703" s="12"/>
    </row>
    <row r="396704" spans="8:8">
      <c r="H396704" s="12"/>
    </row>
    <row r="396705" spans="8:8">
      <c r="H396705" s="12"/>
    </row>
    <row r="396706" spans="8:8">
      <c r="H396706" s="12"/>
    </row>
    <row r="396707" spans="8:8">
      <c r="H396707" s="12"/>
    </row>
    <row r="396708" spans="8:8">
      <c r="H396708" s="12"/>
    </row>
    <row r="396709" spans="8:8">
      <c r="H396709" s="12"/>
    </row>
    <row r="396710" spans="8:8">
      <c r="H396710" s="12"/>
    </row>
    <row r="396711" spans="8:8">
      <c r="H396711" s="12"/>
    </row>
    <row r="396712" spans="8:8">
      <c r="H396712" s="12"/>
    </row>
    <row r="396713" spans="8:8">
      <c r="H396713" s="12"/>
    </row>
    <row r="396714" spans="8:8">
      <c r="H396714" s="12"/>
    </row>
    <row r="396715" spans="8:8">
      <c r="H396715" s="12"/>
    </row>
    <row r="396716" spans="8:8">
      <c r="H396716" s="12"/>
    </row>
    <row r="396717" spans="8:8">
      <c r="H396717" s="12"/>
    </row>
    <row r="396718" spans="8:8">
      <c r="H396718" s="12"/>
    </row>
    <row r="396719" spans="8:8">
      <c r="H396719" s="12"/>
    </row>
    <row r="396720" spans="8:8">
      <c r="H396720" s="12"/>
    </row>
    <row r="396721" spans="8:8">
      <c r="H396721" s="12"/>
    </row>
    <row r="396722" spans="8:8">
      <c r="H396722" s="12"/>
    </row>
    <row r="396723" spans="8:8">
      <c r="H396723" s="12"/>
    </row>
    <row r="396724" spans="8:8">
      <c r="H396724" s="12"/>
    </row>
    <row r="396725" spans="8:8">
      <c r="H396725" s="12"/>
    </row>
    <row r="396726" spans="8:8">
      <c r="H396726" s="12"/>
    </row>
    <row r="396727" spans="8:8">
      <c r="H396727" s="12"/>
    </row>
    <row r="396728" spans="8:8">
      <c r="H396728" s="12"/>
    </row>
    <row r="396729" spans="8:8">
      <c r="H396729" s="12"/>
    </row>
    <row r="396730" spans="8:8">
      <c r="H396730" s="12"/>
    </row>
    <row r="396731" spans="8:8">
      <c r="H396731" s="12"/>
    </row>
    <row r="396732" spans="8:8">
      <c r="H396732" s="12"/>
    </row>
    <row r="396733" spans="8:8">
      <c r="H396733" s="12"/>
    </row>
    <row r="396734" spans="8:8">
      <c r="H396734" s="12"/>
    </row>
    <row r="396735" spans="8:8">
      <c r="H396735" s="12"/>
    </row>
    <row r="396736" spans="8:8">
      <c r="H396736" s="12"/>
    </row>
    <row r="396737" spans="8:8">
      <c r="H396737" s="12"/>
    </row>
    <row r="396738" spans="8:8">
      <c r="H396738" s="12"/>
    </row>
    <row r="396739" spans="8:8">
      <c r="H396739" s="12"/>
    </row>
    <row r="396740" spans="8:8">
      <c r="H396740" s="12"/>
    </row>
    <row r="396741" spans="8:8">
      <c r="H396741" s="12"/>
    </row>
    <row r="396742" spans="8:8">
      <c r="H396742" s="12"/>
    </row>
    <row r="396743" spans="8:8">
      <c r="H396743" s="12"/>
    </row>
    <row r="396744" spans="8:8">
      <c r="H396744" s="12"/>
    </row>
    <row r="396745" spans="8:8">
      <c r="H396745" s="12"/>
    </row>
    <row r="396746" spans="8:8">
      <c r="H396746" s="12"/>
    </row>
    <row r="396747" spans="8:8">
      <c r="H396747" s="12"/>
    </row>
    <row r="396748" spans="8:8">
      <c r="H396748" s="12"/>
    </row>
    <row r="396749" spans="8:8">
      <c r="H396749" s="12"/>
    </row>
    <row r="396750" spans="8:8">
      <c r="H396750" s="12"/>
    </row>
    <row r="396751" spans="8:8">
      <c r="H396751" s="12"/>
    </row>
    <row r="396752" spans="8:8">
      <c r="H396752" s="12"/>
    </row>
    <row r="396753" spans="8:8">
      <c r="H396753" s="12"/>
    </row>
    <row r="396754" spans="8:8">
      <c r="H396754" s="12"/>
    </row>
    <row r="396755" spans="8:8">
      <c r="H396755" s="12"/>
    </row>
    <row r="396756" spans="8:8">
      <c r="H396756" s="12"/>
    </row>
    <row r="396757" spans="8:8">
      <c r="H396757" s="12"/>
    </row>
    <row r="396758" spans="8:8">
      <c r="H396758" s="12"/>
    </row>
    <row r="396759" spans="8:8">
      <c r="H396759" s="12"/>
    </row>
    <row r="396760" spans="8:8">
      <c r="H396760" s="12"/>
    </row>
    <row r="396761" spans="8:8">
      <c r="H396761" s="12"/>
    </row>
    <row r="396762" spans="8:8">
      <c r="H396762" s="12"/>
    </row>
    <row r="396763" spans="8:8">
      <c r="H396763" s="12"/>
    </row>
    <row r="396764" spans="8:8">
      <c r="H396764" s="12"/>
    </row>
    <row r="396765" spans="8:8">
      <c r="H396765" s="12"/>
    </row>
    <row r="396766" spans="8:8">
      <c r="H396766" s="12"/>
    </row>
    <row r="396767" spans="8:8">
      <c r="H396767" s="12"/>
    </row>
    <row r="396768" spans="8:8">
      <c r="H396768" s="12"/>
    </row>
    <row r="396769" spans="8:8">
      <c r="H396769" s="12"/>
    </row>
    <row r="396770" spans="8:8">
      <c r="H396770" s="12"/>
    </row>
    <row r="396771" spans="8:8">
      <c r="H396771" s="12"/>
    </row>
    <row r="396772" spans="8:8">
      <c r="H396772" s="12"/>
    </row>
    <row r="396773" spans="8:8">
      <c r="H396773" s="12"/>
    </row>
    <row r="396774" spans="8:8">
      <c r="H396774" s="12"/>
    </row>
    <row r="396775" spans="8:8">
      <c r="H396775" s="12"/>
    </row>
    <row r="396776" spans="8:8">
      <c r="H396776" s="12"/>
    </row>
    <row r="396777" spans="8:8">
      <c r="H396777" s="12"/>
    </row>
    <row r="396778" spans="8:8">
      <c r="H396778" s="12"/>
    </row>
    <row r="396779" spans="8:8">
      <c r="H396779" s="12"/>
    </row>
    <row r="396780" spans="8:8">
      <c r="H396780" s="12"/>
    </row>
    <row r="396781" spans="8:8">
      <c r="H396781" s="12"/>
    </row>
    <row r="396782" spans="8:8">
      <c r="H396782" s="12"/>
    </row>
    <row r="396783" spans="8:8">
      <c r="H396783" s="12"/>
    </row>
    <row r="396784" spans="8:8">
      <c r="H396784" s="12"/>
    </row>
    <row r="396785" spans="8:8">
      <c r="H396785" s="12"/>
    </row>
    <row r="396786" spans="8:8">
      <c r="H396786" s="12"/>
    </row>
    <row r="396787" spans="8:8">
      <c r="H396787" s="12"/>
    </row>
    <row r="396788" spans="8:8">
      <c r="H396788" s="12"/>
    </row>
    <row r="396789" spans="8:8">
      <c r="H396789" s="12"/>
    </row>
    <row r="396790" spans="8:8">
      <c r="H396790" s="12"/>
    </row>
    <row r="396791" spans="8:8">
      <c r="H396791" s="12"/>
    </row>
    <row r="396792" spans="8:8">
      <c r="H396792" s="12"/>
    </row>
    <row r="396793" spans="8:8">
      <c r="H396793" s="12"/>
    </row>
    <row r="396794" spans="8:8">
      <c r="H396794" s="12"/>
    </row>
    <row r="396795" spans="8:8">
      <c r="H396795" s="12"/>
    </row>
    <row r="396796" spans="8:8">
      <c r="H396796" s="12"/>
    </row>
    <row r="396797" spans="8:8">
      <c r="H396797" s="12"/>
    </row>
    <row r="396798" spans="8:8">
      <c r="H396798" s="12"/>
    </row>
    <row r="396799" spans="8:8">
      <c r="H396799" s="12"/>
    </row>
    <row r="396800" spans="8:8">
      <c r="H396800" s="12"/>
    </row>
    <row r="396801" spans="8:8">
      <c r="H396801" s="12"/>
    </row>
    <row r="396802" spans="8:8">
      <c r="H396802" s="12"/>
    </row>
    <row r="396803" spans="8:8">
      <c r="H396803" s="12"/>
    </row>
    <row r="396804" spans="8:8">
      <c r="H396804" s="12"/>
    </row>
    <row r="396805" spans="8:8">
      <c r="H396805" s="12"/>
    </row>
    <row r="396806" spans="8:8">
      <c r="H396806" s="12"/>
    </row>
    <row r="396807" spans="8:8">
      <c r="H396807" s="12"/>
    </row>
    <row r="396808" spans="8:8">
      <c r="H396808" s="12"/>
    </row>
    <row r="396809" spans="8:8">
      <c r="H396809" s="12"/>
    </row>
    <row r="396810" spans="8:8">
      <c r="H396810" s="12"/>
    </row>
    <row r="396811" spans="8:8">
      <c r="H396811" s="12"/>
    </row>
    <row r="396812" spans="8:8">
      <c r="H396812" s="12"/>
    </row>
    <row r="396813" spans="8:8">
      <c r="H396813" s="12"/>
    </row>
    <row r="396814" spans="8:8">
      <c r="H396814" s="12"/>
    </row>
    <row r="396815" spans="8:8">
      <c r="H396815" s="12"/>
    </row>
    <row r="396816" spans="8:8">
      <c r="H396816" s="12"/>
    </row>
    <row r="396817" spans="8:8">
      <c r="H396817" s="12"/>
    </row>
    <row r="396818" spans="8:8">
      <c r="H396818" s="12"/>
    </row>
    <row r="396819" spans="8:8">
      <c r="H396819" s="12"/>
    </row>
    <row r="396820" spans="8:8">
      <c r="H396820" s="12"/>
    </row>
    <row r="396821" spans="8:8">
      <c r="H396821" s="12"/>
    </row>
    <row r="396822" spans="8:8">
      <c r="H396822" s="12"/>
    </row>
    <row r="396823" spans="8:8">
      <c r="H396823" s="12"/>
    </row>
    <row r="396824" spans="8:8">
      <c r="H396824" s="12"/>
    </row>
    <row r="396825" spans="8:8">
      <c r="H396825" s="12"/>
    </row>
    <row r="396826" spans="8:8">
      <c r="H396826" s="12"/>
    </row>
    <row r="396827" spans="8:8">
      <c r="H396827" s="12"/>
    </row>
    <row r="396828" spans="8:8">
      <c r="H396828" s="12"/>
    </row>
    <row r="396829" spans="8:8">
      <c r="H396829" s="12"/>
    </row>
    <row r="396830" spans="8:8">
      <c r="H396830" s="12"/>
    </row>
    <row r="396831" spans="8:8">
      <c r="H396831" s="12"/>
    </row>
    <row r="396832" spans="8:8">
      <c r="H396832" s="12"/>
    </row>
    <row r="396833" spans="8:8">
      <c r="H396833" s="12"/>
    </row>
    <row r="396834" spans="8:8">
      <c r="H396834" s="12"/>
    </row>
    <row r="396835" spans="8:8">
      <c r="H396835" s="12"/>
    </row>
    <row r="396836" spans="8:8">
      <c r="H396836" s="12"/>
    </row>
    <row r="396837" spans="8:8">
      <c r="H396837" s="12"/>
    </row>
    <row r="396838" spans="8:8">
      <c r="H396838" s="12"/>
    </row>
    <row r="396839" spans="8:8">
      <c r="H396839" s="12"/>
    </row>
    <row r="396840" spans="8:8">
      <c r="H396840" s="12"/>
    </row>
    <row r="396841" spans="8:8">
      <c r="H396841" s="12"/>
    </row>
    <row r="396842" spans="8:8">
      <c r="H396842" s="12"/>
    </row>
    <row r="396843" spans="8:8">
      <c r="H396843" s="12"/>
    </row>
    <row r="396844" spans="8:8">
      <c r="H396844" s="12"/>
    </row>
    <row r="396845" spans="8:8">
      <c r="H396845" s="12"/>
    </row>
    <row r="396846" spans="8:8">
      <c r="H396846" s="12"/>
    </row>
    <row r="396847" spans="8:8">
      <c r="H396847" s="12"/>
    </row>
    <row r="396848" spans="8:8">
      <c r="H396848" s="12"/>
    </row>
    <row r="396849" spans="8:8">
      <c r="H396849" s="12"/>
    </row>
    <row r="396850" spans="8:8">
      <c r="H396850" s="12"/>
    </row>
    <row r="396851" spans="8:8">
      <c r="H396851" s="12"/>
    </row>
    <row r="396852" spans="8:8">
      <c r="H396852" s="12"/>
    </row>
    <row r="396853" spans="8:8">
      <c r="H396853" s="12"/>
    </row>
    <row r="396854" spans="8:8">
      <c r="H396854" s="12"/>
    </row>
    <row r="396855" spans="8:8">
      <c r="H396855" s="12"/>
    </row>
    <row r="396856" spans="8:8">
      <c r="H396856" s="12"/>
    </row>
    <row r="396857" spans="8:8">
      <c r="H396857" s="12"/>
    </row>
    <row r="396858" spans="8:8">
      <c r="H396858" s="12"/>
    </row>
    <row r="396859" spans="8:8">
      <c r="H396859" s="12"/>
    </row>
    <row r="396860" spans="8:8">
      <c r="H396860" s="12"/>
    </row>
    <row r="396861" spans="8:8">
      <c r="H396861" s="12"/>
    </row>
    <row r="396862" spans="8:8">
      <c r="H396862" s="12"/>
    </row>
    <row r="396863" spans="8:8">
      <c r="H396863" s="12"/>
    </row>
    <row r="396864" spans="8:8">
      <c r="H396864" s="12"/>
    </row>
    <row r="396865" spans="8:8">
      <c r="H396865" s="12"/>
    </row>
    <row r="396866" spans="8:8">
      <c r="H396866" s="12"/>
    </row>
    <row r="396867" spans="8:8">
      <c r="H396867" s="12"/>
    </row>
    <row r="396868" spans="8:8">
      <c r="H396868" s="12"/>
    </row>
    <row r="396869" spans="8:8">
      <c r="H396869" s="12"/>
    </row>
    <row r="396870" spans="8:8">
      <c r="H396870" s="12"/>
    </row>
    <row r="396871" spans="8:8">
      <c r="H396871" s="12"/>
    </row>
    <row r="396872" spans="8:8">
      <c r="H396872" s="12"/>
    </row>
    <row r="396873" spans="8:8">
      <c r="H396873" s="12"/>
    </row>
    <row r="396874" spans="8:8">
      <c r="H396874" s="12"/>
    </row>
    <row r="396875" spans="8:8">
      <c r="H396875" s="12"/>
    </row>
    <row r="396876" spans="8:8">
      <c r="H396876" s="12"/>
    </row>
    <row r="396877" spans="8:8">
      <c r="H396877" s="12"/>
    </row>
    <row r="396878" spans="8:8">
      <c r="H396878" s="12"/>
    </row>
    <row r="396879" spans="8:8">
      <c r="H396879" s="12"/>
    </row>
    <row r="396880" spans="8:8">
      <c r="H396880" s="12"/>
    </row>
    <row r="396881" spans="8:8">
      <c r="H396881" s="12"/>
    </row>
    <row r="396882" spans="8:8">
      <c r="H396882" s="12"/>
    </row>
    <row r="396883" spans="8:8">
      <c r="H396883" s="12"/>
    </row>
    <row r="396884" spans="8:8">
      <c r="H396884" s="12"/>
    </row>
    <row r="396885" spans="8:8">
      <c r="H396885" s="12"/>
    </row>
    <row r="396886" spans="8:8">
      <c r="H396886" s="12"/>
    </row>
    <row r="396887" spans="8:8">
      <c r="H396887" s="12"/>
    </row>
    <row r="396888" spans="8:8">
      <c r="H396888" s="12"/>
    </row>
    <row r="396889" spans="8:8">
      <c r="H396889" s="12"/>
    </row>
    <row r="396890" spans="8:8">
      <c r="H396890" s="12"/>
    </row>
    <row r="396891" spans="8:8">
      <c r="H396891" s="12"/>
    </row>
    <row r="396892" spans="8:8">
      <c r="H396892" s="12"/>
    </row>
    <row r="396893" spans="8:8">
      <c r="H396893" s="12"/>
    </row>
    <row r="396894" spans="8:8">
      <c r="H396894" s="12"/>
    </row>
    <row r="396895" spans="8:8">
      <c r="H396895" s="12"/>
    </row>
    <row r="396896" spans="8:8">
      <c r="H396896" s="12"/>
    </row>
    <row r="396897" spans="8:8">
      <c r="H396897" s="12"/>
    </row>
    <row r="396898" spans="8:8">
      <c r="H396898" s="12"/>
    </row>
    <row r="396899" spans="8:8">
      <c r="H396899" s="12"/>
    </row>
    <row r="396900" spans="8:8">
      <c r="H396900" s="12"/>
    </row>
    <row r="396901" spans="8:8">
      <c r="H396901" s="12"/>
    </row>
    <row r="396902" spans="8:8">
      <c r="H396902" s="12"/>
    </row>
    <row r="396903" spans="8:8">
      <c r="H396903" s="12"/>
    </row>
    <row r="396904" spans="8:8">
      <c r="H396904" s="12"/>
    </row>
    <row r="396905" spans="8:8">
      <c r="H396905" s="12"/>
    </row>
    <row r="396906" spans="8:8">
      <c r="H396906" s="12"/>
    </row>
    <row r="396907" spans="8:8">
      <c r="H396907" s="12"/>
    </row>
    <row r="396908" spans="8:8">
      <c r="H396908" s="12"/>
    </row>
    <row r="396909" spans="8:8">
      <c r="H396909" s="12"/>
    </row>
    <row r="396910" spans="8:8">
      <c r="H396910" s="12"/>
    </row>
    <row r="396911" spans="8:8">
      <c r="H396911" s="12"/>
    </row>
    <row r="396912" spans="8:8">
      <c r="H396912" s="12"/>
    </row>
    <row r="396913" spans="8:8">
      <c r="H396913" s="12"/>
    </row>
    <row r="396914" spans="8:8">
      <c r="H396914" s="12"/>
    </row>
    <row r="396915" spans="8:8">
      <c r="H396915" s="12"/>
    </row>
    <row r="396916" spans="8:8">
      <c r="H396916" s="12"/>
    </row>
    <row r="396917" spans="8:8">
      <c r="H396917" s="12"/>
    </row>
    <row r="396918" spans="8:8">
      <c r="H396918" s="12"/>
    </row>
    <row r="396919" spans="8:8">
      <c r="H396919" s="12"/>
    </row>
    <row r="396920" spans="8:8">
      <c r="H396920" s="12"/>
    </row>
    <row r="396921" spans="8:8">
      <c r="H396921" s="12"/>
    </row>
    <row r="396922" spans="8:8">
      <c r="H396922" s="12"/>
    </row>
    <row r="396923" spans="8:8">
      <c r="H396923" s="12"/>
    </row>
    <row r="396924" spans="8:8">
      <c r="H396924" s="12"/>
    </row>
    <row r="396925" spans="8:8">
      <c r="H396925" s="12"/>
    </row>
    <row r="396926" spans="8:8">
      <c r="H396926" s="12"/>
    </row>
    <row r="396927" spans="8:8">
      <c r="H396927" s="12"/>
    </row>
    <row r="396928" spans="8:8">
      <c r="H396928" s="12"/>
    </row>
    <row r="396929" spans="8:8">
      <c r="H396929" s="12"/>
    </row>
    <row r="396930" spans="8:8">
      <c r="H396930" s="12"/>
    </row>
    <row r="396931" spans="8:8">
      <c r="H396931" s="12"/>
    </row>
    <row r="396932" spans="8:8">
      <c r="H396932" s="12"/>
    </row>
    <row r="396933" spans="8:8">
      <c r="H396933" s="12"/>
    </row>
    <row r="396934" spans="8:8">
      <c r="H396934" s="12"/>
    </row>
    <row r="396935" spans="8:8">
      <c r="H396935" s="12"/>
    </row>
    <row r="396936" spans="8:8">
      <c r="H396936" s="12"/>
    </row>
    <row r="396937" spans="8:8">
      <c r="H396937" s="12"/>
    </row>
    <row r="396938" spans="8:8">
      <c r="H396938" s="12"/>
    </row>
    <row r="396939" spans="8:8">
      <c r="H396939" s="12"/>
    </row>
    <row r="396940" spans="8:8">
      <c r="H396940" s="12"/>
    </row>
    <row r="396941" spans="8:8">
      <c r="H396941" s="12"/>
    </row>
    <row r="396942" spans="8:8">
      <c r="H396942" s="12"/>
    </row>
    <row r="396943" spans="8:8">
      <c r="H396943" s="12"/>
    </row>
    <row r="396944" spans="8:8">
      <c r="H396944" s="12"/>
    </row>
    <row r="396945" spans="8:8">
      <c r="H396945" s="12"/>
    </row>
    <row r="396946" spans="8:8">
      <c r="H396946" s="12"/>
    </row>
    <row r="396947" spans="8:8">
      <c r="H396947" s="12"/>
    </row>
    <row r="396948" spans="8:8">
      <c r="H396948" s="12"/>
    </row>
    <row r="396949" spans="8:8">
      <c r="H396949" s="12"/>
    </row>
    <row r="396950" spans="8:8">
      <c r="H396950" s="12"/>
    </row>
    <row r="396951" spans="8:8">
      <c r="H396951" s="12"/>
    </row>
    <row r="396952" spans="8:8">
      <c r="H396952" s="12"/>
    </row>
    <row r="396953" spans="8:8">
      <c r="H396953" s="12"/>
    </row>
    <row r="396954" spans="8:8">
      <c r="H396954" s="12"/>
    </row>
    <row r="396955" spans="8:8">
      <c r="H396955" s="12"/>
    </row>
    <row r="396956" spans="8:8">
      <c r="H396956" s="12"/>
    </row>
    <row r="396957" spans="8:8">
      <c r="H396957" s="12"/>
    </row>
    <row r="396958" spans="8:8">
      <c r="H396958" s="12"/>
    </row>
    <row r="396959" spans="8:8">
      <c r="H396959" s="12"/>
    </row>
    <row r="396960" spans="8:8">
      <c r="H396960" s="12"/>
    </row>
    <row r="396961" spans="8:8">
      <c r="H396961" s="12"/>
    </row>
    <row r="396962" spans="8:8">
      <c r="H396962" s="12"/>
    </row>
    <row r="396963" spans="8:8">
      <c r="H396963" s="12"/>
    </row>
    <row r="396964" spans="8:8">
      <c r="H396964" s="12"/>
    </row>
    <row r="396965" spans="8:8">
      <c r="H396965" s="12"/>
    </row>
    <row r="396966" spans="8:8">
      <c r="H396966" s="12"/>
    </row>
    <row r="396967" spans="8:8">
      <c r="H396967" s="12"/>
    </row>
    <row r="396968" spans="8:8">
      <c r="H396968" s="12"/>
    </row>
    <row r="396969" spans="8:8">
      <c r="H396969" s="12"/>
    </row>
    <row r="396970" spans="8:8">
      <c r="H396970" s="12"/>
    </row>
    <row r="396971" spans="8:8">
      <c r="H396971" s="12"/>
    </row>
    <row r="396972" spans="8:8">
      <c r="H396972" s="12"/>
    </row>
    <row r="396973" spans="8:8">
      <c r="H396973" s="12"/>
    </row>
    <row r="396974" spans="8:8">
      <c r="H396974" s="12"/>
    </row>
    <row r="396975" spans="8:8">
      <c r="H396975" s="12"/>
    </row>
    <row r="396976" spans="8:8">
      <c r="H396976" s="12"/>
    </row>
    <row r="396977" spans="8:8">
      <c r="H396977" s="12"/>
    </row>
    <row r="396978" spans="8:8">
      <c r="H396978" s="12"/>
    </row>
    <row r="396979" spans="8:8">
      <c r="H396979" s="12"/>
    </row>
    <row r="396980" spans="8:8">
      <c r="H396980" s="12"/>
    </row>
    <row r="396981" spans="8:8">
      <c r="H396981" s="12"/>
    </row>
    <row r="396982" spans="8:8">
      <c r="H396982" s="12"/>
    </row>
    <row r="396983" spans="8:8">
      <c r="H396983" s="12"/>
    </row>
    <row r="396984" spans="8:8">
      <c r="H396984" s="12"/>
    </row>
    <row r="396985" spans="8:8">
      <c r="H396985" s="12"/>
    </row>
    <row r="396986" spans="8:8">
      <c r="H396986" s="12"/>
    </row>
    <row r="396987" spans="8:8">
      <c r="H396987" s="12"/>
    </row>
    <row r="396988" spans="8:8">
      <c r="H396988" s="12"/>
    </row>
    <row r="396989" spans="8:8">
      <c r="H396989" s="12"/>
    </row>
    <row r="396990" spans="8:8">
      <c r="H396990" s="12"/>
    </row>
    <row r="396991" spans="8:8">
      <c r="H396991" s="12"/>
    </row>
    <row r="396992" spans="8:8">
      <c r="H396992" s="12"/>
    </row>
    <row r="396993" spans="8:8">
      <c r="H396993" s="12"/>
    </row>
    <row r="396994" spans="8:8">
      <c r="H396994" s="12"/>
    </row>
    <row r="396995" spans="8:8">
      <c r="H396995" s="12"/>
    </row>
    <row r="396996" spans="8:8">
      <c r="H396996" s="12"/>
    </row>
    <row r="396997" spans="8:8">
      <c r="H396997" s="12"/>
    </row>
    <row r="396998" spans="8:8">
      <c r="H396998" s="12"/>
    </row>
    <row r="396999" spans="8:8">
      <c r="H396999" s="12"/>
    </row>
    <row r="397000" spans="8:8">
      <c r="H397000" s="12"/>
    </row>
    <row r="397001" spans="8:8">
      <c r="H397001" s="12"/>
    </row>
    <row r="397002" spans="8:8">
      <c r="H397002" s="12"/>
    </row>
    <row r="397003" spans="8:8">
      <c r="H397003" s="12"/>
    </row>
    <row r="397004" spans="8:8">
      <c r="H397004" s="12"/>
    </row>
    <row r="397005" spans="8:8">
      <c r="H397005" s="12"/>
    </row>
    <row r="397006" spans="8:8">
      <c r="H397006" s="12"/>
    </row>
    <row r="397007" spans="8:8">
      <c r="H397007" s="12"/>
    </row>
    <row r="397008" spans="8:8">
      <c r="H397008" s="12"/>
    </row>
    <row r="397009" spans="8:8">
      <c r="H397009" s="12"/>
    </row>
    <row r="397010" spans="8:8">
      <c r="H397010" s="12"/>
    </row>
    <row r="397011" spans="8:8">
      <c r="H397011" s="12"/>
    </row>
    <row r="397012" spans="8:8">
      <c r="H397012" s="12"/>
    </row>
    <row r="397013" spans="8:8">
      <c r="H397013" s="12"/>
    </row>
    <row r="397014" spans="8:8">
      <c r="H397014" s="12"/>
    </row>
    <row r="397015" spans="8:8">
      <c r="H397015" s="12"/>
    </row>
    <row r="397016" spans="8:8">
      <c r="H397016" s="12"/>
    </row>
    <row r="397017" spans="8:8">
      <c r="H397017" s="12"/>
    </row>
    <row r="397018" spans="8:8">
      <c r="H397018" s="12"/>
    </row>
    <row r="397019" spans="8:8">
      <c r="H397019" s="12"/>
    </row>
    <row r="397020" spans="8:8">
      <c r="H397020" s="12"/>
    </row>
    <row r="397021" spans="8:8">
      <c r="H397021" s="12"/>
    </row>
    <row r="397022" spans="8:8">
      <c r="H397022" s="12"/>
    </row>
    <row r="397023" spans="8:8">
      <c r="H397023" s="12"/>
    </row>
    <row r="397024" spans="8:8">
      <c r="H397024" s="12"/>
    </row>
    <row r="397025" spans="8:8">
      <c r="H397025" s="12"/>
    </row>
    <row r="397026" spans="8:8">
      <c r="H397026" s="12"/>
    </row>
    <row r="397027" spans="8:8">
      <c r="H397027" s="12"/>
    </row>
    <row r="397028" spans="8:8">
      <c r="H397028" s="12"/>
    </row>
    <row r="397029" spans="8:8">
      <c r="H397029" s="12"/>
    </row>
    <row r="397030" spans="8:8">
      <c r="H397030" s="12"/>
    </row>
    <row r="397031" spans="8:8">
      <c r="H397031" s="12"/>
    </row>
    <row r="397032" spans="8:8">
      <c r="H397032" s="12"/>
    </row>
    <row r="397033" spans="8:8">
      <c r="H397033" s="12"/>
    </row>
    <row r="397034" spans="8:8">
      <c r="H397034" s="12"/>
    </row>
    <row r="397035" spans="8:8">
      <c r="H397035" s="12"/>
    </row>
    <row r="397036" spans="8:8">
      <c r="H397036" s="12"/>
    </row>
    <row r="397037" spans="8:8">
      <c r="H397037" s="12"/>
    </row>
    <row r="397038" spans="8:8">
      <c r="H397038" s="12"/>
    </row>
    <row r="397039" spans="8:8">
      <c r="H397039" s="12"/>
    </row>
    <row r="397040" spans="8:8">
      <c r="H397040" s="12"/>
    </row>
    <row r="397041" spans="8:8">
      <c r="H397041" s="12"/>
    </row>
    <row r="397042" spans="8:8">
      <c r="H397042" s="12"/>
    </row>
    <row r="397043" spans="8:8">
      <c r="H397043" s="12"/>
    </row>
    <row r="397044" spans="8:8">
      <c r="H397044" s="12"/>
    </row>
    <row r="397045" spans="8:8">
      <c r="H397045" s="12"/>
    </row>
    <row r="397046" spans="8:8">
      <c r="H397046" s="12"/>
    </row>
    <row r="397047" spans="8:8">
      <c r="H397047" s="12"/>
    </row>
    <row r="397048" spans="8:8">
      <c r="H397048" s="12"/>
    </row>
    <row r="397049" spans="8:8">
      <c r="H397049" s="12"/>
    </row>
    <row r="397050" spans="8:8">
      <c r="H397050" s="12"/>
    </row>
    <row r="397051" spans="8:8">
      <c r="H397051" s="12"/>
    </row>
    <row r="397052" spans="8:8">
      <c r="H397052" s="12"/>
    </row>
    <row r="397053" spans="8:8">
      <c r="H397053" s="12"/>
    </row>
    <row r="397054" spans="8:8">
      <c r="H397054" s="12"/>
    </row>
    <row r="397055" spans="8:8">
      <c r="H397055" s="12"/>
    </row>
    <row r="397056" spans="8:8">
      <c r="H397056" s="12"/>
    </row>
    <row r="397057" spans="8:8">
      <c r="H397057" s="12"/>
    </row>
    <row r="397058" spans="8:8">
      <c r="H397058" s="12"/>
    </row>
    <row r="397059" spans="8:8">
      <c r="H397059" s="12"/>
    </row>
    <row r="397060" spans="8:8">
      <c r="H397060" s="12"/>
    </row>
    <row r="397061" spans="8:8">
      <c r="H397061" s="12"/>
    </row>
    <row r="397062" spans="8:8">
      <c r="H397062" s="12"/>
    </row>
    <row r="397063" spans="8:8">
      <c r="H397063" s="12"/>
    </row>
    <row r="397064" spans="8:8">
      <c r="H397064" s="12"/>
    </row>
    <row r="397065" spans="8:8">
      <c r="H397065" s="12"/>
    </row>
    <row r="397066" spans="8:8">
      <c r="H397066" s="12"/>
    </row>
    <row r="397067" spans="8:8">
      <c r="H397067" s="12"/>
    </row>
    <row r="397068" spans="8:8">
      <c r="H397068" s="12"/>
    </row>
    <row r="397069" spans="8:8">
      <c r="H397069" s="12"/>
    </row>
    <row r="397070" spans="8:8">
      <c r="H397070" s="12"/>
    </row>
    <row r="397071" spans="8:8">
      <c r="H397071" s="12"/>
    </row>
    <row r="397072" spans="8:8">
      <c r="H397072" s="12"/>
    </row>
    <row r="397073" spans="8:8">
      <c r="H397073" s="12"/>
    </row>
    <row r="397074" spans="8:8">
      <c r="H397074" s="12"/>
    </row>
    <row r="397075" spans="8:8">
      <c r="H397075" s="12"/>
    </row>
    <row r="397076" spans="8:8">
      <c r="H397076" s="12"/>
    </row>
    <row r="397077" spans="8:8">
      <c r="H397077" s="12"/>
    </row>
    <row r="397078" spans="8:8">
      <c r="H397078" s="12"/>
    </row>
    <row r="397079" spans="8:8">
      <c r="H397079" s="12"/>
    </row>
    <row r="397080" spans="8:8">
      <c r="H397080" s="12"/>
    </row>
    <row r="397081" spans="8:8">
      <c r="H397081" s="12"/>
    </row>
    <row r="397082" spans="8:8">
      <c r="H397082" s="12"/>
    </row>
    <row r="397083" spans="8:8">
      <c r="H397083" s="12"/>
    </row>
    <row r="397084" spans="8:8">
      <c r="H397084" s="12"/>
    </row>
    <row r="397085" spans="8:8">
      <c r="H397085" s="12"/>
    </row>
    <row r="397086" spans="8:8">
      <c r="H397086" s="12"/>
    </row>
    <row r="397087" spans="8:8">
      <c r="H397087" s="12"/>
    </row>
    <row r="397088" spans="8:8">
      <c r="H397088" s="12"/>
    </row>
    <row r="397089" spans="8:8">
      <c r="H397089" s="12"/>
    </row>
    <row r="397090" spans="8:8">
      <c r="H397090" s="12"/>
    </row>
    <row r="397091" spans="8:8">
      <c r="H397091" s="12"/>
    </row>
    <row r="397092" spans="8:8">
      <c r="H397092" s="12"/>
    </row>
    <row r="397093" spans="8:8">
      <c r="H397093" s="12"/>
    </row>
    <row r="397094" spans="8:8">
      <c r="H397094" s="12"/>
    </row>
    <row r="397095" spans="8:8">
      <c r="H397095" s="12"/>
    </row>
    <row r="397096" spans="8:8">
      <c r="H397096" s="12"/>
    </row>
    <row r="397097" spans="8:8">
      <c r="H397097" s="12"/>
    </row>
    <row r="397098" spans="8:8">
      <c r="H397098" s="12"/>
    </row>
    <row r="397099" spans="8:8">
      <c r="H397099" s="12"/>
    </row>
    <row r="397100" spans="8:8">
      <c r="H397100" s="12"/>
    </row>
    <row r="397101" spans="8:8">
      <c r="H397101" s="12"/>
    </row>
    <row r="397102" spans="8:8">
      <c r="H397102" s="12"/>
    </row>
    <row r="397103" spans="8:8">
      <c r="H397103" s="12"/>
    </row>
    <row r="397104" spans="8:8">
      <c r="H397104" s="12"/>
    </row>
    <row r="397105" spans="8:8">
      <c r="H397105" s="12"/>
    </row>
    <row r="397106" spans="8:8">
      <c r="H397106" s="12"/>
    </row>
    <row r="397107" spans="8:8">
      <c r="H397107" s="12"/>
    </row>
    <row r="397108" spans="8:8">
      <c r="H397108" s="12"/>
    </row>
    <row r="397109" spans="8:8">
      <c r="H397109" s="12"/>
    </row>
    <row r="397110" spans="8:8">
      <c r="H397110" s="12"/>
    </row>
    <row r="397111" spans="8:8">
      <c r="H397111" s="12"/>
    </row>
    <row r="397112" spans="8:8">
      <c r="H397112" s="12"/>
    </row>
    <row r="397113" spans="8:8">
      <c r="H397113" s="12"/>
    </row>
    <row r="397114" spans="8:8">
      <c r="H397114" s="12"/>
    </row>
    <row r="397115" spans="8:8">
      <c r="H397115" s="12"/>
    </row>
    <row r="397116" spans="8:8">
      <c r="H397116" s="12"/>
    </row>
    <row r="397117" spans="8:8">
      <c r="H397117" s="12"/>
    </row>
    <row r="397118" spans="8:8">
      <c r="H397118" s="12"/>
    </row>
    <row r="397119" spans="8:8">
      <c r="H397119" s="12"/>
    </row>
    <row r="397120" spans="8:8">
      <c r="H397120" s="12"/>
    </row>
    <row r="397121" spans="8:8">
      <c r="H397121" s="12"/>
    </row>
    <row r="397122" spans="8:8">
      <c r="H397122" s="12"/>
    </row>
    <row r="397123" spans="8:8">
      <c r="H397123" s="12"/>
    </row>
    <row r="397124" spans="8:8">
      <c r="H397124" s="12"/>
    </row>
    <row r="397125" spans="8:8">
      <c r="H397125" s="12"/>
    </row>
    <row r="397126" spans="8:8">
      <c r="H397126" s="12"/>
    </row>
    <row r="397127" spans="8:8">
      <c r="H397127" s="12"/>
    </row>
    <row r="397128" spans="8:8">
      <c r="H397128" s="12"/>
    </row>
    <row r="397129" spans="8:8">
      <c r="H397129" s="12"/>
    </row>
    <row r="397130" spans="8:8">
      <c r="H397130" s="12"/>
    </row>
    <row r="397131" spans="8:8">
      <c r="H397131" s="12"/>
    </row>
    <row r="397132" spans="8:8">
      <c r="H397132" s="12"/>
    </row>
    <row r="397133" spans="8:8">
      <c r="H397133" s="12"/>
    </row>
    <row r="397134" spans="8:8">
      <c r="H397134" s="12"/>
    </row>
    <row r="397135" spans="8:8">
      <c r="H397135" s="12"/>
    </row>
    <row r="397136" spans="8:8">
      <c r="H397136" s="12"/>
    </row>
    <row r="397137" spans="8:8">
      <c r="H397137" s="12"/>
    </row>
    <row r="397138" spans="8:8">
      <c r="H397138" s="12"/>
    </row>
    <row r="397139" spans="8:8">
      <c r="H397139" s="12"/>
    </row>
    <row r="397140" spans="8:8">
      <c r="H397140" s="12"/>
    </row>
    <row r="397141" spans="8:8">
      <c r="H397141" s="12"/>
    </row>
    <row r="397142" spans="8:8">
      <c r="H397142" s="12"/>
    </row>
    <row r="397143" spans="8:8">
      <c r="H397143" s="12"/>
    </row>
    <row r="397144" spans="8:8">
      <c r="H397144" s="12"/>
    </row>
    <row r="397145" spans="8:8">
      <c r="H397145" s="12"/>
    </row>
    <row r="397146" spans="8:8">
      <c r="H397146" s="12"/>
    </row>
    <row r="397147" spans="8:8">
      <c r="H397147" s="12"/>
    </row>
    <row r="397148" spans="8:8">
      <c r="H397148" s="12"/>
    </row>
    <row r="397149" spans="8:8">
      <c r="H397149" s="12"/>
    </row>
    <row r="397150" spans="8:8">
      <c r="H397150" s="12"/>
    </row>
    <row r="397151" spans="8:8">
      <c r="H397151" s="12"/>
    </row>
    <row r="397152" spans="8:8">
      <c r="H397152" s="12"/>
    </row>
    <row r="397153" spans="8:8">
      <c r="H397153" s="12"/>
    </row>
    <row r="397154" spans="8:8">
      <c r="H397154" s="12"/>
    </row>
    <row r="397155" spans="8:8">
      <c r="H397155" s="12"/>
    </row>
    <row r="397156" spans="8:8">
      <c r="H397156" s="12"/>
    </row>
    <row r="397157" spans="8:8">
      <c r="H397157" s="12"/>
    </row>
    <row r="397158" spans="8:8">
      <c r="H397158" s="12"/>
    </row>
    <row r="397159" spans="8:8">
      <c r="H397159" s="12"/>
    </row>
    <row r="397160" spans="8:8">
      <c r="H397160" s="12"/>
    </row>
    <row r="397161" spans="8:8">
      <c r="H397161" s="12"/>
    </row>
    <row r="397162" spans="8:8">
      <c r="H397162" s="12"/>
    </row>
    <row r="397163" spans="8:8">
      <c r="H397163" s="12"/>
    </row>
    <row r="397164" spans="8:8">
      <c r="H397164" s="12"/>
    </row>
    <row r="397165" spans="8:8">
      <c r="H397165" s="12"/>
    </row>
    <row r="397166" spans="8:8">
      <c r="H397166" s="12"/>
    </row>
    <row r="397167" spans="8:8">
      <c r="H397167" s="12"/>
    </row>
    <row r="397168" spans="8:8">
      <c r="H397168" s="12"/>
    </row>
    <row r="397169" spans="8:8">
      <c r="H397169" s="12"/>
    </row>
    <row r="397170" spans="8:8">
      <c r="H397170" s="12"/>
    </row>
    <row r="397171" spans="8:8">
      <c r="H397171" s="12"/>
    </row>
    <row r="397172" spans="8:8">
      <c r="H397172" s="12"/>
    </row>
    <row r="397173" spans="8:8">
      <c r="H397173" s="12"/>
    </row>
    <row r="397174" spans="8:8">
      <c r="H397174" s="12"/>
    </row>
    <row r="397175" spans="8:8">
      <c r="H397175" s="12"/>
    </row>
    <row r="397176" spans="8:8">
      <c r="H397176" s="12"/>
    </row>
    <row r="397177" spans="8:8">
      <c r="H397177" s="12"/>
    </row>
    <row r="397178" spans="8:8">
      <c r="H397178" s="12"/>
    </row>
    <row r="397179" spans="8:8">
      <c r="H397179" s="12"/>
    </row>
    <row r="397180" spans="8:8">
      <c r="H397180" s="12"/>
    </row>
    <row r="397181" spans="8:8">
      <c r="H397181" s="12"/>
    </row>
    <row r="397182" spans="8:8">
      <c r="H397182" s="12"/>
    </row>
    <row r="397183" spans="8:8">
      <c r="H397183" s="12"/>
    </row>
    <row r="397184" spans="8:8">
      <c r="H397184" s="12"/>
    </row>
    <row r="397185" spans="8:8">
      <c r="H397185" s="12"/>
    </row>
    <row r="397186" spans="8:8">
      <c r="H397186" s="12"/>
    </row>
    <row r="397187" spans="8:8">
      <c r="H397187" s="12"/>
    </row>
    <row r="397188" spans="8:8">
      <c r="H397188" s="12"/>
    </row>
    <row r="397189" spans="8:8">
      <c r="H397189" s="12"/>
    </row>
    <row r="397190" spans="8:8">
      <c r="H397190" s="12"/>
    </row>
    <row r="397191" spans="8:8">
      <c r="H397191" s="12"/>
    </row>
    <row r="397192" spans="8:8">
      <c r="H397192" s="12"/>
    </row>
    <row r="397193" spans="8:8">
      <c r="H397193" s="12"/>
    </row>
    <row r="397194" spans="8:8">
      <c r="H397194" s="12"/>
    </row>
    <row r="397195" spans="8:8">
      <c r="H397195" s="12"/>
    </row>
    <row r="397196" spans="8:8">
      <c r="H397196" s="12"/>
    </row>
    <row r="397197" spans="8:8">
      <c r="H397197" s="12"/>
    </row>
    <row r="397198" spans="8:8">
      <c r="H397198" s="12"/>
    </row>
    <row r="397199" spans="8:8">
      <c r="H397199" s="12"/>
    </row>
    <row r="397200" spans="8:8">
      <c r="H397200" s="12"/>
    </row>
    <row r="397201" spans="8:8">
      <c r="H397201" s="12"/>
    </row>
    <row r="397202" spans="8:8">
      <c r="H397202" s="12"/>
    </row>
    <row r="397203" spans="8:8">
      <c r="H397203" s="12"/>
    </row>
    <row r="397204" spans="8:8">
      <c r="H397204" s="12"/>
    </row>
    <row r="397205" spans="8:8">
      <c r="H397205" s="12"/>
    </row>
    <row r="397206" spans="8:8">
      <c r="H397206" s="12"/>
    </row>
    <row r="397207" spans="8:8">
      <c r="H397207" s="12"/>
    </row>
    <row r="397208" spans="8:8">
      <c r="H397208" s="12"/>
    </row>
    <row r="397209" spans="8:8">
      <c r="H397209" s="12"/>
    </row>
    <row r="397210" spans="8:8">
      <c r="H397210" s="12"/>
    </row>
    <row r="397211" spans="8:8">
      <c r="H397211" s="12"/>
    </row>
    <row r="397212" spans="8:8">
      <c r="H397212" s="12"/>
    </row>
    <row r="397213" spans="8:8">
      <c r="H397213" s="12"/>
    </row>
    <row r="397214" spans="8:8">
      <c r="H397214" s="12"/>
    </row>
    <row r="397215" spans="8:8">
      <c r="H397215" s="12"/>
    </row>
    <row r="397216" spans="8:8">
      <c r="H397216" s="12"/>
    </row>
    <row r="397217" spans="8:8">
      <c r="H397217" s="12"/>
    </row>
    <row r="397218" spans="8:8">
      <c r="H397218" s="12"/>
    </row>
    <row r="397219" spans="8:8">
      <c r="H397219" s="12"/>
    </row>
    <row r="397220" spans="8:8">
      <c r="H397220" s="12"/>
    </row>
    <row r="397221" spans="8:8">
      <c r="H397221" s="12"/>
    </row>
    <row r="397222" spans="8:8">
      <c r="H397222" s="12"/>
    </row>
    <row r="397223" spans="8:8">
      <c r="H397223" s="12"/>
    </row>
    <row r="397224" spans="8:8">
      <c r="H397224" s="12"/>
    </row>
    <row r="397225" spans="8:8">
      <c r="H397225" s="12"/>
    </row>
    <row r="397226" spans="8:8">
      <c r="H397226" s="12"/>
    </row>
    <row r="397227" spans="8:8">
      <c r="H397227" s="12"/>
    </row>
    <row r="397228" spans="8:8">
      <c r="H397228" s="12"/>
    </row>
    <row r="397229" spans="8:8">
      <c r="H397229" s="12"/>
    </row>
    <row r="397230" spans="8:8">
      <c r="H397230" s="12"/>
    </row>
    <row r="397231" spans="8:8">
      <c r="H397231" s="12"/>
    </row>
    <row r="397232" spans="8:8">
      <c r="H397232" s="12"/>
    </row>
    <row r="397233" spans="8:8">
      <c r="H397233" s="12"/>
    </row>
    <row r="397234" spans="8:8">
      <c r="H397234" s="12"/>
    </row>
    <row r="397235" spans="8:8">
      <c r="H397235" s="12"/>
    </row>
    <row r="397236" spans="8:8">
      <c r="H397236" s="12"/>
    </row>
    <row r="397237" spans="8:8">
      <c r="H397237" s="12"/>
    </row>
    <row r="397238" spans="8:8">
      <c r="H397238" s="12"/>
    </row>
    <row r="397239" spans="8:8">
      <c r="H397239" s="12"/>
    </row>
    <row r="397240" spans="8:8">
      <c r="H397240" s="12"/>
    </row>
    <row r="397241" spans="8:8">
      <c r="H397241" s="12"/>
    </row>
    <row r="397242" spans="8:8">
      <c r="H397242" s="12"/>
    </row>
    <row r="397243" spans="8:8">
      <c r="H397243" s="12"/>
    </row>
    <row r="397244" spans="8:8">
      <c r="H397244" s="12"/>
    </row>
    <row r="397245" spans="8:8">
      <c r="H397245" s="12"/>
    </row>
    <row r="397246" spans="8:8">
      <c r="H397246" s="12"/>
    </row>
    <row r="397247" spans="8:8">
      <c r="H397247" s="12"/>
    </row>
    <row r="397248" spans="8:8">
      <c r="H397248" s="12"/>
    </row>
    <row r="397249" spans="8:8">
      <c r="H397249" s="12"/>
    </row>
    <row r="397250" spans="8:8">
      <c r="H397250" s="12"/>
    </row>
    <row r="397251" spans="8:8">
      <c r="H397251" s="12"/>
    </row>
    <row r="397252" spans="8:8">
      <c r="H397252" s="12"/>
    </row>
    <row r="397253" spans="8:8">
      <c r="H397253" s="12"/>
    </row>
    <row r="397254" spans="8:8">
      <c r="H397254" s="12"/>
    </row>
    <row r="397255" spans="8:8">
      <c r="H397255" s="12"/>
    </row>
    <row r="397256" spans="8:8">
      <c r="H397256" s="12"/>
    </row>
    <row r="397257" spans="8:8">
      <c r="H397257" s="12"/>
    </row>
    <row r="397258" spans="8:8">
      <c r="H397258" s="12"/>
    </row>
    <row r="397259" spans="8:8">
      <c r="H397259" s="12"/>
    </row>
    <row r="397260" spans="8:8">
      <c r="H397260" s="12"/>
    </row>
    <row r="397261" spans="8:8">
      <c r="H397261" s="12"/>
    </row>
    <row r="397262" spans="8:8">
      <c r="H397262" s="12"/>
    </row>
    <row r="397263" spans="8:8">
      <c r="H397263" s="12"/>
    </row>
    <row r="397264" spans="8:8">
      <c r="H397264" s="12"/>
    </row>
    <row r="397265" spans="8:8">
      <c r="H397265" s="12"/>
    </row>
    <row r="397266" spans="8:8">
      <c r="H397266" s="12"/>
    </row>
    <row r="397267" spans="8:8">
      <c r="H397267" s="12"/>
    </row>
    <row r="397268" spans="8:8">
      <c r="H397268" s="12"/>
    </row>
    <row r="397269" spans="8:8">
      <c r="H397269" s="12"/>
    </row>
    <row r="397270" spans="8:8">
      <c r="H397270" s="12"/>
    </row>
    <row r="397271" spans="8:8">
      <c r="H397271" s="12"/>
    </row>
    <row r="397272" spans="8:8">
      <c r="H397272" s="12"/>
    </row>
    <row r="397273" spans="8:8">
      <c r="H397273" s="12"/>
    </row>
    <row r="397274" spans="8:8">
      <c r="H397274" s="12"/>
    </row>
    <row r="397275" spans="8:8">
      <c r="H397275" s="12"/>
    </row>
    <row r="397276" spans="8:8">
      <c r="H397276" s="12"/>
    </row>
    <row r="397277" spans="8:8">
      <c r="H397277" s="12"/>
    </row>
    <row r="397278" spans="8:8">
      <c r="H397278" s="12"/>
    </row>
    <row r="397279" spans="8:8">
      <c r="H397279" s="12"/>
    </row>
    <row r="397280" spans="8:8">
      <c r="H397280" s="12"/>
    </row>
    <row r="397281" spans="8:8">
      <c r="H397281" s="12"/>
    </row>
    <row r="397282" spans="8:8">
      <c r="H397282" s="12"/>
    </row>
    <row r="397283" spans="8:8">
      <c r="H397283" s="12"/>
    </row>
    <row r="397284" spans="8:8">
      <c r="H397284" s="12"/>
    </row>
    <row r="397285" spans="8:8">
      <c r="H397285" s="12"/>
    </row>
    <row r="397286" spans="8:8">
      <c r="H397286" s="12"/>
    </row>
    <row r="397287" spans="8:8">
      <c r="H397287" s="12"/>
    </row>
    <row r="397288" spans="8:8">
      <c r="H397288" s="12"/>
    </row>
    <row r="397289" spans="8:8">
      <c r="H397289" s="12"/>
    </row>
    <row r="397290" spans="8:8">
      <c r="H397290" s="12"/>
    </row>
    <row r="397291" spans="8:8">
      <c r="H397291" s="12"/>
    </row>
    <row r="397292" spans="8:8">
      <c r="H397292" s="12"/>
    </row>
    <row r="397293" spans="8:8">
      <c r="H397293" s="12"/>
    </row>
    <row r="397294" spans="8:8">
      <c r="H397294" s="12"/>
    </row>
    <row r="397295" spans="8:8">
      <c r="H397295" s="12"/>
    </row>
    <row r="397296" spans="8:8">
      <c r="H397296" s="12"/>
    </row>
    <row r="397297" spans="8:8">
      <c r="H397297" s="12"/>
    </row>
    <row r="397298" spans="8:8">
      <c r="H397298" s="12"/>
    </row>
    <row r="397299" spans="8:8">
      <c r="H397299" s="12"/>
    </row>
    <row r="397300" spans="8:8">
      <c r="H397300" s="12"/>
    </row>
    <row r="397301" spans="8:8">
      <c r="H397301" s="12"/>
    </row>
    <row r="397302" spans="8:8">
      <c r="H397302" s="12"/>
    </row>
    <row r="397303" spans="8:8">
      <c r="H397303" s="12"/>
    </row>
    <row r="397304" spans="8:8">
      <c r="H397304" s="12"/>
    </row>
    <row r="397305" spans="8:8">
      <c r="H397305" s="12"/>
    </row>
    <row r="397306" spans="8:8">
      <c r="H397306" s="12"/>
    </row>
    <row r="397307" spans="8:8">
      <c r="H397307" s="12"/>
    </row>
    <row r="397308" spans="8:8">
      <c r="H397308" s="12"/>
    </row>
    <row r="397309" spans="8:8">
      <c r="H397309" s="12"/>
    </row>
    <row r="397310" spans="8:8">
      <c r="H397310" s="12"/>
    </row>
    <row r="397311" spans="8:8">
      <c r="H397311" s="12"/>
    </row>
    <row r="397312" spans="8:8">
      <c r="H397312" s="12"/>
    </row>
    <row r="397313" spans="8:8">
      <c r="H397313" s="12"/>
    </row>
    <row r="397314" spans="8:8">
      <c r="H397314" s="12"/>
    </row>
    <row r="397315" spans="8:8">
      <c r="H397315" s="12"/>
    </row>
    <row r="397316" spans="8:8">
      <c r="H397316" s="12"/>
    </row>
    <row r="397317" spans="8:8">
      <c r="H397317" s="12"/>
    </row>
    <row r="397318" spans="8:8">
      <c r="H397318" s="12"/>
    </row>
    <row r="397319" spans="8:8">
      <c r="H397319" s="12"/>
    </row>
    <row r="397320" spans="8:8">
      <c r="H397320" s="12"/>
    </row>
    <row r="397321" spans="8:8">
      <c r="H397321" s="12"/>
    </row>
    <row r="397322" spans="8:8">
      <c r="H397322" s="12"/>
    </row>
    <row r="397323" spans="8:8">
      <c r="H397323" s="12"/>
    </row>
    <row r="397324" spans="8:8">
      <c r="H397324" s="12"/>
    </row>
    <row r="397325" spans="8:8">
      <c r="H397325" s="12"/>
    </row>
    <row r="397326" spans="8:8">
      <c r="H397326" s="12"/>
    </row>
    <row r="397327" spans="8:8">
      <c r="H397327" s="12"/>
    </row>
    <row r="397328" spans="8:8">
      <c r="H397328" s="12"/>
    </row>
    <row r="397329" spans="8:8">
      <c r="H397329" s="12"/>
    </row>
    <row r="397330" spans="8:8">
      <c r="H397330" s="12"/>
    </row>
    <row r="397331" spans="8:8">
      <c r="H397331" s="12"/>
    </row>
    <row r="397332" spans="8:8">
      <c r="H397332" s="12"/>
    </row>
    <row r="397333" spans="8:8">
      <c r="H397333" s="12"/>
    </row>
    <row r="397334" spans="8:8">
      <c r="H397334" s="12"/>
    </row>
    <row r="397335" spans="8:8">
      <c r="H397335" s="12"/>
    </row>
    <row r="397336" spans="8:8">
      <c r="H397336" s="12"/>
    </row>
    <row r="397337" spans="8:8">
      <c r="H397337" s="12"/>
    </row>
    <row r="397338" spans="8:8">
      <c r="H397338" s="12"/>
    </row>
    <row r="397339" spans="8:8">
      <c r="H397339" s="12"/>
    </row>
    <row r="397340" spans="8:8">
      <c r="H397340" s="12"/>
    </row>
    <row r="397341" spans="8:8">
      <c r="H397341" s="12"/>
    </row>
    <row r="397342" spans="8:8">
      <c r="H397342" s="12"/>
    </row>
    <row r="397343" spans="8:8">
      <c r="H397343" s="12"/>
    </row>
    <row r="397344" spans="8:8">
      <c r="H397344" s="12"/>
    </row>
    <row r="397345" spans="8:8">
      <c r="H397345" s="12"/>
    </row>
    <row r="397346" spans="8:8">
      <c r="H397346" s="12"/>
    </row>
    <row r="397347" spans="8:8">
      <c r="H397347" s="12"/>
    </row>
    <row r="397348" spans="8:8">
      <c r="H397348" s="12"/>
    </row>
    <row r="397349" spans="8:8">
      <c r="H397349" s="12"/>
    </row>
    <row r="397350" spans="8:8">
      <c r="H397350" s="12"/>
    </row>
    <row r="397351" spans="8:8">
      <c r="H397351" s="12"/>
    </row>
    <row r="397352" spans="8:8">
      <c r="H397352" s="12"/>
    </row>
    <row r="397353" spans="8:8">
      <c r="H397353" s="12"/>
    </row>
    <row r="397354" spans="8:8">
      <c r="H397354" s="12"/>
    </row>
    <row r="397355" spans="8:8">
      <c r="H397355" s="12"/>
    </row>
    <row r="397356" spans="8:8">
      <c r="H397356" s="12"/>
    </row>
    <row r="397357" spans="8:8">
      <c r="H397357" s="12"/>
    </row>
    <row r="397358" spans="8:8">
      <c r="H397358" s="12"/>
    </row>
    <row r="397359" spans="8:8">
      <c r="H397359" s="12"/>
    </row>
    <row r="397360" spans="8:8">
      <c r="H397360" s="12"/>
    </row>
    <row r="397361" spans="8:8">
      <c r="H397361" s="12"/>
    </row>
    <row r="397362" spans="8:8">
      <c r="H397362" s="12"/>
    </row>
    <row r="397363" spans="8:8">
      <c r="H397363" s="12"/>
    </row>
    <row r="397364" spans="8:8">
      <c r="H397364" s="12"/>
    </row>
    <row r="397365" spans="8:8">
      <c r="H397365" s="12"/>
    </row>
    <row r="397366" spans="8:8">
      <c r="H397366" s="12"/>
    </row>
    <row r="397367" spans="8:8">
      <c r="H397367" s="12"/>
    </row>
    <row r="397368" spans="8:8">
      <c r="H397368" s="12"/>
    </row>
    <row r="397369" spans="8:8">
      <c r="H397369" s="12"/>
    </row>
    <row r="397370" spans="8:8">
      <c r="H397370" s="12"/>
    </row>
    <row r="397371" spans="8:8">
      <c r="H397371" s="12"/>
    </row>
    <row r="397372" spans="8:8">
      <c r="H397372" s="12"/>
    </row>
    <row r="397373" spans="8:8">
      <c r="H397373" s="12"/>
    </row>
    <row r="397374" spans="8:8">
      <c r="H397374" s="12"/>
    </row>
    <row r="397375" spans="8:8">
      <c r="H397375" s="12"/>
    </row>
    <row r="397376" spans="8:8">
      <c r="H397376" s="12"/>
    </row>
    <row r="397377" spans="8:8">
      <c r="H397377" s="12"/>
    </row>
    <row r="397378" spans="8:8">
      <c r="H397378" s="12"/>
    </row>
    <row r="397379" spans="8:8">
      <c r="H397379" s="12"/>
    </row>
    <row r="397380" spans="8:8">
      <c r="H397380" s="12"/>
    </row>
    <row r="397381" spans="8:8">
      <c r="H397381" s="12"/>
    </row>
    <row r="397382" spans="8:8">
      <c r="H397382" s="12"/>
    </row>
    <row r="397383" spans="8:8">
      <c r="H397383" s="12"/>
    </row>
    <row r="397384" spans="8:8">
      <c r="H397384" s="12"/>
    </row>
    <row r="397385" spans="8:8">
      <c r="H397385" s="12"/>
    </row>
    <row r="397386" spans="8:8">
      <c r="H397386" s="12"/>
    </row>
    <row r="397387" spans="8:8">
      <c r="H397387" s="12"/>
    </row>
    <row r="397388" spans="8:8">
      <c r="H397388" s="12"/>
    </row>
    <row r="397389" spans="8:8">
      <c r="H397389" s="12"/>
    </row>
    <row r="397390" spans="8:8">
      <c r="H397390" s="12"/>
    </row>
    <row r="397391" spans="8:8">
      <c r="H397391" s="12"/>
    </row>
    <row r="397392" spans="8:8">
      <c r="H397392" s="12"/>
    </row>
    <row r="397393" spans="8:8">
      <c r="H397393" s="12"/>
    </row>
    <row r="397394" spans="8:8">
      <c r="H397394" s="12"/>
    </row>
    <row r="397395" spans="8:8">
      <c r="H397395" s="12"/>
    </row>
    <row r="397396" spans="8:8">
      <c r="H397396" s="12"/>
    </row>
    <row r="397397" spans="8:8">
      <c r="H397397" s="12"/>
    </row>
    <row r="397398" spans="8:8">
      <c r="H397398" s="12"/>
    </row>
    <row r="397399" spans="8:8">
      <c r="H397399" s="12"/>
    </row>
    <row r="397400" spans="8:8">
      <c r="H397400" s="12"/>
    </row>
    <row r="397401" spans="8:8">
      <c r="H397401" s="12"/>
    </row>
    <row r="397402" spans="8:8">
      <c r="H397402" s="12"/>
    </row>
    <row r="397403" spans="8:8">
      <c r="H397403" s="12"/>
    </row>
    <row r="397404" spans="8:8">
      <c r="H397404" s="12"/>
    </row>
    <row r="397405" spans="8:8">
      <c r="H397405" s="12"/>
    </row>
    <row r="397406" spans="8:8">
      <c r="H397406" s="12"/>
    </row>
    <row r="397407" spans="8:8">
      <c r="H397407" s="12"/>
    </row>
    <row r="397408" spans="8:8">
      <c r="H397408" s="12"/>
    </row>
    <row r="397409" spans="8:8">
      <c r="H397409" s="12"/>
    </row>
    <row r="397410" spans="8:8">
      <c r="H397410" s="12"/>
    </row>
    <row r="397411" spans="8:8">
      <c r="H397411" s="12"/>
    </row>
    <row r="397412" spans="8:8">
      <c r="H397412" s="12"/>
    </row>
    <row r="397413" spans="8:8">
      <c r="H397413" s="12"/>
    </row>
    <row r="397414" spans="8:8">
      <c r="H397414" s="12"/>
    </row>
    <row r="397415" spans="8:8">
      <c r="H397415" s="12"/>
    </row>
    <row r="397416" spans="8:8">
      <c r="H397416" s="12"/>
    </row>
    <row r="397417" spans="8:8">
      <c r="H397417" s="12"/>
    </row>
    <row r="397418" spans="8:8">
      <c r="H397418" s="12"/>
    </row>
    <row r="397419" spans="8:8">
      <c r="H397419" s="12"/>
    </row>
    <row r="397420" spans="8:8">
      <c r="H397420" s="12"/>
    </row>
    <row r="397421" spans="8:8">
      <c r="H397421" s="12"/>
    </row>
    <row r="397422" spans="8:8">
      <c r="H397422" s="12"/>
    </row>
    <row r="397423" spans="8:8">
      <c r="H397423" s="12"/>
    </row>
    <row r="397424" spans="8:8">
      <c r="H397424" s="12"/>
    </row>
    <row r="397425" spans="8:8">
      <c r="H397425" s="12"/>
    </row>
    <row r="397426" spans="8:8">
      <c r="H397426" s="12"/>
    </row>
    <row r="397427" spans="8:8">
      <c r="H397427" s="12"/>
    </row>
    <row r="397428" spans="8:8">
      <c r="H397428" s="12"/>
    </row>
    <row r="397429" spans="8:8">
      <c r="H397429" s="12"/>
    </row>
    <row r="397430" spans="8:8">
      <c r="H397430" s="12"/>
    </row>
    <row r="397431" spans="8:8">
      <c r="H397431" s="12"/>
    </row>
    <row r="397432" spans="8:8">
      <c r="H397432" s="12"/>
    </row>
    <row r="397433" spans="8:8">
      <c r="H397433" s="12"/>
    </row>
    <row r="397434" spans="8:8">
      <c r="H397434" s="12"/>
    </row>
    <row r="397435" spans="8:8">
      <c r="H397435" s="12"/>
    </row>
    <row r="397436" spans="8:8">
      <c r="H397436" s="12"/>
    </row>
    <row r="397437" spans="8:8">
      <c r="H397437" s="12"/>
    </row>
    <row r="397438" spans="8:8">
      <c r="H397438" s="12"/>
    </row>
    <row r="397439" spans="8:8">
      <c r="H397439" s="12"/>
    </row>
    <row r="397440" spans="8:8">
      <c r="H397440" s="12"/>
    </row>
    <row r="397441" spans="8:8">
      <c r="H397441" s="12"/>
    </row>
    <row r="397442" spans="8:8">
      <c r="H397442" s="12"/>
    </row>
    <row r="397443" spans="8:8">
      <c r="H397443" s="12"/>
    </row>
    <row r="397444" spans="8:8">
      <c r="H397444" s="12"/>
    </row>
    <row r="397445" spans="8:8">
      <c r="H397445" s="12"/>
    </row>
    <row r="397446" spans="8:8">
      <c r="H397446" s="12"/>
    </row>
    <row r="397447" spans="8:8">
      <c r="H397447" s="12"/>
    </row>
    <row r="397448" spans="8:8">
      <c r="H397448" s="12"/>
    </row>
    <row r="397449" spans="8:8">
      <c r="H397449" s="12"/>
    </row>
    <row r="397450" spans="8:8">
      <c r="H397450" s="12"/>
    </row>
    <row r="397451" spans="8:8">
      <c r="H397451" s="12"/>
    </row>
    <row r="397452" spans="8:8">
      <c r="H397452" s="12"/>
    </row>
    <row r="397453" spans="8:8">
      <c r="H397453" s="12"/>
    </row>
    <row r="397454" spans="8:8">
      <c r="H397454" s="12"/>
    </row>
    <row r="397455" spans="8:8">
      <c r="H397455" s="12"/>
    </row>
    <row r="397456" spans="8:8">
      <c r="H397456" s="12"/>
    </row>
    <row r="397457" spans="8:8">
      <c r="H397457" s="12"/>
    </row>
    <row r="397458" spans="8:8">
      <c r="H397458" s="12"/>
    </row>
    <row r="397459" spans="8:8">
      <c r="H397459" s="12"/>
    </row>
    <row r="397460" spans="8:8">
      <c r="H397460" s="12"/>
    </row>
    <row r="397461" spans="8:8">
      <c r="H397461" s="12"/>
    </row>
    <row r="397462" spans="8:8">
      <c r="H397462" s="12"/>
    </row>
    <row r="397463" spans="8:8">
      <c r="H397463" s="12"/>
    </row>
    <row r="397464" spans="8:8">
      <c r="H397464" s="12"/>
    </row>
    <row r="397465" spans="8:8">
      <c r="H397465" s="12"/>
    </row>
    <row r="397466" spans="8:8">
      <c r="H397466" s="12"/>
    </row>
    <row r="397467" spans="8:8">
      <c r="H397467" s="12"/>
    </row>
    <row r="397468" spans="8:8">
      <c r="H397468" s="12"/>
    </row>
    <row r="397469" spans="8:8">
      <c r="H397469" s="12"/>
    </row>
    <row r="397470" spans="8:8">
      <c r="H397470" s="12"/>
    </row>
    <row r="397471" spans="8:8">
      <c r="H397471" s="12"/>
    </row>
    <row r="397472" spans="8:8">
      <c r="H397472" s="12"/>
    </row>
    <row r="397473" spans="8:8">
      <c r="H397473" s="12"/>
    </row>
    <row r="397474" spans="8:8">
      <c r="H397474" s="12"/>
    </row>
    <row r="397475" spans="8:8">
      <c r="H397475" s="12"/>
    </row>
    <row r="397476" spans="8:8">
      <c r="H397476" s="12"/>
    </row>
    <row r="397477" spans="8:8">
      <c r="H397477" s="12"/>
    </row>
    <row r="397478" spans="8:8">
      <c r="H397478" s="12"/>
    </row>
    <row r="397479" spans="8:8">
      <c r="H397479" s="12"/>
    </row>
    <row r="397480" spans="8:8">
      <c r="H397480" s="12"/>
    </row>
    <row r="397481" spans="8:8">
      <c r="H397481" s="12"/>
    </row>
    <row r="397482" spans="8:8">
      <c r="H397482" s="12"/>
    </row>
    <row r="397483" spans="8:8">
      <c r="H397483" s="12"/>
    </row>
    <row r="397484" spans="8:8">
      <c r="H397484" s="12"/>
    </row>
    <row r="397485" spans="8:8">
      <c r="H397485" s="12"/>
    </row>
    <row r="397486" spans="8:8">
      <c r="H397486" s="12"/>
    </row>
    <row r="397487" spans="8:8">
      <c r="H397487" s="12"/>
    </row>
    <row r="397488" spans="8:8">
      <c r="H397488" s="12"/>
    </row>
    <row r="397489" spans="8:8">
      <c r="H397489" s="12"/>
    </row>
    <row r="397490" spans="8:8">
      <c r="H397490" s="12"/>
    </row>
    <row r="397491" spans="8:8">
      <c r="H397491" s="12"/>
    </row>
    <row r="397492" spans="8:8">
      <c r="H397492" s="12"/>
    </row>
    <row r="397493" spans="8:8">
      <c r="H397493" s="12"/>
    </row>
    <row r="397494" spans="8:8">
      <c r="H397494" s="12"/>
    </row>
    <row r="397495" spans="8:8">
      <c r="H397495" s="12"/>
    </row>
    <row r="397496" spans="8:8">
      <c r="H397496" s="12"/>
    </row>
    <row r="397497" spans="8:8">
      <c r="H397497" s="12"/>
    </row>
    <row r="397498" spans="8:8">
      <c r="H397498" s="12"/>
    </row>
    <row r="397499" spans="8:8">
      <c r="H397499" s="12"/>
    </row>
    <row r="397500" spans="8:8">
      <c r="H397500" s="12"/>
    </row>
    <row r="397501" spans="8:8">
      <c r="H397501" s="12"/>
    </row>
    <row r="397502" spans="8:8">
      <c r="H397502" s="12"/>
    </row>
    <row r="397503" spans="8:8">
      <c r="H397503" s="12"/>
    </row>
    <row r="397504" spans="8:8">
      <c r="H397504" s="12"/>
    </row>
    <row r="397505" spans="8:8">
      <c r="H397505" s="12"/>
    </row>
    <row r="397506" spans="8:8">
      <c r="H397506" s="12"/>
    </row>
    <row r="397507" spans="8:8">
      <c r="H397507" s="12"/>
    </row>
    <row r="397508" spans="8:8">
      <c r="H397508" s="12"/>
    </row>
    <row r="397509" spans="8:8">
      <c r="H397509" s="12"/>
    </row>
    <row r="397510" spans="8:8">
      <c r="H397510" s="12"/>
    </row>
    <row r="397511" spans="8:8">
      <c r="H397511" s="12"/>
    </row>
    <row r="397512" spans="8:8">
      <c r="H397512" s="12"/>
    </row>
    <row r="397513" spans="8:8">
      <c r="H397513" s="12"/>
    </row>
    <row r="397514" spans="8:8">
      <c r="H397514" s="12"/>
    </row>
    <row r="397515" spans="8:8">
      <c r="H397515" s="12"/>
    </row>
    <row r="397516" spans="8:8">
      <c r="H397516" s="12"/>
    </row>
    <row r="397517" spans="8:8">
      <c r="H397517" s="12"/>
    </row>
    <row r="397518" spans="8:8">
      <c r="H397518" s="12"/>
    </row>
    <row r="397519" spans="8:8">
      <c r="H397519" s="12"/>
    </row>
    <row r="397520" spans="8:8">
      <c r="H397520" s="12"/>
    </row>
    <row r="397521" spans="8:8">
      <c r="H397521" s="12"/>
    </row>
    <row r="397522" spans="8:8">
      <c r="H397522" s="12"/>
    </row>
    <row r="397523" spans="8:8">
      <c r="H397523" s="12"/>
    </row>
    <row r="397524" spans="8:8">
      <c r="H397524" s="12"/>
    </row>
    <row r="397525" spans="8:8">
      <c r="H397525" s="12"/>
    </row>
    <row r="397526" spans="8:8">
      <c r="H397526" s="12"/>
    </row>
    <row r="397527" spans="8:8">
      <c r="H397527" s="12"/>
    </row>
    <row r="397528" spans="8:8">
      <c r="H397528" s="12"/>
    </row>
    <row r="397529" spans="8:8">
      <c r="H397529" s="12"/>
    </row>
    <row r="397530" spans="8:8">
      <c r="H397530" s="12"/>
    </row>
    <row r="397531" spans="8:8">
      <c r="H397531" s="12"/>
    </row>
    <row r="397532" spans="8:8">
      <c r="H397532" s="12"/>
    </row>
    <row r="397533" spans="8:8">
      <c r="H397533" s="12"/>
    </row>
    <row r="397534" spans="8:8">
      <c r="H397534" s="12"/>
    </row>
    <row r="397535" spans="8:8">
      <c r="H397535" s="12"/>
    </row>
    <row r="397536" spans="8:8">
      <c r="H397536" s="12"/>
    </row>
    <row r="397537" spans="8:8">
      <c r="H397537" s="12"/>
    </row>
    <row r="397538" spans="8:8">
      <c r="H397538" s="12"/>
    </row>
    <row r="397539" spans="8:8">
      <c r="H397539" s="12"/>
    </row>
    <row r="397540" spans="8:8">
      <c r="H397540" s="12"/>
    </row>
    <row r="397541" spans="8:8">
      <c r="H397541" s="12"/>
    </row>
    <row r="397542" spans="8:8">
      <c r="H397542" s="12"/>
    </row>
    <row r="397543" spans="8:8">
      <c r="H397543" s="12"/>
    </row>
    <row r="397544" spans="8:8">
      <c r="H397544" s="12"/>
    </row>
    <row r="397545" spans="8:8">
      <c r="H397545" s="12"/>
    </row>
    <row r="397546" spans="8:8">
      <c r="H397546" s="12"/>
    </row>
    <row r="397547" spans="8:8">
      <c r="H397547" s="12"/>
    </row>
    <row r="397548" spans="8:8">
      <c r="H397548" s="12"/>
    </row>
    <row r="397549" spans="8:8">
      <c r="H397549" s="12"/>
    </row>
    <row r="397550" spans="8:8">
      <c r="H397550" s="12"/>
    </row>
    <row r="397551" spans="8:8">
      <c r="H397551" s="12"/>
    </row>
    <row r="397552" spans="8:8">
      <c r="H397552" s="12"/>
    </row>
    <row r="397553" spans="8:8">
      <c r="H397553" s="12"/>
    </row>
    <row r="397554" spans="8:8">
      <c r="H397554" s="12"/>
    </row>
    <row r="397555" spans="8:8">
      <c r="H397555" s="12"/>
    </row>
    <row r="397556" spans="8:8">
      <c r="H397556" s="12"/>
    </row>
    <row r="397557" spans="8:8">
      <c r="H397557" s="12"/>
    </row>
    <row r="397558" spans="8:8">
      <c r="H397558" s="12"/>
    </row>
    <row r="397559" spans="8:8">
      <c r="H397559" s="12"/>
    </row>
    <row r="397560" spans="8:8">
      <c r="H397560" s="12"/>
    </row>
    <row r="397561" spans="8:8">
      <c r="H397561" s="12"/>
    </row>
    <row r="397562" spans="8:8">
      <c r="H397562" s="12"/>
    </row>
    <row r="397563" spans="8:8">
      <c r="H397563" s="12"/>
    </row>
    <row r="397564" spans="8:8">
      <c r="H397564" s="12"/>
    </row>
    <row r="397565" spans="8:8">
      <c r="H397565" s="12"/>
    </row>
    <row r="397566" spans="8:8">
      <c r="H397566" s="12"/>
    </row>
    <row r="397567" spans="8:8">
      <c r="H397567" s="12"/>
    </row>
    <row r="397568" spans="8:8">
      <c r="H397568" s="12"/>
    </row>
    <row r="397569" spans="8:8">
      <c r="H397569" s="12"/>
    </row>
    <row r="397570" spans="8:8">
      <c r="H397570" s="12"/>
    </row>
    <row r="397571" spans="8:8">
      <c r="H397571" s="12"/>
    </row>
    <row r="397572" spans="8:8">
      <c r="H397572" s="12"/>
    </row>
    <row r="397573" spans="8:8">
      <c r="H397573" s="12"/>
    </row>
    <row r="397574" spans="8:8">
      <c r="H397574" s="12"/>
    </row>
    <row r="397575" spans="8:8">
      <c r="H397575" s="12"/>
    </row>
    <row r="397576" spans="8:8">
      <c r="H397576" s="12"/>
    </row>
    <row r="397577" spans="8:8">
      <c r="H397577" s="12"/>
    </row>
    <row r="397578" spans="8:8">
      <c r="H397578" s="12"/>
    </row>
    <row r="397579" spans="8:8">
      <c r="H397579" s="12"/>
    </row>
    <row r="397580" spans="8:8">
      <c r="H397580" s="12"/>
    </row>
    <row r="397581" spans="8:8">
      <c r="H397581" s="12"/>
    </row>
    <row r="397582" spans="8:8">
      <c r="H397582" s="12"/>
    </row>
    <row r="397583" spans="8:8">
      <c r="H397583" s="12"/>
    </row>
    <row r="397584" spans="8:8">
      <c r="H397584" s="12"/>
    </row>
    <row r="397585" spans="8:8">
      <c r="H397585" s="12"/>
    </row>
    <row r="397586" spans="8:8">
      <c r="H397586" s="12"/>
    </row>
    <row r="397587" spans="8:8">
      <c r="H397587" s="12"/>
    </row>
    <row r="397588" spans="8:8">
      <c r="H397588" s="12"/>
    </row>
    <row r="397589" spans="8:8">
      <c r="H397589" s="12"/>
    </row>
    <row r="397590" spans="8:8">
      <c r="H397590" s="12"/>
    </row>
    <row r="397591" spans="8:8">
      <c r="H397591" s="12"/>
    </row>
    <row r="397592" spans="8:8">
      <c r="H397592" s="12"/>
    </row>
    <row r="397593" spans="8:8">
      <c r="H397593" s="12"/>
    </row>
    <row r="397594" spans="8:8">
      <c r="H397594" s="12"/>
    </row>
    <row r="397595" spans="8:8">
      <c r="H397595" s="12"/>
    </row>
    <row r="397596" spans="8:8">
      <c r="H397596" s="12"/>
    </row>
    <row r="397597" spans="8:8">
      <c r="H397597" s="12"/>
    </row>
    <row r="397598" spans="8:8">
      <c r="H397598" s="12"/>
    </row>
    <row r="397599" spans="8:8">
      <c r="H397599" s="12"/>
    </row>
    <row r="397600" spans="8:8">
      <c r="H397600" s="12"/>
    </row>
    <row r="397601" spans="8:8">
      <c r="H397601" s="12"/>
    </row>
    <row r="397602" spans="8:8">
      <c r="H397602" s="12"/>
    </row>
    <row r="397603" spans="8:8">
      <c r="H397603" s="12"/>
    </row>
    <row r="397604" spans="8:8">
      <c r="H397604" s="12"/>
    </row>
    <row r="397605" spans="8:8">
      <c r="H397605" s="12"/>
    </row>
    <row r="397606" spans="8:8">
      <c r="H397606" s="12"/>
    </row>
    <row r="397607" spans="8:8">
      <c r="H397607" s="12"/>
    </row>
    <row r="397608" spans="8:8">
      <c r="H397608" s="12"/>
    </row>
    <row r="397609" spans="8:8">
      <c r="H397609" s="12"/>
    </row>
    <row r="397610" spans="8:8">
      <c r="H397610" s="12"/>
    </row>
    <row r="397611" spans="8:8">
      <c r="H397611" s="12"/>
    </row>
    <row r="397612" spans="8:8">
      <c r="H397612" s="12"/>
    </row>
    <row r="397613" spans="8:8">
      <c r="H397613" s="12"/>
    </row>
    <row r="397614" spans="8:8">
      <c r="H397614" s="12"/>
    </row>
    <row r="397615" spans="8:8">
      <c r="H397615" s="12"/>
    </row>
    <row r="397616" spans="8:8">
      <c r="H397616" s="12"/>
    </row>
    <row r="397617" spans="8:8">
      <c r="H397617" s="12"/>
    </row>
    <row r="397618" spans="8:8">
      <c r="H397618" s="12"/>
    </row>
    <row r="397619" spans="8:8">
      <c r="H397619" s="12"/>
    </row>
    <row r="397620" spans="8:8">
      <c r="H397620" s="12"/>
    </row>
    <row r="397621" spans="8:8">
      <c r="H397621" s="12"/>
    </row>
    <row r="397622" spans="8:8">
      <c r="H397622" s="12"/>
    </row>
    <row r="397623" spans="8:8">
      <c r="H397623" s="12"/>
    </row>
    <row r="397624" spans="8:8">
      <c r="H397624" s="12"/>
    </row>
    <row r="397625" spans="8:8">
      <c r="H397625" s="12"/>
    </row>
    <row r="397626" spans="8:8">
      <c r="H397626" s="12"/>
    </row>
    <row r="397627" spans="8:8">
      <c r="H397627" s="12"/>
    </row>
    <row r="397628" spans="8:8">
      <c r="H397628" s="12"/>
    </row>
    <row r="397629" spans="8:8">
      <c r="H397629" s="12"/>
    </row>
    <row r="397630" spans="8:8">
      <c r="H397630" s="12"/>
    </row>
    <row r="397631" spans="8:8">
      <c r="H397631" s="12"/>
    </row>
    <row r="397632" spans="8:8">
      <c r="H397632" s="12"/>
    </row>
    <row r="397633" spans="8:8">
      <c r="H397633" s="12"/>
    </row>
    <row r="397634" spans="8:8">
      <c r="H397634" s="12"/>
    </row>
    <row r="397635" spans="8:8">
      <c r="H397635" s="12"/>
    </row>
    <row r="397636" spans="8:8">
      <c r="H397636" s="12"/>
    </row>
    <row r="397637" spans="8:8">
      <c r="H397637" s="12"/>
    </row>
    <row r="397638" spans="8:8">
      <c r="H397638" s="12"/>
    </row>
    <row r="397639" spans="8:8">
      <c r="H397639" s="12"/>
    </row>
    <row r="397640" spans="8:8">
      <c r="H397640" s="12"/>
    </row>
    <row r="397641" spans="8:8">
      <c r="H397641" s="12"/>
    </row>
    <row r="397642" spans="8:8">
      <c r="H397642" s="12"/>
    </row>
    <row r="397643" spans="8:8">
      <c r="H397643" s="12"/>
    </row>
    <row r="397644" spans="8:8">
      <c r="H397644" s="12"/>
    </row>
    <row r="397645" spans="8:8">
      <c r="H397645" s="12"/>
    </row>
    <row r="397646" spans="8:8">
      <c r="H397646" s="12"/>
    </row>
    <row r="397647" spans="8:8">
      <c r="H397647" s="12"/>
    </row>
    <row r="397648" spans="8:8">
      <c r="H397648" s="12"/>
    </row>
    <row r="397649" spans="8:8">
      <c r="H397649" s="12"/>
    </row>
    <row r="397650" spans="8:8">
      <c r="H397650" s="12"/>
    </row>
    <row r="397651" spans="8:8">
      <c r="H397651" s="12"/>
    </row>
    <row r="397652" spans="8:8">
      <c r="H397652" s="12"/>
    </row>
    <row r="397653" spans="8:8">
      <c r="H397653" s="12"/>
    </row>
    <row r="397654" spans="8:8">
      <c r="H397654" s="12"/>
    </row>
    <row r="397655" spans="8:8">
      <c r="H397655" s="12"/>
    </row>
    <row r="397656" spans="8:8">
      <c r="H397656" s="12"/>
    </row>
    <row r="397657" spans="8:8">
      <c r="H397657" s="12"/>
    </row>
    <row r="397658" spans="8:8">
      <c r="H397658" s="12"/>
    </row>
    <row r="397659" spans="8:8">
      <c r="H397659" s="12"/>
    </row>
    <row r="397660" spans="8:8">
      <c r="H397660" s="12"/>
    </row>
    <row r="397661" spans="8:8">
      <c r="H397661" s="12"/>
    </row>
    <row r="397662" spans="8:8">
      <c r="H397662" s="12"/>
    </row>
    <row r="397663" spans="8:8">
      <c r="H397663" s="12"/>
    </row>
    <row r="397664" spans="8:8">
      <c r="H397664" s="12"/>
    </row>
    <row r="397665" spans="8:8">
      <c r="H397665" s="12"/>
    </row>
    <row r="397666" spans="8:8">
      <c r="H397666" s="12"/>
    </row>
    <row r="397667" spans="8:8">
      <c r="H397667" s="12"/>
    </row>
    <row r="397668" spans="8:8">
      <c r="H397668" s="12"/>
    </row>
    <row r="397669" spans="8:8">
      <c r="H397669" s="12"/>
    </row>
    <row r="397670" spans="8:8">
      <c r="H397670" s="12"/>
    </row>
    <row r="397671" spans="8:8">
      <c r="H397671" s="12"/>
    </row>
    <row r="397672" spans="8:8">
      <c r="H397672" s="12"/>
    </row>
    <row r="397673" spans="8:8">
      <c r="H397673" s="12"/>
    </row>
    <row r="397674" spans="8:8">
      <c r="H397674" s="12"/>
    </row>
    <row r="397675" spans="8:8">
      <c r="H397675" s="12"/>
    </row>
    <row r="397676" spans="8:8">
      <c r="H397676" s="12"/>
    </row>
    <row r="397677" spans="8:8">
      <c r="H397677" s="12"/>
    </row>
    <row r="397678" spans="8:8">
      <c r="H397678" s="12"/>
    </row>
    <row r="397679" spans="8:8">
      <c r="H397679" s="12"/>
    </row>
    <row r="397680" spans="8:8">
      <c r="H397680" s="12"/>
    </row>
    <row r="397681" spans="8:8">
      <c r="H397681" s="12"/>
    </row>
    <row r="397682" spans="8:8">
      <c r="H397682" s="12"/>
    </row>
    <row r="397683" spans="8:8">
      <c r="H397683" s="12"/>
    </row>
    <row r="397684" spans="8:8">
      <c r="H397684" s="12"/>
    </row>
    <row r="397685" spans="8:8">
      <c r="H397685" s="12"/>
    </row>
    <row r="397686" spans="8:8">
      <c r="H397686" s="12"/>
    </row>
    <row r="397687" spans="8:8">
      <c r="H397687" s="12"/>
    </row>
    <row r="397688" spans="8:8">
      <c r="H397688" s="12"/>
    </row>
    <row r="397689" spans="8:8">
      <c r="H397689" s="12"/>
    </row>
    <row r="397690" spans="8:8">
      <c r="H397690" s="12"/>
    </row>
    <row r="397691" spans="8:8">
      <c r="H397691" s="12"/>
    </row>
    <row r="397692" spans="8:8">
      <c r="H397692" s="12"/>
    </row>
    <row r="397693" spans="8:8">
      <c r="H397693" s="12"/>
    </row>
    <row r="397694" spans="8:8">
      <c r="H397694" s="12"/>
    </row>
    <row r="397695" spans="8:8">
      <c r="H397695" s="12"/>
    </row>
    <row r="397696" spans="8:8">
      <c r="H397696" s="12"/>
    </row>
    <row r="397697" spans="8:8">
      <c r="H397697" s="12"/>
    </row>
    <row r="397698" spans="8:8">
      <c r="H397698" s="12"/>
    </row>
    <row r="397699" spans="8:8">
      <c r="H397699" s="12"/>
    </row>
    <row r="397700" spans="8:8">
      <c r="H397700" s="12"/>
    </row>
    <row r="397701" spans="8:8">
      <c r="H397701" s="12"/>
    </row>
    <row r="397702" spans="8:8">
      <c r="H397702" s="12"/>
    </row>
    <row r="397703" spans="8:8">
      <c r="H397703" s="12"/>
    </row>
    <row r="397704" spans="8:8">
      <c r="H397704" s="12"/>
    </row>
    <row r="397705" spans="8:8">
      <c r="H397705" s="12"/>
    </row>
    <row r="397706" spans="8:8">
      <c r="H397706" s="12"/>
    </row>
    <row r="397707" spans="8:8">
      <c r="H397707" s="12"/>
    </row>
    <row r="397708" spans="8:8">
      <c r="H397708" s="12"/>
    </row>
    <row r="397709" spans="8:8">
      <c r="H397709" s="12"/>
    </row>
    <row r="397710" spans="8:8">
      <c r="H397710" s="12"/>
    </row>
    <row r="397711" spans="8:8">
      <c r="H397711" s="12"/>
    </row>
    <row r="397712" spans="8:8">
      <c r="H397712" s="12"/>
    </row>
    <row r="397713" spans="8:8">
      <c r="H397713" s="12"/>
    </row>
    <row r="397714" spans="8:8">
      <c r="H397714" s="12"/>
    </row>
    <row r="397715" spans="8:8">
      <c r="H397715" s="12"/>
    </row>
    <row r="397716" spans="8:8">
      <c r="H397716" s="12"/>
    </row>
    <row r="397717" spans="8:8">
      <c r="H397717" s="12"/>
    </row>
    <row r="397718" spans="8:8">
      <c r="H397718" s="12"/>
    </row>
    <row r="397719" spans="8:8">
      <c r="H397719" s="12"/>
    </row>
    <row r="397720" spans="8:8">
      <c r="H397720" s="12"/>
    </row>
    <row r="397721" spans="8:8">
      <c r="H397721" s="12"/>
    </row>
    <row r="397722" spans="8:8">
      <c r="H397722" s="12"/>
    </row>
    <row r="397723" spans="8:8">
      <c r="H397723" s="12"/>
    </row>
    <row r="397724" spans="8:8">
      <c r="H397724" s="12"/>
    </row>
    <row r="397725" spans="8:8">
      <c r="H397725" s="12"/>
    </row>
    <row r="397726" spans="8:8">
      <c r="H397726" s="12"/>
    </row>
    <row r="397727" spans="8:8">
      <c r="H397727" s="12"/>
    </row>
    <row r="397728" spans="8:8">
      <c r="H397728" s="12"/>
    </row>
    <row r="397729" spans="8:8">
      <c r="H397729" s="12"/>
    </row>
    <row r="397730" spans="8:8">
      <c r="H397730" s="12"/>
    </row>
    <row r="397731" spans="8:8">
      <c r="H397731" s="12"/>
    </row>
    <row r="397732" spans="8:8">
      <c r="H397732" s="12"/>
    </row>
    <row r="397733" spans="8:8">
      <c r="H397733" s="12"/>
    </row>
    <row r="397734" spans="8:8">
      <c r="H397734" s="12"/>
    </row>
    <row r="397735" spans="8:8">
      <c r="H397735" s="12"/>
    </row>
    <row r="397736" spans="8:8">
      <c r="H397736" s="12"/>
    </row>
    <row r="397737" spans="8:8">
      <c r="H397737" s="12"/>
    </row>
    <row r="397738" spans="8:8">
      <c r="H397738" s="12"/>
    </row>
    <row r="397739" spans="8:8">
      <c r="H397739" s="12"/>
    </row>
    <row r="397740" spans="8:8">
      <c r="H397740" s="12"/>
    </row>
    <row r="397741" spans="8:8">
      <c r="H397741" s="12"/>
    </row>
    <row r="397742" spans="8:8">
      <c r="H397742" s="12"/>
    </row>
    <row r="397743" spans="8:8">
      <c r="H397743" s="12"/>
    </row>
    <row r="397744" spans="8:8">
      <c r="H397744" s="12"/>
    </row>
    <row r="397745" spans="8:8">
      <c r="H397745" s="12"/>
    </row>
    <row r="397746" spans="8:8">
      <c r="H397746" s="12"/>
    </row>
    <row r="397747" spans="8:8">
      <c r="H397747" s="12"/>
    </row>
    <row r="397748" spans="8:8">
      <c r="H397748" s="12"/>
    </row>
    <row r="397749" spans="8:8">
      <c r="H397749" s="12"/>
    </row>
    <row r="397750" spans="8:8">
      <c r="H397750" s="12"/>
    </row>
    <row r="397751" spans="8:8">
      <c r="H397751" s="12"/>
    </row>
    <row r="397752" spans="8:8">
      <c r="H397752" s="12"/>
    </row>
    <row r="397753" spans="8:8">
      <c r="H397753" s="12"/>
    </row>
    <row r="397754" spans="8:8">
      <c r="H397754" s="12"/>
    </row>
    <row r="397755" spans="8:8">
      <c r="H397755" s="12"/>
    </row>
    <row r="397756" spans="8:8">
      <c r="H397756" s="12"/>
    </row>
    <row r="397757" spans="8:8">
      <c r="H397757" s="12"/>
    </row>
    <row r="397758" spans="8:8">
      <c r="H397758" s="12"/>
    </row>
    <row r="397759" spans="8:8">
      <c r="H397759" s="12"/>
    </row>
    <row r="397760" spans="8:8">
      <c r="H397760" s="12"/>
    </row>
    <row r="397761" spans="8:8">
      <c r="H397761" s="12"/>
    </row>
    <row r="397762" spans="8:8">
      <c r="H397762" s="12"/>
    </row>
    <row r="397763" spans="8:8">
      <c r="H397763" s="12"/>
    </row>
    <row r="397764" spans="8:8">
      <c r="H397764" s="12"/>
    </row>
    <row r="397765" spans="8:8">
      <c r="H397765" s="12"/>
    </row>
    <row r="397766" spans="8:8">
      <c r="H397766" s="12"/>
    </row>
    <row r="397767" spans="8:8">
      <c r="H397767" s="12"/>
    </row>
    <row r="397768" spans="8:8">
      <c r="H397768" s="12"/>
    </row>
    <row r="397769" spans="8:8">
      <c r="H397769" s="12"/>
    </row>
    <row r="397770" spans="8:8">
      <c r="H397770" s="12"/>
    </row>
    <row r="397771" spans="8:8">
      <c r="H397771" s="12"/>
    </row>
    <row r="397772" spans="8:8">
      <c r="H397772" s="12"/>
    </row>
    <row r="397773" spans="8:8">
      <c r="H397773" s="12"/>
    </row>
    <row r="397774" spans="8:8">
      <c r="H397774" s="12"/>
    </row>
    <row r="397775" spans="8:8">
      <c r="H397775" s="12"/>
    </row>
    <row r="397776" spans="8:8">
      <c r="H397776" s="12"/>
    </row>
    <row r="397777" spans="8:8">
      <c r="H397777" s="12"/>
    </row>
    <row r="397778" spans="8:8">
      <c r="H397778" s="12"/>
    </row>
    <row r="397779" spans="8:8">
      <c r="H397779" s="12"/>
    </row>
    <row r="397780" spans="8:8">
      <c r="H397780" s="12"/>
    </row>
    <row r="397781" spans="8:8">
      <c r="H397781" s="12"/>
    </row>
    <row r="397782" spans="8:8">
      <c r="H397782" s="12"/>
    </row>
    <row r="397783" spans="8:8">
      <c r="H397783" s="12"/>
    </row>
    <row r="397784" spans="8:8">
      <c r="H397784" s="12"/>
    </row>
    <row r="397785" spans="8:8">
      <c r="H397785" s="12"/>
    </row>
    <row r="397786" spans="8:8">
      <c r="H397786" s="12"/>
    </row>
    <row r="397787" spans="8:8">
      <c r="H397787" s="12"/>
    </row>
    <row r="397788" spans="8:8">
      <c r="H397788" s="12"/>
    </row>
    <row r="397789" spans="8:8">
      <c r="H397789" s="12"/>
    </row>
    <row r="397790" spans="8:8">
      <c r="H397790" s="12"/>
    </row>
    <row r="397791" spans="8:8">
      <c r="H397791" s="12"/>
    </row>
    <row r="397792" spans="8:8">
      <c r="H397792" s="12"/>
    </row>
    <row r="397793" spans="8:8">
      <c r="H397793" s="12"/>
    </row>
    <row r="397794" spans="8:8">
      <c r="H397794" s="12"/>
    </row>
    <row r="397795" spans="8:8">
      <c r="H397795" s="12"/>
    </row>
    <row r="397796" spans="8:8">
      <c r="H397796" s="12"/>
    </row>
    <row r="397797" spans="8:8">
      <c r="H397797" s="12"/>
    </row>
    <row r="397798" spans="8:8">
      <c r="H397798" s="12"/>
    </row>
    <row r="397799" spans="8:8">
      <c r="H397799" s="12"/>
    </row>
    <row r="397800" spans="8:8">
      <c r="H397800" s="12"/>
    </row>
    <row r="397801" spans="8:8">
      <c r="H397801" s="12"/>
    </row>
    <row r="397802" spans="8:8">
      <c r="H397802" s="12"/>
    </row>
    <row r="397803" spans="8:8">
      <c r="H397803" s="12"/>
    </row>
    <row r="397804" spans="8:8">
      <c r="H397804" s="12"/>
    </row>
    <row r="397805" spans="8:8">
      <c r="H397805" s="12"/>
    </row>
    <row r="397806" spans="8:8">
      <c r="H397806" s="12"/>
    </row>
    <row r="397807" spans="8:8">
      <c r="H397807" s="12"/>
    </row>
    <row r="397808" spans="8:8">
      <c r="H397808" s="12"/>
    </row>
    <row r="397809" spans="8:8">
      <c r="H397809" s="12"/>
    </row>
    <row r="397810" spans="8:8">
      <c r="H397810" s="12"/>
    </row>
    <row r="397811" spans="8:8">
      <c r="H397811" s="12"/>
    </row>
    <row r="397812" spans="8:8">
      <c r="H397812" s="12"/>
    </row>
    <row r="397813" spans="8:8">
      <c r="H397813" s="12"/>
    </row>
    <row r="397814" spans="8:8">
      <c r="H397814" s="12"/>
    </row>
    <row r="397815" spans="8:8">
      <c r="H397815" s="12"/>
    </row>
    <row r="397816" spans="8:8">
      <c r="H397816" s="12"/>
    </row>
    <row r="397817" spans="8:8">
      <c r="H397817" s="12"/>
    </row>
    <row r="397818" spans="8:8">
      <c r="H397818" s="12"/>
    </row>
    <row r="397819" spans="8:8">
      <c r="H397819" s="12"/>
    </row>
    <row r="397820" spans="8:8">
      <c r="H397820" s="12"/>
    </row>
    <row r="397821" spans="8:8">
      <c r="H397821" s="12"/>
    </row>
    <row r="397822" spans="8:8">
      <c r="H397822" s="12"/>
    </row>
    <row r="397823" spans="8:8">
      <c r="H397823" s="12"/>
    </row>
    <row r="397824" spans="8:8">
      <c r="H397824" s="12"/>
    </row>
    <row r="397825" spans="8:8">
      <c r="H397825" s="12"/>
    </row>
    <row r="397826" spans="8:8">
      <c r="H397826" s="12"/>
    </row>
    <row r="397827" spans="8:8">
      <c r="H397827" s="12"/>
    </row>
    <row r="397828" spans="8:8">
      <c r="H397828" s="12"/>
    </row>
    <row r="397829" spans="8:8">
      <c r="H397829" s="12"/>
    </row>
    <row r="397830" spans="8:8">
      <c r="H397830" s="12"/>
    </row>
    <row r="397831" spans="8:8">
      <c r="H397831" s="12"/>
    </row>
    <row r="397832" spans="8:8">
      <c r="H397832" s="12"/>
    </row>
    <row r="397833" spans="8:8">
      <c r="H397833" s="12"/>
    </row>
    <row r="397834" spans="8:8">
      <c r="H397834" s="12"/>
    </row>
    <row r="397835" spans="8:8">
      <c r="H397835" s="12"/>
    </row>
    <row r="397836" spans="8:8">
      <c r="H397836" s="12"/>
    </row>
    <row r="397837" spans="8:8">
      <c r="H397837" s="12"/>
    </row>
    <row r="397838" spans="8:8">
      <c r="H397838" s="12"/>
    </row>
    <row r="397839" spans="8:8">
      <c r="H397839" s="12"/>
    </row>
    <row r="397840" spans="8:8">
      <c r="H397840" s="12"/>
    </row>
    <row r="397841" spans="8:8">
      <c r="H397841" s="12"/>
    </row>
    <row r="397842" spans="8:8">
      <c r="H397842" s="12"/>
    </row>
    <row r="397843" spans="8:8">
      <c r="H397843" s="12"/>
    </row>
    <row r="397844" spans="8:8">
      <c r="H397844" s="12"/>
    </row>
    <row r="397845" spans="8:8">
      <c r="H397845" s="12"/>
    </row>
    <row r="397846" spans="8:8">
      <c r="H397846" s="12"/>
    </row>
    <row r="397847" spans="8:8">
      <c r="H397847" s="12"/>
    </row>
    <row r="397848" spans="8:8">
      <c r="H397848" s="12"/>
    </row>
    <row r="397849" spans="8:8">
      <c r="H397849" s="12"/>
    </row>
    <row r="397850" spans="8:8">
      <c r="H397850" s="12"/>
    </row>
    <row r="397851" spans="8:8">
      <c r="H397851" s="12"/>
    </row>
    <row r="397852" spans="8:8">
      <c r="H397852" s="12"/>
    </row>
    <row r="397853" spans="8:8">
      <c r="H397853" s="12"/>
    </row>
    <row r="397854" spans="8:8">
      <c r="H397854" s="12"/>
    </row>
    <row r="397855" spans="8:8">
      <c r="H397855" s="12"/>
    </row>
    <row r="397856" spans="8:8">
      <c r="H397856" s="12"/>
    </row>
    <row r="397857" spans="8:8">
      <c r="H397857" s="12"/>
    </row>
    <row r="397858" spans="8:8">
      <c r="H397858" s="12"/>
    </row>
    <row r="397859" spans="8:8">
      <c r="H397859" s="12"/>
    </row>
    <row r="397860" spans="8:8">
      <c r="H397860" s="12"/>
    </row>
    <row r="397861" spans="8:8">
      <c r="H397861" s="12"/>
    </row>
    <row r="397862" spans="8:8">
      <c r="H397862" s="12"/>
    </row>
    <row r="397863" spans="8:8">
      <c r="H397863" s="12"/>
    </row>
    <row r="397864" spans="8:8">
      <c r="H397864" s="12"/>
    </row>
    <row r="397865" spans="8:8">
      <c r="H397865" s="12"/>
    </row>
    <row r="397866" spans="8:8">
      <c r="H397866" s="12"/>
    </row>
    <row r="397867" spans="8:8">
      <c r="H397867" s="12"/>
    </row>
    <row r="397868" spans="8:8">
      <c r="H397868" s="12"/>
    </row>
    <row r="397869" spans="8:8">
      <c r="H397869" s="12"/>
    </row>
    <row r="397870" spans="8:8">
      <c r="H397870" s="12"/>
    </row>
    <row r="397871" spans="8:8">
      <c r="H397871" s="12"/>
    </row>
    <row r="397872" spans="8:8">
      <c r="H397872" s="12"/>
    </row>
    <row r="397873" spans="8:8">
      <c r="H397873" s="12"/>
    </row>
    <row r="397874" spans="8:8">
      <c r="H397874" s="12"/>
    </row>
    <row r="397875" spans="8:8">
      <c r="H397875" s="12"/>
    </row>
    <row r="397876" spans="8:8">
      <c r="H397876" s="12"/>
    </row>
    <row r="397877" spans="8:8">
      <c r="H397877" s="12"/>
    </row>
    <row r="397878" spans="8:8">
      <c r="H397878" s="12"/>
    </row>
    <row r="397879" spans="8:8">
      <c r="H397879" s="12"/>
    </row>
    <row r="397880" spans="8:8">
      <c r="H397880" s="12"/>
    </row>
    <row r="397881" spans="8:8">
      <c r="H397881" s="12"/>
    </row>
    <row r="397882" spans="8:8">
      <c r="H397882" s="12"/>
    </row>
    <row r="397883" spans="8:8">
      <c r="H397883" s="12"/>
    </row>
    <row r="397884" spans="8:8">
      <c r="H397884" s="12"/>
    </row>
    <row r="397885" spans="8:8">
      <c r="H397885" s="12"/>
    </row>
    <row r="397886" spans="8:8">
      <c r="H397886" s="12"/>
    </row>
    <row r="397887" spans="8:8">
      <c r="H397887" s="12"/>
    </row>
    <row r="397888" spans="8:8">
      <c r="H397888" s="12"/>
    </row>
    <row r="397889" spans="8:8">
      <c r="H397889" s="12"/>
    </row>
    <row r="397890" spans="8:8">
      <c r="H397890" s="12"/>
    </row>
    <row r="397891" spans="8:8">
      <c r="H397891" s="12"/>
    </row>
    <row r="397892" spans="8:8">
      <c r="H397892" s="12"/>
    </row>
    <row r="397893" spans="8:8">
      <c r="H397893" s="12"/>
    </row>
    <row r="397894" spans="8:8">
      <c r="H397894" s="12"/>
    </row>
    <row r="397895" spans="8:8">
      <c r="H397895" s="12"/>
    </row>
    <row r="397896" spans="8:8">
      <c r="H397896" s="12"/>
    </row>
    <row r="397897" spans="8:8">
      <c r="H397897" s="12"/>
    </row>
    <row r="397898" spans="8:8">
      <c r="H397898" s="12"/>
    </row>
    <row r="397899" spans="8:8">
      <c r="H397899" s="12"/>
    </row>
    <row r="397900" spans="8:8">
      <c r="H397900" s="12"/>
    </row>
    <row r="397901" spans="8:8">
      <c r="H397901" s="12"/>
    </row>
    <row r="397902" spans="8:8">
      <c r="H397902" s="12"/>
    </row>
    <row r="397903" spans="8:8">
      <c r="H397903" s="12"/>
    </row>
    <row r="397904" spans="8:8">
      <c r="H397904" s="12"/>
    </row>
    <row r="397905" spans="8:8">
      <c r="H397905" s="12"/>
    </row>
    <row r="397906" spans="8:8">
      <c r="H397906" s="12"/>
    </row>
    <row r="397907" spans="8:8">
      <c r="H397907" s="12"/>
    </row>
    <row r="397908" spans="8:8">
      <c r="H397908" s="12"/>
    </row>
    <row r="397909" spans="8:8">
      <c r="H397909" s="12"/>
    </row>
    <row r="397910" spans="8:8">
      <c r="H397910" s="12"/>
    </row>
    <row r="397911" spans="8:8">
      <c r="H397911" s="12"/>
    </row>
    <row r="397912" spans="8:8">
      <c r="H397912" s="12"/>
    </row>
    <row r="397913" spans="8:8">
      <c r="H397913" s="12"/>
    </row>
    <row r="397914" spans="8:8">
      <c r="H397914" s="12"/>
    </row>
    <row r="397915" spans="8:8">
      <c r="H397915" s="12"/>
    </row>
    <row r="397916" spans="8:8">
      <c r="H397916" s="12"/>
    </row>
    <row r="397917" spans="8:8">
      <c r="H397917" s="12"/>
    </row>
    <row r="397918" spans="8:8">
      <c r="H397918" s="12"/>
    </row>
    <row r="397919" spans="8:8">
      <c r="H397919" s="12"/>
    </row>
    <row r="397920" spans="8:8">
      <c r="H397920" s="12"/>
    </row>
    <row r="397921" spans="8:8">
      <c r="H397921" s="12"/>
    </row>
    <row r="397922" spans="8:8">
      <c r="H397922" s="12"/>
    </row>
    <row r="397923" spans="8:8">
      <c r="H397923" s="12"/>
    </row>
    <row r="397924" spans="8:8">
      <c r="H397924" s="12"/>
    </row>
    <row r="397925" spans="8:8">
      <c r="H397925" s="12"/>
    </row>
    <row r="397926" spans="8:8">
      <c r="H397926" s="12"/>
    </row>
    <row r="397927" spans="8:8">
      <c r="H397927" s="12"/>
    </row>
    <row r="397928" spans="8:8">
      <c r="H397928" s="12"/>
    </row>
    <row r="397929" spans="8:8">
      <c r="H397929" s="12"/>
    </row>
    <row r="397930" spans="8:8">
      <c r="H397930" s="12"/>
    </row>
    <row r="397931" spans="8:8">
      <c r="H397931" s="12"/>
    </row>
    <row r="397932" spans="8:8">
      <c r="H397932" s="12"/>
    </row>
    <row r="397933" spans="8:8">
      <c r="H397933" s="12"/>
    </row>
    <row r="397934" spans="8:8">
      <c r="H397934" s="12"/>
    </row>
    <row r="397935" spans="8:8">
      <c r="H397935" s="12"/>
    </row>
    <row r="397936" spans="8:8">
      <c r="H397936" s="12"/>
    </row>
    <row r="397937" spans="8:8">
      <c r="H397937" s="12"/>
    </row>
    <row r="397938" spans="8:8">
      <c r="H397938" s="12"/>
    </row>
    <row r="397939" spans="8:8">
      <c r="H397939" s="12"/>
    </row>
    <row r="397940" spans="8:8">
      <c r="H397940" s="12"/>
    </row>
    <row r="397941" spans="8:8">
      <c r="H397941" s="12"/>
    </row>
    <row r="397942" spans="8:8">
      <c r="H397942" s="12"/>
    </row>
    <row r="397943" spans="8:8">
      <c r="H397943" s="12"/>
    </row>
    <row r="397944" spans="8:8">
      <c r="H397944" s="12"/>
    </row>
    <row r="397945" spans="8:8">
      <c r="H397945" s="12"/>
    </row>
    <row r="397946" spans="8:8">
      <c r="H397946" s="12"/>
    </row>
    <row r="397947" spans="8:8">
      <c r="H397947" s="12"/>
    </row>
    <row r="397948" spans="8:8">
      <c r="H397948" s="12"/>
    </row>
    <row r="397949" spans="8:8">
      <c r="H397949" s="12"/>
    </row>
    <row r="397950" spans="8:8">
      <c r="H397950" s="12"/>
    </row>
    <row r="397951" spans="8:8">
      <c r="H397951" s="12"/>
    </row>
    <row r="397952" spans="8:8">
      <c r="H397952" s="12"/>
    </row>
    <row r="397953" spans="8:8">
      <c r="H397953" s="12"/>
    </row>
    <row r="397954" spans="8:8">
      <c r="H397954" s="12"/>
    </row>
    <row r="397955" spans="8:8">
      <c r="H397955" s="12"/>
    </row>
    <row r="397956" spans="8:8">
      <c r="H397956" s="12"/>
    </row>
    <row r="397957" spans="8:8">
      <c r="H397957" s="12"/>
    </row>
    <row r="397958" spans="8:8">
      <c r="H397958" s="12"/>
    </row>
    <row r="397959" spans="8:8">
      <c r="H397959" s="12"/>
    </row>
    <row r="397960" spans="8:8">
      <c r="H397960" s="12"/>
    </row>
    <row r="397961" spans="8:8">
      <c r="H397961" s="12"/>
    </row>
    <row r="397962" spans="8:8">
      <c r="H397962" s="12"/>
    </row>
    <row r="397963" spans="8:8">
      <c r="H397963" s="12"/>
    </row>
    <row r="397964" spans="8:8">
      <c r="H397964" s="12"/>
    </row>
    <row r="397965" spans="8:8">
      <c r="H397965" s="12"/>
    </row>
    <row r="397966" spans="8:8">
      <c r="H397966" s="12"/>
    </row>
    <row r="397967" spans="8:8">
      <c r="H397967" s="12"/>
    </row>
    <row r="397968" spans="8:8">
      <c r="H397968" s="12"/>
    </row>
    <row r="397969" spans="8:8">
      <c r="H397969" s="12"/>
    </row>
    <row r="397970" spans="8:8">
      <c r="H397970" s="12"/>
    </row>
    <row r="397971" spans="8:8">
      <c r="H397971" s="12"/>
    </row>
    <row r="397972" spans="8:8">
      <c r="H397972" s="12"/>
    </row>
    <row r="397973" spans="8:8">
      <c r="H397973" s="12"/>
    </row>
    <row r="397974" spans="8:8">
      <c r="H397974" s="12"/>
    </row>
    <row r="397975" spans="8:8">
      <c r="H397975" s="12"/>
    </row>
    <row r="397976" spans="8:8">
      <c r="H397976" s="12"/>
    </row>
    <row r="397977" spans="8:8">
      <c r="H397977" s="12"/>
    </row>
    <row r="397978" spans="8:8">
      <c r="H397978" s="12"/>
    </row>
    <row r="397979" spans="8:8">
      <c r="H397979" s="12"/>
    </row>
    <row r="397980" spans="8:8">
      <c r="H397980" s="12"/>
    </row>
    <row r="397981" spans="8:8">
      <c r="H397981" s="12"/>
    </row>
    <row r="397982" spans="8:8">
      <c r="H397982" s="12"/>
    </row>
    <row r="397983" spans="8:8">
      <c r="H397983" s="12"/>
    </row>
    <row r="397984" spans="8:8">
      <c r="H397984" s="12"/>
    </row>
    <row r="397985" spans="8:8">
      <c r="H397985" s="12"/>
    </row>
    <row r="397986" spans="8:8">
      <c r="H397986" s="12"/>
    </row>
    <row r="397987" spans="8:8">
      <c r="H397987" s="12"/>
    </row>
    <row r="397988" spans="8:8">
      <c r="H397988" s="12"/>
    </row>
    <row r="397989" spans="8:8">
      <c r="H397989" s="12"/>
    </row>
    <row r="397990" spans="8:8">
      <c r="H397990" s="12"/>
    </row>
    <row r="397991" spans="8:8">
      <c r="H397991" s="12"/>
    </row>
    <row r="397992" spans="8:8">
      <c r="H397992" s="12"/>
    </row>
    <row r="397993" spans="8:8">
      <c r="H397993" s="12"/>
    </row>
    <row r="397994" spans="8:8">
      <c r="H397994" s="12"/>
    </row>
    <row r="397995" spans="8:8">
      <c r="H397995" s="12"/>
    </row>
    <row r="397996" spans="8:8">
      <c r="H397996" s="12"/>
    </row>
    <row r="397997" spans="8:8">
      <c r="H397997" s="12"/>
    </row>
    <row r="397998" spans="8:8">
      <c r="H397998" s="12"/>
    </row>
    <row r="397999" spans="8:8">
      <c r="H397999" s="12"/>
    </row>
    <row r="398000" spans="8:8">
      <c r="H398000" s="12"/>
    </row>
    <row r="398001" spans="8:8">
      <c r="H398001" s="12"/>
    </row>
    <row r="398002" spans="8:8">
      <c r="H398002" s="12"/>
    </row>
    <row r="398003" spans="8:8">
      <c r="H398003" s="12"/>
    </row>
    <row r="398004" spans="8:8">
      <c r="H398004" s="12"/>
    </row>
    <row r="398005" spans="8:8">
      <c r="H398005" s="12"/>
    </row>
    <row r="398006" spans="8:8">
      <c r="H398006" s="12"/>
    </row>
    <row r="398007" spans="8:8">
      <c r="H398007" s="12"/>
    </row>
    <row r="398008" spans="8:8">
      <c r="H398008" s="12"/>
    </row>
    <row r="398009" spans="8:8">
      <c r="H398009" s="12"/>
    </row>
    <row r="398010" spans="8:8">
      <c r="H398010" s="12"/>
    </row>
    <row r="398011" spans="8:8">
      <c r="H398011" s="12"/>
    </row>
    <row r="398012" spans="8:8">
      <c r="H398012" s="12"/>
    </row>
    <row r="398013" spans="8:8">
      <c r="H398013" s="12"/>
    </row>
    <row r="398014" spans="8:8">
      <c r="H398014" s="12"/>
    </row>
    <row r="398015" spans="8:8">
      <c r="H398015" s="12"/>
    </row>
    <row r="398016" spans="8:8">
      <c r="H398016" s="12"/>
    </row>
    <row r="398017" spans="8:8">
      <c r="H398017" s="12"/>
    </row>
    <row r="398018" spans="8:8">
      <c r="H398018" s="12"/>
    </row>
    <row r="398019" spans="8:8">
      <c r="H398019" s="12"/>
    </row>
    <row r="398020" spans="8:8">
      <c r="H398020" s="12"/>
    </row>
    <row r="398021" spans="8:8">
      <c r="H398021" s="12"/>
    </row>
    <row r="398022" spans="8:8">
      <c r="H398022" s="12"/>
    </row>
    <row r="398023" spans="8:8">
      <c r="H398023" s="12"/>
    </row>
    <row r="398024" spans="8:8">
      <c r="H398024" s="12"/>
    </row>
    <row r="398025" spans="8:8">
      <c r="H398025" s="12"/>
    </row>
    <row r="398026" spans="8:8">
      <c r="H398026" s="12"/>
    </row>
    <row r="398027" spans="8:8">
      <c r="H398027" s="12"/>
    </row>
    <row r="398028" spans="8:8">
      <c r="H398028" s="12"/>
    </row>
    <row r="398029" spans="8:8">
      <c r="H398029" s="12"/>
    </row>
    <row r="398030" spans="8:8">
      <c r="H398030" s="12"/>
    </row>
    <row r="398031" spans="8:8">
      <c r="H398031" s="12"/>
    </row>
    <row r="398032" spans="8:8">
      <c r="H398032" s="12"/>
    </row>
    <row r="398033" spans="8:8">
      <c r="H398033" s="12"/>
    </row>
    <row r="398034" spans="8:8">
      <c r="H398034" s="12"/>
    </row>
    <row r="398035" spans="8:8">
      <c r="H398035" s="12"/>
    </row>
    <row r="398036" spans="8:8">
      <c r="H398036" s="12"/>
    </row>
    <row r="398037" spans="8:8">
      <c r="H398037" s="12"/>
    </row>
    <row r="398038" spans="8:8">
      <c r="H398038" s="12"/>
    </row>
    <row r="398039" spans="8:8">
      <c r="H398039" s="12"/>
    </row>
    <row r="398040" spans="8:8">
      <c r="H398040" s="12"/>
    </row>
    <row r="398041" spans="8:8">
      <c r="H398041" s="12"/>
    </row>
    <row r="398042" spans="8:8">
      <c r="H398042" s="12"/>
    </row>
    <row r="398043" spans="8:8">
      <c r="H398043" s="12"/>
    </row>
    <row r="398044" spans="8:8">
      <c r="H398044" s="12"/>
    </row>
    <row r="398045" spans="8:8">
      <c r="H398045" s="12"/>
    </row>
    <row r="398046" spans="8:8">
      <c r="H398046" s="12"/>
    </row>
    <row r="398047" spans="8:8">
      <c r="H398047" s="12"/>
    </row>
    <row r="398048" spans="8:8">
      <c r="H398048" s="12"/>
    </row>
    <row r="398049" spans="8:8">
      <c r="H398049" s="12"/>
    </row>
    <row r="398050" spans="8:8">
      <c r="H398050" s="12"/>
    </row>
    <row r="398051" spans="8:8">
      <c r="H398051" s="12"/>
    </row>
    <row r="398052" spans="8:8">
      <c r="H398052" s="12"/>
    </row>
    <row r="398053" spans="8:8">
      <c r="H398053" s="12"/>
    </row>
    <row r="398054" spans="8:8">
      <c r="H398054" s="12"/>
    </row>
    <row r="398055" spans="8:8">
      <c r="H398055" s="12"/>
    </row>
    <row r="398056" spans="8:8">
      <c r="H398056" s="12"/>
    </row>
    <row r="398057" spans="8:8">
      <c r="H398057" s="12"/>
    </row>
    <row r="398058" spans="8:8">
      <c r="H398058" s="12"/>
    </row>
    <row r="398059" spans="8:8">
      <c r="H398059" s="12"/>
    </row>
    <row r="398060" spans="8:8">
      <c r="H398060" s="12"/>
    </row>
    <row r="398061" spans="8:8">
      <c r="H398061" s="12"/>
    </row>
    <row r="398062" spans="8:8">
      <c r="H398062" s="12"/>
    </row>
    <row r="398063" spans="8:8">
      <c r="H398063" s="12"/>
    </row>
    <row r="398064" spans="8:8">
      <c r="H398064" s="12"/>
    </row>
    <row r="398065" spans="8:8">
      <c r="H398065" s="12"/>
    </row>
    <row r="398066" spans="8:8">
      <c r="H398066" s="12"/>
    </row>
    <row r="398067" spans="8:8">
      <c r="H398067" s="12"/>
    </row>
    <row r="398068" spans="8:8">
      <c r="H398068" s="12"/>
    </row>
    <row r="398069" spans="8:8">
      <c r="H398069" s="12"/>
    </row>
    <row r="398070" spans="8:8">
      <c r="H398070" s="12"/>
    </row>
    <row r="398071" spans="8:8">
      <c r="H398071" s="12"/>
    </row>
    <row r="398072" spans="8:8">
      <c r="H398072" s="12"/>
    </row>
    <row r="398073" spans="8:8">
      <c r="H398073" s="12"/>
    </row>
    <row r="398074" spans="8:8">
      <c r="H398074" s="12"/>
    </row>
    <row r="398075" spans="8:8">
      <c r="H398075" s="12"/>
    </row>
    <row r="398076" spans="8:8">
      <c r="H398076" s="12"/>
    </row>
    <row r="398077" spans="8:8">
      <c r="H398077" s="12"/>
    </row>
    <row r="398078" spans="8:8">
      <c r="H398078" s="12"/>
    </row>
    <row r="398079" spans="8:8">
      <c r="H398079" s="12"/>
    </row>
    <row r="398080" spans="8:8">
      <c r="H398080" s="12"/>
    </row>
    <row r="398081" spans="8:8">
      <c r="H398081" s="12"/>
    </row>
    <row r="398082" spans="8:8">
      <c r="H398082" s="12"/>
    </row>
    <row r="398083" spans="8:8">
      <c r="H398083" s="12"/>
    </row>
    <row r="398084" spans="8:8">
      <c r="H398084" s="12"/>
    </row>
    <row r="398085" spans="8:8">
      <c r="H398085" s="12"/>
    </row>
    <row r="398086" spans="8:8">
      <c r="H398086" s="12"/>
    </row>
    <row r="398087" spans="8:8">
      <c r="H398087" s="12"/>
    </row>
    <row r="398088" spans="8:8">
      <c r="H398088" s="12"/>
    </row>
    <row r="398089" spans="8:8">
      <c r="H398089" s="12"/>
    </row>
    <row r="398090" spans="8:8">
      <c r="H398090" s="12"/>
    </row>
    <row r="398091" spans="8:8">
      <c r="H398091" s="12"/>
    </row>
    <row r="398092" spans="8:8">
      <c r="H398092" s="12"/>
    </row>
    <row r="398093" spans="8:8">
      <c r="H398093" s="12"/>
    </row>
    <row r="398094" spans="8:8">
      <c r="H398094" s="12"/>
    </row>
    <row r="398095" spans="8:8">
      <c r="H398095" s="12"/>
    </row>
    <row r="398096" spans="8:8">
      <c r="H398096" s="12"/>
    </row>
    <row r="398097" spans="8:8">
      <c r="H398097" s="12"/>
    </row>
    <row r="398098" spans="8:8">
      <c r="H398098" s="12"/>
    </row>
    <row r="398099" spans="8:8">
      <c r="H398099" s="12"/>
    </row>
    <row r="398100" spans="8:8">
      <c r="H398100" s="12"/>
    </row>
    <row r="398101" spans="8:8">
      <c r="H398101" s="12"/>
    </row>
    <row r="398102" spans="8:8">
      <c r="H398102" s="12"/>
    </row>
    <row r="398103" spans="8:8">
      <c r="H398103" s="12"/>
    </row>
    <row r="398104" spans="8:8">
      <c r="H398104" s="12"/>
    </row>
    <row r="398105" spans="8:8">
      <c r="H398105" s="12"/>
    </row>
    <row r="398106" spans="8:8">
      <c r="H398106" s="12"/>
    </row>
    <row r="398107" spans="8:8">
      <c r="H398107" s="12"/>
    </row>
    <row r="398108" spans="8:8">
      <c r="H398108" s="12"/>
    </row>
    <row r="398109" spans="8:8">
      <c r="H398109" s="12"/>
    </row>
    <row r="398110" spans="8:8">
      <c r="H398110" s="12"/>
    </row>
    <row r="398111" spans="8:8">
      <c r="H398111" s="12"/>
    </row>
    <row r="398112" spans="8:8">
      <c r="H398112" s="12"/>
    </row>
    <row r="398113" spans="8:8">
      <c r="H398113" s="12"/>
    </row>
    <row r="398114" spans="8:8">
      <c r="H398114" s="12"/>
    </row>
    <row r="398115" spans="8:8">
      <c r="H398115" s="12"/>
    </row>
    <row r="398116" spans="8:8">
      <c r="H398116" s="12"/>
    </row>
    <row r="398117" spans="8:8">
      <c r="H398117" s="12"/>
    </row>
    <row r="398118" spans="8:8">
      <c r="H398118" s="12"/>
    </row>
    <row r="398119" spans="8:8">
      <c r="H398119" s="12"/>
    </row>
    <row r="398120" spans="8:8">
      <c r="H398120" s="12"/>
    </row>
    <row r="398121" spans="8:8">
      <c r="H398121" s="12"/>
    </row>
    <row r="398122" spans="8:8">
      <c r="H398122" s="12"/>
    </row>
    <row r="398123" spans="8:8">
      <c r="H398123" s="12"/>
    </row>
    <row r="398124" spans="8:8">
      <c r="H398124" s="12"/>
    </row>
    <row r="398125" spans="8:8">
      <c r="H398125" s="12"/>
    </row>
    <row r="398126" spans="8:8">
      <c r="H398126" s="12"/>
    </row>
    <row r="398127" spans="8:8">
      <c r="H398127" s="12"/>
    </row>
    <row r="398128" spans="8:8">
      <c r="H398128" s="12"/>
    </row>
    <row r="398129" spans="8:8">
      <c r="H398129" s="12"/>
    </row>
    <row r="398130" spans="8:8">
      <c r="H398130" s="12"/>
    </row>
    <row r="398131" spans="8:8">
      <c r="H398131" s="12"/>
    </row>
    <row r="398132" spans="8:8">
      <c r="H398132" s="12"/>
    </row>
    <row r="398133" spans="8:8">
      <c r="H398133" s="12"/>
    </row>
    <row r="398134" spans="8:8">
      <c r="H398134" s="12"/>
    </row>
    <row r="398135" spans="8:8">
      <c r="H398135" s="12"/>
    </row>
    <row r="398136" spans="8:8">
      <c r="H398136" s="12"/>
    </row>
    <row r="398137" spans="8:8">
      <c r="H398137" s="12"/>
    </row>
    <row r="398138" spans="8:8">
      <c r="H398138" s="12"/>
    </row>
    <row r="398139" spans="8:8">
      <c r="H398139" s="12"/>
    </row>
    <row r="398140" spans="8:8">
      <c r="H398140" s="12"/>
    </row>
    <row r="398141" spans="8:8">
      <c r="H398141" s="12"/>
    </row>
    <row r="398142" spans="8:8">
      <c r="H398142" s="12"/>
    </row>
    <row r="398143" spans="8:8">
      <c r="H398143" s="12"/>
    </row>
    <row r="398144" spans="8:8">
      <c r="H398144" s="12"/>
    </row>
    <row r="398145" spans="8:8">
      <c r="H398145" s="12"/>
    </row>
    <row r="398146" spans="8:8">
      <c r="H398146" s="12"/>
    </row>
    <row r="398147" spans="8:8">
      <c r="H398147" s="12"/>
    </row>
    <row r="398148" spans="8:8">
      <c r="H398148" s="12"/>
    </row>
    <row r="398149" spans="8:8">
      <c r="H398149" s="12"/>
    </row>
    <row r="398150" spans="8:8">
      <c r="H398150" s="12"/>
    </row>
    <row r="398151" spans="8:8">
      <c r="H398151" s="12"/>
    </row>
    <row r="398152" spans="8:8">
      <c r="H398152" s="12"/>
    </row>
    <row r="398153" spans="8:8">
      <c r="H398153" s="12"/>
    </row>
    <row r="398154" spans="8:8">
      <c r="H398154" s="12"/>
    </row>
    <row r="398155" spans="8:8">
      <c r="H398155" s="12"/>
    </row>
    <row r="398156" spans="8:8">
      <c r="H398156" s="12"/>
    </row>
    <row r="398157" spans="8:8">
      <c r="H398157" s="12"/>
    </row>
    <row r="398158" spans="8:8">
      <c r="H398158" s="12"/>
    </row>
    <row r="398159" spans="8:8">
      <c r="H398159" s="12"/>
    </row>
    <row r="398160" spans="8:8">
      <c r="H398160" s="12"/>
    </row>
    <row r="398161" spans="8:8">
      <c r="H398161" s="12"/>
    </row>
    <row r="398162" spans="8:8">
      <c r="H398162" s="12"/>
    </row>
    <row r="398163" spans="8:8">
      <c r="H398163" s="12"/>
    </row>
    <row r="398164" spans="8:8">
      <c r="H398164" s="12"/>
    </row>
    <row r="398165" spans="8:8">
      <c r="H398165" s="12"/>
    </row>
    <row r="398166" spans="8:8">
      <c r="H398166" s="12"/>
    </row>
    <row r="398167" spans="8:8">
      <c r="H398167" s="12"/>
    </row>
    <row r="398168" spans="8:8">
      <c r="H398168" s="12"/>
    </row>
    <row r="398169" spans="8:8">
      <c r="H398169" s="12"/>
    </row>
    <row r="398170" spans="8:8">
      <c r="H398170" s="12"/>
    </row>
    <row r="398171" spans="8:8">
      <c r="H398171" s="12"/>
    </row>
    <row r="398172" spans="8:8">
      <c r="H398172" s="12"/>
    </row>
    <row r="398173" spans="8:8">
      <c r="H398173" s="12"/>
    </row>
    <row r="398174" spans="8:8">
      <c r="H398174" s="12"/>
    </row>
    <row r="398175" spans="8:8">
      <c r="H398175" s="12"/>
    </row>
    <row r="398176" spans="8:8">
      <c r="H398176" s="12"/>
    </row>
    <row r="398177" spans="8:8">
      <c r="H398177" s="12"/>
    </row>
    <row r="398178" spans="8:8">
      <c r="H398178" s="12"/>
    </row>
    <row r="398179" spans="8:8">
      <c r="H398179" s="12"/>
    </row>
    <row r="398180" spans="8:8">
      <c r="H398180" s="12"/>
    </row>
    <row r="398181" spans="8:8">
      <c r="H398181" s="12"/>
    </row>
    <row r="398182" spans="8:8">
      <c r="H398182" s="12"/>
    </row>
    <row r="398183" spans="8:8">
      <c r="H398183" s="12"/>
    </row>
    <row r="398184" spans="8:8">
      <c r="H398184" s="12"/>
    </row>
    <row r="398185" spans="8:8">
      <c r="H398185" s="12"/>
    </row>
    <row r="398186" spans="8:8">
      <c r="H398186" s="12"/>
    </row>
    <row r="398187" spans="8:8">
      <c r="H398187" s="12"/>
    </row>
    <row r="398188" spans="8:8">
      <c r="H398188" s="12"/>
    </row>
    <row r="398189" spans="8:8">
      <c r="H398189" s="12"/>
    </row>
    <row r="398190" spans="8:8">
      <c r="H398190" s="12"/>
    </row>
    <row r="398191" spans="8:8">
      <c r="H398191" s="12"/>
    </row>
    <row r="398192" spans="8:8">
      <c r="H398192" s="12"/>
    </row>
    <row r="398193" spans="8:8">
      <c r="H398193" s="12"/>
    </row>
    <row r="398194" spans="8:8">
      <c r="H398194" s="12"/>
    </row>
    <row r="398195" spans="8:8">
      <c r="H398195" s="12"/>
    </row>
    <row r="398196" spans="8:8">
      <c r="H398196" s="12"/>
    </row>
    <row r="398197" spans="8:8">
      <c r="H398197" s="12"/>
    </row>
    <row r="398198" spans="8:8">
      <c r="H398198" s="12"/>
    </row>
    <row r="398199" spans="8:8">
      <c r="H398199" s="12"/>
    </row>
    <row r="398200" spans="8:8">
      <c r="H398200" s="12"/>
    </row>
    <row r="398201" spans="8:8">
      <c r="H398201" s="12"/>
    </row>
    <row r="398202" spans="8:8">
      <c r="H398202" s="12"/>
    </row>
    <row r="398203" spans="8:8">
      <c r="H398203" s="12"/>
    </row>
    <row r="398204" spans="8:8">
      <c r="H398204" s="12"/>
    </row>
    <row r="398205" spans="8:8">
      <c r="H398205" s="12"/>
    </row>
    <row r="398206" spans="8:8">
      <c r="H398206" s="12"/>
    </row>
    <row r="398207" spans="8:8">
      <c r="H398207" s="12"/>
    </row>
    <row r="398208" spans="8:8">
      <c r="H398208" s="12"/>
    </row>
    <row r="398209" spans="8:8">
      <c r="H398209" s="12"/>
    </row>
    <row r="398210" spans="8:8">
      <c r="H398210" s="12"/>
    </row>
    <row r="398211" spans="8:8">
      <c r="H398211" s="12"/>
    </row>
    <row r="398212" spans="8:8">
      <c r="H398212" s="12"/>
    </row>
    <row r="398213" spans="8:8">
      <c r="H398213" s="12"/>
    </row>
    <row r="398214" spans="8:8">
      <c r="H398214" s="12"/>
    </row>
    <row r="398215" spans="8:8">
      <c r="H398215" s="12"/>
    </row>
    <row r="398216" spans="8:8">
      <c r="H398216" s="12"/>
    </row>
    <row r="398217" spans="8:8">
      <c r="H398217" s="12"/>
    </row>
    <row r="398218" spans="8:8">
      <c r="H398218" s="12"/>
    </row>
    <row r="398219" spans="8:8">
      <c r="H398219" s="12"/>
    </row>
    <row r="398220" spans="8:8">
      <c r="H398220" s="12"/>
    </row>
    <row r="398221" spans="8:8">
      <c r="H398221" s="12"/>
    </row>
    <row r="398222" spans="8:8">
      <c r="H398222" s="12"/>
    </row>
    <row r="398223" spans="8:8">
      <c r="H398223" s="12"/>
    </row>
    <row r="398224" spans="8:8">
      <c r="H398224" s="12"/>
    </row>
    <row r="398225" spans="8:8">
      <c r="H398225" s="12"/>
    </row>
    <row r="398226" spans="8:8">
      <c r="H398226" s="12"/>
    </row>
    <row r="398227" spans="8:8">
      <c r="H398227" s="12"/>
    </row>
    <row r="398228" spans="8:8">
      <c r="H398228" s="12"/>
    </row>
    <row r="398229" spans="8:8">
      <c r="H398229" s="12"/>
    </row>
    <row r="398230" spans="8:8">
      <c r="H398230" s="12"/>
    </row>
    <row r="398231" spans="8:8">
      <c r="H398231" s="12"/>
    </row>
    <row r="398232" spans="8:8">
      <c r="H398232" s="12"/>
    </row>
    <row r="398233" spans="8:8">
      <c r="H398233" s="12"/>
    </row>
    <row r="398234" spans="8:8">
      <c r="H398234" s="12"/>
    </row>
    <row r="398235" spans="8:8">
      <c r="H398235" s="12"/>
    </row>
    <row r="398236" spans="8:8">
      <c r="H398236" s="12"/>
    </row>
    <row r="398237" spans="8:8">
      <c r="H398237" s="12"/>
    </row>
    <row r="398238" spans="8:8">
      <c r="H398238" s="12"/>
    </row>
    <row r="398239" spans="8:8">
      <c r="H398239" s="12"/>
    </row>
    <row r="398240" spans="8:8">
      <c r="H398240" s="12"/>
    </row>
    <row r="398241" spans="8:8">
      <c r="H398241" s="12"/>
    </row>
    <row r="398242" spans="8:8">
      <c r="H398242" s="12"/>
    </row>
    <row r="398243" spans="8:8">
      <c r="H398243" s="12"/>
    </row>
    <row r="398244" spans="8:8">
      <c r="H398244" s="12"/>
    </row>
    <row r="398245" spans="8:8">
      <c r="H398245" s="12"/>
    </row>
    <row r="398246" spans="8:8">
      <c r="H398246" s="12"/>
    </row>
    <row r="398247" spans="8:8">
      <c r="H398247" s="12"/>
    </row>
    <row r="398248" spans="8:8">
      <c r="H398248" s="12"/>
    </row>
    <row r="398249" spans="8:8">
      <c r="H398249" s="12"/>
    </row>
    <row r="398250" spans="8:8">
      <c r="H398250" s="12"/>
    </row>
    <row r="398251" spans="8:8">
      <c r="H398251" s="12"/>
    </row>
    <row r="398252" spans="8:8">
      <c r="H398252" s="12"/>
    </row>
    <row r="398253" spans="8:8">
      <c r="H398253" s="12"/>
    </row>
    <row r="398254" spans="8:8">
      <c r="H398254" s="12"/>
    </row>
    <row r="398255" spans="8:8">
      <c r="H398255" s="12"/>
    </row>
    <row r="398256" spans="8:8">
      <c r="H398256" s="12"/>
    </row>
    <row r="398257" spans="8:8">
      <c r="H398257" s="12"/>
    </row>
    <row r="398258" spans="8:8">
      <c r="H398258" s="12"/>
    </row>
    <row r="398259" spans="8:8">
      <c r="H398259" s="12"/>
    </row>
    <row r="398260" spans="8:8">
      <c r="H398260" s="12"/>
    </row>
    <row r="398261" spans="8:8">
      <c r="H398261" s="12"/>
    </row>
    <row r="398262" spans="8:8">
      <c r="H398262" s="12"/>
    </row>
    <row r="398263" spans="8:8">
      <c r="H398263" s="12"/>
    </row>
    <row r="398264" spans="8:8">
      <c r="H398264" s="12"/>
    </row>
    <row r="398265" spans="8:8">
      <c r="H398265" s="12"/>
    </row>
    <row r="398266" spans="8:8">
      <c r="H398266" s="12"/>
    </row>
    <row r="398267" spans="8:8">
      <c r="H398267" s="12"/>
    </row>
    <row r="398268" spans="8:8">
      <c r="H398268" s="12"/>
    </row>
    <row r="398269" spans="8:8">
      <c r="H398269" s="12"/>
    </row>
    <row r="398270" spans="8:8">
      <c r="H398270" s="12"/>
    </row>
    <row r="398271" spans="8:8">
      <c r="H398271" s="12"/>
    </row>
    <row r="398272" spans="8:8">
      <c r="H398272" s="12"/>
    </row>
    <row r="398273" spans="8:8">
      <c r="H398273" s="12"/>
    </row>
    <row r="398274" spans="8:8">
      <c r="H398274" s="12"/>
    </row>
    <row r="398275" spans="8:8">
      <c r="H398275" s="12"/>
    </row>
    <row r="398276" spans="8:8">
      <c r="H398276" s="12"/>
    </row>
    <row r="398277" spans="8:8">
      <c r="H398277" s="12"/>
    </row>
    <row r="398278" spans="8:8">
      <c r="H398278" s="12"/>
    </row>
    <row r="398279" spans="8:8">
      <c r="H398279" s="12"/>
    </row>
    <row r="398280" spans="8:8">
      <c r="H398280" s="12"/>
    </row>
    <row r="398281" spans="8:8">
      <c r="H398281" s="12"/>
    </row>
    <row r="398282" spans="8:8">
      <c r="H398282" s="12"/>
    </row>
    <row r="398283" spans="8:8">
      <c r="H398283" s="12"/>
    </row>
    <row r="398284" spans="8:8">
      <c r="H398284" s="12"/>
    </row>
    <row r="398285" spans="8:8">
      <c r="H398285" s="12"/>
    </row>
    <row r="398286" spans="8:8">
      <c r="H398286" s="12"/>
    </row>
    <row r="398287" spans="8:8">
      <c r="H398287" s="12"/>
    </row>
    <row r="398288" spans="8:8">
      <c r="H398288" s="12"/>
    </row>
    <row r="398289" spans="8:8">
      <c r="H398289" s="12"/>
    </row>
    <row r="398290" spans="8:8">
      <c r="H398290" s="12"/>
    </row>
    <row r="398291" spans="8:8">
      <c r="H398291" s="12"/>
    </row>
    <row r="398292" spans="8:8">
      <c r="H398292" s="12"/>
    </row>
    <row r="398293" spans="8:8">
      <c r="H398293" s="12"/>
    </row>
    <row r="398294" spans="8:8">
      <c r="H398294" s="12"/>
    </row>
    <row r="398295" spans="8:8">
      <c r="H398295" s="12"/>
    </row>
    <row r="398296" spans="8:8">
      <c r="H398296" s="12"/>
    </row>
    <row r="398297" spans="8:8">
      <c r="H398297" s="12"/>
    </row>
    <row r="398298" spans="8:8">
      <c r="H398298" s="12"/>
    </row>
    <row r="398299" spans="8:8">
      <c r="H398299" s="12"/>
    </row>
    <row r="398300" spans="8:8">
      <c r="H398300" s="12"/>
    </row>
    <row r="398301" spans="8:8">
      <c r="H398301" s="12"/>
    </row>
    <row r="398302" spans="8:8">
      <c r="H398302" s="12"/>
    </row>
    <row r="398303" spans="8:8">
      <c r="H398303" s="12"/>
    </row>
    <row r="398304" spans="8:8">
      <c r="H398304" s="12"/>
    </row>
    <row r="398305" spans="8:8">
      <c r="H398305" s="12"/>
    </row>
    <row r="398306" spans="8:8">
      <c r="H398306" s="12"/>
    </row>
    <row r="398307" spans="8:8">
      <c r="H398307" s="12"/>
    </row>
    <row r="398308" spans="8:8">
      <c r="H398308" s="12"/>
    </row>
    <row r="398309" spans="8:8">
      <c r="H398309" s="12"/>
    </row>
    <row r="398310" spans="8:8">
      <c r="H398310" s="12"/>
    </row>
    <row r="398311" spans="8:8">
      <c r="H398311" s="12"/>
    </row>
    <row r="398312" spans="8:8">
      <c r="H398312" s="12"/>
    </row>
    <row r="398313" spans="8:8">
      <c r="H398313" s="12"/>
    </row>
    <row r="398314" spans="8:8">
      <c r="H398314" s="12"/>
    </row>
    <row r="398315" spans="8:8">
      <c r="H398315" s="12"/>
    </row>
    <row r="398316" spans="8:8">
      <c r="H398316" s="12"/>
    </row>
    <row r="398317" spans="8:8">
      <c r="H398317" s="12"/>
    </row>
    <row r="398318" spans="8:8">
      <c r="H398318" s="12"/>
    </row>
    <row r="398319" spans="8:8">
      <c r="H398319" s="12"/>
    </row>
    <row r="398320" spans="8:8">
      <c r="H398320" s="12"/>
    </row>
    <row r="398321" spans="8:8">
      <c r="H398321" s="12"/>
    </row>
    <row r="398322" spans="8:8">
      <c r="H398322" s="12"/>
    </row>
    <row r="398323" spans="8:8">
      <c r="H398323" s="12"/>
    </row>
    <row r="398324" spans="8:8">
      <c r="H398324" s="12"/>
    </row>
    <row r="398325" spans="8:8">
      <c r="H398325" s="12"/>
    </row>
    <row r="398326" spans="8:8">
      <c r="H398326" s="12"/>
    </row>
    <row r="398327" spans="8:8">
      <c r="H398327" s="12"/>
    </row>
    <row r="398328" spans="8:8">
      <c r="H398328" s="12"/>
    </row>
    <row r="398329" spans="8:8">
      <c r="H398329" s="12"/>
    </row>
    <row r="398330" spans="8:8">
      <c r="H398330" s="12"/>
    </row>
    <row r="398331" spans="8:8">
      <c r="H398331" s="12"/>
    </row>
    <row r="398332" spans="8:8">
      <c r="H398332" s="12"/>
    </row>
    <row r="398333" spans="8:8">
      <c r="H398333" s="12"/>
    </row>
    <row r="398334" spans="8:8">
      <c r="H398334" s="12"/>
    </row>
    <row r="398335" spans="8:8">
      <c r="H398335" s="12"/>
    </row>
    <row r="398336" spans="8:8">
      <c r="H398336" s="12"/>
    </row>
    <row r="398337" spans="8:8">
      <c r="H398337" s="12"/>
    </row>
    <row r="398338" spans="8:8">
      <c r="H398338" s="12"/>
    </row>
    <row r="398339" spans="8:8">
      <c r="H398339" s="12"/>
    </row>
    <row r="398340" spans="8:8">
      <c r="H398340" s="12"/>
    </row>
    <row r="398341" spans="8:8">
      <c r="H398341" s="12"/>
    </row>
    <row r="398342" spans="8:8">
      <c r="H398342" s="12"/>
    </row>
    <row r="398343" spans="8:8">
      <c r="H398343" s="12"/>
    </row>
    <row r="398344" spans="8:8">
      <c r="H398344" s="12"/>
    </row>
    <row r="398345" spans="8:8">
      <c r="H398345" s="12"/>
    </row>
    <row r="398346" spans="8:8">
      <c r="H398346" s="12"/>
    </row>
    <row r="398347" spans="8:8">
      <c r="H398347" s="12"/>
    </row>
    <row r="398348" spans="8:8">
      <c r="H398348" s="12"/>
    </row>
    <row r="398349" spans="8:8">
      <c r="H398349" s="12"/>
    </row>
    <row r="398350" spans="8:8">
      <c r="H398350" s="12"/>
    </row>
    <row r="398351" spans="8:8">
      <c r="H398351" s="12"/>
    </row>
    <row r="398352" spans="8:8">
      <c r="H398352" s="12"/>
    </row>
    <row r="398353" spans="8:8">
      <c r="H398353" s="12"/>
    </row>
    <row r="398354" spans="8:8">
      <c r="H398354" s="12"/>
    </row>
    <row r="398355" spans="8:8">
      <c r="H398355" s="12"/>
    </row>
    <row r="398356" spans="8:8">
      <c r="H398356" s="12"/>
    </row>
    <row r="398357" spans="8:8">
      <c r="H398357" s="12"/>
    </row>
    <row r="398358" spans="8:8">
      <c r="H398358" s="12"/>
    </row>
    <row r="398359" spans="8:8">
      <c r="H398359" s="12"/>
    </row>
    <row r="398360" spans="8:8">
      <c r="H398360" s="12"/>
    </row>
    <row r="398361" spans="8:8">
      <c r="H398361" s="12"/>
    </row>
    <row r="398362" spans="8:8">
      <c r="H398362" s="12"/>
    </row>
    <row r="398363" spans="8:8">
      <c r="H398363" s="12"/>
    </row>
    <row r="398364" spans="8:8">
      <c r="H398364" s="12"/>
    </row>
    <row r="398365" spans="8:8">
      <c r="H398365" s="12"/>
    </row>
    <row r="398366" spans="8:8">
      <c r="H398366" s="12"/>
    </row>
    <row r="398367" spans="8:8">
      <c r="H398367" s="12"/>
    </row>
    <row r="398368" spans="8:8">
      <c r="H398368" s="12"/>
    </row>
    <row r="398369" spans="8:8">
      <c r="H398369" s="12"/>
    </row>
    <row r="398370" spans="8:8">
      <c r="H398370" s="12"/>
    </row>
    <row r="398371" spans="8:8">
      <c r="H398371" s="12"/>
    </row>
    <row r="398372" spans="8:8">
      <c r="H398372" s="12"/>
    </row>
    <row r="398373" spans="8:8">
      <c r="H398373" s="12"/>
    </row>
    <row r="398374" spans="8:8">
      <c r="H398374" s="12"/>
    </row>
    <row r="398375" spans="8:8">
      <c r="H398375" s="12"/>
    </row>
    <row r="398376" spans="8:8">
      <c r="H398376" s="12"/>
    </row>
    <row r="398377" spans="8:8">
      <c r="H398377" s="12"/>
    </row>
    <row r="398378" spans="8:8">
      <c r="H398378" s="12"/>
    </row>
    <row r="398379" spans="8:8">
      <c r="H398379" s="12"/>
    </row>
    <row r="398380" spans="8:8">
      <c r="H398380" s="12"/>
    </row>
    <row r="398381" spans="8:8">
      <c r="H398381" s="12"/>
    </row>
    <row r="398382" spans="8:8">
      <c r="H398382" s="12"/>
    </row>
    <row r="398383" spans="8:8">
      <c r="H398383" s="12"/>
    </row>
    <row r="398384" spans="8:8">
      <c r="H398384" s="12"/>
    </row>
    <row r="398385" spans="8:8">
      <c r="H398385" s="12"/>
    </row>
    <row r="398386" spans="8:8">
      <c r="H398386" s="12"/>
    </row>
    <row r="398387" spans="8:8">
      <c r="H398387" s="12"/>
    </row>
    <row r="398388" spans="8:8">
      <c r="H398388" s="12"/>
    </row>
    <row r="398389" spans="8:8">
      <c r="H398389" s="12"/>
    </row>
    <row r="398390" spans="8:8">
      <c r="H398390" s="12"/>
    </row>
    <row r="398391" spans="8:8">
      <c r="H398391" s="12"/>
    </row>
    <row r="398392" spans="8:8">
      <c r="H398392" s="12"/>
    </row>
    <row r="398393" spans="8:8">
      <c r="H398393" s="12"/>
    </row>
    <row r="398394" spans="8:8">
      <c r="H398394" s="12"/>
    </row>
    <row r="398395" spans="8:8">
      <c r="H398395" s="12"/>
    </row>
    <row r="398396" spans="8:8">
      <c r="H398396" s="12"/>
    </row>
    <row r="398397" spans="8:8">
      <c r="H398397" s="12"/>
    </row>
    <row r="398398" spans="8:8">
      <c r="H398398" s="12"/>
    </row>
    <row r="398399" spans="8:8">
      <c r="H398399" s="12"/>
    </row>
    <row r="398400" spans="8:8">
      <c r="H398400" s="12"/>
    </row>
    <row r="398401" spans="8:8">
      <c r="H398401" s="12"/>
    </row>
    <row r="398402" spans="8:8">
      <c r="H398402" s="12"/>
    </row>
    <row r="398403" spans="8:8">
      <c r="H398403" s="12"/>
    </row>
    <row r="398404" spans="8:8">
      <c r="H398404" s="12"/>
    </row>
    <row r="398405" spans="8:8">
      <c r="H398405" s="12"/>
    </row>
    <row r="398406" spans="8:8">
      <c r="H398406" s="12"/>
    </row>
    <row r="398407" spans="8:8">
      <c r="H398407" s="12"/>
    </row>
    <row r="398408" spans="8:8">
      <c r="H398408" s="12"/>
    </row>
    <row r="398409" spans="8:8">
      <c r="H398409" s="12"/>
    </row>
    <row r="398410" spans="8:8">
      <c r="H398410" s="12"/>
    </row>
    <row r="398411" spans="8:8">
      <c r="H398411" s="12"/>
    </row>
    <row r="398412" spans="8:8">
      <c r="H398412" s="12"/>
    </row>
    <row r="398413" spans="8:8">
      <c r="H398413" s="12"/>
    </row>
    <row r="398414" spans="8:8">
      <c r="H398414" s="12"/>
    </row>
    <row r="398415" spans="8:8">
      <c r="H398415" s="12"/>
    </row>
    <row r="398416" spans="8:8">
      <c r="H398416" s="12"/>
    </row>
    <row r="398417" spans="8:8">
      <c r="H398417" s="12"/>
    </row>
    <row r="398418" spans="8:8">
      <c r="H398418" s="12"/>
    </row>
    <row r="398419" spans="8:8">
      <c r="H398419" s="12"/>
    </row>
    <row r="398420" spans="8:8">
      <c r="H398420" s="12"/>
    </row>
    <row r="398421" spans="8:8">
      <c r="H398421" s="12"/>
    </row>
    <row r="398422" spans="8:8">
      <c r="H398422" s="12"/>
    </row>
    <row r="398423" spans="8:8">
      <c r="H398423" s="12"/>
    </row>
    <row r="398424" spans="8:8">
      <c r="H398424" s="12"/>
    </row>
    <row r="398425" spans="8:8">
      <c r="H398425" s="12"/>
    </row>
    <row r="398426" spans="8:8">
      <c r="H398426" s="12"/>
    </row>
    <row r="398427" spans="8:8">
      <c r="H398427" s="12"/>
    </row>
    <row r="398428" spans="8:8">
      <c r="H398428" s="12"/>
    </row>
    <row r="398429" spans="8:8">
      <c r="H398429" s="12"/>
    </row>
    <row r="398430" spans="8:8">
      <c r="H398430" s="12"/>
    </row>
    <row r="398431" spans="8:8">
      <c r="H398431" s="12"/>
    </row>
    <row r="398432" spans="8:8">
      <c r="H398432" s="12"/>
    </row>
    <row r="398433" spans="8:8">
      <c r="H398433" s="12"/>
    </row>
    <row r="398434" spans="8:8">
      <c r="H398434" s="12"/>
    </row>
    <row r="398435" spans="8:8">
      <c r="H398435" s="12"/>
    </row>
    <row r="398436" spans="8:8">
      <c r="H398436" s="12"/>
    </row>
    <row r="398437" spans="8:8">
      <c r="H398437" s="12"/>
    </row>
    <row r="398438" spans="8:8">
      <c r="H398438" s="12"/>
    </row>
    <row r="398439" spans="8:8">
      <c r="H398439" s="12"/>
    </row>
    <row r="398440" spans="8:8">
      <c r="H398440" s="12"/>
    </row>
    <row r="398441" spans="8:8">
      <c r="H398441" s="12"/>
    </row>
    <row r="398442" spans="8:8">
      <c r="H398442" s="12"/>
    </row>
    <row r="398443" spans="8:8">
      <c r="H398443" s="12"/>
    </row>
    <row r="398444" spans="8:8">
      <c r="H398444" s="12"/>
    </row>
    <row r="398445" spans="8:8">
      <c r="H398445" s="12"/>
    </row>
    <row r="398446" spans="8:8">
      <c r="H398446" s="12"/>
    </row>
    <row r="398447" spans="8:8">
      <c r="H398447" s="12"/>
    </row>
    <row r="398448" spans="8:8">
      <c r="H398448" s="12"/>
    </row>
    <row r="398449" spans="8:8">
      <c r="H398449" s="12"/>
    </row>
    <row r="398450" spans="8:8">
      <c r="H398450" s="12"/>
    </row>
    <row r="398451" spans="8:8">
      <c r="H398451" s="12"/>
    </row>
    <row r="398452" spans="8:8">
      <c r="H398452" s="12"/>
    </row>
    <row r="398453" spans="8:8">
      <c r="H398453" s="12"/>
    </row>
    <row r="398454" spans="8:8">
      <c r="H398454" s="12"/>
    </row>
    <row r="398455" spans="8:8">
      <c r="H398455" s="12"/>
    </row>
    <row r="398456" spans="8:8">
      <c r="H398456" s="12"/>
    </row>
    <row r="398457" spans="8:8">
      <c r="H398457" s="12"/>
    </row>
    <row r="398458" spans="8:8">
      <c r="H398458" s="12"/>
    </row>
    <row r="398459" spans="8:8">
      <c r="H398459" s="12"/>
    </row>
    <row r="398460" spans="8:8">
      <c r="H398460" s="12"/>
    </row>
    <row r="398461" spans="8:8">
      <c r="H398461" s="12"/>
    </row>
    <row r="398462" spans="8:8">
      <c r="H398462" s="12"/>
    </row>
    <row r="398463" spans="8:8">
      <c r="H398463" s="12"/>
    </row>
    <row r="398464" spans="8:8">
      <c r="H398464" s="12"/>
    </row>
    <row r="398465" spans="8:8">
      <c r="H398465" s="12"/>
    </row>
    <row r="398466" spans="8:8">
      <c r="H398466" s="12"/>
    </row>
    <row r="398467" spans="8:8">
      <c r="H398467" s="12"/>
    </row>
    <row r="398468" spans="8:8">
      <c r="H398468" s="12"/>
    </row>
    <row r="398469" spans="8:8">
      <c r="H398469" s="12"/>
    </row>
    <row r="398470" spans="8:8">
      <c r="H398470" s="12"/>
    </row>
    <row r="398471" spans="8:8">
      <c r="H398471" s="12"/>
    </row>
    <row r="398472" spans="8:8">
      <c r="H398472" s="12"/>
    </row>
    <row r="398473" spans="8:8">
      <c r="H398473" s="12"/>
    </row>
    <row r="398474" spans="8:8">
      <c r="H398474" s="12"/>
    </row>
    <row r="398475" spans="8:8">
      <c r="H398475" s="12"/>
    </row>
    <row r="398476" spans="8:8">
      <c r="H398476" s="12"/>
    </row>
    <row r="398477" spans="8:8">
      <c r="H398477" s="12"/>
    </row>
    <row r="398478" spans="8:8">
      <c r="H398478" s="12"/>
    </row>
    <row r="398479" spans="8:8">
      <c r="H398479" s="12"/>
    </row>
    <row r="398480" spans="8:8">
      <c r="H398480" s="12"/>
    </row>
    <row r="398481" spans="8:8">
      <c r="H398481" s="12"/>
    </row>
    <row r="398482" spans="8:8">
      <c r="H398482" s="12"/>
    </row>
    <row r="398483" spans="8:8">
      <c r="H398483" s="12"/>
    </row>
    <row r="398484" spans="8:8">
      <c r="H398484" s="12"/>
    </row>
    <row r="398485" spans="8:8">
      <c r="H398485" s="12"/>
    </row>
    <row r="398486" spans="8:8">
      <c r="H398486" s="12"/>
    </row>
    <row r="398487" spans="8:8">
      <c r="H398487" s="12"/>
    </row>
    <row r="398488" spans="8:8">
      <c r="H398488" s="12"/>
    </row>
    <row r="398489" spans="8:8">
      <c r="H398489" s="12"/>
    </row>
    <row r="398490" spans="8:8">
      <c r="H398490" s="12"/>
    </row>
    <row r="398491" spans="8:8">
      <c r="H398491" s="12"/>
    </row>
    <row r="398492" spans="8:8">
      <c r="H398492" s="12"/>
    </row>
    <row r="398493" spans="8:8">
      <c r="H398493" s="12"/>
    </row>
    <row r="398494" spans="8:8">
      <c r="H398494" s="12"/>
    </row>
    <row r="398495" spans="8:8">
      <c r="H398495" s="12"/>
    </row>
    <row r="398496" spans="8:8">
      <c r="H398496" s="12"/>
    </row>
    <row r="398497" spans="8:8">
      <c r="H398497" s="12"/>
    </row>
    <row r="398498" spans="8:8">
      <c r="H398498" s="12"/>
    </row>
    <row r="398499" spans="8:8">
      <c r="H398499" s="12"/>
    </row>
    <row r="398500" spans="8:8">
      <c r="H398500" s="12"/>
    </row>
    <row r="398501" spans="8:8">
      <c r="H398501" s="12"/>
    </row>
    <row r="398502" spans="8:8">
      <c r="H398502" s="12"/>
    </row>
    <row r="398503" spans="8:8">
      <c r="H398503" s="12"/>
    </row>
    <row r="398504" spans="8:8">
      <c r="H398504" s="12"/>
    </row>
    <row r="398505" spans="8:8">
      <c r="H398505" s="12"/>
    </row>
    <row r="398506" spans="8:8">
      <c r="H398506" s="12"/>
    </row>
    <row r="398507" spans="8:8">
      <c r="H398507" s="12"/>
    </row>
    <row r="398508" spans="8:8">
      <c r="H398508" s="12"/>
    </row>
    <row r="398509" spans="8:8">
      <c r="H398509" s="12"/>
    </row>
    <row r="398510" spans="8:8">
      <c r="H398510" s="12"/>
    </row>
    <row r="398511" spans="8:8">
      <c r="H398511" s="12"/>
    </row>
    <row r="398512" spans="8:8">
      <c r="H398512" s="12"/>
    </row>
    <row r="398513" spans="8:8">
      <c r="H398513" s="12"/>
    </row>
    <row r="398514" spans="8:8">
      <c r="H398514" s="12"/>
    </row>
    <row r="398515" spans="8:8">
      <c r="H398515" s="12"/>
    </row>
    <row r="398516" spans="8:8">
      <c r="H398516" s="12"/>
    </row>
    <row r="398517" spans="8:8">
      <c r="H398517" s="12"/>
    </row>
    <row r="398518" spans="8:8">
      <c r="H398518" s="12"/>
    </row>
    <row r="398519" spans="8:8">
      <c r="H398519" s="12"/>
    </row>
    <row r="398520" spans="8:8">
      <c r="H398520" s="12"/>
    </row>
    <row r="398521" spans="8:8">
      <c r="H398521" s="12"/>
    </row>
    <row r="398522" spans="8:8">
      <c r="H398522" s="12"/>
    </row>
    <row r="398523" spans="8:8">
      <c r="H398523" s="12"/>
    </row>
    <row r="398524" spans="8:8">
      <c r="H398524" s="12"/>
    </row>
    <row r="398525" spans="8:8">
      <c r="H398525" s="12"/>
    </row>
    <row r="398526" spans="8:8">
      <c r="H398526" s="12"/>
    </row>
    <row r="398527" spans="8:8">
      <c r="H398527" s="12"/>
    </row>
    <row r="398528" spans="8:8">
      <c r="H398528" s="12"/>
    </row>
    <row r="398529" spans="8:8">
      <c r="H398529" s="12"/>
    </row>
    <row r="398530" spans="8:8">
      <c r="H398530" s="12"/>
    </row>
    <row r="398531" spans="8:8">
      <c r="H398531" s="12"/>
    </row>
    <row r="398532" spans="8:8">
      <c r="H398532" s="12"/>
    </row>
    <row r="398533" spans="8:8">
      <c r="H398533" s="12"/>
    </row>
    <row r="398534" spans="8:8">
      <c r="H398534" s="12"/>
    </row>
    <row r="398535" spans="8:8">
      <c r="H398535" s="12"/>
    </row>
    <row r="398536" spans="8:8">
      <c r="H398536" s="12"/>
    </row>
    <row r="398537" spans="8:8">
      <c r="H398537" s="12"/>
    </row>
    <row r="398538" spans="8:8">
      <c r="H398538" s="12"/>
    </row>
    <row r="398539" spans="8:8">
      <c r="H398539" s="12"/>
    </row>
    <row r="398540" spans="8:8">
      <c r="H398540" s="12"/>
    </row>
    <row r="398541" spans="8:8">
      <c r="H398541" s="12"/>
    </row>
    <row r="398542" spans="8:8">
      <c r="H398542" s="12"/>
    </row>
    <row r="398543" spans="8:8">
      <c r="H398543" s="12"/>
    </row>
    <row r="398544" spans="8:8">
      <c r="H398544" s="12"/>
    </row>
    <row r="398545" spans="8:8">
      <c r="H398545" s="12"/>
    </row>
    <row r="398546" spans="8:8">
      <c r="H398546" s="12"/>
    </row>
    <row r="398547" spans="8:8">
      <c r="H398547" s="12"/>
    </row>
    <row r="398548" spans="8:8">
      <c r="H398548" s="12"/>
    </row>
    <row r="398549" spans="8:8">
      <c r="H398549" s="12"/>
    </row>
    <row r="398550" spans="8:8">
      <c r="H398550" s="12"/>
    </row>
    <row r="398551" spans="8:8">
      <c r="H398551" s="12"/>
    </row>
    <row r="398552" spans="8:8">
      <c r="H398552" s="12"/>
    </row>
    <row r="398553" spans="8:8">
      <c r="H398553" s="12"/>
    </row>
    <row r="398554" spans="8:8">
      <c r="H398554" s="12"/>
    </row>
    <row r="398555" spans="8:8">
      <c r="H398555" s="12"/>
    </row>
    <row r="398556" spans="8:8">
      <c r="H398556" s="12"/>
    </row>
    <row r="398557" spans="8:8">
      <c r="H398557" s="12"/>
    </row>
    <row r="398558" spans="8:8">
      <c r="H398558" s="12"/>
    </row>
    <row r="398559" spans="8:8">
      <c r="H398559" s="12"/>
    </row>
    <row r="398560" spans="8:8">
      <c r="H398560" s="12"/>
    </row>
    <row r="398561" spans="8:8">
      <c r="H398561" s="12"/>
    </row>
    <row r="398562" spans="8:8">
      <c r="H398562" s="12"/>
    </row>
    <row r="398563" spans="8:8">
      <c r="H398563" s="12"/>
    </row>
    <row r="398564" spans="8:8">
      <c r="H398564" s="12"/>
    </row>
    <row r="398565" spans="8:8">
      <c r="H398565" s="12"/>
    </row>
    <row r="398566" spans="8:8">
      <c r="H398566" s="12"/>
    </row>
    <row r="398567" spans="8:8">
      <c r="H398567" s="12"/>
    </row>
    <row r="398568" spans="8:8">
      <c r="H398568" s="12"/>
    </row>
    <row r="398569" spans="8:8">
      <c r="H398569" s="12"/>
    </row>
    <row r="398570" spans="8:8">
      <c r="H398570" s="12"/>
    </row>
    <row r="398571" spans="8:8">
      <c r="H398571" s="12"/>
    </row>
    <row r="398572" spans="8:8">
      <c r="H398572" s="12"/>
    </row>
    <row r="398573" spans="8:8">
      <c r="H398573" s="12"/>
    </row>
    <row r="398574" spans="8:8">
      <c r="H398574" s="12"/>
    </row>
    <row r="398575" spans="8:8">
      <c r="H398575" s="12"/>
    </row>
    <row r="398576" spans="8:8">
      <c r="H398576" s="12"/>
    </row>
    <row r="398577" spans="8:8">
      <c r="H398577" s="12"/>
    </row>
    <row r="398578" spans="8:8">
      <c r="H398578" s="12"/>
    </row>
    <row r="398579" spans="8:8">
      <c r="H398579" s="12"/>
    </row>
    <row r="398580" spans="8:8">
      <c r="H398580" s="12"/>
    </row>
    <row r="398581" spans="8:8">
      <c r="H398581" s="12"/>
    </row>
    <row r="398582" spans="8:8">
      <c r="H398582" s="12"/>
    </row>
    <row r="398583" spans="8:8">
      <c r="H398583" s="12"/>
    </row>
    <row r="398584" spans="8:8">
      <c r="H398584" s="12"/>
    </row>
    <row r="398585" spans="8:8">
      <c r="H398585" s="12"/>
    </row>
    <row r="398586" spans="8:8">
      <c r="H398586" s="12"/>
    </row>
    <row r="398587" spans="8:8">
      <c r="H398587" s="12"/>
    </row>
    <row r="398588" spans="8:8">
      <c r="H398588" s="12"/>
    </row>
    <row r="398589" spans="8:8">
      <c r="H398589" s="12"/>
    </row>
    <row r="398590" spans="8:8">
      <c r="H398590" s="12"/>
    </row>
    <row r="398591" spans="8:8">
      <c r="H398591" s="12"/>
    </row>
    <row r="398592" spans="8:8">
      <c r="H398592" s="12"/>
    </row>
    <row r="398593" spans="8:8">
      <c r="H398593" s="12"/>
    </row>
    <row r="398594" spans="8:8">
      <c r="H398594" s="12"/>
    </row>
    <row r="398595" spans="8:8">
      <c r="H398595" s="12"/>
    </row>
    <row r="398596" spans="8:8">
      <c r="H398596" s="12"/>
    </row>
    <row r="398597" spans="8:8">
      <c r="H398597" s="12"/>
    </row>
    <row r="398598" spans="8:8">
      <c r="H398598" s="12"/>
    </row>
    <row r="398599" spans="8:8">
      <c r="H398599" s="12"/>
    </row>
    <row r="398600" spans="8:8">
      <c r="H398600" s="12"/>
    </row>
    <row r="398601" spans="8:8">
      <c r="H398601" s="12"/>
    </row>
    <row r="398602" spans="8:8">
      <c r="H398602" s="12"/>
    </row>
    <row r="398603" spans="8:8">
      <c r="H398603" s="12"/>
    </row>
    <row r="398604" spans="8:8">
      <c r="H398604" s="12"/>
    </row>
    <row r="398605" spans="8:8">
      <c r="H398605" s="12"/>
    </row>
    <row r="398606" spans="8:8">
      <c r="H398606" s="12"/>
    </row>
    <row r="398607" spans="8:8">
      <c r="H398607" s="12"/>
    </row>
    <row r="398608" spans="8:8">
      <c r="H398608" s="12"/>
    </row>
    <row r="398609" spans="8:8">
      <c r="H398609" s="12"/>
    </row>
    <row r="398610" spans="8:8">
      <c r="H398610" s="12"/>
    </row>
    <row r="398611" spans="8:8">
      <c r="H398611" s="12"/>
    </row>
    <row r="398612" spans="8:8">
      <c r="H398612" s="12"/>
    </row>
    <row r="398613" spans="8:8">
      <c r="H398613" s="12"/>
    </row>
    <row r="398614" spans="8:8">
      <c r="H398614" s="12"/>
    </row>
    <row r="398615" spans="8:8">
      <c r="H398615" s="12"/>
    </row>
    <row r="398616" spans="8:8">
      <c r="H398616" s="12"/>
    </row>
    <row r="398617" spans="8:8">
      <c r="H398617" s="12"/>
    </row>
    <row r="398618" spans="8:8">
      <c r="H398618" s="12"/>
    </row>
    <row r="398619" spans="8:8">
      <c r="H398619" s="12"/>
    </row>
    <row r="398620" spans="8:8">
      <c r="H398620" s="12"/>
    </row>
    <row r="398621" spans="8:8">
      <c r="H398621" s="12"/>
    </row>
    <row r="398622" spans="8:8">
      <c r="H398622" s="12"/>
    </row>
    <row r="398623" spans="8:8">
      <c r="H398623" s="12"/>
    </row>
    <row r="398624" spans="8:8">
      <c r="H398624" s="12"/>
    </row>
    <row r="398625" spans="8:8">
      <c r="H398625" s="12"/>
    </row>
    <row r="398626" spans="8:8">
      <c r="H398626" s="12"/>
    </row>
    <row r="398627" spans="8:8">
      <c r="H398627" s="12"/>
    </row>
    <row r="398628" spans="8:8">
      <c r="H398628" s="12"/>
    </row>
    <row r="398629" spans="8:8">
      <c r="H398629" s="12"/>
    </row>
    <row r="398630" spans="8:8">
      <c r="H398630" s="12"/>
    </row>
    <row r="398631" spans="8:8">
      <c r="H398631" s="12"/>
    </row>
    <row r="398632" spans="8:8">
      <c r="H398632" s="12"/>
    </row>
    <row r="398633" spans="8:8">
      <c r="H398633" s="12"/>
    </row>
    <row r="398634" spans="8:8">
      <c r="H398634" s="12"/>
    </row>
    <row r="398635" spans="8:8">
      <c r="H398635" s="12"/>
    </row>
    <row r="398636" spans="8:8">
      <c r="H398636" s="12"/>
    </row>
    <row r="398637" spans="8:8">
      <c r="H398637" s="12"/>
    </row>
    <row r="398638" spans="8:8">
      <c r="H398638" s="12"/>
    </row>
    <row r="398639" spans="8:8">
      <c r="H398639" s="12"/>
    </row>
    <row r="398640" spans="8:8">
      <c r="H398640" s="12"/>
    </row>
    <row r="398641" spans="8:8">
      <c r="H398641" s="12"/>
    </row>
    <row r="398642" spans="8:8">
      <c r="H398642" s="12"/>
    </row>
    <row r="398643" spans="8:8">
      <c r="H398643" s="12"/>
    </row>
    <row r="398644" spans="8:8">
      <c r="H398644" s="12"/>
    </row>
    <row r="398645" spans="8:8">
      <c r="H398645" s="12"/>
    </row>
    <row r="398646" spans="8:8">
      <c r="H398646" s="12"/>
    </row>
    <row r="398647" spans="8:8">
      <c r="H398647" s="12"/>
    </row>
    <row r="398648" spans="8:8">
      <c r="H398648" s="12"/>
    </row>
    <row r="398649" spans="8:8">
      <c r="H398649" s="12"/>
    </row>
    <row r="398650" spans="8:8">
      <c r="H398650" s="12"/>
    </row>
    <row r="398651" spans="8:8">
      <c r="H398651" s="12"/>
    </row>
    <row r="398652" spans="8:8">
      <c r="H398652" s="12"/>
    </row>
    <row r="398653" spans="8:8">
      <c r="H398653" s="12"/>
    </row>
    <row r="398654" spans="8:8">
      <c r="H398654" s="12"/>
    </row>
    <row r="398655" spans="8:8">
      <c r="H398655" s="12"/>
    </row>
    <row r="398656" spans="8:8">
      <c r="H398656" s="12"/>
    </row>
    <row r="398657" spans="8:8">
      <c r="H398657" s="12"/>
    </row>
    <row r="398658" spans="8:8">
      <c r="H398658" s="12"/>
    </row>
    <row r="398659" spans="8:8">
      <c r="H398659" s="12"/>
    </row>
    <row r="398660" spans="8:8">
      <c r="H398660" s="12"/>
    </row>
    <row r="398661" spans="8:8">
      <c r="H398661" s="12"/>
    </row>
    <row r="398662" spans="8:8">
      <c r="H398662" s="12"/>
    </row>
    <row r="398663" spans="8:8">
      <c r="H398663" s="12"/>
    </row>
    <row r="398664" spans="8:8">
      <c r="H398664" s="12"/>
    </row>
    <row r="398665" spans="8:8">
      <c r="H398665" s="12"/>
    </row>
    <row r="398666" spans="8:8">
      <c r="H398666" s="12"/>
    </row>
    <row r="398667" spans="8:8">
      <c r="H398667" s="12"/>
    </row>
    <row r="398668" spans="8:8">
      <c r="H398668" s="12"/>
    </row>
    <row r="398669" spans="8:8">
      <c r="H398669" s="12"/>
    </row>
    <row r="398670" spans="8:8">
      <c r="H398670" s="12"/>
    </row>
    <row r="398671" spans="8:8">
      <c r="H398671" s="12"/>
    </row>
    <row r="398672" spans="8:8">
      <c r="H398672" s="12"/>
    </row>
    <row r="398673" spans="8:8">
      <c r="H398673" s="12"/>
    </row>
    <row r="398674" spans="8:8">
      <c r="H398674" s="12"/>
    </row>
    <row r="398675" spans="8:8">
      <c r="H398675" s="12"/>
    </row>
    <row r="398676" spans="8:8">
      <c r="H398676" s="12"/>
    </row>
    <row r="398677" spans="8:8">
      <c r="H398677" s="12"/>
    </row>
    <row r="398678" spans="8:8">
      <c r="H398678" s="12"/>
    </row>
    <row r="398679" spans="8:8">
      <c r="H398679" s="12"/>
    </row>
    <row r="398680" spans="8:8">
      <c r="H398680" s="12"/>
    </row>
    <row r="398681" spans="8:8">
      <c r="H398681" s="12"/>
    </row>
    <row r="398682" spans="8:8">
      <c r="H398682" s="12"/>
    </row>
    <row r="398683" spans="8:8">
      <c r="H398683" s="12"/>
    </row>
    <row r="398684" spans="8:8">
      <c r="H398684" s="12"/>
    </row>
    <row r="398685" spans="8:8">
      <c r="H398685" s="12"/>
    </row>
    <row r="398686" spans="8:8">
      <c r="H398686" s="12"/>
    </row>
    <row r="398687" spans="8:8">
      <c r="H398687" s="12"/>
    </row>
    <row r="398688" spans="8:8">
      <c r="H398688" s="12"/>
    </row>
    <row r="398689" spans="8:8">
      <c r="H398689" s="12"/>
    </row>
    <row r="398690" spans="8:8">
      <c r="H398690" s="12"/>
    </row>
    <row r="398691" spans="8:8">
      <c r="H398691" s="12"/>
    </row>
    <row r="398692" spans="8:8">
      <c r="H398692" s="12"/>
    </row>
    <row r="398693" spans="8:8">
      <c r="H398693" s="12"/>
    </row>
    <row r="398694" spans="8:8">
      <c r="H398694" s="12"/>
    </row>
    <row r="398695" spans="8:8">
      <c r="H398695" s="12"/>
    </row>
    <row r="398696" spans="8:8">
      <c r="H398696" s="12"/>
    </row>
    <row r="398697" spans="8:8">
      <c r="H398697" s="12"/>
    </row>
    <row r="398698" spans="8:8">
      <c r="H398698" s="12"/>
    </row>
    <row r="398699" spans="8:8">
      <c r="H398699" s="12"/>
    </row>
    <row r="398700" spans="8:8">
      <c r="H398700" s="12"/>
    </row>
    <row r="398701" spans="8:8">
      <c r="H398701" s="12"/>
    </row>
    <row r="398702" spans="8:8">
      <c r="H398702" s="12"/>
    </row>
    <row r="398703" spans="8:8">
      <c r="H398703" s="12"/>
    </row>
    <row r="398704" spans="8:8">
      <c r="H398704" s="12"/>
    </row>
    <row r="398705" spans="8:8">
      <c r="H398705" s="12"/>
    </row>
    <row r="398706" spans="8:8">
      <c r="H398706" s="12"/>
    </row>
    <row r="398707" spans="8:8">
      <c r="H398707" s="12"/>
    </row>
    <row r="398708" spans="8:8">
      <c r="H398708" s="12"/>
    </row>
    <row r="398709" spans="8:8">
      <c r="H398709" s="12"/>
    </row>
    <row r="398710" spans="8:8">
      <c r="H398710" s="12"/>
    </row>
    <row r="398711" spans="8:8">
      <c r="H398711" s="12"/>
    </row>
    <row r="398712" spans="8:8">
      <c r="H398712" s="12"/>
    </row>
    <row r="398713" spans="8:8">
      <c r="H398713" s="12"/>
    </row>
    <row r="398714" spans="8:8">
      <c r="H398714" s="12"/>
    </row>
    <row r="398715" spans="8:8">
      <c r="H398715" s="12"/>
    </row>
    <row r="398716" spans="8:8">
      <c r="H398716" s="12"/>
    </row>
    <row r="398717" spans="8:8">
      <c r="H398717" s="12"/>
    </row>
    <row r="398718" spans="8:8">
      <c r="H398718" s="12"/>
    </row>
    <row r="398719" spans="8:8">
      <c r="H398719" s="12"/>
    </row>
    <row r="398720" spans="8:8">
      <c r="H398720" s="12"/>
    </row>
    <row r="398721" spans="8:8">
      <c r="H398721" s="12"/>
    </row>
    <row r="398722" spans="8:8">
      <c r="H398722" s="12"/>
    </row>
    <row r="398723" spans="8:8">
      <c r="H398723" s="12"/>
    </row>
    <row r="398724" spans="8:8">
      <c r="H398724" s="12"/>
    </row>
    <row r="398725" spans="8:8">
      <c r="H398725" s="12"/>
    </row>
    <row r="398726" spans="8:8">
      <c r="H398726" s="12"/>
    </row>
    <row r="398727" spans="8:8">
      <c r="H398727" s="12"/>
    </row>
    <row r="398728" spans="8:8">
      <c r="H398728" s="12"/>
    </row>
    <row r="398729" spans="8:8">
      <c r="H398729" s="12"/>
    </row>
    <row r="398730" spans="8:8">
      <c r="H398730" s="12"/>
    </row>
    <row r="398731" spans="8:8">
      <c r="H398731" s="12"/>
    </row>
    <row r="398732" spans="8:8">
      <c r="H398732" s="12"/>
    </row>
    <row r="398733" spans="8:8">
      <c r="H398733" s="12"/>
    </row>
    <row r="398734" spans="8:8">
      <c r="H398734" s="12"/>
    </row>
    <row r="398735" spans="8:8">
      <c r="H398735" s="12"/>
    </row>
    <row r="398736" spans="8:8">
      <c r="H398736" s="12"/>
    </row>
    <row r="398737" spans="8:8">
      <c r="H398737" s="12"/>
    </row>
    <row r="398738" spans="8:8">
      <c r="H398738" s="12"/>
    </row>
    <row r="398739" spans="8:8">
      <c r="H398739" s="12"/>
    </row>
    <row r="398740" spans="8:8">
      <c r="H398740" s="12"/>
    </row>
    <row r="398741" spans="8:8">
      <c r="H398741" s="12"/>
    </row>
    <row r="398742" spans="8:8">
      <c r="H398742" s="12"/>
    </row>
    <row r="398743" spans="8:8">
      <c r="H398743" s="12"/>
    </row>
    <row r="398744" spans="8:8">
      <c r="H398744" s="12"/>
    </row>
    <row r="398745" spans="8:8">
      <c r="H398745" s="12"/>
    </row>
    <row r="398746" spans="8:8">
      <c r="H398746" s="12"/>
    </row>
    <row r="398747" spans="8:8">
      <c r="H398747" s="12"/>
    </row>
    <row r="398748" spans="8:8">
      <c r="H398748" s="12"/>
    </row>
    <row r="398749" spans="8:8">
      <c r="H398749" s="12"/>
    </row>
    <row r="398750" spans="8:8">
      <c r="H398750" s="12"/>
    </row>
    <row r="398751" spans="8:8">
      <c r="H398751" s="12"/>
    </row>
    <row r="398752" spans="8:8">
      <c r="H398752" s="12"/>
    </row>
    <row r="398753" spans="8:8">
      <c r="H398753" s="12"/>
    </row>
    <row r="398754" spans="8:8">
      <c r="H398754" s="12"/>
    </row>
    <row r="398755" spans="8:8">
      <c r="H398755" s="12"/>
    </row>
    <row r="398756" spans="8:8">
      <c r="H398756" s="12"/>
    </row>
    <row r="398757" spans="8:8">
      <c r="H398757" s="12"/>
    </row>
    <row r="398758" spans="8:8">
      <c r="H398758" s="12"/>
    </row>
    <row r="398759" spans="8:8">
      <c r="H398759" s="12"/>
    </row>
    <row r="398760" spans="8:8">
      <c r="H398760" s="12"/>
    </row>
    <row r="398761" spans="8:8">
      <c r="H398761" s="12"/>
    </row>
    <row r="398762" spans="8:8">
      <c r="H398762" s="12"/>
    </row>
    <row r="398763" spans="8:8">
      <c r="H398763" s="12"/>
    </row>
    <row r="398764" spans="8:8">
      <c r="H398764" s="12"/>
    </row>
    <row r="398765" spans="8:8">
      <c r="H398765" s="12"/>
    </row>
    <row r="398766" spans="8:8">
      <c r="H398766" s="12"/>
    </row>
    <row r="398767" spans="8:8">
      <c r="H398767" s="12"/>
    </row>
    <row r="398768" spans="8:8">
      <c r="H398768" s="12"/>
    </row>
    <row r="398769" spans="8:8">
      <c r="H398769" s="12"/>
    </row>
    <row r="398770" spans="8:8">
      <c r="H398770" s="12"/>
    </row>
    <row r="398771" spans="8:8">
      <c r="H398771" s="12"/>
    </row>
    <row r="398772" spans="8:8">
      <c r="H398772" s="12"/>
    </row>
    <row r="398773" spans="8:8">
      <c r="H398773" s="12"/>
    </row>
    <row r="398774" spans="8:8">
      <c r="H398774" s="12"/>
    </row>
    <row r="398775" spans="8:8">
      <c r="H398775" s="12"/>
    </row>
    <row r="398776" spans="8:8">
      <c r="H398776" s="12"/>
    </row>
    <row r="398777" spans="8:8">
      <c r="H398777" s="12"/>
    </row>
    <row r="398778" spans="8:8">
      <c r="H398778" s="12"/>
    </row>
    <row r="398779" spans="8:8">
      <c r="H398779" s="12"/>
    </row>
    <row r="398780" spans="8:8">
      <c r="H398780" s="12"/>
    </row>
    <row r="398781" spans="8:8">
      <c r="H398781" s="12"/>
    </row>
    <row r="398782" spans="8:8">
      <c r="H398782" s="12"/>
    </row>
    <row r="398783" spans="8:8">
      <c r="H398783" s="12"/>
    </row>
    <row r="398784" spans="8:8">
      <c r="H398784" s="12"/>
    </row>
    <row r="398785" spans="8:8">
      <c r="H398785" s="12"/>
    </row>
    <row r="398786" spans="8:8">
      <c r="H398786" s="12"/>
    </row>
    <row r="398787" spans="8:8">
      <c r="H398787" s="12"/>
    </row>
    <row r="398788" spans="8:8">
      <c r="H398788" s="12"/>
    </row>
    <row r="398789" spans="8:8">
      <c r="H398789" s="12"/>
    </row>
    <row r="398790" spans="8:8">
      <c r="H398790" s="12"/>
    </row>
    <row r="398791" spans="8:8">
      <c r="H398791" s="12"/>
    </row>
    <row r="398792" spans="8:8">
      <c r="H398792" s="12"/>
    </row>
    <row r="398793" spans="8:8">
      <c r="H398793" s="12"/>
    </row>
    <row r="398794" spans="8:8">
      <c r="H398794" s="12"/>
    </row>
    <row r="398795" spans="8:8">
      <c r="H398795" s="12"/>
    </row>
    <row r="398796" spans="8:8">
      <c r="H398796" s="12"/>
    </row>
    <row r="398797" spans="8:8">
      <c r="H398797" s="12"/>
    </row>
    <row r="398798" spans="8:8">
      <c r="H398798" s="12"/>
    </row>
    <row r="398799" spans="8:8">
      <c r="H398799" s="12"/>
    </row>
    <row r="398800" spans="8:8">
      <c r="H398800" s="12"/>
    </row>
    <row r="398801" spans="8:8">
      <c r="H398801" s="12"/>
    </row>
    <row r="398802" spans="8:8">
      <c r="H398802" s="12"/>
    </row>
    <row r="398803" spans="8:8">
      <c r="H398803" s="12"/>
    </row>
    <row r="398804" spans="8:8">
      <c r="H398804" s="12"/>
    </row>
    <row r="398805" spans="8:8">
      <c r="H398805" s="12"/>
    </row>
    <row r="398806" spans="8:8">
      <c r="H398806" s="12"/>
    </row>
    <row r="398807" spans="8:8">
      <c r="H398807" s="12"/>
    </row>
    <row r="398808" spans="8:8">
      <c r="H398808" s="12"/>
    </row>
    <row r="398809" spans="8:8">
      <c r="H398809" s="12"/>
    </row>
    <row r="398810" spans="8:8">
      <c r="H398810" s="12"/>
    </row>
    <row r="398811" spans="8:8">
      <c r="H398811" s="12"/>
    </row>
    <row r="398812" spans="8:8">
      <c r="H398812" s="12"/>
    </row>
    <row r="398813" spans="8:8">
      <c r="H398813" s="12"/>
    </row>
    <row r="398814" spans="8:8">
      <c r="H398814" s="12"/>
    </row>
    <row r="398815" spans="8:8">
      <c r="H398815" s="12"/>
    </row>
    <row r="398816" spans="8:8">
      <c r="H398816" s="12"/>
    </row>
    <row r="398817" spans="8:8">
      <c r="H398817" s="12"/>
    </row>
    <row r="398818" spans="8:8">
      <c r="H398818" s="12"/>
    </row>
    <row r="398819" spans="8:8">
      <c r="H398819" s="12"/>
    </row>
    <row r="398820" spans="8:8">
      <c r="H398820" s="12"/>
    </row>
    <row r="398821" spans="8:8">
      <c r="H398821" s="12"/>
    </row>
    <row r="398822" spans="8:8">
      <c r="H398822" s="12"/>
    </row>
    <row r="398823" spans="8:8">
      <c r="H398823" s="12"/>
    </row>
    <row r="398824" spans="8:8">
      <c r="H398824" s="12"/>
    </row>
    <row r="398825" spans="8:8">
      <c r="H398825" s="12"/>
    </row>
    <row r="398826" spans="8:8">
      <c r="H398826" s="12"/>
    </row>
    <row r="398827" spans="8:8">
      <c r="H398827" s="12"/>
    </row>
    <row r="398828" spans="8:8">
      <c r="H398828" s="12"/>
    </row>
    <row r="398829" spans="8:8">
      <c r="H398829" s="12"/>
    </row>
    <row r="398830" spans="8:8">
      <c r="H398830" s="12"/>
    </row>
    <row r="398831" spans="8:8">
      <c r="H398831" s="12"/>
    </row>
    <row r="398832" spans="8:8">
      <c r="H398832" s="12"/>
    </row>
    <row r="398833" spans="8:8">
      <c r="H398833" s="12"/>
    </row>
    <row r="398834" spans="8:8">
      <c r="H398834" s="12"/>
    </row>
    <row r="398835" spans="8:8">
      <c r="H398835" s="12"/>
    </row>
    <row r="398836" spans="8:8">
      <c r="H398836" s="12"/>
    </row>
    <row r="398837" spans="8:8">
      <c r="H398837" s="12"/>
    </row>
    <row r="398838" spans="8:8">
      <c r="H398838" s="12"/>
    </row>
    <row r="398839" spans="8:8">
      <c r="H398839" s="12"/>
    </row>
    <row r="398840" spans="8:8">
      <c r="H398840" s="12"/>
    </row>
    <row r="398841" spans="8:8">
      <c r="H398841" s="12"/>
    </row>
    <row r="398842" spans="8:8">
      <c r="H398842" s="12"/>
    </row>
    <row r="398843" spans="8:8">
      <c r="H398843" s="12"/>
    </row>
    <row r="398844" spans="8:8">
      <c r="H398844" s="12"/>
    </row>
    <row r="398845" spans="8:8">
      <c r="H398845" s="12"/>
    </row>
    <row r="398846" spans="8:8">
      <c r="H398846" s="12"/>
    </row>
    <row r="398847" spans="8:8">
      <c r="H398847" s="12"/>
    </row>
    <row r="398848" spans="8:8">
      <c r="H398848" s="12"/>
    </row>
    <row r="398849" spans="8:8">
      <c r="H398849" s="12"/>
    </row>
    <row r="398850" spans="8:8">
      <c r="H398850" s="12"/>
    </row>
    <row r="398851" spans="8:8">
      <c r="H398851" s="12"/>
    </row>
    <row r="398852" spans="8:8">
      <c r="H398852" s="12"/>
    </row>
    <row r="398853" spans="8:8">
      <c r="H398853" s="12"/>
    </row>
    <row r="398854" spans="8:8">
      <c r="H398854" s="12"/>
    </row>
    <row r="398855" spans="8:8">
      <c r="H398855" s="12"/>
    </row>
    <row r="398856" spans="8:8">
      <c r="H398856" s="12"/>
    </row>
    <row r="398857" spans="8:8">
      <c r="H398857" s="12"/>
    </row>
    <row r="398858" spans="8:8">
      <c r="H398858" s="12"/>
    </row>
    <row r="398859" spans="8:8">
      <c r="H398859" s="12"/>
    </row>
    <row r="398860" spans="8:8">
      <c r="H398860" s="12"/>
    </row>
    <row r="398861" spans="8:8">
      <c r="H398861" s="12"/>
    </row>
    <row r="398862" spans="8:8">
      <c r="H398862" s="12"/>
    </row>
    <row r="398863" spans="8:8">
      <c r="H398863" s="12"/>
    </row>
    <row r="398864" spans="8:8">
      <c r="H398864" s="12"/>
    </row>
    <row r="398865" spans="8:8">
      <c r="H398865" s="12"/>
    </row>
    <row r="398866" spans="8:8">
      <c r="H398866" s="12"/>
    </row>
    <row r="398867" spans="8:8">
      <c r="H398867" s="12"/>
    </row>
    <row r="398868" spans="8:8">
      <c r="H398868" s="12"/>
    </row>
    <row r="398869" spans="8:8">
      <c r="H398869" s="12"/>
    </row>
    <row r="398870" spans="8:8">
      <c r="H398870" s="12"/>
    </row>
    <row r="398871" spans="8:8">
      <c r="H398871" s="12"/>
    </row>
    <row r="398872" spans="8:8">
      <c r="H398872" s="12"/>
    </row>
    <row r="398873" spans="8:8">
      <c r="H398873" s="12"/>
    </row>
    <row r="398874" spans="8:8">
      <c r="H398874" s="12"/>
    </row>
    <row r="398875" spans="8:8">
      <c r="H398875" s="12"/>
    </row>
    <row r="398876" spans="8:8">
      <c r="H398876" s="12"/>
    </row>
    <row r="398877" spans="8:8">
      <c r="H398877" s="12"/>
    </row>
    <row r="398878" spans="8:8">
      <c r="H398878" s="12"/>
    </row>
    <row r="398879" spans="8:8">
      <c r="H398879" s="12"/>
    </row>
    <row r="398880" spans="8:8">
      <c r="H398880" s="12"/>
    </row>
    <row r="398881" spans="8:8">
      <c r="H398881" s="12"/>
    </row>
    <row r="398882" spans="8:8">
      <c r="H398882" s="12"/>
    </row>
    <row r="398883" spans="8:8">
      <c r="H398883" s="12"/>
    </row>
    <row r="398884" spans="8:8">
      <c r="H398884" s="12"/>
    </row>
    <row r="398885" spans="8:8">
      <c r="H398885" s="12"/>
    </row>
    <row r="398886" spans="8:8">
      <c r="H398886" s="12"/>
    </row>
    <row r="398887" spans="8:8">
      <c r="H398887" s="12"/>
    </row>
    <row r="398888" spans="8:8">
      <c r="H398888" s="12"/>
    </row>
    <row r="398889" spans="8:8">
      <c r="H398889" s="12"/>
    </row>
    <row r="398890" spans="8:8">
      <c r="H398890" s="12"/>
    </row>
    <row r="398891" spans="8:8">
      <c r="H398891" s="12"/>
    </row>
    <row r="398892" spans="8:8">
      <c r="H398892" s="12"/>
    </row>
    <row r="398893" spans="8:8">
      <c r="H398893" s="12"/>
    </row>
    <row r="398894" spans="8:8">
      <c r="H398894" s="12"/>
    </row>
    <row r="398895" spans="8:8">
      <c r="H398895" s="12"/>
    </row>
    <row r="398896" spans="8:8">
      <c r="H398896" s="12"/>
    </row>
    <row r="398897" spans="8:8">
      <c r="H398897" s="12"/>
    </row>
    <row r="398898" spans="8:8">
      <c r="H398898" s="12"/>
    </row>
    <row r="398899" spans="8:8">
      <c r="H398899" s="12"/>
    </row>
    <row r="398900" spans="8:8">
      <c r="H398900" s="12"/>
    </row>
    <row r="398901" spans="8:8">
      <c r="H398901" s="12"/>
    </row>
    <row r="398902" spans="8:8">
      <c r="H398902" s="12"/>
    </row>
    <row r="398903" spans="8:8">
      <c r="H398903" s="12"/>
    </row>
    <row r="398904" spans="8:8">
      <c r="H398904" s="12"/>
    </row>
    <row r="398905" spans="8:8">
      <c r="H398905" s="12"/>
    </row>
    <row r="398906" spans="8:8">
      <c r="H398906" s="12"/>
    </row>
    <row r="398907" spans="8:8">
      <c r="H398907" s="12"/>
    </row>
    <row r="398908" spans="8:8">
      <c r="H398908" s="12"/>
    </row>
    <row r="398909" spans="8:8">
      <c r="H398909" s="12"/>
    </row>
    <row r="398910" spans="8:8">
      <c r="H398910" s="12"/>
    </row>
    <row r="398911" spans="8:8">
      <c r="H398911" s="12"/>
    </row>
    <row r="398912" spans="8:8">
      <c r="H398912" s="12"/>
    </row>
    <row r="398913" spans="8:8">
      <c r="H398913" s="12"/>
    </row>
    <row r="398914" spans="8:8">
      <c r="H398914" s="12"/>
    </row>
    <row r="398915" spans="8:8">
      <c r="H398915" s="12"/>
    </row>
    <row r="398916" spans="8:8">
      <c r="H398916" s="12"/>
    </row>
    <row r="398917" spans="8:8">
      <c r="H398917" s="12"/>
    </row>
    <row r="398918" spans="8:8">
      <c r="H398918" s="12"/>
    </row>
    <row r="398919" spans="8:8">
      <c r="H398919" s="12"/>
    </row>
    <row r="398920" spans="8:8">
      <c r="H398920" s="12"/>
    </row>
    <row r="398921" spans="8:8">
      <c r="H398921" s="12"/>
    </row>
    <row r="398922" spans="8:8">
      <c r="H398922" s="12"/>
    </row>
    <row r="398923" spans="8:8">
      <c r="H398923" s="12"/>
    </row>
    <row r="398924" spans="8:8">
      <c r="H398924" s="12"/>
    </row>
    <row r="398925" spans="8:8">
      <c r="H398925" s="12"/>
    </row>
    <row r="398926" spans="8:8">
      <c r="H398926" s="12"/>
    </row>
    <row r="398927" spans="8:8">
      <c r="H398927" s="12"/>
    </row>
    <row r="398928" spans="8:8">
      <c r="H398928" s="12"/>
    </row>
    <row r="398929" spans="8:8">
      <c r="H398929" s="12"/>
    </row>
    <row r="398930" spans="8:8">
      <c r="H398930" s="12"/>
    </row>
    <row r="398931" spans="8:8">
      <c r="H398931" s="12"/>
    </row>
    <row r="398932" spans="8:8">
      <c r="H398932" s="12"/>
    </row>
    <row r="398933" spans="8:8">
      <c r="H398933" s="12"/>
    </row>
    <row r="398934" spans="8:8">
      <c r="H398934" s="12"/>
    </row>
    <row r="398935" spans="8:8">
      <c r="H398935" s="12"/>
    </row>
    <row r="398936" spans="8:8">
      <c r="H398936" s="12"/>
    </row>
    <row r="398937" spans="8:8">
      <c r="H398937" s="12"/>
    </row>
    <row r="398938" spans="8:8">
      <c r="H398938" s="12"/>
    </row>
    <row r="398939" spans="8:8">
      <c r="H398939" s="12"/>
    </row>
    <row r="398940" spans="8:8">
      <c r="H398940" s="12"/>
    </row>
    <row r="398941" spans="8:8">
      <c r="H398941" s="12"/>
    </row>
    <row r="398942" spans="8:8">
      <c r="H398942" s="12"/>
    </row>
    <row r="398943" spans="8:8">
      <c r="H398943" s="12"/>
    </row>
    <row r="398944" spans="8:8">
      <c r="H398944" s="12"/>
    </row>
    <row r="398945" spans="8:8">
      <c r="H398945" s="12"/>
    </row>
    <row r="398946" spans="8:8">
      <c r="H398946" s="12"/>
    </row>
    <row r="398947" spans="8:8">
      <c r="H398947" s="12"/>
    </row>
    <row r="398948" spans="8:8">
      <c r="H398948" s="12"/>
    </row>
    <row r="398949" spans="8:8">
      <c r="H398949" s="12"/>
    </row>
    <row r="398950" spans="8:8">
      <c r="H398950" s="12"/>
    </row>
    <row r="398951" spans="8:8">
      <c r="H398951" s="12"/>
    </row>
    <row r="398952" spans="8:8">
      <c r="H398952" s="12"/>
    </row>
    <row r="398953" spans="8:8">
      <c r="H398953" s="12"/>
    </row>
    <row r="398954" spans="8:8">
      <c r="H398954" s="12"/>
    </row>
    <row r="398955" spans="8:8">
      <c r="H398955" s="12"/>
    </row>
    <row r="398956" spans="8:8">
      <c r="H398956" s="12"/>
    </row>
    <row r="398957" spans="8:8">
      <c r="H398957" s="12"/>
    </row>
    <row r="398958" spans="8:8">
      <c r="H398958" s="12"/>
    </row>
    <row r="398959" spans="8:8">
      <c r="H398959" s="12"/>
    </row>
    <row r="398960" spans="8:8">
      <c r="H398960" s="12"/>
    </row>
    <row r="398961" spans="8:8">
      <c r="H398961" s="12"/>
    </row>
    <row r="398962" spans="8:8">
      <c r="H398962" s="12"/>
    </row>
    <row r="398963" spans="8:8">
      <c r="H398963" s="12"/>
    </row>
    <row r="398964" spans="8:8">
      <c r="H398964" s="12"/>
    </row>
    <row r="398965" spans="8:8">
      <c r="H398965" s="12"/>
    </row>
    <row r="398966" spans="8:8">
      <c r="H398966" s="12"/>
    </row>
    <row r="398967" spans="8:8">
      <c r="H398967" s="12"/>
    </row>
    <row r="398968" spans="8:8">
      <c r="H398968" s="12"/>
    </row>
    <row r="398969" spans="8:8">
      <c r="H398969" s="12"/>
    </row>
    <row r="398970" spans="8:8">
      <c r="H398970" s="12"/>
    </row>
    <row r="398971" spans="8:8">
      <c r="H398971" s="12"/>
    </row>
    <row r="398972" spans="8:8">
      <c r="H398972" s="12"/>
    </row>
    <row r="398973" spans="8:8">
      <c r="H398973" s="12"/>
    </row>
    <row r="398974" spans="8:8">
      <c r="H398974" s="12"/>
    </row>
    <row r="398975" spans="8:8">
      <c r="H398975" s="12"/>
    </row>
    <row r="398976" spans="8:8">
      <c r="H398976" s="12"/>
    </row>
    <row r="398977" spans="8:8">
      <c r="H398977" s="12"/>
    </row>
    <row r="398978" spans="8:8">
      <c r="H398978" s="12"/>
    </row>
    <row r="398979" spans="8:8">
      <c r="H398979" s="12"/>
    </row>
    <row r="398980" spans="8:8">
      <c r="H398980" s="12"/>
    </row>
    <row r="398981" spans="8:8">
      <c r="H398981" s="12"/>
    </row>
    <row r="398982" spans="8:8">
      <c r="H398982" s="12"/>
    </row>
    <row r="398983" spans="8:8">
      <c r="H398983" s="12"/>
    </row>
    <row r="398984" spans="8:8">
      <c r="H398984" s="12"/>
    </row>
    <row r="398985" spans="8:8">
      <c r="H398985" s="12"/>
    </row>
    <row r="398986" spans="8:8">
      <c r="H398986" s="12"/>
    </row>
    <row r="398987" spans="8:8">
      <c r="H398987" s="12"/>
    </row>
    <row r="398988" spans="8:8">
      <c r="H398988" s="12"/>
    </row>
    <row r="398989" spans="8:8">
      <c r="H398989" s="12"/>
    </row>
    <row r="398990" spans="8:8">
      <c r="H398990" s="12"/>
    </row>
    <row r="398991" spans="8:8">
      <c r="H398991" s="12"/>
    </row>
    <row r="398992" spans="8:8">
      <c r="H398992" s="12"/>
    </row>
    <row r="398993" spans="8:8">
      <c r="H398993" s="12"/>
    </row>
    <row r="398994" spans="8:8">
      <c r="H398994" s="12"/>
    </row>
    <row r="398995" spans="8:8">
      <c r="H398995" s="12"/>
    </row>
    <row r="398996" spans="8:8">
      <c r="H398996" s="12"/>
    </row>
    <row r="398997" spans="8:8">
      <c r="H398997" s="12"/>
    </row>
    <row r="398998" spans="8:8">
      <c r="H398998" s="12"/>
    </row>
    <row r="398999" spans="8:8">
      <c r="H398999" s="12"/>
    </row>
    <row r="399000" spans="8:8">
      <c r="H399000" s="12"/>
    </row>
    <row r="399001" spans="8:8">
      <c r="H399001" s="12"/>
    </row>
    <row r="399002" spans="8:8">
      <c r="H399002" s="12"/>
    </row>
    <row r="399003" spans="8:8">
      <c r="H399003" s="12"/>
    </row>
    <row r="399004" spans="8:8">
      <c r="H399004" s="12"/>
    </row>
    <row r="399005" spans="8:8">
      <c r="H399005" s="12"/>
    </row>
    <row r="399006" spans="8:8">
      <c r="H399006" s="12"/>
    </row>
    <row r="399007" spans="8:8">
      <c r="H399007" s="12"/>
    </row>
    <row r="399008" spans="8:8">
      <c r="H399008" s="12"/>
    </row>
    <row r="399009" spans="8:8">
      <c r="H399009" s="12"/>
    </row>
    <row r="399010" spans="8:8">
      <c r="H399010" s="12"/>
    </row>
    <row r="399011" spans="8:8">
      <c r="H399011" s="12"/>
    </row>
    <row r="399012" spans="8:8">
      <c r="H399012" s="12"/>
    </row>
    <row r="399013" spans="8:8">
      <c r="H399013" s="12"/>
    </row>
    <row r="399014" spans="8:8">
      <c r="H399014" s="12"/>
    </row>
    <row r="399015" spans="8:8">
      <c r="H399015" s="12"/>
    </row>
    <row r="399016" spans="8:8">
      <c r="H399016" s="12"/>
    </row>
    <row r="399017" spans="8:8">
      <c r="H399017" s="12"/>
    </row>
    <row r="399018" spans="8:8">
      <c r="H399018" s="12"/>
    </row>
    <row r="399019" spans="8:8">
      <c r="H399019" s="12"/>
    </row>
    <row r="399020" spans="8:8">
      <c r="H399020" s="12"/>
    </row>
    <row r="399021" spans="8:8">
      <c r="H399021" s="12"/>
    </row>
    <row r="399022" spans="8:8">
      <c r="H399022" s="12"/>
    </row>
    <row r="399023" spans="8:8">
      <c r="H399023" s="12"/>
    </row>
    <row r="399024" spans="8:8">
      <c r="H399024" s="12"/>
    </row>
    <row r="399025" spans="8:8">
      <c r="H399025" s="12"/>
    </row>
    <row r="399026" spans="8:8">
      <c r="H399026" s="12"/>
    </row>
    <row r="399027" spans="8:8">
      <c r="H399027" s="12"/>
    </row>
    <row r="399028" spans="8:8">
      <c r="H399028" s="12"/>
    </row>
    <row r="399029" spans="8:8">
      <c r="H399029" s="12"/>
    </row>
    <row r="399030" spans="8:8">
      <c r="H399030" s="12"/>
    </row>
    <row r="399031" spans="8:8">
      <c r="H399031" s="12"/>
    </row>
    <row r="399032" spans="8:8">
      <c r="H399032" s="12"/>
    </row>
    <row r="399033" spans="8:8">
      <c r="H399033" s="12"/>
    </row>
    <row r="399034" spans="8:8">
      <c r="H399034" s="12"/>
    </row>
    <row r="399035" spans="8:8">
      <c r="H399035" s="12"/>
    </row>
    <row r="399036" spans="8:8">
      <c r="H399036" s="12"/>
    </row>
    <row r="399037" spans="8:8">
      <c r="H399037" s="12"/>
    </row>
    <row r="399038" spans="8:8">
      <c r="H399038" s="12"/>
    </row>
    <row r="399039" spans="8:8">
      <c r="H399039" s="12"/>
    </row>
    <row r="399040" spans="8:8">
      <c r="H399040" s="12"/>
    </row>
    <row r="399041" spans="8:8">
      <c r="H399041" s="12"/>
    </row>
    <row r="399042" spans="8:8">
      <c r="H399042" s="12"/>
    </row>
    <row r="399043" spans="8:8">
      <c r="H399043" s="12"/>
    </row>
    <row r="399044" spans="8:8">
      <c r="H399044" s="12"/>
    </row>
    <row r="399045" spans="8:8">
      <c r="H399045" s="12"/>
    </row>
    <row r="399046" spans="8:8">
      <c r="H399046" s="12"/>
    </row>
    <row r="399047" spans="8:8">
      <c r="H399047" s="12"/>
    </row>
    <row r="399048" spans="8:8">
      <c r="H399048" s="12"/>
    </row>
    <row r="399049" spans="8:8">
      <c r="H399049" s="12"/>
    </row>
    <row r="399050" spans="8:8">
      <c r="H399050" s="12"/>
    </row>
    <row r="399051" spans="8:8">
      <c r="H399051" s="12"/>
    </row>
    <row r="399052" spans="8:8">
      <c r="H399052" s="12"/>
    </row>
    <row r="399053" spans="8:8">
      <c r="H399053" s="12"/>
    </row>
    <row r="399054" spans="8:8">
      <c r="H399054" s="12"/>
    </row>
    <row r="399055" spans="8:8">
      <c r="H399055" s="12"/>
    </row>
    <row r="399056" spans="8:8">
      <c r="H399056" s="12"/>
    </row>
    <row r="399057" spans="8:8">
      <c r="H399057" s="12"/>
    </row>
    <row r="399058" spans="8:8">
      <c r="H399058" s="12"/>
    </row>
    <row r="399059" spans="8:8">
      <c r="H399059" s="12"/>
    </row>
    <row r="399060" spans="8:8">
      <c r="H399060" s="12"/>
    </row>
    <row r="399061" spans="8:8">
      <c r="H399061" s="12"/>
    </row>
    <row r="399062" spans="8:8">
      <c r="H399062" s="12"/>
    </row>
    <row r="399063" spans="8:8">
      <c r="H399063" s="12"/>
    </row>
    <row r="399064" spans="8:8">
      <c r="H399064" s="12"/>
    </row>
    <row r="399065" spans="8:8">
      <c r="H399065" s="12"/>
    </row>
    <row r="399066" spans="8:8">
      <c r="H399066" s="12"/>
    </row>
    <row r="399067" spans="8:8">
      <c r="H399067" s="12"/>
    </row>
    <row r="399068" spans="8:8">
      <c r="H399068" s="12"/>
    </row>
    <row r="399069" spans="8:8">
      <c r="H399069" s="12"/>
    </row>
    <row r="399070" spans="8:8">
      <c r="H399070" s="12"/>
    </row>
    <row r="399071" spans="8:8">
      <c r="H399071" s="12"/>
    </row>
    <row r="399072" spans="8:8">
      <c r="H399072" s="12"/>
    </row>
    <row r="399073" spans="8:8">
      <c r="H399073" s="12"/>
    </row>
    <row r="399074" spans="8:8">
      <c r="H399074" s="12"/>
    </row>
    <row r="399075" spans="8:8">
      <c r="H399075" s="12"/>
    </row>
    <row r="399076" spans="8:8">
      <c r="H399076" s="12"/>
    </row>
    <row r="399077" spans="8:8">
      <c r="H399077" s="12"/>
    </row>
    <row r="399078" spans="8:8">
      <c r="H399078" s="12"/>
    </row>
    <row r="399079" spans="8:8">
      <c r="H399079" s="12"/>
    </row>
    <row r="399080" spans="8:8">
      <c r="H399080" s="12"/>
    </row>
    <row r="399081" spans="8:8">
      <c r="H399081" s="12"/>
    </row>
    <row r="399082" spans="8:8">
      <c r="H399082" s="12"/>
    </row>
    <row r="399083" spans="8:8">
      <c r="H399083" s="12"/>
    </row>
    <row r="399084" spans="8:8">
      <c r="H399084" s="12"/>
    </row>
    <row r="399085" spans="8:8">
      <c r="H399085" s="12"/>
    </row>
    <row r="399086" spans="8:8">
      <c r="H399086" s="12"/>
    </row>
    <row r="399087" spans="8:8">
      <c r="H399087" s="12"/>
    </row>
    <row r="399088" spans="8:8">
      <c r="H399088" s="12"/>
    </row>
    <row r="399089" spans="8:8">
      <c r="H399089" s="12"/>
    </row>
    <row r="399090" spans="8:8">
      <c r="H399090" s="12"/>
    </row>
    <row r="399091" spans="8:8">
      <c r="H399091" s="12"/>
    </row>
    <row r="399092" spans="8:8">
      <c r="H399092" s="12"/>
    </row>
    <row r="399093" spans="8:8">
      <c r="H399093" s="12"/>
    </row>
    <row r="399094" spans="8:8">
      <c r="H399094" s="12"/>
    </row>
    <row r="399095" spans="8:8">
      <c r="H399095" s="12"/>
    </row>
    <row r="399096" spans="8:8">
      <c r="H399096" s="12"/>
    </row>
    <row r="399097" spans="8:8">
      <c r="H399097" s="12"/>
    </row>
    <row r="399098" spans="8:8">
      <c r="H399098" s="12"/>
    </row>
    <row r="399099" spans="8:8">
      <c r="H399099" s="12"/>
    </row>
    <row r="399100" spans="8:8">
      <c r="H399100" s="12"/>
    </row>
    <row r="399101" spans="8:8">
      <c r="H399101" s="12"/>
    </row>
    <row r="399102" spans="8:8">
      <c r="H399102" s="12"/>
    </row>
    <row r="399103" spans="8:8">
      <c r="H399103" s="12"/>
    </row>
    <row r="399104" spans="8:8">
      <c r="H399104" s="12"/>
    </row>
    <row r="399105" spans="8:8">
      <c r="H399105" s="12"/>
    </row>
    <row r="399106" spans="8:8">
      <c r="H399106" s="12"/>
    </row>
    <row r="399107" spans="8:8">
      <c r="H399107" s="12"/>
    </row>
    <row r="399108" spans="8:8">
      <c r="H399108" s="12"/>
    </row>
    <row r="399109" spans="8:8">
      <c r="H399109" s="12"/>
    </row>
    <row r="399110" spans="8:8">
      <c r="H399110" s="12"/>
    </row>
    <row r="399111" spans="8:8">
      <c r="H399111" s="12"/>
    </row>
    <row r="399112" spans="8:8">
      <c r="H399112" s="12"/>
    </row>
    <row r="399113" spans="8:8">
      <c r="H399113" s="12"/>
    </row>
    <row r="399114" spans="8:8">
      <c r="H399114" s="12"/>
    </row>
    <row r="399115" spans="8:8">
      <c r="H399115" s="12"/>
    </row>
    <row r="399116" spans="8:8">
      <c r="H399116" s="12"/>
    </row>
    <row r="399117" spans="8:8">
      <c r="H399117" s="12"/>
    </row>
    <row r="399118" spans="8:8">
      <c r="H399118" s="12"/>
    </row>
    <row r="399119" spans="8:8">
      <c r="H399119" s="12"/>
    </row>
    <row r="399120" spans="8:8">
      <c r="H399120" s="12"/>
    </row>
    <row r="399121" spans="8:8">
      <c r="H399121" s="12"/>
    </row>
    <row r="399122" spans="8:8">
      <c r="H399122" s="12"/>
    </row>
    <row r="399123" spans="8:8">
      <c r="H399123" s="12"/>
    </row>
    <row r="399124" spans="8:8">
      <c r="H399124" s="12"/>
    </row>
    <row r="399125" spans="8:8">
      <c r="H399125" s="12"/>
    </row>
    <row r="399126" spans="8:8">
      <c r="H399126" s="12"/>
    </row>
    <row r="399127" spans="8:8">
      <c r="H399127" s="12"/>
    </row>
    <row r="399128" spans="8:8">
      <c r="H399128" s="12"/>
    </row>
    <row r="399129" spans="8:8">
      <c r="H399129" s="12"/>
    </row>
    <row r="399130" spans="8:8">
      <c r="H399130" s="12"/>
    </row>
    <row r="399131" spans="8:8">
      <c r="H399131" s="12"/>
    </row>
    <row r="399132" spans="8:8">
      <c r="H399132" s="12"/>
    </row>
    <row r="399133" spans="8:8">
      <c r="H399133" s="12"/>
    </row>
    <row r="399134" spans="8:8">
      <c r="H399134" s="12"/>
    </row>
    <row r="399135" spans="8:8">
      <c r="H399135" s="12"/>
    </row>
    <row r="399136" spans="8:8">
      <c r="H399136" s="12"/>
    </row>
    <row r="399137" spans="8:8">
      <c r="H399137" s="12"/>
    </row>
    <row r="399138" spans="8:8">
      <c r="H399138" s="12"/>
    </row>
    <row r="399139" spans="8:8">
      <c r="H399139" s="12"/>
    </row>
    <row r="399140" spans="8:8">
      <c r="H399140" s="12"/>
    </row>
    <row r="399141" spans="8:8">
      <c r="H399141" s="12"/>
    </row>
    <row r="399142" spans="8:8">
      <c r="H399142" s="12"/>
    </row>
    <row r="399143" spans="8:8">
      <c r="H399143" s="12"/>
    </row>
    <row r="399144" spans="8:8">
      <c r="H399144" s="12"/>
    </row>
    <row r="399145" spans="8:8">
      <c r="H399145" s="12"/>
    </row>
    <row r="399146" spans="8:8">
      <c r="H399146" s="12"/>
    </row>
    <row r="399147" spans="8:8">
      <c r="H399147" s="12"/>
    </row>
    <row r="399148" spans="8:8">
      <c r="H399148" s="12"/>
    </row>
    <row r="399149" spans="8:8">
      <c r="H399149" s="12"/>
    </row>
    <row r="399150" spans="8:8">
      <c r="H399150" s="12"/>
    </row>
    <row r="399151" spans="8:8">
      <c r="H399151" s="12"/>
    </row>
    <row r="399152" spans="8:8">
      <c r="H399152" s="12"/>
    </row>
    <row r="399153" spans="8:8">
      <c r="H399153" s="12"/>
    </row>
    <row r="399154" spans="8:8">
      <c r="H399154" s="12"/>
    </row>
    <row r="399155" spans="8:8">
      <c r="H399155" s="12"/>
    </row>
    <row r="399156" spans="8:8">
      <c r="H399156" s="12"/>
    </row>
    <row r="399157" spans="8:8">
      <c r="H399157" s="12"/>
    </row>
    <row r="399158" spans="8:8">
      <c r="H399158" s="12"/>
    </row>
    <row r="399159" spans="8:8">
      <c r="H399159" s="12"/>
    </row>
    <row r="399160" spans="8:8">
      <c r="H399160" s="12"/>
    </row>
    <row r="399161" spans="8:8">
      <c r="H399161" s="12"/>
    </row>
    <row r="399162" spans="8:8">
      <c r="H399162" s="12"/>
    </row>
    <row r="399163" spans="8:8">
      <c r="H399163" s="12"/>
    </row>
    <row r="399164" spans="8:8">
      <c r="H399164" s="12"/>
    </row>
    <row r="399165" spans="8:8">
      <c r="H399165" s="12"/>
    </row>
    <row r="399166" spans="8:8">
      <c r="H399166" s="12"/>
    </row>
    <row r="399167" spans="8:8">
      <c r="H399167" s="12"/>
    </row>
    <row r="399168" spans="8:8">
      <c r="H399168" s="12"/>
    </row>
    <row r="399169" spans="8:8">
      <c r="H399169" s="12"/>
    </row>
    <row r="399170" spans="8:8">
      <c r="H399170" s="12"/>
    </row>
    <row r="399171" spans="8:8">
      <c r="H399171" s="12"/>
    </row>
    <row r="399172" spans="8:8">
      <c r="H399172" s="12"/>
    </row>
    <row r="399173" spans="8:8">
      <c r="H399173" s="12"/>
    </row>
    <row r="399174" spans="8:8">
      <c r="H399174" s="12"/>
    </row>
    <row r="399175" spans="8:8">
      <c r="H399175" s="12"/>
    </row>
    <row r="399176" spans="8:8">
      <c r="H399176" s="12"/>
    </row>
    <row r="399177" spans="8:8">
      <c r="H399177" s="12"/>
    </row>
    <row r="399178" spans="8:8">
      <c r="H399178" s="12"/>
    </row>
    <row r="399179" spans="8:8">
      <c r="H399179" s="12"/>
    </row>
    <row r="399180" spans="8:8">
      <c r="H399180" s="12"/>
    </row>
    <row r="399181" spans="8:8">
      <c r="H399181" s="12"/>
    </row>
    <row r="399182" spans="8:8">
      <c r="H399182" s="12"/>
    </row>
    <row r="399183" spans="8:8">
      <c r="H399183" s="12"/>
    </row>
    <row r="399184" spans="8:8">
      <c r="H399184" s="12"/>
    </row>
    <row r="399185" spans="8:8">
      <c r="H399185" s="12"/>
    </row>
    <row r="399186" spans="8:8">
      <c r="H399186" s="12"/>
    </row>
    <row r="399187" spans="8:8">
      <c r="H399187" s="12"/>
    </row>
    <row r="399188" spans="8:8">
      <c r="H399188" s="12"/>
    </row>
    <row r="399189" spans="8:8">
      <c r="H399189" s="12"/>
    </row>
    <row r="399190" spans="8:8">
      <c r="H399190" s="12"/>
    </row>
    <row r="399191" spans="8:8">
      <c r="H399191" s="12"/>
    </row>
    <row r="399192" spans="8:8">
      <c r="H399192" s="12"/>
    </row>
    <row r="399193" spans="8:8">
      <c r="H399193" s="12"/>
    </row>
    <row r="399194" spans="8:8">
      <c r="H399194" s="12"/>
    </row>
    <row r="399195" spans="8:8">
      <c r="H399195" s="12"/>
    </row>
    <row r="399196" spans="8:8">
      <c r="H399196" s="12"/>
    </row>
    <row r="399197" spans="8:8">
      <c r="H399197" s="12"/>
    </row>
    <row r="399198" spans="8:8">
      <c r="H399198" s="12"/>
    </row>
    <row r="399199" spans="8:8">
      <c r="H399199" s="12"/>
    </row>
    <row r="399200" spans="8:8">
      <c r="H399200" s="12"/>
    </row>
    <row r="399201" spans="8:8">
      <c r="H399201" s="12"/>
    </row>
    <row r="399202" spans="8:8">
      <c r="H399202" s="12"/>
    </row>
    <row r="399203" spans="8:8">
      <c r="H399203" s="12"/>
    </row>
    <row r="399204" spans="8:8">
      <c r="H399204" s="12"/>
    </row>
    <row r="399205" spans="8:8">
      <c r="H399205" s="12"/>
    </row>
    <row r="399206" spans="8:8">
      <c r="H399206" s="12"/>
    </row>
    <row r="399207" spans="8:8">
      <c r="H399207" s="12"/>
    </row>
    <row r="399208" spans="8:8">
      <c r="H399208" s="12"/>
    </row>
    <row r="399209" spans="8:8">
      <c r="H399209" s="12"/>
    </row>
    <row r="399210" spans="8:8">
      <c r="H399210" s="12"/>
    </row>
    <row r="399211" spans="8:8">
      <c r="H399211" s="12"/>
    </row>
    <row r="399212" spans="8:8">
      <c r="H399212" s="12"/>
    </row>
    <row r="399213" spans="8:8">
      <c r="H399213" s="12"/>
    </row>
    <row r="399214" spans="8:8">
      <c r="H399214" s="12"/>
    </row>
    <row r="399215" spans="8:8">
      <c r="H399215" s="12"/>
    </row>
    <row r="399216" spans="8:8">
      <c r="H399216" s="12"/>
    </row>
    <row r="399217" spans="8:8">
      <c r="H399217" s="12"/>
    </row>
    <row r="399218" spans="8:8">
      <c r="H399218" s="12"/>
    </row>
    <row r="399219" spans="8:8">
      <c r="H399219" s="12"/>
    </row>
    <row r="399220" spans="8:8">
      <c r="H399220" s="12"/>
    </row>
    <row r="399221" spans="8:8">
      <c r="H399221" s="12"/>
    </row>
    <row r="399222" spans="8:8">
      <c r="H399222" s="12"/>
    </row>
    <row r="399223" spans="8:8">
      <c r="H399223" s="12"/>
    </row>
    <row r="399224" spans="8:8">
      <c r="H399224" s="12"/>
    </row>
    <row r="399225" spans="8:8">
      <c r="H399225" s="12"/>
    </row>
    <row r="399226" spans="8:8">
      <c r="H399226" s="12"/>
    </row>
    <row r="399227" spans="8:8">
      <c r="H399227" s="12"/>
    </row>
    <row r="399228" spans="8:8">
      <c r="H399228" s="12"/>
    </row>
    <row r="399229" spans="8:8">
      <c r="H399229" s="12"/>
    </row>
    <row r="399230" spans="8:8">
      <c r="H399230" s="12"/>
    </row>
    <row r="399231" spans="8:8">
      <c r="H399231" s="12"/>
    </row>
    <row r="399232" spans="8:8">
      <c r="H399232" s="12"/>
    </row>
    <row r="399233" spans="8:8">
      <c r="H399233" s="12"/>
    </row>
    <row r="399234" spans="8:8">
      <c r="H399234" s="12"/>
    </row>
    <row r="399235" spans="8:8">
      <c r="H399235" s="12"/>
    </row>
    <row r="399236" spans="8:8">
      <c r="H399236" s="12"/>
    </row>
    <row r="399237" spans="8:8">
      <c r="H399237" s="12"/>
    </row>
    <row r="399238" spans="8:8">
      <c r="H399238" s="12"/>
    </row>
    <row r="399239" spans="8:8">
      <c r="H399239" s="12"/>
    </row>
    <row r="399240" spans="8:8">
      <c r="H399240" s="12"/>
    </row>
    <row r="399241" spans="8:8">
      <c r="H399241" s="12"/>
    </row>
    <row r="399242" spans="8:8">
      <c r="H399242" s="12"/>
    </row>
    <row r="399243" spans="8:8">
      <c r="H399243" s="12"/>
    </row>
    <row r="399244" spans="8:8">
      <c r="H399244" s="12"/>
    </row>
    <row r="399245" spans="8:8">
      <c r="H399245" s="12"/>
    </row>
    <row r="399246" spans="8:8">
      <c r="H399246" s="12"/>
    </row>
    <row r="399247" spans="8:8">
      <c r="H399247" s="12"/>
    </row>
    <row r="399248" spans="8:8">
      <c r="H399248" s="12"/>
    </row>
    <row r="399249" spans="8:8">
      <c r="H399249" s="12"/>
    </row>
    <row r="399250" spans="8:8">
      <c r="H399250" s="12"/>
    </row>
    <row r="399251" spans="8:8">
      <c r="H399251" s="12"/>
    </row>
    <row r="399252" spans="8:8">
      <c r="H399252" s="12"/>
    </row>
    <row r="399253" spans="8:8">
      <c r="H399253" s="12"/>
    </row>
    <row r="399254" spans="8:8">
      <c r="H399254" s="12"/>
    </row>
    <row r="399255" spans="8:8">
      <c r="H399255" s="12"/>
    </row>
    <row r="399256" spans="8:8">
      <c r="H399256" s="12"/>
    </row>
    <row r="399257" spans="8:8">
      <c r="H399257" s="12"/>
    </row>
    <row r="399258" spans="8:8">
      <c r="H399258" s="12"/>
    </row>
    <row r="399259" spans="8:8">
      <c r="H399259" s="12"/>
    </row>
    <row r="399260" spans="8:8">
      <c r="H399260" s="12"/>
    </row>
    <row r="399261" spans="8:8">
      <c r="H399261" s="12"/>
    </row>
    <row r="399262" spans="8:8">
      <c r="H399262" s="12"/>
    </row>
    <row r="399263" spans="8:8">
      <c r="H399263" s="12"/>
    </row>
    <row r="399264" spans="8:8">
      <c r="H399264" s="12"/>
    </row>
    <row r="399265" spans="8:8">
      <c r="H399265" s="12"/>
    </row>
    <row r="399266" spans="8:8">
      <c r="H399266" s="12"/>
    </row>
    <row r="399267" spans="8:8">
      <c r="H399267" s="12"/>
    </row>
    <row r="399268" spans="8:8">
      <c r="H399268" s="12"/>
    </row>
    <row r="399269" spans="8:8">
      <c r="H399269" s="12"/>
    </row>
    <row r="399270" spans="8:8">
      <c r="H399270" s="12"/>
    </row>
    <row r="399271" spans="8:8">
      <c r="H399271" s="12"/>
    </row>
    <row r="399272" spans="8:8">
      <c r="H399272" s="12"/>
    </row>
    <row r="399273" spans="8:8">
      <c r="H399273" s="12"/>
    </row>
    <row r="399274" spans="8:8">
      <c r="H399274" s="12"/>
    </row>
    <row r="399275" spans="8:8">
      <c r="H399275" s="12"/>
    </row>
    <row r="399276" spans="8:8">
      <c r="H399276" s="12"/>
    </row>
    <row r="399277" spans="8:8">
      <c r="H399277" s="12"/>
    </row>
    <row r="399278" spans="8:8">
      <c r="H399278" s="12"/>
    </row>
    <row r="399279" spans="8:8">
      <c r="H399279" s="12"/>
    </row>
    <row r="399280" spans="8:8">
      <c r="H399280" s="12"/>
    </row>
    <row r="399281" spans="8:8">
      <c r="H399281" s="12"/>
    </row>
    <row r="399282" spans="8:8">
      <c r="H399282" s="12"/>
    </row>
    <row r="399283" spans="8:8">
      <c r="H399283" s="12"/>
    </row>
    <row r="399284" spans="8:8">
      <c r="H399284" s="12"/>
    </row>
    <row r="399285" spans="8:8">
      <c r="H399285" s="12"/>
    </row>
    <row r="399286" spans="8:8">
      <c r="H399286" s="12"/>
    </row>
    <row r="399287" spans="8:8">
      <c r="H399287" s="12"/>
    </row>
    <row r="399288" spans="8:8">
      <c r="H399288" s="12"/>
    </row>
    <row r="399289" spans="8:8">
      <c r="H399289" s="12"/>
    </row>
    <row r="399290" spans="8:8">
      <c r="H399290" s="12"/>
    </row>
    <row r="399291" spans="8:8">
      <c r="H399291" s="12"/>
    </row>
    <row r="399292" spans="8:8">
      <c r="H399292" s="12"/>
    </row>
    <row r="399293" spans="8:8">
      <c r="H399293" s="12"/>
    </row>
    <row r="399294" spans="8:8">
      <c r="H399294" s="12"/>
    </row>
    <row r="399295" spans="8:8">
      <c r="H399295" s="12"/>
    </row>
    <row r="399296" spans="8:8">
      <c r="H399296" s="12"/>
    </row>
    <row r="399297" spans="8:8">
      <c r="H399297" s="12"/>
    </row>
    <row r="399298" spans="8:8">
      <c r="H399298" s="12"/>
    </row>
    <row r="399299" spans="8:8">
      <c r="H399299" s="12"/>
    </row>
    <row r="399300" spans="8:8">
      <c r="H399300" s="12"/>
    </row>
    <row r="399301" spans="8:8">
      <c r="H399301" s="12"/>
    </row>
    <row r="399302" spans="8:8">
      <c r="H399302" s="12"/>
    </row>
    <row r="399303" spans="8:8">
      <c r="H399303" s="12"/>
    </row>
    <row r="399304" spans="8:8">
      <c r="H399304" s="12"/>
    </row>
    <row r="399305" spans="8:8">
      <c r="H399305" s="12"/>
    </row>
    <row r="399306" spans="8:8">
      <c r="H399306" s="12"/>
    </row>
    <row r="399307" spans="8:8">
      <c r="H399307" s="12"/>
    </row>
    <row r="399308" spans="8:8">
      <c r="H399308" s="12"/>
    </row>
    <row r="399309" spans="8:8">
      <c r="H399309" s="12"/>
    </row>
    <row r="399310" spans="8:8">
      <c r="H399310" s="12"/>
    </row>
    <row r="399311" spans="8:8">
      <c r="H399311" s="12"/>
    </row>
    <row r="399312" spans="8:8">
      <c r="H399312" s="12"/>
    </row>
    <row r="399313" spans="8:8">
      <c r="H399313" s="12"/>
    </row>
    <row r="399314" spans="8:8">
      <c r="H399314" s="12"/>
    </row>
    <row r="399315" spans="8:8">
      <c r="H399315" s="12"/>
    </row>
    <row r="399316" spans="8:8">
      <c r="H399316" s="12"/>
    </row>
    <row r="399317" spans="8:8">
      <c r="H399317" s="12"/>
    </row>
    <row r="399318" spans="8:8">
      <c r="H399318" s="12"/>
    </row>
    <row r="399319" spans="8:8">
      <c r="H399319" s="12"/>
    </row>
    <row r="399320" spans="8:8">
      <c r="H399320" s="12"/>
    </row>
    <row r="399321" spans="8:8">
      <c r="H399321" s="12"/>
    </row>
    <row r="399322" spans="8:8">
      <c r="H399322" s="12"/>
    </row>
    <row r="399323" spans="8:8">
      <c r="H399323" s="12"/>
    </row>
    <row r="399324" spans="8:8">
      <c r="H399324" s="12"/>
    </row>
    <row r="399325" spans="8:8">
      <c r="H399325" s="12"/>
    </row>
    <row r="399326" spans="8:8">
      <c r="H399326" s="12"/>
    </row>
    <row r="399327" spans="8:8">
      <c r="H399327" s="12"/>
    </row>
    <row r="399328" spans="8:8">
      <c r="H399328" s="12"/>
    </row>
    <row r="399329" spans="8:8">
      <c r="H399329" s="12"/>
    </row>
    <row r="399330" spans="8:8">
      <c r="H399330" s="12"/>
    </row>
    <row r="399331" spans="8:8">
      <c r="H399331" s="12"/>
    </row>
    <row r="399332" spans="8:8">
      <c r="H399332" s="12"/>
    </row>
    <row r="399333" spans="8:8">
      <c r="H399333" s="12"/>
    </row>
    <row r="399334" spans="8:8">
      <c r="H399334" s="12"/>
    </row>
    <row r="399335" spans="8:8">
      <c r="H399335" s="12"/>
    </row>
    <row r="399336" spans="8:8">
      <c r="H399336" s="12"/>
    </row>
    <row r="399337" spans="8:8">
      <c r="H399337" s="12"/>
    </row>
    <row r="399338" spans="8:8">
      <c r="H399338" s="12"/>
    </row>
    <row r="399339" spans="8:8">
      <c r="H399339" s="12"/>
    </row>
    <row r="399340" spans="8:8">
      <c r="H399340" s="12"/>
    </row>
    <row r="399341" spans="8:8">
      <c r="H399341" s="12"/>
    </row>
    <row r="399342" spans="8:8">
      <c r="H399342" s="12"/>
    </row>
    <row r="399343" spans="8:8">
      <c r="H399343" s="12"/>
    </row>
    <row r="399344" spans="8:8">
      <c r="H399344" s="12"/>
    </row>
    <row r="399345" spans="8:8">
      <c r="H399345" s="12"/>
    </row>
    <row r="399346" spans="8:8">
      <c r="H399346" s="12"/>
    </row>
    <row r="399347" spans="8:8">
      <c r="H399347" s="12"/>
    </row>
    <row r="399348" spans="8:8">
      <c r="H399348" s="12"/>
    </row>
    <row r="399349" spans="8:8">
      <c r="H399349" s="12"/>
    </row>
    <row r="399350" spans="8:8">
      <c r="H399350" s="12"/>
    </row>
    <row r="399351" spans="8:8">
      <c r="H399351" s="12"/>
    </row>
    <row r="399352" spans="8:8">
      <c r="H399352" s="12"/>
    </row>
    <row r="399353" spans="8:8">
      <c r="H399353" s="12"/>
    </row>
    <row r="399354" spans="8:8">
      <c r="H399354" s="12"/>
    </row>
    <row r="399355" spans="8:8">
      <c r="H399355" s="12"/>
    </row>
    <row r="399356" spans="8:8">
      <c r="H399356" s="12"/>
    </row>
    <row r="399357" spans="8:8">
      <c r="H399357" s="12"/>
    </row>
    <row r="399358" spans="8:8">
      <c r="H399358" s="12"/>
    </row>
    <row r="399359" spans="8:8">
      <c r="H399359" s="12"/>
    </row>
    <row r="399360" spans="8:8">
      <c r="H399360" s="12"/>
    </row>
    <row r="399361" spans="8:8">
      <c r="H399361" s="12"/>
    </row>
    <row r="399362" spans="8:8">
      <c r="H399362" s="12"/>
    </row>
    <row r="399363" spans="8:8">
      <c r="H399363" s="12"/>
    </row>
    <row r="399364" spans="8:8">
      <c r="H399364" s="12"/>
    </row>
    <row r="399365" spans="8:8">
      <c r="H399365" s="12"/>
    </row>
    <row r="399366" spans="8:8">
      <c r="H399366" s="12"/>
    </row>
    <row r="399367" spans="8:8">
      <c r="H399367" s="12"/>
    </row>
    <row r="399368" spans="8:8">
      <c r="H399368" s="12"/>
    </row>
    <row r="399369" spans="8:8">
      <c r="H399369" s="12"/>
    </row>
    <row r="399370" spans="8:8">
      <c r="H399370" s="12"/>
    </row>
    <row r="399371" spans="8:8">
      <c r="H399371" s="12"/>
    </row>
    <row r="399372" spans="8:8">
      <c r="H399372" s="12"/>
    </row>
    <row r="399373" spans="8:8">
      <c r="H399373" s="12"/>
    </row>
    <row r="399374" spans="8:8">
      <c r="H399374" s="12"/>
    </row>
    <row r="399375" spans="8:8">
      <c r="H399375" s="12"/>
    </row>
    <row r="399376" spans="8:8">
      <c r="H399376" s="12"/>
    </row>
    <row r="399377" spans="8:8">
      <c r="H399377" s="12"/>
    </row>
    <row r="399378" spans="8:8">
      <c r="H399378" s="12"/>
    </row>
    <row r="399379" spans="8:8">
      <c r="H399379" s="12"/>
    </row>
    <row r="399380" spans="8:8">
      <c r="H399380" s="12"/>
    </row>
    <row r="399381" spans="8:8">
      <c r="H399381" s="12"/>
    </row>
    <row r="399382" spans="8:8">
      <c r="H399382" s="12"/>
    </row>
    <row r="399383" spans="8:8">
      <c r="H399383" s="12"/>
    </row>
    <row r="399384" spans="8:8">
      <c r="H399384" s="12"/>
    </row>
    <row r="399385" spans="8:8">
      <c r="H399385" s="12"/>
    </row>
    <row r="399386" spans="8:8">
      <c r="H399386" s="12"/>
    </row>
    <row r="399387" spans="8:8">
      <c r="H399387" s="12"/>
    </row>
    <row r="399388" spans="8:8">
      <c r="H399388" s="12"/>
    </row>
    <row r="399389" spans="8:8">
      <c r="H399389" s="12"/>
    </row>
    <row r="399390" spans="8:8">
      <c r="H399390" s="12"/>
    </row>
    <row r="399391" spans="8:8">
      <c r="H399391" s="12"/>
    </row>
    <row r="399392" spans="8:8">
      <c r="H399392" s="12"/>
    </row>
    <row r="399393" spans="8:8">
      <c r="H399393" s="12"/>
    </row>
    <row r="399394" spans="8:8">
      <c r="H399394" s="12"/>
    </row>
    <row r="399395" spans="8:8">
      <c r="H399395" s="12"/>
    </row>
    <row r="399396" spans="8:8">
      <c r="H399396" s="12"/>
    </row>
    <row r="399397" spans="8:8">
      <c r="H399397" s="12"/>
    </row>
    <row r="399398" spans="8:8">
      <c r="H399398" s="12"/>
    </row>
    <row r="399399" spans="8:8">
      <c r="H399399" s="12"/>
    </row>
    <row r="399400" spans="8:8">
      <c r="H399400" s="12"/>
    </row>
    <row r="399401" spans="8:8">
      <c r="H399401" s="12"/>
    </row>
    <row r="399402" spans="8:8">
      <c r="H399402" s="12"/>
    </row>
    <row r="399403" spans="8:8">
      <c r="H399403" s="12"/>
    </row>
    <row r="399404" spans="8:8">
      <c r="H399404" s="12"/>
    </row>
    <row r="399405" spans="8:8">
      <c r="H399405" s="12"/>
    </row>
    <row r="399406" spans="8:8">
      <c r="H399406" s="12"/>
    </row>
    <row r="399407" spans="8:8">
      <c r="H399407" s="12"/>
    </row>
    <row r="399408" spans="8:8">
      <c r="H399408" s="12"/>
    </row>
    <row r="399409" spans="8:8">
      <c r="H399409" s="12"/>
    </row>
    <row r="399410" spans="8:8">
      <c r="H399410" s="12"/>
    </row>
    <row r="399411" spans="8:8">
      <c r="H399411" s="12"/>
    </row>
    <row r="399412" spans="8:8">
      <c r="H399412" s="12"/>
    </row>
    <row r="399413" spans="8:8">
      <c r="H399413" s="12"/>
    </row>
    <row r="399414" spans="8:8">
      <c r="H399414" s="12"/>
    </row>
    <row r="399415" spans="8:8">
      <c r="H399415" s="12"/>
    </row>
    <row r="399416" spans="8:8">
      <c r="H399416" s="12"/>
    </row>
    <row r="399417" spans="8:8">
      <c r="H399417" s="12"/>
    </row>
    <row r="399418" spans="8:8">
      <c r="H399418" s="12"/>
    </row>
    <row r="399419" spans="8:8">
      <c r="H399419" s="12"/>
    </row>
    <row r="399420" spans="8:8">
      <c r="H399420" s="12"/>
    </row>
    <row r="399421" spans="8:8">
      <c r="H399421" s="12"/>
    </row>
    <row r="399422" spans="8:8">
      <c r="H399422" s="12"/>
    </row>
    <row r="399423" spans="8:8">
      <c r="H399423" s="12"/>
    </row>
    <row r="399424" spans="8:8">
      <c r="H399424" s="12"/>
    </row>
    <row r="399425" spans="8:8">
      <c r="H399425" s="12"/>
    </row>
    <row r="399426" spans="8:8">
      <c r="H399426" s="12"/>
    </row>
    <row r="399427" spans="8:8">
      <c r="H399427" s="12"/>
    </row>
    <row r="399428" spans="8:8">
      <c r="H399428" s="12"/>
    </row>
    <row r="399429" spans="8:8">
      <c r="H399429" s="12"/>
    </row>
    <row r="399430" spans="8:8">
      <c r="H399430" s="12"/>
    </row>
    <row r="399431" spans="8:8">
      <c r="H399431" s="12"/>
    </row>
    <row r="399432" spans="8:8">
      <c r="H399432" s="12"/>
    </row>
    <row r="399433" spans="8:8">
      <c r="H399433" s="12"/>
    </row>
    <row r="399434" spans="8:8">
      <c r="H399434" s="12"/>
    </row>
    <row r="399435" spans="8:8">
      <c r="H399435" s="12"/>
    </row>
    <row r="399436" spans="8:8">
      <c r="H399436" s="12"/>
    </row>
    <row r="399437" spans="8:8">
      <c r="H399437" s="12"/>
    </row>
    <row r="399438" spans="8:8">
      <c r="H399438" s="12"/>
    </row>
    <row r="399439" spans="8:8">
      <c r="H399439" s="12"/>
    </row>
    <row r="399440" spans="8:8">
      <c r="H399440" s="12"/>
    </row>
    <row r="399441" spans="8:8">
      <c r="H399441" s="12"/>
    </row>
    <row r="399442" spans="8:8">
      <c r="H399442" s="12"/>
    </row>
    <row r="399443" spans="8:8">
      <c r="H399443" s="12"/>
    </row>
    <row r="399444" spans="8:8">
      <c r="H399444" s="12"/>
    </row>
    <row r="399445" spans="8:8">
      <c r="H399445" s="12"/>
    </row>
    <row r="399446" spans="8:8">
      <c r="H399446" s="12"/>
    </row>
    <row r="399447" spans="8:8">
      <c r="H399447" s="12"/>
    </row>
    <row r="399448" spans="8:8">
      <c r="H399448" s="12"/>
    </row>
    <row r="399449" spans="8:8">
      <c r="H399449" s="12"/>
    </row>
    <row r="399450" spans="8:8">
      <c r="H399450" s="12"/>
    </row>
    <row r="399451" spans="8:8">
      <c r="H399451" s="12"/>
    </row>
    <row r="399452" spans="8:8">
      <c r="H399452" s="12"/>
    </row>
    <row r="399453" spans="8:8">
      <c r="H399453" s="12"/>
    </row>
    <row r="399454" spans="8:8">
      <c r="H399454" s="12"/>
    </row>
    <row r="399455" spans="8:8">
      <c r="H399455" s="12"/>
    </row>
    <row r="399456" spans="8:8">
      <c r="H399456" s="12"/>
    </row>
    <row r="399457" spans="8:8">
      <c r="H399457" s="12"/>
    </row>
    <row r="399458" spans="8:8">
      <c r="H399458" s="12"/>
    </row>
    <row r="399459" spans="8:8">
      <c r="H399459" s="12"/>
    </row>
    <row r="399460" spans="8:8">
      <c r="H399460" s="12"/>
    </row>
    <row r="399461" spans="8:8">
      <c r="H399461" s="12"/>
    </row>
    <row r="399462" spans="8:8">
      <c r="H399462" s="12"/>
    </row>
    <row r="399463" spans="8:8">
      <c r="H399463" s="12"/>
    </row>
    <row r="399464" spans="8:8">
      <c r="H399464" s="12"/>
    </row>
    <row r="399465" spans="8:8">
      <c r="H399465" s="12"/>
    </row>
    <row r="399466" spans="8:8">
      <c r="H399466" s="12"/>
    </row>
    <row r="399467" spans="8:8">
      <c r="H399467" s="12"/>
    </row>
    <row r="399468" spans="8:8">
      <c r="H399468" s="12"/>
    </row>
    <row r="399469" spans="8:8">
      <c r="H399469" s="12"/>
    </row>
    <row r="399470" spans="8:8">
      <c r="H399470" s="12"/>
    </row>
    <row r="399471" spans="8:8">
      <c r="H399471" s="12"/>
    </row>
    <row r="399472" spans="8:8">
      <c r="H399472" s="12"/>
    </row>
    <row r="399473" spans="8:8">
      <c r="H399473" s="12"/>
    </row>
    <row r="399474" spans="8:8">
      <c r="H399474" s="12"/>
    </row>
    <row r="399475" spans="8:8">
      <c r="H399475" s="12"/>
    </row>
    <row r="399476" spans="8:8">
      <c r="H399476" s="12"/>
    </row>
    <row r="399477" spans="8:8">
      <c r="H399477" s="12"/>
    </row>
    <row r="399478" spans="8:8">
      <c r="H399478" s="12"/>
    </row>
    <row r="399479" spans="8:8">
      <c r="H399479" s="12"/>
    </row>
    <row r="399480" spans="8:8">
      <c r="H399480" s="12"/>
    </row>
    <row r="399481" spans="8:8">
      <c r="H399481" s="12"/>
    </row>
    <row r="399482" spans="8:8">
      <c r="H399482" s="12"/>
    </row>
    <row r="399483" spans="8:8">
      <c r="H399483" s="12"/>
    </row>
    <row r="399484" spans="8:8">
      <c r="H399484" s="12"/>
    </row>
    <row r="399485" spans="8:8">
      <c r="H399485" s="12"/>
    </row>
    <row r="399486" spans="8:8">
      <c r="H399486" s="12"/>
    </row>
    <row r="399487" spans="8:8">
      <c r="H399487" s="12"/>
    </row>
    <row r="399488" spans="8:8">
      <c r="H399488" s="12"/>
    </row>
    <row r="399489" spans="8:8">
      <c r="H399489" s="12"/>
    </row>
    <row r="399490" spans="8:8">
      <c r="H399490" s="12"/>
    </row>
    <row r="399491" spans="8:8">
      <c r="H399491" s="12"/>
    </row>
    <row r="399492" spans="8:8">
      <c r="H399492" s="12"/>
    </row>
    <row r="399493" spans="8:8">
      <c r="H399493" s="12"/>
    </row>
    <row r="399494" spans="8:8">
      <c r="H399494" s="12"/>
    </row>
    <row r="399495" spans="8:8">
      <c r="H399495" s="12"/>
    </row>
    <row r="399496" spans="8:8">
      <c r="H399496" s="12"/>
    </row>
    <row r="399497" spans="8:8">
      <c r="H399497" s="12"/>
    </row>
    <row r="399498" spans="8:8">
      <c r="H399498" s="12"/>
    </row>
    <row r="399499" spans="8:8">
      <c r="H399499" s="12"/>
    </row>
    <row r="399500" spans="8:8">
      <c r="H399500" s="12"/>
    </row>
    <row r="399501" spans="8:8">
      <c r="H399501" s="12"/>
    </row>
    <row r="399502" spans="8:8">
      <c r="H399502" s="12"/>
    </row>
    <row r="399503" spans="8:8">
      <c r="H399503" s="12"/>
    </row>
    <row r="399504" spans="8:8">
      <c r="H399504" s="12"/>
    </row>
    <row r="399505" spans="8:8">
      <c r="H399505" s="12"/>
    </row>
    <row r="399506" spans="8:8">
      <c r="H399506" s="12"/>
    </row>
    <row r="399507" spans="8:8">
      <c r="H399507" s="12"/>
    </row>
    <row r="399508" spans="8:8">
      <c r="H399508" s="12"/>
    </row>
    <row r="399509" spans="8:8">
      <c r="H399509" s="12"/>
    </row>
    <row r="399510" spans="8:8">
      <c r="H399510" s="12"/>
    </row>
    <row r="399511" spans="8:8">
      <c r="H399511" s="12"/>
    </row>
    <row r="399512" spans="8:8">
      <c r="H399512" s="12"/>
    </row>
    <row r="399513" spans="8:8">
      <c r="H399513" s="12"/>
    </row>
    <row r="399514" spans="8:8">
      <c r="H399514" s="12"/>
    </row>
    <row r="399515" spans="8:8">
      <c r="H399515" s="12"/>
    </row>
    <row r="399516" spans="8:8">
      <c r="H399516" s="12"/>
    </row>
    <row r="399517" spans="8:8">
      <c r="H399517" s="12"/>
    </row>
    <row r="399518" spans="8:8">
      <c r="H399518" s="12"/>
    </row>
    <row r="399519" spans="8:8">
      <c r="H399519" s="12"/>
    </row>
    <row r="399520" spans="8:8">
      <c r="H399520" s="12"/>
    </row>
    <row r="399521" spans="8:8">
      <c r="H399521" s="12"/>
    </row>
    <row r="399522" spans="8:8">
      <c r="H399522" s="12"/>
    </row>
    <row r="399523" spans="8:8">
      <c r="H399523" s="12"/>
    </row>
    <row r="399524" spans="8:8">
      <c r="H399524" s="12"/>
    </row>
    <row r="399525" spans="8:8">
      <c r="H399525" s="12"/>
    </row>
    <row r="399526" spans="8:8">
      <c r="H399526" s="12"/>
    </row>
    <row r="399527" spans="8:8">
      <c r="H399527" s="12"/>
    </row>
    <row r="399528" spans="8:8">
      <c r="H399528" s="12"/>
    </row>
    <row r="399529" spans="8:8">
      <c r="H399529" s="12"/>
    </row>
    <row r="399530" spans="8:8">
      <c r="H399530" s="12"/>
    </row>
    <row r="399531" spans="8:8">
      <c r="H399531" s="12"/>
    </row>
    <row r="399532" spans="8:8">
      <c r="H399532" s="12"/>
    </row>
    <row r="399533" spans="8:8">
      <c r="H399533" s="12"/>
    </row>
    <row r="399534" spans="8:8">
      <c r="H399534" s="12"/>
    </row>
    <row r="399535" spans="8:8">
      <c r="H399535" s="12"/>
    </row>
    <row r="399536" spans="8:8">
      <c r="H399536" s="12"/>
    </row>
    <row r="399537" spans="8:8">
      <c r="H399537" s="12"/>
    </row>
    <row r="399538" spans="8:8">
      <c r="H399538" s="12"/>
    </row>
    <row r="399539" spans="8:8">
      <c r="H399539" s="12"/>
    </row>
    <row r="399540" spans="8:8">
      <c r="H399540" s="12"/>
    </row>
    <row r="399541" spans="8:8">
      <c r="H399541" s="12"/>
    </row>
    <row r="399542" spans="8:8">
      <c r="H399542" s="12"/>
    </row>
    <row r="399543" spans="8:8">
      <c r="H399543" s="12"/>
    </row>
    <row r="399544" spans="8:8">
      <c r="H399544" s="12"/>
    </row>
    <row r="399545" spans="8:8">
      <c r="H399545" s="12"/>
    </row>
    <row r="399546" spans="8:8">
      <c r="H399546" s="12"/>
    </row>
    <row r="399547" spans="8:8">
      <c r="H399547" s="12"/>
    </row>
    <row r="399548" spans="8:8">
      <c r="H399548" s="12"/>
    </row>
    <row r="399549" spans="8:8">
      <c r="H399549" s="12"/>
    </row>
    <row r="399550" spans="8:8">
      <c r="H399550" s="12"/>
    </row>
    <row r="399551" spans="8:8">
      <c r="H399551" s="12"/>
    </row>
    <row r="399552" spans="8:8">
      <c r="H399552" s="12"/>
    </row>
    <row r="399553" spans="8:8">
      <c r="H399553" s="12"/>
    </row>
    <row r="399554" spans="8:8">
      <c r="H399554" s="12"/>
    </row>
    <row r="399555" spans="8:8">
      <c r="H399555" s="12"/>
    </row>
    <row r="399556" spans="8:8">
      <c r="H399556" s="12"/>
    </row>
    <row r="399557" spans="8:8">
      <c r="H399557" s="12"/>
    </row>
    <row r="399558" spans="8:8">
      <c r="H399558" s="12"/>
    </row>
    <row r="399559" spans="8:8">
      <c r="H399559" s="12"/>
    </row>
    <row r="399560" spans="8:8">
      <c r="H399560" s="12"/>
    </row>
    <row r="399561" spans="8:8">
      <c r="H399561" s="12"/>
    </row>
    <row r="399562" spans="8:8">
      <c r="H399562" s="12"/>
    </row>
    <row r="399563" spans="8:8">
      <c r="H399563" s="12"/>
    </row>
    <row r="399564" spans="8:8">
      <c r="H399564" s="12"/>
    </row>
    <row r="399565" spans="8:8">
      <c r="H399565" s="12"/>
    </row>
    <row r="399566" spans="8:8">
      <c r="H399566" s="12"/>
    </row>
    <row r="399567" spans="8:8">
      <c r="H399567" s="12"/>
    </row>
    <row r="399568" spans="8:8">
      <c r="H399568" s="12"/>
    </row>
    <row r="399569" spans="8:8">
      <c r="H399569" s="12"/>
    </row>
    <row r="399570" spans="8:8">
      <c r="H399570" s="12"/>
    </row>
    <row r="399571" spans="8:8">
      <c r="H399571" s="12"/>
    </row>
    <row r="399572" spans="8:8">
      <c r="H399572" s="12"/>
    </row>
    <row r="399573" spans="8:8">
      <c r="H399573" s="12"/>
    </row>
    <row r="399574" spans="8:8">
      <c r="H399574" s="12"/>
    </row>
    <row r="399575" spans="8:8">
      <c r="H399575" s="12"/>
    </row>
    <row r="399576" spans="8:8">
      <c r="H399576" s="12"/>
    </row>
    <row r="399577" spans="8:8">
      <c r="H399577" s="12"/>
    </row>
    <row r="399578" spans="8:8">
      <c r="H399578" s="12"/>
    </row>
    <row r="399579" spans="8:8">
      <c r="H399579" s="12"/>
    </row>
    <row r="399580" spans="8:8">
      <c r="H399580" s="12"/>
    </row>
    <row r="399581" spans="8:8">
      <c r="H399581" s="12"/>
    </row>
    <row r="399582" spans="8:8">
      <c r="H399582" s="12"/>
    </row>
    <row r="399583" spans="8:8">
      <c r="H399583" s="12"/>
    </row>
    <row r="399584" spans="8:8">
      <c r="H399584" s="12"/>
    </row>
    <row r="399585" spans="8:8">
      <c r="H399585" s="12"/>
    </row>
    <row r="399586" spans="8:8">
      <c r="H399586" s="12"/>
    </row>
    <row r="399587" spans="8:8">
      <c r="H399587" s="12"/>
    </row>
    <row r="399588" spans="8:8">
      <c r="H399588" s="12"/>
    </row>
    <row r="399589" spans="8:8">
      <c r="H399589" s="12"/>
    </row>
    <row r="399590" spans="8:8">
      <c r="H399590" s="12"/>
    </row>
    <row r="399591" spans="8:8">
      <c r="H399591" s="12"/>
    </row>
    <row r="399592" spans="8:8">
      <c r="H399592" s="12"/>
    </row>
    <row r="399593" spans="8:8">
      <c r="H399593" s="12"/>
    </row>
    <row r="399594" spans="8:8">
      <c r="H399594" s="12"/>
    </row>
    <row r="399595" spans="8:8">
      <c r="H399595" s="12"/>
    </row>
    <row r="399596" spans="8:8">
      <c r="H399596" s="12"/>
    </row>
    <row r="399597" spans="8:8">
      <c r="H399597" s="12"/>
    </row>
    <row r="399598" spans="8:8">
      <c r="H399598" s="12"/>
    </row>
    <row r="399599" spans="8:8">
      <c r="H399599" s="12"/>
    </row>
    <row r="399600" spans="8:8">
      <c r="H399600" s="12"/>
    </row>
    <row r="399601" spans="8:8">
      <c r="H399601" s="12"/>
    </row>
    <row r="399602" spans="8:8">
      <c r="H399602" s="12"/>
    </row>
    <row r="399603" spans="8:8">
      <c r="H399603" s="12"/>
    </row>
    <row r="399604" spans="8:8">
      <c r="H399604" s="12"/>
    </row>
    <row r="399605" spans="8:8">
      <c r="H399605" s="12"/>
    </row>
    <row r="399606" spans="8:8">
      <c r="H399606" s="12"/>
    </row>
    <row r="399607" spans="8:8">
      <c r="H399607" s="12"/>
    </row>
    <row r="399608" spans="8:8">
      <c r="H399608" s="12"/>
    </row>
    <row r="399609" spans="8:8">
      <c r="H399609" s="12"/>
    </row>
    <row r="399610" spans="8:8">
      <c r="H399610" s="12"/>
    </row>
    <row r="399611" spans="8:8">
      <c r="H399611" s="12"/>
    </row>
    <row r="399612" spans="8:8">
      <c r="H399612" s="12"/>
    </row>
    <row r="399613" spans="8:8">
      <c r="H399613" s="12"/>
    </row>
    <row r="399614" spans="8:8">
      <c r="H399614" s="12"/>
    </row>
    <row r="399615" spans="8:8">
      <c r="H399615" s="12"/>
    </row>
    <row r="399616" spans="8:8">
      <c r="H399616" s="12"/>
    </row>
    <row r="399617" spans="8:8">
      <c r="H399617" s="12"/>
    </row>
    <row r="399618" spans="8:8">
      <c r="H399618" s="12"/>
    </row>
    <row r="399619" spans="8:8">
      <c r="H399619" s="12"/>
    </row>
    <row r="399620" spans="8:8">
      <c r="H399620" s="12"/>
    </row>
    <row r="399621" spans="8:8">
      <c r="H399621" s="12"/>
    </row>
    <row r="399622" spans="8:8">
      <c r="H399622" s="12"/>
    </row>
    <row r="399623" spans="8:8">
      <c r="H399623" s="12"/>
    </row>
    <row r="399624" spans="8:8">
      <c r="H399624" s="12"/>
    </row>
    <row r="399625" spans="8:8">
      <c r="H399625" s="12"/>
    </row>
    <row r="399626" spans="8:8">
      <c r="H399626" s="12"/>
    </row>
    <row r="399627" spans="8:8">
      <c r="H399627" s="12"/>
    </row>
    <row r="399628" spans="8:8">
      <c r="H399628" s="12"/>
    </row>
    <row r="399629" spans="8:8">
      <c r="H399629" s="12"/>
    </row>
    <row r="399630" spans="8:8">
      <c r="H399630" s="12"/>
    </row>
    <row r="399631" spans="8:8">
      <c r="H399631" s="12"/>
    </row>
    <row r="399632" spans="8:8">
      <c r="H399632" s="12"/>
    </row>
    <row r="399633" spans="8:8">
      <c r="H399633" s="12"/>
    </row>
    <row r="399634" spans="8:8">
      <c r="H399634" s="12"/>
    </row>
    <row r="399635" spans="8:8">
      <c r="H399635" s="12"/>
    </row>
    <row r="399636" spans="8:8">
      <c r="H399636" s="12"/>
    </row>
    <row r="399637" spans="8:8">
      <c r="H399637" s="12"/>
    </row>
    <row r="399638" spans="8:8">
      <c r="H399638" s="12"/>
    </row>
    <row r="399639" spans="8:8">
      <c r="H399639" s="12"/>
    </row>
    <row r="399640" spans="8:8">
      <c r="H399640" s="12"/>
    </row>
    <row r="399641" spans="8:8">
      <c r="H399641" s="12"/>
    </row>
    <row r="399642" spans="8:8">
      <c r="H399642" s="12"/>
    </row>
    <row r="399643" spans="8:8">
      <c r="H399643" s="12"/>
    </row>
    <row r="399644" spans="8:8">
      <c r="H399644" s="12"/>
    </row>
    <row r="399645" spans="8:8">
      <c r="H399645" s="12"/>
    </row>
    <row r="399646" spans="8:8">
      <c r="H399646" s="12"/>
    </row>
    <row r="399647" spans="8:8">
      <c r="H399647" s="12"/>
    </row>
    <row r="399648" spans="8:8">
      <c r="H399648" s="12"/>
    </row>
    <row r="399649" spans="8:8">
      <c r="H399649" s="12"/>
    </row>
    <row r="399650" spans="8:8">
      <c r="H399650" s="12"/>
    </row>
    <row r="399651" spans="8:8">
      <c r="H399651" s="12"/>
    </row>
    <row r="399652" spans="8:8">
      <c r="H399652" s="12"/>
    </row>
    <row r="399653" spans="8:8">
      <c r="H399653" s="12"/>
    </row>
    <row r="399654" spans="8:8">
      <c r="H399654" s="12"/>
    </row>
    <row r="399655" spans="8:8">
      <c r="H399655" s="12"/>
    </row>
    <row r="399656" spans="8:8">
      <c r="H399656" s="12"/>
    </row>
    <row r="399657" spans="8:8">
      <c r="H399657" s="12"/>
    </row>
    <row r="399658" spans="8:8">
      <c r="H399658" s="12"/>
    </row>
    <row r="399659" spans="8:8">
      <c r="H399659" s="12"/>
    </row>
    <row r="399660" spans="8:8">
      <c r="H399660" s="12"/>
    </row>
    <row r="399661" spans="8:8">
      <c r="H399661" s="12"/>
    </row>
    <row r="399662" spans="8:8">
      <c r="H399662" s="12"/>
    </row>
    <row r="399663" spans="8:8">
      <c r="H399663" s="12"/>
    </row>
    <row r="399664" spans="8:8">
      <c r="H399664" s="12"/>
    </row>
    <row r="399665" spans="8:8">
      <c r="H399665" s="12"/>
    </row>
    <row r="399666" spans="8:8">
      <c r="H399666" s="12"/>
    </row>
    <row r="399667" spans="8:8">
      <c r="H399667" s="12"/>
    </row>
    <row r="399668" spans="8:8">
      <c r="H399668" s="12"/>
    </row>
    <row r="399669" spans="8:8">
      <c r="H399669" s="12"/>
    </row>
    <row r="399670" spans="8:8">
      <c r="H399670" s="12"/>
    </row>
    <row r="399671" spans="8:8">
      <c r="H399671" s="12"/>
    </row>
    <row r="399672" spans="8:8">
      <c r="H399672" s="12"/>
    </row>
    <row r="399673" spans="8:8">
      <c r="H399673" s="12"/>
    </row>
    <row r="399674" spans="8:8">
      <c r="H399674" s="12"/>
    </row>
    <row r="399675" spans="8:8">
      <c r="H399675" s="12"/>
    </row>
    <row r="399676" spans="8:8">
      <c r="H399676" s="12"/>
    </row>
    <row r="399677" spans="8:8">
      <c r="H399677" s="12"/>
    </row>
    <row r="399678" spans="8:8">
      <c r="H399678" s="12"/>
    </row>
    <row r="399679" spans="8:8">
      <c r="H399679" s="12"/>
    </row>
    <row r="399680" spans="8:8">
      <c r="H399680" s="12"/>
    </row>
    <row r="399681" spans="8:8">
      <c r="H399681" s="12"/>
    </row>
    <row r="399682" spans="8:8">
      <c r="H399682" s="12"/>
    </row>
    <row r="399683" spans="8:8">
      <c r="H399683" s="12"/>
    </row>
    <row r="399684" spans="8:8">
      <c r="H399684" s="12"/>
    </row>
    <row r="399685" spans="8:8">
      <c r="H399685" s="12"/>
    </row>
    <row r="399686" spans="8:8">
      <c r="H399686" s="12"/>
    </row>
    <row r="399687" spans="8:8">
      <c r="H399687" s="12"/>
    </row>
    <row r="399688" spans="8:8">
      <c r="H399688" s="12"/>
    </row>
    <row r="399689" spans="8:8">
      <c r="H399689" s="12"/>
    </row>
    <row r="399690" spans="8:8">
      <c r="H399690" s="12"/>
    </row>
    <row r="399691" spans="8:8">
      <c r="H399691" s="12"/>
    </row>
    <row r="399692" spans="8:8">
      <c r="H399692" s="12"/>
    </row>
    <row r="399693" spans="8:8">
      <c r="H399693" s="12"/>
    </row>
    <row r="399694" spans="8:8">
      <c r="H399694" s="12"/>
    </row>
    <row r="399695" spans="8:8">
      <c r="H399695" s="12"/>
    </row>
    <row r="399696" spans="8:8">
      <c r="H399696" s="12"/>
    </row>
    <row r="399697" spans="8:8">
      <c r="H399697" s="12"/>
    </row>
    <row r="399698" spans="8:8">
      <c r="H399698" s="12"/>
    </row>
    <row r="399699" spans="8:8">
      <c r="H399699" s="12"/>
    </row>
    <row r="399700" spans="8:8">
      <c r="H399700" s="12"/>
    </row>
    <row r="399701" spans="8:8">
      <c r="H399701" s="12"/>
    </row>
    <row r="399702" spans="8:8">
      <c r="H399702" s="12"/>
    </row>
    <row r="399703" spans="8:8">
      <c r="H399703" s="12"/>
    </row>
    <row r="399704" spans="8:8">
      <c r="H399704" s="12"/>
    </row>
    <row r="399705" spans="8:8">
      <c r="H399705" s="12"/>
    </row>
    <row r="399706" spans="8:8">
      <c r="H399706" s="12"/>
    </row>
    <row r="399707" spans="8:8">
      <c r="H399707" s="12"/>
    </row>
    <row r="399708" spans="8:8">
      <c r="H399708" s="12"/>
    </row>
    <row r="399709" spans="8:8">
      <c r="H399709" s="12"/>
    </row>
    <row r="399710" spans="8:8">
      <c r="H399710" s="12"/>
    </row>
    <row r="399711" spans="8:8">
      <c r="H399711" s="12"/>
    </row>
    <row r="399712" spans="8:8">
      <c r="H399712" s="12"/>
    </row>
    <row r="399713" spans="8:8">
      <c r="H399713" s="12"/>
    </row>
    <row r="399714" spans="8:8">
      <c r="H399714" s="12"/>
    </row>
    <row r="399715" spans="8:8">
      <c r="H399715" s="12"/>
    </row>
    <row r="399716" spans="8:8">
      <c r="H399716" s="12"/>
    </row>
    <row r="399717" spans="8:8">
      <c r="H399717" s="12"/>
    </row>
    <row r="399718" spans="8:8">
      <c r="H399718" s="12"/>
    </row>
    <row r="399719" spans="8:8">
      <c r="H399719" s="12"/>
    </row>
    <row r="399720" spans="8:8">
      <c r="H399720" s="12"/>
    </row>
    <row r="399721" spans="8:8">
      <c r="H399721" s="12"/>
    </row>
    <row r="399722" spans="8:8">
      <c r="H399722" s="12"/>
    </row>
    <row r="399723" spans="8:8">
      <c r="H399723" s="12"/>
    </row>
    <row r="399724" spans="8:8">
      <c r="H399724" s="12"/>
    </row>
    <row r="399725" spans="8:8">
      <c r="H399725" s="12"/>
    </row>
    <row r="399726" spans="8:8">
      <c r="H399726" s="12"/>
    </row>
    <row r="399727" spans="8:8">
      <c r="H399727" s="12"/>
    </row>
    <row r="399728" spans="8:8">
      <c r="H399728" s="12"/>
    </row>
    <row r="399729" spans="8:8">
      <c r="H399729" s="12"/>
    </row>
    <row r="399730" spans="8:8">
      <c r="H399730" s="12"/>
    </row>
    <row r="399731" spans="8:8">
      <c r="H399731" s="12"/>
    </row>
    <row r="399732" spans="8:8">
      <c r="H399732" s="12"/>
    </row>
    <row r="399733" spans="8:8">
      <c r="H399733" s="12"/>
    </row>
    <row r="399734" spans="8:8">
      <c r="H399734" s="12"/>
    </row>
    <row r="399735" spans="8:8">
      <c r="H399735" s="12"/>
    </row>
    <row r="399736" spans="8:8">
      <c r="H399736" s="12"/>
    </row>
    <row r="399737" spans="8:8">
      <c r="H399737" s="12"/>
    </row>
    <row r="399738" spans="8:8">
      <c r="H399738" s="12"/>
    </row>
    <row r="399739" spans="8:8">
      <c r="H399739" s="12"/>
    </row>
    <row r="399740" spans="8:8">
      <c r="H399740" s="12"/>
    </row>
    <row r="399741" spans="8:8">
      <c r="H399741" s="12"/>
    </row>
    <row r="399742" spans="8:8">
      <c r="H399742" s="12"/>
    </row>
    <row r="399743" spans="8:8">
      <c r="H399743" s="12"/>
    </row>
    <row r="399744" spans="8:8">
      <c r="H399744" s="12"/>
    </row>
    <row r="399745" spans="8:8">
      <c r="H399745" s="12"/>
    </row>
    <row r="399746" spans="8:8">
      <c r="H399746" s="12"/>
    </row>
    <row r="399747" spans="8:8">
      <c r="H399747" s="12"/>
    </row>
    <row r="399748" spans="8:8">
      <c r="H399748" s="12"/>
    </row>
    <row r="399749" spans="8:8">
      <c r="H399749" s="12"/>
    </row>
    <row r="399750" spans="8:8">
      <c r="H399750" s="12"/>
    </row>
    <row r="399751" spans="8:8">
      <c r="H399751" s="12"/>
    </row>
    <row r="399752" spans="8:8">
      <c r="H399752" s="12"/>
    </row>
    <row r="399753" spans="8:8">
      <c r="H399753" s="12"/>
    </row>
    <row r="399754" spans="8:8">
      <c r="H399754" s="12"/>
    </row>
    <row r="399755" spans="8:8">
      <c r="H399755" s="12"/>
    </row>
    <row r="399756" spans="8:8">
      <c r="H399756" s="12"/>
    </row>
    <row r="399757" spans="8:8">
      <c r="H399757" s="12"/>
    </row>
    <row r="399758" spans="8:8">
      <c r="H399758" s="12"/>
    </row>
    <row r="399759" spans="8:8">
      <c r="H399759" s="12"/>
    </row>
    <row r="399760" spans="8:8">
      <c r="H399760" s="12"/>
    </row>
    <row r="399761" spans="8:8">
      <c r="H399761" s="12"/>
    </row>
    <row r="399762" spans="8:8">
      <c r="H399762" s="12"/>
    </row>
    <row r="399763" spans="8:8">
      <c r="H399763" s="12"/>
    </row>
    <row r="399764" spans="8:8">
      <c r="H399764" s="12"/>
    </row>
    <row r="399765" spans="8:8">
      <c r="H399765" s="12"/>
    </row>
    <row r="399766" spans="8:8">
      <c r="H399766" s="12"/>
    </row>
    <row r="399767" spans="8:8">
      <c r="H399767" s="12"/>
    </row>
    <row r="399768" spans="8:8">
      <c r="H399768" s="12"/>
    </row>
    <row r="399769" spans="8:8">
      <c r="H399769" s="12"/>
    </row>
    <row r="399770" spans="8:8">
      <c r="H399770" s="12"/>
    </row>
    <row r="399771" spans="8:8">
      <c r="H399771" s="12"/>
    </row>
    <row r="399772" spans="8:8">
      <c r="H399772" s="12"/>
    </row>
    <row r="399773" spans="8:8">
      <c r="H399773" s="12"/>
    </row>
    <row r="399774" spans="8:8">
      <c r="H399774" s="12"/>
    </row>
    <row r="399775" spans="8:8">
      <c r="H399775" s="12"/>
    </row>
    <row r="399776" spans="8:8">
      <c r="H399776" s="12"/>
    </row>
    <row r="399777" spans="8:8">
      <c r="H399777" s="12"/>
    </row>
    <row r="399778" spans="8:8">
      <c r="H399778" s="12"/>
    </row>
    <row r="399779" spans="8:8">
      <c r="H399779" s="12"/>
    </row>
    <row r="399780" spans="8:8">
      <c r="H399780" s="12"/>
    </row>
    <row r="399781" spans="8:8">
      <c r="H399781" s="12"/>
    </row>
    <row r="399782" spans="8:8">
      <c r="H399782" s="12"/>
    </row>
    <row r="399783" spans="8:8">
      <c r="H399783" s="12"/>
    </row>
    <row r="399784" spans="8:8">
      <c r="H399784" s="12"/>
    </row>
    <row r="399785" spans="8:8">
      <c r="H399785" s="12"/>
    </row>
    <row r="399786" spans="8:8">
      <c r="H399786" s="12"/>
    </row>
    <row r="399787" spans="8:8">
      <c r="H399787" s="12"/>
    </row>
    <row r="399788" spans="8:8">
      <c r="H399788" s="12"/>
    </row>
    <row r="399789" spans="8:8">
      <c r="H399789" s="12"/>
    </row>
    <row r="399790" spans="8:8">
      <c r="H399790" s="12"/>
    </row>
    <row r="399791" spans="8:8">
      <c r="H399791" s="12"/>
    </row>
    <row r="399792" spans="8:8">
      <c r="H399792" s="12"/>
    </row>
    <row r="399793" spans="8:8">
      <c r="H399793" s="12"/>
    </row>
    <row r="399794" spans="8:8">
      <c r="H399794" s="12"/>
    </row>
    <row r="399795" spans="8:8">
      <c r="H399795" s="12"/>
    </row>
    <row r="399796" spans="8:8">
      <c r="H399796" s="12"/>
    </row>
    <row r="399797" spans="8:8">
      <c r="H399797" s="12"/>
    </row>
    <row r="399798" spans="8:8">
      <c r="H399798" s="12"/>
    </row>
    <row r="399799" spans="8:8">
      <c r="H399799" s="12"/>
    </row>
    <row r="399800" spans="8:8">
      <c r="H399800" s="12"/>
    </row>
    <row r="399801" spans="8:8">
      <c r="H399801" s="12"/>
    </row>
    <row r="399802" spans="8:8">
      <c r="H399802" s="12"/>
    </row>
    <row r="399803" spans="8:8">
      <c r="H399803" s="12"/>
    </row>
    <row r="399804" spans="8:8">
      <c r="H399804" s="12"/>
    </row>
    <row r="399805" spans="8:8">
      <c r="H399805" s="12"/>
    </row>
    <row r="399806" spans="8:8">
      <c r="H399806" s="12"/>
    </row>
    <row r="399807" spans="8:8">
      <c r="H399807" s="12"/>
    </row>
    <row r="399808" spans="8:8">
      <c r="H399808" s="12"/>
    </row>
    <row r="399809" spans="8:8">
      <c r="H399809" s="12"/>
    </row>
    <row r="399810" spans="8:8">
      <c r="H399810" s="12"/>
    </row>
    <row r="399811" spans="8:8">
      <c r="H399811" s="12"/>
    </row>
    <row r="399812" spans="8:8">
      <c r="H399812" s="12"/>
    </row>
    <row r="399813" spans="8:8">
      <c r="H399813" s="12"/>
    </row>
    <row r="399814" spans="8:8">
      <c r="H399814" s="12"/>
    </row>
    <row r="399815" spans="8:8">
      <c r="H399815" s="12"/>
    </row>
    <row r="399816" spans="8:8">
      <c r="H399816" s="12"/>
    </row>
    <row r="399817" spans="8:8">
      <c r="H399817" s="12"/>
    </row>
    <row r="399818" spans="8:8">
      <c r="H399818" s="12"/>
    </row>
    <row r="399819" spans="8:8">
      <c r="H399819" s="12"/>
    </row>
    <row r="399820" spans="8:8">
      <c r="H399820" s="12"/>
    </row>
    <row r="399821" spans="8:8">
      <c r="H399821" s="12"/>
    </row>
    <row r="399822" spans="8:8">
      <c r="H399822" s="12"/>
    </row>
    <row r="399823" spans="8:8">
      <c r="H399823" s="12"/>
    </row>
    <row r="399824" spans="8:8">
      <c r="H399824" s="12"/>
    </row>
    <row r="399825" spans="8:8">
      <c r="H399825" s="12"/>
    </row>
    <row r="399826" spans="8:8">
      <c r="H399826" s="12"/>
    </row>
    <row r="399827" spans="8:8">
      <c r="H399827" s="12"/>
    </row>
    <row r="399828" spans="8:8">
      <c r="H399828" s="12"/>
    </row>
    <row r="399829" spans="8:8">
      <c r="H399829" s="12"/>
    </row>
    <row r="399830" spans="8:8">
      <c r="H399830" s="12"/>
    </row>
    <row r="399831" spans="8:8">
      <c r="H399831" s="12"/>
    </row>
    <row r="399832" spans="8:8">
      <c r="H399832" s="12"/>
    </row>
    <row r="399833" spans="8:8">
      <c r="H399833" s="12"/>
    </row>
    <row r="399834" spans="8:8">
      <c r="H399834" s="12"/>
    </row>
    <row r="399835" spans="8:8">
      <c r="H399835" s="12"/>
    </row>
    <row r="399836" spans="8:8">
      <c r="H399836" s="12"/>
    </row>
    <row r="399837" spans="8:8">
      <c r="H399837" s="12"/>
    </row>
    <row r="399838" spans="8:8">
      <c r="H399838" s="12"/>
    </row>
    <row r="399839" spans="8:8">
      <c r="H399839" s="12"/>
    </row>
    <row r="399840" spans="8:8">
      <c r="H399840" s="12"/>
    </row>
    <row r="399841" spans="8:8">
      <c r="H399841" s="12"/>
    </row>
    <row r="399842" spans="8:8">
      <c r="H399842" s="12"/>
    </row>
    <row r="399843" spans="8:8">
      <c r="H399843" s="12"/>
    </row>
    <row r="399844" spans="8:8">
      <c r="H399844" s="12"/>
    </row>
    <row r="399845" spans="8:8">
      <c r="H399845" s="12"/>
    </row>
    <row r="399846" spans="8:8">
      <c r="H399846" s="12"/>
    </row>
    <row r="399847" spans="8:8">
      <c r="H399847" s="12"/>
    </row>
    <row r="399848" spans="8:8">
      <c r="H399848" s="12"/>
    </row>
    <row r="399849" spans="8:8">
      <c r="H399849" s="12"/>
    </row>
    <row r="399850" spans="8:8">
      <c r="H399850" s="12"/>
    </row>
    <row r="399851" spans="8:8">
      <c r="H399851" s="12"/>
    </row>
    <row r="399852" spans="8:8">
      <c r="H399852" s="12"/>
    </row>
    <row r="399853" spans="8:8">
      <c r="H399853" s="12"/>
    </row>
    <row r="399854" spans="8:8">
      <c r="H399854" s="12"/>
    </row>
    <row r="399855" spans="8:8">
      <c r="H399855" s="12"/>
    </row>
    <row r="399856" spans="8:8">
      <c r="H399856" s="12"/>
    </row>
    <row r="399857" spans="8:8">
      <c r="H399857" s="12"/>
    </row>
    <row r="399858" spans="8:8">
      <c r="H399858" s="12"/>
    </row>
    <row r="399859" spans="8:8">
      <c r="H399859" s="12"/>
    </row>
    <row r="399860" spans="8:8">
      <c r="H399860" s="12"/>
    </row>
    <row r="399861" spans="8:8">
      <c r="H399861" s="12"/>
    </row>
    <row r="399862" spans="8:8">
      <c r="H399862" s="12"/>
    </row>
    <row r="399863" spans="8:8">
      <c r="H399863" s="12"/>
    </row>
    <row r="399864" spans="8:8">
      <c r="H399864" s="12"/>
    </row>
    <row r="399865" spans="8:8">
      <c r="H399865" s="12"/>
    </row>
    <row r="399866" spans="8:8">
      <c r="H399866" s="12"/>
    </row>
    <row r="399867" spans="8:8">
      <c r="H399867" s="12"/>
    </row>
    <row r="399868" spans="8:8">
      <c r="H399868" s="12"/>
    </row>
    <row r="399869" spans="8:8">
      <c r="H399869" s="12"/>
    </row>
    <row r="399870" spans="8:8">
      <c r="H399870" s="12"/>
    </row>
    <row r="399871" spans="8:8">
      <c r="H399871" s="12"/>
    </row>
    <row r="399872" spans="8:8">
      <c r="H399872" s="12"/>
    </row>
    <row r="399873" spans="8:8">
      <c r="H399873" s="12"/>
    </row>
    <row r="399874" spans="8:8">
      <c r="H399874" s="12"/>
    </row>
    <row r="399875" spans="8:8">
      <c r="H399875" s="12"/>
    </row>
    <row r="399876" spans="8:8">
      <c r="H399876" s="12"/>
    </row>
    <row r="399877" spans="8:8">
      <c r="H399877" s="12"/>
    </row>
    <row r="399878" spans="8:8">
      <c r="H399878" s="12"/>
    </row>
    <row r="399879" spans="8:8">
      <c r="H399879" s="12"/>
    </row>
    <row r="399880" spans="8:8">
      <c r="H399880" s="12"/>
    </row>
    <row r="399881" spans="8:8">
      <c r="H399881" s="12"/>
    </row>
    <row r="399882" spans="8:8">
      <c r="H399882" s="12"/>
    </row>
    <row r="399883" spans="8:8">
      <c r="H399883" s="12"/>
    </row>
    <row r="399884" spans="8:8">
      <c r="H399884" s="12"/>
    </row>
    <row r="399885" spans="8:8">
      <c r="H399885" s="12"/>
    </row>
    <row r="399886" spans="8:8">
      <c r="H399886" s="12"/>
    </row>
    <row r="399887" spans="8:8">
      <c r="H399887" s="12"/>
    </row>
    <row r="399888" spans="8:8">
      <c r="H399888" s="12"/>
    </row>
    <row r="399889" spans="8:8">
      <c r="H399889" s="12"/>
    </row>
    <row r="399890" spans="8:8">
      <c r="H399890" s="12"/>
    </row>
    <row r="399891" spans="8:8">
      <c r="H399891" s="12"/>
    </row>
    <row r="399892" spans="8:8">
      <c r="H399892" s="12"/>
    </row>
    <row r="399893" spans="8:8">
      <c r="H399893" s="12"/>
    </row>
    <row r="399894" spans="8:8">
      <c r="H399894" s="12"/>
    </row>
    <row r="399895" spans="8:8">
      <c r="H399895" s="12"/>
    </row>
    <row r="399896" spans="8:8">
      <c r="H399896" s="12"/>
    </row>
    <row r="399897" spans="8:8">
      <c r="H399897" s="12"/>
    </row>
    <row r="399898" spans="8:8">
      <c r="H399898" s="12"/>
    </row>
    <row r="399899" spans="8:8">
      <c r="H399899" s="12"/>
    </row>
    <row r="399900" spans="8:8">
      <c r="H399900" s="12"/>
    </row>
    <row r="399901" spans="8:8">
      <c r="H399901" s="12"/>
    </row>
    <row r="399902" spans="8:8">
      <c r="H399902" s="12"/>
    </row>
    <row r="399903" spans="8:8">
      <c r="H399903" s="12"/>
    </row>
    <row r="399904" spans="8:8">
      <c r="H399904" s="12"/>
    </row>
    <row r="399905" spans="8:8">
      <c r="H399905" s="12"/>
    </row>
    <row r="399906" spans="8:8">
      <c r="H399906" s="12"/>
    </row>
    <row r="399907" spans="8:8">
      <c r="H399907" s="12"/>
    </row>
    <row r="399908" spans="8:8">
      <c r="H399908" s="12"/>
    </row>
    <row r="399909" spans="8:8">
      <c r="H399909" s="12"/>
    </row>
    <row r="399910" spans="8:8">
      <c r="H399910" s="12"/>
    </row>
    <row r="399911" spans="8:8">
      <c r="H399911" s="12"/>
    </row>
    <row r="399912" spans="8:8">
      <c r="H399912" s="12"/>
    </row>
    <row r="399913" spans="8:8">
      <c r="H399913" s="12"/>
    </row>
    <row r="399914" spans="8:8">
      <c r="H399914" s="12"/>
    </row>
    <row r="399915" spans="8:8">
      <c r="H399915" s="12"/>
    </row>
    <row r="399916" spans="8:8">
      <c r="H399916" s="12"/>
    </row>
    <row r="399917" spans="8:8">
      <c r="H399917" s="12"/>
    </row>
    <row r="399918" spans="8:8">
      <c r="H399918" s="12"/>
    </row>
    <row r="399919" spans="8:8">
      <c r="H399919" s="12"/>
    </row>
    <row r="399920" spans="8:8">
      <c r="H399920" s="12"/>
    </row>
    <row r="399921" spans="8:8">
      <c r="H399921" s="12"/>
    </row>
    <row r="399922" spans="8:8">
      <c r="H399922" s="12"/>
    </row>
    <row r="399923" spans="8:8">
      <c r="H399923" s="12"/>
    </row>
    <row r="399924" spans="8:8">
      <c r="H399924" s="12"/>
    </row>
    <row r="399925" spans="8:8">
      <c r="H399925" s="12"/>
    </row>
    <row r="399926" spans="8:8">
      <c r="H399926" s="12"/>
    </row>
    <row r="399927" spans="8:8">
      <c r="H399927" s="12"/>
    </row>
    <row r="399928" spans="8:8">
      <c r="H399928" s="12"/>
    </row>
    <row r="399929" spans="8:8">
      <c r="H399929" s="12"/>
    </row>
    <row r="399930" spans="8:8">
      <c r="H399930" s="12"/>
    </row>
    <row r="399931" spans="8:8">
      <c r="H399931" s="12"/>
    </row>
    <row r="399932" spans="8:8">
      <c r="H399932" s="12"/>
    </row>
    <row r="399933" spans="8:8">
      <c r="H399933" s="12"/>
    </row>
    <row r="399934" spans="8:8">
      <c r="H399934" s="12"/>
    </row>
    <row r="399935" spans="8:8">
      <c r="H399935" s="12"/>
    </row>
    <row r="399936" spans="8:8">
      <c r="H399936" s="12"/>
    </row>
    <row r="399937" spans="8:8">
      <c r="H399937" s="12"/>
    </row>
    <row r="399938" spans="8:8">
      <c r="H399938" s="12"/>
    </row>
    <row r="399939" spans="8:8">
      <c r="H399939" s="12"/>
    </row>
    <row r="399940" spans="8:8">
      <c r="H399940" s="12"/>
    </row>
    <row r="399941" spans="8:8">
      <c r="H399941" s="12"/>
    </row>
    <row r="399942" spans="8:8">
      <c r="H399942" s="12"/>
    </row>
    <row r="399943" spans="8:8">
      <c r="H399943" s="12"/>
    </row>
    <row r="399944" spans="8:8">
      <c r="H399944" s="12"/>
    </row>
    <row r="399945" spans="8:8">
      <c r="H399945" s="12"/>
    </row>
    <row r="399946" spans="8:8">
      <c r="H399946" s="12"/>
    </row>
    <row r="399947" spans="8:8">
      <c r="H399947" s="12"/>
    </row>
    <row r="399948" spans="8:8">
      <c r="H399948" s="12"/>
    </row>
    <row r="399949" spans="8:8">
      <c r="H399949" s="12"/>
    </row>
    <row r="399950" spans="8:8">
      <c r="H399950" s="12"/>
    </row>
    <row r="399951" spans="8:8">
      <c r="H399951" s="12"/>
    </row>
    <row r="399952" spans="8:8">
      <c r="H399952" s="12"/>
    </row>
    <row r="399953" spans="8:8">
      <c r="H399953" s="12"/>
    </row>
    <row r="399954" spans="8:8">
      <c r="H399954" s="12"/>
    </row>
    <row r="399955" spans="8:8">
      <c r="H399955" s="12"/>
    </row>
    <row r="399956" spans="8:8">
      <c r="H399956" s="12"/>
    </row>
    <row r="399957" spans="8:8">
      <c r="H399957" s="12"/>
    </row>
    <row r="399958" spans="8:8">
      <c r="H399958" s="12"/>
    </row>
    <row r="399959" spans="8:8">
      <c r="H399959" s="12"/>
    </row>
    <row r="399960" spans="8:8">
      <c r="H399960" s="12"/>
    </row>
    <row r="399961" spans="8:8">
      <c r="H399961" s="12"/>
    </row>
    <row r="399962" spans="8:8">
      <c r="H399962" s="12"/>
    </row>
    <row r="399963" spans="8:8">
      <c r="H399963" s="12"/>
    </row>
    <row r="399964" spans="8:8">
      <c r="H399964" s="12"/>
    </row>
    <row r="399965" spans="8:8">
      <c r="H399965" s="12"/>
    </row>
    <row r="399966" spans="8:8">
      <c r="H399966" s="12"/>
    </row>
    <row r="399967" spans="8:8">
      <c r="H399967" s="12"/>
    </row>
    <row r="399968" spans="8:8">
      <c r="H399968" s="12"/>
    </row>
    <row r="399969" spans="8:8">
      <c r="H399969" s="12"/>
    </row>
    <row r="399970" spans="8:8">
      <c r="H399970" s="12"/>
    </row>
    <row r="399971" spans="8:8">
      <c r="H399971" s="12"/>
    </row>
    <row r="399972" spans="8:8">
      <c r="H399972" s="12"/>
    </row>
    <row r="399973" spans="8:8">
      <c r="H399973" s="12"/>
    </row>
    <row r="399974" spans="8:8">
      <c r="H399974" s="12"/>
    </row>
    <row r="399975" spans="8:8">
      <c r="H399975" s="12"/>
    </row>
    <row r="399976" spans="8:8">
      <c r="H399976" s="12"/>
    </row>
    <row r="399977" spans="8:8">
      <c r="H399977" s="12"/>
    </row>
    <row r="399978" spans="8:8">
      <c r="H399978" s="12"/>
    </row>
    <row r="399979" spans="8:8">
      <c r="H399979" s="12"/>
    </row>
    <row r="399980" spans="8:8">
      <c r="H399980" s="12"/>
    </row>
    <row r="399981" spans="8:8">
      <c r="H399981" s="12"/>
    </row>
    <row r="399982" spans="8:8">
      <c r="H399982" s="12"/>
    </row>
    <row r="399983" spans="8:8">
      <c r="H399983" s="12"/>
    </row>
    <row r="399984" spans="8:8">
      <c r="H399984" s="12"/>
    </row>
    <row r="399985" spans="8:8">
      <c r="H399985" s="12"/>
    </row>
    <row r="399986" spans="8:8">
      <c r="H399986" s="12"/>
    </row>
    <row r="399987" spans="8:8">
      <c r="H399987" s="12"/>
    </row>
    <row r="399988" spans="8:8">
      <c r="H399988" s="12"/>
    </row>
    <row r="399989" spans="8:8">
      <c r="H399989" s="12"/>
    </row>
    <row r="399990" spans="8:8">
      <c r="H399990" s="12"/>
    </row>
    <row r="399991" spans="8:8">
      <c r="H399991" s="12"/>
    </row>
    <row r="399992" spans="8:8">
      <c r="H399992" s="12"/>
    </row>
    <row r="399993" spans="8:8">
      <c r="H399993" s="12"/>
    </row>
    <row r="399994" spans="8:8">
      <c r="H399994" s="12"/>
    </row>
    <row r="399995" spans="8:8">
      <c r="H399995" s="12"/>
    </row>
    <row r="399996" spans="8:8">
      <c r="H399996" s="12"/>
    </row>
    <row r="399997" spans="8:8">
      <c r="H399997" s="12"/>
    </row>
    <row r="399998" spans="8:8">
      <c r="H399998" s="12"/>
    </row>
    <row r="399999" spans="8:8">
      <c r="H399999" s="12"/>
    </row>
    <row r="400000" spans="8:8">
      <c r="H400000" s="12"/>
    </row>
    <row r="400001" spans="8:8">
      <c r="H400001" s="12"/>
    </row>
    <row r="400002" spans="8:8">
      <c r="H400002" s="12"/>
    </row>
    <row r="400003" spans="8:8">
      <c r="H400003" s="12"/>
    </row>
    <row r="400004" spans="8:8">
      <c r="H400004" s="12"/>
    </row>
    <row r="400005" spans="8:8">
      <c r="H400005" s="12"/>
    </row>
    <row r="400006" spans="8:8">
      <c r="H400006" s="12"/>
    </row>
    <row r="400007" spans="8:8">
      <c r="H400007" s="12"/>
    </row>
    <row r="400008" spans="8:8">
      <c r="H400008" s="12"/>
    </row>
    <row r="400009" spans="8:8">
      <c r="H400009" s="12"/>
    </row>
    <row r="400010" spans="8:8">
      <c r="H400010" s="12"/>
    </row>
    <row r="400011" spans="8:8">
      <c r="H400011" s="12"/>
    </row>
    <row r="400012" spans="8:8">
      <c r="H400012" s="12"/>
    </row>
    <row r="400013" spans="8:8">
      <c r="H400013" s="12"/>
    </row>
    <row r="400014" spans="8:8">
      <c r="H400014" s="12"/>
    </row>
    <row r="400015" spans="8:8">
      <c r="H400015" s="12"/>
    </row>
    <row r="400016" spans="8:8">
      <c r="H400016" s="12"/>
    </row>
    <row r="400017" spans="8:8">
      <c r="H400017" s="12"/>
    </row>
    <row r="400018" spans="8:8">
      <c r="H400018" s="12"/>
    </row>
    <row r="400019" spans="8:8">
      <c r="H400019" s="12"/>
    </row>
    <row r="400020" spans="8:8">
      <c r="H400020" s="12"/>
    </row>
    <row r="400021" spans="8:8">
      <c r="H400021" s="12"/>
    </row>
    <row r="400022" spans="8:8">
      <c r="H400022" s="12"/>
    </row>
    <row r="400023" spans="8:8">
      <c r="H400023" s="12"/>
    </row>
    <row r="400024" spans="8:8">
      <c r="H400024" s="12"/>
    </row>
    <row r="400025" spans="8:8">
      <c r="H400025" s="12"/>
    </row>
    <row r="400026" spans="8:8">
      <c r="H400026" s="12"/>
    </row>
    <row r="400027" spans="8:8">
      <c r="H400027" s="12"/>
    </row>
    <row r="400028" spans="8:8">
      <c r="H400028" s="12"/>
    </row>
    <row r="400029" spans="8:8">
      <c r="H400029" s="12"/>
    </row>
    <row r="400030" spans="8:8">
      <c r="H400030" s="12"/>
    </row>
    <row r="400031" spans="8:8">
      <c r="H400031" s="12"/>
    </row>
    <row r="400032" spans="8:8">
      <c r="H400032" s="12"/>
    </row>
    <row r="400033" spans="8:8">
      <c r="H400033" s="12"/>
    </row>
    <row r="400034" spans="8:8">
      <c r="H400034" s="12"/>
    </row>
    <row r="400035" spans="8:8">
      <c r="H400035" s="12"/>
    </row>
    <row r="400036" spans="8:8">
      <c r="H400036" s="12"/>
    </row>
    <row r="400037" spans="8:8">
      <c r="H400037" s="12"/>
    </row>
    <row r="400038" spans="8:8">
      <c r="H400038" s="12"/>
    </row>
    <row r="400039" spans="8:8">
      <c r="H400039" s="12"/>
    </row>
    <row r="400040" spans="8:8">
      <c r="H400040" s="12"/>
    </row>
    <row r="400041" spans="8:8">
      <c r="H400041" s="12"/>
    </row>
    <row r="400042" spans="8:8">
      <c r="H400042" s="12"/>
    </row>
    <row r="400043" spans="8:8">
      <c r="H400043" s="12"/>
    </row>
    <row r="400044" spans="8:8">
      <c r="H400044" s="12"/>
    </row>
    <row r="400045" spans="8:8">
      <c r="H400045" s="12"/>
    </row>
    <row r="400046" spans="8:8">
      <c r="H400046" s="12"/>
    </row>
    <row r="400047" spans="8:8">
      <c r="H400047" s="12"/>
    </row>
    <row r="400048" spans="8:8">
      <c r="H400048" s="12"/>
    </row>
    <row r="400049" spans="8:8">
      <c r="H400049" s="12"/>
    </row>
    <row r="400050" spans="8:8">
      <c r="H400050" s="12"/>
    </row>
    <row r="400051" spans="8:8">
      <c r="H400051" s="12"/>
    </row>
    <row r="400052" spans="8:8">
      <c r="H400052" s="12"/>
    </row>
    <row r="400053" spans="8:8">
      <c r="H400053" s="12"/>
    </row>
    <row r="400054" spans="8:8">
      <c r="H400054" s="12"/>
    </row>
    <row r="400055" spans="8:8">
      <c r="H400055" s="12"/>
    </row>
    <row r="400056" spans="8:8">
      <c r="H400056" s="12"/>
    </row>
    <row r="400057" spans="8:8">
      <c r="H400057" s="12"/>
    </row>
    <row r="400058" spans="8:8">
      <c r="H400058" s="12"/>
    </row>
    <row r="400059" spans="8:8">
      <c r="H400059" s="12"/>
    </row>
    <row r="400060" spans="8:8">
      <c r="H400060" s="12"/>
    </row>
    <row r="400061" spans="8:8">
      <c r="H400061" s="12"/>
    </row>
    <row r="400062" spans="8:8">
      <c r="H400062" s="12"/>
    </row>
    <row r="400063" spans="8:8">
      <c r="H400063" s="12"/>
    </row>
    <row r="400064" spans="8:8">
      <c r="H400064" s="12"/>
    </row>
    <row r="400065" spans="8:8">
      <c r="H400065" s="12"/>
    </row>
    <row r="400066" spans="8:8">
      <c r="H400066" s="12"/>
    </row>
    <row r="400067" spans="8:8">
      <c r="H400067" s="12"/>
    </row>
    <row r="400068" spans="8:8">
      <c r="H400068" s="12"/>
    </row>
    <row r="400069" spans="8:8">
      <c r="H400069" s="12"/>
    </row>
    <row r="400070" spans="8:8">
      <c r="H400070" s="12"/>
    </row>
    <row r="400071" spans="8:8">
      <c r="H400071" s="12"/>
    </row>
    <row r="400072" spans="8:8">
      <c r="H400072" s="12"/>
    </row>
    <row r="400073" spans="8:8">
      <c r="H400073" s="12"/>
    </row>
    <row r="400074" spans="8:8">
      <c r="H400074" s="12"/>
    </row>
    <row r="400075" spans="8:8">
      <c r="H400075" s="12"/>
    </row>
    <row r="400076" spans="8:8">
      <c r="H400076" s="12"/>
    </row>
    <row r="400077" spans="8:8">
      <c r="H400077" s="12"/>
    </row>
    <row r="400078" spans="8:8">
      <c r="H400078" s="12"/>
    </row>
    <row r="400079" spans="8:8">
      <c r="H400079" s="12"/>
    </row>
    <row r="400080" spans="8:8">
      <c r="H400080" s="12"/>
    </row>
    <row r="400081" spans="8:8">
      <c r="H400081" s="12"/>
    </row>
    <row r="400082" spans="8:8">
      <c r="H400082" s="12"/>
    </row>
    <row r="400083" spans="8:8">
      <c r="H400083" s="12"/>
    </row>
    <row r="400084" spans="8:8">
      <c r="H400084" s="12"/>
    </row>
    <row r="400085" spans="8:8">
      <c r="H400085" s="12"/>
    </row>
    <row r="400086" spans="8:8">
      <c r="H400086" s="12"/>
    </row>
    <row r="400087" spans="8:8">
      <c r="H400087" s="12"/>
    </row>
    <row r="400088" spans="8:8">
      <c r="H400088" s="12"/>
    </row>
    <row r="400089" spans="8:8">
      <c r="H400089" s="12"/>
    </row>
    <row r="400090" spans="8:8">
      <c r="H400090" s="12"/>
    </row>
    <row r="400091" spans="8:8">
      <c r="H400091" s="12"/>
    </row>
    <row r="400092" spans="8:8">
      <c r="H400092" s="12"/>
    </row>
    <row r="400093" spans="8:8">
      <c r="H400093" s="12"/>
    </row>
    <row r="400094" spans="8:8">
      <c r="H400094" s="12"/>
    </row>
    <row r="400095" spans="8:8">
      <c r="H400095" s="12"/>
    </row>
    <row r="400096" spans="8:8">
      <c r="H400096" s="12"/>
    </row>
    <row r="400097" spans="8:8">
      <c r="H400097" s="12"/>
    </row>
    <row r="400098" spans="8:8">
      <c r="H400098" s="12"/>
    </row>
    <row r="400099" spans="8:8">
      <c r="H400099" s="12"/>
    </row>
    <row r="400100" spans="8:8">
      <c r="H400100" s="12"/>
    </row>
    <row r="400101" spans="8:8">
      <c r="H400101" s="12"/>
    </row>
    <row r="400102" spans="8:8">
      <c r="H400102" s="12"/>
    </row>
    <row r="400103" spans="8:8">
      <c r="H400103" s="12"/>
    </row>
    <row r="400104" spans="8:8">
      <c r="H400104" s="12"/>
    </row>
    <row r="400105" spans="8:8">
      <c r="H400105" s="12"/>
    </row>
    <row r="400106" spans="8:8">
      <c r="H400106" s="12"/>
    </row>
    <row r="400107" spans="8:8">
      <c r="H400107" s="12"/>
    </row>
    <row r="400108" spans="8:8">
      <c r="H400108" s="12"/>
    </row>
    <row r="400109" spans="8:8">
      <c r="H400109" s="12"/>
    </row>
    <row r="400110" spans="8:8">
      <c r="H400110" s="12"/>
    </row>
    <row r="400111" spans="8:8">
      <c r="H400111" s="12"/>
    </row>
    <row r="400112" spans="8:8">
      <c r="H400112" s="12"/>
    </row>
    <row r="400113" spans="8:8">
      <c r="H400113" s="12"/>
    </row>
    <row r="400114" spans="8:8">
      <c r="H400114" s="12"/>
    </row>
    <row r="400115" spans="8:8">
      <c r="H400115" s="12"/>
    </row>
    <row r="400116" spans="8:8">
      <c r="H400116" s="12"/>
    </row>
    <row r="400117" spans="8:8">
      <c r="H400117" s="12"/>
    </row>
    <row r="400118" spans="8:8">
      <c r="H400118" s="12"/>
    </row>
    <row r="400119" spans="8:8">
      <c r="H400119" s="12"/>
    </row>
    <row r="400120" spans="8:8">
      <c r="H400120" s="12"/>
    </row>
    <row r="400121" spans="8:8">
      <c r="H400121" s="12"/>
    </row>
    <row r="400122" spans="8:8">
      <c r="H400122" s="12"/>
    </row>
    <row r="400123" spans="8:8">
      <c r="H400123" s="12"/>
    </row>
    <row r="400124" spans="8:8">
      <c r="H400124" s="12"/>
    </row>
    <row r="400125" spans="8:8">
      <c r="H400125" s="12"/>
    </row>
    <row r="400126" spans="8:8">
      <c r="H400126" s="12"/>
    </row>
    <row r="400127" spans="8:8">
      <c r="H400127" s="12"/>
    </row>
    <row r="400128" spans="8:8">
      <c r="H400128" s="12"/>
    </row>
    <row r="400129" spans="8:8">
      <c r="H400129" s="12"/>
    </row>
    <row r="400130" spans="8:8">
      <c r="H400130" s="12"/>
    </row>
    <row r="400131" spans="8:8">
      <c r="H400131" s="12"/>
    </row>
    <row r="400132" spans="8:8">
      <c r="H400132" s="12"/>
    </row>
    <row r="400133" spans="8:8">
      <c r="H400133" s="12"/>
    </row>
    <row r="400134" spans="8:8">
      <c r="H400134" s="12"/>
    </row>
    <row r="400135" spans="8:8">
      <c r="H400135" s="12"/>
    </row>
    <row r="400136" spans="8:8">
      <c r="H400136" s="12"/>
    </row>
    <row r="400137" spans="8:8">
      <c r="H400137" s="12"/>
    </row>
    <row r="400138" spans="8:8">
      <c r="H400138" s="12"/>
    </row>
    <row r="400139" spans="8:8">
      <c r="H400139" s="12"/>
    </row>
    <row r="400140" spans="8:8">
      <c r="H400140" s="12"/>
    </row>
    <row r="400141" spans="8:8">
      <c r="H400141" s="12"/>
    </row>
    <row r="400142" spans="8:8">
      <c r="H400142" s="12"/>
    </row>
    <row r="400143" spans="8:8">
      <c r="H400143" s="12"/>
    </row>
    <row r="400144" spans="8:8">
      <c r="H400144" s="12"/>
    </row>
    <row r="400145" spans="8:8">
      <c r="H400145" s="12"/>
    </row>
    <row r="400146" spans="8:8">
      <c r="H400146" s="12"/>
    </row>
    <row r="400147" spans="8:8">
      <c r="H400147" s="12"/>
    </row>
    <row r="400148" spans="8:8">
      <c r="H400148" s="12"/>
    </row>
    <row r="400149" spans="8:8">
      <c r="H400149" s="12"/>
    </row>
    <row r="400150" spans="8:8">
      <c r="H400150" s="12"/>
    </row>
    <row r="400151" spans="8:8">
      <c r="H400151" s="12"/>
    </row>
    <row r="400152" spans="8:8">
      <c r="H400152" s="12"/>
    </row>
    <row r="400153" spans="8:8">
      <c r="H400153" s="12"/>
    </row>
    <row r="400154" spans="8:8">
      <c r="H400154" s="12"/>
    </row>
    <row r="400155" spans="8:8">
      <c r="H400155" s="12"/>
    </row>
    <row r="400156" spans="8:8">
      <c r="H400156" s="12"/>
    </row>
    <row r="400157" spans="8:8">
      <c r="H400157" s="12"/>
    </row>
    <row r="400158" spans="8:8">
      <c r="H400158" s="12"/>
    </row>
    <row r="400159" spans="8:8">
      <c r="H400159" s="12"/>
    </row>
    <row r="400160" spans="8:8">
      <c r="H400160" s="12"/>
    </row>
    <row r="400161" spans="8:8">
      <c r="H400161" s="12"/>
    </row>
    <row r="400162" spans="8:8">
      <c r="H400162" s="12"/>
    </row>
    <row r="400163" spans="8:8">
      <c r="H400163" s="12"/>
    </row>
    <row r="400164" spans="8:8">
      <c r="H400164" s="12"/>
    </row>
    <row r="400165" spans="8:8">
      <c r="H400165" s="12"/>
    </row>
    <row r="400166" spans="8:8">
      <c r="H400166" s="12"/>
    </row>
    <row r="400167" spans="8:8">
      <c r="H400167" s="12"/>
    </row>
    <row r="400168" spans="8:8">
      <c r="H400168" s="12"/>
    </row>
    <row r="400169" spans="8:8">
      <c r="H400169" s="12"/>
    </row>
    <row r="400170" spans="8:8">
      <c r="H400170" s="12"/>
    </row>
    <row r="400171" spans="8:8">
      <c r="H400171" s="12"/>
    </row>
    <row r="400172" spans="8:8">
      <c r="H400172" s="12"/>
    </row>
    <row r="400173" spans="8:8">
      <c r="H400173" s="12"/>
    </row>
    <row r="400174" spans="8:8">
      <c r="H400174" s="12"/>
    </row>
    <row r="400175" spans="8:8">
      <c r="H400175" s="12"/>
    </row>
    <row r="400176" spans="8:8">
      <c r="H400176" s="12"/>
    </row>
    <row r="400177" spans="8:8">
      <c r="H400177" s="12"/>
    </row>
    <row r="400178" spans="8:8">
      <c r="H400178" s="12"/>
    </row>
    <row r="400179" spans="8:8">
      <c r="H400179" s="12"/>
    </row>
    <row r="400180" spans="8:8">
      <c r="H400180" s="12"/>
    </row>
    <row r="400181" spans="8:8">
      <c r="H400181" s="12"/>
    </row>
    <row r="400182" spans="8:8">
      <c r="H400182" s="12"/>
    </row>
    <row r="400183" spans="8:8">
      <c r="H400183" s="12"/>
    </row>
    <row r="400184" spans="8:8">
      <c r="H400184" s="12"/>
    </row>
    <row r="400185" spans="8:8">
      <c r="H400185" s="12"/>
    </row>
    <row r="400186" spans="8:8">
      <c r="H400186" s="12"/>
    </row>
    <row r="400187" spans="8:8">
      <c r="H400187" s="12"/>
    </row>
    <row r="400188" spans="8:8">
      <c r="H400188" s="12"/>
    </row>
    <row r="400189" spans="8:8">
      <c r="H400189" s="12"/>
    </row>
    <row r="400190" spans="8:8">
      <c r="H400190" s="12"/>
    </row>
    <row r="400191" spans="8:8">
      <c r="H400191" s="12"/>
    </row>
    <row r="400192" spans="8:8">
      <c r="H400192" s="12"/>
    </row>
    <row r="400193" spans="8:8">
      <c r="H400193" s="12"/>
    </row>
    <row r="400194" spans="8:8">
      <c r="H400194" s="12"/>
    </row>
    <row r="400195" spans="8:8">
      <c r="H400195" s="12"/>
    </row>
    <row r="400196" spans="8:8">
      <c r="H400196" s="12"/>
    </row>
    <row r="400197" spans="8:8">
      <c r="H400197" s="12"/>
    </row>
    <row r="400198" spans="8:8">
      <c r="H400198" s="12"/>
    </row>
    <row r="400199" spans="8:8">
      <c r="H400199" s="12"/>
    </row>
    <row r="400200" spans="8:8">
      <c r="H400200" s="12"/>
    </row>
    <row r="400201" spans="8:8">
      <c r="H400201" s="12"/>
    </row>
    <row r="400202" spans="8:8">
      <c r="H400202" s="12"/>
    </row>
    <row r="400203" spans="8:8">
      <c r="H400203" s="12"/>
    </row>
    <row r="400204" spans="8:8">
      <c r="H400204" s="12"/>
    </row>
    <row r="400205" spans="8:8">
      <c r="H400205" s="12"/>
    </row>
    <row r="400206" spans="8:8">
      <c r="H400206" s="12"/>
    </row>
    <row r="400207" spans="8:8">
      <c r="H400207" s="12"/>
    </row>
    <row r="400208" spans="8:8">
      <c r="H400208" s="12"/>
    </row>
    <row r="400209" spans="8:8">
      <c r="H400209" s="12"/>
    </row>
    <row r="400210" spans="8:8">
      <c r="H400210" s="12"/>
    </row>
    <row r="400211" spans="8:8">
      <c r="H400211" s="12"/>
    </row>
    <row r="400212" spans="8:8">
      <c r="H400212" s="12"/>
    </row>
    <row r="400213" spans="8:8">
      <c r="H400213" s="12"/>
    </row>
    <row r="400214" spans="8:8">
      <c r="H400214" s="12"/>
    </row>
    <row r="400215" spans="8:8">
      <c r="H400215" s="12"/>
    </row>
    <row r="400216" spans="8:8">
      <c r="H400216" s="12"/>
    </row>
    <row r="400217" spans="8:8">
      <c r="H400217" s="12"/>
    </row>
    <row r="400218" spans="8:8">
      <c r="H400218" s="12"/>
    </row>
    <row r="400219" spans="8:8">
      <c r="H400219" s="12"/>
    </row>
    <row r="400220" spans="8:8">
      <c r="H400220" s="12"/>
    </row>
    <row r="400221" spans="8:8">
      <c r="H400221" s="12"/>
    </row>
    <row r="400222" spans="8:8">
      <c r="H400222" s="12"/>
    </row>
    <row r="400223" spans="8:8">
      <c r="H400223" s="12"/>
    </row>
    <row r="400224" spans="8:8">
      <c r="H400224" s="12"/>
    </row>
    <row r="400225" spans="8:8">
      <c r="H400225" s="12"/>
    </row>
    <row r="400226" spans="8:8">
      <c r="H400226" s="12"/>
    </row>
    <row r="400227" spans="8:8">
      <c r="H400227" s="12"/>
    </row>
    <row r="400228" spans="8:8">
      <c r="H400228" s="12"/>
    </row>
    <row r="400229" spans="8:8">
      <c r="H400229" s="12"/>
    </row>
    <row r="400230" spans="8:8">
      <c r="H400230" s="12"/>
    </row>
    <row r="400231" spans="8:8">
      <c r="H400231" s="12"/>
    </row>
    <row r="400232" spans="8:8">
      <c r="H400232" s="12"/>
    </row>
    <row r="400233" spans="8:8">
      <c r="H400233" s="12"/>
    </row>
    <row r="400234" spans="8:8">
      <c r="H400234" s="12"/>
    </row>
    <row r="400235" spans="8:8">
      <c r="H400235" s="12"/>
    </row>
    <row r="400236" spans="8:8">
      <c r="H400236" s="12"/>
    </row>
    <row r="400237" spans="8:8">
      <c r="H400237" s="12"/>
    </row>
    <row r="400238" spans="8:8">
      <c r="H400238" s="12"/>
    </row>
    <row r="400239" spans="8:8">
      <c r="H400239" s="12"/>
    </row>
    <row r="400240" spans="8:8">
      <c r="H400240" s="12"/>
    </row>
    <row r="400241" spans="8:8">
      <c r="H400241" s="12"/>
    </row>
    <row r="400242" spans="8:8">
      <c r="H400242" s="12"/>
    </row>
    <row r="400243" spans="8:8">
      <c r="H400243" s="12"/>
    </row>
    <row r="400244" spans="8:8">
      <c r="H400244" s="12"/>
    </row>
    <row r="400245" spans="8:8">
      <c r="H400245" s="12"/>
    </row>
    <row r="400246" spans="8:8">
      <c r="H400246" s="12"/>
    </row>
    <row r="400247" spans="8:8">
      <c r="H400247" s="12"/>
    </row>
    <row r="400248" spans="8:8">
      <c r="H400248" s="12"/>
    </row>
    <row r="400249" spans="8:8">
      <c r="H400249" s="12"/>
    </row>
    <row r="400250" spans="8:8">
      <c r="H400250" s="12"/>
    </row>
    <row r="400251" spans="8:8">
      <c r="H400251" s="12"/>
    </row>
    <row r="400252" spans="8:8">
      <c r="H400252" s="12"/>
    </row>
    <row r="400253" spans="8:8">
      <c r="H400253" s="12"/>
    </row>
    <row r="400254" spans="8:8">
      <c r="H400254" s="12"/>
    </row>
    <row r="400255" spans="8:8">
      <c r="H400255" s="12"/>
    </row>
    <row r="400256" spans="8:8">
      <c r="H400256" s="12"/>
    </row>
    <row r="400257" spans="8:8">
      <c r="H400257" s="12"/>
    </row>
    <row r="400258" spans="8:8">
      <c r="H400258" s="12"/>
    </row>
    <row r="400259" spans="8:8">
      <c r="H400259" s="12"/>
    </row>
    <row r="400260" spans="8:8">
      <c r="H400260" s="12"/>
    </row>
    <row r="400261" spans="8:8">
      <c r="H400261" s="12"/>
    </row>
    <row r="400262" spans="8:8">
      <c r="H400262" s="12"/>
    </row>
    <row r="400263" spans="8:8">
      <c r="H400263" s="12"/>
    </row>
    <row r="400264" spans="8:8">
      <c r="H400264" s="12"/>
    </row>
    <row r="400265" spans="8:8">
      <c r="H400265" s="12"/>
    </row>
    <row r="400266" spans="8:8">
      <c r="H400266" s="12"/>
    </row>
    <row r="400267" spans="8:8">
      <c r="H400267" s="12"/>
    </row>
    <row r="400268" spans="8:8">
      <c r="H400268" s="12"/>
    </row>
    <row r="400269" spans="8:8">
      <c r="H400269" s="12"/>
    </row>
    <row r="400270" spans="8:8">
      <c r="H400270" s="12"/>
    </row>
    <row r="400271" spans="8:8">
      <c r="H400271" s="12"/>
    </row>
    <row r="400272" spans="8:8">
      <c r="H400272" s="12"/>
    </row>
    <row r="400273" spans="8:8">
      <c r="H400273" s="12"/>
    </row>
    <row r="400274" spans="8:8">
      <c r="H400274" s="12"/>
    </row>
    <row r="400275" spans="8:8">
      <c r="H400275" s="12"/>
    </row>
    <row r="400276" spans="8:8">
      <c r="H400276" s="12"/>
    </row>
    <row r="400277" spans="8:8">
      <c r="H400277" s="12"/>
    </row>
    <row r="400278" spans="8:8">
      <c r="H400278" s="12"/>
    </row>
    <row r="400279" spans="8:8">
      <c r="H400279" s="12"/>
    </row>
    <row r="400280" spans="8:8">
      <c r="H400280" s="12"/>
    </row>
    <row r="400281" spans="8:8">
      <c r="H400281" s="12"/>
    </row>
    <row r="400282" spans="8:8">
      <c r="H400282" s="12"/>
    </row>
    <row r="400283" spans="8:8">
      <c r="H400283" s="12"/>
    </row>
    <row r="400284" spans="8:8">
      <c r="H400284" s="12"/>
    </row>
    <row r="400285" spans="8:8">
      <c r="H400285" s="12"/>
    </row>
    <row r="400286" spans="8:8">
      <c r="H400286" s="12"/>
    </row>
    <row r="400287" spans="8:8">
      <c r="H400287" s="12"/>
    </row>
    <row r="400288" spans="8:8">
      <c r="H400288" s="12"/>
    </row>
    <row r="400289" spans="8:8">
      <c r="H400289" s="12"/>
    </row>
    <row r="400290" spans="8:8">
      <c r="H400290" s="12"/>
    </row>
    <row r="400291" spans="8:8">
      <c r="H400291" s="12"/>
    </row>
    <row r="400292" spans="8:8">
      <c r="H400292" s="12"/>
    </row>
    <row r="400293" spans="8:8">
      <c r="H400293" s="12"/>
    </row>
    <row r="400294" spans="8:8">
      <c r="H400294" s="12"/>
    </row>
    <row r="400295" spans="8:8">
      <c r="H400295" s="12"/>
    </row>
    <row r="400296" spans="8:8">
      <c r="H400296" s="12"/>
    </row>
    <row r="400297" spans="8:8">
      <c r="H400297" s="12"/>
    </row>
    <row r="400298" spans="8:8">
      <c r="H400298" s="12"/>
    </row>
    <row r="400299" spans="8:8">
      <c r="H400299" s="12"/>
    </row>
    <row r="400300" spans="8:8">
      <c r="H400300" s="12"/>
    </row>
    <row r="400301" spans="8:8">
      <c r="H400301" s="12"/>
    </row>
    <row r="400302" spans="8:8">
      <c r="H400302" s="12"/>
    </row>
    <row r="400303" spans="8:8">
      <c r="H400303" s="12"/>
    </row>
    <row r="400304" spans="8:8">
      <c r="H400304" s="12"/>
    </row>
    <row r="400305" spans="8:8">
      <c r="H400305" s="12"/>
    </row>
    <row r="400306" spans="8:8">
      <c r="H400306" s="12"/>
    </row>
    <row r="400307" spans="8:8">
      <c r="H400307" s="12"/>
    </row>
    <row r="400308" spans="8:8">
      <c r="H400308" s="12"/>
    </row>
    <row r="400309" spans="8:8">
      <c r="H400309" s="12"/>
    </row>
    <row r="400310" spans="8:8">
      <c r="H400310" s="12"/>
    </row>
    <row r="400311" spans="8:8">
      <c r="H400311" s="12"/>
    </row>
    <row r="400312" spans="8:8">
      <c r="H400312" s="12"/>
    </row>
    <row r="400313" spans="8:8">
      <c r="H400313" s="12"/>
    </row>
    <row r="400314" spans="8:8">
      <c r="H400314" s="12"/>
    </row>
    <row r="400315" spans="8:8">
      <c r="H400315" s="12"/>
    </row>
    <row r="400316" spans="8:8">
      <c r="H400316" s="12"/>
    </row>
    <row r="400317" spans="8:8">
      <c r="H400317" s="12"/>
    </row>
    <row r="400318" spans="8:8">
      <c r="H400318" s="12"/>
    </row>
    <row r="400319" spans="8:8">
      <c r="H400319" s="12"/>
    </row>
    <row r="400320" spans="8:8">
      <c r="H400320" s="12"/>
    </row>
    <row r="400321" spans="8:8">
      <c r="H400321" s="12"/>
    </row>
    <row r="400322" spans="8:8">
      <c r="H400322" s="12"/>
    </row>
    <row r="400323" spans="8:8">
      <c r="H400323" s="12"/>
    </row>
    <row r="400324" spans="8:8">
      <c r="H400324" s="12"/>
    </row>
    <row r="400325" spans="8:8">
      <c r="H400325" s="12"/>
    </row>
    <row r="400326" spans="8:8">
      <c r="H400326" s="12"/>
    </row>
    <row r="400327" spans="8:8">
      <c r="H400327" s="12"/>
    </row>
    <row r="400328" spans="8:8">
      <c r="H400328" s="12"/>
    </row>
    <row r="400329" spans="8:8">
      <c r="H400329" s="12"/>
    </row>
    <row r="400330" spans="8:8">
      <c r="H400330" s="12"/>
    </row>
    <row r="400331" spans="8:8">
      <c r="H400331" s="12"/>
    </row>
    <row r="400332" spans="8:8">
      <c r="H400332" s="12"/>
    </row>
    <row r="400333" spans="8:8">
      <c r="H400333" s="12"/>
    </row>
    <row r="400334" spans="8:8">
      <c r="H400334" s="12"/>
    </row>
    <row r="400335" spans="8:8">
      <c r="H400335" s="12"/>
    </row>
    <row r="400336" spans="8:8">
      <c r="H400336" s="12"/>
    </row>
    <row r="400337" spans="8:8">
      <c r="H400337" s="12"/>
    </row>
    <row r="400338" spans="8:8">
      <c r="H400338" s="12"/>
    </row>
    <row r="400339" spans="8:8">
      <c r="H400339" s="12"/>
    </row>
    <row r="400340" spans="8:8">
      <c r="H400340" s="12"/>
    </row>
    <row r="400341" spans="8:8">
      <c r="H400341" s="12"/>
    </row>
    <row r="400342" spans="8:8">
      <c r="H400342" s="12"/>
    </row>
    <row r="400343" spans="8:8">
      <c r="H400343" s="12"/>
    </row>
    <row r="400344" spans="8:8">
      <c r="H400344" s="12"/>
    </row>
    <row r="400345" spans="8:8">
      <c r="H400345" s="12"/>
    </row>
    <row r="400346" spans="8:8">
      <c r="H400346" s="12"/>
    </row>
    <row r="400347" spans="8:8">
      <c r="H400347" s="12"/>
    </row>
    <row r="400348" spans="8:8">
      <c r="H400348" s="12"/>
    </row>
    <row r="400349" spans="8:8">
      <c r="H400349" s="12"/>
    </row>
    <row r="400350" spans="8:8">
      <c r="H400350" s="12"/>
    </row>
    <row r="400351" spans="8:8">
      <c r="H400351" s="12"/>
    </row>
    <row r="400352" spans="8:8">
      <c r="H400352" s="12"/>
    </row>
    <row r="400353" spans="8:8">
      <c r="H400353" s="12"/>
    </row>
    <row r="400354" spans="8:8">
      <c r="H400354" s="12"/>
    </row>
    <row r="400355" spans="8:8">
      <c r="H400355" s="12"/>
    </row>
    <row r="400356" spans="8:8">
      <c r="H400356" s="12"/>
    </row>
    <row r="400357" spans="8:8">
      <c r="H400357" s="12"/>
    </row>
    <row r="400358" spans="8:8">
      <c r="H400358" s="12"/>
    </row>
    <row r="400359" spans="8:8">
      <c r="H400359" s="12"/>
    </row>
    <row r="400360" spans="8:8">
      <c r="H400360" s="12"/>
    </row>
    <row r="400361" spans="8:8">
      <c r="H400361" s="12"/>
    </row>
    <row r="400362" spans="8:8">
      <c r="H400362" s="12"/>
    </row>
    <row r="400363" spans="8:8">
      <c r="H400363" s="12"/>
    </row>
    <row r="400364" spans="8:8">
      <c r="H400364" s="12"/>
    </row>
    <row r="400365" spans="8:8">
      <c r="H400365" s="12"/>
    </row>
    <row r="400366" spans="8:8">
      <c r="H400366" s="12"/>
    </row>
    <row r="400367" spans="8:8">
      <c r="H400367" s="12"/>
    </row>
    <row r="400368" spans="8:8">
      <c r="H400368" s="12"/>
    </row>
    <row r="400369" spans="8:8">
      <c r="H400369" s="12"/>
    </row>
    <row r="400370" spans="8:8">
      <c r="H400370" s="12"/>
    </row>
    <row r="400371" spans="8:8">
      <c r="H400371" s="12"/>
    </row>
    <row r="400372" spans="8:8">
      <c r="H400372" s="12"/>
    </row>
    <row r="400373" spans="8:8">
      <c r="H400373" s="12"/>
    </row>
    <row r="400374" spans="8:8">
      <c r="H400374" s="12"/>
    </row>
    <row r="400375" spans="8:8">
      <c r="H400375" s="12"/>
    </row>
    <row r="400376" spans="8:8">
      <c r="H400376" s="12"/>
    </row>
    <row r="400377" spans="8:8">
      <c r="H400377" s="12"/>
    </row>
    <row r="400378" spans="8:8">
      <c r="H400378" s="12"/>
    </row>
    <row r="400379" spans="8:8">
      <c r="H400379" s="12"/>
    </row>
    <row r="400380" spans="8:8">
      <c r="H400380" s="12"/>
    </row>
    <row r="400381" spans="8:8">
      <c r="H400381" s="12"/>
    </row>
    <row r="400382" spans="8:8">
      <c r="H400382" s="12"/>
    </row>
    <row r="400383" spans="8:8">
      <c r="H400383" s="12"/>
    </row>
    <row r="400384" spans="8:8">
      <c r="H400384" s="12"/>
    </row>
    <row r="400385" spans="8:8">
      <c r="H400385" s="12"/>
    </row>
    <row r="400386" spans="8:8">
      <c r="H400386" s="12"/>
    </row>
    <row r="400387" spans="8:8">
      <c r="H400387" s="12"/>
    </row>
    <row r="400388" spans="8:8">
      <c r="H400388" s="12"/>
    </row>
    <row r="400389" spans="8:8">
      <c r="H400389" s="12"/>
    </row>
    <row r="400390" spans="8:8">
      <c r="H400390" s="12"/>
    </row>
    <row r="400391" spans="8:8">
      <c r="H400391" s="12"/>
    </row>
    <row r="400392" spans="8:8">
      <c r="H400392" s="12"/>
    </row>
    <row r="400393" spans="8:8">
      <c r="H400393" s="12"/>
    </row>
    <row r="400394" spans="8:8">
      <c r="H400394" s="12"/>
    </row>
    <row r="400395" spans="8:8">
      <c r="H400395" s="12"/>
    </row>
    <row r="400396" spans="8:8">
      <c r="H400396" s="12"/>
    </row>
    <row r="400397" spans="8:8">
      <c r="H400397" s="12"/>
    </row>
    <row r="400398" spans="8:8">
      <c r="H400398" s="12"/>
    </row>
    <row r="400399" spans="8:8">
      <c r="H400399" s="12"/>
    </row>
    <row r="400400" spans="8:8">
      <c r="H400400" s="12"/>
    </row>
    <row r="400401" spans="8:8">
      <c r="H400401" s="12"/>
    </row>
    <row r="400402" spans="8:8">
      <c r="H400402" s="12"/>
    </row>
    <row r="400403" spans="8:8">
      <c r="H400403" s="12"/>
    </row>
    <row r="400404" spans="8:8">
      <c r="H400404" s="12"/>
    </row>
    <row r="400405" spans="8:8">
      <c r="H400405" s="12"/>
    </row>
    <row r="400406" spans="8:8">
      <c r="H400406" s="12"/>
    </row>
    <row r="400407" spans="8:8">
      <c r="H400407" s="12"/>
    </row>
    <row r="400408" spans="8:8">
      <c r="H400408" s="12"/>
    </row>
    <row r="400409" spans="8:8">
      <c r="H400409" s="12"/>
    </row>
    <row r="400410" spans="8:8">
      <c r="H400410" s="12"/>
    </row>
    <row r="400411" spans="8:8">
      <c r="H400411" s="12"/>
    </row>
    <row r="400412" spans="8:8">
      <c r="H400412" s="12"/>
    </row>
    <row r="400413" spans="8:8">
      <c r="H400413" s="12"/>
    </row>
    <row r="400414" spans="8:8">
      <c r="H400414" s="12"/>
    </row>
    <row r="400415" spans="8:8">
      <c r="H400415" s="12"/>
    </row>
    <row r="400416" spans="8:8">
      <c r="H400416" s="12"/>
    </row>
    <row r="400417" spans="8:8">
      <c r="H400417" s="12"/>
    </row>
    <row r="400418" spans="8:8">
      <c r="H400418" s="12"/>
    </row>
    <row r="400419" spans="8:8">
      <c r="H400419" s="12"/>
    </row>
    <row r="400420" spans="8:8">
      <c r="H400420" s="12"/>
    </row>
    <row r="400421" spans="8:8">
      <c r="H400421" s="12"/>
    </row>
    <row r="400422" spans="8:8">
      <c r="H400422" s="12"/>
    </row>
    <row r="400423" spans="8:8">
      <c r="H400423" s="12"/>
    </row>
    <row r="400424" spans="8:8">
      <c r="H400424" s="12"/>
    </row>
    <row r="400425" spans="8:8">
      <c r="H400425" s="12"/>
    </row>
    <row r="400426" spans="8:8">
      <c r="H400426" s="12"/>
    </row>
    <row r="400427" spans="8:8">
      <c r="H400427" s="12"/>
    </row>
    <row r="400428" spans="8:8">
      <c r="H400428" s="12"/>
    </row>
    <row r="400429" spans="8:8">
      <c r="H400429" s="12"/>
    </row>
    <row r="400430" spans="8:8">
      <c r="H400430" s="12"/>
    </row>
    <row r="400431" spans="8:8">
      <c r="H400431" s="12"/>
    </row>
    <row r="400432" spans="8:8">
      <c r="H400432" s="12"/>
    </row>
    <row r="400433" spans="8:8">
      <c r="H400433" s="12"/>
    </row>
    <row r="400434" spans="8:8">
      <c r="H400434" s="12"/>
    </row>
    <row r="400435" spans="8:8">
      <c r="H400435" s="12"/>
    </row>
    <row r="400436" spans="8:8">
      <c r="H400436" s="12"/>
    </row>
    <row r="400437" spans="8:8">
      <c r="H400437" s="12"/>
    </row>
    <row r="400438" spans="8:8">
      <c r="H400438" s="12"/>
    </row>
    <row r="400439" spans="8:8">
      <c r="H400439" s="12"/>
    </row>
    <row r="400440" spans="8:8">
      <c r="H400440" s="12"/>
    </row>
    <row r="400441" spans="8:8">
      <c r="H400441" s="12"/>
    </row>
    <row r="400442" spans="8:8">
      <c r="H400442" s="12"/>
    </row>
    <row r="400443" spans="8:8">
      <c r="H400443" s="12"/>
    </row>
    <row r="400444" spans="8:8">
      <c r="H400444" s="12"/>
    </row>
    <row r="400445" spans="8:8">
      <c r="H400445" s="12"/>
    </row>
    <row r="400446" spans="8:8">
      <c r="H400446" s="12"/>
    </row>
    <row r="400447" spans="8:8">
      <c r="H400447" s="12"/>
    </row>
    <row r="400448" spans="8:8">
      <c r="H400448" s="12"/>
    </row>
    <row r="400449" spans="8:8">
      <c r="H400449" s="12"/>
    </row>
    <row r="400450" spans="8:8">
      <c r="H400450" s="12"/>
    </row>
    <row r="400451" spans="8:8">
      <c r="H400451" s="12"/>
    </row>
    <row r="400452" spans="8:8">
      <c r="H400452" s="12"/>
    </row>
    <row r="400453" spans="8:8">
      <c r="H400453" s="12"/>
    </row>
    <row r="400454" spans="8:8">
      <c r="H400454" s="12"/>
    </row>
    <row r="400455" spans="8:8">
      <c r="H400455" s="12"/>
    </row>
    <row r="400456" spans="8:8">
      <c r="H400456" s="12"/>
    </row>
    <row r="400457" spans="8:8">
      <c r="H400457" s="12"/>
    </row>
    <row r="400458" spans="8:8">
      <c r="H400458" s="12"/>
    </row>
    <row r="400459" spans="8:8">
      <c r="H400459" s="12"/>
    </row>
    <row r="400460" spans="8:8">
      <c r="H400460" s="12"/>
    </row>
    <row r="400461" spans="8:8">
      <c r="H400461" s="12"/>
    </row>
    <row r="400462" spans="8:8">
      <c r="H400462" s="12"/>
    </row>
    <row r="400463" spans="8:8">
      <c r="H400463" s="12"/>
    </row>
    <row r="400464" spans="8:8">
      <c r="H400464" s="12"/>
    </row>
    <row r="400465" spans="8:8">
      <c r="H400465" s="12"/>
    </row>
    <row r="400466" spans="8:8">
      <c r="H400466" s="12"/>
    </row>
    <row r="400467" spans="8:8">
      <c r="H400467" s="12"/>
    </row>
    <row r="400468" spans="8:8">
      <c r="H400468" s="12"/>
    </row>
    <row r="400469" spans="8:8">
      <c r="H400469" s="12"/>
    </row>
    <row r="400470" spans="8:8">
      <c r="H400470" s="12"/>
    </row>
    <row r="400471" spans="8:8">
      <c r="H400471" s="12"/>
    </row>
    <row r="400472" spans="8:8">
      <c r="H400472" s="12"/>
    </row>
    <row r="400473" spans="8:8">
      <c r="H400473" s="12"/>
    </row>
    <row r="400474" spans="8:8">
      <c r="H400474" s="12"/>
    </row>
    <row r="400475" spans="8:8">
      <c r="H400475" s="12"/>
    </row>
    <row r="400476" spans="8:8">
      <c r="H400476" s="12"/>
    </row>
    <row r="400477" spans="8:8">
      <c r="H400477" s="12"/>
    </row>
    <row r="400478" spans="8:8">
      <c r="H400478" s="12"/>
    </row>
    <row r="400479" spans="8:8">
      <c r="H400479" s="12"/>
    </row>
    <row r="400480" spans="8:8">
      <c r="H400480" s="12"/>
    </row>
    <row r="400481" spans="8:8">
      <c r="H400481" s="12"/>
    </row>
    <row r="400482" spans="8:8">
      <c r="H400482" s="12"/>
    </row>
    <row r="400483" spans="8:8">
      <c r="H400483" s="12"/>
    </row>
    <row r="400484" spans="8:8">
      <c r="H400484" s="12"/>
    </row>
    <row r="400485" spans="8:8">
      <c r="H400485" s="12"/>
    </row>
    <row r="400486" spans="8:8">
      <c r="H400486" s="12"/>
    </row>
    <row r="400487" spans="8:8">
      <c r="H400487" s="12"/>
    </row>
    <row r="400488" spans="8:8">
      <c r="H400488" s="12"/>
    </row>
    <row r="400489" spans="8:8">
      <c r="H400489" s="12"/>
    </row>
    <row r="400490" spans="8:8">
      <c r="H400490" s="12"/>
    </row>
    <row r="400491" spans="8:8">
      <c r="H400491" s="12"/>
    </row>
    <row r="400492" spans="8:8">
      <c r="H400492" s="12"/>
    </row>
    <row r="400493" spans="8:8">
      <c r="H400493" s="12"/>
    </row>
    <row r="400494" spans="8:8">
      <c r="H400494" s="12"/>
    </row>
    <row r="400495" spans="8:8">
      <c r="H400495" s="12"/>
    </row>
    <row r="400496" spans="8:8">
      <c r="H400496" s="12"/>
    </row>
    <row r="400497" spans="8:8">
      <c r="H400497" s="12"/>
    </row>
    <row r="400498" spans="8:8">
      <c r="H400498" s="12"/>
    </row>
    <row r="400499" spans="8:8">
      <c r="H400499" s="12"/>
    </row>
    <row r="400500" spans="8:8">
      <c r="H400500" s="12"/>
    </row>
    <row r="400501" spans="8:8">
      <c r="H400501" s="12"/>
    </row>
    <row r="400502" spans="8:8">
      <c r="H400502" s="12"/>
    </row>
    <row r="400503" spans="8:8">
      <c r="H400503" s="12"/>
    </row>
    <row r="400504" spans="8:8">
      <c r="H400504" s="12"/>
    </row>
    <row r="400505" spans="8:8">
      <c r="H400505" s="12"/>
    </row>
    <row r="400506" spans="8:8">
      <c r="H400506" s="12"/>
    </row>
    <row r="400507" spans="8:8">
      <c r="H400507" s="12"/>
    </row>
    <row r="400508" spans="8:8">
      <c r="H400508" s="12"/>
    </row>
    <row r="400509" spans="8:8">
      <c r="H400509" s="12"/>
    </row>
    <row r="400510" spans="8:8">
      <c r="H400510" s="12"/>
    </row>
    <row r="400511" spans="8:8">
      <c r="H400511" s="12"/>
    </row>
    <row r="400512" spans="8:8">
      <c r="H400512" s="12"/>
    </row>
    <row r="400513" spans="8:8">
      <c r="H400513" s="12"/>
    </row>
    <row r="400514" spans="8:8">
      <c r="H400514" s="12"/>
    </row>
    <row r="400515" spans="8:8">
      <c r="H400515" s="12"/>
    </row>
    <row r="400516" spans="8:8">
      <c r="H400516" s="12"/>
    </row>
    <row r="400517" spans="8:8">
      <c r="H400517" s="12"/>
    </row>
    <row r="400518" spans="8:8">
      <c r="H400518" s="12"/>
    </row>
    <row r="400519" spans="8:8">
      <c r="H400519" s="12"/>
    </row>
    <row r="400520" spans="8:8">
      <c r="H400520" s="12"/>
    </row>
    <row r="400521" spans="8:8">
      <c r="H400521" s="12"/>
    </row>
    <row r="400522" spans="8:8">
      <c r="H400522" s="12"/>
    </row>
    <row r="400523" spans="8:8">
      <c r="H400523" s="12"/>
    </row>
    <row r="400524" spans="8:8">
      <c r="H400524" s="12"/>
    </row>
    <row r="400525" spans="8:8">
      <c r="H400525" s="12"/>
    </row>
    <row r="400526" spans="8:8">
      <c r="H400526" s="12"/>
    </row>
    <row r="400527" spans="8:8">
      <c r="H400527" s="12"/>
    </row>
    <row r="400528" spans="8:8">
      <c r="H400528" s="12"/>
    </row>
    <row r="400529" spans="8:8">
      <c r="H400529" s="12"/>
    </row>
    <row r="400530" spans="8:8">
      <c r="H400530" s="12"/>
    </row>
    <row r="400531" spans="8:8">
      <c r="H400531" s="12"/>
    </row>
    <row r="400532" spans="8:8">
      <c r="H400532" s="12"/>
    </row>
    <row r="400533" spans="8:8">
      <c r="H400533" s="12"/>
    </row>
    <row r="400534" spans="8:8">
      <c r="H400534" s="12"/>
    </row>
    <row r="400535" spans="8:8">
      <c r="H400535" s="12"/>
    </row>
    <row r="400536" spans="8:8">
      <c r="H400536" s="12"/>
    </row>
    <row r="400537" spans="8:8">
      <c r="H400537" s="12"/>
    </row>
    <row r="400538" spans="8:8">
      <c r="H400538" s="12"/>
    </row>
    <row r="400539" spans="8:8">
      <c r="H400539" s="12"/>
    </row>
    <row r="400540" spans="8:8">
      <c r="H400540" s="12"/>
    </row>
    <row r="400541" spans="8:8">
      <c r="H400541" s="12"/>
    </row>
    <row r="400542" spans="8:8">
      <c r="H400542" s="12"/>
    </row>
    <row r="400543" spans="8:8">
      <c r="H400543" s="12"/>
    </row>
    <row r="400544" spans="8:8">
      <c r="H400544" s="12"/>
    </row>
    <row r="400545" spans="8:8">
      <c r="H400545" s="12"/>
    </row>
    <row r="400546" spans="8:8">
      <c r="H400546" s="12"/>
    </row>
    <row r="400547" spans="8:8">
      <c r="H400547" s="12"/>
    </row>
    <row r="400548" spans="8:8">
      <c r="H400548" s="12"/>
    </row>
    <row r="400549" spans="8:8">
      <c r="H400549" s="12"/>
    </row>
    <row r="400550" spans="8:8">
      <c r="H400550" s="12"/>
    </row>
    <row r="400551" spans="8:8">
      <c r="H400551" s="12"/>
    </row>
    <row r="400552" spans="8:8">
      <c r="H400552" s="12"/>
    </row>
    <row r="400553" spans="8:8">
      <c r="H400553" s="12"/>
    </row>
    <row r="400554" spans="8:8">
      <c r="H400554" s="12"/>
    </row>
    <row r="400555" spans="8:8">
      <c r="H400555" s="12"/>
    </row>
    <row r="400556" spans="8:8">
      <c r="H400556" s="12"/>
    </row>
    <row r="400557" spans="8:8">
      <c r="H400557" s="12"/>
    </row>
    <row r="400558" spans="8:8">
      <c r="H400558" s="12"/>
    </row>
    <row r="400559" spans="8:8">
      <c r="H400559" s="12"/>
    </row>
    <row r="400560" spans="8:8">
      <c r="H400560" s="12"/>
    </row>
    <row r="400561" spans="8:8">
      <c r="H400561" s="12"/>
    </row>
    <row r="400562" spans="8:8">
      <c r="H400562" s="12"/>
    </row>
    <row r="400563" spans="8:8">
      <c r="H400563" s="12"/>
    </row>
    <row r="400564" spans="8:8">
      <c r="H400564" s="12"/>
    </row>
    <row r="400565" spans="8:8">
      <c r="H400565" s="12"/>
    </row>
    <row r="400566" spans="8:8">
      <c r="H400566" s="12"/>
    </row>
    <row r="400567" spans="8:8">
      <c r="H400567" s="12"/>
    </row>
    <row r="400568" spans="8:8">
      <c r="H400568" s="12"/>
    </row>
    <row r="400569" spans="8:8">
      <c r="H400569" s="12"/>
    </row>
    <row r="400570" spans="8:8">
      <c r="H400570" s="12"/>
    </row>
    <row r="400571" spans="8:8">
      <c r="H400571" s="12"/>
    </row>
    <row r="400572" spans="8:8">
      <c r="H400572" s="12"/>
    </row>
    <row r="400573" spans="8:8">
      <c r="H400573" s="12"/>
    </row>
    <row r="400574" spans="8:8">
      <c r="H400574" s="12"/>
    </row>
    <row r="400575" spans="8:8">
      <c r="H400575" s="12"/>
    </row>
    <row r="400576" spans="8:8">
      <c r="H400576" s="12"/>
    </row>
    <row r="400577" spans="8:8">
      <c r="H400577" s="12"/>
    </row>
    <row r="400578" spans="8:8">
      <c r="H400578" s="12"/>
    </row>
    <row r="400579" spans="8:8">
      <c r="H400579" s="12"/>
    </row>
    <row r="400580" spans="8:8">
      <c r="H400580" s="12"/>
    </row>
    <row r="400581" spans="8:8">
      <c r="H400581" s="12"/>
    </row>
    <row r="400582" spans="8:8">
      <c r="H400582" s="12"/>
    </row>
    <row r="400583" spans="8:8">
      <c r="H400583" s="12"/>
    </row>
    <row r="400584" spans="8:8">
      <c r="H400584" s="12"/>
    </row>
    <row r="400585" spans="8:8">
      <c r="H400585" s="12"/>
    </row>
    <row r="400586" spans="8:8">
      <c r="H400586" s="12"/>
    </row>
    <row r="400587" spans="8:8">
      <c r="H400587" s="12"/>
    </row>
    <row r="400588" spans="8:8">
      <c r="H400588" s="12"/>
    </row>
    <row r="400589" spans="8:8">
      <c r="H400589" s="12"/>
    </row>
    <row r="400590" spans="8:8">
      <c r="H400590" s="12"/>
    </row>
    <row r="400591" spans="8:8">
      <c r="H400591" s="12"/>
    </row>
    <row r="400592" spans="8:8">
      <c r="H400592" s="12"/>
    </row>
    <row r="400593" spans="8:8">
      <c r="H400593" s="12"/>
    </row>
    <row r="400594" spans="8:8">
      <c r="H400594" s="12"/>
    </row>
    <row r="400595" spans="8:8">
      <c r="H400595" s="12"/>
    </row>
    <row r="400596" spans="8:8">
      <c r="H400596" s="12"/>
    </row>
    <row r="400597" spans="8:8">
      <c r="H400597" s="12"/>
    </row>
    <row r="400598" spans="8:8">
      <c r="H400598" s="12"/>
    </row>
    <row r="400599" spans="8:8">
      <c r="H400599" s="12"/>
    </row>
    <row r="400600" spans="8:8">
      <c r="H400600" s="12"/>
    </row>
    <row r="400601" spans="8:8">
      <c r="H400601" s="12"/>
    </row>
    <row r="400602" spans="8:8">
      <c r="H400602" s="12"/>
    </row>
    <row r="400603" spans="8:8">
      <c r="H400603" s="12"/>
    </row>
    <row r="400604" spans="8:8">
      <c r="H400604" s="12"/>
    </row>
    <row r="400605" spans="8:8">
      <c r="H400605" s="12"/>
    </row>
    <row r="400606" spans="8:8">
      <c r="H400606" s="12"/>
    </row>
    <row r="400607" spans="8:8">
      <c r="H400607" s="12"/>
    </row>
    <row r="400608" spans="8:8">
      <c r="H400608" s="12"/>
    </row>
    <row r="400609" spans="8:8">
      <c r="H400609" s="12"/>
    </row>
    <row r="400610" spans="8:8">
      <c r="H400610" s="12"/>
    </row>
    <row r="400611" spans="8:8">
      <c r="H400611" s="12"/>
    </row>
    <row r="400612" spans="8:8">
      <c r="H400612" s="12"/>
    </row>
    <row r="400613" spans="8:8">
      <c r="H400613" s="12"/>
    </row>
    <row r="400614" spans="8:8">
      <c r="H400614" s="12"/>
    </row>
    <row r="400615" spans="8:8">
      <c r="H400615" s="12"/>
    </row>
    <row r="400616" spans="8:8">
      <c r="H400616" s="12"/>
    </row>
    <row r="400617" spans="8:8">
      <c r="H400617" s="12"/>
    </row>
    <row r="400618" spans="8:8">
      <c r="H400618" s="12"/>
    </row>
    <row r="400619" spans="8:8">
      <c r="H400619" s="12"/>
    </row>
    <row r="400620" spans="8:8">
      <c r="H400620" s="12"/>
    </row>
    <row r="400621" spans="8:8">
      <c r="H400621" s="12"/>
    </row>
    <row r="400622" spans="8:8">
      <c r="H400622" s="12"/>
    </row>
    <row r="400623" spans="8:8">
      <c r="H400623" s="12"/>
    </row>
    <row r="400624" spans="8:8">
      <c r="H400624" s="12"/>
    </row>
    <row r="400625" spans="8:8">
      <c r="H400625" s="12"/>
    </row>
    <row r="400626" spans="8:8">
      <c r="H400626" s="12"/>
    </row>
    <row r="400627" spans="8:8">
      <c r="H400627" s="12"/>
    </row>
    <row r="400628" spans="8:8">
      <c r="H400628" s="12"/>
    </row>
    <row r="400629" spans="8:8">
      <c r="H400629" s="12"/>
    </row>
    <row r="400630" spans="8:8">
      <c r="H400630" s="12"/>
    </row>
    <row r="400631" spans="8:8">
      <c r="H400631" s="12"/>
    </row>
    <row r="400632" spans="8:8">
      <c r="H400632" s="12"/>
    </row>
    <row r="400633" spans="8:8">
      <c r="H400633" s="12"/>
    </row>
    <row r="400634" spans="8:8">
      <c r="H400634" s="12"/>
    </row>
    <row r="400635" spans="8:8">
      <c r="H400635" s="12"/>
    </row>
    <row r="400636" spans="8:8">
      <c r="H400636" s="12"/>
    </row>
    <row r="400637" spans="8:8">
      <c r="H400637" s="12"/>
    </row>
    <row r="400638" spans="8:8">
      <c r="H400638" s="12"/>
    </row>
    <row r="400639" spans="8:8">
      <c r="H400639" s="12"/>
    </row>
    <row r="400640" spans="8:8">
      <c r="H400640" s="12"/>
    </row>
    <row r="400641" spans="8:8">
      <c r="H400641" s="12"/>
    </row>
    <row r="400642" spans="8:8">
      <c r="H400642" s="12"/>
    </row>
    <row r="400643" spans="8:8">
      <c r="H400643" s="12"/>
    </row>
    <row r="400644" spans="8:8">
      <c r="H400644" s="12"/>
    </row>
    <row r="400645" spans="8:8">
      <c r="H400645" s="12"/>
    </row>
    <row r="400646" spans="8:8">
      <c r="H400646" s="12"/>
    </row>
    <row r="400647" spans="8:8">
      <c r="H400647" s="12"/>
    </row>
    <row r="400648" spans="8:8">
      <c r="H400648" s="12"/>
    </row>
    <row r="400649" spans="8:8">
      <c r="H400649" s="12"/>
    </row>
    <row r="400650" spans="8:8">
      <c r="H400650" s="12"/>
    </row>
    <row r="400651" spans="8:8">
      <c r="H400651" s="12"/>
    </row>
    <row r="400652" spans="8:8">
      <c r="H400652" s="12"/>
    </row>
    <row r="400653" spans="8:8">
      <c r="H400653" s="12"/>
    </row>
    <row r="400654" spans="8:8">
      <c r="H400654" s="12"/>
    </row>
    <row r="400655" spans="8:8">
      <c r="H400655" s="12"/>
    </row>
    <row r="400656" spans="8:8">
      <c r="H400656" s="12"/>
    </row>
    <row r="400657" spans="8:8">
      <c r="H400657" s="12"/>
    </row>
    <row r="400658" spans="8:8">
      <c r="H400658" s="12"/>
    </row>
    <row r="400659" spans="8:8">
      <c r="H400659" s="12"/>
    </row>
    <row r="400660" spans="8:8">
      <c r="H400660" s="12"/>
    </row>
    <row r="400661" spans="8:8">
      <c r="H400661" s="12"/>
    </row>
    <row r="400662" spans="8:8">
      <c r="H400662" s="12"/>
    </row>
    <row r="400663" spans="8:8">
      <c r="H400663" s="12"/>
    </row>
    <row r="400664" spans="8:8">
      <c r="H400664" s="12"/>
    </row>
    <row r="400665" spans="8:8">
      <c r="H400665" s="12"/>
    </row>
    <row r="400666" spans="8:8">
      <c r="H400666" s="12"/>
    </row>
    <row r="400667" spans="8:8">
      <c r="H400667" s="12"/>
    </row>
    <row r="400668" spans="8:8">
      <c r="H400668" s="12"/>
    </row>
    <row r="400669" spans="8:8">
      <c r="H400669" s="12"/>
    </row>
    <row r="400670" spans="8:8">
      <c r="H400670" s="12"/>
    </row>
    <row r="400671" spans="8:8">
      <c r="H400671" s="12"/>
    </row>
    <row r="400672" spans="8:8">
      <c r="H400672" s="12"/>
    </row>
    <row r="400673" spans="8:8">
      <c r="H400673" s="12"/>
    </row>
    <row r="400674" spans="8:8">
      <c r="H400674" s="12"/>
    </row>
    <row r="400675" spans="8:8">
      <c r="H400675" s="12"/>
    </row>
    <row r="400676" spans="8:8">
      <c r="H400676" s="12"/>
    </row>
    <row r="400677" spans="8:8">
      <c r="H400677" s="12"/>
    </row>
    <row r="400678" spans="8:8">
      <c r="H400678" s="12"/>
    </row>
    <row r="400679" spans="8:8">
      <c r="H400679" s="12"/>
    </row>
    <row r="400680" spans="8:8">
      <c r="H400680" s="12"/>
    </row>
    <row r="400681" spans="8:8">
      <c r="H400681" s="12"/>
    </row>
    <row r="400682" spans="8:8">
      <c r="H400682" s="12"/>
    </row>
    <row r="400683" spans="8:8">
      <c r="H400683" s="12"/>
    </row>
    <row r="400684" spans="8:8">
      <c r="H400684" s="12"/>
    </row>
    <row r="400685" spans="8:8">
      <c r="H400685" s="12"/>
    </row>
    <row r="400686" spans="8:8">
      <c r="H400686" s="12"/>
    </row>
    <row r="400687" spans="8:8">
      <c r="H400687" s="12"/>
    </row>
    <row r="400688" spans="8:8">
      <c r="H400688" s="12"/>
    </row>
    <row r="400689" spans="8:8">
      <c r="H400689" s="12"/>
    </row>
    <row r="400690" spans="8:8">
      <c r="H400690" s="12"/>
    </row>
    <row r="400691" spans="8:8">
      <c r="H400691" s="12"/>
    </row>
    <row r="400692" spans="8:8">
      <c r="H400692" s="12"/>
    </row>
    <row r="400693" spans="8:8">
      <c r="H400693" s="12"/>
    </row>
    <row r="400694" spans="8:8">
      <c r="H400694" s="12"/>
    </row>
    <row r="400695" spans="8:8">
      <c r="H400695" s="12"/>
    </row>
    <row r="400696" spans="8:8">
      <c r="H400696" s="12"/>
    </row>
    <row r="400697" spans="8:8">
      <c r="H400697" s="12"/>
    </row>
    <row r="400698" spans="8:8">
      <c r="H400698" s="12"/>
    </row>
    <row r="400699" spans="8:8">
      <c r="H400699" s="12"/>
    </row>
    <row r="400700" spans="8:8">
      <c r="H400700" s="12"/>
    </row>
    <row r="400701" spans="8:8">
      <c r="H400701" s="12"/>
    </row>
    <row r="400702" spans="8:8">
      <c r="H400702" s="12"/>
    </row>
    <row r="400703" spans="8:8">
      <c r="H400703" s="12"/>
    </row>
    <row r="400704" spans="8:8">
      <c r="H400704" s="12"/>
    </row>
    <row r="400705" spans="8:8">
      <c r="H400705" s="12"/>
    </row>
    <row r="400706" spans="8:8">
      <c r="H400706" s="12"/>
    </row>
    <row r="400707" spans="8:8">
      <c r="H400707" s="12"/>
    </row>
    <row r="400708" spans="8:8">
      <c r="H400708" s="12"/>
    </row>
    <row r="400709" spans="8:8">
      <c r="H400709" s="12"/>
    </row>
    <row r="400710" spans="8:8">
      <c r="H400710" s="12"/>
    </row>
    <row r="400711" spans="8:8">
      <c r="H400711" s="12"/>
    </row>
    <row r="400712" spans="8:8">
      <c r="H400712" s="12"/>
    </row>
    <row r="400713" spans="8:8">
      <c r="H400713" s="12"/>
    </row>
    <row r="400714" spans="8:8">
      <c r="H400714" s="12"/>
    </row>
    <row r="400715" spans="8:8">
      <c r="H400715" s="12"/>
    </row>
    <row r="400716" spans="8:8">
      <c r="H400716" s="12"/>
    </row>
    <row r="400717" spans="8:8">
      <c r="H400717" s="12"/>
    </row>
    <row r="400718" spans="8:8">
      <c r="H400718" s="12"/>
    </row>
    <row r="400719" spans="8:8">
      <c r="H400719" s="12"/>
    </row>
    <row r="400720" spans="8:8">
      <c r="H400720" s="12"/>
    </row>
    <row r="400721" spans="8:8">
      <c r="H400721" s="12"/>
    </row>
    <row r="400722" spans="8:8">
      <c r="H400722" s="12"/>
    </row>
    <row r="400723" spans="8:8">
      <c r="H400723" s="12"/>
    </row>
    <row r="400724" spans="8:8">
      <c r="H400724" s="12"/>
    </row>
    <row r="400725" spans="8:8">
      <c r="H400725" s="12"/>
    </row>
    <row r="400726" spans="8:8">
      <c r="H400726" s="12"/>
    </row>
    <row r="400727" spans="8:8">
      <c r="H400727" s="12"/>
    </row>
    <row r="400728" spans="8:8">
      <c r="H400728" s="12"/>
    </row>
    <row r="400729" spans="8:8">
      <c r="H400729" s="12"/>
    </row>
    <row r="400730" spans="8:8">
      <c r="H400730" s="12"/>
    </row>
    <row r="400731" spans="8:8">
      <c r="H400731" s="12"/>
    </row>
    <row r="400732" spans="8:8">
      <c r="H400732" s="12"/>
    </row>
    <row r="400733" spans="8:8">
      <c r="H400733" s="12"/>
    </row>
    <row r="400734" spans="8:8">
      <c r="H400734" s="12"/>
    </row>
    <row r="400735" spans="8:8">
      <c r="H400735" s="12"/>
    </row>
    <row r="400736" spans="8:8">
      <c r="H400736" s="12"/>
    </row>
    <row r="400737" spans="8:8">
      <c r="H400737" s="12"/>
    </row>
    <row r="400738" spans="8:8">
      <c r="H400738" s="12"/>
    </row>
    <row r="400739" spans="8:8">
      <c r="H400739" s="12"/>
    </row>
    <row r="400740" spans="8:8">
      <c r="H400740" s="12"/>
    </row>
    <row r="400741" spans="8:8">
      <c r="H400741" s="12"/>
    </row>
    <row r="400742" spans="8:8">
      <c r="H400742" s="12"/>
    </row>
    <row r="400743" spans="8:8">
      <c r="H400743" s="12"/>
    </row>
    <row r="400744" spans="8:8">
      <c r="H400744" s="12"/>
    </row>
    <row r="400745" spans="8:8">
      <c r="H400745" s="12"/>
    </row>
    <row r="400746" spans="8:8">
      <c r="H400746" s="12"/>
    </row>
    <row r="400747" spans="8:8">
      <c r="H400747" s="12"/>
    </row>
    <row r="400748" spans="8:8">
      <c r="H400748" s="12"/>
    </row>
    <row r="400749" spans="8:8">
      <c r="H400749" s="12"/>
    </row>
    <row r="400750" spans="8:8">
      <c r="H400750" s="12"/>
    </row>
    <row r="400751" spans="8:8">
      <c r="H400751" s="12"/>
    </row>
    <row r="400752" spans="8:8">
      <c r="H400752" s="12"/>
    </row>
    <row r="400753" spans="8:8">
      <c r="H400753" s="12"/>
    </row>
    <row r="400754" spans="8:8">
      <c r="H400754" s="12"/>
    </row>
    <row r="400755" spans="8:8">
      <c r="H400755" s="12"/>
    </row>
    <row r="400756" spans="8:8">
      <c r="H400756" s="12"/>
    </row>
    <row r="400757" spans="8:8">
      <c r="H400757" s="12"/>
    </row>
    <row r="400758" spans="8:8">
      <c r="H400758" s="12"/>
    </row>
    <row r="400759" spans="8:8">
      <c r="H400759" s="12"/>
    </row>
    <row r="400760" spans="8:8">
      <c r="H400760" s="12"/>
    </row>
    <row r="400761" spans="8:8">
      <c r="H400761" s="12"/>
    </row>
    <row r="400762" spans="8:8">
      <c r="H400762" s="12"/>
    </row>
    <row r="400763" spans="8:8">
      <c r="H400763" s="12"/>
    </row>
    <row r="400764" spans="8:8">
      <c r="H400764" s="12"/>
    </row>
    <row r="400765" spans="8:8">
      <c r="H400765" s="12"/>
    </row>
    <row r="400766" spans="8:8">
      <c r="H400766" s="12"/>
    </row>
    <row r="400767" spans="8:8">
      <c r="H400767" s="12"/>
    </row>
    <row r="400768" spans="8:8">
      <c r="H400768" s="12"/>
    </row>
    <row r="400769" spans="8:8">
      <c r="H400769" s="12"/>
    </row>
    <row r="400770" spans="8:8">
      <c r="H400770" s="12"/>
    </row>
    <row r="400771" spans="8:8">
      <c r="H400771" s="12"/>
    </row>
    <row r="400772" spans="8:8">
      <c r="H400772" s="12"/>
    </row>
    <row r="400773" spans="8:8">
      <c r="H400773" s="12"/>
    </row>
    <row r="400774" spans="8:8">
      <c r="H400774" s="12"/>
    </row>
    <row r="400775" spans="8:8">
      <c r="H400775" s="12"/>
    </row>
    <row r="400776" spans="8:8">
      <c r="H400776" s="12"/>
    </row>
    <row r="400777" spans="8:8">
      <c r="H400777" s="12"/>
    </row>
    <row r="400778" spans="8:8">
      <c r="H400778" s="12"/>
    </row>
    <row r="400779" spans="8:8">
      <c r="H400779" s="12"/>
    </row>
    <row r="400780" spans="8:8">
      <c r="H400780" s="12"/>
    </row>
    <row r="400781" spans="8:8">
      <c r="H400781" s="12"/>
    </row>
    <row r="400782" spans="8:8">
      <c r="H400782" s="12"/>
    </row>
    <row r="400783" spans="8:8">
      <c r="H400783" s="12"/>
    </row>
    <row r="400784" spans="8:8">
      <c r="H400784" s="12"/>
    </row>
    <row r="400785" spans="8:8">
      <c r="H400785" s="12"/>
    </row>
    <row r="400786" spans="8:8">
      <c r="H400786" s="12"/>
    </row>
    <row r="400787" spans="8:8">
      <c r="H400787" s="12"/>
    </row>
    <row r="400788" spans="8:8">
      <c r="H400788" s="12"/>
    </row>
    <row r="400789" spans="8:8">
      <c r="H400789" s="12"/>
    </row>
    <row r="400790" spans="8:8">
      <c r="H400790" s="12"/>
    </row>
    <row r="400791" spans="8:8">
      <c r="H400791" s="12"/>
    </row>
    <row r="400792" spans="8:8">
      <c r="H400792" s="12"/>
    </row>
    <row r="400793" spans="8:8">
      <c r="H400793" s="12"/>
    </row>
    <row r="400794" spans="8:8">
      <c r="H400794" s="12"/>
    </row>
    <row r="400795" spans="8:8">
      <c r="H400795" s="12"/>
    </row>
    <row r="400796" spans="8:8">
      <c r="H400796" s="12"/>
    </row>
    <row r="400797" spans="8:8">
      <c r="H400797" s="12"/>
    </row>
    <row r="400798" spans="8:8">
      <c r="H400798" s="12"/>
    </row>
    <row r="400799" spans="8:8">
      <c r="H400799" s="12"/>
    </row>
    <row r="400800" spans="8:8">
      <c r="H400800" s="12"/>
    </row>
    <row r="400801" spans="8:8">
      <c r="H400801" s="12"/>
    </row>
    <row r="400802" spans="8:8">
      <c r="H400802" s="12"/>
    </row>
    <row r="400803" spans="8:8">
      <c r="H400803" s="12"/>
    </row>
    <row r="400804" spans="8:8">
      <c r="H400804" s="12"/>
    </row>
    <row r="400805" spans="8:8">
      <c r="H400805" s="12"/>
    </row>
    <row r="400806" spans="8:8">
      <c r="H400806" s="12"/>
    </row>
    <row r="400807" spans="8:8">
      <c r="H400807" s="12"/>
    </row>
    <row r="400808" spans="8:8">
      <c r="H400808" s="12"/>
    </row>
    <row r="400809" spans="8:8">
      <c r="H400809" s="12"/>
    </row>
    <row r="400810" spans="8:8">
      <c r="H400810" s="12"/>
    </row>
    <row r="400811" spans="8:8">
      <c r="H400811" s="12"/>
    </row>
    <row r="400812" spans="8:8">
      <c r="H400812" s="12"/>
    </row>
    <row r="400813" spans="8:8">
      <c r="H400813" s="12"/>
    </row>
    <row r="400814" spans="8:8">
      <c r="H400814" s="12"/>
    </row>
    <row r="400815" spans="8:8">
      <c r="H400815" s="12"/>
    </row>
    <row r="400816" spans="8:8">
      <c r="H400816" s="12"/>
    </row>
    <row r="400817" spans="8:8">
      <c r="H400817" s="12"/>
    </row>
    <row r="400818" spans="8:8">
      <c r="H400818" s="12"/>
    </row>
    <row r="400819" spans="8:8">
      <c r="H400819" s="12"/>
    </row>
    <row r="400820" spans="8:8">
      <c r="H400820" s="12"/>
    </row>
    <row r="400821" spans="8:8">
      <c r="H400821" s="12"/>
    </row>
    <row r="400822" spans="8:8">
      <c r="H400822" s="12"/>
    </row>
    <row r="400823" spans="8:8">
      <c r="H400823" s="12"/>
    </row>
    <row r="400824" spans="8:8">
      <c r="H400824" s="12"/>
    </row>
    <row r="400825" spans="8:8">
      <c r="H400825" s="12"/>
    </row>
    <row r="400826" spans="8:8">
      <c r="H400826" s="12"/>
    </row>
    <row r="400827" spans="8:8">
      <c r="H400827" s="12"/>
    </row>
    <row r="400828" spans="8:8">
      <c r="H400828" s="12"/>
    </row>
    <row r="400829" spans="8:8">
      <c r="H400829" s="12"/>
    </row>
    <row r="400830" spans="8:8">
      <c r="H400830" s="12"/>
    </row>
    <row r="400831" spans="8:8">
      <c r="H400831" s="12"/>
    </row>
    <row r="400832" spans="8:8">
      <c r="H400832" s="12"/>
    </row>
    <row r="400833" spans="8:8">
      <c r="H400833" s="12"/>
    </row>
    <row r="400834" spans="8:8">
      <c r="H400834" s="12"/>
    </row>
    <row r="400835" spans="8:8">
      <c r="H400835" s="12"/>
    </row>
    <row r="400836" spans="8:8">
      <c r="H400836" s="12"/>
    </row>
    <row r="400837" spans="8:8">
      <c r="H400837" s="12"/>
    </row>
    <row r="400838" spans="8:8">
      <c r="H400838" s="12"/>
    </row>
    <row r="400839" spans="8:8">
      <c r="H400839" s="12"/>
    </row>
    <row r="400840" spans="8:8">
      <c r="H400840" s="12"/>
    </row>
    <row r="400841" spans="8:8">
      <c r="H400841" s="12"/>
    </row>
    <row r="400842" spans="8:8">
      <c r="H400842" s="12"/>
    </row>
    <row r="400843" spans="8:8">
      <c r="H400843" s="12"/>
    </row>
    <row r="400844" spans="8:8">
      <c r="H400844" s="12"/>
    </row>
    <row r="400845" spans="8:8">
      <c r="H400845" s="12"/>
    </row>
    <row r="400846" spans="8:8">
      <c r="H400846" s="12"/>
    </row>
    <row r="400847" spans="8:8">
      <c r="H400847" s="12"/>
    </row>
    <row r="400848" spans="8:8">
      <c r="H400848" s="12"/>
    </row>
    <row r="400849" spans="8:8">
      <c r="H400849" s="12"/>
    </row>
    <row r="400850" spans="8:8">
      <c r="H400850" s="12"/>
    </row>
    <row r="400851" spans="8:8">
      <c r="H400851" s="12"/>
    </row>
    <row r="400852" spans="8:8">
      <c r="H400852" s="12"/>
    </row>
    <row r="400853" spans="8:8">
      <c r="H400853" s="12"/>
    </row>
    <row r="400854" spans="8:8">
      <c r="H400854" s="12"/>
    </row>
    <row r="400855" spans="8:8">
      <c r="H400855" s="12"/>
    </row>
    <row r="400856" spans="8:8">
      <c r="H400856" s="12"/>
    </row>
    <row r="400857" spans="8:8">
      <c r="H400857" s="12"/>
    </row>
    <row r="400858" spans="8:8">
      <c r="H400858" s="12"/>
    </row>
    <row r="400859" spans="8:8">
      <c r="H400859" s="12"/>
    </row>
    <row r="400860" spans="8:8">
      <c r="H400860" s="12"/>
    </row>
    <row r="400861" spans="8:8">
      <c r="H400861" s="12"/>
    </row>
    <row r="400862" spans="8:8">
      <c r="H400862" s="12"/>
    </row>
    <row r="400863" spans="8:8">
      <c r="H400863" s="12"/>
    </row>
    <row r="400864" spans="8:8">
      <c r="H400864" s="12"/>
    </row>
    <row r="400865" spans="8:8">
      <c r="H400865" s="12"/>
    </row>
    <row r="400866" spans="8:8">
      <c r="H400866" s="12"/>
    </row>
    <row r="400867" spans="8:8">
      <c r="H400867" s="12"/>
    </row>
    <row r="400868" spans="8:8">
      <c r="H400868" s="12"/>
    </row>
    <row r="400869" spans="8:8">
      <c r="H400869" s="12"/>
    </row>
    <row r="400870" spans="8:8">
      <c r="H400870" s="12"/>
    </row>
    <row r="400871" spans="8:8">
      <c r="H400871" s="12"/>
    </row>
    <row r="400872" spans="8:8">
      <c r="H400872" s="12"/>
    </row>
    <row r="400873" spans="8:8">
      <c r="H400873" s="12"/>
    </row>
    <row r="400874" spans="8:8">
      <c r="H400874" s="12"/>
    </row>
    <row r="400875" spans="8:8">
      <c r="H400875" s="12"/>
    </row>
    <row r="400876" spans="8:8">
      <c r="H400876" s="12"/>
    </row>
    <row r="400877" spans="8:8">
      <c r="H400877" s="12"/>
    </row>
    <row r="400878" spans="8:8">
      <c r="H400878" s="12"/>
    </row>
    <row r="400879" spans="8:8">
      <c r="H400879" s="12"/>
    </row>
    <row r="400880" spans="8:8">
      <c r="H400880" s="12"/>
    </row>
    <row r="400881" spans="8:8">
      <c r="H400881" s="12"/>
    </row>
    <row r="400882" spans="8:8">
      <c r="H400882" s="12"/>
    </row>
    <row r="400883" spans="8:8">
      <c r="H400883" s="12"/>
    </row>
    <row r="400884" spans="8:8">
      <c r="H400884" s="12"/>
    </row>
    <row r="400885" spans="8:8">
      <c r="H400885" s="12"/>
    </row>
    <row r="400886" spans="8:8">
      <c r="H400886" s="12"/>
    </row>
    <row r="400887" spans="8:8">
      <c r="H400887" s="12"/>
    </row>
    <row r="400888" spans="8:8">
      <c r="H400888" s="12"/>
    </row>
    <row r="400889" spans="8:8">
      <c r="H400889" s="12"/>
    </row>
    <row r="400890" spans="8:8">
      <c r="H400890" s="12"/>
    </row>
    <row r="400891" spans="8:8">
      <c r="H400891" s="12"/>
    </row>
    <row r="400892" spans="8:8">
      <c r="H400892" s="12"/>
    </row>
    <row r="400893" spans="8:8">
      <c r="H400893" s="12"/>
    </row>
    <row r="400894" spans="8:8">
      <c r="H400894" s="12"/>
    </row>
    <row r="400895" spans="8:8">
      <c r="H400895" s="12"/>
    </row>
    <row r="400896" spans="8:8">
      <c r="H400896" s="12"/>
    </row>
    <row r="400897" spans="8:8">
      <c r="H400897" s="12"/>
    </row>
    <row r="400898" spans="8:8">
      <c r="H400898" s="12"/>
    </row>
    <row r="400899" spans="8:8">
      <c r="H400899" s="12"/>
    </row>
    <row r="400900" spans="8:8">
      <c r="H400900" s="12"/>
    </row>
    <row r="400901" spans="8:8">
      <c r="H400901" s="12"/>
    </row>
    <row r="400902" spans="8:8">
      <c r="H400902" s="12"/>
    </row>
    <row r="400903" spans="8:8">
      <c r="H400903" s="12"/>
    </row>
    <row r="400904" spans="8:8">
      <c r="H400904" s="12"/>
    </row>
    <row r="400905" spans="8:8">
      <c r="H400905" s="12"/>
    </row>
    <row r="400906" spans="8:8">
      <c r="H400906" s="12"/>
    </row>
    <row r="400907" spans="8:8">
      <c r="H400907" s="12"/>
    </row>
    <row r="400908" spans="8:8">
      <c r="H400908" s="12"/>
    </row>
    <row r="400909" spans="8:8">
      <c r="H400909" s="12"/>
    </row>
    <row r="400910" spans="8:8">
      <c r="H400910" s="12"/>
    </row>
    <row r="400911" spans="8:8">
      <c r="H400911" s="12"/>
    </row>
    <row r="400912" spans="8:8">
      <c r="H400912" s="12"/>
    </row>
    <row r="400913" spans="8:8">
      <c r="H400913" s="12"/>
    </row>
    <row r="400914" spans="8:8">
      <c r="H400914" s="12"/>
    </row>
    <row r="400915" spans="8:8">
      <c r="H400915" s="12"/>
    </row>
    <row r="400916" spans="8:8">
      <c r="H400916" s="12"/>
    </row>
    <row r="400917" spans="8:8">
      <c r="H400917" s="12"/>
    </row>
    <row r="400918" spans="8:8">
      <c r="H400918" s="12"/>
    </row>
    <row r="400919" spans="8:8">
      <c r="H400919" s="12"/>
    </row>
    <row r="400920" spans="8:8">
      <c r="H400920" s="12"/>
    </row>
    <row r="400921" spans="8:8">
      <c r="H400921" s="12"/>
    </row>
    <row r="400922" spans="8:8">
      <c r="H400922" s="12"/>
    </row>
    <row r="400923" spans="8:8">
      <c r="H400923" s="12"/>
    </row>
    <row r="400924" spans="8:8">
      <c r="H400924" s="12"/>
    </row>
    <row r="400925" spans="8:8">
      <c r="H400925" s="12"/>
    </row>
    <row r="400926" spans="8:8">
      <c r="H400926" s="12"/>
    </row>
    <row r="400927" spans="8:8">
      <c r="H400927" s="12"/>
    </row>
    <row r="400928" spans="8:8">
      <c r="H400928" s="12"/>
    </row>
    <row r="400929" spans="8:8">
      <c r="H400929" s="12"/>
    </row>
    <row r="400930" spans="8:8">
      <c r="H400930" s="12"/>
    </row>
    <row r="400931" spans="8:8">
      <c r="H400931" s="12"/>
    </row>
    <row r="400932" spans="8:8">
      <c r="H400932" s="12"/>
    </row>
    <row r="400933" spans="8:8">
      <c r="H400933" s="12"/>
    </row>
    <row r="400934" spans="8:8">
      <c r="H400934" s="12"/>
    </row>
    <row r="400935" spans="8:8">
      <c r="H400935" s="12"/>
    </row>
    <row r="400936" spans="8:8">
      <c r="H400936" s="12"/>
    </row>
    <row r="400937" spans="8:8">
      <c r="H400937" s="12"/>
    </row>
    <row r="400938" spans="8:8">
      <c r="H400938" s="12"/>
    </row>
    <row r="400939" spans="8:8">
      <c r="H400939" s="12"/>
    </row>
    <row r="400940" spans="8:8">
      <c r="H400940" s="12"/>
    </row>
    <row r="400941" spans="8:8">
      <c r="H400941" s="12"/>
    </row>
    <row r="400942" spans="8:8">
      <c r="H400942" s="12"/>
    </row>
    <row r="400943" spans="8:8">
      <c r="H400943" s="12"/>
    </row>
    <row r="400944" spans="8:8">
      <c r="H400944" s="12"/>
    </row>
    <row r="400945" spans="8:8">
      <c r="H400945" s="12"/>
    </row>
    <row r="400946" spans="8:8">
      <c r="H400946" s="12"/>
    </row>
    <row r="400947" spans="8:8">
      <c r="H400947" s="12"/>
    </row>
    <row r="400948" spans="8:8">
      <c r="H400948" s="12"/>
    </row>
    <row r="400949" spans="8:8">
      <c r="H400949" s="12"/>
    </row>
    <row r="400950" spans="8:8">
      <c r="H400950" s="12"/>
    </row>
    <row r="400951" spans="8:8">
      <c r="H400951" s="12"/>
    </row>
    <row r="400952" spans="8:8">
      <c r="H400952" s="12"/>
    </row>
    <row r="400953" spans="8:8">
      <c r="H400953" s="12"/>
    </row>
    <row r="400954" spans="8:8">
      <c r="H400954" s="12"/>
    </row>
    <row r="400955" spans="8:8">
      <c r="H400955" s="12"/>
    </row>
    <row r="400956" spans="8:8">
      <c r="H400956" s="12"/>
    </row>
    <row r="400957" spans="8:8">
      <c r="H400957" s="12"/>
    </row>
    <row r="400958" spans="8:8">
      <c r="H400958" s="12"/>
    </row>
    <row r="400959" spans="8:8">
      <c r="H400959" s="12"/>
    </row>
    <row r="400960" spans="8:8">
      <c r="H400960" s="12"/>
    </row>
    <row r="400961" spans="8:8">
      <c r="H400961" s="12"/>
    </row>
    <row r="400962" spans="8:8">
      <c r="H400962" s="12"/>
    </row>
    <row r="400963" spans="8:8">
      <c r="H400963" s="12"/>
    </row>
    <row r="400964" spans="8:8">
      <c r="H400964" s="12"/>
    </row>
    <row r="400965" spans="8:8">
      <c r="H400965" s="12"/>
    </row>
    <row r="400966" spans="8:8">
      <c r="H400966" s="12"/>
    </row>
    <row r="400967" spans="8:8">
      <c r="H400967" s="12"/>
    </row>
    <row r="400968" spans="8:8">
      <c r="H400968" s="12"/>
    </row>
    <row r="400969" spans="8:8">
      <c r="H400969" s="12"/>
    </row>
    <row r="400970" spans="8:8">
      <c r="H400970" s="12"/>
    </row>
    <row r="400971" spans="8:8">
      <c r="H400971" s="12"/>
    </row>
    <row r="400972" spans="8:8">
      <c r="H400972" s="12"/>
    </row>
    <row r="400973" spans="8:8">
      <c r="H400973" s="12"/>
    </row>
    <row r="400974" spans="8:8">
      <c r="H400974" s="12"/>
    </row>
    <row r="400975" spans="8:8">
      <c r="H400975" s="12"/>
    </row>
    <row r="400976" spans="8:8">
      <c r="H400976" s="12"/>
    </row>
    <row r="400977" spans="8:8">
      <c r="H400977" s="12"/>
    </row>
    <row r="400978" spans="8:8">
      <c r="H400978" s="12"/>
    </row>
    <row r="400979" spans="8:8">
      <c r="H400979" s="12"/>
    </row>
    <row r="400980" spans="8:8">
      <c r="H400980" s="12"/>
    </row>
    <row r="400981" spans="8:8">
      <c r="H400981" s="12"/>
    </row>
    <row r="400982" spans="8:8">
      <c r="H400982" s="12"/>
    </row>
    <row r="400983" spans="8:8">
      <c r="H400983" s="12"/>
    </row>
    <row r="400984" spans="8:8">
      <c r="H400984" s="12"/>
    </row>
    <row r="400985" spans="8:8">
      <c r="H400985" s="12"/>
    </row>
    <row r="400986" spans="8:8">
      <c r="H400986" s="12"/>
    </row>
    <row r="400987" spans="8:8">
      <c r="H400987" s="12"/>
    </row>
    <row r="400988" spans="8:8">
      <c r="H400988" s="12"/>
    </row>
    <row r="400989" spans="8:8">
      <c r="H400989" s="12"/>
    </row>
    <row r="400990" spans="8:8">
      <c r="H400990" s="12"/>
    </row>
    <row r="400991" spans="8:8">
      <c r="H400991" s="12"/>
    </row>
    <row r="400992" spans="8:8">
      <c r="H400992" s="12"/>
    </row>
    <row r="400993" spans="8:8">
      <c r="H400993" s="12"/>
    </row>
    <row r="400994" spans="8:8">
      <c r="H400994" s="12"/>
    </row>
    <row r="400995" spans="8:8">
      <c r="H400995" s="12"/>
    </row>
    <row r="400996" spans="8:8">
      <c r="H400996" s="12"/>
    </row>
    <row r="400997" spans="8:8">
      <c r="H400997" s="12"/>
    </row>
    <row r="400998" spans="8:8">
      <c r="H400998" s="12"/>
    </row>
    <row r="400999" spans="8:8">
      <c r="H400999" s="12"/>
    </row>
    <row r="401000" spans="8:8">
      <c r="H401000" s="12"/>
    </row>
    <row r="401001" spans="8:8">
      <c r="H401001" s="12"/>
    </row>
    <row r="401002" spans="8:8">
      <c r="H401002" s="12"/>
    </row>
    <row r="401003" spans="8:8">
      <c r="H401003" s="12"/>
    </row>
    <row r="401004" spans="8:8">
      <c r="H401004" s="12"/>
    </row>
    <row r="401005" spans="8:8">
      <c r="H401005" s="12"/>
    </row>
    <row r="401006" spans="8:8">
      <c r="H401006" s="12"/>
    </row>
    <row r="401007" spans="8:8">
      <c r="H401007" s="12"/>
    </row>
    <row r="401008" spans="8:8">
      <c r="H401008" s="12"/>
    </row>
    <row r="401009" spans="8:8">
      <c r="H401009" s="12"/>
    </row>
    <row r="401010" spans="8:8">
      <c r="H401010" s="12"/>
    </row>
    <row r="401011" spans="8:8">
      <c r="H401011" s="12"/>
    </row>
    <row r="401012" spans="8:8">
      <c r="H401012" s="12"/>
    </row>
    <row r="401013" spans="8:8">
      <c r="H401013" s="12"/>
    </row>
    <row r="401014" spans="8:8">
      <c r="H401014" s="12"/>
    </row>
    <row r="401015" spans="8:8">
      <c r="H401015" s="12"/>
    </row>
    <row r="401016" spans="8:8">
      <c r="H401016" s="12"/>
    </row>
    <row r="401017" spans="8:8">
      <c r="H401017" s="12"/>
    </row>
    <row r="401018" spans="8:8">
      <c r="H401018" s="12"/>
    </row>
    <row r="401019" spans="8:8">
      <c r="H401019" s="12"/>
    </row>
    <row r="401020" spans="8:8">
      <c r="H401020" s="12"/>
    </row>
    <row r="401021" spans="8:8">
      <c r="H401021" s="12"/>
    </row>
    <row r="401022" spans="8:8">
      <c r="H401022" s="12"/>
    </row>
    <row r="401023" spans="8:8">
      <c r="H401023" s="12"/>
    </row>
    <row r="401024" spans="8:8">
      <c r="H401024" s="12"/>
    </row>
    <row r="401025" spans="8:8">
      <c r="H401025" s="12"/>
    </row>
    <row r="401026" spans="8:8">
      <c r="H401026" s="12"/>
    </row>
    <row r="401027" spans="8:8">
      <c r="H401027" s="12"/>
    </row>
    <row r="401028" spans="8:8">
      <c r="H401028" s="12"/>
    </row>
    <row r="401029" spans="8:8">
      <c r="H401029" s="12"/>
    </row>
    <row r="401030" spans="8:8">
      <c r="H401030" s="12"/>
    </row>
    <row r="401031" spans="8:8">
      <c r="H401031" s="12"/>
    </row>
    <row r="401032" spans="8:8">
      <c r="H401032" s="12"/>
    </row>
    <row r="401033" spans="8:8">
      <c r="H401033" s="12"/>
    </row>
    <row r="401034" spans="8:8">
      <c r="H401034" s="12"/>
    </row>
    <row r="401035" spans="8:8">
      <c r="H401035" s="12"/>
    </row>
    <row r="401036" spans="8:8">
      <c r="H401036" s="12"/>
    </row>
    <row r="401037" spans="8:8">
      <c r="H401037" s="12"/>
    </row>
    <row r="401038" spans="8:8">
      <c r="H401038" s="12"/>
    </row>
    <row r="401039" spans="8:8">
      <c r="H401039" s="12"/>
    </row>
    <row r="401040" spans="8:8">
      <c r="H401040" s="12"/>
    </row>
    <row r="401041" spans="8:8">
      <c r="H401041" s="12"/>
    </row>
    <row r="401042" spans="8:8">
      <c r="H401042" s="12"/>
    </row>
    <row r="401043" spans="8:8">
      <c r="H401043" s="12"/>
    </row>
    <row r="401044" spans="8:8">
      <c r="H401044" s="12"/>
    </row>
    <row r="401045" spans="8:8">
      <c r="H401045" s="12"/>
    </row>
    <row r="401046" spans="8:8">
      <c r="H401046" s="12"/>
    </row>
    <row r="401047" spans="8:8">
      <c r="H401047" s="12"/>
    </row>
    <row r="401048" spans="8:8">
      <c r="H401048" s="12"/>
    </row>
    <row r="401049" spans="8:8">
      <c r="H401049" s="12"/>
    </row>
    <row r="401050" spans="8:8">
      <c r="H401050" s="12"/>
    </row>
    <row r="401051" spans="8:8">
      <c r="H401051" s="12"/>
    </row>
    <row r="401052" spans="8:8">
      <c r="H401052" s="12"/>
    </row>
    <row r="401053" spans="8:8">
      <c r="H401053" s="12"/>
    </row>
    <row r="401054" spans="8:8">
      <c r="H401054" s="12"/>
    </row>
    <row r="401055" spans="8:8">
      <c r="H401055" s="12"/>
    </row>
    <row r="401056" spans="8:8">
      <c r="H401056" s="12"/>
    </row>
    <row r="401057" spans="8:8">
      <c r="H401057" s="12"/>
    </row>
    <row r="401058" spans="8:8">
      <c r="H401058" s="12"/>
    </row>
    <row r="401059" spans="8:8">
      <c r="H401059" s="12"/>
    </row>
    <row r="401060" spans="8:8">
      <c r="H401060" s="12"/>
    </row>
    <row r="401061" spans="8:8">
      <c r="H401061" s="12"/>
    </row>
    <row r="401062" spans="8:8">
      <c r="H401062" s="12"/>
    </row>
    <row r="401063" spans="8:8">
      <c r="H401063" s="12"/>
    </row>
    <row r="401064" spans="8:8">
      <c r="H401064" s="12"/>
    </row>
    <row r="401065" spans="8:8">
      <c r="H401065" s="12"/>
    </row>
    <row r="401066" spans="8:8">
      <c r="H401066" s="12"/>
    </row>
    <row r="401067" spans="8:8">
      <c r="H401067" s="12"/>
    </row>
    <row r="401068" spans="8:8">
      <c r="H401068" s="12"/>
    </row>
    <row r="401069" spans="8:8">
      <c r="H401069" s="12"/>
    </row>
    <row r="401070" spans="8:8">
      <c r="H401070" s="12"/>
    </row>
    <row r="401071" spans="8:8">
      <c r="H401071" s="12"/>
    </row>
    <row r="401072" spans="8:8">
      <c r="H401072" s="12"/>
    </row>
    <row r="401073" spans="8:8">
      <c r="H401073" s="12"/>
    </row>
    <row r="401074" spans="8:8">
      <c r="H401074" s="12"/>
    </row>
    <row r="401075" spans="8:8">
      <c r="H401075" s="12"/>
    </row>
    <row r="401076" spans="8:8">
      <c r="H401076" s="12"/>
    </row>
    <row r="401077" spans="8:8">
      <c r="H401077" s="12"/>
    </row>
    <row r="401078" spans="8:8">
      <c r="H401078" s="12"/>
    </row>
    <row r="401079" spans="8:8">
      <c r="H401079" s="12"/>
    </row>
    <row r="401080" spans="8:8">
      <c r="H401080" s="12"/>
    </row>
    <row r="401081" spans="8:8">
      <c r="H401081" s="12"/>
    </row>
    <row r="401082" spans="8:8">
      <c r="H401082" s="12"/>
    </row>
    <row r="401083" spans="8:8">
      <c r="H401083" s="12"/>
    </row>
    <row r="401084" spans="8:8">
      <c r="H401084" s="12"/>
    </row>
    <row r="401085" spans="8:8">
      <c r="H401085" s="12"/>
    </row>
    <row r="401086" spans="8:8">
      <c r="H401086" s="12"/>
    </row>
    <row r="401087" spans="8:8">
      <c r="H401087" s="12"/>
    </row>
    <row r="401088" spans="8:8">
      <c r="H401088" s="12"/>
    </row>
    <row r="401089" spans="8:8">
      <c r="H401089" s="12"/>
    </row>
    <row r="401090" spans="8:8">
      <c r="H401090" s="12"/>
    </row>
    <row r="401091" spans="8:8">
      <c r="H401091" s="12"/>
    </row>
    <row r="401092" spans="8:8">
      <c r="H401092" s="12"/>
    </row>
    <row r="401093" spans="8:8">
      <c r="H401093" s="12"/>
    </row>
    <row r="401094" spans="8:8">
      <c r="H401094" s="12"/>
    </row>
    <row r="401095" spans="8:8">
      <c r="H401095" s="12"/>
    </row>
    <row r="401096" spans="8:8">
      <c r="H401096" s="12"/>
    </row>
    <row r="401097" spans="8:8">
      <c r="H401097" s="12"/>
    </row>
    <row r="401098" spans="8:8">
      <c r="H401098" s="12"/>
    </row>
    <row r="401099" spans="8:8">
      <c r="H401099" s="12"/>
    </row>
    <row r="401100" spans="8:8">
      <c r="H401100" s="12"/>
    </row>
    <row r="401101" spans="8:8">
      <c r="H401101" s="12"/>
    </row>
    <row r="401102" spans="8:8">
      <c r="H401102" s="12"/>
    </row>
    <row r="401103" spans="8:8">
      <c r="H401103" s="12"/>
    </row>
    <row r="401104" spans="8:8">
      <c r="H401104" s="12"/>
    </row>
    <row r="401105" spans="8:8">
      <c r="H401105" s="12"/>
    </row>
    <row r="401106" spans="8:8">
      <c r="H401106" s="12"/>
    </row>
    <row r="401107" spans="8:8">
      <c r="H401107" s="12"/>
    </row>
    <row r="401108" spans="8:8">
      <c r="H401108" s="12"/>
    </row>
    <row r="401109" spans="8:8">
      <c r="H401109" s="12"/>
    </row>
    <row r="401110" spans="8:8">
      <c r="H401110" s="12"/>
    </row>
    <row r="401111" spans="8:8">
      <c r="H401111" s="12"/>
    </row>
    <row r="401112" spans="8:8">
      <c r="H401112" s="12"/>
    </row>
    <row r="401113" spans="8:8">
      <c r="H401113" s="12"/>
    </row>
    <row r="401114" spans="8:8">
      <c r="H401114" s="12"/>
    </row>
    <row r="401115" spans="8:8">
      <c r="H401115" s="12"/>
    </row>
    <row r="401116" spans="8:8">
      <c r="H401116" s="12"/>
    </row>
    <row r="401117" spans="8:8">
      <c r="H401117" s="12"/>
    </row>
    <row r="401118" spans="8:8">
      <c r="H401118" s="12"/>
    </row>
    <row r="401119" spans="8:8">
      <c r="H401119" s="12"/>
    </row>
    <row r="401120" spans="8:8">
      <c r="H401120" s="12"/>
    </row>
    <row r="401121" spans="8:8">
      <c r="H401121" s="12"/>
    </row>
    <row r="401122" spans="8:8">
      <c r="H401122" s="12"/>
    </row>
    <row r="401123" spans="8:8">
      <c r="H401123" s="12"/>
    </row>
    <row r="401124" spans="8:8">
      <c r="H401124" s="12"/>
    </row>
    <row r="401125" spans="8:8">
      <c r="H401125" s="12"/>
    </row>
    <row r="401126" spans="8:8">
      <c r="H401126" s="12"/>
    </row>
    <row r="401127" spans="8:8">
      <c r="H401127" s="12"/>
    </row>
    <row r="401128" spans="8:8">
      <c r="H401128" s="12"/>
    </row>
    <row r="401129" spans="8:8">
      <c r="H401129" s="12"/>
    </row>
    <row r="401130" spans="8:8">
      <c r="H401130" s="12"/>
    </row>
    <row r="401131" spans="8:8">
      <c r="H401131" s="12"/>
    </row>
    <row r="401132" spans="8:8">
      <c r="H401132" s="12"/>
    </row>
    <row r="401133" spans="8:8">
      <c r="H401133" s="12"/>
    </row>
    <row r="401134" spans="8:8">
      <c r="H401134" s="12"/>
    </row>
    <row r="401135" spans="8:8">
      <c r="H401135" s="12"/>
    </row>
    <row r="401136" spans="8:8">
      <c r="H401136" s="12"/>
    </row>
    <row r="401137" spans="8:8">
      <c r="H401137" s="12"/>
    </row>
    <row r="401138" spans="8:8">
      <c r="H401138" s="12"/>
    </row>
    <row r="401139" spans="8:8">
      <c r="H401139" s="12"/>
    </row>
    <row r="401140" spans="8:8">
      <c r="H401140" s="12"/>
    </row>
    <row r="401141" spans="8:8">
      <c r="H401141" s="12"/>
    </row>
    <row r="401142" spans="8:8">
      <c r="H401142" s="12"/>
    </row>
    <row r="401143" spans="8:8">
      <c r="H401143" s="12"/>
    </row>
    <row r="401144" spans="8:8">
      <c r="H401144" s="12"/>
    </row>
    <row r="401145" spans="8:8">
      <c r="H401145" s="12"/>
    </row>
    <row r="401146" spans="8:8">
      <c r="H401146" s="12"/>
    </row>
    <row r="401147" spans="8:8">
      <c r="H401147" s="12"/>
    </row>
    <row r="401148" spans="8:8">
      <c r="H401148" s="12"/>
    </row>
    <row r="401149" spans="8:8">
      <c r="H401149" s="12"/>
    </row>
    <row r="401150" spans="8:8">
      <c r="H401150" s="12"/>
    </row>
    <row r="401151" spans="8:8">
      <c r="H401151" s="12"/>
    </row>
    <row r="401152" spans="8:8">
      <c r="H401152" s="12"/>
    </row>
    <row r="401153" spans="8:8">
      <c r="H401153" s="12"/>
    </row>
    <row r="401154" spans="8:8">
      <c r="H401154" s="12"/>
    </row>
    <row r="401155" spans="8:8">
      <c r="H401155" s="12"/>
    </row>
    <row r="401156" spans="8:8">
      <c r="H401156" s="12"/>
    </row>
    <row r="401157" spans="8:8">
      <c r="H401157" s="12"/>
    </row>
    <row r="401158" spans="8:8">
      <c r="H401158" s="12"/>
    </row>
    <row r="401159" spans="8:8">
      <c r="H401159" s="12"/>
    </row>
    <row r="401160" spans="8:8">
      <c r="H401160" s="12"/>
    </row>
    <row r="401161" spans="8:8">
      <c r="H401161" s="12"/>
    </row>
    <row r="401162" spans="8:8">
      <c r="H401162" s="12"/>
    </row>
    <row r="401163" spans="8:8">
      <c r="H401163" s="12"/>
    </row>
    <row r="401164" spans="8:8">
      <c r="H401164" s="12"/>
    </row>
    <row r="401165" spans="8:8">
      <c r="H401165" s="12"/>
    </row>
    <row r="401166" spans="8:8">
      <c r="H401166" s="12"/>
    </row>
    <row r="401167" spans="8:8">
      <c r="H401167" s="12"/>
    </row>
    <row r="401168" spans="8:8">
      <c r="H401168" s="12"/>
    </row>
    <row r="401169" spans="8:8">
      <c r="H401169" s="12"/>
    </row>
    <row r="401170" spans="8:8">
      <c r="H401170" s="12"/>
    </row>
    <row r="401171" spans="8:8">
      <c r="H401171" s="12"/>
    </row>
    <row r="401172" spans="8:8">
      <c r="H401172" s="12"/>
    </row>
    <row r="401173" spans="8:8">
      <c r="H401173" s="12"/>
    </row>
    <row r="401174" spans="8:8">
      <c r="H401174" s="12"/>
    </row>
    <row r="401175" spans="8:8">
      <c r="H401175" s="12"/>
    </row>
    <row r="401176" spans="8:8">
      <c r="H401176" s="12"/>
    </row>
    <row r="401177" spans="8:8">
      <c r="H401177" s="12"/>
    </row>
    <row r="401178" spans="8:8">
      <c r="H401178" s="12"/>
    </row>
    <row r="401179" spans="8:8">
      <c r="H401179" s="12"/>
    </row>
    <row r="401180" spans="8:8">
      <c r="H401180" s="12"/>
    </row>
    <row r="401181" spans="8:8">
      <c r="H401181" s="12"/>
    </row>
    <row r="401182" spans="8:8">
      <c r="H401182" s="12"/>
    </row>
    <row r="401183" spans="8:8">
      <c r="H401183" s="12"/>
    </row>
    <row r="401184" spans="8:8">
      <c r="H401184" s="12"/>
    </row>
    <row r="401185" spans="8:8">
      <c r="H401185" s="12"/>
    </row>
    <row r="401186" spans="8:8">
      <c r="H401186" s="12"/>
    </row>
    <row r="401187" spans="8:8">
      <c r="H401187" s="12"/>
    </row>
    <row r="401188" spans="8:8">
      <c r="H401188" s="12"/>
    </row>
    <row r="401189" spans="8:8">
      <c r="H401189" s="12"/>
    </row>
    <row r="401190" spans="8:8">
      <c r="H401190" s="12"/>
    </row>
    <row r="401191" spans="8:8">
      <c r="H401191" s="12"/>
    </row>
    <row r="401192" spans="8:8">
      <c r="H401192" s="12"/>
    </row>
    <row r="401193" spans="8:8">
      <c r="H401193" s="12"/>
    </row>
    <row r="401194" spans="8:8">
      <c r="H401194" s="12"/>
    </row>
    <row r="401195" spans="8:8">
      <c r="H401195" s="12"/>
    </row>
    <row r="401196" spans="8:8">
      <c r="H401196" s="12"/>
    </row>
    <row r="401197" spans="8:8">
      <c r="H401197" s="12"/>
    </row>
    <row r="401198" spans="8:8">
      <c r="H401198" s="12"/>
    </row>
    <row r="401199" spans="8:8">
      <c r="H401199" s="12"/>
    </row>
    <row r="401200" spans="8:8">
      <c r="H401200" s="12"/>
    </row>
    <row r="401201" spans="8:8">
      <c r="H401201" s="12"/>
    </row>
    <row r="401202" spans="8:8">
      <c r="H401202" s="12"/>
    </row>
    <row r="401203" spans="8:8">
      <c r="H401203" s="12"/>
    </row>
    <row r="401204" spans="8:8">
      <c r="H401204" s="12"/>
    </row>
    <row r="401205" spans="8:8">
      <c r="H401205" s="12"/>
    </row>
    <row r="401206" spans="8:8">
      <c r="H401206" s="12"/>
    </row>
    <row r="401207" spans="8:8">
      <c r="H401207" s="12"/>
    </row>
    <row r="401208" spans="8:8">
      <c r="H401208" s="12"/>
    </row>
    <row r="401209" spans="8:8">
      <c r="H401209" s="12"/>
    </row>
    <row r="401210" spans="8:8">
      <c r="H401210" s="12"/>
    </row>
    <row r="401211" spans="8:8">
      <c r="H401211" s="12"/>
    </row>
    <row r="401212" spans="8:8">
      <c r="H401212" s="12"/>
    </row>
    <row r="401213" spans="8:8">
      <c r="H401213" s="12"/>
    </row>
    <row r="401214" spans="8:8">
      <c r="H401214" s="12"/>
    </row>
    <row r="401215" spans="8:8">
      <c r="H401215" s="12"/>
    </row>
    <row r="401216" spans="8:8">
      <c r="H401216" s="12"/>
    </row>
    <row r="401217" spans="8:8">
      <c r="H401217" s="12"/>
    </row>
    <row r="401218" spans="8:8">
      <c r="H401218" s="12"/>
    </row>
    <row r="401219" spans="8:8">
      <c r="H401219" s="12"/>
    </row>
    <row r="401220" spans="8:8">
      <c r="H401220" s="12"/>
    </row>
    <row r="401221" spans="8:8">
      <c r="H401221" s="12"/>
    </row>
    <row r="401222" spans="8:8">
      <c r="H401222" s="12"/>
    </row>
    <row r="401223" spans="8:8">
      <c r="H401223" s="12"/>
    </row>
    <row r="401224" spans="8:8">
      <c r="H401224" s="12"/>
    </row>
    <row r="401225" spans="8:8">
      <c r="H401225" s="12"/>
    </row>
    <row r="401226" spans="8:8">
      <c r="H401226" s="12"/>
    </row>
    <row r="401227" spans="8:8">
      <c r="H401227" s="12"/>
    </row>
    <row r="401228" spans="8:8">
      <c r="H401228" s="12"/>
    </row>
    <row r="401229" spans="8:8">
      <c r="H401229" s="12"/>
    </row>
    <row r="401230" spans="8:8">
      <c r="H401230" s="12"/>
    </row>
    <row r="401231" spans="8:8">
      <c r="H401231" s="12"/>
    </row>
    <row r="401232" spans="8:8">
      <c r="H401232" s="12"/>
    </row>
    <row r="401233" spans="8:8">
      <c r="H401233" s="12"/>
    </row>
    <row r="401234" spans="8:8">
      <c r="H401234" s="12"/>
    </row>
    <row r="401235" spans="8:8">
      <c r="H401235" s="12"/>
    </row>
    <row r="401236" spans="8:8">
      <c r="H401236" s="12"/>
    </row>
    <row r="401237" spans="8:8">
      <c r="H401237" s="12"/>
    </row>
    <row r="401238" spans="8:8">
      <c r="H401238" s="12"/>
    </row>
    <row r="401239" spans="8:8">
      <c r="H401239" s="12"/>
    </row>
    <row r="401240" spans="8:8">
      <c r="H401240" s="12"/>
    </row>
    <row r="401241" spans="8:8">
      <c r="H401241" s="12"/>
    </row>
    <row r="401242" spans="8:8">
      <c r="H401242" s="12"/>
    </row>
    <row r="401243" spans="8:8">
      <c r="H401243" s="12"/>
    </row>
    <row r="401244" spans="8:8">
      <c r="H401244" s="12"/>
    </row>
    <row r="401245" spans="8:8">
      <c r="H401245" s="12"/>
    </row>
    <row r="401246" spans="8:8">
      <c r="H401246" s="12"/>
    </row>
    <row r="401247" spans="8:8">
      <c r="H401247" s="12"/>
    </row>
    <row r="401248" spans="8:8">
      <c r="H401248" s="12"/>
    </row>
    <row r="401249" spans="8:8">
      <c r="H401249" s="12"/>
    </row>
    <row r="401250" spans="8:8">
      <c r="H401250" s="12"/>
    </row>
    <row r="401251" spans="8:8">
      <c r="H401251" s="12"/>
    </row>
    <row r="401252" spans="8:8">
      <c r="H401252" s="12"/>
    </row>
    <row r="401253" spans="8:8">
      <c r="H401253" s="12"/>
    </row>
    <row r="401254" spans="8:8">
      <c r="H401254" s="12"/>
    </row>
    <row r="401255" spans="8:8">
      <c r="H401255" s="12"/>
    </row>
    <row r="401256" spans="8:8">
      <c r="H401256" s="12"/>
    </row>
    <row r="401257" spans="8:8">
      <c r="H401257" s="12"/>
    </row>
    <row r="401258" spans="8:8">
      <c r="H401258" s="12"/>
    </row>
    <row r="401259" spans="8:8">
      <c r="H401259" s="12"/>
    </row>
    <row r="401260" spans="8:8">
      <c r="H401260" s="12"/>
    </row>
    <row r="401261" spans="8:8">
      <c r="H401261" s="12"/>
    </row>
    <row r="401262" spans="8:8">
      <c r="H401262" s="12"/>
    </row>
    <row r="401263" spans="8:8">
      <c r="H401263" s="12"/>
    </row>
    <row r="401264" spans="8:8">
      <c r="H401264" s="12"/>
    </row>
    <row r="401265" spans="8:8">
      <c r="H401265" s="12"/>
    </row>
    <row r="401266" spans="8:8">
      <c r="H401266" s="12"/>
    </row>
    <row r="401267" spans="8:8">
      <c r="H401267" s="12"/>
    </row>
    <row r="401268" spans="8:8">
      <c r="H401268" s="12"/>
    </row>
    <row r="401269" spans="8:8">
      <c r="H401269" s="12"/>
    </row>
    <row r="401270" spans="8:8">
      <c r="H401270" s="12"/>
    </row>
    <row r="401271" spans="8:8">
      <c r="H401271" s="12"/>
    </row>
    <row r="401272" spans="8:8">
      <c r="H401272" s="12"/>
    </row>
    <row r="401273" spans="8:8">
      <c r="H401273" s="12"/>
    </row>
    <row r="401274" spans="8:8">
      <c r="H401274" s="12"/>
    </row>
    <row r="401275" spans="8:8">
      <c r="H401275" s="12"/>
    </row>
    <row r="401276" spans="8:8">
      <c r="H401276" s="12"/>
    </row>
    <row r="401277" spans="8:8">
      <c r="H401277" s="12"/>
    </row>
    <row r="401278" spans="8:8">
      <c r="H401278" s="12"/>
    </row>
    <row r="401279" spans="8:8">
      <c r="H401279" s="12"/>
    </row>
    <row r="401280" spans="8:8">
      <c r="H401280" s="12"/>
    </row>
    <row r="401281" spans="8:8">
      <c r="H401281" s="12"/>
    </row>
    <row r="401282" spans="8:8">
      <c r="H401282" s="12"/>
    </row>
    <row r="401283" spans="8:8">
      <c r="H401283" s="12"/>
    </row>
    <row r="401284" spans="8:8">
      <c r="H401284" s="12"/>
    </row>
    <row r="401285" spans="8:8">
      <c r="H401285" s="12"/>
    </row>
    <row r="401286" spans="8:8">
      <c r="H401286" s="12"/>
    </row>
    <row r="401287" spans="8:8">
      <c r="H401287" s="12"/>
    </row>
    <row r="401288" spans="8:8">
      <c r="H401288" s="12"/>
    </row>
    <row r="401289" spans="8:8">
      <c r="H401289" s="12"/>
    </row>
    <row r="401290" spans="8:8">
      <c r="H401290" s="12"/>
    </row>
    <row r="401291" spans="8:8">
      <c r="H401291" s="12"/>
    </row>
    <row r="401292" spans="8:8">
      <c r="H401292" s="12"/>
    </row>
    <row r="401293" spans="8:8">
      <c r="H401293" s="12"/>
    </row>
    <row r="401294" spans="8:8">
      <c r="H401294" s="12"/>
    </row>
    <row r="401295" spans="8:8">
      <c r="H401295" s="12"/>
    </row>
    <row r="401296" spans="8:8">
      <c r="H401296" s="12"/>
    </row>
    <row r="401297" spans="8:8">
      <c r="H401297" s="12"/>
    </row>
    <row r="401298" spans="8:8">
      <c r="H401298" s="12"/>
    </row>
    <row r="401299" spans="8:8">
      <c r="H401299" s="12"/>
    </row>
    <row r="401300" spans="8:8">
      <c r="H401300" s="12"/>
    </row>
    <row r="401301" spans="8:8">
      <c r="H401301" s="12"/>
    </row>
    <row r="401302" spans="8:8">
      <c r="H401302" s="12"/>
    </row>
    <row r="401303" spans="8:8">
      <c r="H401303" s="12"/>
    </row>
    <row r="401304" spans="8:8">
      <c r="H401304" s="12"/>
    </row>
    <row r="401305" spans="8:8">
      <c r="H401305" s="12"/>
    </row>
    <row r="401306" spans="8:8">
      <c r="H401306" s="12"/>
    </row>
    <row r="401307" spans="8:8">
      <c r="H401307" s="12"/>
    </row>
    <row r="401308" spans="8:8">
      <c r="H401308" s="12"/>
    </row>
    <row r="401309" spans="8:8">
      <c r="H401309" s="12"/>
    </row>
    <row r="401310" spans="8:8">
      <c r="H401310" s="12"/>
    </row>
    <row r="401311" spans="8:8">
      <c r="H401311" s="12"/>
    </row>
    <row r="401312" spans="8:8">
      <c r="H401312" s="12"/>
    </row>
    <row r="401313" spans="8:8">
      <c r="H401313" s="12"/>
    </row>
    <row r="401314" spans="8:8">
      <c r="H401314" s="12"/>
    </row>
    <row r="401315" spans="8:8">
      <c r="H401315" s="12"/>
    </row>
    <row r="401316" spans="8:8">
      <c r="H401316" s="12"/>
    </row>
    <row r="401317" spans="8:8">
      <c r="H401317" s="12"/>
    </row>
    <row r="401318" spans="8:8">
      <c r="H401318" s="12"/>
    </row>
    <row r="401319" spans="8:8">
      <c r="H401319" s="12"/>
    </row>
    <row r="401320" spans="8:8">
      <c r="H401320" s="12"/>
    </row>
    <row r="401321" spans="8:8">
      <c r="H401321" s="12"/>
    </row>
    <row r="401322" spans="8:8">
      <c r="H401322" s="12"/>
    </row>
    <row r="401323" spans="8:8">
      <c r="H401323" s="12"/>
    </row>
    <row r="401324" spans="8:8">
      <c r="H401324" s="12"/>
    </row>
    <row r="401325" spans="8:8">
      <c r="H401325" s="12"/>
    </row>
    <row r="401326" spans="8:8">
      <c r="H401326" s="12"/>
    </row>
    <row r="401327" spans="8:8">
      <c r="H401327" s="12"/>
    </row>
    <row r="401328" spans="8:8">
      <c r="H401328" s="12"/>
    </row>
    <row r="401329" spans="8:8">
      <c r="H401329" s="12"/>
    </row>
    <row r="401330" spans="8:8">
      <c r="H401330" s="12"/>
    </row>
    <row r="401331" spans="8:8">
      <c r="H401331" s="12"/>
    </row>
    <row r="401332" spans="8:8">
      <c r="H401332" s="12"/>
    </row>
    <row r="401333" spans="8:8">
      <c r="H401333" s="12"/>
    </row>
    <row r="401334" spans="8:8">
      <c r="H401334" s="12"/>
    </row>
    <row r="401335" spans="8:8">
      <c r="H401335" s="12"/>
    </row>
    <row r="401336" spans="8:8">
      <c r="H401336" s="12"/>
    </row>
    <row r="401337" spans="8:8">
      <c r="H401337" s="12"/>
    </row>
    <row r="401338" spans="8:8">
      <c r="H401338" s="12"/>
    </row>
    <row r="401339" spans="8:8">
      <c r="H401339" s="12"/>
    </row>
    <row r="401340" spans="8:8">
      <c r="H401340" s="12"/>
    </row>
    <row r="401341" spans="8:8">
      <c r="H401341" s="12"/>
    </row>
    <row r="401342" spans="8:8">
      <c r="H401342" s="12"/>
    </row>
    <row r="401343" spans="8:8">
      <c r="H401343" s="12"/>
    </row>
    <row r="401344" spans="8:8">
      <c r="H401344" s="12"/>
    </row>
    <row r="401345" spans="8:8">
      <c r="H401345" s="12"/>
    </row>
    <row r="401346" spans="8:8">
      <c r="H401346" s="12"/>
    </row>
    <row r="401347" spans="8:8">
      <c r="H401347" s="12"/>
    </row>
    <row r="401348" spans="8:8">
      <c r="H401348" s="12"/>
    </row>
    <row r="401349" spans="8:8">
      <c r="H401349" s="12"/>
    </row>
    <row r="401350" spans="8:8">
      <c r="H401350" s="12"/>
    </row>
    <row r="401351" spans="8:8">
      <c r="H401351" s="12"/>
    </row>
    <row r="401352" spans="8:8">
      <c r="H401352" s="12"/>
    </row>
    <row r="401353" spans="8:8">
      <c r="H401353" s="12"/>
    </row>
    <row r="401354" spans="8:8">
      <c r="H401354" s="12"/>
    </row>
    <row r="401355" spans="8:8">
      <c r="H401355" s="12"/>
    </row>
    <row r="401356" spans="8:8">
      <c r="H401356" s="12"/>
    </row>
    <row r="401357" spans="8:8">
      <c r="H401357" s="12"/>
    </row>
    <row r="401358" spans="8:8">
      <c r="H401358" s="12"/>
    </row>
    <row r="401359" spans="8:8">
      <c r="H401359" s="12"/>
    </row>
    <row r="401360" spans="8:8">
      <c r="H401360" s="12"/>
    </row>
    <row r="401361" spans="8:8">
      <c r="H401361" s="12"/>
    </row>
    <row r="401362" spans="8:8">
      <c r="H401362" s="12"/>
    </row>
    <row r="401363" spans="8:8">
      <c r="H401363" s="12"/>
    </row>
    <row r="401364" spans="8:8">
      <c r="H401364" s="12"/>
    </row>
    <row r="401365" spans="8:8">
      <c r="H401365" s="12"/>
    </row>
    <row r="401366" spans="8:8">
      <c r="H401366" s="12"/>
    </row>
    <row r="401367" spans="8:8">
      <c r="H401367" s="12"/>
    </row>
    <row r="401368" spans="8:8">
      <c r="H401368" s="12"/>
    </row>
    <row r="401369" spans="8:8">
      <c r="H401369" s="12"/>
    </row>
    <row r="401370" spans="8:8">
      <c r="H401370" s="12"/>
    </row>
    <row r="401371" spans="8:8">
      <c r="H401371" s="12"/>
    </row>
    <row r="401372" spans="8:8">
      <c r="H401372" s="12"/>
    </row>
    <row r="401373" spans="8:8">
      <c r="H401373" s="12"/>
    </row>
    <row r="401374" spans="8:8">
      <c r="H401374" s="12"/>
    </row>
    <row r="401375" spans="8:8">
      <c r="H401375" s="12"/>
    </row>
    <row r="401376" spans="8:8">
      <c r="H401376" s="12"/>
    </row>
    <row r="401377" spans="8:8">
      <c r="H401377" s="12"/>
    </row>
    <row r="401378" spans="8:8">
      <c r="H401378" s="12"/>
    </row>
    <row r="401379" spans="8:8">
      <c r="H401379" s="12"/>
    </row>
    <row r="401380" spans="8:8">
      <c r="H401380" s="12"/>
    </row>
    <row r="401381" spans="8:8">
      <c r="H401381" s="12"/>
    </row>
    <row r="401382" spans="8:8">
      <c r="H401382" s="12"/>
    </row>
    <row r="401383" spans="8:8">
      <c r="H401383" s="12"/>
    </row>
    <row r="401384" spans="8:8">
      <c r="H401384" s="12"/>
    </row>
    <row r="401385" spans="8:8">
      <c r="H401385" s="12"/>
    </row>
    <row r="401386" spans="8:8">
      <c r="H401386" s="12"/>
    </row>
    <row r="401387" spans="8:8">
      <c r="H401387" s="12"/>
    </row>
    <row r="401388" spans="8:8">
      <c r="H401388" s="12"/>
    </row>
    <row r="401389" spans="8:8">
      <c r="H401389" s="12"/>
    </row>
    <row r="401390" spans="8:8">
      <c r="H401390" s="12"/>
    </row>
    <row r="401391" spans="8:8">
      <c r="H401391" s="12"/>
    </row>
    <row r="401392" spans="8:8">
      <c r="H401392" s="12"/>
    </row>
    <row r="401393" spans="8:8">
      <c r="H401393" s="12"/>
    </row>
    <row r="401394" spans="8:8">
      <c r="H401394" s="12"/>
    </row>
    <row r="401395" spans="8:8">
      <c r="H401395" s="12"/>
    </row>
    <row r="401396" spans="8:8">
      <c r="H401396" s="12"/>
    </row>
    <row r="401397" spans="8:8">
      <c r="H401397" s="12"/>
    </row>
    <row r="401398" spans="8:8">
      <c r="H401398" s="12"/>
    </row>
    <row r="401399" spans="8:8">
      <c r="H401399" s="12"/>
    </row>
    <row r="401400" spans="8:8">
      <c r="H401400" s="12"/>
    </row>
    <row r="401401" spans="8:8">
      <c r="H401401" s="12"/>
    </row>
    <row r="401402" spans="8:8">
      <c r="H401402" s="12"/>
    </row>
    <row r="401403" spans="8:8">
      <c r="H401403" s="12"/>
    </row>
    <row r="401404" spans="8:8">
      <c r="H401404" s="12"/>
    </row>
    <row r="401405" spans="8:8">
      <c r="H401405" s="12"/>
    </row>
    <row r="401406" spans="8:8">
      <c r="H401406" s="12"/>
    </row>
    <row r="401407" spans="8:8">
      <c r="H401407" s="12"/>
    </row>
    <row r="401408" spans="8:8">
      <c r="H401408" s="12"/>
    </row>
    <row r="401409" spans="8:8">
      <c r="H401409" s="12"/>
    </row>
    <row r="401410" spans="8:8">
      <c r="H401410" s="12"/>
    </row>
    <row r="401411" spans="8:8">
      <c r="H401411" s="12"/>
    </row>
    <row r="401412" spans="8:8">
      <c r="H401412" s="12"/>
    </row>
    <row r="401413" spans="8:8">
      <c r="H401413" s="12"/>
    </row>
    <row r="401414" spans="8:8">
      <c r="H401414" s="12"/>
    </row>
    <row r="401415" spans="8:8">
      <c r="H401415" s="12"/>
    </row>
    <row r="401416" spans="8:8">
      <c r="H401416" s="12"/>
    </row>
    <row r="401417" spans="8:8">
      <c r="H401417" s="12"/>
    </row>
    <row r="401418" spans="8:8">
      <c r="H401418" s="12"/>
    </row>
    <row r="401419" spans="8:8">
      <c r="H401419" s="12"/>
    </row>
    <row r="401420" spans="8:8">
      <c r="H401420" s="12"/>
    </row>
    <row r="401421" spans="8:8">
      <c r="H401421" s="12"/>
    </row>
    <row r="401422" spans="8:8">
      <c r="H401422" s="12"/>
    </row>
    <row r="401423" spans="8:8">
      <c r="H401423" s="12"/>
    </row>
    <row r="401424" spans="8:8">
      <c r="H401424" s="12"/>
    </row>
    <row r="401425" spans="8:8">
      <c r="H401425" s="12"/>
    </row>
    <row r="401426" spans="8:8">
      <c r="H401426" s="12"/>
    </row>
    <row r="401427" spans="8:8">
      <c r="H401427" s="12"/>
    </row>
    <row r="401428" spans="8:8">
      <c r="H401428" s="12"/>
    </row>
    <row r="401429" spans="8:8">
      <c r="H401429" s="12"/>
    </row>
    <row r="401430" spans="8:8">
      <c r="H401430" s="12"/>
    </row>
    <row r="401431" spans="8:8">
      <c r="H401431" s="12"/>
    </row>
    <row r="401432" spans="8:8">
      <c r="H401432" s="12"/>
    </row>
    <row r="401433" spans="8:8">
      <c r="H401433" s="12"/>
    </row>
    <row r="401434" spans="8:8">
      <c r="H401434" s="12"/>
    </row>
    <row r="401435" spans="8:8">
      <c r="H401435" s="12"/>
    </row>
    <row r="401436" spans="8:8">
      <c r="H401436" s="12"/>
    </row>
    <row r="401437" spans="8:8">
      <c r="H401437" s="12"/>
    </row>
    <row r="401438" spans="8:8">
      <c r="H401438" s="12"/>
    </row>
    <row r="401439" spans="8:8">
      <c r="H401439" s="12"/>
    </row>
    <row r="401440" spans="8:8">
      <c r="H401440" s="12"/>
    </row>
    <row r="401441" spans="8:8">
      <c r="H401441" s="12"/>
    </row>
    <row r="401442" spans="8:8">
      <c r="H401442" s="12"/>
    </row>
    <row r="401443" spans="8:8">
      <c r="H401443" s="12"/>
    </row>
    <row r="401444" spans="8:8">
      <c r="H401444" s="12"/>
    </row>
    <row r="401445" spans="8:8">
      <c r="H401445" s="12"/>
    </row>
    <row r="401446" spans="8:8">
      <c r="H401446" s="12"/>
    </row>
    <row r="401447" spans="8:8">
      <c r="H401447" s="12"/>
    </row>
    <row r="401448" spans="8:8">
      <c r="H401448" s="12"/>
    </row>
    <row r="401449" spans="8:8">
      <c r="H401449" s="12"/>
    </row>
    <row r="401450" spans="8:8">
      <c r="H401450" s="12"/>
    </row>
    <row r="401451" spans="8:8">
      <c r="H401451" s="12"/>
    </row>
    <row r="401452" spans="8:8">
      <c r="H401452" s="12"/>
    </row>
    <row r="401453" spans="8:8">
      <c r="H401453" s="12"/>
    </row>
    <row r="401454" spans="8:8">
      <c r="H401454" s="12"/>
    </row>
    <row r="401455" spans="8:8">
      <c r="H401455" s="12"/>
    </row>
    <row r="401456" spans="8:8">
      <c r="H401456" s="12"/>
    </row>
    <row r="401457" spans="8:8">
      <c r="H401457" s="12"/>
    </row>
    <row r="401458" spans="8:8">
      <c r="H401458" s="12"/>
    </row>
    <row r="401459" spans="8:8">
      <c r="H401459" s="12"/>
    </row>
    <row r="401460" spans="8:8">
      <c r="H401460" s="12"/>
    </row>
    <row r="401461" spans="8:8">
      <c r="H401461" s="12"/>
    </row>
    <row r="401462" spans="8:8">
      <c r="H401462" s="12"/>
    </row>
    <row r="401463" spans="8:8">
      <c r="H401463" s="12"/>
    </row>
    <row r="401464" spans="8:8">
      <c r="H401464" s="12"/>
    </row>
    <row r="401465" spans="8:8">
      <c r="H401465" s="12"/>
    </row>
    <row r="401466" spans="8:8">
      <c r="H401466" s="12"/>
    </row>
    <row r="401467" spans="8:8">
      <c r="H401467" s="12"/>
    </row>
    <row r="401468" spans="8:8">
      <c r="H401468" s="12"/>
    </row>
    <row r="401469" spans="8:8">
      <c r="H401469" s="12"/>
    </row>
    <row r="401470" spans="8:8">
      <c r="H401470" s="12"/>
    </row>
    <row r="401471" spans="8:8">
      <c r="H401471" s="12"/>
    </row>
    <row r="401472" spans="8:8">
      <c r="H401472" s="12"/>
    </row>
    <row r="401473" spans="8:8">
      <c r="H401473" s="12"/>
    </row>
    <row r="401474" spans="8:8">
      <c r="H401474" s="12"/>
    </row>
    <row r="401475" spans="8:8">
      <c r="H401475" s="12"/>
    </row>
    <row r="401476" spans="8:8">
      <c r="H401476" s="12"/>
    </row>
    <row r="401477" spans="8:8">
      <c r="H401477" s="12"/>
    </row>
    <row r="401478" spans="8:8">
      <c r="H401478" s="12"/>
    </row>
    <row r="401479" spans="8:8">
      <c r="H401479" s="12"/>
    </row>
    <row r="401480" spans="8:8">
      <c r="H401480" s="12"/>
    </row>
    <row r="401481" spans="8:8">
      <c r="H401481" s="12"/>
    </row>
    <row r="401482" spans="8:8">
      <c r="H401482" s="12"/>
    </row>
    <row r="401483" spans="8:8">
      <c r="H401483" s="12"/>
    </row>
    <row r="401484" spans="8:8">
      <c r="H401484" s="12"/>
    </row>
    <row r="401485" spans="8:8">
      <c r="H401485" s="12"/>
    </row>
    <row r="401486" spans="8:8">
      <c r="H401486" s="12"/>
    </row>
    <row r="401487" spans="8:8">
      <c r="H401487" s="12"/>
    </row>
    <row r="401488" spans="8:8">
      <c r="H401488" s="12"/>
    </row>
    <row r="401489" spans="8:8">
      <c r="H401489" s="12"/>
    </row>
    <row r="401490" spans="8:8">
      <c r="H401490" s="12"/>
    </row>
    <row r="401491" spans="8:8">
      <c r="H401491" s="12"/>
    </row>
    <row r="401492" spans="8:8">
      <c r="H401492" s="12"/>
    </row>
    <row r="401493" spans="8:8">
      <c r="H401493" s="12"/>
    </row>
    <row r="401494" spans="8:8">
      <c r="H401494" s="12"/>
    </row>
    <row r="401495" spans="8:8">
      <c r="H401495" s="12"/>
    </row>
    <row r="401496" spans="8:8">
      <c r="H401496" s="12"/>
    </row>
    <row r="401497" spans="8:8">
      <c r="H401497" s="12"/>
    </row>
    <row r="401498" spans="8:8">
      <c r="H401498" s="12"/>
    </row>
    <row r="401499" spans="8:8">
      <c r="H401499" s="12"/>
    </row>
    <row r="401500" spans="8:8">
      <c r="H401500" s="12"/>
    </row>
    <row r="401501" spans="8:8">
      <c r="H401501" s="12"/>
    </row>
    <row r="401502" spans="8:8">
      <c r="H401502" s="12"/>
    </row>
    <row r="401503" spans="8:8">
      <c r="H401503" s="12"/>
    </row>
    <row r="401504" spans="8:8">
      <c r="H401504" s="12"/>
    </row>
    <row r="401505" spans="8:8">
      <c r="H401505" s="12"/>
    </row>
    <row r="401506" spans="8:8">
      <c r="H401506" s="12"/>
    </row>
    <row r="401507" spans="8:8">
      <c r="H401507" s="12"/>
    </row>
    <row r="401508" spans="8:8">
      <c r="H401508" s="12"/>
    </row>
    <row r="401509" spans="8:8">
      <c r="H401509" s="12"/>
    </row>
    <row r="401510" spans="8:8">
      <c r="H401510" s="12"/>
    </row>
    <row r="401511" spans="8:8">
      <c r="H401511" s="12"/>
    </row>
    <row r="401512" spans="8:8">
      <c r="H401512" s="12"/>
    </row>
    <row r="401513" spans="8:8">
      <c r="H401513" s="12"/>
    </row>
    <row r="401514" spans="8:8">
      <c r="H401514" s="12"/>
    </row>
    <row r="401515" spans="8:8">
      <c r="H401515" s="12"/>
    </row>
    <row r="401516" spans="8:8">
      <c r="H401516" s="12"/>
    </row>
    <row r="401517" spans="8:8">
      <c r="H401517" s="12"/>
    </row>
    <row r="401518" spans="8:8">
      <c r="H401518" s="12"/>
    </row>
    <row r="401519" spans="8:8">
      <c r="H401519" s="12"/>
    </row>
    <row r="401520" spans="8:8">
      <c r="H401520" s="12"/>
    </row>
    <row r="401521" spans="8:8">
      <c r="H401521" s="12"/>
    </row>
    <row r="401522" spans="8:8">
      <c r="H401522" s="12"/>
    </row>
    <row r="401523" spans="8:8">
      <c r="H401523" s="12"/>
    </row>
    <row r="401524" spans="8:8">
      <c r="H401524" s="12"/>
    </row>
    <row r="401525" spans="8:8">
      <c r="H401525" s="12"/>
    </row>
    <row r="401526" spans="8:8">
      <c r="H401526" s="12"/>
    </row>
    <row r="401527" spans="8:8">
      <c r="H401527" s="12"/>
    </row>
    <row r="401528" spans="8:8">
      <c r="H401528" s="12"/>
    </row>
    <row r="401529" spans="8:8">
      <c r="H401529" s="12"/>
    </row>
    <row r="401530" spans="8:8">
      <c r="H401530" s="12"/>
    </row>
    <row r="401531" spans="8:8">
      <c r="H401531" s="12"/>
    </row>
    <row r="401532" spans="8:8">
      <c r="H401532" s="12"/>
    </row>
    <row r="401533" spans="8:8">
      <c r="H401533" s="12"/>
    </row>
    <row r="401534" spans="8:8">
      <c r="H401534" s="12"/>
    </row>
    <row r="401535" spans="8:8">
      <c r="H401535" s="12"/>
    </row>
    <row r="401536" spans="8:8">
      <c r="H401536" s="12"/>
    </row>
    <row r="401537" spans="8:8">
      <c r="H401537" s="12"/>
    </row>
    <row r="401538" spans="8:8">
      <c r="H401538" s="12"/>
    </row>
    <row r="401539" spans="8:8">
      <c r="H401539" s="12"/>
    </row>
    <row r="401540" spans="8:8">
      <c r="H401540" s="12"/>
    </row>
    <row r="401541" spans="8:8">
      <c r="H401541" s="12"/>
    </row>
    <row r="401542" spans="8:8">
      <c r="H401542" s="12"/>
    </row>
    <row r="401543" spans="8:8">
      <c r="H401543" s="12"/>
    </row>
    <row r="401544" spans="8:8">
      <c r="H401544" s="12"/>
    </row>
    <row r="401545" spans="8:8">
      <c r="H401545" s="12"/>
    </row>
    <row r="401546" spans="8:8">
      <c r="H401546" s="12"/>
    </row>
    <row r="401547" spans="8:8">
      <c r="H401547" s="12"/>
    </row>
    <row r="401548" spans="8:8">
      <c r="H401548" s="12"/>
    </row>
    <row r="401549" spans="8:8">
      <c r="H401549" s="12"/>
    </row>
    <row r="401550" spans="8:8">
      <c r="H401550" s="12"/>
    </row>
    <row r="401551" spans="8:8">
      <c r="H401551" s="12"/>
    </row>
    <row r="401552" spans="8:8">
      <c r="H401552" s="12"/>
    </row>
    <row r="401553" spans="8:8">
      <c r="H401553" s="12"/>
    </row>
    <row r="401554" spans="8:8">
      <c r="H401554" s="12"/>
    </row>
    <row r="401555" spans="8:8">
      <c r="H401555" s="12"/>
    </row>
    <row r="401556" spans="8:8">
      <c r="H401556" s="12"/>
    </row>
    <row r="401557" spans="8:8">
      <c r="H401557" s="12"/>
    </row>
    <row r="401558" spans="8:8">
      <c r="H401558" s="12"/>
    </row>
    <row r="401559" spans="8:8">
      <c r="H401559" s="12"/>
    </row>
    <row r="401560" spans="8:8">
      <c r="H401560" s="12"/>
    </row>
    <row r="401561" spans="8:8">
      <c r="H401561" s="12"/>
    </row>
    <row r="401562" spans="8:8">
      <c r="H401562" s="12"/>
    </row>
    <row r="401563" spans="8:8">
      <c r="H401563" s="12"/>
    </row>
    <row r="401564" spans="8:8">
      <c r="H401564" s="12"/>
    </row>
    <row r="401565" spans="8:8">
      <c r="H401565" s="12"/>
    </row>
    <row r="401566" spans="8:8">
      <c r="H401566" s="12"/>
    </row>
    <row r="401567" spans="8:8">
      <c r="H401567" s="12"/>
    </row>
    <row r="401568" spans="8:8">
      <c r="H401568" s="12"/>
    </row>
    <row r="401569" spans="8:8">
      <c r="H401569" s="12"/>
    </row>
    <row r="401570" spans="8:8">
      <c r="H401570" s="12"/>
    </row>
    <row r="401571" spans="8:8">
      <c r="H401571" s="12"/>
    </row>
    <row r="401572" spans="8:8">
      <c r="H401572" s="12"/>
    </row>
    <row r="401573" spans="8:8">
      <c r="H401573" s="12"/>
    </row>
    <row r="401574" spans="8:8">
      <c r="H401574" s="12"/>
    </row>
    <row r="401575" spans="8:8">
      <c r="H401575" s="12"/>
    </row>
    <row r="401576" spans="8:8">
      <c r="H401576" s="12"/>
    </row>
    <row r="401577" spans="8:8">
      <c r="H401577" s="12"/>
    </row>
    <row r="401578" spans="8:8">
      <c r="H401578" s="12"/>
    </row>
    <row r="401579" spans="8:8">
      <c r="H401579" s="12"/>
    </row>
    <row r="401580" spans="8:8">
      <c r="H401580" s="12"/>
    </row>
    <row r="401581" spans="8:8">
      <c r="H401581" s="12"/>
    </row>
    <row r="401582" spans="8:8">
      <c r="H401582" s="12"/>
    </row>
    <row r="401583" spans="8:8">
      <c r="H401583" s="12"/>
    </row>
    <row r="401584" spans="8:8">
      <c r="H401584" s="12"/>
    </row>
    <row r="401585" spans="8:8">
      <c r="H401585" s="12"/>
    </row>
    <row r="401586" spans="8:8">
      <c r="H401586" s="12"/>
    </row>
    <row r="401587" spans="8:8">
      <c r="H401587" s="12"/>
    </row>
    <row r="401588" spans="8:8">
      <c r="H401588" s="12"/>
    </row>
    <row r="401589" spans="8:8">
      <c r="H401589" s="12"/>
    </row>
    <row r="401590" spans="8:8">
      <c r="H401590" s="12"/>
    </row>
    <row r="401591" spans="8:8">
      <c r="H401591" s="12"/>
    </row>
    <row r="401592" spans="8:8">
      <c r="H401592" s="12"/>
    </row>
    <row r="401593" spans="8:8">
      <c r="H401593" s="12"/>
    </row>
    <row r="401594" spans="8:8">
      <c r="H401594" s="12"/>
    </row>
    <row r="401595" spans="8:8">
      <c r="H401595" s="12"/>
    </row>
    <row r="401596" spans="8:8">
      <c r="H401596" s="12"/>
    </row>
    <row r="401597" spans="8:8">
      <c r="H401597" s="12"/>
    </row>
    <row r="401598" spans="8:8">
      <c r="H401598" s="12"/>
    </row>
    <row r="401599" spans="8:8">
      <c r="H401599" s="12"/>
    </row>
    <row r="401600" spans="8:8">
      <c r="H401600" s="12"/>
    </row>
    <row r="401601" spans="8:8">
      <c r="H401601" s="12"/>
    </row>
    <row r="401602" spans="8:8">
      <c r="H401602" s="12"/>
    </row>
    <row r="401603" spans="8:8">
      <c r="H401603" s="12"/>
    </row>
    <row r="401604" spans="8:8">
      <c r="H401604" s="12"/>
    </row>
    <row r="401605" spans="8:8">
      <c r="H401605" s="12"/>
    </row>
    <row r="401606" spans="8:8">
      <c r="H401606" s="12"/>
    </row>
    <row r="401607" spans="8:8">
      <c r="H401607" s="12"/>
    </row>
    <row r="401608" spans="8:8">
      <c r="H401608" s="12"/>
    </row>
    <row r="401609" spans="8:8">
      <c r="H401609" s="12"/>
    </row>
    <row r="401610" spans="8:8">
      <c r="H401610" s="12"/>
    </row>
    <row r="401611" spans="8:8">
      <c r="H401611" s="12"/>
    </row>
    <row r="401612" spans="8:8">
      <c r="H401612" s="12"/>
    </row>
    <row r="401613" spans="8:8">
      <c r="H401613" s="12"/>
    </row>
    <row r="401614" spans="8:8">
      <c r="H401614" s="12"/>
    </row>
    <row r="401615" spans="8:8">
      <c r="H401615" s="12"/>
    </row>
    <row r="401616" spans="8:8">
      <c r="H401616" s="12"/>
    </row>
    <row r="401617" spans="8:8">
      <c r="H401617" s="12"/>
    </row>
    <row r="401618" spans="8:8">
      <c r="H401618" s="12"/>
    </row>
    <row r="401619" spans="8:8">
      <c r="H401619" s="12"/>
    </row>
    <row r="401620" spans="8:8">
      <c r="H401620" s="12"/>
    </row>
    <row r="401621" spans="8:8">
      <c r="H401621" s="12"/>
    </row>
    <row r="401622" spans="8:8">
      <c r="H401622" s="12"/>
    </row>
    <row r="401623" spans="8:8">
      <c r="H401623" s="12"/>
    </row>
    <row r="401624" spans="8:8">
      <c r="H401624" s="12"/>
    </row>
    <row r="401625" spans="8:8">
      <c r="H401625" s="12"/>
    </row>
    <row r="401626" spans="8:8">
      <c r="H401626" s="12"/>
    </row>
    <row r="401627" spans="8:8">
      <c r="H401627" s="12"/>
    </row>
    <row r="401628" spans="8:8">
      <c r="H401628" s="12"/>
    </row>
    <row r="401629" spans="8:8">
      <c r="H401629" s="12"/>
    </row>
    <row r="401630" spans="8:8">
      <c r="H401630" s="12"/>
    </row>
    <row r="401631" spans="8:8">
      <c r="H401631" s="12"/>
    </row>
    <row r="401632" spans="8:8">
      <c r="H401632" s="12"/>
    </row>
    <row r="401633" spans="8:8">
      <c r="H401633" s="12"/>
    </row>
    <row r="401634" spans="8:8">
      <c r="H401634" s="12"/>
    </row>
    <row r="401635" spans="8:8">
      <c r="H401635" s="12"/>
    </row>
    <row r="401636" spans="8:8">
      <c r="H401636" s="12"/>
    </row>
    <row r="401637" spans="8:8">
      <c r="H401637" s="12"/>
    </row>
    <row r="401638" spans="8:8">
      <c r="H401638" s="12"/>
    </row>
    <row r="401639" spans="8:8">
      <c r="H401639" s="12"/>
    </row>
    <row r="401640" spans="8:8">
      <c r="H401640" s="12"/>
    </row>
    <row r="401641" spans="8:8">
      <c r="H401641" s="12"/>
    </row>
    <row r="401642" spans="8:8">
      <c r="H401642" s="12"/>
    </row>
    <row r="401643" spans="8:8">
      <c r="H401643" s="12"/>
    </row>
    <row r="401644" spans="8:8">
      <c r="H401644" s="12"/>
    </row>
    <row r="401645" spans="8:8">
      <c r="H401645" s="12"/>
    </row>
    <row r="401646" spans="8:8">
      <c r="H401646" s="12"/>
    </row>
    <row r="401647" spans="8:8">
      <c r="H401647" s="12"/>
    </row>
    <row r="401648" spans="8:8">
      <c r="H401648" s="12"/>
    </row>
    <row r="401649" spans="8:8">
      <c r="H401649" s="12"/>
    </row>
    <row r="401650" spans="8:8">
      <c r="H401650" s="12"/>
    </row>
    <row r="401651" spans="8:8">
      <c r="H401651" s="12"/>
    </row>
    <row r="401652" spans="8:8">
      <c r="H401652" s="12"/>
    </row>
    <row r="401653" spans="8:8">
      <c r="H401653" s="12"/>
    </row>
    <row r="401654" spans="8:8">
      <c r="H401654" s="12"/>
    </row>
    <row r="401655" spans="8:8">
      <c r="H401655" s="12"/>
    </row>
    <row r="401656" spans="8:8">
      <c r="H401656" s="12"/>
    </row>
    <row r="401657" spans="8:8">
      <c r="H401657" s="12"/>
    </row>
    <row r="401658" spans="8:8">
      <c r="H401658" s="12"/>
    </row>
    <row r="401659" spans="8:8">
      <c r="H401659" s="12"/>
    </row>
    <row r="401660" spans="8:8">
      <c r="H401660" s="12"/>
    </row>
    <row r="401661" spans="8:8">
      <c r="H401661" s="12"/>
    </row>
    <row r="401662" spans="8:8">
      <c r="H401662" s="12"/>
    </row>
    <row r="401663" spans="8:8">
      <c r="H401663" s="12"/>
    </row>
    <row r="401664" spans="8:8">
      <c r="H401664" s="12"/>
    </row>
    <row r="401665" spans="8:8">
      <c r="H401665" s="12"/>
    </row>
    <row r="401666" spans="8:8">
      <c r="H401666" s="12"/>
    </row>
    <row r="401667" spans="8:8">
      <c r="H401667" s="12"/>
    </row>
    <row r="401668" spans="8:8">
      <c r="H401668" s="12"/>
    </row>
    <row r="401669" spans="8:8">
      <c r="H401669" s="12"/>
    </row>
    <row r="401670" spans="8:8">
      <c r="H401670" s="12"/>
    </row>
    <row r="401671" spans="8:8">
      <c r="H401671" s="12"/>
    </row>
    <row r="401672" spans="8:8">
      <c r="H401672" s="12"/>
    </row>
    <row r="401673" spans="8:8">
      <c r="H401673" s="12"/>
    </row>
    <row r="401674" spans="8:8">
      <c r="H401674" s="12"/>
    </row>
    <row r="401675" spans="8:8">
      <c r="H401675" s="12"/>
    </row>
    <row r="401676" spans="8:8">
      <c r="H401676" s="12"/>
    </row>
    <row r="401677" spans="8:8">
      <c r="H401677" s="12"/>
    </row>
    <row r="401678" spans="8:8">
      <c r="H401678" s="12"/>
    </row>
    <row r="401679" spans="8:8">
      <c r="H401679" s="12"/>
    </row>
    <row r="401680" spans="8:8">
      <c r="H401680" s="12"/>
    </row>
    <row r="401681" spans="8:8">
      <c r="H401681" s="12"/>
    </row>
    <row r="401682" spans="8:8">
      <c r="H401682" s="12"/>
    </row>
    <row r="401683" spans="8:8">
      <c r="H401683" s="12"/>
    </row>
    <row r="401684" spans="8:8">
      <c r="H401684" s="12"/>
    </row>
    <row r="401685" spans="8:8">
      <c r="H401685" s="12"/>
    </row>
    <row r="401686" spans="8:8">
      <c r="H401686" s="12"/>
    </row>
    <row r="401687" spans="8:8">
      <c r="H401687" s="12"/>
    </row>
    <row r="401688" spans="8:8">
      <c r="H401688" s="12"/>
    </row>
    <row r="401689" spans="8:8">
      <c r="H401689" s="12"/>
    </row>
    <row r="401690" spans="8:8">
      <c r="H401690" s="12"/>
    </row>
    <row r="401691" spans="8:8">
      <c r="H401691" s="12"/>
    </row>
    <row r="401692" spans="8:8">
      <c r="H401692" s="12"/>
    </row>
    <row r="401693" spans="8:8">
      <c r="H401693" s="12"/>
    </row>
    <row r="401694" spans="8:8">
      <c r="H401694" s="12"/>
    </row>
    <row r="401695" spans="8:8">
      <c r="H401695" s="12"/>
    </row>
    <row r="401696" spans="8:8">
      <c r="H401696" s="12"/>
    </row>
    <row r="401697" spans="8:8">
      <c r="H401697" s="12"/>
    </row>
    <row r="401698" spans="8:8">
      <c r="H401698" s="12"/>
    </row>
    <row r="401699" spans="8:8">
      <c r="H401699" s="12"/>
    </row>
    <row r="401700" spans="8:8">
      <c r="H401700" s="12"/>
    </row>
    <row r="401701" spans="8:8">
      <c r="H401701" s="12"/>
    </row>
    <row r="401702" spans="8:8">
      <c r="H401702" s="12"/>
    </row>
    <row r="401703" spans="8:8">
      <c r="H401703" s="12"/>
    </row>
    <row r="401704" spans="8:8">
      <c r="H401704" s="12"/>
    </row>
    <row r="401705" spans="8:8">
      <c r="H401705" s="12"/>
    </row>
    <row r="401706" spans="8:8">
      <c r="H401706" s="12"/>
    </row>
    <row r="401707" spans="8:8">
      <c r="H401707" s="12"/>
    </row>
    <row r="401708" spans="8:8">
      <c r="H401708" s="12"/>
    </row>
    <row r="401709" spans="8:8">
      <c r="H401709" s="12"/>
    </row>
    <row r="401710" spans="8:8">
      <c r="H401710" s="12"/>
    </row>
    <row r="401711" spans="8:8">
      <c r="H401711" s="12"/>
    </row>
    <row r="401712" spans="8:8">
      <c r="H401712" s="12"/>
    </row>
    <row r="401713" spans="8:8">
      <c r="H401713" s="12"/>
    </row>
    <row r="401714" spans="8:8">
      <c r="H401714" s="12"/>
    </row>
    <row r="401715" spans="8:8">
      <c r="H401715" s="12"/>
    </row>
    <row r="401716" spans="8:8">
      <c r="H401716" s="12"/>
    </row>
    <row r="401717" spans="8:8">
      <c r="H401717" s="12"/>
    </row>
    <row r="401718" spans="8:8">
      <c r="H401718" s="12"/>
    </row>
    <row r="401719" spans="8:8">
      <c r="H401719" s="12"/>
    </row>
    <row r="401720" spans="8:8">
      <c r="H401720" s="12"/>
    </row>
    <row r="401721" spans="8:8">
      <c r="H401721" s="12"/>
    </row>
    <row r="401722" spans="8:8">
      <c r="H401722" s="12"/>
    </row>
    <row r="401723" spans="8:8">
      <c r="H401723" s="12"/>
    </row>
    <row r="401724" spans="8:8">
      <c r="H401724" s="12"/>
    </row>
    <row r="401725" spans="8:8">
      <c r="H401725" s="12"/>
    </row>
    <row r="401726" spans="8:8">
      <c r="H401726" s="12"/>
    </row>
    <row r="401727" spans="8:8">
      <c r="H401727" s="12"/>
    </row>
    <row r="401728" spans="8:8">
      <c r="H401728" s="12"/>
    </row>
    <row r="401729" spans="8:8">
      <c r="H401729" s="12"/>
    </row>
    <row r="401730" spans="8:8">
      <c r="H401730" s="12"/>
    </row>
    <row r="401731" spans="8:8">
      <c r="H401731" s="12"/>
    </row>
    <row r="401732" spans="8:8">
      <c r="H401732" s="12"/>
    </row>
    <row r="401733" spans="8:8">
      <c r="H401733" s="12"/>
    </row>
    <row r="401734" spans="8:8">
      <c r="H401734" s="12"/>
    </row>
    <row r="401735" spans="8:8">
      <c r="H401735" s="12"/>
    </row>
    <row r="401736" spans="8:8">
      <c r="H401736" s="12"/>
    </row>
    <row r="401737" spans="8:8">
      <c r="H401737" s="12"/>
    </row>
    <row r="401738" spans="8:8">
      <c r="H401738" s="12"/>
    </row>
    <row r="401739" spans="8:8">
      <c r="H401739" s="12"/>
    </row>
    <row r="401740" spans="8:8">
      <c r="H401740" s="12"/>
    </row>
    <row r="401741" spans="8:8">
      <c r="H401741" s="12"/>
    </row>
    <row r="401742" spans="8:8">
      <c r="H401742" s="12"/>
    </row>
    <row r="401743" spans="8:8">
      <c r="H401743" s="12"/>
    </row>
    <row r="401744" spans="8:8">
      <c r="H401744" s="12"/>
    </row>
    <row r="401745" spans="8:8">
      <c r="H401745" s="12"/>
    </row>
    <row r="401746" spans="8:8">
      <c r="H401746" s="12"/>
    </row>
    <row r="401747" spans="8:8">
      <c r="H401747" s="12"/>
    </row>
    <row r="401748" spans="8:8">
      <c r="H401748" s="12"/>
    </row>
    <row r="401749" spans="8:8">
      <c r="H401749" s="12"/>
    </row>
    <row r="401750" spans="8:8">
      <c r="H401750" s="12"/>
    </row>
    <row r="401751" spans="8:8">
      <c r="H401751" s="12"/>
    </row>
    <row r="401752" spans="8:8">
      <c r="H401752" s="12"/>
    </row>
    <row r="401753" spans="8:8">
      <c r="H401753" s="12"/>
    </row>
    <row r="401754" spans="8:8">
      <c r="H401754" s="12"/>
    </row>
    <row r="401755" spans="8:8">
      <c r="H401755" s="12"/>
    </row>
    <row r="401756" spans="8:8">
      <c r="H401756" s="12"/>
    </row>
    <row r="401757" spans="8:8">
      <c r="H401757" s="12"/>
    </row>
    <row r="401758" spans="8:8">
      <c r="H401758" s="12"/>
    </row>
    <row r="401759" spans="8:8">
      <c r="H401759" s="12"/>
    </row>
    <row r="401760" spans="8:8">
      <c r="H401760" s="12"/>
    </row>
    <row r="401761" spans="8:8">
      <c r="H401761" s="12"/>
    </row>
    <row r="401762" spans="8:8">
      <c r="H401762" s="12"/>
    </row>
    <row r="401763" spans="8:8">
      <c r="H401763" s="12"/>
    </row>
    <row r="401764" spans="8:8">
      <c r="H401764" s="12"/>
    </row>
    <row r="401765" spans="8:8">
      <c r="H401765" s="12"/>
    </row>
    <row r="401766" spans="8:8">
      <c r="H401766" s="12"/>
    </row>
    <row r="401767" spans="8:8">
      <c r="H401767" s="12"/>
    </row>
    <row r="401768" spans="8:8">
      <c r="H401768" s="12"/>
    </row>
    <row r="401769" spans="8:8">
      <c r="H401769" s="12"/>
    </row>
    <row r="401770" spans="8:8">
      <c r="H401770" s="12"/>
    </row>
    <row r="401771" spans="8:8">
      <c r="H401771" s="12"/>
    </row>
    <row r="401772" spans="8:8">
      <c r="H401772" s="12"/>
    </row>
    <row r="401773" spans="8:8">
      <c r="H401773" s="12"/>
    </row>
    <row r="401774" spans="8:8">
      <c r="H401774" s="12"/>
    </row>
    <row r="401775" spans="8:8">
      <c r="H401775" s="12"/>
    </row>
    <row r="401776" spans="8:8">
      <c r="H401776" s="12"/>
    </row>
    <row r="401777" spans="8:8">
      <c r="H401777" s="12"/>
    </row>
    <row r="401778" spans="8:8">
      <c r="H401778" s="12"/>
    </row>
    <row r="401779" spans="8:8">
      <c r="H401779" s="12"/>
    </row>
    <row r="401780" spans="8:8">
      <c r="H401780" s="12"/>
    </row>
    <row r="401781" spans="8:8">
      <c r="H401781" s="12"/>
    </row>
    <row r="401782" spans="8:8">
      <c r="H401782" s="12"/>
    </row>
    <row r="401783" spans="8:8">
      <c r="H401783" s="12"/>
    </row>
    <row r="401784" spans="8:8">
      <c r="H401784" s="12"/>
    </row>
    <row r="401785" spans="8:8">
      <c r="H401785" s="12"/>
    </row>
    <row r="401786" spans="8:8">
      <c r="H401786" s="12"/>
    </row>
    <row r="401787" spans="8:8">
      <c r="H401787" s="12"/>
    </row>
    <row r="401788" spans="8:8">
      <c r="H401788" s="12"/>
    </row>
    <row r="401789" spans="8:8">
      <c r="H401789" s="12"/>
    </row>
    <row r="401790" spans="8:8">
      <c r="H401790" s="12"/>
    </row>
    <row r="401791" spans="8:8">
      <c r="H401791" s="12"/>
    </row>
    <row r="401792" spans="8:8">
      <c r="H401792" s="12"/>
    </row>
    <row r="401793" spans="8:8">
      <c r="H401793" s="12"/>
    </row>
    <row r="401794" spans="8:8">
      <c r="H401794" s="12"/>
    </row>
    <row r="401795" spans="8:8">
      <c r="H401795" s="12"/>
    </row>
    <row r="401796" spans="8:8">
      <c r="H401796" s="12"/>
    </row>
    <row r="401797" spans="8:8">
      <c r="H401797" s="12"/>
    </row>
    <row r="401798" spans="8:8">
      <c r="H401798" s="12"/>
    </row>
    <row r="401799" spans="8:8">
      <c r="H401799" s="12"/>
    </row>
    <row r="401800" spans="8:8">
      <c r="H401800" s="12"/>
    </row>
    <row r="401801" spans="8:8">
      <c r="H401801" s="12"/>
    </row>
    <row r="401802" spans="8:8">
      <c r="H401802" s="12"/>
    </row>
    <row r="401803" spans="8:8">
      <c r="H401803" s="12"/>
    </row>
    <row r="401804" spans="8:8">
      <c r="H401804" s="12"/>
    </row>
    <row r="401805" spans="8:8">
      <c r="H401805" s="12"/>
    </row>
    <row r="401806" spans="8:8">
      <c r="H401806" s="12"/>
    </row>
    <row r="401807" spans="8:8">
      <c r="H401807" s="12"/>
    </row>
    <row r="401808" spans="8:8">
      <c r="H401808" s="12"/>
    </row>
    <row r="401809" spans="8:8">
      <c r="H401809" s="12"/>
    </row>
    <row r="401810" spans="8:8">
      <c r="H401810" s="12"/>
    </row>
    <row r="401811" spans="8:8">
      <c r="H401811" s="12"/>
    </row>
    <row r="401812" spans="8:8">
      <c r="H401812" s="12"/>
    </row>
    <row r="401813" spans="8:8">
      <c r="H401813" s="12"/>
    </row>
    <row r="401814" spans="8:8">
      <c r="H401814" s="12"/>
    </row>
    <row r="401815" spans="8:8">
      <c r="H401815" s="12"/>
    </row>
    <row r="401816" spans="8:8">
      <c r="H401816" s="12"/>
    </row>
    <row r="401817" spans="8:8">
      <c r="H401817" s="12"/>
    </row>
    <row r="401818" spans="8:8">
      <c r="H401818" s="12"/>
    </row>
    <row r="401819" spans="8:8">
      <c r="H401819" s="12"/>
    </row>
    <row r="401820" spans="8:8">
      <c r="H401820" s="12"/>
    </row>
    <row r="401821" spans="8:8">
      <c r="H401821" s="12"/>
    </row>
    <row r="401822" spans="8:8">
      <c r="H401822" s="12"/>
    </row>
    <row r="401823" spans="8:8">
      <c r="H401823" s="12"/>
    </row>
    <row r="401824" spans="8:8">
      <c r="H401824" s="12"/>
    </row>
    <row r="401825" spans="8:8">
      <c r="H401825" s="12"/>
    </row>
    <row r="401826" spans="8:8">
      <c r="H401826" s="12"/>
    </row>
    <row r="401827" spans="8:8">
      <c r="H401827" s="12"/>
    </row>
    <row r="401828" spans="8:8">
      <c r="H401828" s="12"/>
    </row>
    <row r="401829" spans="8:8">
      <c r="H401829" s="12"/>
    </row>
    <row r="401830" spans="8:8">
      <c r="H401830" s="12"/>
    </row>
    <row r="401831" spans="8:8">
      <c r="H401831" s="12"/>
    </row>
    <row r="401832" spans="8:8">
      <c r="H401832" s="12"/>
    </row>
    <row r="401833" spans="8:8">
      <c r="H401833" s="12"/>
    </row>
    <row r="401834" spans="8:8">
      <c r="H401834" s="12"/>
    </row>
    <row r="401835" spans="8:8">
      <c r="H401835" s="12"/>
    </row>
    <row r="401836" spans="8:8">
      <c r="H401836" s="12"/>
    </row>
    <row r="401837" spans="8:8">
      <c r="H401837" s="12"/>
    </row>
    <row r="401838" spans="8:8">
      <c r="H401838" s="12"/>
    </row>
    <row r="401839" spans="8:8">
      <c r="H401839" s="12"/>
    </row>
    <row r="401840" spans="8:8">
      <c r="H401840" s="12"/>
    </row>
    <row r="401841" spans="8:8">
      <c r="H401841" s="12"/>
    </row>
    <row r="401842" spans="8:8">
      <c r="H401842" s="12"/>
    </row>
    <row r="401843" spans="8:8">
      <c r="H401843" s="12"/>
    </row>
    <row r="401844" spans="8:8">
      <c r="H401844" s="12"/>
    </row>
    <row r="401845" spans="8:8">
      <c r="H401845" s="12"/>
    </row>
    <row r="401846" spans="8:8">
      <c r="H401846" s="12"/>
    </row>
    <row r="401847" spans="8:8">
      <c r="H401847" s="12"/>
    </row>
    <row r="401848" spans="8:8">
      <c r="H401848" s="12"/>
    </row>
    <row r="401849" spans="8:8">
      <c r="H401849" s="12"/>
    </row>
    <row r="401850" spans="8:8">
      <c r="H401850" s="12"/>
    </row>
    <row r="401851" spans="8:8">
      <c r="H401851" s="12"/>
    </row>
    <row r="401852" spans="8:8">
      <c r="H401852" s="12"/>
    </row>
    <row r="401853" spans="8:8">
      <c r="H401853" s="12"/>
    </row>
    <row r="401854" spans="8:8">
      <c r="H401854" s="12"/>
    </row>
    <row r="401855" spans="8:8">
      <c r="H401855" s="12"/>
    </row>
    <row r="401856" spans="8:8">
      <c r="H401856" s="12"/>
    </row>
    <row r="401857" spans="8:8">
      <c r="H401857" s="12"/>
    </row>
    <row r="401858" spans="8:8">
      <c r="H401858" s="12"/>
    </row>
    <row r="401859" spans="8:8">
      <c r="H401859" s="12"/>
    </row>
    <row r="401860" spans="8:8">
      <c r="H401860" s="12"/>
    </row>
    <row r="401861" spans="8:8">
      <c r="H401861" s="12"/>
    </row>
    <row r="401862" spans="8:8">
      <c r="H401862" s="12"/>
    </row>
    <row r="401863" spans="8:8">
      <c r="H401863" s="12"/>
    </row>
    <row r="401864" spans="8:8">
      <c r="H401864" s="12"/>
    </row>
    <row r="401865" spans="8:8">
      <c r="H401865" s="12"/>
    </row>
    <row r="401866" spans="8:8">
      <c r="H401866" s="12"/>
    </row>
    <row r="401867" spans="8:8">
      <c r="H401867" s="12"/>
    </row>
    <row r="401868" spans="8:8">
      <c r="H401868" s="12"/>
    </row>
    <row r="401869" spans="8:8">
      <c r="H401869" s="12"/>
    </row>
    <row r="401870" spans="8:8">
      <c r="H401870" s="12"/>
    </row>
    <row r="401871" spans="8:8">
      <c r="H401871" s="12"/>
    </row>
    <row r="401872" spans="8:8">
      <c r="H401872" s="12"/>
    </row>
    <row r="401873" spans="8:8">
      <c r="H401873" s="12"/>
    </row>
    <row r="401874" spans="8:8">
      <c r="H401874" s="12"/>
    </row>
    <row r="401875" spans="8:8">
      <c r="H401875" s="12"/>
    </row>
    <row r="401876" spans="8:8">
      <c r="H401876" s="12"/>
    </row>
    <row r="401877" spans="8:8">
      <c r="H401877" s="12"/>
    </row>
    <row r="401878" spans="8:8">
      <c r="H401878" s="12"/>
    </row>
    <row r="401879" spans="8:8">
      <c r="H401879" s="12"/>
    </row>
    <row r="401880" spans="8:8">
      <c r="H401880" s="12"/>
    </row>
    <row r="401881" spans="8:8">
      <c r="H401881" s="12"/>
    </row>
    <row r="401882" spans="8:8">
      <c r="H401882" s="12"/>
    </row>
    <row r="401883" spans="8:8">
      <c r="H401883" s="12"/>
    </row>
    <row r="401884" spans="8:8">
      <c r="H401884" s="12"/>
    </row>
    <row r="401885" spans="8:8">
      <c r="H401885" s="12"/>
    </row>
    <row r="401886" spans="8:8">
      <c r="H401886" s="12"/>
    </row>
    <row r="401887" spans="8:8">
      <c r="H401887" s="12"/>
    </row>
    <row r="401888" spans="8:8">
      <c r="H401888" s="12"/>
    </row>
    <row r="401889" spans="8:8">
      <c r="H401889" s="12"/>
    </row>
    <row r="401890" spans="8:8">
      <c r="H401890" s="12"/>
    </row>
    <row r="401891" spans="8:8">
      <c r="H401891" s="12"/>
    </row>
    <row r="401892" spans="8:8">
      <c r="H401892" s="12"/>
    </row>
    <row r="401893" spans="8:8">
      <c r="H401893" s="12"/>
    </row>
    <row r="401894" spans="8:8">
      <c r="H401894" s="12"/>
    </row>
    <row r="401895" spans="8:8">
      <c r="H401895" s="12"/>
    </row>
    <row r="401896" spans="8:8">
      <c r="H401896" s="12"/>
    </row>
    <row r="401897" spans="8:8">
      <c r="H401897" s="12"/>
    </row>
    <row r="401898" spans="8:8">
      <c r="H401898" s="12"/>
    </row>
    <row r="401899" spans="8:8">
      <c r="H401899" s="12"/>
    </row>
    <row r="401900" spans="8:8">
      <c r="H401900" s="12"/>
    </row>
    <row r="401901" spans="8:8">
      <c r="H401901" s="12"/>
    </row>
    <row r="401902" spans="8:8">
      <c r="H401902" s="12"/>
    </row>
    <row r="401903" spans="8:8">
      <c r="H401903" s="12"/>
    </row>
    <row r="401904" spans="8:8">
      <c r="H401904" s="12"/>
    </row>
    <row r="401905" spans="8:8">
      <c r="H401905" s="12"/>
    </row>
    <row r="401906" spans="8:8">
      <c r="H401906" s="12"/>
    </row>
    <row r="401907" spans="8:8">
      <c r="H401907" s="12"/>
    </row>
    <row r="401908" spans="8:8">
      <c r="H401908" s="12"/>
    </row>
    <row r="401909" spans="8:8">
      <c r="H401909" s="12"/>
    </row>
    <row r="401910" spans="8:8">
      <c r="H401910" s="12"/>
    </row>
    <row r="401911" spans="8:8">
      <c r="H401911" s="12"/>
    </row>
    <row r="401912" spans="8:8">
      <c r="H401912" s="12"/>
    </row>
    <row r="401913" spans="8:8">
      <c r="H401913" s="12"/>
    </row>
    <row r="401914" spans="8:8">
      <c r="H401914" s="12"/>
    </row>
    <row r="401915" spans="8:8">
      <c r="H401915" s="12"/>
    </row>
    <row r="401916" spans="8:8">
      <c r="H401916" s="12"/>
    </row>
    <row r="401917" spans="8:8">
      <c r="H401917" s="12"/>
    </row>
    <row r="401918" spans="8:8">
      <c r="H401918" s="12"/>
    </row>
    <row r="401919" spans="8:8">
      <c r="H401919" s="12"/>
    </row>
    <row r="401920" spans="8:8">
      <c r="H401920" s="12"/>
    </row>
    <row r="401921" spans="8:8">
      <c r="H401921" s="12"/>
    </row>
    <row r="401922" spans="8:8">
      <c r="H401922" s="12"/>
    </row>
    <row r="401923" spans="8:8">
      <c r="H401923" s="12"/>
    </row>
    <row r="401924" spans="8:8">
      <c r="H401924" s="12"/>
    </row>
    <row r="401925" spans="8:8">
      <c r="H401925" s="12"/>
    </row>
    <row r="401926" spans="8:8">
      <c r="H401926" s="12"/>
    </row>
    <row r="401927" spans="8:8">
      <c r="H401927" s="12"/>
    </row>
    <row r="401928" spans="8:8">
      <c r="H401928" s="12"/>
    </row>
    <row r="401929" spans="8:8">
      <c r="H401929" s="12"/>
    </row>
    <row r="401930" spans="8:8">
      <c r="H401930" s="12"/>
    </row>
    <row r="401931" spans="8:8">
      <c r="H401931" s="12"/>
    </row>
    <row r="401932" spans="8:8">
      <c r="H401932" s="12"/>
    </row>
    <row r="401933" spans="8:8">
      <c r="H401933" s="12"/>
    </row>
    <row r="401934" spans="8:8">
      <c r="H401934" s="12"/>
    </row>
    <row r="401935" spans="8:8">
      <c r="H401935" s="12"/>
    </row>
    <row r="401936" spans="8:8">
      <c r="H401936" s="12"/>
    </row>
    <row r="401937" spans="8:8">
      <c r="H401937" s="12"/>
    </row>
    <row r="401938" spans="8:8">
      <c r="H401938" s="12"/>
    </row>
    <row r="401939" spans="8:8">
      <c r="H401939" s="12"/>
    </row>
    <row r="401940" spans="8:8">
      <c r="H401940" s="12"/>
    </row>
    <row r="401941" spans="8:8">
      <c r="H401941" s="12"/>
    </row>
    <row r="401942" spans="8:8">
      <c r="H401942" s="12"/>
    </row>
    <row r="401943" spans="8:8">
      <c r="H401943" s="12"/>
    </row>
    <row r="401944" spans="8:8">
      <c r="H401944" s="12"/>
    </row>
    <row r="401945" spans="8:8">
      <c r="H401945" s="12"/>
    </row>
    <row r="401946" spans="8:8">
      <c r="H401946" s="12"/>
    </row>
    <row r="401947" spans="8:8">
      <c r="H401947" s="12"/>
    </row>
    <row r="401948" spans="8:8">
      <c r="H401948" s="12"/>
    </row>
    <row r="401949" spans="8:8">
      <c r="H401949" s="12"/>
    </row>
    <row r="401950" spans="8:8">
      <c r="H401950" s="12"/>
    </row>
    <row r="401951" spans="8:8">
      <c r="H401951" s="12"/>
    </row>
    <row r="401952" spans="8:8">
      <c r="H401952" s="12"/>
    </row>
    <row r="401953" spans="8:8">
      <c r="H401953" s="12"/>
    </row>
    <row r="401954" spans="8:8">
      <c r="H401954" s="12"/>
    </row>
    <row r="401955" spans="8:8">
      <c r="H401955" s="12"/>
    </row>
    <row r="401956" spans="8:8">
      <c r="H401956" s="12"/>
    </row>
    <row r="401957" spans="8:8">
      <c r="H401957" s="12"/>
    </row>
    <row r="401958" spans="8:8">
      <c r="H401958" s="12"/>
    </row>
    <row r="401959" spans="8:8">
      <c r="H401959" s="12"/>
    </row>
    <row r="401960" spans="8:8">
      <c r="H401960" s="12"/>
    </row>
    <row r="401961" spans="8:8">
      <c r="H401961" s="12"/>
    </row>
    <row r="401962" spans="8:8">
      <c r="H401962" s="12"/>
    </row>
    <row r="401963" spans="8:8">
      <c r="H401963" s="12"/>
    </row>
    <row r="401964" spans="8:8">
      <c r="H401964" s="12"/>
    </row>
    <row r="401965" spans="8:8">
      <c r="H401965" s="12"/>
    </row>
    <row r="401966" spans="8:8">
      <c r="H401966" s="12"/>
    </row>
    <row r="401967" spans="8:8">
      <c r="H401967" s="12"/>
    </row>
    <row r="401968" spans="8:8">
      <c r="H401968" s="12"/>
    </row>
    <row r="401969" spans="8:8">
      <c r="H401969" s="12"/>
    </row>
    <row r="401970" spans="8:8">
      <c r="H401970" s="12"/>
    </row>
    <row r="401971" spans="8:8">
      <c r="H401971" s="12"/>
    </row>
    <row r="401972" spans="8:8">
      <c r="H401972" s="12"/>
    </row>
    <row r="401973" spans="8:8">
      <c r="H401973" s="12"/>
    </row>
    <row r="401974" spans="8:8">
      <c r="H401974" s="12"/>
    </row>
    <row r="401975" spans="8:8">
      <c r="H401975" s="12"/>
    </row>
    <row r="401976" spans="8:8">
      <c r="H401976" s="12"/>
    </row>
    <row r="401977" spans="8:8">
      <c r="H401977" s="12"/>
    </row>
    <row r="401978" spans="8:8">
      <c r="H401978" s="12"/>
    </row>
    <row r="401979" spans="8:8">
      <c r="H401979" s="12"/>
    </row>
    <row r="401980" spans="8:8">
      <c r="H401980" s="12"/>
    </row>
    <row r="401981" spans="8:8">
      <c r="H401981" s="12"/>
    </row>
    <row r="401982" spans="8:8">
      <c r="H401982" s="12"/>
    </row>
    <row r="401983" spans="8:8">
      <c r="H401983" s="12"/>
    </row>
    <row r="401984" spans="8:8">
      <c r="H401984" s="12"/>
    </row>
    <row r="401985" spans="8:8">
      <c r="H401985" s="12"/>
    </row>
    <row r="401986" spans="8:8">
      <c r="H401986" s="12"/>
    </row>
    <row r="401987" spans="8:8">
      <c r="H401987" s="12"/>
    </row>
    <row r="401988" spans="8:8">
      <c r="H401988" s="12"/>
    </row>
    <row r="401989" spans="8:8">
      <c r="H401989" s="12"/>
    </row>
    <row r="401990" spans="8:8">
      <c r="H401990" s="12"/>
    </row>
    <row r="401991" spans="8:8">
      <c r="H401991" s="12"/>
    </row>
    <row r="401992" spans="8:8">
      <c r="H401992" s="12"/>
    </row>
    <row r="401993" spans="8:8">
      <c r="H401993" s="12"/>
    </row>
    <row r="401994" spans="8:8">
      <c r="H401994" s="12"/>
    </row>
    <row r="401995" spans="8:8">
      <c r="H401995" s="12"/>
    </row>
    <row r="401996" spans="8:8">
      <c r="H401996" s="12"/>
    </row>
    <row r="401997" spans="8:8">
      <c r="H401997" s="12"/>
    </row>
    <row r="401998" spans="8:8">
      <c r="H401998" s="12"/>
    </row>
    <row r="401999" spans="8:8">
      <c r="H401999" s="12"/>
    </row>
    <row r="402000" spans="8:8">
      <c r="H402000" s="12"/>
    </row>
    <row r="402001" spans="8:8">
      <c r="H402001" s="12"/>
    </row>
    <row r="402002" spans="8:8">
      <c r="H402002" s="12"/>
    </row>
    <row r="402003" spans="8:8">
      <c r="H402003" s="12"/>
    </row>
    <row r="402004" spans="8:8">
      <c r="H402004" s="12"/>
    </row>
    <row r="402005" spans="8:8">
      <c r="H402005" s="12"/>
    </row>
    <row r="402006" spans="8:8">
      <c r="H402006" s="12"/>
    </row>
    <row r="402007" spans="8:8">
      <c r="H402007" s="12"/>
    </row>
    <row r="402008" spans="8:8">
      <c r="H402008" s="12"/>
    </row>
    <row r="402009" spans="8:8">
      <c r="H402009" s="12"/>
    </row>
    <row r="402010" spans="8:8">
      <c r="H402010" s="12"/>
    </row>
    <row r="402011" spans="8:8">
      <c r="H402011" s="12"/>
    </row>
    <row r="402012" spans="8:8">
      <c r="H402012" s="12"/>
    </row>
    <row r="402013" spans="8:8">
      <c r="H402013" s="12"/>
    </row>
    <row r="402014" spans="8:8">
      <c r="H402014" s="12"/>
    </row>
    <row r="402015" spans="8:8">
      <c r="H402015" s="12"/>
    </row>
    <row r="402016" spans="8:8">
      <c r="H402016" s="12"/>
    </row>
    <row r="402017" spans="8:8">
      <c r="H402017" s="12"/>
    </row>
    <row r="402018" spans="8:8">
      <c r="H402018" s="12"/>
    </row>
    <row r="402019" spans="8:8">
      <c r="H402019" s="12"/>
    </row>
    <row r="402020" spans="8:8">
      <c r="H402020" s="12"/>
    </row>
    <row r="402021" spans="8:8">
      <c r="H402021" s="12"/>
    </row>
    <row r="402022" spans="8:8">
      <c r="H402022" s="12"/>
    </row>
    <row r="402023" spans="8:8">
      <c r="H402023" s="12"/>
    </row>
    <row r="402024" spans="8:8">
      <c r="H402024" s="12"/>
    </row>
    <row r="402025" spans="8:8">
      <c r="H402025" s="12"/>
    </row>
    <row r="402026" spans="8:8">
      <c r="H402026" s="12"/>
    </row>
    <row r="402027" spans="8:8">
      <c r="H402027" s="12"/>
    </row>
    <row r="402028" spans="8:8">
      <c r="H402028" s="12"/>
    </row>
    <row r="402029" spans="8:8">
      <c r="H402029" s="12"/>
    </row>
    <row r="402030" spans="8:8">
      <c r="H402030" s="12"/>
    </row>
    <row r="402031" spans="8:8">
      <c r="H402031" s="12"/>
    </row>
    <row r="402032" spans="8:8">
      <c r="H402032" s="12"/>
    </row>
    <row r="402033" spans="8:8">
      <c r="H402033" s="12"/>
    </row>
    <row r="402034" spans="8:8">
      <c r="H402034" s="12"/>
    </row>
    <row r="402035" spans="8:8">
      <c r="H402035" s="12"/>
    </row>
    <row r="402036" spans="8:8">
      <c r="H402036" s="12"/>
    </row>
    <row r="402037" spans="8:8">
      <c r="H402037" s="12"/>
    </row>
    <row r="402038" spans="8:8">
      <c r="H402038" s="12"/>
    </row>
    <row r="402039" spans="8:8">
      <c r="H402039" s="12"/>
    </row>
    <row r="402040" spans="8:8">
      <c r="H402040" s="12"/>
    </row>
    <row r="402041" spans="8:8">
      <c r="H402041" s="12"/>
    </row>
    <row r="402042" spans="8:8">
      <c r="H402042" s="12"/>
    </row>
    <row r="402043" spans="8:8">
      <c r="H402043" s="12"/>
    </row>
    <row r="402044" spans="8:8">
      <c r="H402044" s="12"/>
    </row>
    <row r="402045" spans="8:8">
      <c r="H402045" s="12"/>
    </row>
    <row r="402046" spans="8:8">
      <c r="H402046" s="12"/>
    </row>
    <row r="402047" spans="8:8">
      <c r="H402047" s="12"/>
    </row>
    <row r="402048" spans="8:8">
      <c r="H402048" s="12"/>
    </row>
    <row r="402049" spans="8:8">
      <c r="H402049" s="12"/>
    </row>
    <row r="402050" spans="8:8">
      <c r="H402050" s="12"/>
    </row>
    <row r="402051" spans="8:8">
      <c r="H402051" s="12"/>
    </row>
    <row r="402052" spans="8:8">
      <c r="H402052" s="12"/>
    </row>
    <row r="402053" spans="8:8">
      <c r="H402053" s="12"/>
    </row>
    <row r="402054" spans="8:8">
      <c r="H402054" s="12"/>
    </row>
    <row r="402055" spans="8:8">
      <c r="H402055" s="12"/>
    </row>
    <row r="402056" spans="8:8">
      <c r="H402056" s="12"/>
    </row>
    <row r="402057" spans="8:8">
      <c r="H402057" s="12"/>
    </row>
    <row r="402058" spans="8:8">
      <c r="H402058" s="12"/>
    </row>
    <row r="402059" spans="8:8">
      <c r="H402059" s="12"/>
    </row>
    <row r="402060" spans="8:8">
      <c r="H402060" s="12"/>
    </row>
    <row r="402061" spans="8:8">
      <c r="H402061" s="12"/>
    </row>
    <row r="402062" spans="8:8">
      <c r="H402062" s="12"/>
    </row>
    <row r="402063" spans="8:8">
      <c r="H402063" s="12"/>
    </row>
    <row r="402064" spans="8:8">
      <c r="H402064" s="12"/>
    </row>
    <row r="402065" spans="8:8">
      <c r="H402065" s="12"/>
    </row>
    <row r="402066" spans="8:8">
      <c r="H402066" s="12"/>
    </row>
    <row r="402067" spans="8:8">
      <c r="H402067" s="12"/>
    </row>
    <row r="402068" spans="8:8">
      <c r="H402068" s="12"/>
    </row>
    <row r="402069" spans="8:8">
      <c r="H402069" s="12"/>
    </row>
    <row r="402070" spans="8:8">
      <c r="H402070" s="12"/>
    </row>
    <row r="402071" spans="8:8">
      <c r="H402071" s="12"/>
    </row>
    <row r="402072" spans="8:8">
      <c r="H402072" s="12"/>
    </row>
    <row r="402073" spans="8:8">
      <c r="H402073" s="12"/>
    </row>
    <row r="402074" spans="8:8">
      <c r="H402074" s="12"/>
    </row>
    <row r="402075" spans="8:8">
      <c r="H402075" s="12"/>
    </row>
    <row r="402076" spans="8:8">
      <c r="H402076" s="12"/>
    </row>
    <row r="402077" spans="8:8">
      <c r="H402077" s="12"/>
    </row>
    <row r="402078" spans="8:8">
      <c r="H402078" s="12"/>
    </row>
    <row r="402079" spans="8:8">
      <c r="H402079" s="12"/>
    </row>
    <row r="402080" spans="8:8">
      <c r="H402080" s="12"/>
    </row>
    <row r="402081" spans="8:8">
      <c r="H402081" s="12"/>
    </row>
    <row r="402082" spans="8:8">
      <c r="H402082" s="12"/>
    </row>
    <row r="402083" spans="8:8">
      <c r="H402083" s="12"/>
    </row>
    <row r="402084" spans="8:8">
      <c r="H402084" s="12"/>
    </row>
    <row r="402085" spans="8:8">
      <c r="H402085" s="12"/>
    </row>
    <row r="402086" spans="8:8">
      <c r="H402086" s="12"/>
    </row>
    <row r="402087" spans="8:8">
      <c r="H402087" s="12"/>
    </row>
    <row r="402088" spans="8:8">
      <c r="H402088" s="12"/>
    </row>
    <row r="402089" spans="8:8">
      <c r="H402089" s="12"/>
    </row>
    <row r="402090" spans="8:8">
      <c r="H402090" s="12"/>
    </row>
    <row r="402091" spans="8:8">
      <c r="H402091" s="12"/>
    </row>
    <row r="402092" spans="8:8">
      <c r="H402092" s="12"/>
    </row>
    <row r="402093" spans="8:8">
      <c r="H402093" s="12"/>
    </row>
    <row r="402094" spans="8:8">
      <c r="H402094" s="12"/>
    </row>
    <row r="402095" spans="8:8">
      <c r="H402095" s="12"/>
    </row>
    <row r="402096" spans="8:8">
      <c r="H402096" s="12"/>
    </row>
    <row r="402097" spans="8:8">
      <c r="H402097" s="12"/>
    </row>
    <row r="402098" spans="8:8">
      <c r="H402098" s="12"/>
    </row>
    <row r="402099" spans="8:8">
      <c r="H402099" s="12"/>
    </row>
    <row r="402100" spans="8:8">
      <c r="H402100" s="12"/>
    </row>
    <row r="402101" spans="8:8">
      <c r="H402101" s="12"/>
    </row>
    <row r="402102" spans="8:8">
      <c r="H402102" s="12"/>
    </row>
    <row r="402103" spans="8:8">
      <c r="H402103" s="12"/>
    </row>
    <row r="402104" spans="8:8">
      <c r="H402104" s="12"/>
    </row>
    <row r="402105" spans="8:8">
      <c r="H402105" s="12"/>
    </row>
    <row r="402106" spans="8:8">
      <c r="H402106" s="12"/>
    </row>
    <row r="402107" spans="8:8">
      <c r="H402107" s="12"/>
    </row>
    <row r="402108" spans="8:8">
      <c r="H402108" s="12"/>
    </row>
    <row r="402109" spans="8:8">
      <c r="H402109" s="12"/>
    </row>
    <row r="402110" spans="8:8">
      <c r="H402110" s="12"/>
    </row>
    <row r="402111" spans="8:8">
      <c r="H402111" s="12"/>
    </row>
    <row r="402112" spans="8:8">
      <c r="H402112" s="12"/>
    </row>
    <row r="402113" spans="8:8">
      <c r="H402113" s="12"/>
    </row>
    <row r="402114" spans="8:8">
      <c r="H402114" s="12"/>
    </row>
    <row r="402115" spans="8:8">
      <c r="H402115" s="12"/>
    </row>
    <row r="402116" spans="8:8">
      <c r="H402116" s="12"/>
    </row>
    <row r="402117" spans="8:8">
      <c r="H402117" s="12"/>
    </row>
    <row r="402118" spans="8:8">
      <c r="H402118" s="12"/>
    </row>
    <row r="402119" spans="8:8">
      <c r="H402119" s="12"/>
    </row>
    <row r="402120" spans="8:8">
      <c r="H402120" s="12"/>
    </row>
    <row r="402121" spans="8:8">
      <c r="H402121" s="12"/>
    </row>
    <row r="402122" spans="8:8">
      <c r="H402122" s="12"/>
    </row>
    <row r="402123" spans="8:8">
      <c r="H402123" s="12"/>
    </row>
    <row r="402124" spans="8:8">
      <c r="H402124" s="12"/>
    </row>
    <row r="402125" spans="8:8">
      <c r="H402125" s="12"/>
    </row>
    <row r="402126" spans="8:8">
      <c r="H402126" s="12"/>
    </row>
    <row r="402127" spans="8:8">
      <c r="H402127" s="12"/>
    </row>
    <row r="402128" spans="8:8">
      <c r="H402128" s="12"/>
    </row>
    <row r="402129" spans="8:8">
      <c r="H402129" s="12"/>
    </row>
    <row r="402130" spans="8:8">
      <c r="H402130" s="12"/>
    </row>
    <row r="402131" spans="8:8">
      <c r="H402131" s="12"/>
    </row>
    <row r="402132" spans="8:8">
      <c r="H402132" s="12"/>
    </row>
    <row r="402133" spans="8:8">
      <c r="H402133" s="12"/>
    </row>
    <row r="402134" spans="8:8">
      <c r="H402134" s="12"/>
    </row>
    <row r="402135" spans="8:8">
      <c r="H402135" s="12"/>
    </row>
    <row r="402136" spans="8:8">
      <c r="H402136" s="12"/>
    </row>
    <row r="402137" spans="8:8">
      <c r="H402137" s="12"/>
    </row>
    <row r="402138" spans="8:8">
      <c r="H402138" s="12"/>
    </row>
    <row r="402139" spans="8:8">
      <c r="H402139" s="12"/>
    </row>
    <row r="402140" spans="8:8">
      <c r="H402140" s="12"/>
    </row>
    <row r="402141" spans="8:8">
      <c r="H402141" s="12"/>
    </row>
    <row r="402142" spans="8:8">
      <c r="H402142" s="12"/>
    </row>
    <row r="402143" spans="8:8">
      <c r="H402143" s="12"/>
    </row>
    <row r="402144" spans="8:8">
      <c r="H402144" s="12"/>
    </row>
    <row r="402145" spans="8:8">
      <c r="H402145" s="12"/>
    </row>
    <row r="402146" spans="8:8">
      <c r="H402146" s="12"/>
    </row>
    <row r="402147" spans="8:8">
      <c r="H402147" s="12"/>
    </row>
    <row r="402148" spans="8:8">
      <c r="H402148" s="12"/>
    </row>
    <row r="402149" spans="8:8">
      <c r="H402149" s="12"/>
    </row>
    <row r="402150" spans="8:8">
      <c r="H402150" s="12"/>
    </row>
    <row r="402151" spans="8:8">
      <c r="H402151" s="12"/>
    </row>
    <row r="402152" spans="8:8">
      <c r="H402152" s="12"/>
    </row>
    <row r="402153" spans="8:8">
      <c r="H402153" s="12"/>
    </row>
    <row r="402154" spans="8:8">
      <c r="H402154" s="12"/>
    </row>
    <row r="402155" spans="8:8">
      <c r="H402155" s="12"/>
    </row>
    <row r="402156" spans="8:8">
      <c r="H402156" s="12"/>
    </row>
    <row r="402157" spans="8:8">
      <c r="H402157" s="12"/>
    </row>
    <row r="402158" spans="8:8">
      <c r="H402158" s="12"/>
    </row>
    <row r="402159" spans="8:8">
      <c r="H402159" s="12"/>
    </row>
    <row r="402160" spans="8:8">
      <c r="H402160" s="12"/>
    </row>
    <row r="402161" spans="8:8">
      <c r="H402161" s="12"/>
    </row>
    <row r="402162" spans="8:8">
      <c r="H402162" s="12"/>
    </row>
    <row r="402163" spans="8:8">
      <c r="H402163" s="12"/>
    </row>
    <row r="402164" spans="8:8">
      <c r="H402164" s="12"/>
    </row>
    <row r="402165" spans="8:8">
      <c r="H402165" s="12"/>
    </row>
    <row r="402166" spans="8:8">
      <c r="H402166" s="12"/>
    </row>
    <row r="402167" spans="8:8">
      <c r="H402167" s="12"/>
    </row>
    <row r="402168" spans="8:8">
      <c r="H402168" s="12"/>
    </row>
    <row r="402169" spans="8:8">
      <c r="H402169" s="12"/>
    </row>
    <row r="402170" spans="8:8">
      <c r="H402170" s="12"/>
    </row>
    <row r="402171" spans="8:8">
      <c r="H402171" s="12"/>
    </row>
    <row r="402172" spans="8:8">
      <c r="H402172" s="12"/>
    </row>
    <row r="402173" spans="8:8">
      <c r="H402173" s="12"/>
    </row>
    <row r="402174" spans="8:8">
      <c r="H402174" s="12"/>
    </row>
    <row r="402175" spans="8:8">
      <c r="H402175" s="12"/>
    </row>
    <row r="402176" spans="8:8">
      <c r="H402176" s="12"/>
    </row>
    <row r="402177" spans="8:8">
      <c r="H402177" s="12"/>
    </row>
    <row r="402178" spans="8:8">
      <c r="H402178" s="12"/>
    </row>
    <row r="402179" spans="8:8">
      <c r="H402179" s="12"/>
    </row>
    <row r="402180" spans="8:8">
      <c r="H402180" s="12"/>
    </row>
    <row r="402181" spans="8:8">
      <c r="H402181" s="12"/>
    </row>
    <row r="402182" spans="8:8">
      <c r="H402182" s="12"/>
    </row>
    <row r="402183" spans="8:8">
      <c r="H402183" s="12"/>
    </row>
    <row r="402184" spans="8:8">
      <c r="H402184" s="12"/>
    </row>
    <row r="402185" spans="8:8">
      <c r="H402185" s="12"/>
    </row>
    <row r="402186" spans="8:8">
      <c r="H402186" s="12"/>
    </row>
    <row r="402187" spans="8:8">
      <c r="H402187" s="12"/>
    </row>
    <row r="402188" spans="8:8">
      <c r="H402188" s="12"/>
    </row>
    <row r="402189" spans="8:8">
      <c r="H402189" s="12"/>
    </row>
    <row r="402190" spans="8:8">
      <c r="H402190" s="12"/>
    </row>
    <row r="402191" spans="8:8">
      <c r="H402191" s="12"/>
    </row>
    <row r="402192" spans="8:8">
      <c r="H402192" s="12"/>
    </row>
    <row r="402193" spans="8:8">
      <c r="H402193" s="12"/>
    </row>
    <row r="402194" spans="8:8">
      <c r="H402194" s="12"/>
    </row>
    <row r="402195" spans="8:8">
      <c r="H402195" s="12"/>
    </row>
    <row r="402196" spans="8:8">
      <c r="H402196" s="12"/>
    </row>
    <row r="402197" spans="8:8">
      <c r="H402197" s="12"/>
    </row>
    <row r="402198" spans="8:8">
      <c r="H402198" s="12"/>
    </row>
    <row r="402199" spans="8:8">
      <c r="H402199" s="12"/>
    </row>
    <row r="402200" spans="8:8">
      <c r="H402200" s="12"/>
    </row>
    <row r="402201" spans="8:8">
      <c r="H402201" s="12"/>
    </row>
    <row r="402202" spans="8:8">
      <c r="H402202" s="12"/>
    </row>
    <row r="402203" spans="8:8">
      <c r="H402203" s="12"/>
    </row>
    <row r="402204" spans="8:8">
      <c r="H402204" s="12"/>
    </row>
    <row r="402205" spans="8:8">
      <c r="H402205" s="12"/>
    </row>
    <row r="402206" spans="8:8">
      <c r="H402206" s="12"/>
    </row>
    <row r="402207" spans="8:8">
      <c r="H402207" s="12"/>
    </row>
    <row r="402208" spans="8:8">
      <c r="H402208" s="12"/>
    </row>
    <row r="402209" spans="8:8">
      <c r="H402209" s="12"/>
    </row>
    <row r="402210" spans="8:8">
      <c r="H402210" s="12"/>
    </row>
    <row r="402211" spans="8:8">
      <c r="H402211" s="12"/>
    </row>
    <row r="402212" spans="8:8">
      <c r="H402212" s="12"/>
    </row>
    <row r="402213" spans="8:8">
      <c r="H402213" s="12"/>
    </row>
    <row r="402214" spans="8:8">
      <c r="H402214" s="12"/>
    </row>
    <row r="402215" spans="8:8">
      <c r="H402215" s="12"/>
    </row>
    <row r="402216" spans="8:8">
      <c r="H402216" s="12"/>
    </row>
    <row r="402217" spans="8:8">
      <c r="H402217" s="12"/>
    </row>
    <row r="402218" spans="8:8">
      <c r="H402218" s="12"/>
    </row>
    <row r="402219" spans="8:8">
      <c r="H402219" s="12"/>
    </row>
    <row r="402220" spans="8:8">
      <c r="H402220" s="12"/>
    </row>
    <row r="402221" spans="8:8">
      <c r="H402221" s="12"/>
    </row>
    <row r="402222" spans="8:8">
      <c r="H402222" s="12"/>
    </row>
    <row r="402223" spans="8:8">
      <c r="H402223" s="12"/>
    </row>
    <row r="402224" spans="8:8">
      <c r="H402224" s="12"/>
    </row>
    <row r="402225" spans="8:8">
      <c r="H402225" s="12"/>
    </row>
    <row r="402226" spans="8:8">
      <c r="H402226" s="12"/>
    </row>
    <row r="402227" spans="8:8">
      <c r="H402227" s="12"/>
    </row>
    <row r="402228" spans="8:8">
      <c r="H402228" s="12"/>
    </row>
    <row r="402229" spans="8:8">
      <c r="H402229" s="12"/>
    </row>
    <row r="402230" spans="8:8">
      <c r="H402230" s="12"/>
    </row>
    <row r="402231" spans="8:8">
      <c r="H402231" s="12"/>
    </row>
    <row r="402232" spans="8:8">
      <c r="H402232" s="12"/>
    </row>
    <row r="402233" spans="8:8">
      <c r="H402233" s="12"/>
    </row>
    <row r="402234" spans="8:8">
      <c r="H402234" s="12"/>
    </row>
    <row r="402235" spans="8:8">
      <c r="H402235" s="12"/>
    </row>
    <row r="402236" spans="8:8">
      <c r="H402236" s="12"/>
    </row>
    <row r="402237" spans="8:8">
      <c r="H402237" s="12"/>
    </row>
    <row r="402238" spans="8:8">
      <c r="H402238" s="12"/>
    </row>
    <row r="402239" spans="8:8">
      <c r="H402239" s="12"/>
    </row>
    <row r="402240" spans="8:8">
      <c r="H402240" s="12"/>
    </row>
    <row r="402241" spans="8:8">
      <c r="H402241" s="12"/>
    </row>
    <row r="402242" spans="8:8">
      <c r="H402242" s="12"/>
    </row>
    <row r="402243" spans="8:8">
      <c r="H402243" s="12"/>
    </row>
    <row r="402244" spans="8:8">
      <c r="H402244" s="12"/>
    </row>
    <row r="402245" spans="8:8">
      <c r="H402245" s="12"/>
    </row>
    <row r="402246" spans="8:8">
      <c r="H402246" s="12"/>
    </row>
    <row r="402247" spans="8:8">
      <c r="H402247" s="12"/>
    </row>
    <row r="402248" spans="8:8">
      <c r="H402248" s="12"/>
    </row>
    <row r="402249" spans="8:8">
      <c r="H402249" s="12"/>
    </row>
    <row r="402250" spans="8:8">
      <c r="H402250" s="12"/>
    </row>
    <row r="402251" spans="8:8">
      <c r="H402251" s="12"/>
    </row>
    <row r="402252" spans="8:8">
      <c r="H402252" s="12"/>
    </row>
    <row r="402253" spans="8:8">
      <c r="H402253" s="12"/>
    </row>
    <row r="402254" spans="8:8">
      <c r="H402254" s="12"/>
    </row>
    <row r="402255" spans="8:8">
      <c r="H402255" s="12"/>
    </row>
    <row r="402256" spans="8:8">
      <c r="H402256" s="12"/>
    </row>
    <row r="402257" spans="8:8">
      <c r="H402257" s="12"/>
    </row>
    <row r="402258" spans="8:8">
      <c r="H402258" s="12"/>
    </row>
    <row r="402259" spans="8:8">
      <c r="H402259" s="12"/>
    </row>
    <row r="402260" spans="8:8">
      <c r="H402260" s="12"/>
    </row>
    <row r="402261" spans="8:8">
      <c r="H402261" s="12"/>
    </row>
    <row r="402262" spans="8:8">
      <c r="H402262" s="12"/>
    </row>
    <row r="402263" spans="8:8">
      <c r="H402263" s="12"/>
    </row>
    <row r="402264" spans="8:8">
      <c r="H402264" s="12"/>
    </row>
    <row r="402265" spans="8:8">
      <c r="H402265" s="12"/>
    </row>
    <row r="402266" spans="8:8">
      <c r="H402266" s="12"/>
    </row>
    <row r="402267" spans="8:8">
      <c r="H402267" s="12"/>
    </row>
    <row r="402268" spans="8:8">
      <c r="H402268" s="12"/>
    </row>
    <row r="402269" spans="8:8">
      <c r="H402269" s="12"/>
    </row>
    <row r="402270" spans="8:8">
      <c r="H402270" s="12"/>
    </row>
    <row r="402271" spans="8:8">
      <c r="H402271" s="12"/>
    </row>
    <row r="402272" spans="8:8">
      <c r="H402272" s="12"/>
    </row>
    <row r="402273" spans="8:8">
      <c r="H402273" s="12"/>
    </row>
    <row r="402274" spans="8:8">
      <c r="H402274" s="12"/>
    </row>
    <row r="402275" spans="8:8">
      <c r="H402275" s="12"/>
    </row>
    <row r="402276" spans="8:8">
      <c r="H402276" s="12"/>
    </row>
    <row r="402277" spans="8:8">
      <c r="H402277" s="12"/>
    </row>
    <row r="402278" spans="8:8">
      <c r="H402278" s="12"/>
    </row>
    <row r="402279" spans="8:8">
      <c r="H402279" s="12"/>
    </row>
    <row r="402280" spans="8:8">
      <c r="H402280" s="12"/>
    </row>
    <row r="402281" spans="8:8">
      <c r="H402281" s="12"/>
    </row>
    <row r="402282" spans="8:8">
      <c r="H402282" s="12"/>
    </row>
    <row r="402283" spans="8:8">
      <c r="H402283" s="12"/>
    </row>
    <row r="402284" spans="8:8">
      <c r="H402284" s="12"/>
    </row>
    <row r="402285" spans="8:8">
      <c r="H402285" s="12"/>
    </row>
    <row r="402286" spans="8:8">
      <c r="H402286" s="12"/>
    </row>
    <row r="402287" spans="8:8">
      <c r="H402287" s="12"/>
    </row>
    <row r="402288" spans="8:8">
      <c r="H402288" s="12"/>
    </row>
    <row r="402289" spans="8:8">
      <c r="H402289" s="12"/>
    </row>
    <row r="402290" spans="8:8">
      <c r="H402290" s="12"/>
    </row>
    <row r="402291" spans="8:8">
      <c r="H402291" s="12"/>
    </row>
    <row r="402292" spans="8:8">
      <c r="H402292" s="12"/>
    </row>
    <row r="402293" spans="8:8">
      <c r="H402293" s="12"/>
    </row>
    <row r="402294" spans="8:8">
      <c r="H402294" s="12"/>
    </row>
    <row r="402295" spans="8:8">
      <c r="H402295" s="12"/>
    </row>
    <row r="402296" spans="8:8">
      <c r="H402296" s="12"/>
    </row>
    <row r="402297" spans="8:8">
      <c r="H402297" s="12"/>
    </row>
    <row r="402298" spans="8:8">
      <c r="H402298" s="12"/>
    </row>
    <row r="402299" spans="8:8">
      <c r="H402299" s="12"/>
    </row>
    <row r="402300" spans="8:8">
      <c r="H402300" s="12"/>
    </row>
    <row r="402301" spans="8:8">
      <c r="H402301" s="12"/>
    </row>
    <row r="402302" spans="8:8">
      <c r="H402302" s="12"/>
    </row>
    <row r="402303" spans="8:8">
      <c r="H402303" s="12"/>
    </row>
    <row r="402304" spans="8:8">
      <c r="H402304" s="12"/>
    </row>
    <row r="402305" spans="8:8">
      <c r="H402305" s="12"/>
    </row>
    <row r="402306" spans="8:8">
      <c r="H402306" s="12"/>
    </row>
    <row r="402307" spans="8:8">
      <c r="H402307" s="12"/>
    </row>
    <row r="402308" spans="8:8">
      <c r="H402308" s="12"/>
    </row>
    <row r="402309" spans="8:8">
      <c r="H402309" s="12"/>
    </row>
    <row r="402310" spans="8:8">
      <c r="H402310" s="12"/>
    </row>
    <row r="402311" spans="8:8">
      <c r="H402311" s="12"/>
    </row>
    <row r="402312" spans="8:8">
      <c r="H402312" s="12"/>
    </row>
    <row r="402313" spans="8:8">
      <c r="H402313" s="12"/>
    </row>
    <row r="402314" spans="8:8">
      <c r="H402314" s="12"/>
    </row>
    <row r="402315" spans="8:8">
      <c r="H402315" s="12"/>
    </row>
    <row r="402316" spans="8:8">
      <c r="H402316" s="12"/>
    </row>
    <row r="402317" spans="8:8">
      <c r="H402317" s="12"/>
    </row>
    <row r="402318" spans="8:8">
      <c r="H402318" s="12"/>
    </row>
    <row r="402319" spans="8:8">
      <c r="H402319" s="12"/>
    </row>
    <row r="402320" spans="8:8">
      <c r="H402320" s="12"/>
    </row>
    <row r="402321" spans="8:8">
      <c r="H402321" s="12"/>
    </row>
    <row r="402322" spans="8:8">
      <c r="H402322" s="12"/>
    </row>
    <row r="402323" spans="8:8">
      <c r="H402323" s="12"/>
    </row>
    <row r="402324" spans="8:8">
      <c r="H402324" s="12"/>
    </row>
    <row r="402325" spans="8:8">
      <c r="H402325" s="12"/>
    </row>
    <row r="402326" spans="8:8">
      <c r="H402326" s="12"/>
    </row>
    <row r="402327" spans="8:8">
      <c r="H402327" s="12"/>
    </row>
    <row r="402328" spans="8:8">
      <c r="H402328" s="12"/>
    </row>
    <row r="402329" spans="8:8">
      <c r="H402329" s="12"/>
    </row>
    <row r="402330" spans="8:8">
      <c r="H402330" s="12"/>
    </row>
    <row r="402331" spans="8:8">
      <c r="H402331" s="12"/>
    </row>
    <row r="402332" spans="8:8">
      <c r="H402332" s="12"/>
    </row>
    <row r="402333" spans="8:8">
      <c r="H402333" s="12"/>
    </row>
    <row r="402334" spans="8:8">
      <c r="H402334" s="12"/>
    </row>
    <row r="402335" spans="8:8">
      <c r="H402335" s="12"/>
    </row>
    <row r="402336" spans="8:8">
      <c r="H402336" s="12"/>
    </row>
    <row r="402337" spans="8:8">
      <c r="H402337" s="12"/>
    </row>
    <row r="402338" spans="8:8">
      <c r="H402338" s="12"/>
    </row>
    <row r="402339" spans="8:8">
      <c r="H402339" s="12"/>
    </row>
    <row r="402340" spans="8:8">
      <c r="H402340" s="12"/>
    </row>
    <row r="402341" spans="8:8">
      <c r="H402341" s="12"/>
    </row>
    <row r="402342" spans="8:8">
      <c r="H402342" s="12"/>
    </row>
    <row r="402343" spans="8:8">
      <c r="H402343" s="12"/>
    </row>
    <row r="402344" spans="8:8">
      <c r="H402344" s="12"/>
    </row>
    <row r="402345" spans="8:8">
      <c r="H402345" s="12"/>
    </row>
    <row r="402346" spans="8:8">
      <c r="H402346" s="12"/>
    </row>
    <row r="402347" spans="8:8">
      <c r="H402347" s="12"/>
    </row>
    <row r="402348" spans="8:8">
      <c r="H402348" s="12"/>
    </row>
    <row r="402349" spans="8:8">
      <c r="H402349" s="12"/>
    </row>
    <row r="402350" spans="8:8">
      <c r="H402350" s="12"/>
    </row>
    <row r="402351" spans="8:8">
      <c r="H402351" s="12"/>
    </row>
    <row r="402352" spans="8:8">
      <c r="H402352" s="12"/>
    </row>
    <row r="402353" spans="8:8">
      <c r="H402353" s="12"/>
    </row>
    <row r="402354" spans="8:8">
      <c r="H402354" s="12"/>
    </row>
    <row r="402355" spans="8:8">
      <c r="H402355" s="12"/>
    </row>
    <row r="402356" spans="8:8">
      <c r="H402356" s="12"/>
    </row>
    <row r="402357" spans="8:8">
      <c r="H402357" s="12"/>
    </row>
    <row r="402358" spans="8:8">
      <c r="H402358" s="12"/>
    </row>
    <row r="402359" spans="8:8">
      <c r="H402359" s="12"/>
    </row>
    <row r="402360" spans="8:8">
      <c r="H402360" s="12"/>
    </row>
    <row r="402361" spans="8:8">
      <c r="H402361" s="12"/>
    </row>
    <row r="402362" spans="8:8">
      <c r="H402362" s="12"/>
    </row>
    <row r="402363" spans="8:8">
      <c r="H402363" s="12"/>
    </row>
    <row r="402364" spans="8:8">
      <c r="H402364" s="12"/>
    </row>
    <row r="402365" spans="8:8">
      <c r="H402365" s="12"/>
    </row>
    <row r="402366" spans="8:8">
      <c r="H402366" s="12"/>
    </row>
    <row r="402367" spans="8:8">
      <c r="H402367" s="12"/>
    </row>
    <row r="402368" spans="8:8">
      <c r="H402368" s="12"/>
    </row>
    <row r="402369" spans="8:8">
      <c r="H402369" s="12"/>
    </row>
    <row r="402370" spans="8:8">
      <c r="H402370" s="12"/>
    </row>
    <row r="402371" spans="8:8">
      <c r="H402371" s="12"/>
    </row>
    <row r="402372" spans="8:8">
      <c r="H402372" s="12"/>
    </row>
    <row r="402373" spans="8:8">
      <c r="H402373" s="12"/>
    </row>
    <row r="402374" spans="8:8">
      <c r="H402374" s="12"/>
    </row>
    <row r="402375" spans="8:8">
      <c r="H402375" s="12"/>
    </row>
    <row r="402376" spans="8:8">
      <c r="H402376" s="12"/>
    </row>
    <row r="402377" spans="8:8">
      <c r="H402377" s="12"/>
    </row>
    <row r="402378" spans="8:8">
      <c r="H402378" s="12"/>
    </row>
    <row r="402379" spans="8:8">
      <c r="H402379" s="12"/>
    </row>
    <row r="402380" spans="8:8">
      <c r="H402380" s="12"/>
    </row>
    <row r="402381" spans="8:8">
      <c r="H402381" s="12"/>
    </row>
    <row r="402382" spans="8:8">
      <c r="H402382" s="12"/>
    </row>
    <row r="402383" spans="8:8">
      <c r="H402383" s="12"/>
    </row>
    <row r="402384" spans="8:8">
      <c r="H402384" s="12"/>
    </row>
    <row r="402385" spans="8:8">
      <c r="H402385" s="12"/>
    </row>
    <row r="402386" spans="8:8">
      <c r="H402386" s="12"/>
    </row>
    <row r="402387" spans="8:8">
      <c r="H402387" s="12"/>
    </row>
    <row r="402388" spans="8:8">
      <c r="H402388" s="12"/>
    </row>
    <row r="402389" spans="8:8">
      <c r="H402389" s="12"/>
    </row>
    <row r="402390" spans="8:8">
      <c r="H402390" s="12"/>
    </row>
    <row r="402391" spans="8:8">
      <c r="H402391" s="12"/>
    </row>
    <row r="402392" spans="8:8">
      <c r="H402392" s="12"/>
    </row>
    <row r="402393" spans="8:8">
      <c r="H402393" s="12"/>
    </row>
    <row r="402394" spans="8:8">
      <c r="H402394" s="12"/>
    </row>
    <row r="402395" spans="8:8">
      <c r="H402395" s="12"/>
    </row>
    <row r="402396" spans="8:8">
      <c r="H402396" s="12"/>
    </row>
    <row r="402397" spans="8:8">
      <c r="H402397" s="12"/>
    </row>
    <row r="402398" spans="8:8">
      <c r="H402398" s="12"/>
    </row>
    <row r="402399" spans="8:8">
      <c r="H402399" s="12"/>
    </row>
    <row r="402400" spans="8:8">
      <c r="H402400" s="12"/>
    </row>
    <row r="402401" spans="8:8">
      <c r="H402401" s="12"/>
    </row>
    <row r="402402" spans="8:8">
      <c r="H402402" s="12"/>
    </row>
    <row r="402403" spans="8:8">
      <c r="H402403" s="12"/>
    </row>
    <row r="402404" spans="8:8">
      <c r="H402404" s="12"/>
    </row>
    <row r="402405" spans="8:8">
      <c r="H402405" s="12"/>
    </row>
    <row r="402406" spans="8:8">
      <c r="H402406" s="12"/>
    </row>
    <row r="402407" spans="8:8">
      <c r="H402407" s="12"/>
    </row>
    <row r="402408" spans="8:8">
      <c r="H402408" s="12"/>
    </row>
    <row r="402409" spans="8:8">
      <c r="H402409" s="12"/>
    </row>
    <row r="402410" spans="8:8">
      <c r="H402410" s="12"/>
    </row>
    <row r="402411" spans="8:8">
      <c r="H402411" s="12"/>
    </row>
    <row r="402412" spans="8:8">
      <c r="H402412" s="12"/>
    </row>
    <row r="402413" spans="8:8">
      <c r="H402413" s="12"/>
    </row>
    <row r="402414" spans="8:8">
      <c r="H402414" s="12"/>
    </row>
    <row r="402415" spans="8:8">
      <c r="H402415" s="12"/>
    </row>
    <row r="402416" spans="8:8">
      <c r="H402416" s="12"/>
    </row>
    <row r="402417" spans="8:8">
      <c r="H402417" s="12"/>
    </row>
    <row r="402418" spans="8:8">
      <c r="H402418" s="12"/>
    </row>
    <row r="402419" spans="8:8">
      <c r="H402419" s="12"/>
    </row>
    <row r="402420" spans="8:8">
      <c r="H402420" s="12"/>
    </row>
    <row r="402421" spans="8:8">
      <c r="H402421" s="12"/>
    </row>
    <row r="402422" spans="8:8">
      <c r="H402422" s="12"/>
    </row>
    <row r="402423" spans="8:8">
      <c r="H402423" s="12"/>
    </row>
    <row r="402424" spans="8:8">
      <c r="H402424" s="12"/>
    </row>
    <row r="402425" spans="8:8">
      <c r="H402425" s="12"/>
    </row>
    <row r="402426" spans="8:8">
      <c r="H402426" s="12"/>
    </row>
    <row r="402427" spans="8:8">
      <c r="H402427" s="12"/>
    </row>
    <row r="402428" spans="8:8">
      <c r="H402428" s="12"/>
    </row>
    <row r="402429" spans="8:8">
      <c r="H402429" s="12"/>
    </row>
    <row r="402430" spans="8:8">
      <c r="H402430" s="12"/>
    </row>
    <row r="402431" spans="8:8">
      <c r="H402431" s="12"/>
    </row>
    <row r="402432" spans="8:8">
      <c r="H402432" s="12"/>
    </row>
    <row r="402433" spans="8:8">
      <c r="H402433" s="12"/>
    </row>
    <row r="402434" spans="8:8">
      <c r="H402434" s="12"/>
    </row>
    <row r="402435" spans="8:8">
      <c r="H402435" s="12"/>
    </row>
    <row r="402436" spans="8:8">
      <c r="H402436" s="12"/>
    </row>
    <row r="402437" spans="8:8">
      <c r="H402437" s="12"/>
    </row>
    <row r="402438" spans="8:8">
      <c r="H402438" s="12"/>
    </row>
    <row r="402439" spans="8:8">
      <c r="H402439" s="12"/>
    </row>
    <row r="402440" spans="8:8">
      <c r="H402440" s="12"/>
    </row>
    <row r="402441" spans="8:8">
      <c r="H402441" s="12"/>
    </row>
    <row r="402442" spans="8:8">
      <c r="H402442" s="12"/>
    </row>
    <row r="402443" spans="8:8">
      <c r="H402443" s="12"/>
    </row>
    <row r="402444" spans="8:8">
      <c r="H402444" s="12"/>
    </row>
    <row r="402445" spans="8:8">
      <c r="H402445" s="12"/>
    </row>
    <row r="402446" spans="8:8">
      <c r="H402446" s="12"/>
    </row>
    <row r="402447" spans="8:8">
      <c r="H402447" s="12"/>
    </row>
    <row r="402448" spans="8:8">
      <c r="H402448" s="12"/>
    </row>
    <row r="402449" spans="8:8">
      <c r="H402449" s="12"/>
    </row>
    <row r="402450" spans="8:8">
      <c r="H402450" s="12"/>
    </row>
    <row r="402451" spans="8:8">
      <c r="H402451" s="12"/>
    </row>
    <row r="402452" spans="8:8">
      <c r="H402452" s="12"/>
    </row>
    <row r="402453" spans="8:8">
      <c r="H402453" s="12"/>
    </row>
    <row r="402454" spans="8:8">
      <c r="H402454" s="12"/>
    </row>
    <row r="402455" spans="8:8">
      <c r="H402455" s="12"/>
    </row>
    <row r="402456" spans="8:8">
      <c r="H402456" s="12"/>
    </row>
    <row r="402457" spans="8:8">
      <c r="H402457" s="12"/>
    </row>
    <row r="402458" spans="8:8">
      <c r="H402458" s="12"/>
    </row>
    <row r="402459" spans="8:8">
      <c r="H402459" s="12"/>
    </row>
    <row r="402460" spans="8:8">
      <c r="H402460" s="12"/>
    </row>
    <row r="402461" spans="8:8">
      <c r="H402461" s="12"/>
    </row>
    <row r="402462" spans="8:8">
      <c r="H402462" s="12"/>
    </row>
    <row r="402463" spans="8:8">
      <c r="H402463" s="12"/>
    </row>
    <row r="402464" spans="8:8">
      <c r="H402464" s="12"/>
    </row>
    <row r="402465" spans="8:8">
      <c r="H402465" s="12"/>
    </row>
    <row r="402466" spans="8:8">
      <c r="H402466" s="12"/>
    </row>
    <row r="402467" spans="8:8">
      <c r="H402467" s="12"/>
    </row>
    <row r="402468" spans="8:8">
      <c r="H402468" s="12"/>
    </row>
    <row r="402469" spans="8:8">
      <c r="H402469" s="12"/>
    </row>
    <row r="402470" spans="8:8">
      <c r="H402470" s="12"/>
    </row>
    <row r="402471" spans="8:8">
      <c r="H402471" s="12"/>
    </row>
    <row r="402472" spans="8:8">
      <c r="H402472" s="12"/>
    </row>
    <row r="402473" spans="8:8">
      <c r="H402473" s="12"/>
    </row>
    <row r="402474" spans="8:8">
      <c r="H402474" s="12"/>
    </row>
    <row r="402475" spans="8:8">
      <c r="H402475" s="12"/>
    </row>
    <row r="402476" spans="8:8">
      <c r="H402476" s="12"/>
    </row>
    <row r="402477" spans="8:8">
      <c r="H402477" s="12"/>
    </row>
    <row r="402478" spans="8:8">
      <c r="H402478" s="12"/>
    </row>
    <row r="402479" spans="8:8">
      <c r="H402479" s="12"/>
    </row>
    <row r="402480" spans="8:8">
      <c r="H402480" s="12"/>
    </row>
    <row r="402481" spans="8:8">
      <c r="H402481" s="12"/>
    </row>
    <row r="402482" spans="8:8">
      <c r="H402482" s="12"/>
    </row>
    <row r="402483" spans="8:8">
      <c r="H402483" s="12"/>
    </row>
    <row r="402484" spans="8:8">
      <c r="H402484" s="12"/>
    </row>
    <row r="402485" spans="8:8">
      <c r="H402485" s="12"/>
    </row>
    <row r="402486" spans="8:8">
      <c r="H402486" s="12"/>
    </row>
    <row r="402487" spans="8:8">
      <c r="H402487" s="12"/>
    </row>
    <row r="402488" spans="8:8">
      <c r="H402488" s="12"/>
    </row>
    <row r="402489" spans="8:8">
      <c r="H402489" s="12"/>
    </row>
    <row r="402490" spans="8:8">
      <c r="H402490" s="12"/>
    </row>
    <row r="402491" spans="8:8">
      <c r="H402491" s="12"/>
    </row>
    <row r="402492" spans="8:8">
      <c r="H402492" s="12"/>
    </row>
    <row r="402493" spans="8:8">
      <c r="H402493" s="12"/>
    </row>
    <row r="402494" spans="8:8">
      <c r="H402494" s="12"/>
    </row>
    <row r="402495" spans="8:8">
      <c r="H402495" s="12"/>
    </row>
    <row r="402496" spans="8:8">
      <c r="H402496" s="12"/>
    </row>
    <row r="402497" spans="8:8">
      <c r="H402497" s="12"/>
    </row>
    <row r="402498" spans="8:8">
      <c r="H402498" s="12"/>
    </row>
    <row r="402499" spans="8:8">
      <c r="H402499" s="12"/>
    </row>
    <row r="402500" spans="8:8">
      <c r="H402500" s="12"/>
    </row>
    <row r="402501" spans="8:8">
      <c r="H402501" s="12"/>
    </row>
    <row r="402502" spans="8:8">
      <c r="H402502" s="12"/>
    </row>
    <row r="402503" spans="8:8">
      <c r="H402503" s="12"/>
    </row>
    <row r="402504" spans="8:8">
      <c r="H402504" s="12"/>
    </row>
    <row r="402505" spans="8:8">
      <c r="H402505" s="12"/>
    </row>
    <row r="402506" spans="8:8">
      <c r="H402506" s="12"/>
    </row>
    <row r="402507" spans="8:8">
      <c r="H402507" s="12"/>
    </row>
    <row r="402508" spans="8:8">
      <c r="H402508" s="12"/>
    </row>
    <row r="402509" spans="8:8">
      <c r="H402509" s="12"/>
    </row>
    <row r="402510" spans="8:8">
      <c r="H402510" s="12"/>
    </row>
    <row r="402511" spans="8:8">
      <c r="H402511" s="12"/>
    </row>
    <row r="402512" spans="8:8">
      <c r="H402512" s="12"/>
    </row>
    <row r="402513" spans="8:8">
      <c r="H402513" s="12"/>
    </row>
    <row r="402514" spans="8:8">
      <c r="H402514" s="12"/>
    </row>
    <row r="402515" spans="8:8">
      <c r="H402515" s="12"/>
    </row>
    <row r="402516" spans="8:8">
      <c r="H402516" s="12"/>
    </row>
    <row r="402517" spans="8:8">
      <c r="H402517" s="12"/>
    </row>
    <row r="402518" spans="8:8">
      <c r="H402518" s="12"/>
    </row>
    <row r="402519" spans="8:8">
      <c r="H402519" s="12"/>
    </row>
    <row r="402520" spans="8:8">
      <c r="H402520" s="12"/>
    </row>
    <row r="402521" spans="8:8">
      <c r="H402521" s="12"/>
    </row>
    <row r="402522" spans="8:8">
      <c r="H402522" s="12"/>
    </row>
    <row r="402523" spans="8:8">
      <c r="H402523" s="12"/>
    </row>
    <row r="402524" spans="8:8">
      <c r="H402524" s="12"/>
    </row>
    <row r="402525" spans="8:8">
      <c r="H402525" s="12"/>
    </row>
    <row r="402526" spans="8:8">
      <c r="H402526" s="12"/>
    </row>
    <row r="402527" spans="8:8">
      <c r="H402527" s="12"/>
    </row>
    <row r="402528" spans="8:8">
      <c r="H402528" s="12"/>
    </row>
    <row r="402529" spans="8:8">
      <c r="H402529" s="12"/>
    </row>
    <row r="402530" spans="8:8">
      <c r="H402530" s="12"/>
    </row>
    <row r="402531" spans="8:8">
      <c r="H402531" s="12"/>
    </row>
    <row r="402532" spans="8:8">
      <c r="H402532" s="12"/>
    </row>
    <row r="402533" spans="8:8">
      <c r="H402533" s="12"/>
    </row>
    <row r="402534" spans="8:8">
      <c r="H402534" s="12"/>
    </row>
    <row r="402535" spans="8:8">
      <c r="H402535" s="12"/>
    </row>
    <row r="402536" spans="8:8">
      <c r="H402536" s="12"/>
    </row>
    <row r="402537" spans="8:8">
      <c r="H402537" s="12"/>
    </row>
    <row r="402538" spans="8:8">
      <c r="H402538" s="12"/>
    </row>
    <row r="402539" spans="8:8">
      <c r="H402539" s="12"/>
    </row>
    <row r="402540" spans="8:8">
      <c r="H402540" s="12"/>
    </row>
    <row r="402541" spans="8:8">
      <c r="H402541" s="12"/>
    </row>
    <row r="402542" spans="8:8">
      <c r="H402542" s="12"/>
    </row>
    <row r="402543" spans="8:8">
      <c r="H402543" s="12"/>
    </row>
    <row r="402544" spans="8:8">
      <c r="H402544" s="12"/>
    </row>
    <row r="402545" spans="8:8">
      <c r="H402545" s="12"/>
    </row>
    <row r="402546" spans="8:8">
      <c r="H402546" s="12"/>
    </row>
    <row r="402547" spans="8:8">
      <c r="H402547" s="12"/>
    </row>
    <row r="402548" spans="8:8">
      <c r="H402548" s="12"/>
    </row>
    <row r="402549" spans="8:8">
      <c r="H402549" s="12"/>
    </row>
    <row r="402550" spans="8:8">
      <c r="H402550" s="12"/>
    </row>
    <row r="402551" spans="8:8">
      <c r="H402551" s="12"/>
    </row>
    <row r="402552" spans="8:8">
      <c r="H402552" s="12"/>
    </row>
    <row r="402553" spans="8:8">
      <c r="H402553" s="12"/>
    </row>
    <row r="402554" spans="8:8">
      <c r="H402554" s="12"/>
    </row>
    <row r="402555" spans="8:8">
      <c r="H402555" s="12"/>
    </row>
    <row r="402556" spans="8:8">
      <c r="H402556" s="12"/>
    </row>
    <row r="402557" spans="8:8">
      <c r="H402557" s="12"/>
    </row>
    <row r="402558" spans="8:8">
      <c r="H402558" s="12"/>
    </row>
    <row r="402559" spans="8:8">
      <c r="H402559" s="12"/>
    </row>
    <row r="402560" spans="8:8">
      <c r="H402560" s="12"/>
    </row>
    <row r="402561" spans="8:8">
      <c r="H402561" s="12"/>
    </row>
    <row r="402562" spans="8:8">
      <c r="H402562" s="12"/>
    </row>
    <row r="402563" spans="8:8">
      <c r="H402563" s="12"/>
    </row>
    <row r="402564" spans="8:8">
      <c r="H402564" s="12"/>
    </row>
    <row r="402565" spans="8:8">
      <c r="H402565" s="12"/>
    </row>
    <row r="402566" spans="8:8">
      <c r="H402566" s="12"/>
    </row>
    <row r="402567" spans="8:8">
      <c r="H402567" s="12"/>
    </row>
    <row r="402568" spans="8:8">
      <c r="H402568" s="12"/>
    </row>
    <row r="402569" spans="8:8">
      <c r="H402569" s="12"/>
    </row>
    <row r="402570" spans="8:8">
      <c r="H402570" s="12"/>
    </row>
    <row r="402571" spans="8:8">
      <c r="H402571" s="12"/>
    </row>
    <row r="402572" spans="8:8">
      <c r="H402572" s="12"/>
    </row>
    <row r="402573" spans="8:8">
      <c r="H402573" s="12"/>
    </row>
    <row r="402574" spans="8:8">
      <c r="H402574" s="12"/>
    </row>
    <row r="402575" spans="8:8">
      <c r="H402575" s="12"/>
    </row>
    <row r="402576" spans="8:8">
      <c r="H402576" s="12"/>
    </row>
    <row r="402577" spans="8:8">
      <c r="H402577" s="12"/>
    </row>
    <row r="402578" spans="8:8">
      <c r="H402578" s="12"/>
    </row>
    <row r="402579" spans="8:8">
      <c r="H402579" s="12"/>
    </row>
    <row r="402580" spans="8:8">
      <c r="H402580" s="12"/>
    </row>
    <row r="402581" spans="8:8">
      <c r="H402581" s="12"/>
    </row>
    <row r="402582" spans="8:8">
      <c r="H402582" s="12"/>
    </row>
    <row r="402583" spans="8:8">
      <c r="H402583" s="12"/>
    </row>
    <row r="402584" spans="8:8">
      <c r="H402584" s="12"/>
    </row>
    <row r="402585" spans="8:8">
      <c r="H402585" s="12"/>
    </row>
    <row r="402586" spans="8:8">
      <c r="H402586" s="12"/>
    </row>
    <row r="402587" spans="8:8">
      <c r="H402587" s="12"/>
    </row>
    <row r="402588" spans="8:8">
      <c r="H402588" s="12"/>
    </row>
    <row r="402589" spans="8:8">
      <c r="H402589" s="12"/>
    </row>
    <row r="402590" spans="8:8">
      <c r="H402590" s="12"/>
    </row>
    <row r="402591" spans="8:8">
      <c r="H402591" s="12"/>
    </row>
    <row r="402592" spans="8:8">
      <c r="H402592" s="12"/>
    </row>
    <row r="402593" spans="8:8">
      <c r="H402593" s="12"/>
    </row>
    <row r="402594" spans="8:8">
      <c r="H402594" s="12"/>
    </row>
    <row r="402595" spans="8:8">
      <c r="H402595" s="12"/>
    </row>
    <row r="402596" spans="8:8">
      <c r="H402596" s="12"/>
    </row>
    <row r="402597" spans="8:8">
      <c r="H402597" s="12"/>
    </row>
    <row r="402598" spans="8:8">
      <c r="H402598" s="12"/>
    </row>
    <row r="402599" spans="8:8">
      <c r="H402599" s="12"/>
    </row>
    <row r="402600" spans="8:8">
      <c r="H402600" s="12"/>
    </row>
    <row r="402601" spans="8:8">
      <c r="H402601" s="12"/>
    </row>
    <row r="402602" spans="8:8">
      <c r="H402602" s="12"/>
    </row>
    <row r="402603" spans="8:8">
      <c r="H402603" s="12"/>
    </row>
    <row r="402604" spans="8:8">
      <c r="H402604" s="12"/>
    </row>
    <row r="402605" spans="8:8">
      <c r="H402605" s="12"/>
    </row>
    <row r="402606" spans="8:8">
      <c r="H402606" s="12"/>
    </row>
    <row r="402607" spans="8:8">
      <c r="H402607" s="12"/>
    </row>
    <row r="402608" spans="8:8">
      <c r="H402608" s="12"/>
    </row>
    <row r="402609" spans="8:8">
      <c r="H402609" s="12"/>
    </row>
    <row r="402610" spans="8:8">
      <c r="H402610" s="12"/>
    </row>
    <row r="402611" spans="8:8">
      <c r="H402611" s="12"/>
    </row>
    <row r="402612" spans="8:8">
      <c r="H402612" s="12"/>
    </row>
    <row r="402613" spans="8:8">
      <c r="H402613" s="12"/>
    </row>
    <row r="402614" spans="8:8">
      <c r="H402614" s="12"/>
    </row>
    <row r="402615" spans="8:8">
      <c r="H402615" s="12"/>
    </row>
    <row r="402616" spans="8:8">
      <c r="H402616" s="12"/>
    </row>
    <row r="402617" spans="8:8">
      <c r="H402617" s="12"/>
    </row>
    <row r="402618" spans="8:8">
      <c r="H402618" s="12"/>
    </row>
    <row r="402619" spans="8:8">
      <c r="H402619" s="12"/>
    </row>
    <row r="402620" spans="8:8">
      <c r="H402620" s="12"/>
    </row>
    <row r="402621" spans="8:8">
      <c r="H402621" s="12"/>
    </row>
    <row r="402622" spans="8:8">
      <c r="H402622" s="12"/>
    </row>
    <row r="402623" spans="8:8">
      <c r="H402623" s="12"/>
    </row>
    <row r="402624" spans="8:8">
      <c r="H402624" s="12"/>
    </row>
    <row r="402625" spans="8:8">
      <c r="H402625" s="12"/>
    </row>
    <row r="402626" spans="8:8">
      <c r="H402626" s="12"/>
    </row>
    <row r="402627" spans="8:8">
      <c r="H402627" s="12"/>
    </row>
    <row r="402628" spans="8:8">
      <c r="H402628" s="12"/>
    </row>
    <row r="402629" spans="8:8">
      <c r="H402629" s="12"/>
    </row>
    <row r="402630" spans="8:8">
      <c r="H402630" s="12"/>
    </row>
    <row r="402631" spans="8:8">
      <c r="H402631" s="12"/>
    </row>
    <row r="402632" spans="8:8">
      <c r="H402632" s="12"/>
    </row>
    <row r="402633" spans="8:8">
      <c r="H402633" s="12"/>
    </row>
    <row r="402634" spans="8:8">
      <c r="H402634" s="12"/>
    </row>
    <row r="402635" spans="8:8">
      <c r="H402635" s="12"/>
    </row>
    <row r="402636" spans="8:8">
      <c r="H402636" s="12"/>
    </row>
    <row r="402637" spans="8:8">
      <c r="H402637" s="12"/>
    </row>
    <row r="402638" spans="8:8">
      <c r="H402638" s="12"/>
    </row>
    <row r="402639" spans="8:8">
      <c r="H402639" s="12"/>
    </row>
    <row r="402640" spans="8:8">
      <c r="H402640" s="12"/>
    </row>
    <row r="402641" spans="8:8">
      <c r="H402641" s="12"/>
    </row>
    <row r="402642" spans="8:8">
      <c r="H402642" s="12"/>
    </row>
    <row r="402643" spans="8:8">
      <c r="H402643" s="12"/>
    </row>
    <row r="402644" spans="8:8">
      <c r="H402644" s="12"/>
    </row>
    <row r="402645" spans="8:8">
      <c r="H402645" s="12"/>
    </row>
    <row r="402646" spans="8:8">
      <c r="H402646" s="12"/>
    </row>
    <row r="402647" spans="8:8">
      <c r="H402647" s="12"/>
    </row>
    <row r="402648" spans="8:8">
      <c r="H402648" s="12"/>
    </row>
    <row r="402649" spans="8:8">
      <c r="H402649" s="12"/>
    </row>
    <row r="402650" spans="8:8">
      <c r="H402650" s="12"/>
    </row>
    <row r="402651" spans="8:8">
      <c r="H402651" s="12"/>
    </row>
    <row r="402652" spans="8:8">
      <c r="H402652" s="12"/>
    </row>
    <row r="402653" spans="8:8">
      <c r="H402653" s="12"/>
    </row>
    <row r="402654" spans="8:8">
      <c r="H402654" s="12"/>
    </row>
    <row r="402655" spans="8:8">
      <c r="H402655" s="12"/>
    </row>
    <row r="402656" spans="8:8">
      <c r="H402656" s="12"/>
    </row>
    <row r="402657" spans="8:8">
      <c r="H402657" s="12"/>
    </row>
    <row r="402658" spans="8:8">
      <c r="H402658" s="12"/>
    </row>
    <row r="402659" spans="8:8">
      <c r="H402659" s="12"/>
    </row>
    <row r="402660" spans="8:8">
      <c r="H402660" s="12"/>
    </row>
    <row r="402661" spans="8:8">
      <c r="H402661" s="12"/>
    </row>
    <row r="402662" spans="8:8">
      <c r="H402662" s="12"/>
    </row>
    <row r="402663" spans="8:8">
      <c r="H402663" s="12"/>
    </row>
    <row r="402664" spans="8:8">
      <c r="H402664" s="12"/>
    </row>
    <row r="402665" spans="8:8">
      <c r="H402665" s="12"/>
    </row>
    <row r="402666" spans="8:8">
      <c r="H402666" s="12"/>
    </row>
    <row r="402667" spans="8:8">
      <c r="H402667" s="12"/>
    </row>
    <row r="402668" spans="8:8">
      <c r="H402668" s="12"/>
    </row>
    <row r="402669" spans="8:8">
      <c r="H402669" s="12"/>
    </row>
    <row r="402670" spans="8:8">
      <c r="H402670" s="12"/>
    </row>
    <row r="402671" spans="8:8">
      <c r="H402671" s="12"/>
    </row>
    <row r="402672" spans="8:8">
      <c r="H402672" s="12"/>
    </row>
    <row r="402673" spans="8:8">
      <c r="H402673" s="12"/>
    </row>
    <row r="402674" spans="8:8">
      <c r="H402674" s="12"/>
    </row>
    <row r="402675" spans="8:8">
      <c r="H402675" s="12"/>
    </row>
    <row r="402676" spans="8:8">
      <c r="H402676" s="12"/>
    </row>
    <row r="402677" spans="8:8">
      <c r="H402677" s="12"/>
    </row>
    <row r="402678" spans="8:8">
      <c r="H402678" s="12"/>
    </row>
    <row r="402679" spans="8:8">
      <c r="H402679" s="12"/>
    </row>
    <row r="402680" spans="8:8">
      <c r="H402680" s="12"/>
    </row>
    <row r="402681" spans="8:8">
      <c r="H402681" s="12"/>
    </row>
    <row r="402682" spans="8:8">
      <c r="H402682" s="12"/>
    </row>
    <row r="402683" spans="8:8">
      <c r="H402683" s="12"/>
    </row>
    <row r="402684" spans="8:8">
      <c r="H402684" s="12"/>
    </row>
    <row r="402685" spans="8:8">
      <c r="H402685" s="12"/>
    </row>
    <row r="402686" spans="8:8">
      <c r="H402686" s="12"/>
    </row>
    <row r="402687" spans="8:8">
      <c r="H402687" s="12"/>
    </row>
    <row r="402688" spans="8:8">
      <c r="H402688" s="12"/>
    </row>
    <row r="402689" spans="8:8">
      <c r="H402689" s="12"/>
    </row>
    <row r="402690" spans="8:8">
      <c r="H402690" s="12"/>
    </row>
    <row r="402691" spans="8:8">
      <c r="H402691" s="12"/>
    </row>
    <row r="402692" spans="8:8">
      <c r="H402692" s="12"/>
    </row>
    <row r="402693" spans="8:8">
      <c r="H402693" s="12"/>
    </row>
    <row r="402694" spans="8:8">
      <c r="H402694" s="12"/>
    </row>
    <row r="402695" spans="8:8">
      <c r="H402695" s="12"/>
    </row>
    <row r="402696" spans="8:8">
      <c r="H402696" s="12"/>
    </row>
    <row r="402697" spans="8:8">
      <c r="H402697" s="12"/>
    </row>
    <row r="402698" spans="8:8">
      <c r="H402698" s="12"/>
    </row>
    <row r="402699" spans="8:8">
      <c r="H402699" s="12"/>
    </row>
    <row r="402700" spans="8:8">
      <c r="H402700" s="12"/>
    </row>
    <row r="402701" spans="8:8">
      <c r="H402701" s="12"/>
    </row>
    <row r="402702" spans="8:8">
      <c r="H402702" s="12"/>
    </row>
    <row r="402703" spans="8:8">
      <c r="H402703" s="12"/>
    </row>
    <row r="402704" spans="8:8">
      <c r="H402704" s="12"/>
    </row>
    <row r="402705" spans="8:8">
      <c r="H402705" s="12"/>
    </row>
    <row r="402706" spans="8:8">
      <c r="H402706" s="12"/>
    </row>
    <row r="402707" spans="8:8">
      <c r="H402707" s="12"/>
    </row>
    <row r="402708" spans="8:8">
      <c r="H402708" s="12"/>
    </row>
    <row r="402709" spans="8:8">
      <c r="H402709" s="12"/>
    </row>
    <row r="402710" spans="8:8">
      <c r="H402710" s="12"/>
    </row>
    <row r="402711" spans="8:8">
      <c r="H402711" s="12"/>
    </row>
    <row r="402712" spans="8:8">
      <c r="H402712" s="12"/>
    </row>
    <row r="402713" spans="8:8">
      <c r="H402713" s="12"/>
    </row>
    <row r="402714" spans="8:8">
      <c r="H402714" s="12"/>
    </row>
    <row r="402715" spans="8:8">
      <c r="H402715" s="12"/>
    </row>
    <row r="402716" spans="8:8">
      <c r="H402716" s="12"/>
    </row>
    <row r="402717" spans="8:8">
      <c r="H402717" s="12"/>
    </row>
    <row r="402718" spans="8:8">
      <c r="H402718" s="12"/>
    </row>
    <row r="402719" spans="8:8">
      <c r="H402719" s="12"/>
    </row>
    <row r="402720" spans="8:8">
      <c r="H402720" s="12"/>
    </row>
    <row r="402721" spans="8:8">
      <c r="H402721" s="12"/>
    </row>
    <row r="402722" spans="8:8">
      <c r="H402722" s="12"/>
    </row>
    <row r="402723" spans="8:8">
      <c r="H402723" s="12"/>
    </row>
    <row r="402724" spans="8:8">
      <c r="H402724" s="12"/>
    </row>
    <row r="402725" spans="8:8">
      <c r="H402725" s="12"/>
    </row>
    <row r="402726" spans="8:8">
      <c r="H402726" s="12"/>
    </row>
    <row r="402727" spans="8:8">
      <c r="H402727" s="12"/>
    </row>
    <row r="402728" spans="8:8">
      <c r="H402728" s="12"/>
    </row>
    <row r="402729" spans="8:8">
      <c r="H402729" s="12"/>
    </row>
    <row r="402730" spans="8:8">
      <c r="H402730" s="12"/>
    </row>
    <row r="402731" spans="8:8">
      <c r="H402731" s="12"/>
    </row>
    <row r="402732" spans="8:8">
      <c r="H402732" s="12"/>
    </row>
    <row r="402733" spans="8:8">
      <c r="H402733" s="12"/>
    </row>
    <row r="402734" spans="8:8">
      <c r="H402734" s="12"/>
    </row>
    <row r="402735" spans="8:8">
      <c r="H402735" s="12"/>
    </row>
    <row r="402736" spans="8:8">
      <c r="H402736" s="12"/>
    </row>
    <row r="402737" spans="8:8">
      <c r="H402737" s="12"/>
    </row>
    <row r="402738" spans="8:8">
      <c r="H402738" s="12"/>
    </row>
    <row r="402739" spans="8:8">
      <c r="H402739" s="12"/>
    </row>
    <row r="402740" spans="8:8">
      <c r="H402740" s="12"/>
    </row>
    <row r="402741" spans="8:8">
      <c r="H402741" s="12"/>
    </row>
    <row r="402742" spans="8:8">
      <c r="H402742" s="12"/>
    </row>
    <row r="402743" spans="8:8">
      <c r="H402743" s="12"/>
    </row>
    <row r="402744" spans="8:8">
      <c r="H402744" s="12"/>
    </row>
    <row r="402745" spans="8:8">
      <c r="H402745" s="12"/>
    </row>
    <row r="402746" spans="8:8">
      <c r="H402746" s="12"/>
    </row>
    <row r="402747" spans="8:8">
      <c r="H402747" s="12"/>
    </row>
    <row r="402748" spans="8:8">
      <c r="H402748" s="12"/>
    </row>
    <row r="402749" spans="8:8">
      <c r="H402749" s="12"/>
    </row>
    <row r="402750" spans="8:8">
      <c r="H402750" s="12"/>
    </row>
    <row r="402751" spans="8:8">
      <c r="H402751" s="12"/>
    </row>
    <row r="402752" spans="8:8">
      <c r="H402752" s="12"/>
    </row>
    <row r="402753" spans="8:8">
      <c r="H402753" s="12"/>
    </row>
    <row r="402754" spans="8:8">
      <c r="H402754" s="12"/>
    </row>
    <row r="402755" spans="8:8">
      <c r="H402755" s="12"/>
    </row>
    <row r="402756" spans="8:8">
      <c r="H402756" s="12"/>
    </row>
    <row r="402757" spans="8:8">
      <c r="H402757" s="12"/>
    </row>
    <row r="402758" spans="8:8">
      <c r="H402758" s="12"/>
    </row>
    <row r="402759" spans="8:8">
      <c r="H402759" s="12"/>
    </row>
    <row r="402760" spans="8:8">
      <c r="H402760" s="12"/>
    </row>
    <row r="402761" spans="8:8">
      <c r="H402761" s="12"/>
    </row>
    <row r="402762" spans="8:8">
      <c r="H402762" s="12"/>
    </row>
    <row r="402763" spans="8:8">
      <c r="H402763" s="12"/>
    </row>
    <row r="402764" spans="8:8">
      <c r="H402764" s="12"/>
    </row>
    <row r="402765" spans="8:8">
      <c r="H402765" s="12"/>
    </row>
    <row r="402766" spans="8:8">
      <c r="H402766" s="12"/>
    </row>
    <row r="402767" spans="8:8">
      <c r="H402767" s="12"/>
    </row>
    <row r="402768" spans="8:8">
      <c r="H402768" s="12"/>
    </row>
    <row r="402769" spans="8:8">
      <c r="H402769" s="12"/>
    </row>
    <row r="402770" spans="8:8">
      <c r="H402770" s="12"/>
    </row>
    <row r="402771" spans="8:8">
      <c r="H402771" s="12"/>
    </row>
    <row r="402772" spans="8:8">
      <c r="H402772" s="12"/>
    </row>
    <row r="402773" spans="8:8">
      <c r="H402773" s="12"/>
    </row>
    <row r="402774" spans="8:8">
      <c r="H402774" s="12"/>
    </row>
    <row r="402775" spans="8:8">
      <c r="H402775" s="12"/>
    </row>
    <row r="402776" spans="8:8">
      <c r="H402776" s="12"/>
    </row>
    <row r="402777" spans="8:8">
      <c r="H402777" s="12"/>
    </row>
    <row r="402778" spans="8:8">
      <c r="H402778" s="12"/>
    </row>
    <row r="402779" spans="8:8">
      <c r="H402779" s="12"/>
    </row>
    <row r="402780" spans="8:8">
      <c r="H402780" s="12"/>
    </row>
    <row r="402781" spans="8:8">
      <c r="H402781" s="12"/>
    </row>
    <row r="402782" spans="8:8">
      <c r="H402782" s="12"/>
    </row>
    <row r="402783" spans="8:8">
      <c r="H402783" s="12"/>
    </row>
    <row r="402784" spans="8:8">
      <c r="H402784" s="12"/>
    </row>
    <row r="402785" spans="8:8">
      <c r="H402785" s="12"/>
    </row>
    <row r="402786" spans="8:8">
      <c r="H402786" s="12"/>
    </row>
    <row r="402787" spans="8:8">
      <c r="H402787" s="12"/>
    </row>
    <row r="402788" spans="8:8">
      <c r="H402788" s="12"/>
    </row>
    <row r="402789" spans="8:8">
      <c r="H402789" s="12"/>
    </row>
    <row r="402790" spans="8:8">
      <c r="H402790" s="12"/>
    </row>
    <row r="402791" spans="8:8">
      <c r="H402791" s="12"/>
    </row>
    <row r="402792" spans="8:8">
      <c r="H402792" s="12"/>
    </row>
    <row r="402793" spans="8:8">
      <c r="H402793" s="12"/>
    </row>
    <row r="402794" spans="8:8">
      <c r="H402794" s="12"/>
    </row>
    <row r="402795" spans="8:8">
      <c r="H402795" s="12"/>
    </row>
    <row r="402796" spans="8:8">
      <c r="H402796" s="12"/>
    </row>
    <row r="402797" spans="8:8">
      <c r="H402797" s="12"/>
    </row>
    <row r="402798" spans="8:8">
      <c r="H402798" s="12"/>
    </row>
    <row r="402799" spans="8:8">
      <c r="H402799" s="12"/>
    </row>
    <row r="402800" spans="8:8">
      <c r="H402800" s="12"/>
    </row>
    <row r="402801" spans="8:8">
      <c r="H402801" s="12"/>
    </row>
    <row r="402802" spans="8:8">
      <c r="H402802" s="12"/>
    </row>
    <row r="402803" spans="8:8">
      <c r="H402803" s="12"/>
    </row>
    <row r="402804" spans="8:8">
      <c r="H402804" s="12"/>
    </row>
    <row r="402805" spans="8:8">
      <c r="H402805" s="12"/>
    </row>
    <row r="402806" spans="8:8">
      <c r="H402806" s="12"/>
    </row>
    <row r="402807" spans="8:8">
      <c r="H402807" s="12"/>
    </row>
    <row r="402808" spans="8:8">
      <c r="H402808" s="12"/>
    </row>
    <row r="402809" spans="8:8">
      <c r="H402809" s="12"/>
    </row>
    <row r="402810" spans="8:8">
      <c r="H402810" s="12"/>
    </row>
    <row r="402811" spans="8:8">
      <c r="H402811" s="12"/>
    </row>
    <row r="402812" spans="8:8">
      <c r="H402812" s="12"/>
    </row>
    <row r="402813" spans="8:8">
      <c r="H402813" s="12"/>
    </row>
    <row r="402814" spans="8:8">
      <c r="H402814" s="12"/>
    </row>
    <row r="402815" spans="8:8">
      <c r="H402815" s="12"/>
    </row>
    <row r="402816" spans="8:8">
      <c r="H402816" s="12"/>
    </row>
    <row r="402817" spans="8:8">
      <c r="H402817" s="12"/>
    </row>
    <row r="402818" spans="8:8">
      <c r="H402818" s="12"/>
    </row>
    <row r="402819" spans="8:8">
      <c r="H402819" s="12"/>
    </row>
    <row r="402820" spans="8:8">
      <c r="H402820" s="12"/>
    </row>
    <row r="402821" spans="8:8">
      <c r="H402821" s="12"/>
    </row>
    <row r="402822" spans="8:8">
      <c r="H402822" s="12"/>
    </row>
    <row r="402823" spans="8:8">
      <c r="H402823" s="12"/>
    </row>
    <row r="402824" spans="8:8">
      <c r="H402824" s="12"/>
    </row>
    <row r="402825" spans="8:8">
      <c r="H402825" s="12"/>
    </row>
    <row r="402826" spans="8:8">
      <c r="H402826" s="12"/>
    </row>
    <row r="402827" spans="8:8">
      <c r="H402827" s="12"/>
    </row>
    <row r="402828" spans="8:8">
      <c r="H402828" s="12"/>
    </row>
    <row r="402829" spans="8:8">
      <c r="H402829" s="12"/>
    </row>
    <row r="402830" spans="8:8">
      <c r="H402830" s="12"/>
    </row>
    <row r="402831" spans="8:8">
      <c r="H402831" s="12"/>
    </row>
    <row r="402832" spans="8:8">
      <c r="H402832" s="12"/>
    </row>
    <row r="402833" spans="8:8">
      <c r="H402833" s="12"/>
    </row>
    <row r="402834" spans="8:8">
      <c r="H402834" s="12"/>
    </row>
    <row r="402835" spans="8:8">
      <c r="H402835" s="12"/>
    </row>
    <row r="402836" spans="8:8">
      <c r="H402836" s="12"/>
    </row>
    <row r="402837" spans="8:8">
      <c r="H402837" s="12"/>
    </row>
    <row r="402838" spans="8:8">
      <c r="H402838" s="12"/>
    </row>
    <row r="402839" spans="8:8">
      <c r="H402839" s="12"/>
    </row>
    <row r="402840" spans="8:8">
      <c r="H402840" s="12"/>
    </row>
    <row r="402841" spans="8:8">
      <c r="H402841" s="12"/>
    </row>
    <row r="402842" spans="8:8">
      <c r="H402842" s="12"/>
    </row>
    <row r="402843" spans="8:8">
      <c r="H402843" s="12"/>
    </row>
    <row r="402844" spans="8:8">
      <c r="H402844" s="12"/>
    </row>
    <row r="402845" spans="8:8">
      <c r="H402845" s="12"/>
    </row>
    <row r="402846" spans="8:8">
      <c r="H402846" s="12"/>
    </row>
    <row r="402847" spans="8:8">
      <c r="H402847" s="12"/>
    </row>
    <row r="402848" spans="8:8">
      <c r="H402848" s="12"/>
    </row>
    <row r="402849" spans="8:8">
      <c r="H402849" s="12"/>
    </row>
    <row r="402850" spans="8:8">
      <c r="H402850" s="12"/>
    </row>
    <row r="402851" spans="8:8">
      <c r="H402851" s="12"/>
    </row>
    <row r="402852" spans="8:8">
      <c r="H402852" s="12"/>
    </row>
    <row r="402853" spans="8:8">
      <c r="H402853" s="12"/>
    </row>
    <row r="402854" spans="8:8">
      <c r="H402854" s="12"/>
    </row>
    <row r="402855" spans="8:8">
      <c r="H402855" s="12"/>
    </row>
    <row r="402856" spans="8:8">
      <c r="H402856" s="12"/>
    </row>
    <row r="402857" spans="8:8">
      <c r="H402857" s="12"/>
    </row>
    <row r="402858" spans="8:8">
      <c r="H402858" s="12"/>
    </row>
    <row r="402859" spans="8:8">
      <c r="H402859" s="12"/>
    </row>
    <row r="402860" spans="8:8">
      <c r="H402860" s="12"/>
    </row>
    <row r="402861" spans="8:8">
      <c r="H402861" s="12"/>
    </row>
    <row r="402862" spans="8:8">
      <c r="H402862" s="12"/>
    </row>
    <row r="402863" spans="8:8">
      <c r="H402863" s="12"/>
    </row>
    <row r="402864" spans="8:8">
      <c r="H402864" s="12"/>
    </row>
    <row r="402865" spans="8:8">
      <c r="H402865" s="12"/>
    </row>
    <row r="402866" spans="8:8">
      <c r="H402866" s="12"/>
    </row>
    <row r="402867" spans="8:8">
      <c r="H402867" s="12"/>
    </row>
    <row r="402868" spans="8:8">
      <c r="H402868" s="12"/>
    </row>
    <row r="402869" spans="8:8">
      <c r="H402869" s="12"/>
    </row>
    <row r="402870" spans="8:8">
      <c r="H402870" s="12"/>
    </row>
    <row r="402871" spans="8:8">
      <c r="H402871" s="12"/>
    </row>
    <row r="402872" spans="8:8">
      <c r="H402872" s="12"/>
    </row>
    <row r="402873" spans="8:8">
      <c r="H402873" s="12"/>
    </row>
    <row r="402874" spans="8:8">
      <c r="H402874" s="12"/>
    </row>
    <row r="402875" spans="8:8">
      <c r="H402875" s="12"/>
    </row>
    <row r="402876" spans="8:8">
      <c r="H402876" s="12"/>
    </row>
    <row r="402877" spans="8:8">
      <c r="H402877" s="12"/>
    </row>
    <row r="402878" spans="8:8">
      <c r="H402878" s="12"/>
    </row>
    <row r="402879" spans="8:8">
      <c r="H402879" s="12"/>
    </row>
    <row r="402880" spans="8:8">
      <c r="H402880" s="12"/>
    </row>
    <row r="402881" spans="8:8">
      <c r="H402881" s="12"/>
    </row>
    <row r="402882" spans="8:8">
      <c r="H402882" s="12"/>
    </row>
    <row r="402883" spans="8:8">
      <c r="H402883" s="12"/>
    </row>
    <row r="402884" spans="8:8">
      <c r="H402884" s="12"/>
    </row>
    <row r="402885" spans="8:8">
      <c r="H402885" s="12"/>
    </row>
    <row r="402886" spans="8:8">
      <c r="H402886" s="12"/>
    </row>
    <row r="402887" spans="8:8">
      <c r="H402887" s="12"/>
    </row>
    <row r="402888" spans="8:8">
      <c r="H402888" s="12"/>
    </row>
    <row r="402889" spans="8:8">
      <c r="H402889" s="12"/>
    </row>
    <row r="402890" spans="8:8">
      <c r="H402890" s="12"/>
    </row>
    <row r="402891" spans="8:8">
      <c r="H402891" s="12"/>
    </row>
    <row r="402892" spans="8:8">
      <c r="H402892" s="12"/>
    </row>
    <row r="402893" spans="8:8">
      <c r="H402893" s="12"/>
    </row>
    <row r="402894" spans="8:8">
      <c r="H402894" s="12"/>
    </row>
    <row r="402895" spans="8:8">
      <c r="H402895" s="12"/>
    </row>
    <row r="402896" spans="8:8">
      <c r="H402896" s="12"/>
    </row>
    <row r="402897" spans="8:8">
      <c r="H402897" s="12"/>
    </row>
    <row r="402898" spans="8:8">
      <c r="H402898" s="12"/>
    </row>
    <row r="402899" spans="8:8">
      <c r="H402899" s="12"/>
    </row>
    <row r="402900" spans="8:8">
      <c r="H402900" s="12"/>
    </row>
    <row r="402901" spans="8:8">
      <c r="H402901" s="12"/>
    </row>
    <row r="402902" spans="8:8">
      <c r="H402902" s="12"/>
    </row>
    <row r="402903" spans="8:8">
      <c r="H402903" s="12"/>
    </row>
    <row r="402904" spans="8:8">
      <c r="H402904" s="12"/>
    </row>
    <row r="402905" spans="8:8">
      <c r="H402905" s="12"/>
    </row>
    <row r="402906" spans="8:8">
      <c r="H402906" s="12"/>
    </row>
    <row r="402907" spans="8:8">
      <c r="H402907" s="12"/>
    </row>
    <row r="402908" spans="8:8">
      <c r="H402908" s="12"/>
    </row>
    <row r="402909" spans="8:8">
      <c r="H402909" s="12"/>
    </row>
    <row r="402910" spans="8:8">
      <c r="H402910" s="12"/>
    </row>
    <row r="402911" spans="8:8">
      <c r="H402911" s="12"/>
    </row>
    <row r="402912" spans="8:8">
      <c r="H402912" s="12"/>
    </row>
    <row r="402913" spans="8:8">
      <c r="H402913" s="12"/>
    </row>
    <row r="402914" spans="8:8">
      <c r="H402914" s="12"/>
    </row>
    <row r="402915" spans="8:8">
      <c r="H402915" s="12"/>
    </row>
    <row r="402916" spans="8:8">
      <c r="H402916" s="12"/>
    </row>
    <row r="402917" spans="8:8">
      <c r="H402917" s="12"/>
    </row>
    <row r="402918" spans="8:8">
      <c r="H402918" s="12"/>
    </row>
    <row r="402919" spans="8:8">
      <c r="H402919" s="12"/>
    </row>
    <row r="402920" spans="8:8">
      <c r="H402920" s="12"/>
    </row>
    <row r="402921" spans="8:8">
      <c r="H402921" s="12"/>
    </row>
    <row r="402922" spans="8:8">
      <c r="H402922" s="12"/>
    </row>
    <row r="402923" spans="8:8">
      <c r="H402923" s="12"/>
    </row>
    <row r="402924" spans="8:8">
      <c r="H402924" s="12"/>
    </row>
    <row r="402925" spans="8:8">
      <c r="H402925" s="12"/>
    </row>
    <row r="402926" spans="8:8">
      <c r="H402926" s="12"/>
    </row>
    <row r="402927" spans="8:8">
      <c r="H402927" s="12"/>
    </row>
    <row r="402928" spans="8:8">
      <c r="H402928" s="12"/>
    </row>
    <row r="402929" spans="8:8">
      <c r="H402929" s="12"/>
    </row>
    <row r="402930" spans="8:8">
      <c r="H402930" s="12"/>
    </row>
    <row r="402931" spans="8:8">
      <c r="H402931" s="12"/>
    </row>
    <row r="402932" spans="8:8">
      <c r="H402932" s="12"/>
    </row>
    <row r="402933" spans="8:8">
      <c r="H402933" s="12"/>
    </row>
    <row r="402934" spans="8:8">
      <c r="H402934" s="12"/>
    </row>
    <row r="402935" spans="8:8">
      <c r="H402935" s="12"/>
    </row>
    <row r="402936" spans="8:8">
      <c r="H402936" s="12"/>
    </row>
    <row r="402937" spans="8:8">
      <c r="H402937" s="12"/>
    </row>
    <row r="402938" spans="8:8">
      <c r="H402938" s="12"/>
    </row>
    <row r="402939" spans="8:8">
      <c r="H402939" s="12"/>
    </row>
    <row r="402940" spans="8:8">
      <c r="H402940" s="12"/>
    </row>
    <row r="402941" spans="8:8">
      <c r="H402941" s="12"/>
    </row>
    <row r="402942" spans="8:8">
      <c r="H402942" s="12"/>
    </row>
    <row r="402943" spans="8:8">
      <c r="H402943" s="12"/>
    </row>
    <row r="402944" spans="8:8">
      <c r="H402944" s="12"/>
    </row>
    <row r="402945" spans="8:8">
      <c r="H402945" s="12"/>
    </row>
    <row r="402946" spans="8:8">
      <c r="H402946" s="12"/>
    </row>
    <row r="402947" spans="8:8">
      <c r="H402947" s="12"/>
    </row>
    <row r="402948" spans="8:8">
      <c r="H402948" s="12"/>
    </row>
    <row r="402949" spans="8:8">
      <c r="H402949" s="12"/>
    </row>
    <row r="402950" spans="8:8">
      <c r="H402950" s="12"/>
    </row>
    <row r="402951" spans="8:8">
      <c r="H402951" s="12"/>
    </row>
    <row r="402952" spans="8:8">
      <c r="H402952" s="12"/>
    </row>
    <row r="402953" spans="8:8">
      <c r="H402953" s="12"/>
    </row>
    <row r="402954" spans="8:8">
      <c r="H402954" s="12"/>
    </row>
    <row r="402955" spans="8:8">
      <c r="H402955" s="12"/>
    </row>
    <row r="402956" spans="8:8">
      <c r="H402956" s="12"/>
    </row>
    <row r="402957" spans="8:8">
      <c r="H402957" s="12"/>
    </row>
    <row r="402958" spans="8:8">
      <c r="H402958" s="12"/>
    </row>
    <row r="402959" spans="8:8">
      <c r="H402959" s="12"/>
    </row>
    <row r="402960" spans="8:8">
      <c r="H402960" s="12"/>
    </row>
    <row r="402961" spans="8:8">
      <c r="H402961" s="12"/>
    </row>
    <row r="402962" spans="8:8">
      <c r="H402962" s="12"/>
    </row>
    <row r="402963" spans="8:8">
      <c r="H402963" s="12"/>
    </row>
    <row r="402964" spans="8:8">
      <c r="H402964" s="12"/>
    </row>
    <row r="402965" spans="8:8">
      <c r="H402965" s="12"/>
    </row>
    <row r="402966" spans="8:8">
      <c r="H402966" s="12"/>
    </row>
    <row r="402967" spans="8:8">
      <c r="H402967" s="12"/>
    </row>
    <row r="402968" spans="8:8">
      <c r="H402968" s="12"/>
    </row>
    <row r="402969" spans="8:8">
      <c r="H402969" s="12"/>
    </row>
    <row r="402970" spans="8:8">
      <c r="H402970" s="12"/>
    </row>
    <row r="402971" spans="8:8">
      <c r="H402971" s="12"/>
    </row>
    <row r="402972" spans="8:8">
      <c r="H402972" s="12"/>
    </row>
    <row r="402973" spans="8:8">
      <c r="H402973" s="12"/>
    </row>
    <row r="402974" spans="8:8">
      <c r="H402974" s="12"/>
    </row>
    <row r="402975" spans="8:8">
      <c r="H402975" s="12"/>
    </row>
    <row r="402976" spans="8:8">
      <c r="H402976" s="12"/>
    </row>
    <row r="402977" spans="8:8">
      <c r="H402977" s="12"/>
    </row>
    <row r="402978" spans="8:8">
      <c r="H402978" s="12"/>
    </row>
    <row r="402979" spans="8:8">
      <c r="H402979" s="12"/>
    </row>
    <row r="402980" spans="8:8">
      <c r="H402980" s="12"/>
    </row>
    <row r="402981" spans="8:8">
      <c r="H402981" s="12"/>
    </row>
    <row r="402982" spans="8:8">
      <c r="H402982" s="12"/>
    </row>
    <row r="402983" spans="8:8">
      <c r="H402983" s="12"/>
    </row>
    <row r="402984" spans="8:8">
      <c r="H402984" s="12"/>
    </row>
    <row r="402985" spans="8:8">
      <c r="H402985" s="12"/>
    </row>
    <row r="402986" spans="8:8">
      <c r="H402986" s="12"/>
    </row>
    <row r="402987" spans="8:8">
      <c r="H402987" s="12"/>
    </row>
    <row r="402988" spans="8:8">
      <c r="H402988" s="12"/>
    </row>
    <row r="402989" spans="8:8">
      <c r="H402989" s="12"/>
    </row>
    <row r="402990" spans="8:8">
      <c r="H402990" s="12"/>
    </row>
    <row r="402991" spans="8:8">
      <c r="H402991" s="12"/>
    </row>
    <row r="402992" spans="8:8">
      <c r="H402992" s="12"/>
    </row>
    <row r="402993" spans="8:8">
      <c r="H402993" s="12"/>
    </row>
    <row r="402994" spans="8:8">
      <c r="H402994" s="12"/>
    </row>
    <row r="402995" spans="8:8">
      <c r="H402995" s="12"/>
    </row>
    <row r="402996" spans="8:8">
      <c r="H402996" s="12"/>
    </row>
    <row r="402997" spans="8:8">
      <c r="H402997" s="12"/>
    </row>
    <row r="402998" spans="8:8">
      <c r="H402998" s="12"/>
    </row>
    <row r="402999" spans="8:8">
      <c r="H402999" s="12"/>
    </row>
    <row r="403000" spans="8:8">
      <c r="H403000" s="12"/>
    </row>
    <row r="403001" spans="8:8">
      <c r="H403001" s="12"/>
    </row>
    <row r="403002" spans="8:8">
      <c r="H403002" s="12"/>
    </row>
    <row r="403003" spans="8:8">
      <c r="H403003" s="12"/>
    </row>
    <row r="403004" spans="8:8">
      <c r="H403004" s="12"/>
    </row>
    <row r="403005" spans="8:8">
      <c r="H403005" s="12"/>
    </row>
    <row r="403006" spans="8:8">
      <c r="H403006" s="12"/>
    </row>
    <row r="403007" spans="8:8">
      <c r="H403007" s="12"/>
    </row>
    <row r="403008" spans="8:8">
      <c r="H403008" s="12"/>
    </row>
    <row r="403009" spans="8:8">
      <c r="H403009" s="12"/>
    </row>
    <row r="403010" spans="8:8">
      <c r="H403010" s="12"/>
    </row>
    <row r="403011" spans="8:8">
      <c r="H403011" s="12"/>
    </row>
    <row r="403012" spans="8:8">
      <c r="H403012" s="12"/>
    </row>
    <row r="403013" spans="8:8">
      <c r="H403013" s="12"/>
    </row>
    <row r="403014" spans="8:8">
      <c r="H403014" s="12"/>
    </row>
    <row r="403015" spans="8:8">
      <c r="H403015" s="12"/>
    </row>
    <row r="403016" spans="8:8">
      <c r="H403016" s="12"/>
    </row>
    <row r="403017" spans="8:8">
      <c r="H403017" s="12"/>
    </row>
    <row r="403018" spans="8:8">
      <c r="H403018" s="12"/>
    </row>
    <row r="403019" spans="8:8">
      <c r="H403019" s="12"/>
    </row>
    <row r="403020" spans="8:8">
      <c r="H403020" s="12"/>
    </row>
    <row r="403021" spans="8:8">
      <c r="H403021" s="12"/>
    </row>
    <row r="403022" spans="8:8">
      <c r="H403022" s="12"/>
    </row>
    <row r="403023" spans="8:8">
      <c r="H403023" s="12"/>
    </row>
    <row r="403024" spans="8:8">
      <c r="H403024" s="12"/>
    </row>
    <row r="403025" spans="8:8">
      <c r="H403025" s="12"/>
    </row>
    <row r="403026" spans="8:8">
      <c r="H403026" s="12"/>
    </row>
    <row r="403027" spans="8:8">
      <c r="H403027" s="12"/>
    </row>
    <row r="403028" spans="8:8">
      <c r="H403028" s="12"/>
    </row>
    <row r="403029" spans="8:8">
      <c r="H403029" s="12"/>
    </row>
    <row r="403030" spans="8:8">
      <c r="H403030" s="12"/>
    </row>
    <row r="403031" spans="8:8">
      <c r="H403031" s="12"/>
    </row>
    <row r="403032" spans="8:8">
      <c r="H403032" s="12"/>
    </row>
    <row r="403033" spans="8:8">
      <c r="H403033" s="12"/>
    </row>
    <row r="403034" spans="8:8">
      <c r="H403034" s="12"/>
    </row>
    <row r="403035" spans="8:8">
      <c r="H403035" s="12"/>
    </row>
    <row r="403036" spans="8:8">
      <c r="H403036" s="12"/>
    </row>
    <row r="403037" spans="8:8">
      <c r="H403037" s="12"/>
    </row>
    <row r="403038" spans="8:8">
      <c r="H403038" s="12"/>
    </row>
    <row r="403039" spans="8:8">
      <c r="H403039" s="12"/>
    </row>
    <row r="403040" spans="8:8">
      <c r="H403040" s="12"/>
    </row>
    <row r="403041" spans="8:8">
      <c r="H403041" s="12"/>
    </row>
    <row r="403042" spans="8:8">
      <c r="H403042" s="12"/>
    </row>
    <row r="403043" spans="8:8">
      <c r="H403043" s="12"/>
    </row>
    <row r="403044" spans="8:8">
      <c r="H403044" s="12"/>
    </row>
    <row r="403045" spans="8:8">
      <c r="H403045" s="12"/>
    </row>
    <row r="403046" spans="8:8">
      <c r="H403046" s="12"/>
    </row>
    <row r="403047" spans="8:8">
      <c r="H403047" s="12"/>
    </row>
    <row r="403048" spans="8:8">
      <c r="H403048" s="12"/>
    </row>
    <row r="403049" spans="8:8">
      <c r="H403049" s="12"/>
    </row>
    <row r="403050" spans="8:8">
      <c r="H403050" s="12"/>
    </row>
    <row r="403051" spans="8:8">
      <c r="H403051" s="12"/>
    </row>
    <row r="403052" spans="8:8">
      <c r="H403052" s="12"/>
    </row>
    <row r="403053" spans="8:8">
      <c r="H403053" s="12"/>
    </row>
    <row r="403054" spans="8:8">
      <c r="H403054" s="12"/>
    </row>
    <row r="403055" spans="8:8">
      <c r="H403055" s="12"/>
    </row>
    <row r="403056" spans="8:8">
      <c r="H403056" s="12"/>
    </row>
    <row r="403057" spans="8:8">
      <c r="H403057" s="12"/>
    </row>
    <row r="403058" spans="8:8">
      <c r="H403058" s="12"/>
    </row>
    <row r="403059" spans="8:8">
      <c r="H403059" s="12"/>
    </row>
    <row r="403060" spans="8:8">
      <c r="H403060" s="12"/>
    </row>
    <row r="403061" spans="8:8">
      <c r="H403061" s="12"/>
    </row>
    <row r="403062" spans="8:8">
      <c r="H403062" s="12"/>
    </row>
    <row r="403063" spans="8:8">
      <c r="H403063" s="12"/>
    </row>
    <row r="403064" spans="8:8">
      <c r="H403064" s="12"/>
    </row>
    <row r="403065" spans="8:8">
      <c r="H403065" s="12"/>
    </row>
    <row r="403066" spans="8:8">
      <c r="H403066" s="12"/>
    </row>
    <row r="403067" spans="8:8">
      <c r="H403067" s="12"/>
    </row>
    <row r="403068" spans="8:8">
      <c r="H403068" s="12"/>
    </row>
    <row r="403069" spans="8:8">
      <c r="H403069" s="12"/>
    </row>
    <row r="403070" spans="8:8">
      <c r="H403070" s="12"/>
    </row>
    <row r="403071" spans="8:8">
      <c r="H403071" s="12"/>
    </row>
    <row r="403072" spans="8:8">
      <c r="H403072" s="12"/>
    </row>
    <row r="403073" spans="8:8">
      <c r="H403073" s="12"/>
    </row>
    <row r="403074" spans="8:8">
      <c r="H403074" s="12"/>
    </row>
    <row r="403075" spans="8:8">
      <c r="H403075" s="12"/>
    </row>
    <row r="403076" spans="8:8">
      <c r="H403076" s="12"/>
    </row>
    <row r="403077" spans="8:8">
      <c r="H403077" s="12"/>
    </row>
    <row r="403078" spans="8:8">
      <c r="H403078" s="12"/>
    </row>
    <row r="403079" spans="8:8">
      <c r="H403079" s="12"/>
    </row>
    <row r="403080" spans="8:8">
      <c r="H403080" s="12"/>
    </row>
    <row r="403081" spans="8:8">
      <c r="H403081" s="12"/>
    </row>
    <row r="403082" spans="8:8">
      <c r="H403082" s="12"/>
    </row>
    <row r="403083" spans="8:8">
      <c r="H403083" s="12"/>
    </row>
    <row r="403084" spans="8:8">
      <c r="H403084" s="12"/>
    </row>
    <row r="403085" spans="8:8">
      <c r="H403085" s="12"/>
    </row>
    <row r="403086" spans="8:8">
      <c r="H403086" s="12"/>
    </row>
    <row r="403087" spans="8:8">
      <c r="H403087" s="12"/>
    </row>
    <row r="403088" spans="8:8">
      <c r="H403088" s="12"/>
    </row>
    <row r="403089" spans="8:8">
      <c r="H403089" s="12"/>
    </row>
    <row r="403090" spans="8:8">
      <c r="H403090" s="12"/>
    </row>
    <row r="403091" spans="8:8">
      <c r="H403091" s="12"/>
    </row>
    <row r="403092" spans="8:8">
      <c r="H403092" s="12"/>
    </row>
    <row r="403093" spans="8:8">
      <c r="H403093" s="12"/>
    </row>
    <row r="403094" spans="8:8">
      <c r="H403094" s="12"/>
    </row>
    <row r="403095" spans="8:8">
      <c r="H403095" s="12"/>
    </row>
    <row r="403096" spans="8:8">
      <c r="H403096" s="12"/>
    </row>
    <row r="403097" spans="8:8">
      <c r="H403097" s="12"/>
    </row>
    <row r="403098" spans="8:8">
      <c r="H403098" s="12"/>
    </row>
    <row r="403099" spans="8:8">
      <c r="H403099" s="12"/>
    </row>
    <row r="403100" spans="8:8">
      <c r="H403100" s="12"/>
    </row>
    <row r="403101" spans="8:8">
      <c r="H403101" s="12"/>
    </row>
    <row r="403102" spans="8:8">
      <c r="H403102" s="12"/>
    </row>
    <row r="403103" spans="8:8">
      <c r="H403103" s="12"/>
    </row>
    <row r="403104" spans="8:8">
      <c r="H403104" s="12"/>
    </row>
    <row r="403105" spans="8:8">
      <c r="H403105" s="12"/>
    </row>
    <row r="403106" spans="8:8">
      <c r="H403106" s="12"/>
    </row>
    <row r="403107" spans="8:8">
      <c r="H403107" s="12"/>
    </row>
    <row r="403108" spans="8:8">
      <c r="H403108" s="12"/>
    </row>
    <row r="403109" spans="8:8">
      <c r="H403109" s="12"/>
    </row>
    <row r="403110" spans="8:8">
      <c r="H403110" s="12"/>
    </row>
    <row r="403111" spans="8:8">
      <c r="H403111" s="12"/>
    </row>
    <row r="403112" spans="8:8">
      <c r="H403112" s="12"/>
    </row>
    <row r="403113" spans="8:8">
      <c r="H403113" s="12"/>
    </row>
    <row r="403114" spans="8:8">
      <c r="H403114" s="12"/>
    </row>
    <row r="403115" spans="8:8">
      <c r="H403115" s="12"/>
    </row>
    <row r="403116" spans="8:8">
      <c r="H403116" s="12"/>
    </row>
    <row r="403117" spans="8:8">
      <c r="H403117" s="12"/>
    </row>
    <row r="403118" spans="8:8">
      <c r="H403118" s="12"/>
    </row>
    <row r="403119" spans="8:8">
      <c r="H403119" s="12"/>
    </row>
    <row r="403120" spans="8:8">
      <c r="H403120" s="12"/>
    </row>
    <row r="403121" spans="8:8">
      <c r="H403121" s="12"/>
    </row>
    <row r="403122" spans="8:8">
      <c r="H403122" s="12"/>
    </row>
    <row r="403123" spans="8:8">
      <c r="H403123" s="12"/>
    </row>
    <row r="403124" spans="8:8">
      <c r="H403124" s="12"/>
    </row>
    <row r="403125" spans="8:8">
      <c r="H403125" s="12"/>
    </row>
    <row r="403126" spans="8:8">
      <c r="H403126" s="12"/>
    </row>
    <row r="403127" spans="8:8">
      <c r="H403127" s="12"/>
    </row>
    <row r="403128" spans="8:8">
      <c r="H403128" s="12"/>
    </row>
    <row r="403129" spans="8:8">
      <c r="H403129" s="12"/>
    </row>
    <row r="403130" spans="8:8">
      <c r="H403130" s="12"/>
    </row>
    <row r="403131" spans="8:8">
      <c r="H403131" s="12"/>
    </row>
    <row r="403132" spans="8:8">
      <c r="H403132" s="12"/>
    </row>
    <row r="403133" spans="8:8">
      <c r="H403133" s="12"/>
    </row>
    <row r="403134" spans="8:8">
      <c r="H403134" s="12"/>
    </row>
    <row r="403135" spans="8:8">
      <c r="H403135" s="12"/>
    </row>
    <row r="403136" spans="8:8">
      <c r="H403136" s="12"/>
    </row>
    <row r="403137" spans="8:8">
      <c r="H403137" s="12"/>
    </row>
    <row r="403138" spans="8:8">
      <c r="H403138" s="12"/>
    </row>
    <row r="403139" spans="8:8">
      <c r="H403139" s="12"/>
    </row>
    <row r="403140" spans="8:8">
      <c r="H403140" s="12"/>
    </row>
    <row r="403141" spans="8:8">
      <c r="H403141" s="12"/>
    </row>
    <row r="403142" spans="8:8">
      <c r="H403142" s="12"/>
    </row>
    <row r="403143" spans="8:8">
      <c r="H403143" s="12"/>
    </row>
    <row r="403144" spans="8:8">
      <c r="H403144" s="12"/>
    </row>
    <row r="403145" spans="8:8">
      <c r="H403145" s="12"/>
    </row>
    <row r="403146" spans="8:8">
      <c r="H403146" s="12"/>
    </row>
    <row r="403147" spans="8:8">
      <c r="H403147" s="12"/>
    </row>
    <row r="403148" spans="8:8">
      <c r="H403148" s="12"/>
    </row>
    <row r="403149" spans="8:8">
      <c r="H403149" s="12"/>
    </row>
    <row r="403150" spans="8:8">
      <c r="H403150" s="12"/>
    </row>
    <row r="403151" spans="8:8">
      <c r="H403151" s="12"/>
    </row>
    <row r="403152" spans="8:8">
      <c r="H403152" s="12"/>
    </row>
    <row r="403153" spans="8:8">
      <c r="H403153" s="12"/>
    </row>
    <row r="403154" spans="8:8">
      <c r="H403154" s="12"/>
    </row>
    <row r="403155" spans="8:8">
      <c r="H403155" s="12"/>
    </row>
    <row r="403156" spans="8:8">
      <c r="H403156" s="12"/>
    </row>
    <row r="403157" spans="8:8">
      <c r="H403157" s="12"/>
    </row>
    <row r="403158" spans="8:8">
      <c r="H403158" s="12"/>
    </row>
    <row r="403159" spans="8:8">
      <c r="H403159" s="12"/>
    </row>
    <row r="403160" spans="8:8">
      <c r="H403160" s="12"/>
    </row>
    <row r="403161" spans="8:8">
      <c r="H403161" s="12"/>
    </row>
    <row r="403162" spans="8:8">
      <c r="H403162" s="12"/>
    </row>
    <row r="403163" spans="8:8">
      <c r="H403163" s="12"/>
    </row>
    <row r="403164" spans="8:8">
      <c r="H403164" s="12"/>
    </row>
    <row r="403165" spans="8:8">
      <c r="H403165" s="12"/>
    </row>
    <row r="403166" spans="8:8">
      <c r="H403166" s="12"/>
    </row>
    <row r="403167" spans="8:8">
      <c r="H403167" s="12"/>
    </row>
    <row r="403168" spans="8:8">
      <c r="H403168" s="12"/>
    </row>
    <row r="403169" spans="8:8">
      <c r="H403169" s="12"/>
    </row>
    <row r="403170" spans="8:8">
      <c r="H403170" s="12"/>
    </row>
    <row r="403171" spans="8:8">
      <c r="H403171" s="12"/>
    </row>
    <row r="403172" spans="8:8">
      <c r="H403172" s="12"/>
    </row>
    <row r="403173" spans="8:8">
      <c r="H403173" s="12"/>
    </row>
    <row r="403174" spans="8:8">
      <c r="H403174" s="12"/>
    </row>
    <row r="403175" spans="8:8">
      <c r="H403175" s="12"/>
    </row>
    <row r="403176" spans="8:8">
      <c r="H403176" s="12"/>
    </row>
    <row r="403177" spans="8:8">
      <c r="H403177" s="12"/>
    </row>
    <row r="403178" spans="8:8">
      <c r="H403178" s="12"/>
    </row>
    <row r="403179" spans="8:8">
      <c r="H403179" s="12"/>
    </row>
    <row r="403180" spans="8:8">
      <c r="H403180" s="12"/>
    </row>
    <row r="403181" spans="8:8">
      <c r="H403181" s="12"/>
    </row>
    <row r="403182" spans="8:8">
      <c r="H403182" s="12"/>
    </row>
    <row r="403183" spans="8:8">
      <c r="H403183" s="12"/>
    </row>
    <row r="403184" spans="8:8">
      <c r="H403184" s="12"/>
    </row>
    <row r="403185" spans="8:8">
      <c r="H403185" s="12"/>
    </row>
    <row r="403186" spans="8:8">
      <c r="H403186" s="12"/>
    </row>
    <row r="403187" spans="8:8">
      <c r="H403187" s="12"/>
    </row>
    <row r="403188" spans="8:8">
      <c r="H403188" s="12"/>
    </row>
    <row r="403189" spans="8:8">
      <c r="H403189" s="12"/>
    </row>
    <row r="403190" spans="8:8">
      <c r="H403190" s="12"/>
    </row>
    <row r="403191" spans="8:8">
      <c r="H403191" s="12"/>
    </row>
    <row r="403192" spans="8:8">
      <c r="H403192" s="12"/>
    </row>
    <row r="403193" spans="8:8">
      <c r="H403193" s="12"/>
    </row>
    <row r="403194" spans="8:8">
      <c r="H403194" s="12"/>
    </row>
    <row r="403195" spans="8:8">
      <c r="H403195" s="12"/>
    </row>
    <row r="403196" spans="8:8">
      <c r="H403196" s="12"/>
    </row>
    <row r="403197" spans="8:8">
      <c r="H403197" s="12"/>
    </row>
    <row r="403198" spans="8:8">
      <c r="H403198" s="12"/>
    </row>
    <row r="403199" spans="8:8">
      <c r="H403199" s="12"/>
    </row>
    <row r="403200" spans="8:8">
      <c r="H403200" s="12"/>
    </row>
    <row r="403201" spans="8:8">
      <c r="H403201" s="12"/>
    </row>
    <row r="403202" spans="8:8">
      <c r="H403202" s="12"/>
    </row>
    <row r="403203" spans="8:8">
      <c r="H403203" s="12"/>
    </row>
    <row r="403204" spans="8:8">
      <c r="H403204" s="12"/>
    </row>
    <row r="403205" spans="8:8">
      <c r="H403205" s="12"/>
    </row>
    <row r="403206" spans="8:8">
      <c r="H403206" s="12"/>
    </row>
    <row r="403207" spans="8:8">
      <c r="H403207" s="12"/>
    </row>
    <row r="403208" spans="8:8">
      <c r="H403208" s="12"/>
    </row>
    <row r="403209" spans="8:8">
      <c r="H403209" s="12"/>
    </row>
    <row r="403210" spans="8:8">
      <c r="H403210" s="12"/>
    </row>
    <row r="403211" spans="8:8">
      <c r="H403211" s="12"/>
    </row>
    <row r="403212" spans="8:8">
      <c r="H403212" s="12"/>
    </row>
    <row r="403213" spans="8:8">
      <c r="H403213" s="12"/>
    </row>
    <row r="403214" spans="8:8">
      <c r="H403214" s="12"/>
    </row>
    <row r="403215" spans="8:8">
      <c r="H403215" s="12"/>
    </row>
    <row r="403216" spans="8:8">
      <c r="H403216" s="12"/>
    </row>
    <row r="403217" spans="8:8">
      <c r="H403217" s="12"/>
    </row>
    <row r="403218" spans="8:8">
      <c r="H403218" s="12"/>
    </row>
    <row r="403219" spans="8:8">
      <c r="H403219" s="12"/>
    </row>
    <row r="403220" spans="8:8">
      <c r="H403220" s="12"/>
    </row>
    <row r="403221" spans="8:8">
      <c r="H403221" s="12"/>
    </row>
    <row r="403222" spans="8:8">
      <c r="H403222" s="12"/>
    </row>
    <row r="403223" spans="8:8">
      <c r="H403223" s="12"/>
    </row>
    <row r="403224" spans="8:8">
      <c r="H403224" s="12"/>
    </row>
    <row r="403225" spans="8:8">
      <c r="H403225" s="12"/>
    </row>
    <row r="403226" spans="8:8">
      <c r="H403226" s="12"/>
    </row>
    <row r="403227" spans="8:8">
      <c r="H403227" s="12"/>
    </row>
    <row r="403228" spans="8:8">
      <c r="H403228" s="12"/>
    </row>
    <row r="403229" spans="8:8">
      <c r="H403229" s="12"/>
    </row>
    <row r="403230" spans="8:8">
      <c r="H403230" s="12"/>
    </row>
    <row r="403231" spans="8:8">
      <c r="H403231" s="12"/>
    </row>
    <row r="403232" spans="8:8">
      <c r="H403232" s="12"/>
    </row>
    <row r="403233" spans="8:8">
      <c r="H403233" s="12"/>
    </row>
    <row r="403234" spans="8:8">
      <c r="H403234" s="12"/>
    </row>
    <row r="403235" spans="8:8">
      <c r="H403235" s="12"/>
    </row>
    <row r="403236" spans="8:8">
      <c r="H403236" s="12"/>
    </row>
    <row r="403237" spans="8:8">
      <c r="H403237" s="12"/>
    </row>
    <row r="403238" spans="8:8">
      <c r="H403238" s="12"/>
    </row>
    <row r="403239" spans="8:8">
      <c r="H403239" s="12"/>
    </row>
    <row r="403240" spans="8:8">
      <c r="H403240" s="12"/>
    </row>
    <row r="403241" spans="8:8">
      <c r="H403241" s="12"/>
    </row>
    <row r="403242" spans="8:8">
      <c r="H403242" s="12"/>
    </row>
    <row r="403243" spans="8:8">
      <c r="H403243" s="12"/>
    </row>
    <row r="403244" spans="8:8">
      <c r="H403244" s="12"/>
    </row>
    <row r="403245" spans="8:8">
      <c r="H403245" s="12"/>
    </row>
    <row r="403246" spans="8:8">
      <c r="H403246" s="12"/>
    </row>
    <row r="403247" spans="8:8">
      <c r="H403247" s="12"/>
    </row>
    <row r="403248" spans="8:8">
      <c r="H403248" s="12"/>
    </row>
    <row r="403249" spans="8:8">
      <c r="H403249" s="12"/>
    </row>
    <row r="403250" spans="8:8">
      <c r="H403250" s="12"/>
    </row>
    <row r="403251" spans="8:8">
      <c r="H403251" s="12"/>
    </row>
    <row r="403252" spans="8:8">
      <c r="H403252" s="12"/>
    </row>
    <row r="403253" spans="8:8">
      <c r="H403253" s="12"/>
    </row>
    <row r="403254" spans="8:8">
      <c r="H403254" s="12"/>
    </row>
    <row r="403255" spans="8:8">
      <c r="H403255" s="12"/>
    </row>
    <row r="403256" spans="8:8">
      <c r="H403256" s="12"/>
    </row>
    <row r="403257" spans="8:8">
      <c r="H403257" s="12"/>
    </row>
    <row r="403258" spans="8:8">
      <c r="H403258" s="12"/>
    </row>
    <row r="403259" spans="8:8">
      <c r="H403259" s="12"/>
    </row>
    <row r="403260" spans="8:8">
      <c r="H403260" s="12"/>
    </row>
    <row r="403261" spans="8:8">
      <c r="H403261" s="12"/>
    </row>
    <row r="403262" spans="8:8">
      <c r="H403262" s="12"/>
    </row>
    <row r="403263" spans="8:8">
      <c r="H403263" s="12"/>
    </row>
    <row r="403264" spans="8:8">
      <c r="H403264" s="12"/>
    </row>
    <row r="403265" spans="8:8">
      <c r="H403265" s="12"/>
    </row>
    <row r="403266" spans="8:8">
      <c r="H403266" s="12"/>
    </row>
    <row r="403267" spans="8:8">
      <c r="H403267" s="12"/>
    </row>
    <row r="403268" spans="8:8">
      <c r="H403268" s="12"/>
    </row>
    <row r="403269" spans="8:8">
      <c r="H403269" s="12"/>
    </row>
    <row r="403270" spans="8:8">
      <c r="H403270" s="12"/>
    </row>
    <row r="403271" spans="8:8">
      <c r="H403271" s="12"/>
    </row>
    <row r="403272" spans="8:8">
      <c r="H403272" s="12"/>
    </row>
    <row r="403273" spans="8:8">
      <c r="H403273" s="12"/>
    </row>
    <row r="403274" spans="8:8">
      <c r="H403274" s="12"/>
    </row>
    <row r="403275" spans="8:8">
      <c r="H403275" s="12"/>
    </row>
    <row r="403276" spans="8:8">
      <c r="H403276" s="12"/>
    </row>
    <row r="403277" spans="8:8">
      <c r="H403277" s="12"/>
    </row>
    <row r="403278" spans="8:8">
      <c r="H403278" s="12"/>
    </row>
    <row r="403279" spans="8:8">
      <c r="H403279" s="12"/>
    </row>
    <row r="403280" spans="8:8">
      <c r="H403280" s="12"/>
    </row>
    <row r="403281" spans="8:8">
      <c r="H403281" s="12"/>
    </row>
    <row r="403282" spans="8:8">
      <c r="H403282" s="12"/>
    </row>
    <row r="403283" spans="8:8">
      <c r="H403283" s="12"/>
    </row>
    <row r="403284" spans="8:8">
      <c r="H403284" s="12"/>
    </row>
    <row r="403285" spans="8:8">
      <c r="H403285" s="12"/>
    </row>
    <row r="403286" spans="8:8">
      <c r="H403286" s="12"/>
    </row>
    <row r="403287" spans="8:8">
      <c r="H403287" s="12"/>
    </row>
    <row r="403288" spans="8:8">
      <c r="H403288" s="12"/>
    </row>
    <row r="403289" spans="8:8">
      <c r="H403289" s="12"/>
    </row>
    <row r="403290" spans="8:8">
      <c r="H403290" s="12"/>
    </row>
    <row r="403291" spans="8:8">
      <c r="H403291" s="12"/>
    </row>
    <row r="403292" spans="8:8">
      <c r="H403292" s="12"/>
    </row>
    <row r="403293" spans="8:8">
      <c r="H403293" s="12"/>
    </row>
    <row r="403294" spans="8:8">
      <c r="H403294" s="12"/>
    </row>
    <row r="403295" spans="8:8">
      <c r="H403295" s="12"/>
    </row>
    <row r="403296" spans="8:8">
      <c r="H403296" s="12"/>
    </row>
    <row r="403297" spans="8:8">
      <c r="H403297" s="12"/>
    </row>
    <row r="403298" spans="8:8">
      <c r="H403298" s="12"/>
    </row>
    <row r="403299" spans="8:8">
      <c r="H403299" s="12"/>
    </row>
    <row r="403300" spans="8:8">
      <c r="H403300" s="12"/>
    </row>
    <row r="403301" spans="8:8">
      <c r="H403301" s="12"/>
    </row>
    <row r="403302" spans="8:8">
      <c r="H403302" s="12"/>
    </row>
    <row r="403303" spans="8:8">
      <c r="H403303" s="12"/>
    </row>
    <row r="403304" spans="8:8">
      <c r="H403304" s="12"/>
    </row>
    <row r="403305" spans="8:8">
      <c r="H403305" s="12"/>
    </row>
    <row r="403306" spans="8:8">
      <c r="H403306" s="12"/>
    </row>
    <row r="403307" spans="8:8">
      <c r="H403307" s="12"/>
    </row>
    <row r="403308" spans="8:8">
      <c r="H403308" s="12"/>
    </row>
    <row r="403309" spans="8:8">
      <c r="H403309" s="12"/>
    </row>
    <row r="403310" spans="8:8">
      <c r="H403310" s="12"/>
    </row>
    <row r="403311" spans="8:8">
      <c r="H403311" s="12"/>
    </row>
    <row r="403312" spans="8:8">
      <c r="H403312" s="12"/>
    </row>
    <row r="403313" spans="8:8">
      <c r="H403313" s="12"/>
    </row>
    <row r="403314" spans="8:8">
      <c r="H403314" s="12"/>
    </row>
    <row r="403315" spans="8:8">
      <c r="H403315" s="12"/>
    </row>
    <row r="403316" spans="8:8">
      <c r="H403316" s="12"/>
    </row>
    <row r="403317" spans="8:8">
      <c r="H403317" s="12"/>
    </row>
    <row r="403318" spans="8:8">
      <c r="H403318" s="12"/>
    </row>
    <row r="403319" spans="8:8">
      <c r="H403319" s="12"/>
    </row>
    <row r="403320" spans="8:8">
      <c r="H403320" s="12"/>
    </row>
    <row r="403321" spans="8:8">
      <c r="H403321" s="12"/>
    </row>
    <row r="403322" spans="8:8">
      <c r="H403322" s="12"/>
    </row>
    <row r="403323" spans="8:8">
      <c r="H403323" s="12"/>
    </row>
    <row r="403324" spans="8:8">
      <c r="H403324" s="12"/>
    </row>
    <row r="403325" spans="8:8">
      <c r="H403325" s="12"/>
    </row>
    <row r="403326" spans="8:8">
      <c r="H403326" s="12"/>
    </row>
    <row r="403327" spans="8:8">
      <c r="H403327" s="12"/>
    </row>
    <row r="403328" spans="8:8">
      <c r="H403328" s="12"/>
    </row>
    <row r="403329" spans="8:8">
      <c r="H403329" s="12"/>
    </row>
    <row r="403330" spans="8:8">
      <c r="H403330" s="12"/>
    </row>
    <row r="403331" spans="8:8">
      <c r="H403331" s="12"/>
    </row>
    <row r="403332" spans="8:8">
      <c r="H403332" s="12"/>
    </row>
    <row r="403333" spans="8:8">
      <c r="H403333" s="12"/>
    </row>
    <row r="403334" spans="8:8">
      <c r="H403334" s="12"/>
    </row>
    <row r="403335" spans="8:8">
      <c r="H403335" s="12"/>
    </row>
    <row r="403336" spans="8:8">
      <c r="H403336" s="12"/>
    </row>
    <row r="403337" spans="8:8">
      <c r="H403337" s="12"/>
    </row>
    <row r="403338" spans="8:8">
      <c r="H403338" s="12"/>
    </row>
    <row r="403339" spans="8:8">
      <c r="H403339" s="12"/>
    </row>
    <row r="403340" spans="8:8">
      <c r="H403340" s="12"/>
    </row>
    <row r="403341" spans="8:8">
      <c r="H403341" s="12"/>
    </row>
    <row r="403342" spans="8:8">
      <c r="H403342" s="12"/>
    </row>
    <row r="403343" spans="8:8">
      <c r="H403343" s="12"/>
    </row>
    <row r="403344" spans="8:8">
      <c r="H403344" s="12"/>
    </row>
    <row r="403345" spans="8:8">
      <c r="H403345" s="12"/>
    </row>
    <row r="403346" spans="8:8">
      <c r="H403346" s="12"/>
    </row>
    <row r="403347" spans="8:8">
      <c r="H403347" s="12"/>
    </row>
    <row r="403348" spans="8:8">
      <c r="H403348" s="12"/>
    </row>
    <row r="403349" spans="8:8">
      <c r="H403349" s="12"/>
    </row>
    <row r="403350" spans="8:8">
      <c r="H403350" s="12"/>
    </row>
    <row r="403351" spans="8:8">
      <c r="H403351" s="12"/>
    </row>
    <row r="403352" spans="8:8">
      <c r="H403352" s="12"/>
    </row>
    <row r="403353" spans="8:8">
      <c r="H403353" s="12"/>
    </row>
    <row r="403354" spans="8:8">
      <c r="H403354" s="12"/>
    </row>
    <row r="403355" spans="8:8">
      <c r="H403355" s="12"/>
    </row>
    <row r="403356" spans="8:8">
      <c r="H403356" s="12"/>
    </row>
    <row r="403357" spans="8:8">
      <c r="H403357" s="12"/>
    </row>
    <row r="403358" spans="8:8">
      <c r="H403358" s="12"/>
    </row>
    <row r="403359" spans="8:8">
      <c r="H403359" s="12"/>
    </row>
    <row r="403360" spans="8:8">
      <c r="H403360" s="12"/>
    </row>
    <row r="403361" spans="8:8">
      <c r="H403361" s="12"/>
    </row>
    <row r="403362" spans="8:8">
      <c r="H403362" s="12"/>
    </row>
    <row r="403363" spans="8:8">
      <c r="H403363" s="12"/>
    </row>
    <row r="403364" spans="8:8">
      <c r="H403364" s="12"/>
    </row>
    <row r="403365" spans="8:8">
      <c r="H403365" s="12"/>
    </row>
    <row r="403366" spans="8:8">
      <c r="H403366" s="12"/>
    </row>
    <row r="403367" spans="8:8">
      <c r="H403367" s="12"/>
    </row>
    <row r="403368" spans="8:8">
      <c r="H403368" s="12"/>
    </row>
    <row r="403369" spans="8:8">
      <c r="H403369" s="12"/>
    </row>
    <row r="403370" spans="8:8">
      <c r="H403370" s="12"/>
    </row>
    <row r="403371" spans="8:8">
      <c r="H403371" s="12"/>
    </row>
    <row r="403372" spans="8:8">
      <c r="H403372" s="12"/>
    </row>
    <row r="403373" spans="8:8">
      <c r="H403373" s="12"/>
    </row>
    <row r="403374" spans="8:8">
      <c r="H403374" s="12"/>
    </row>
    <row r="403375" spans="8:8">
      <c r="H403375" s="12"/>
    </row>
    <row r="403376" spans="8:8">
      <c r="H403376" s="12"/>
    </row>
    <row r="403377" spans="8:8">
      <c r="H403377" s="12"/>
    </row>
    <row r="403378" spans="8:8">
      <c r="H403378" s="12"/>
    </row>
    <row r="403379" spans="8:8">
      <c r="H403379" s="12"/>
    </row>
    <row r="403380" spans="8:8">
      <c r="H403380" s="12"/>
    </row>
    <row r="403381" spans="8:8">
      <c r="H403381" s="12"/>
    </row>
    <row r="403382" spans="8:8">
      <c r="H403382" s="12"/>
    </row>
    <row r="403383" spans="8:8">
      <c r="H403383" s="12"/>
    </row>
    <row r="403384" spans="8:8">
      <c r="H403384" s="12"/>
    </row>
    <row r="403385" spans="8:8">
      <c r="H403385" s="12"/>
    </row>
    <row r="403386" spans="8:8">
      <c r="H403386" s="12"/>
    </row>
    <row r="403387" spans="8:8">
      <c r="H403387" s="12"/>
    </row>
    <row r="403388" spans="8:8">
      <c r="H403388" s="12"/>
    </row>
    <row r="403389" spans="8:8">
      <c r="H403389" s="12"/>
    </row>
    <row r="403390" spans="8:8">
      <c r="H403390" s="12"/>
    </row>
    <row r="403391" spans="8:8">
      <c r="H403391" s="12"/>
    </row>
    <row r="403392" spans="8:8">
      <c r="H403392" s="12"/>
    </row>
    <row r="403393" spans="8:8">
      <c r="H403393" s="12"/>
    </row>
    <row r="403394" spans="8:8">
      <c r="H403394" s="12"/>
    </row>
    <row r="403395" spans="8:8">
      <c r="H403395" s="12"/>
    </row>
    <row r="403396" spans="8:8">
      <c r="H403396" s="12"/>
    </row>
    <row r="403397" spans="8:8">
      <c r="H403397" s="12"/>
    </row>
    <row r="403398" spans="8:8">
      <c r="H403398" s="12"/>
    </row>
    <row r="403399" spans="8:8">
      <c r="H403399" s="12"/>
    </row>
    <row r="403400" spans="8:8">
      <c r="H403400" s="12"/>
    </row>
    <row r="403401" spans="8:8">
      <c r="H403401" s="12"/>
    </row>
    <row r="403402" spans="8:8">
      <c r="H403402" s="12"/>
    </row>
    <row r="403403" spans="8:8">
      <c r="H403403" s="12"/>
    </row>
    <row r="403404" spans="8:8">
      <c r="H403404" s="12"/>
    </row>
    <row r="403405" spans="8:8">
      <c r="H403405" s="12"/>
    </row>
    <row r="403406" spans="8:8">
      <c r="H403406" s="12"/>
    </row>
    <row r="403407" spans="8:8">
      <c r="H403407" s="12"/>
    </row>
    <row r="403408" spans="8:8">
      <c r="H403408" s="12"/>
    </row>
    <row r="403409" spans="8:8">
      <c r="H403409" s="12"/>
    </row>
    <row r="403410" spans="8:8">
      <c r="H403410" s="12"/>
    </row>
    <row r="403411" spans="8:8">
      <c r="H403411" s="12"/>
    </row>
    <row r="403412" spans="8:8">
      <c r="H403412" s="12"/>
    </row>
    <row r="403413" spans="8:8">
      <c r="H403413" s="12"/>
    </row>
    <row r="403414" spans="8:8">
      <c r="H403414" s="12"/>
    </row>
    <row r="403415" spans="8:8">
      <c r="H403415" s="12"/>
    </row>
    <row r="403416" spans="8:8">
      <c r="H403416" s="12"/>
    </row>
    <row r="403417" spans="8:8">
      <c r="H403417" s="12"/>
    </row>
    <row r="403418" spans="8:8">
      <c r="H403418" s="12"/>
    </row>
    <row r="403419" spans="8:8">
      <c r="H403419" s="12"/>
    </row>
    <row r="403420" spans="8:8">
      <c r="H403420" s="12"/>
    </row>
    <row r="403421" spans="8:8">
      <c r="H403421" s="12"/>
    </row>
    <row r="403422" spans="8:8">
      <c r="H403422" s="12"/>
    </row>
    <row r="403423" spans="8:8">
      <c r="H403423" s="12"/>
    </row>
    <row r="403424" spans="8:8">
      <c r="H403424" s="12"/>
    </row>
    <row r="403425" spans="8:8">
      <c r="H403425" s="12"/>
    </row>
    <row r="403426" spans="8:8">
      <c r="H403426" s="12"/>
    </row>
    <row r="403427" spans="8:8">
      <c r="H403427" s="12"/>
    </row>
    <row r="403428" spans="8:8">
      <c r="H403428" s="12"/>
    </row>
    <row r="403429" spans="8:8">
      <c r="H403429" s="12"/>
    </row>
    <row r="403430" spans="8:8">
      <c r="H403430" s="12"/>
    </row>
    <row r="403431" spans="8:8">
      <c r="H403431" s="12"/>
    </row>
    <row r="403432" spans="8:8">
      <c r="H403432" s="12"/>
    </row>
    <row r="403433" spans="8:8">
      <c r="H403433" s="12"/>
    </row>
    <row r="403434" spans="8:8">
      <c r="H403434" s="12"/>
    </row>
    <row r="403435" spans="8:8">
      <c r="H403435" s="12"/>
    </row>
    <row r="403436" spans="8:8">
      <c r="H403436" s="12"/>
    </row>
    <row r="403437" spans="8:8">
      <c r="H403437" s="12"/>
    </row>
    <row r="403438" spans="8:8">
      <c r="H403438" s="12"/>
    </row>
    <row r="403439" spans="8:8">
      <c r="H403439" s="12"/>
    </row>
    <row r="403440" spans="8:8">
      <c r="H403440" s="12"/>
    </row>
    <row r="403441" spans="8:8">
      <c r="H403441" s="12"/>
    </row>
    <row r="403442" spans="8:8">
      <c r="H403442" s="12"/>
    </row>
    <row r="403443" spans="8:8">
      <c r="H403443" s="12"/>
    </row>
    <row r="403444" spans="8:8">
      <c r="H403444" s="12"/>
    </row>
    <row r="403445" spans="8:8">
      <c r="H403445" s="12"/>
    </row>
    <row r="403446" spans="8:8">
      <c r="H403446" s="12"/>
    </row>
    <row r="403447" spans="8:8">
      <c r="H403447" s="12"/>
    </row>
    <row r="403448" spans="8:8">
      <c r="H403448" s="12"/>
    </row>
    <row r="403449" spans="8:8">
      <c r="H403449" s="12"/>
    </row>
    <row r="403450" spans="8:8">
      <c r="H403450" s="12"/>
    </row>
    <row r="403451" spans="8:8">
      <c r="H403451" s="12"/>
    </row>
    <row r="403452" spans="8:8">
      <c r="H403452" s="12"/>
    </row>
    <row r="403453" spans="8:8">
      <c r="H403453" s="12"/>
    </row>
    <row r="403454" spans="8:8">
      <c r="H403454" s="12"/>
    </row>
    <row r="403455" spans="8:8">
      <c r="H403455" s="12"/>
    </row>
    <row r="403456" spans="8:8">
      <c r="H403456" s="12"/>
    </row>
    <row r="403457" spans="8:8">
      <c r="H403457" s="12"/>
    </row>
    <row r="403458" spans="8:8">
      <c r="H403458" s="12"/>
    </row>
    <row r="403459" spans="8:8">
      <c r="H403459" s="12"/>
    </row>
    <row r="403460" spans="8:8">
      <c r="H403460" s="12"/>
    </row>
    <row r="403461" spans="8:8">
      <c r="H403461" s="12"/>
    </row>
    <row r="403462" spans="8:8">
      <c r="H403462" s="12"/>
    </row>
    <row r="403463" spans="8:8">
      <c r="H403463" s="12"/>
    </row>
    <row r="403464" spans="8:8">
      <c r="H403464" s="12"/>
    </row>
    <row r="403465" spans="8:8">
      <c r="H403465" s="12"/>
    </row>
    <row r="403466" spans="8:8">
      <c r="H403466" s="12"/>
    </row>
    <row r="403467" spans="8:8">
      <c r="H403467" s="12"/>
    </row>
    <row r="403468" spans="8:8">
      <c r="H403468" s="12"/>
    </row>
    <row r="403469" spans="8:8">
      <c r="H403469" s="12"/>
    </row>
    <row r="403470" spans="8:8">
      <c r="H403470" s="12"/>
    </row>
    <row r="403471" spans="8:8">
      <c r="H403471" s="12"/>
    </row>
    <row r="403472" spans="8:8">
      <c r="H403472" s="12"/>
    </row>
    <row r="403473" spans="8:8">
      <c r="H403473" s="12"/>
    </row>
    <row r="403474" spans="8:8">
      <c r="H403474" s="12"/>
    </row>
    <row r="403475" spans="8:8">
      <c r="H403475" s="12"/>
    </row>
    <row r="403476" spans="8:8">
      <c r="H403476" s="12"/>
    </row>
    <row r="403477" spans="8:8">
      <c r="H403477" s="12"/>
    </row>
    <row r="403478" spans="8:8">
      <c r="H403478" s="12"/>
    </row>
    <row r="403479" spans="8:8">
      <c r="H403479" s="12"/>
    </row>
    <row r="403480" spans="8:8">
      <c r="H403480" s="12"/>
    </row>
    <row r="403481" spans="8:8">
      <c r="H403481" s="12"/>
    </row>
    <row r="403482" spans="8:8">
      <c r="H403482" s="12"/>
    </row>
    <row r="403483" spans="8:8">
      <c r="H403483" s="12"/>
    </row>
    <row r="403484" spans="8:8">
      <c r="H403484" s="12"/>
    </row>
    <row r="403485" spans="8:8">
      <c r="H403485" s="12"/>
    </row>
    <row r="403486" spans="8:8">
      <c r="H403486" s="12"/>
    </row>
    <row r="403487" spans="8:8">
      <c r="H403487" s="12"/>
    </row>
    <row r="403488" spans="8:8">
      <c r="H403488" s="12"/>
    </row>
    <row r="403489" spans="8:8">
      <c r="H403489" s="12"/>
    </row>
    <row r="403490" spans="8:8">
      <c r="H403490" s="12"/>
    </row>
    <row r="403491" spans="8:8">
      <c r="H403491" s="12"/>
    </row>
    <row r="403492" spans="8:8">
      <c r="H403492" s="12"/>
    </row>
    <row r="403493" spans="8:8">
      <c r="H403493" s="12"/>
    </row>
    <row r="403494" spans="8:8">
      <c r="H403494" s="12"/>
    </row>
    <row r="403495" spans="8:8">
      <c r="H403495" s="12"/>
    </row>
    <row r="403496" spans="8:8">
      <c r="H403496" s="12"/>
    </row>
    <row r="403497" spans="8:8">
      <c r="H403497" s="12"/>
    </row>
    <row r="403498" spans="8:8">
      <c r="H403498" s="12"/>
    </row>
    <row r="403499" spans="8:8">
      <c r="H403499" s="12"/>
    </row>
    <row r="403500" spans="8:8">
      <c r="H403500" s="12"/>
    </row>
    <row r="403501" spans="8:8">
      <c r="H403501" s="12"/>
    </row>
    <row r="403502" spans="8:8">
      <c r="H403502" s="12"/>
    </row>
    <row r="403503" spans="8:8">
      <c r="H403503" s="12"/>
    </row>
    <row r="403504" spans="8:8">
      <c r="H403504" s="12"/>
    </row>
    <row r="403505" spans="8:8">
      <c r="H403505" s="12"/>
    </row>
    <row r="403506" spans="8:8">
      <c r="H403506" s="12"/>
    </row>
    <row r="403507" spans="8:8">
      <c r="H403507" s="12"/>
    </row>
    <row r="403508" spans="8:8">
      <c r="H403508" s="12"/>
    </row>
    <row r="403509" spans="8:8">
      <c r="H403509" s="12"/>
    </row>
    <row r="403510" spans="8:8">
      <c r="H403510" s="12"/>
    </row>
    <row r="403511" spans="8:8">
      <c r="H403511" s="12"/>
    </row>
    <row r="403512" spans="8:8">
      <c r="H403512" s="12"/>
    </row>
    <row r="403513" spans="8:8">
      <c r="H403513" s="12"/>
    </row>
    <row r="403514" spans="8:8">
      <c r="H403514" s="12"/>
    </row>
    <row r="403515" spans="8:8">
      <c r="H403515" s="12"/>
    </row>
    <row r="403516" spans="8:8">
      <c r="H403516" s="12"/>
    </row>
    <row r="403517" spans="8:8">
      <c r="H403517" s="12"/>
    </row>
    <row r="403518" spans="8:8">
      <c r="H403518" s="12"/>
    </row>
    <row r="403519" spans="8:8">
      <c r="H403519" s="12"/>
    </row>
    <row r="403520" spans="8:8">
      <c r="H403520" s="12"/>
    </row>
    <row r="403521" spans="8:8">
      <c r="H403521" s="12"/>
    </row>
    <row r="403522" spans="8:8">
      <c r="H403522" s="12"/>
    </row>
    <row r="403523" spans="8:8">
      <c r="H403523" s="12"/>
    </row>
    <row r="403524" spans="8:8">
      <c r="H403524" s="12"/>
    </row>
    <row r="403525" spans="8:8">
      <c r="H403525" s="12"/>
    </row>
    <row r="403526" spans="8:8">
      <c r="H403526" s="12"/>
    </row>
    <row r="403527" spans="8:8">
      <c r="H403527" s="12"/>
    </row>
    <row r="403528" spans="8:8">
      <c r="H403528" s="12"/>
    </row>
    <row r="403529" spans="8:8">
      <c r="H403529" s="12"/>
    </row>
    <row r="403530" spans="8:8">
      <c r="H403530" s="12"/>
    </row>
    <row r="403531" spans="8:8">
      <c r="H403531" s="12"/>
    </row>
    <row r="403532" spans="8:8">
      <c r="H403532" s="12"/>
    </row>
    <row r="403533" spans="8:8">
      <c r="H403533" s="12"/>
    </row>
    <row r="403534" spans="8:8">
      <c r="H403534" s="12"/>
    </row>
    <row r="403535" spans="8:8">
      <c r="H403535" s="12"/>
    </row>
    <row r="403536" spans="8:8">
      <c r="H403536" s="12"/>
    </row>
    <row r="403537" spans="8:8">
      <c r="H403537" s="12"/>
    </row>
    <row r="403538" spans="8:8">
      <c r="H403538" s="12"/>
    </row>
    <row r="403539" spans="8:8">
      <c r="H403539" s="12"/>
    </row>
    <row r="403540" spans="8:8">
      <c r="H403540" s="12"/>
    </row>
    <row r="403541" spans="8:8">
      <c r="H403541" s="12"/>
    </row>
    <row r="403542" spans="8:8">
      <c r="H403542" s="12"/>
    </row>
    <row r="403543" spans="8:8">
      <c r="H403543" s="12"/>
    </row>
    <row r="403544" spans="8:8">
      <c r="H403544" s="12"/>
    </row>
    <row r="403545" spans="8:8">
      <c r="H403545" s="12"/>
    </row>
    <row r="403546" spans="8:8">
      <c r="H403546" s="12"/>
    </row>
    <row r="403547" spans="8:8">
      <c r="H403547" s="12"/>
    </row>
    <row r="403548" spans="8:8">
      <c r="H403548" s="12"/>
    </row>
    <row r="403549" spans="8:8">
      <c r="H403549" s="12"/>
    </row>
    <row r="403550" spans="8:8">
      <c r="H403550" s="12"/>
    </row>
    <row r="403551" spans="8:8">
      <c r="H403551" s="12"/>
    </row>
    <row r="403552" spans="8:8">
      <c r="H403552" s="12"/>
    </row>
    <row r="403553" spans="8:8">
      <c r="H403553" s="12"/>
    </row>
    <row r="403554" spans="8:8">
      <c r="H403554" s="12"/>
    </row>
    <row r="403555" spans="8:8">
      <c r="H403555" s="12"/>
    </row>
    <row r="403556" spans="8:8">
      <c r="H403556" s="12"/>
    </row>
    <row r="403557" spans="8:8">
      <c r="H403557" s="12"/>
    </row>
    <row r="403558" spans="8:8">
      <c r="H403558" s="12"/>
    </row>
    <row r="403559" spans="8:8">
      <c r="H403559" s="12"/>
    </row>
    <row r="403560" spans="8:8">
      <c r="H403560" s="12"/>
    </row>
    <row r="403561" spans="8:8">
      <c r="H403561" s="12"/>
    </row>
    <row r="403562" spans="8:8">
      <c r="H403562" s="12"/>
    </row>
    <row r="403563" spans="8:8">
      <c r="H403563" s="12"/>
    </row>
    <row r="403564" spans="8:8">
      <c r="H403564" s="12"/>
    </row>
    <row r="403565" spans="8:8">
      <c r="H403565" s="12"/>
    </row>
    <row r="403566" spans="8:8">
      <c r="H403566" s="12"/>
    </row>
    <row r="403567" spans="8:8">
      <c r="H403567" s="12"/>
    </row>
    <row r="403568" spans="8:8">
      <c r="H403568" s="12"/>
    </row>
    <row r="403569" spans="8:8">
      <c r="H403569" s="12"/>
    </row>
    <row r="403570" spans="8:8">
      <c r="H403570" s="12"/>
    </row>
    <row r="403571" spans="8:8">
      <c r="H403571" s="12"/>
    </row>
    <row r="403572" spans="8:8">
      <c r="H403572" s="12"/>
    </row>
    <row r="403573" spans="8:8">
      <c r="H403573" s="12"/>
    </row>
    <row r="403574" spans="8:8">
      <c r="H403574" s="12"/>
    </row>
    <row r="403575" spans="8:8">
      <c r="H403575" s="12"/>
    </row>
    <row r="403576" spans="8:8">
      <c r="H403576" s="12"/>
    </row>
    <row r="403577" spans="8:8">
      <c r="H403577" s="12"/>
    </row>
    <row r="403578" spans="8:8">
      <c r="H403578" s="12"/>
    </row>
    <row r="403579" spans="8:8">
      <c r="H403579" s="12"/>
    </row>
    <row r="403580" spans="8:8">
      <c r="H403580" s="12"/>
    </row>
    <row r="403581" spans="8:8">
      <c r="H403581" s="12"/>
    </row>
    <row r="403582" spans="8:8">
      <c r="H403582" s="12"/>
    </row>
    <row r="403583" spans="8:8">
      <c r="H403583" s="12"/>
    </row>
    <row r="403584" spans="8:8">
      <c r="H403584" s="12"/>
    </row>
    <row r="403585" spans="8:8">
      <c r="H403585" s="12"/>
    </row>
    <row r="403586" spans="8:8">
      <c r="H403586" s="12"/>
    </row>
    <row r="403587" spans="8:8">
      <c r="H403587" s="12"/>
    </row>
    <row r="403588" spans="8:8">
      <c r="H403588" s="12"/>
    </row>
    <row r="403589" spans="8:8">
      <c r="H403589" s="12"/>
    </row>
    <row r="403590" spans="8:8">
      <c r="H403590" s="12"/>
    </row>
    <row r="403591" spans="8:8">
      <c r="H403591" s="12"/>
    </row>
    <row r="403592" spans="8:8">
      <c r="H403592" s="12"/>
    </row>
    <row r="403593" spans="8:8">
      <c r="H403593" s="12"/>
    </row>
    <row r="403594" spans="8:8">
      <c r="H403594" s="12"/>
    </row>
    <row r="403595" spans="8:8">
      <c r="H403595" s="12"/>
    </row>
    <row r="403596" spans="8:8">
      <c r="H403596" s="12"/>
    </row>
    <row r="403597" spans="8:8">
      <c r="H403597" s="12"/>
    </row>
    <row r="403598" spans="8:8">
      <c r="H403598" s="12"/>
    </row>
    <row r="403599" spans="8:8">
      <c r="H403599" s="12"/>
    </row>
    <row r="403600" spans="8:8">
      <c r="H403600" s="12"/>
    </row>
    <row r="403601" spans="8:8">
      <c r="H403601" s="12"/>
    </row>
    <row r="403602" spans="8:8">
      <c r="H403602" s="12"/>
    </row>
    <row r="403603" spans="8:8">
      <c r="H403603" s="12"/>
    </row>
    <row r="403604" spans="8:8">
      <c r="H403604" s="12"/>
    </row>
    <row r="403605" spans="8:8">
      <c r="H403605" s="12"/>
    </row>
    <row r="403606" spans="8:8">
      <c r="H403606" s="12"/>
    </row>
    <row r="403607" spans="8:8">
      <c r="H403607" s="12"/>
    </row>
    <row r="403608" spans="8:8">
      <c r="H403608" s="12"/>
    </row>
    <row r="403609" spans="8:8">
      <c r="H403609" s="12"/>
    </row>
    <row r="403610" spans="8:8">
      <c r="H403610" s="12"/>
    </row>
    <row r="403611" spans="8:8">
      <c r="H403611" s="12"/>
    </row>
    <row r="403612" spans="8:8">
      <c r="H403612" s="12"/>
    </row>
    <row r="403613" spans="8:8">
      <c r="H403613" s="12"/>
    </row>
    <row r="403614" spans="8:8">
      <c r="H403614" s="12"/>
    </row>
    <row r="403615" spans="8:8">
      <c r="H403615" s="12"/>
    </row>
    <row r="403616" spans="8:8">
      <c r="H403616" s="12"/>
    </row>
    <row r="403617" spans="8:8">
      <c r="H403617" s="12"/>
    </row>
    <row r="403618" spans="8:8">
      <c r="H403618" s="12"/>
    </row>
    <row r="403619" spans="8:8">
      <c r="H403619" s="12"/>
    </row>
    <row r="403620" spans="8:8">
      <c r="H403620" s="12"/>
    </row>
    <row r="403621" spans="8:8">
      <c r="H403621" s="12"/>
    </row>
    <row r="403622" spans="8:8">
      <c r="H403622" s="12"/>
    </row>
    <row r="403623" spans="8:8">
      <c r="H403623" s="12"/>
    </row>
    <row r="403624" spans="8:8">
      <c r="H403624" s="12"/>
    </row>
    <row r="403625" spans="8:8">
      <c r="H403625" s="12"/>
    </row>
    <row r="403626" spans="8:8">
      <c r="H403626" s="12"/>
    </row>
    <row r="403627" spans="8:8">
      <c r="H403627" s="12"/>
    </row>
    <row r="403628" spans="8:8">
      <c r="H403628" s="12"/>
    </row>
    <row r="403629" spans="8:8">
      <c r="H403629" s="12"/>
    </row>
    <row r="403630" spans="8:8">
      <c r="H403630" s="12"/>
    </row>
    <row r="403631" spans="8:8">
      <c r="H403631" s="12"/>
    </row>
    <row r="403632" spans="8:8">
      <c r="H403632" s="12"/>
    </row>
    <row r="403633" spans="8:8">
      <c r="H403633" s="12"/>
    </row>
    <row r="403634" spans="8:8">
      <c r="H403634" s="12"/>
    </row>
    <row r="403635" spans="8:8">
      <c r="H403635" s="12"/>
    </row>
    <row r="403636" spans="8:8">
      <c r="H403636" s="12"/>
    </row>
    <row r="403637" spans="8:8">
      <c r="H403637" s="12"/>
    </row>
    <row r="403638" spans="8:8">
      <c r="H403638" s="12"/>
    </row>
    <row r="403639" spans="8:8">
      <c r="H403639" s="12"/>
    </row>
    <row r="403640" spans="8:8">
      <c r="H403640" s="12"/>
    </row>
    <row r="403641" spans="8:8">
      <c r="H403641" s="12"/>
    </row>
    <row r="403642" spans="8:8">
      <c r="H403642" s="12"/>
    </row>
    <row r="403643" spans="8:8">
      <c r="H403643" s="12"/>
    </row>
    <row r="403644" spans="8:8">
      <c r="H403644" s="12"/>
    </row>
    <row r="403645" spans="8:8">
      <c r="H403645" s="12"/>
    </row>
    <row r="403646" spans="8:8">
      <c r="H403646" s="12"/>
    </row>
    <row r="403647" spans="8:8">
      <c r="H403647" s="12"/>
    </row>
    <row r="403648" spans="8:8">
      <c r="H403648" s="12"/>
    </row>
    <row r="403649" spans="8:8">
      <c r="H403649" s="12"/>
    </row>
    <row r="403650" spans="8:8">
      <c r="H403650" s="12"/>
    </row>
    <row r="403651" spans="8:8">
      <c r="H403651" s="12"/>
    </row>
    <row r="403652" spans="8:8">
      <c r="H403652" s="12"/>
    </row>
    <row r="403653" spans="8:8">
      <c r="H403653" s="12"/>
    </row>
    <row r="403654" spans="8:8">
      <c r="H403654" s="12"/>
    </row>
    <row r="403655" spans="8:8">
      <c r="H403655" s="12"/>
    </row>
    <row r="403656" spans="8:8">
      <c r="H403656" s="12"/>
    </row>
    <row r="403657" spans="8:8">
      <c r="H403657" s="12"/>
    </row>
    <row r="403658" spans="8:8">
      <c r="H403658" s="12"/>
    </row>
    <row r="403659" spans="8:8">
      <c r="H403659" s="12"/>
    </row>
    <row r="403660" spans="8:8">
      <c r="H403660" s="12"/>
    </row>
    <row r="403661" spans="8:8">
      <c r="H403661" s="12"/>
    </row>
    <row r="403662" spans="8:8">
      <c r="H403662" s="12"/>
    </row>
    <row r="403663" spans="8:8">
      <c r="H403663" s="12"/>
    </row>
    <row r="403664" spans="8:8">
      <c r="H403664" s="12"/>
    </row>
    <row r="403665" spans="8:8">
      <c r="H403665" s="12"/>
    </row>
    <row r="403666" spans="8:8">
      <c r="H403666" s="12"/>
    </row>
    <row r="403667" spans="8:8">
      <c r="H403667" s="12"/>
    </row>
    <row r="403668" spans="8:8">
      <c r="H403668" s="12"/>
    </row>
    <row r="403669" spans="8:8">
      <c r="H403669" s="12"/>
    </row>
    <row r="403670" spans="8:8">
      <c r="H403670" s="12"/>
    </row>
    <row r="403671" spans="8:8">
      <c r="H403671" s="12"/>
    </row>
    <row r="403672" spans="8:8">
      <c r="H403672" s="12"/>
    </row>
    <row r="403673" spans="8:8">
      <c r="H403673" s="12"/>
    </row>
    <row r="403674" spans="8:8">
      <c r="H403674" s="12"/>
    </row>
    <row r="403675" spans="8:8">
      <c r="H403675" s="12"/>
    </row>
    <row r="403676" spans="8:8">
      <c r="H403676" s="12"/>
    </row>
    <row r="403677" spans="8:8">
      <c r="H403677" s="12"/>
    </row>
    <row r="403678" spans="8:8">
      <c r="H403678" s="12"/>
    </row>
    <row r="403679" spans="8:8">
      <c r="H403679" s="12"/>
    </row>
    <row r="403680" spans="8:8">
      <c r="H403680" s="12"/>
    </row>
    <row r="403681" spans="8:8">
      <c r="H403681" s="12"/>
    </row>
    <row r="403682" spans="8:8">
      <c r="H403682" s="12"/>
    </row>
    <row r="403683" spans="8:8">
      <c r="H403683" s="12"/>
    </row>
    <row r="403684" spans="8:8">
      <c r="H403684" s="12"/>
    </row>
    <row r="403685" spans="8:8">
      <c r="H403685" s="12"/>
    </row>
    <row r="403686" spans="8:8">
      <c r="H403686" s="12"/>
    </row>
    <row r="403687" spans="8:8">
      <c r="H403687" s="12"/>
    </row>
    <row r="403688" spans="8:8">
      <c r="H403688" s="12"/>
    </row>
    <row r="403689" spans="8:8">
      <c r="H403689" s="12"/>
    </row>
    <row r="403690" spans="8:8">
      <c r="H403690" s="12"/>
    </row>
    <row r="403691" spans="8:8">
      <c r="H403691" s="12"/>
    </row>
    <row r="403692" spans="8:8">
      <c r="H403692" s="12"/>
    </row>
    <row r="403693" spans="8:8">
      <c r="H403693" s="12"/>
    </row>
    <row r="403694" spans="8:8">
      <c r="H403694" s="12"/>
    </row>
    <row r="403695" spans="8:8">
      <c r="H403695" s="12"/>
    </row>
    <row r="403696" spans="8:8">
      <c r="H403696" s="12"/>
    </row>
    <row r="403697" spans="8:8">
      <c r="H403697" s="12"/>
    </row>
    <row r="403698" spans="8:8">
      <c r="H403698" s="12"/>
    </row>
    <row r="403699" spans="8:8">
      <c r="H403699" s="12"/>
    </row>
    <row r="403700" spans="8:8">
      <c r="H403700" s="12"/>
    </row>
    <row r="403701" spans="8:8">
      <c r="H403701" s="12"/>
    </row>
    <row r="403702" spans="8:8">
      <c r="H403702" s="12"/>
    </row>
    <row r="403703" spans="8:8">
      <c r="H403703" s="12"/>
    </row>
    <row r="403704" spans="8:8">
      <c r="H403704" s="12"/>
    </row>
    <row r="403705" spans="8:8">
      <c r="H403705" s="12"/>
    </row>
    <row r="403706" spans="8:8">
      <c r="H403706" s="12"/>
    </row>
    <row r="403707" spans="8:8">
      <c r="H403707" s="12"/>
    </row>
    <row r="403708" spans="8:8">
      <c r="H403708" s="12"/>
    </row>
    <row r="403709" spans="8:8">
      <c r="H403709" s="12"/>
    </row>
    <row r="403710" spans="8:8">
      <c r="H403710" s="12"/>
    </row>
    <row r="403711" spans="8:8">
      <c r="H403711" s="12"/>
    </row>
    <row r="403712" spans="8:8">
      <c r="H403712" s="12"/>
    </row>
    <row r="403713" spans="8:8">
      <c r="H403713" s="12"/>
    </row>
    <row r="403714" spans="8:8">
      <c r="H403714" s="12"/>
    </row>
    <row r="403715" spans="8:8">
      <c r="H403715" s="12"/>
    </row>
    <row r="403716" spans="8:8">
      <c r="H403716" s="12"/>
    </row>
    <row r="403717" spans="8:8">
      <c r="H403717" s="12"/>
    </row>
    <row r="403718" spans="8:8">
      <c r="H403718" s="12"/>
    </row>
    <row r="403719" spans="8:8">
      <c r="H403719" s="12"/>
    </row>
    <row r="403720" spans="8:8">
      <c r="H403720" s="12"/>
    </row>
    <row r="403721" spans="8:8">
      <c r="H403721" s="12"/>
    </row>
    <row r="403722" spans="8:8">
      <c r="H403722" s="12"/>
    </row>
    <row r="403723" spans="8:8">
      <c r="H403723" s="12"/>
    </row>
    <row r="403724" spans="8:8">
      <c r="H403724" s="12"/>
    </row>
    <row r="403725" spans="8:8">
      <c r="H403725" s="12"/>
    </row>
    <row r="403726" spans="8:8">
      <c r="H403726" s="12"/>
    </row>
    <row r="403727" spans="8:8">
      <c r="H403727" s="12"/>
    </row>
    <row r="403728" spans="8:8">
      <c r="H403728" s="12"/>
    </row>
    <row r="403729" spans="8:8">
      <c r="H403729" s="12"/>
    </row>
    <row r="403730" spans="8:8">
      <c r="H403730" s="12"/>
    </row>
    <row r="403731" spans="8:8">
      <c r="H403731" s="12"/>
    </row>
    <row r="403732" spans="8:8">
      <c r="H403732" s="12"/>
    </row>
    <row r="403733" spans="8:8">
      <c r="H403733" s="12"/>
    </row>
    <row r="403734" spans="8:8">
      <c r="H403734" s="12"/>
    </row>
    <row r="403735" spans="8:8">
      <c r="H403735" s="12"/>
    </row>
    <row r="403736" spans="8:8">
      <c r="H403736" s="12"/>
    </row>
    <row r="403737" spans="8:8">
      <c r="H403737" s="12"/>
    </row>
    <row r="403738" spans="8:8">
      <c r="H403738" s="12"/>
    </row>
    <row r="403739" spans="8:8">
      <c r="H403739" s="12"/>
    </row>
    <row r="403740" spans="8:8">
      <c r="H403740" s="12"/>
    </row>
    <row r="403741" spans="8:8">
      <c r="H403741" s="12"/>
    </row>
    <row r="403742" spans="8:8">
      <c r="H403742" s="12"/>
    </row>
    <row r="403743" spans="8:8">
      <c r="H403743" s="12"/>
    </row>
    <row r="403744" spans="8:8">
      <c r="H403744" s="12"/>
    </row>
    <row r="403745" spans="8:8">
      <c r="H403745" s="12"/>
    </row>
    <row r="403746" spans="8:8">
      <c r="H403746" s="12"/>
    </row>
    <row r="403747" spans="8:8">
      <c r="H403747" s="12"/>
    </row>
    <row r="403748" spans="8:8">
      <c r="H403748" s="12"/>
    </row>
    <row r="403749" spans="8:8">
      <c r="H403749" s="12"/>
    </row>
    <row r="403750" spans="8:8">
      <c r="H403750" s="12"/>
    </row>
    <row r="403751" spans="8:8">
      <c r="H403751" s="12"/>
    </row>
    <row r="403752" spans="8:8">
      <c r="H403752" s="12"/>
    </row>
    <row r="403753" spans="8:8">
      <c r="H403753" s="12"/>
    </row>
    <row r="403754" spans="8:8">
      <c r="H403754" s="12"/>
    </row>
    <row r="403755" spans="8:8">
      <c r="H403755" s="12"/>
    </row>
    <row r="403756" spans="8:8">
      <c r="H403756" s="12"/>
    </row>
    <row r="403757" spans="8:8">
      <c r="H403757" s="12"/>
    </row>
    <row r="403758" spans="8:8">
      <c r="H403758" s="12"/>
    </row>
    <row r="403759" spans="8:8">
      <c r="H403759" s="12"/>
    </row>
    <row r="403760" spans="8:8">
      <c r="H403760" s="12"/>
    </row>
    <row r="403761" spans="8:8">
      <c r="H403761" s="12"/>
    </row>
    <row r="403762" spans="8:8">
      <c r="H403762" s="12"/>
    </row>
    <row r="403763" spans="8:8">
      <c r="H403763" s="12"/>
    </row>
    <row r="403764" spans="8:8">
      <c r="H403764" s="12"/>
    </row>
    <row r="403765" spans="8:8">
      <c r="H403765" s="12"/>
    </row>
    <row r="403766" spans="8:8">
      <c r="H403766" s="12"/>
    </row>
    <row r="403767" spans="8:8">
      <c r="H403767" s="12"/>
    </row>
    <row r="403768" spans="8:8">
      <c r="H403768" s="12"/>
    </row>
    <row r="403769" spans="8:8">
      <c r="H403769" s="12"/>
    </row>
    <row r="403770" spans="8:8">
      <c r="H403770" s="12"/>
    </row>
    <row r="403771" spans="8:8">
      <c r="H403771" s="12"/>
    </row>
    <row r="403772" spans="8:8">
      <c r="H403772" s="12"/>
    </row>
    <row r="403773" spans="8:8">
      <c r="H403773" s="12"/>
    </row>
    <row r="403774" spans="8:8">
      <c r="H403774" s="12"/>
    </row>
    <row r="403775" spans="8:8">
      <c r="H403775" s="12"/>
    </row>
    <row r="403776" spans="8:8">
      <c r="H403776" s="12"/>
    </row>
    <row r="403777" spans="8:8">
      <c r="H403777" s="12"/>
    </row>
    <row r="403778" spans="8:8">
      <c r="H403778" s="12"/>
    </row>
    <row r="403779" spans="8:8">
      <c r="H403779" s="12"/>
    </row>
    <row r="403780" spans="8:8">
      <c r="H403780" s="12"/>
    </row>
    <row r="403781" spans="8:8">
      <c r="H403781" s="12"/>
    </row>
    <row r="403782" spans="8:8">
      <c r="H403782" s="12"/>
    </row>
    <row r="403783" spans="8:8">
      <c r="H403783" s="12"/>
    </row>
    <row r="403784" spans="8:8">
      <c r="H403784" s="12"/>
    </row>
    <row r="403785" spans="8:8">
      <c r="H403785" s="12"/>
    </row>
    <row r="403786" spans="8:8">
      <c r="H403786" s="12"/>
    </row>
    <row r="403787" spans="8:8">
      <c r="H403787" s="12"/>
    </row>
    <row r="403788" spans="8:8">
      <c r="H403788" s="12"/>
    </row>
    <row r="403789" spans="8:8">
      <c r="H403789" s="12"/>
    </row>
    <row r="403790" spans="8:8">
      <c r="H403790" s="12"/>
    </row>
    <row r="403791" spans="8:8">
      <c r="H403791" s="12"/>
    </row>
    <row r="403792" spans="8:8">
      <c r="H403792" s="12"/>
    </row>
    <row r="403793" spans="8:8">
      <c r="H403793" s="12"/>
    </row>
    <row r="403794" spans="8:8">
      <c r="H403794" s="12"/>
    </row>
    <row r="403795" spans="8:8">
      <c r="H403795" s="12"/>
    </row>
    <row r="403796" spans="8:8">
      <c r="H403796" s="12"/>
    </row>
    <row r="403797" spans="8:8">
      <c r="H403797" s="12"/>
    </row>
    <row r="403798" spans="8:8">
      <c r="H403798" s="12"/>
    </row>
    <row r="403799" spans="8:8">
      <c r="H403799" s="12"/>
    </row>
    <row r="403800" spans="8:8">
      <c r="H403800" s="12"/>
    </row>
    <row r="403801" spans="8:8">
      <c r="H403801" s="12"/>
    </row>
    <row r="403802" spans="8:8">
      <c r="H403802" s="12"/>
    </row>
    <row r="403803" spans="8:8">
      <c r="H403803" s="12"/>
    </row>
    <row r="403804" spans="8:8">
      <c r="H403804" s="12"/>
    </row>
    <row r="403805" spans="8:8">
      <c r="H403805" s="12"/>
    </row>
    <row r="403806" spans="8:8">
      <c r="H403806" s="12"/>
    </row>
    <row r="403807" spans="8:8">
      <c r="H403807" s="12"/>
    </row>
    <row r="403808" spans="8:8">
      <c r="H403808" s="12"/>
    </row>
    <row r="403809" spans="8:8">
      <c r="H403809" s="12"/>
    </row>
    <row r="403810" spans="8:8">
      <c r="H403810" s="12"/>
    </row>
    <row r="403811" spans="8:8">
      <c r="H403811" s="12"/>
    </row>
    <row r="403812" spans="8:8">
      <c r="H403812" s="12"/>
    </row>
    <row r="403813" spans="8:8">
      <c r="H403813" s="12"/>
    </row>
    <row r="403814" spans="8:8">
      <c r="H403814" s="12"/>
    </row>
    <row r="403815" spans="8:8">
      <c r="H403815" s="12"/>
    </row>
    <row r="403816" spans="8:8">
      <c r="H403816" s="12"/>
    </row>
    <row r="403817" spans="8:8">
      <c r="H403817" s="12"/>
    </row>
    <row r="403818" spans="8:8">
      <c r="H403818" s="12"/>
    </row>
    <row r="403819" spans="8:8">
      <c r="H403819" s="12"/>
    </row>
    <row r="403820" spans="8:8">
      <c r="H403820" s="12"/>
    </row>
    <row r="403821" spans="8:8">
      <c r="H403821" s="12"/>
    </row>
    <row r="403822" spans="8:8">
      <c r="H403822" s="12"/>
    </row>
    <row r="403823" spans="8:8">
      <c r="H403823" s="12"/>
    </row>
    <row r="403824" spans="8:8">
      <c r="H403824" s="12"/>
    </row>
    <row r="403825" spans="8:8">
      <c r="H403825" s="12"/>
    </row>
    <row r="403826" spans="8:8">
      <c r="H403826" s="12"/>
    </row>
    <row r="403827" spans="8:8">
      <c r="H403827" s="12"/>
    </row>
    <row r="403828" spans="8:8">
      <c r="H403828" s="12"/>
    </row>
    <row r="403829" spans="8:8">
      <c r="H403829" s="12"/>
    </row>
    <row r="403830" spans="8:8">
      <c r="H403830" s="12"/>
    </row>
    <row r="403831" spans="8:8">
      <c r="H403831" s="12"/>
    </row>
    <row r="403832" spans="8:8">
      <c r="H403832" s="12"/>
    </row>
    <row r="403833" spans="8:8">
      <c r="H403833" s="12"/>
    </row>
    <row r="403834" spans="8:8">
      <c r="H403834" s="12"/>
    </row>
    <row r="403835" spans="8:8">
      <c r="H403835" s="12"/>
    </row>
    <row r="403836" spans="8:8">
      <c r="H403836" s="12"/>
    </row>
    <row r="403837" spans="8:8">
      <c r="H403837" s="12"/>
    </row>
    <row r="403838" spans="8:8">
      <c r="H403838" s="12"/>
    </row>
    <row r="403839" spans="8:8">
      <c r="H403839" s="12"/>
    </row>
    <row r="403840" spans="8:8">
      <c r="H403840" s="12"/>
    </row>
    <row r="403841" spans="8:8">
      <c r="H403841" s="12"/>
    </row>
    <row r="403842" spans="8:8">
      <c r="H403842" s="12"/>
    </row>
    <row r="403843" spans="8:8">
      <c r="H403843" s="12"/>
    </row>
    <row r="403844" spans="8:8">
      <c r="H403844" s="12"/>
    </row>
    <row r="403845" spans="8:8">
      <c r="H403845" s="12"/>
    </row>
    <row r="403846" spans="8:8">
      <c r="H403846" s="12"/>
    </row>
    <row r="403847" spans="8:8">
      <c r="H403847" s="12"/>
    </row>
    <row r="403848" spans="8:8">
      <c r="H403848" s="12"/>
    </row>
    <row r="403849" spans="8:8">
      <c r="H403849" s="12"/>
    </row>
    <row r="403850" spans="8:8">
      <c r="H403850" s="12"/>
    </row>
    <row r="403851" spans="8:8">
      <c r="H403851" s="12"/>
    </row>
    <row r="403852" spans="8:8">
      <c r="H403852" s="12"/>
    </row>
    <row r="403853" spans="8:8">
      <c r="H403853" s="12"/>
    </row>
    <row r="403854" spans="8:8">
      <c r="H403854" s="12"/>
    </row>
    <row r="403855" spans="8:8">
      <c r="H403855" s="12"/>
    </row>
    <row r="403856" spans="8:8">
      <c r="H403856" s="12"/>
    </row>
    <row r="403857" spans="8:8">
      <c r="H403857" s="12"/>
    </row>
    <row r="403858" spans="8:8">
      <c r="H403858" s="12"/>
    </row>
    <row r="403859" spans="8:8">
      <c r="H403859" s="12"/>
    </row>
    <row r="403860" spans="8:8">
      <c r="H403860" s="12"/>
    </row>
    <row r="403861" spans="8:8">
      <c r="H403861" s="12"/>
    </row>
    <row r="403862" spans="8:8">
      <c r="H403862" s="12"/>
    </row>
    <row r="403863" spans="8:8">
      <c r="H403863" s="12"/>
    </row>
    <row r="403864" spans="8:8">
      <c r="H403864" s="12"/>
    </row>
    <row r="403865" spans="8:8">
      <c r="H403865" s="12"/>
    </row>
    <row r="403866" spans="8:8">
      <c r="H403866" s="12"/>
    </row>
    <row r="403867" spans="8:8">
      <c r="H403867" s="12"/>
    </row>
    <row r="403868" spans="8:8">
      <c r="H403868" s="12"/>
    </row>
    <row r="403869" spans="8:8">
      <c r="H403869" s="12"/>
    </row>
    <row r="403870" spans="8:8">
      <c r="H403870" s="12"/>
    </row>
    <row r="403871" spans="8:8">
      <c r="H403871" s="12"/>
    </row>
    <row r="403872" spans="8:8">
      <c r="H403872" s="12"/>
    </row>
    <row r="403873" spans="8:8">
      <c r="H403873" s="12"/>
    </row>
    <row r="403874" spans="8:8">
      <c r="H403874" s="12"/>
    </row>
    <row r="403875" spans="8:8">
      <c r="H403875" s="12"/>
    </row>
    <row r="403876" spans="8:8">
      <c r="H403876" s="12"/>
    </row>
    <row r="403877" spans="8:8">
      <c r="H403877" s="12"/>
    </row>
    <row r="403878" spans="8:8">
      <c r="H403878" s="12"/>
    </row>
    <row r="403879" spans="8:8">
      <c r="H403879" s="12"/>
    </row>
    <row r="403880" spans="8:8">
      <c r="H403880" s="12"/>
    </row>
    <row r="403881" spans="8:8">
      <c r="H403881" s="12"/>
    </row>
    <row r="403882" spans="8:8">
      <c r="H403882" s="12"/>
    </row>
    <row r="403883" spans="8:8">
      <c r="H403883" s="12"/>
    </row>
    <row r="403884" spans="8:8">
      <c r="H403884" s="12"/>
    </row>
    <row r="403885" spans="8:8">
      <c r="H403885" s="12"/>
    </row>
    <row r="403886" spans="8:8">
      <c r="H403886" s="12"/>
    </row>
    <row r="403887" spans="8:8">
      <c r="H403887" s="12"/>
    </row>
    <row r="403888" spans="8:8">
      <c r="H403888" s="12"/>
    </row>
    <row r="403889" spans="8:8">
      <c r="H403889" s="12"/>
    </row>
    <row r="403890" spans="8:8">
      <c r="H403890" s="12"/>
    </row>
    <row r="403891" spans="8:8">
      <c r="H403891" s="12"/>
    </row>
    <row r="403892" spans="8:8">
      <c r="H403892" s="12"/>
    </row>
    <row r="403893" spans="8:8">
      <c r="H403893" s="12"/>
    </row>
    <row r="403894" spans="8:8">
      <c r="H403894" s="12"/>
    </row>
    <row r="403895" spans="8:8">
      <c r="H403895" s="12"/>
    </row>
    <row r="403896" spans="8:8">
      <c r="H403896" s="12"/>
    </row>
    <row r="403897" spans="8:8">
      <c r="H403897" s="12"/>
    </row>
    <row r="403898" spans="8:8">
      <c r="H403898" s="12"/>
    </row>
    <row r="403899" spans="8:8">
      <c r="H403899" s="12"/>
    </row>
    <row r="403900" spans="8:8">
      <c r="H403900" s="12"/>
    </row>
    <row r="403901" spans="8:8">
      <c r="H403901" s="12"/>
    </row>
    <row r="403902" spans="8:8">
      <c r="H403902" s="12"/>
    </row>
    <row r="403903" spans="8:8">
      <c r="H403903" s="12"/>
    </row>
    <row r="403904" spans="8:8">
      <c r="H403904" s="12"/>
    </row>
    <row r="403905" spans="8:8">
      <c r="H403905" s="12"/>
    </row>
    <row r="403906" spans="8:8">
      <c r="H403906" s="12"/>
    </row>
    <row r="403907" spans="8:8">
      <c r="H403907" s="12"/>
    </row>
    <row r="403908" spans="8:8">
      <c r="H403908" s="12"/>
    </row>
    <row r="403909" spans="8:8">
      <c r="H403909" s="12"/>
    </row>
    <row r="403910" spans="8:8">
      <c r="H403910" s="12"/>
    </row>
    <row r="403911" spans="8:8">
      <c r="H403911" s="12"/>
    </row>
    <row r="403912" spans="8:8">
      <c r="H403912" s="12"/>
    </row>
    <row r="403913" spans="8:8">
      <c r="H403913" s="12"/>
    </row>
    <row r="403914" spans="8:8">
      <c r="H403914" s="12"/>
    </row>
    <row r="403915" spans="8:8">
      <c r="H403915" s="12"/>
    </row>
    <row r="403916" spans="8:8">
      <c r="H403916" s="12"/>
    </row>
    <row r="403917" spans="8:8">
      <c r="H403917" s="12"/>
    </row>
    <row r="403918" spans="8:8">
      <c r="H403918" s="12"/>
    </row>
    <row r="403919" spans="8:8">
      <c r="H403919" s="12"/>
    </row>
    <row r="403920" spans="8:8">
      <c r="H403920" s="12"/>
    </row>
    <row r="403921" spans="8:8">
      <c r="H403921" s="12"/>
    </row>
    <row r="403922" spans="8:8">
      <c r="H403922" s="12"/>
    </row>
    <row r="403923" spans="8:8">
      <c r="H403923" s="12"/>
    </row>
    <row r="403924" spans="8:8">
      <c r="H403924" s="12"/>
    </row>
    <row r="403925" spans="8:8">
      <c r="H403925" s="12"/>
    </row>
    <row r="403926" spans="8:8">
      <c r="H403926" s="12"/>
    </row>
    <row r="403927" spans="8:8">
      <c r="H403927" s="12"/>
    </row>
    <row r="403928" spans="8:8">
      <c r="H403928" s="12"/>
    </row>
    <row r="403929" spans="8:8">
      <c r="H403929" s="12"/>
    </row>
    <row r="403930" spans="8:8">
      <c r="H403930" s="12"/>
    </row>
    <row r="403931" spans="8:8">
      <c r="H403931" s="12"/>
    </row>
    <row r="403932" spans="8:8">
      <c r="H403932" s="12"/>
    </row>
    <row r="403933" spans="8:8">
      <c r="H403933" s="12"/>
    </row>
    <row r="403934" spans="8:8">
      <c r="H403934" s="12"/>
    </row>
    <row r="403935" spans="8:8">
      <c r="H403935" s="12"/>
    </row>
    <row r="403936" spans="8:8">
      <c r="H403936" s="12"/>
    </row>
    <row r="403937" spans="8:8">
      <c r="H403937" s="12"/>
    </row>
    <row r="403938" spans="8:8">
      <c r="H403938" s="12"/>
    </row>
    <row r="403939" spans="8:8">
      <c r="H403939" s="12"/>
    </row>
    <row r="403940" spans="8:8">
      <c r="H403940" s="12"/>
    </row>
    <row r="403941" spans="8:8">
      <c r="H403941" s="12"/>
    </row>
    <row r="403942" spans="8:8">
      <c r="H403942" s="12"/>
    </row>
    <row r="403943" spans="8:8">
      <c r="H403943" s="12"/>
    </row>
    <row r="403944" spans="8:8">
      <c r="H403944" s="12"/>
    </row>
    <row r="403945" spans="8:8">
      <c r="H403945" s="12"/>
    </row>
    <row r="403946" spans="8:8">
      <c r="H403946" s="12"/>
    </row>
    <row r="403947" spans="8:8">
      <c r="H403947" s="12"/>
    </row>
    <row r="403948" spans="8:8">
      <c r="H403948" s="12"/>
    </row>
    <row r="403949" spans="8:8">
      <c r="H403949" s="12"/>
    </row>
    <row r="403950" spans="8:8">
      <c r="H403950" s="12"/>
    </row>
    <row r="403951" spans="8:8">
      <c r="H403951" s="12"/>
    </row>
    <row r="403952" spans="8:8">
      <c r="H403952" s="12"/>
    </row>
    <row r="403953" spans="8:8">
      <c r="H403953" s="12"/>
    </row>
    <row r="403954" spans="8:8">
      <c r="H403954" s="12"/>
    </row>
    <row r="403955" spans="8:8">
      <c r="H403955" s="12"/>
    </row>
    <row r="403956" spans="8:8">
      <c r="H403956" s="12"/>
    </row>
    <row r="403957" spans="8:8">
      <c r="H403957" s="12"/>
    </row>
    <row r="403958" spans="8:8">
      <c r="H403958" s="12"/>
    </row>
    <row r="403959" spans="8:8">
      <c r="H403959" s="12"/>
    </row>
    <row r="403960" spans="8:8">
      <c r="H403960" s="12"/>
    </row>
    <row r="403961" spans="8:8">
      <c r="H403961" s="12"/>
    </row>
    <row r="403962" spans="8:8">
      <c r="H403962" s="12"/>
    </row>
    <row r="403963" spans="8:8">
      <c r="H403963" s="12"/>
    </row>
    <row r="403964" spans="8:8">
      <c r="H403964" s="12"/>
    </row>
    <row r="403965" spans="8:8">
      <c r="H403965" s="12"/>
    </row>
    <row r="403966" spans="8:8">
      <c r="H403966" s="12"/>
    </row>
    <row r="403967" spans="8:8">
      <c r="H403967" s="12"/>
    </row>
    <row r="403968" spans="8:8">
      <c r="H403968" s="12"/>
    </row>
    <row r="403969" spans="8:8">
      <c r="H403969" s="12"/>
    </row>
    <row r="403970" spans="8:8">
      <c r="H403970" s="12"/>
    </row>
    <row r="403971" spans="8:8">
      <c r="H403971" s="12"/>
    </row>
    <row r="403972" spans="8:8">
      <c r="H403972" s="12"/>
    </row>
    <row r="403973" spans="8:8">
      <c r="H403973" s="12"/>
    </row>
    <row r="403974" spans="8:8">
      <c r="H403974" s="12"/>
    </row>
    <row r="403975" spans="8:8">
      <c r="H403975" s="12"/>
    </row>
    <row r="403976" spans="8:8">
      <c r="H403976" s="12"/>
    </row>
    <row r="403977" spans="8:8">
      <c r="H403977" s="12"/>
    </row>
    <row r="403978" spans="8:8">
      <c r="H403978" s="12"/>
    </row>
    <row r="403979" spans="8:8">
      <c r="H403979" s="12"/>
    </row>
    <row r="403980" spans="8:8">
      <c r="H403980" s="12"/>
    </row>
    <row r="403981" spans="8:8">
      <c r="H403981" s="12"/>
    </row>
    <row r="403982" spans="8:8">
      <c r="H403982" s="12"/>
    </row>
    <row r="403983" spans="8:8">
      <c r="H403983" s="12"/>
    </row>
    <row r="403984" spans="8:8">
      <c r="H403984" s="12"/>
    </row>
    <row r="403985" spans="8:8">
      <c r="H403985" s="12"/>
    </row>
    <row r="403986" spans="8:8">
      <c r="H403986" s="12"/>
    </row>
    <row r="403987" spans="8:8">
      <c r="H403987" s="12"/>
    </row>
    <row r="403988" spans="8:8">
      <c r="H403988" s="12"/>
    </row>
    <row r="403989" spans="8:8">
      <c r="H403989" s="12"/>
    </row>
    <row r="403990" spans="8:8">
      <c r="H403990" s="12"/>
    </row>
    <row r="403991" spans="8:8">
      <c r="H403991" s="12"/>
    </row>
    <row r="403992" spans="8:8">
      <c r="H403992" s="12"/>
    </row>
    <row r="403993" spans="8:8">
      <c r="H403993" s="12"/>
    </row>
    <row r="403994" spans="8:8">
      <c r="H403994" s="12"/>
    </row>
    <row r="403995" spans="8:8">
      <c r="H403995" s="12"/>
    </row>
    <row r="403996" spans="8:8">
      <c r="H403996" s="12"/>
    </row>
    <row r="403997" spans="8:8">
      <c r="H403997" s="12"/>
    </row>
    <row r="403998" spans="8:8">
      <c r="H403998" s="12"/>
    </row>
    <row r="403999" spans="8:8">
      <c r="H403999" s="12"/>
    </row>
    <row r="404000" spans="8:8">
      <c r="H404000" s="12"/>
    </row>
    <row r="404001" spans="8:8">
      <c r="H404001" s="12"/>
    </row>
    <row r="404002" spans="8:8">
      <c r="H404002" s="12"/>
    </row>
    <row r="404003" spans="8:8">
      <c r="H404003" s="12"/>
    </row>
    <row r="404004" spans="8:8">
      <c r="H404004" s="12"/>
    </row>
    <row r="404005" spans="8:8">
      <c r="H404005" s="12"/>
    </row>
    <row r="404006" spans="8:8">
      <c r="H404006" s="12"/>
    </row>
    <row r="404007" spans="8:8">
      <c r="H404007" s="12"/>
    </row>
    <row r="404008" spans="8:8">
      <c r="H404008" s="12"/>
    </row>
    <row r="404009" spans="8:8">
      <c r="H404009" s="12"/>
    </row>
    <row r="404010" spans="8:8">
      <c r="H404010" s="12"/>
    </row>
    <row r="404011" spans="8:8">
      <c r="H404011" s="12"/>
    </row>
    <row r="404012" spans="8:8">
      <c r="H404012" s="12"/>
    </row>
    <row r="404013" spans="8:8">
      <c r="H404013" s="12"/>
    </row>
    <row r="404014" spans="8:8">
      <c r="H404014" s="12"/>
    </row>
    <row r="404015" spans="8:8">
      <c r="H404015" s="12"/>
    </row>
    <row r="404016" spans="8:8">
      <c r="H404016" s="12"/>
    </row>
    <row r="404017" spans="8:8">
      <c r="H404017" s="12"/>
    </row>
    <row r="404018" spans="8:8">
      <c r="H404018" s="12"/>
    </row>
    <row r="404019" spans="8:8">
      <c r="H404019" s="12"/>
    </row>
    <row r="404020" spans="8:8">
      <c r="H404020" s="12"/>
    </row>
    <row r="404021" spans="8:8">
      <c r="H404021" s="12"/>
    </row>
    <row r="404022" spans="8:8">
      <c r="H404022" s="12"/>
    </row>
    <row r="404023" spans="8:8">
      <c r="H404023" s="12"/>
    </row>
    <row r="404024" spans="8:8">
      <c r="H404024" s="12"/>
    </row>
    <row r="404025" spans="8:8">
      <c r="H404025" s="12"/>
    </row>
    <row r="404026" spans="8:8">
      <c r="H404026" s="12"/>
    </row>
    <row r="404027" spans="8:8">
      <c r="H404027" s="12"/>
    </row>
    <row r="404028" spans="8:8">
      <c r="H404028" s="12"/>
    </row>
    <row r="404029" spans="8:8">
      <c r="H404029" s="12"/>
    </row>
    <row r="404030" spans="8:8">
      <c r="H404030" s="12"/>
    </row>
    <row r="404031" spans="8:8">
      <c r="H404031" s="12"/>
    </row>
    <row r="404032" spans="8:8">
      <c r="H404032" s="12"/>
    </row>
    <row r="404033" spans="8:8">
      <c r="H404033" s="12"/>
    </row>
    <row r="404034" spans="8:8">
      <c r="H404034" s="12"/>
    </row>
    <row r="404035" spans="8:8">
      <c r="H404035" s="12"/>
    </row>
    <row r="404036" spans="8:8">
      <c r="H404036" s="12"/>
    </row>
    <row r="404037" spans="8:8">
      <c r="H404037" s="12"/>
    </row>
    <row r="404038" spans="8:8">
      <c r="H404038" s="12"/>
    </row>
    <row r="404039" spans="8:8">
      <c r="H404039" s="12"/>
    </row>
    <row r="404040" spans="8:8">
      <c r="H404040" s="12"/>
    </row>
    <row r="404041" spans="8:8">
      <c r="H404041" s="12"/>
    </row>
    <row r="404042" spans="8:8">
      <c r="H404042" s="12"/>
    </row>
    <row r="404043" spans="8:8">
      <c r="H404043" s="12"/>
    </row>
    <row r="404044" spans="8:8">
      <c r="H404044" s="12"/>
    </row>
    <row r="404045" spans="8:8">
      <c r="H404045" s="12"/>
    </row>
    <row r="404046" spans="8:8">
      <c r="H404046" s="12"/>
    </row>
    <row r="404047" spans="8:8">
      <c r="H404047" s="12"/>
    </row>
    <row r="404048" spans="8:8">
      <c r="H404048" s="12"/>
    </row>
    <row r="404049" spans="8:8">
      <c r="H404049" s="12"/>
    </row>
    <row r="404050" spans="8:8">
      <c r="H404050" s="12"/>
    </row>
    <row r="404051" spans="8:8">
      <c r="H404051" s="12"/>
    </row>
    <row r="404052" spans="8:8">
      <c r="H404052" s="12"/>
    </row>
    <row r="404053" spans="8:8">
      <c r="H404053" s="12"/>
    </row>
    <row r="404054" spans="8:8">
      <c r="H404054" s="12"/>
    </row>
    <row r="404055" spans="8:8">
      <c r="H404055" s="12"/>
    </row>
    <row r="404056" spans="8:8">
      <c r="H404056" s="12"/>
    </row>
    <row r="404057" spans="8:8">
      <c r="H404057" s="12"/>
    </row>
    <row r="404058" spans="8:8">
      <c r="H404058" s="12"/>
    </row>
    <row r="404059" spans="8:8">
      <c r="H404059" s="12"/>
    </row>
    <row r="404060" spans="8:8">
      <c r="H404060" s="12"/>
    </row>
    <row r="404061" spans="8:8">
      <c r="H404061" s="12"/>
    </row>
    <row r="404062" spans="8:8">
      <c r="H404062" s="12"/>
    </row>
    <row r="404063" spans="8:8">
      <c r="H404063" s="12"/>
    </row>
    <row r="404064" spans="8:8">
      <c r="H404064" s="12"/>
    </row>
    <row r="404065" spans="8:8">
      <c r="H404065" s="12"/>
    </row>
    <row r="404066" spans="8:8">
      <c r="H404066" s="12"/>
    </row>
    <row r="404067" spans="8:8">
      <c r="H404067" s="12"/>
    </row>
    <row r="404068" spans="8:8">
      <c r="H404068" s="12"/>
    </row>
    <row r="404069" spans="8:8">
      <c r="H404069" s="12"/>
    </row>
    <row r="404070" spans="8:8">
      <c r="H404070" s="12"/>
    </row>
    <row r="404071" spans="8:8">
      <c r="H404071" s="12"/>
    </row>
    <row r="404072" spans="8:8">
      <c r="H404072" s="12"/>
    </row>
    <row r="404073" spans="8:8">
      <c r="H404073" s="12"/>
    </row>
    <row r="404074" spans="8:8">
      <c r="H404074" s="12"/>
    </row>
    <row r="404075" spans="8:8">
      <c r="H404075" s="12"/>
    </row>
    <row r="404076" spans="8:8">
      <c r="H404076" s="12"/>
    </row>
    <row r="404077" spans="8:8">
      <c r="H404077" s="12"/>
    </row>
    <row r="404078" spans="8:8">
      <c r="H404078" s="12"/>
    </row>
    <row r="404079" spans="8:8">
      <c r="H404079" s="12"/>
    </row>
    <row r="404080" spans="8:8">
      <c r="H404080" s="12"/>
    </row>
    <row r="404081" spans="8:8">
      <c r="H404081" s="12"/>
    </row>
    <row r="404082" spans="8:8">
      <c r="H404082" s="12"/>
    </row>
    <row r="404083" spans="8:8">
      <c r="H404083" s="12"/>
    </row>
    <row r="404084" spans="8:8">
      <c r="H404084" s="12"/>
    </row>
    <row r="404085" spans="8:8">
      <c r="H404085" s="12"/>
    </row>
    <row r="404086" spans="8:8">
      <c r="H404086" s="12"/>
    </row>
    <row r="404087" spans="8:8">
      <c r="H404087" s="12"/>
    </row>
    <row r="404088" spans="8:8">
      <c r="H404088" s="12"/>
    </row>
    <row r="404089" spans="8:8">
      <c r="H404089" s="12"/>
    </row>
    <row r="404090" spans="8:8">
      <c r="H404090" s="12"/>
    </row>
    <row r="404091" spans="8:8">
      <c r="H404091" s="12"/>
    </row>
    <row r="404092" spans="8:8">
      <c r="H404092" s="12"/>
    </row>
    <row r="404093" spans="8:8">
      <c r="H404093" s="12"/>
    </row>
    <row r="404094" spans="8:8">
      <c r="H404094" s="12"/>
    </row>
    <row r="404095" spans="8:8">
      <c r="H404095" s="12"/>
    </row>
    <row r="404096" spans="8:8">
      <c r="H404096" s="12"/>
    </row>
    <row r="404097" spans="8:8">
      <c r="H404097" s="12"/>
    </row>
    <row r="404098" spans="8:8">
      <c r="H404098" s="12"/>
    </row>
    <row r="404099" spans="8:8">
      <c r="H404099" s="12"/>
    </row>
    <row r="404100" spans="8:8">
      <c r="H404100" s="12"/>
    </row>
    <row r="404101" spans="8:8">
      <c r="H404101" s="12"/>
    </row>
    <row r="404102" spans="8:8">
      <c r="H404102" s="12"/>
    </row>
    <row r="404103" spans="8:8">
      <c r="H404103" s="12"/>
    </row>
    <row r="404104" spans="8:8">
      <c r="H404104" s="12"/>
    </row>
    <row r="404105" spans="8:8">
      <c r="H404105" s="12"/>
    </row>
    <row r="404106" spans="8:8">
      <c r="H404106" s="12"/>
    </row>
    <row r="404107" spans="8:8">
      <c r="H404107" s="12"/>
    </row>
    <row r="404108" spans="8:8">
      <c r="H404108" s="12"/>
    </row>
    <row r="404109" spans="8:8">
      <c r="H404109" s="12"/>
    </row>
    <row r="404110" spans="8:8">
      <c r="H404110" s="12"/>
    </row>
    <row r="404111" spans="8:8">
      <c r="H404111" s="12"/>
    </row>
    <row r="404112" spans="8:8">
      <c r="H404112" s="12"/>
    </row>
    <row r="404113" spans="8:8">
      <c r="H404113" s="12"/>
    </row>
    <row r="404114" spans="8:8">
      <c r="H404114" s="12"/>
    </row>
    <row r="404115" spans="8:8">
      <c r="H404115" s="12"/>
    </row>
    <row r="404116" spans="8:8">
      <c r="H404116" s="12"/>
    </row>
    <row r="404117" spans="8:8">
      <c r="H404117" s="12"/>
    </row>
    <row r="404118" spans="8:8">
      <c r="H404118" s="12"/>
    </row>
    <row r="404119" spans="8:8">
      <c r="H404119" s="12"/>
    </row>
    <row r="404120" spans="8:8">
      <c r="H404120" s="12"/>
    </row>
    <row r="404121" spans="8:8">
      <c r="H404121" s="12"/>
    </row>
    <row r="404122" spans="8:8">
      <c r="H404122" s="12"/>
    </row>
    <row r="404123" spans="8:8">
      <c r="H404123" s="12"/>
    </row>
    <row r="404124" spans="8:8">
      <c r="H404124" s="12"/>
    </row>
    <row r="404125" spans="8:8">
      <c r="H404125" s="12"/>
    </row>
    <row r="404126" spans="8:8">
      <c r="H404126" s="12"/>
    </row>
    <row r="404127" spans="8:8">
      <c r="H404127" s="12"/>
    </row>
    <row r="404128" spans="8:8">
      <c r="H404128" s="12"/>
    </row>
    <row r="404129" spans="8:8">
      <c r="H404129" s="12"/>
    </row>
    <row r="404130" spans="8:8">
      <c r="H404130" s="12"/>
    </row>
    <row r="404131" spans="8:8">
      <c r="H404131" s="12"/>
    </row>
    <row r="404132" spans="8:8">
      <c r="H404132" s="12"/>
    </row>
    <row r="404133" spans="8:8">
      <c r="H404133" s="12"/>
    </row>
    <row r="404134" spans="8:8">
      <c r="H404134" s="12"/>
    </row>
    <row r="404135" spans="8:8">
      <c r="H404135" s="12"/>
    </row>
    <row r="404136" spans="8:8">
      <c r="H404136" s="12"/>
    </row>
    <row r="404137" spans="8:8">
      <c r="H404137" s="12"/>
    </row>
    <row r="404138" spans="8:8">
      <c r="H404138" s="12"/>
    </row>
    <row r="404139" spans="8:8">
      <c r="H404139" s="12"/>
    </row>
    <row r="404140" spans="8:8">
      <c r="H404140" s="12"/>
    </row>
    <row r="404141" spans="8:8">
      <c r="H404141" s="12"/>
    </row>
    <row r="404142" spans="8:8">
      <c r="H404142" s="12"/>
    </row>
    <row r="404143" spans="8:8">
      <c r="H404143" s="12"/>
    </row>
    <row r="404144" spans="8:8">
      <c r="H404144" s="12"/>
    </row>
    <row r="404145" spans="8:8">
      <c r="H404145" s="12"/>
    </row>
    <row r="404146" spans="8:8">
      <c r="H404146" s="12"/>
    </row>
    <row r="404147" spans="8:8">
      <c r="H404147" s="12"/>
    </row>
    <row r="404148" spans="8:8">
      <c r="H404148" s="12"/>
    </row>
    <row r="404149" spans="8:8">
      <c r="H404149" s="12"/>
    </row>
    <row r="404150" spans="8:8">
      <c r="H404150" s="12"/>
    </row>
    <row r="404151" spans="8:8">
      <c r="H404151" s="12"/>
    </row>
    <row r="404152" spans="8:8">
      <c r="H404152" s="12"/>
    </row>
    <row r="404153" spans="8:8">
      <c r="H404153" s="12"/>
    </row>
    <row r="404154" spans="8:8">
      <c r="H404154" s="12"/>
    </row>
    <row r="404155" spans="8:8">
      <c r="H404155" s="12"/>
    </row>
    <row r="404156" spans="8:8">
      <c r="H404156" s="12"/>
    </row>
    <row r="404157" spans="8:8">
      <c r="H404157" s="12"/>
    </row>
    <row r="404158" spans="8:8">
      <c r="H404158" s="12"/>
    </row>
    <row r="404159" spans="8:8">
      <c r="H404159" s="12"/>
    </row>
    <row r="404160" spans="8:8">
      <c r="H404160" s="12"/>
    </row>
    <row r="404161" spans="8:8">
      <c r="H404161" s="12"/>
    </row>
    <row r="404162" spans="8:8">
      <c r="H404162" s="12"/>
    </row>
    <row r="404163" spans="8:8">
      <c r="H404163" s="12"/>
    </row>
    <row r="404164" spans="8:8">
      <c r="H404164" s="12"/>
    </row>
    <row r="404165" spans="8:8">
      <c r="H404165" s="12"/>
    </row>
    <row r="404166" spans="8:8">
      <c r="H404166" s="12"/>
    </row>
    <row r="404167" spans="8:8">
      <c r="H404167" s="12"/>
    </row>
    <row r="404168" spans="8:8">
      <c r="H404168" s="12"/>
    </row>
    <row r="404169" spans="8:8">
      <c r="H404169" s="12"/>
    </row>
    <row r="404170" spans="8:8">
      <c r="H404170" s="12"/>
    </row>
    <row r="404171" spans="8:8">
      <c r="H404171" s="12"/>
    </row>
    <row r="404172" spans="8:8">
      <c r="H404172" s="12"/>
    </row>
    <row r="404173" spans="8:8">
      <c r="H404173" s="12"/>
    </row>
    <row r="404174" spans="8:8">
      <c r="H404174" s="12"/>
    </row>
    <row r="404175" spans="8:8">
      <c r="H404175" s="12"/>
    </row>
    <row r="404176" spans="8:8">
      <c r="H404176" s="12"/>
    </row>
    <row r="404177" spans="8:8">
      <c r="H404177" s="12"/>
    </row>
    <row r="404178" spans="8:8">
      <c r="H404178" s="12"/>
    </row>
    <row r="404179" spans="8:8">
      <c r="H404179" s="12"/>
    </row>
    <row r="404180" spans="8:8">
      <c r="H404180" s="12"/>
    </row>
    <row r="404181" spans="8:8">
      <c r="H404181" s="12"/>
    </row>
    <row r="404182" spans="8:8">
      <c r="H404182" s="12"/>
    </row>
    <row r="404183" spans="8:8">
      <c r="H404183" s="12"/>
    </row>
    <row r="404184" spans="8:8">
      <c r="H404184" s="12"/>
    </row>
    <row r="404185" spans="8:8">
      <c r="H404185" s="12"/>
    </row>
    <row r="404186" spans="8:8">
      <c r="H404186" s="12"/>
    </row>
    <row r="404187" spans="8:8">
      <c r="H404187" s="12"/>
    </row>
    <row r="404188" spans="8:8">
      <c r="H404188" s="12"/>
    </row>
    <row r="404189" spans="8:8">
      <c r="H404189" s="12"/>
    </row>
    <row r="404190" spans="8:8">
      <c r="H404190" s="12"/>
    </row>
    <row r="404191" spans="8:8">
      <c r="H404191" s="12"/>
    </row>
    <row r="404192" spans="8:8">
      <c r="H404192" s="12"/>
    </row>
    <row r="404193" spans="8:8">
      <c r="H404193" s="12"/>
    </row>
    <row r="404194" spans="8:8">
      <c r="H404194" s="12"/>
    </row>
    <row r="404195" spans="8:8">
      <c r="H404195" s="12"/>
    </row>
    <row r="404196" spans="8:8">
      <c r="H404196" s="12"/>
    </row>
    <row r="404197" spans="8:8">
      <c r="H404197" s="12"/>
    </row>
    <row r="404198" spans="8:8">
      <c r="H404198" s="12"/>
    </row>
    <row r="404199" spans="8:8">
      <c r="H404199" s="12"/>
    </row>
    <row r="404200" spans="8:8">
      <c r="H404200" s="12"/>
    </row>
    <row r="404201" spans="8:8">
      <c r="H404201" s="12"/>
    </row>
    <row r="404202" spans="8:8">
      <c r="H404202" s="12"/>
    </row>
    <row r="404203" spans="8:8">
      <c r="H404203" s="12"/>
    </row>
    <row r="404204" spans="8:8">
      <c r="H404204" s="12"/>
    </row>
    <row r="404205" spans="8:8">
      <c r="H404205" s="12"/>
    </row>
    <row r="404206" spans="8:8">
      <c r="H404206" s="12"/>
    </row>
    <row r="404207" spans="8:8">
      <c r="H404207" s="12"/>
    </row>
    <row r="404208" spans="8:8">
      <c r="H404208" s="12"/>
    </row>
    <row r="404209" spans="8:8">
      <c r="H404209" s="12"/>
    </row>
    <row r="404210" spans="8:8">
      <c r="H404210" s="12"/>
    </row>
    <row r="404211" spans="8:8">
      <c r="H404211" s="12"/>
    </row>
    <row r="404212" spans="8:8">
      <c r="H404212" s="12"/>
    </row>
    <row r="404213" spans="8:8">
      <c r="H404213" s="12"/>
    </row>
    <row r="404214" spans="8:8">
      <c r="H404214" s="12"/>
    </row>
    <row r="404215" spans="8:8">
      <c r="H404215" s="12"/>
    </row>
    <row r="404216" spans="8:8">
      <c r="H404216" s="12"/>
    </row>
    <row r="404217" spans="8:8">
      <c r="H404217" s="12"/>
    </row>
    <row r="404218" spans="8:8">
      <c r="H404218" s="12"/>
    </row>
    <row r="404219" spans="8:8">
      <c r="H404219" s="12"/>
    </row>
    <row r="404220" spans="8:8">
      <c r="H404220" s="12"/>
    </row>
    <row r="404221" spans="8:8">
      <c r="H404221" s="12"/>
    </row>
    <row r="404222" spans="8:8">
      <c r="H404222" s="12"/>
    </row>
    <row r="404223" spans="8:8">
      <c r="H404223" s="12"/>
    </row>
    <row r="404224" spans="8:8">
      <c r="H404224" s="12"/>
    </row>
    <row r="404225" spans="8:8">
      <c r="H404225" s="12"/>
    </row>
    <row r="404226" spans="8:8">
      <c r="H404226" s="12"/>
    </row>
    <row r="404227" spans="8:8">
      <c r="H404227" s="12"/>
    </row>
    <row r="404228" spans="8:8">
      <c r="H404228" s="12"/>
    </row>
    <row r="404229" spans="8:8">
      <c r="H404229" s="12"/>
    </row>
    <row r="404230" spans="8:8">
      <c r="H404230" s="12"/>
    </row>
    <row r="404231" spans="8:8">
      <c r="H404231" s="12"/>
    </row>
    <row r="404232" spans="8:8">
      <c r="H404232" s="12"/>
    </row>
    <row r="404233" spans="8:8">
      <c r="H404233" s="12"/>
    </row>
    <row r="404234" spans="8:8">
      <c r="H404234" s="12"/>
    </row>
    <row r="404235" spans="8:8">
      <c r="H404235" s="12"/>
    </row>
    <row r="404236" spans="8:8">
      <c r="H404236" s="12"/>
    </row>
    <row r="404237" spans="8:8">
      <c r="H404237" s="12"/>
    </row>
    <row r="404238" spans="8:8">
      <c r="H404238" s="12"/>
    </row>
    <row r="404239" spans="8:8">
      <c r="H404239" s="12"/>
    </row>
    <row r="404240" spans="8:8">
      <c r="H404240" s="12"/>
    </row>
    <row r="404241" spans="8:8">
      <c r="H404241" s="12"/>
    </row>
    <row r="404242" spans="8:8">
      <c r="H404242" s="12"/>
    </row>
    <row r="404243" spans="8:8">
      <c r="H404243" s="12"/>
    </row>
    <row r="404244" spans="8:8">
      <c r="H404244" s="12"/>
    </row>
    <row r="404245" spans="8:8">
      <c r="H404245" s="12"/>
    </row>
    <row r="404246" spans="8:8">
      <c r="H404246" s="12"/>
    </row>
    <row r="404247" spans="8:8">
      <c r="H404247" s="12"/>
    </row>
    <row r="404248" spans="8:8">
      <c r="H404248" s="12"/>
    </row>
    <row r="404249" spans="8:8">
      <c r="H404249" s="12"/>
    </row>
    <row r="404250" spans="8:8">
      <c r="H404250" s="12"/>
    </row>
    <row r="404251" spans="8:8">
      <c r="H404251" s="12"/>
    </row>
    <row r="404252" spans="8:8">
      <c r="H404252" s="12"/>
    </row>
    <row r="404253" spans="8:8">
      <c r="H404253" s="12"/>
    </row>
    <row r="404254" spans="8:8">
      <c r="H404254" s="12"/>
    </row>
    <row r="404255" spans="8:8">
      <c r="H404255" s="12"/>
    </row>
    <row r="404256" spans="8:8">
      <c r="H404256" s="12"/>
    </row>
    <row r="404257" spans="8:8">
      <c r="H404257" s="12"/>
    </row>
    <row r="404258" spans="8:8">
      <c r="H404258" s="12"/>
    </row>
    <row r="404259" spans="8:8">
      <c r="H404259" s="12"/>
    </row>
    <row r="404260" spans="8:8">
      <c r="H404260" s="12"/>
    </row>
    <row r="404261" spans="8:8">
      <c r="H404261" s="12"/>
    </row>
    <row r="404262" spans="8:8">
      <c r="H404262" s="12"/>
    </row>
    <row r="404263" spans="8:8">
      <c r="H404263" s="12"/>
    </row>
    <row r="404264" spans="8:8">
      <c r="H404264" s="12"/>
    </row>
    <row r="404265" spans="8:8">
      <c r="H404265" s="12"/>
    </row>
    <row r="404266" spans="8:8">
      <c r="H404266" s="12"/>
    </row>
    <row r="404267" spans="8:8">
      <c r="H404267" s="12"/>
    </row>
    <row r="404268" spans="8:8">
      <c r="H404268" s="12"/>
    </row>
    <row r="404269" spans="8:8">
      <c r="H404269" s="12"/>
    </row>
    <row r="404270" spans="8:8">
      <c r="H404270" s="12"/>
    </row>
    <row r="404271" spans="8:8">
      <c r="H404271" s="12"/>
    </row>
    <row r="404272" spans="8:8">
      <c r="H404272" s="12"/>
    </row>
    <row r="404273" spans="8:8">
      <c r="H404273" s="12"/>
    </row>
    <row r="404274" spans="8:8">
      <c r="H404274" s="12"/>
    </row>
    <row r="404275" spans="8:8">
      <c r="H404275" s="12"/>
    </row>
    <row r="404276" spans="8:8">
      <c r="H404276" s="12"/>
    </row>
    <row r="404277" spans="8:8">
      <c r="H404277" s="12"/>
    </row>
    <row r="404278" spans="8:8">
      <c r="H404278" s="12"/>
    </row>
    <row r="404279" spans="8:8">
      <c r="H404279" s="12"/>
    </row>
    <row r="404280" spans="8:8">
      <c r="H404280" s="12"/>
    </row>
    <row r="404281" spans="8:8">
      <c r="H404281" s="12"/>
    </row>
    <row r="404282" spans="8:8">
      <c r="H404282" s="12"/>
    </row>
    <row r="404283" spans="8:8">
      <c r="H404283" s="12"/>
    </row>
    <row r="404284" spans="8:8">
      <c r="H404284" s="12"/>
    </row>
    <row r="404285" spans="8:8">
      <c r="H404285" s="12"/>
    </row>
    <row r="404286" spans="8:8">
      <c r="H404286" s="12"/>
    </row>
    <row r="404287" spans="8:8">
      <c r="H404287" s="12"/>
    </row>
    <row r="404288" spans="8:8">
      <c r="H404288" s="12"/>
    </row>
    <row r="404289" spans="8:8">
      <c r="H404289" s="12"/>
    </row>
    <row r="404290" spans="8:8">
      <c r="H404290" s="12"/>
    </row>
    <row r="404291" spans="8:8">
      <c r="H404291" s="12"/>
    </row>
    <row r="404292" spans="8:8">
      <c r="H404292" s="12"/>
    </row>
    <row r="404293" spans="8:8">
      <c r="H404293" s="12"/>
    </row>
    <row r="404294" spans="8:8">
      <c r="H404294" s="12"/>
    </row>
    <row r="404295" spans="8:8">
      <c r="H404295" s="12"/>
    </row>
    <row r="404296" spans="8:8">
      <c r="H404296" s="12"/>
    </row>
    <row r="404297" spans="8:8">
      <c r="H404297" s="12"/>
    </row>
    <row r="404298" spans="8:8">
      <c r="H404298" s="12"/>
    </row>
    <row r="404299" spans="8:8">
      <c r="H404299" s="12"/>
    </row>
    <row r="404300" spans="8:8">
      <c r="H404300" s="12"/>
    </row>
    <row r="404301" spans="8:8">
      <c r="H404301" s="12"/>
    </row>
    <row r="404302" spans="8:8">
      <c r="H404302" s="12"/>
    </row>
    <row r="404303" spans="8:8">
      <c r="H404303" s="12"/>
    </row>
    <row r="404304" spans="8:8">
      <c r="H404304" s="12"/>
    </row>
    <row r="404305" spans="8:8">
      <c r="H404305" s="12"/>
    </row>
    <row r="404306" spans="8:8">
      <c r="H404306" s="12"/>
    </row>
    <row r="404307" spans="8:8">
      <c r="H404307" s="12"/>
    </row>
    <row r="404308" spans="8:8">
      <c r="H404308" s="12"/>
    </row>
    <row r="404309" spans="8:8">
      <c r="H404309" s="12"/>
    </row>
    <row r="404310" spans="8:8">
      <c r="H404310" s="12"/>
    </row>
    <row r="404311" spans="8:8">
      <c r="H404311" s="12"/>
    </row>
    <row r="404312" spans="8:8">
      <c r="H404312" s="12"/>
    </row>
    <row r="404313" spans="8:8">
      <c r="H404313" s="12"/>
    </row>
    <row r="404314" spans="8:8">
      <c r="H404314" s="12"/>
    </row>
    <row r="404315" spans="8:8">
      <c r="H404315" s="12"/>
    </row>
    <row r="404316" spans="8:8">
      <c r="H404316" s="12"/>
    </row>
    <row r="404317" spans="8:8">
      <c r="H404317" s="12"/>
    </row>
    <row r="404318" spans="8:8">
      <c r="H404318" s="12"/>
    </row>
    <row r="404319" spans="8:8">
      <c r="H404319" s="12"/>
    </row>
    <row r="404320" spans="8:8">
      <c r="H404320" s="12"/>
    </row>
    <row r="404321" spans="8:8">
      <c r="H404321" s="12"/>
    </row>
    <row r="404322" spans="8:8">
      <c r="H404322" s="12"/>
    </row>
    <row r="404323" spans="8:8">
      <c r="H404323" s="12"/>
    </row>
    <row r="404324" spans="8:8">
      <c r="H404324" s="12"/>
    </row>
    <row r="404325" spans="8:8">
      <c r="H404325" s="12"/>
    </row>
    <row r="404326" spans="8:8">
      <c r="H404326" s="12"/>
    </row>
    <row r="404327" spans="8:8">
      <c r="H404327" s="12"/>
    </row>
    <row r="404328" spans="8:8">
      <c r="H404328" s="12"/>
    </row>
    <row r="404329" spans="8:8">
      <c r="H404329" s="12"/>
    </row>
    <row r="404330" spans="8:8">
      <c r="H404330" s="12"/>
    </row>
    <row r="404331" spans="8:8">
      <c r="H404331" s="12"/>
    </row>
    <row r="404332" spans="8:8">
      <c r="H404332" s="12"/>
    </row>
    <row r="404333" spans="8:8">
      <c r="H404333" s="12"/>
    </row>
    <row r="404334" spans="8:8">
      <c r="H404334" s="12"/>
    </row>
    <row r="404335" spans="8:8">
      <c r="H404335" s="12"/>
    </row>
    <row r="404336" spans="8:8">
      <c r="H404336" s="12"/>
    </row>
    <row r="404337" spans="8:8">
      <c r="H404337" s="12"/>
    </row>
    <row r="404338" spans="8:8">
      <c r="H404338" s="12"/>
    </row>
    <row r="404339" spans="8:8">
      <c r="H404339" s="12"/>
    </row>
    <row r="404340" spans="8:8">
      <c r="H404340" s="12"/>
    </row>
    <row r="404341" spans="8:8">
      <c r="H404341" s="12"/>
    </row>
    <row r="404342" spans="8:8">
      <c r="H404342" s="12"/>
    </row>
    <row r="404343" spans="8:8">
      <c r="H404343" s="12"/>
    </row>
    <row r="404344" spans="8:8">
      <c r="H404344" s="12"/>
    </row>
    <row r="404345" spans="8:8">
      <c r="H404345" s="12"/>
    </row>
    <row r="404346" spans="8:8">
      <c r="H404346" s="12"/>
    </row>
    <row r="404347" spans="8:8">
      <c r="H404347" s="12"/>
    </row>
    <row r="404348" spans="8:8">
      <c r="H404348" s="12"/>
    </row>
    <row r="404349" spans="8:8">
      <c r="H404349" s="12"/>
    </row>
    <row r="404350" spans="8:8">
      <c r="H404350" s="12"/>
    </row>
    <row r="404351" spans="8:8">
      <c r="H404351" s="12"/>
    </row>
    <row r="404352" spans="8:8">
      <c r="H404352" s="12"/>
    </row>
    <row r="404353" spans="8:8">
      <c r="H404353" s="12"/>
    </row>
    <row r="404354" spans="8:8">
      <c r="H404354" s="12"/>
    </row>
    <row r="404355" spans="8:8">
      <c r="H404355" s="12"/>
    </row>
    <row r="404356" spans="8:8">
      <c r="H404356" s="12"/>
    </row>
    <row r="404357" spans="8:8">
      <c r="H404357" s="12"/>
    </row>
    <row r="404358" spans="8:8">
      <c r="H404358" s="12"/>
    </row>
    <row r="404359" spans="8:8">
      <c r="H404359" s="12"/>
    </row>
    <row r="404360" spans="8:8">
      <c r="H404360" s="12"/>
    </row>
    <row r="404361" spans="8:8">
      <c r="H404361" s="12"/>
    </row>
    <row r="404362" spans="8:8">
      <c r="H404362" s="12"/>
    </row>
    <row r="404363" spans="8:8">
      <c r="H404363" s="12"/>
    </row>
    <row r="404364" spans="8:8">
      <c r="H404364" s="12"/>
    </row>
    <row r="404365" spans="8:8">
      <c r="H404365" s="12"/>
    </row>
    <row r="404366" spans="8:8">
      <c r="H404366" s="12"/>
    </row>
    <row r="404367" spans="8:8">
      <c r="H404367" s="12"/>
    </row>
    <row r="404368" spans="8:8">
      <c r="H404368" s="12"/>
    </row>
    <row r="404369" spans="8:8">
      <c r="H404369" s="12"/>
    </row>
    <row r="404370" spans="8:8">
      <c r="H404370" s="12"/>
    </row>
    <row r="404371" spans="8:8">
      <c r="H404371" s="12"/>
    </row>
    <row r="404372" spans="8:8">
      <c r="H404372" s="12"/>
    </row>
    <row r="404373" spans="8:8">
      <c r="H404373" s="12"/>
    </row>
    <row r="404374" spans="8:8">
      <c r="H404374" s="12"/>
    </row>
    <row r="404375" spans="8:8">
      <c r="H404375" s="12"/>
    </row>
    <row r="404376" spans="8:8">
      <c r="H404376" s="12"/>
    </row>
    <row r="404377" spans="8:8">
      <c r="H404377" s="12"/>
    </row>
    <row r="404378" spans="8:8">
      <c r="H404378" s="12"/>
    </row>
    <row r="404379" spans="8:8">
      <c r="H404379" s="12"/>
    </row>
    <row r="404380" spans="8:8">
      <c r="H404380" s="12"/>
    </row>
    <row r="404381" spans="8:8">
      <c r="H404381" s="12"/>
    </row>
    <row r="404382" spans="8:8">
      <c r="H404382" s="12"/>
    </row>
    <row r="404383" spans="8:8">
      <c r="H404383" s="12"/>
    </row>
    <row r="404384" spans="8:8">
      <c r="H404384" s="12"/>
    </row>
    <row r="404385" spans="8:8">
      <c r="H404385" s="12"/>
    </row>
    <row r="404386" spans="8:8">
      <c r="H404386" s="12"/>
    </row>
    <row r="404387" spans="8:8">
      <c r="H404387" s="12"/>
    </row>
    <row r="404388" spans="8:8">
      <c r="H404388" s="12"/>
    </row>
    <row r="404389" spans="8:8">
      <c r="H404389" s="12"/>
    </row>
    <row r="404390" spans="8:8">
      <c r="H404390" s="12"/>
    </row>
    <row r="404391" spans="8:8">
      <c r="H404391" s="12"/>
    </row>
    <row r="404392" spans="8:8">
      <c r="H404392" s="12"/>
    </row>
    <row r="404393" spans="8:8">
      <c r="H404393" s="12"/>
    </row>
    <row r="404394" spans="8:8">
      <c r="H404394" s="12"/>
    </row>
    <row r="404395" spans="8:8">
      <c r="H404395" s="12"/>
    </row>
    <row r="404396" spans="8:8">
      <c r="H404396" s="12"/>
    </row>
    <row r="404397" spans="8:8">
      <c r="H404397" s="12"/>
    </row>
    <row r="404398" spans="8:8">
      <c r="H404398" s="12"/>
    </row>
    <row r="404399" spans="8:8">
      <c r="H404399" s="12"/>
    </row>
    <row r="404400" spans="8:8">
      <c r="H404400" s="12"/>
    </row>
    <row r="404401" spans="8:8">
      <c r="H404401" s="12"/>
    </row>
    <row r="404402" spans="8:8">
      <c r="H404402" s="12"/>
    </row>
    <row r="404403" spans="8:8">
      <c r="H404403" s="12"/>
    </row>
    <row r="404404" spans="8:8">
      <c r="H404404" s="12"/>
    </row>
    <row r="404405" spans="8:8">
      <c r="H404405" s="12"/>
    </row>
    <row r="404406" spans="8:8">
      <c r="H404406" s="12"/>
    </row>
    <row r="404407" spans="8:8">
      <c r="H404407" s="12"/>
    </row>
    <row r="404408" spans="8:8">
      <c r="H404408" s="12"/>
    </row>
    <row r="404409" spans="8:8">
      <c r="H404409" s="12"/>
    </row>
    <row r="404410" spans="8:8">
      <c r="H404410" s="12"/>
    </row>
    <row r="404411" spans="8:8">
      <c r="H404411" s="12"/>
    </row>
    <row r="404412" spans="8:8">
      <c r="H404412" s="12"/>
    </row>
    <row r="404413" spans="8:8">
      <c r="H404413" s="12"/>
    </row>
    <row r="404414" spans="8:8">
      <c r="H404414" s="12"/>
    </row>
    <row r="404415" spans="8:8">
      <c r="H404415" s="12"/>
    </row>
    <row r="404416" spans="8:8">
      <c r="H404416" s="12"/>
    </row>
    <row r="404417" spans="8:8">
      <c r="H404417" s="12"/>
    </row>
    <row r="404418" spans="8:8">
      <c r="H404418" s="12"/>
    </row>
    <row r="404419" spans="8:8">
      <c r="H404419" s="12"/>
    </row>
    <row r="404420" spans="8:8">
      <c r="H404420" s="12"/>
    </row>
    <row r="404421" spans="8:8">
      <c r="H404421" s="12"/>
    </row>
    <row r="404422" spans="8:8">
      <c r="H404422" s="12"/>
    </row>
    <row r="404423" spans="8:8">
      <c r="H404423" s="12"/>
    </row>
    <row r="404424" spans="8:8">
      <c r="H404424" s="12"/>
    </row>
    <row r="404425" spans="8:8">
      <c r="H404425" s="12"/>
    </row>
    <row r="404426" spans="8:8">
      <c r="H404426" s="12"/>
    </row>
    <row r="404427" spans="8:8">
      <c r="H404427" s="12"/>
    </row>
    <row r="404428" spans="8:8">
      <c r="H404428" s="12"/>
    </row>
    <row r="404429" spans="8:8">
      <c r="H404429" s="12"/>
    </row>
    <row r="404430" spans="8:8">
      <c r="H404430" s="12"/>
    </row>
    <row r="404431" spans="8:8">
      <c r="H404431" s="12"/>
    </row>
    <row r="404432" spans="8:8">
      <c r="H404432" s="12"/>
    </row>
    <row r="404433" spans="8:8">
      <c r="H404433" s="12"/>
    </row>
    <row r="404434" spans="8:8">
      <c r="H404434" s="12"/>
    </row>
    <row r="404435" spans="8:8">
      <c r="H404435" s="12"/>
    </row>
    <row r="404436" spans="8:8">
      <c r="H404436" s="12"/>
    </row>
    <row r="404437" spans="8:8">
      <c r="H404437" s="12"/>
    </row>
    <row r="404438" spans="8:8">
      <c r="H404438" s="12"/>
    </row>
    <row r="404439" spans="8:8">
      <c r="H404439" s="12"/>
    </row>
    <row r="404440" spans="8:8">
      <c r="H404440" s="12"/>
    </row>
    <row r="404441" spans="8:8">
      <c r="H404441" s="12"/>
    </row>
    <row r="404442" spans="8:8">
      <c r="H404442" s="12"/>
    </row>
    <row r="404443" spans="8:8">
      <c r="H404443" s="12"/>
    </row>
    <row r="404444" spans="8:8">
      <c r="H404444" s="12"/>
    </row>
    <row r="404445" spans="8:8">
      <c r="H404445" s="12"/>
    </row>
    <row r="404446" spans="8:8">
      <c r="H404446" s="12"/>
    </row>
    <row r="404447" spans="8:8">
      <c r="H404447" s="12"/>
    </row>
    <row r="404448" spans="8:8">
      <c r="H404448" s="12"/>
    </row>
    <row r="404449" spans="8:8">
      <c r="H404449" s="12"/>
    </row>
    <row r="404450" spans="8:8">
      <c r="H404450" s="12"/>
    </row>
    <row r="404451" spans="8:8">
      <c r="H404451" s="12"/>
    </row>
    <row r="404452" spans="8:8">
      <c r="H404452" s="12"/>
    </row>
    <row r="404453" spans="8:8">
      <c r="H404453" s="12"/>
    </row>
    <row r="404454" spans="8:8">
      <c r="H404454" s="12"/>
    </row>
    <row r="404455" spans="8:8">
      <c r="H404455" s="12"/>
    </row>
    <row r="404456" spans="8:8">
      <c r="H404456" s="12"/>
    </row>
    <row r="404457" spans="8:8">
      <c r="H404457" s="12"/>
    </row>
    <row r="404458" spans="8:8">
      <c r="H404458" s="12"/>
    </row>
    <row r="404459" spans="8:8">
      <c r="H404459" s="12"/>
    </row>
    <row r="404460" spans="8:8">
      <c r="H404460" s="12"/>
    </row>
    <row r="404461" spans="8:8">
      <c r="H404461" s="12"/>
    </row>
    <row r="404462" spans="8:8">
      <c r="H404462" s="12"/>
    </row>
    <row r="404463" spans="8:8">
      <c r="H404463" s="12"/>
    </row>
    <row r="404464" spans="8:8">
      <c r="H404464" s="12"/>
    </row>
    <row r="404465" spans="8:8">
      <c r="H404465" s="12"/>
    </row>
    <row r="404466" spans="8:8">
      <c r="H404466" s="12"/>
    </row>
    <row r="404467" spans="8:8">
      <c r="H404467" s="12"/>
    </row>
    <row r="404468" spans="8:8">
      <c r="H404468" s="12"/>
    </row>
    <row r="404469" spans="8:8">
      <c r="H404469" s="12"/>
    </row>
    <row r="404470" spans="8:8">
      <c r="H404470" s="12"/>
    </row>
    <row r="404471" spans="8:8">
      <c r="H404471" s="12"/>
    </row>
    <row r="404472" spans="8:8">
      <c r="H404472" s="12"/>
    </row>
    <row r="404473" spans="8:8">
      <c r="H404473" s="12"/>
    </row>
    <row r="404474" spans="8:8">
      <c r="H404474" s="12"/>
    </row>
    <row r="404475" spans="8:8">
      <c r="H404475" s="12"/>
    </row>
    <row r="404476" spans="8:8">
      <c r="H404476" s="12"/>
    </row>
    <row r="404477" spans="8:8">
      <c r="H404477" s="12"/>
    </row>
    <row r="404478" spans="8:8">
      <c r="H404478" s="12"/>
    </row>
    <row r="404479" spans="8:8">
      <c r="H404479" s="12"/>
    </row>
    <row r="404480" spans="8:8">
      <c r="H404480" s="12"/>
    </row>
    <row r="404481" spans="8:8">
      <c r="H404481" s="12"/>
    </row>
    <row r="404482" spans="8:8">
      <c r="H404482" s="12"/>
    </row>
    <row r="404483" spans="8:8">
      <c r="H404483" s="12"/>
    </row>
    <row r="404484" spans="8:8">
      <c r="H404484" s="12"/>
    </row>
    <row r="404485" spans="8:8">
      <c r="H404485" s="12"/>
    </row>
    <row r="404486" spans="8:8">
      <c r="H404486" s="12"/>
    </row>
    <row r="404487" spans="8:8">
      <c r="H404487" s="12"/>
    </row>
    <row r="404488" spans="8:8">
      <c r="H404488" s="12"/>
    </row>
    <row r="404489" spans="8:8">
      <c r="H404489" s="12"/>
    </row>
    <row r="404490" spans="8:8">
      <c r="H404490" s="12"/>
    </row>
    <row r="404491" spans="8:8">
      <c r="H404491" s="12"/>
    </row>
    <row r="404492" spans="8:8">
      <c r="H404492" s="12"/>
    </row>
    <row r="404493" spans="8:8">
      <c r="H404493" s="12"/>
    </row>
    <row r="404494" spans="8:8">
      <c r="H404494" s="12"/>
    </row>
    <row r="404495" spans="8:8">
      <c r="H404495" s="12"/>
    </row>
    <row r="404496" spans="8:8">
      <c r="H404496" s="12"/>
    </row>
    <row r="404497" spans="8:8">
      <c r="H404497" s="12"/>
    </row>
    <row r="404498" spans="8:8">
      <c r="H404498" s="12"/>
    </row>
    <row r="404499" spans="8:8">
      <c r="H404499" s="12"/>
    </row>
    <row r="404500" spans="8:8">
      <c r="H404500" s="12"/>
    </row>
    <row r="404501" spans="8:8">
      <c r="H404501" s="12"/>
    </row>
    <row r="404502" spans="8:8">
      <c r="H404502" s="12"/>
    </row>
    <row r="404503" spans="8:8">
      <c r="H404503" s="12"/>
    </row>
    <row r="404504" spans="8:8">
      <c r="H404504" s="12"/>
    </row>
    <row r="404505" spans="8:8">
      <c r="H404505" s="12"/>
    </row>
    <row r="404506" spans="8:8">
      <c r="H404506" s="12"/>
    </row>
    <row r="404507" spans="8:8">
      <c r="H404507" s="12"/>
    </row>
    <row r="404508" spans="8:8">
      <c r="H404508" s="12"/>
    </row>
    <row r="404509" spans="8:8">
      <c r="H404509" s="12"/>
    </row>
    <row r="404510" spans="8:8">
      <c r="H404510" s="12"/>
    </row>
    <row r="404511" spans="8:8">
      <c r="H404511" s="12"/>
    </row>
    <row r="404512" spans="8:8">
      <c r="H404512" s="12"/>
    </row>
    <row r="404513" spans="8:8">
      <c r="H404513" s="12"/>
    </row>
    <row r="404514" spans="8:8">
      <c r="H404514" s="12"/>
    </row>
    <row r="404515" spans="8:8">
      <c r="H404515" s="12"/>
    </row>
    <row r="404516" spans="8:8">
      <c r="H404516" s="12"/>
    </row>
    <row r="404517" spans="8:8">
      <c r="H404517" s="12"/>
    </row>
    <row r="404518" spans="8:8">
      <c r="H404518" s="12"/>
    </row>
    <row r="404519" spans="8:8">
      <c r="H404519" s="12"/>
    </row>
    <row r="404520" spans="8:8">
      <c r="H404520" s="12"/>
    </row>
    <row r="404521" spans="8:8">
      <c r="H404521" s="12"/>
    </row>
    <row r="404522" spans="8:8">
      <c r="H404522" s="12"/>
    </row>
    <row r="404523" spans="8:8">
      <c r="H404523" s="12"/>
    </row>
    <row r="404524" spans="8:8">
      <c r="H404524" s="12"/>
    </row>
    <row r="404525" spans="8:8">
      <c r="H404525" s="12"/>
    </row>
    <row r="404526" spans="8:8">
      <c r="H404526" s="12"/>
    </row>
    <row r="404527" spans="8:8">
      <c r="H404527" s="12"/>
    </row>
    <row r="404528" spans="8:8">
      <c r="H404528" s="12"/>
    </row>
    <row r="404529" spans="8:8">
      <c r="H404529" s="12"/>
    </row>
    <row r="404530" spans="8:8">
      <c r="H404530" s="12"/>
    </row>
    <row r="404531" spans="8:8">
      <c r="H404531" s="12"/>
    </row>
    <row r="404532" spans="8:8">
      <c r="H404532" s="12"/>
    </row>
    <row r="404533" spans="8:8">
      <c r="H404533" s="12"/>
    </row>
    <row r="404534" spans="8:8">
      <c r="H404534" s="12"/>
    </row>
    <row r="404535" spans="8:8">
      <c r="H404535" s="12"/>
    </row>
    <row r="404536" spans="8:8">
      <c r="H404536" s="12"/>
    </row>
    <row r="404537" spans="8:8">
      <c r="H404537" s="12"/>
    </row>
    <row r="404538" spans="8:8">
      <c r="H404538" s="12"/>
    </row>
    <row r="404539" spans="8:8">
      <c r="H404539" s="12"/>
    </row>
    <row r="404540" spans="8:8">
      <c r="H404540" s="12"/>
    </row>
    <row r="404541" spans="8:8">
      <c r="H404541" s="12"/>
    </row>
    <row r="404542" spans="8:8">
      <c r="H404542" s="12"/>
    </row>
    <row r="404543" spans="8:8">
      <c r="H404543" s="12"/>
    </row>
    <row r="404544" spans="8:8">
      <c r="H404544" s="12"/>
    </row>
    <row r="404545" spans="8:8">
      <c r="H404545" s="12"/>
    </row>
    <row r="404546" spans="8:8">
      <c r="H404546" s="12"/>
    </row>
    <row r="404547" spans="8:8">
      <c r="H404547" s="12"/>
    </row>
    <row r="404548" spans="8:8">
      <c r="H404548" s="12"/>
    </row>
    <row r="404549" spans="8:8">
      <c r="H404549" s="12"/>
    </row>
    <row r="404550" spans="8:8">
      <c r="H404550" s="12"/>
    </row>
    <row r="404551" spans="8:8">
      <c r="H404551" s="12"/>
    </row>
    <row r="404552" spans="8:8">
      <c r="H404552" s="12"/>
    </row>
    <row r="404553" spans="8:8">
      <c r="H404553" s="12"/>
    </row>
    <row r="404554" spans="8:8">
      <c r="H404554" s="12"/>
    </row>
    <row r="404555" spans="8:8">
      <c r="H404555" s="12"/>
    </row>
    <row r="404556" spans="8:8">
      <c r="H404556" s="12"/>
    </row>
    <row r="404557" spans="8:8">
      <c r="H404557" s="12"/>
    </row>
    <row r="404558" spans="8:8">
      <c r="H404558" s="12"/>
    </row>
    <row r="404559" spans="8:8">
      <c r="H404559" s="12"/>
    </row>
    <row r="404560" spans="8:8">
      <c r="H404560" s="12"/>
    </row>
    <row r="404561" spans="8:8">
      <c r="H404561" s="12"/>
    </row>
    <row r="404562" spans="8:8">
      <c r="H404562" s="12"/>
    </row>
    <row r="404563" spans="8:8">
      <c r="H404563" s="12"/>
    </row>
    <row r="404564" spans="8:8">
      <c r="H404564" s="12"/>
    </row>
    <row r="404565" spans="8:8">
      <c r="H404565" s="12"/>
    </row>
    <row r="404566" spans="8:8">
      <c r="H404566" s="12"/>
    </row>
    <row r="404567" spans="8:8">
      <c r="H404567" s="12"/>
    </row>
    <row r="404568" spans="8:8">
      <c r="H404568" s="12"/>
    </row>
    <row r="404569" spans="8:8">
      <c r="H404569" s="12"/>
    </row>
    <row r="404570" spans="8:8">
      <c r="H404570" s="12"/>
    </row>
    <row r="404571" spans="8:8">
      <c r="H404571" s="12"/>
    </row>
    <row r="404572" spans="8:8">
      <c r="H404572" s="12"/>
    </row>
    <row r="404573" spans="8:8">
      <c r="H404573" s="12"/>
    </row>
    <row r="404574" spans="8:8">
      <c r="H404574" s="12"/>
    </row>
    <row r="404575" spans="8:8">
      <c r="H404575" s="12"/>
    </row>
    <row r="404576" spans="8:8">
      <c r="H404576" s="12"/>
    </row>
    <row r="404577" spans="8:8">
      <c r="H404577" s="12"/>
    </row>
    <row r="404578" spans="8:8">
      <c r="H404578" s="12"/>
    </row>
    <row r="404579" spans="8:8">
      <c r="H404579" s="12"/>
    </row>
    <row r="404580" spans="8:8">
      <c r="H404580" s="12"/>
    </row>
    <row r="404581" spans="8:8">
      <c r="H404581" s="12"/>
    </row>
    <row r="404582" spans="8:8">
      <c r="H404582" s="12"/>
    </row>
    <row r="404583" spans="8:8">
      <c r="H404583" s="12"/>
    </row>
    <row r="404584" spans="8:8">
      <c r="H404584" s="12"/>
    </row>
    <row r="404585" spans="8:8">
      <c r="H404585" s="12"/>
    </row>
    <row r="404586" spans="8:8">
      <c r="H404586" s="12"/>
    </row>
    <row r="404587" spans="8:8">
      <c r="H404587" s="12"/>
    </row>
    <row r="404588" spans="8:8">
      <c r="H404588" s="12"/>
    </row>
    <row r="404589" spans="8:8">
      <c r="H404589" s="12"/>
    </row>
    <row r="404590" spans="8:8">
      <c r="H404590" s="12"/>
    </row>
    <row r="404591" spans="8:8">
      <c r="H404591" s="12"/>
    </row>
    <row r="404592" spans="8:8">
      <c r="H404592" s="12"/>
    </row>
    <row r="404593" spans="8:8">
      <c r="H404593" s="12"/>
    </row>
    <row r="404594" spans="8:8">
      <c r="H404594" s="12"/>
    </row>
    <row r="404595" spans="8:8">
      <c r="H404595" s="12"/>
    </row>
    <row r="404596" spans="8:8">
      <c r="H404596" s="12"/>
    </row>
    <row r="404597" spans="8:8">
      <c r="H404597" s="12"/>
    </row>
    <row r="404598" spans="8:8">
      <c r="H404598" s="12"/>
    </row>
    <row r="404599" spans="8:8">
      <c r="H404599" s="12"/>
    </row>
    <row r="404600" spans="8:8">
      <c r="H404600" s="12"/>
    </row>
    <row r="404601" spans="8:8">
      <c r="H404601" s="12"/>
    </row>
    <row r="404602" spans="8:8">
      <c r="H404602" s="12"/>
    </row>
    <row r="404603" spans="8:8">
      <c r="H404603" s="12"/>
    </row>
    <row r="404604" spans="8:8">
      <c r="H404604" s="12"/>
    </row>
    <row r="404605" spans="8:8">
      <c r="H404605" s="12"/>
    </row>
    <row r="404606" spans="8:8">
      <c r="H404606" s="12"/>
    </row>
    <row r="404607" spans="8:8">
      <c r="H404607" s="12"/>
    </row>
    <row r="404608" spans="8:8">
      <c r="H404608" s="12"/>
    </row>
    <row r="404609" spans="8:8">
      <c r="H404609" s="12"/>
    </row>
    <row r="404610" spans="8:8">
      <c r="H404610" s="12"/>
    </row>
    <row r="404611" spans="8:8">
      <c r="H404611" s="12"/>
    </row>
    <row r="404612" spans="8:8">
      <c r="H404612" s="12"/>
    </row>
    <row r="404613" spans="8:8">
      <c r="H404613" s="12"/>
    </row>
    <row r="404614" spans="8:8">
      <c r="H404614" s="12"/>
    </row>
    <row r="404615" spans="8:8">
      <c r="H404615" s="12"/>
    </row>
    <row r="404616" spans="8:8">
      <c r="H404616" s="12"/>
    </row>
    <row r="404617" spans="8:8">
      <c r="H404617" s="12"/>
    </row>
    <row r="404618" spans="8:8">
      <c r="H404618" s="12"/>
    </row>
    <row r="404619" spans="8:8">
      <c r="H404619" s="12"/>
    </row>
    <row r="404620" spans="8:8">
      <c r="H404620" s="12"/>
    </row>
    <row r="404621" spans="8:8">
      <c r="H404621" s="12"/>
    </row>
    <row r="404622" spans="8:8">
      <c r="H404622" s="12"/>
    </row>
    <row r="404623" spans="8:8">
      <c r="H404623" s="12"/>
    </row>
    <row r="404624" spans="8:8">
      <c r="H404624" s="12"/>
    </row>
    <row r="404625" spans="8:8">
      <c r="H404625" s="12"/>
    </row>
    <row r="404626" spans="8:8">
      <c r="H404626" s="12"/>
    </row>
    <row r="404627" spans="8:8">
      <c r="H404627" s="12"/>
    </row>
    <row r="404628" spans="8:8">
      <c r="H404628" s="12"/>
    </row>
    <row r="404629" spans="8:8">
      <c r="H404629" s="12"/>
    </row>
    <row r="404630" spans="8:8">
      <c r="H404630" s="12"/>
    </row>
    <row r="404631" spans="8:8">
      <c r="H404631" s="12"/>
    </row>
    <row r="404632" spans="8:8">
      <c r="H404632" s="12"/>
    </row>
    <row r="404633" spans="8:8">
      <c r="H404633" s="12"/>
    </row>
    <row r="404634" spans="8:8">
      <c r="H404634" s="12"/>
    </row>
    <row r="404635" spans="8:8">
      <c r="H404635" s="12"/>
    </row>
    <row r="404636" spans="8:8">
      <c r="H404636" s="12"/>
    </row>
    <row r="404637" spans="8:8">
      <c r="H404637" s="12"/>
    </row>
    <row r="404638" spans="8:8">
      <c r="H404638" s="12"/>
    </row>
    <row r="404639" spans="8:8">
      <c r="H404639" s="12"/>
    </row>
    <row r="404640" spans="8:8">
      <c r="H404640" s="12"/>
    </row>
    <row r="404641" spans="8:8">
      <c r="H404641" s="12"/>
    </row>
    <row r="404642" spans="8:8">
      <c r="H404642" s="12"/>
    </row>
    <row r="404643" spans="8:8">
      <c r="H404643" s="12"/>
    </row>
    <row r="404644" spans="8:8">
      <c r="H404644" s="12"/>
    </row>
    <row r="404645" spans="8:8">
      <c r="H404645" s="12"/>
    </row>
    <row r="404646" spans="8:8">
      <c r="H404646" s="12"/>
    </row>
    <row r="404647" spans="8:8">
      <c r="H404647" s="12"/>
    </row>
    <row r="404648" spans="8:8">
      <c r="H404648" s="12"/>
    </row>
    <row r="404649" spans="8:8">
      <c r="H404649" s="12"/>
    </row>
    <row r="404650" spans="8:8">
      <c r="H404650" s="12"/>
    </row>
    <row r="404651" spans="8:8">
      <c r="H404651" s="12"/>
    </row>
    <row r="404652" spans="8:8">
      <c r="H404652" s="12"/>
    </row>
    <row r="404653" spans="8:8">
      <c r="H404653" s="12"/>
    </row>
    <row r="404654" spans="8:8">
      <c r="H404654" s="12"/>
    </row>
    <row r="404655" spans="8:8">
      <c r="H404655" s="12"/>
    </row>
    <row r="404656" spans="8:8">
      <c r="H404656" s="12"/>
    </row>
    <row r="404657" spans="8:8">
      <c r="H404657" s="12"/>
    </row>
    <row r="404658" spans="8:8">
      <c r="H404658" s="12"/>
    </row>
    <row r="404659" spans="8:8">
      <c r="H404659" s="12"/>
    </row>
    <row r="404660" spans="8:8">
      <c r="H404660" s="12"/>
    </row>
    <row r="404661" spans="8:8">
      <c r="H404661" s="12"/>
    </row>
    <row r="404662" spans="8:8">
      <c r="H404662" s="12"/>
    </row>
    <row r="404663" spans="8:8">
      <c r="H404663" s="12"/>
    </row>
    <row r="404664" spans="8:8">
      <c r="H404664" s="12"/>
    </row>
    <row r="404665" spans="8:8">
      <c r="H404665" s="12"/>
    </row>
    <row r="404666" spans="8:8">
      <c r="H404666" s="12"/>
    </row>
    <row r="404667" spans="8:8">
      <c r="H404667" s="12"/>
    </row>
    <row r="404668" spans="8:8">
      <c r="H404668" s="12"/>
    </row>
    <row r="404669" spans="8:8">
      <c r="H404669" s="12"/>
    </row>
    <row r="404670" spans="8:8">
      <c r="H404670" s="12"/>
    </row>
    <row r="404671" spans="8:8">
      <c r="H404671" s="12"/>
    </row>
    <row r="404672" spans="8:8">
      <c r="H404672" s="12"/>
    </row>
    <row r="404673" spans="8:8">
      <c r="H404673" s="12"/>
    </row>
    <row r="404674" spans="8:8">
      <c r="H404674" s="12"/>
    </row>
    <row r="404675" spans="8:8">
      <c r="H404675" s="12"/>
    </row>
    <row r="404676" spans="8:8">
      <c r="H404676" s="12"/>
    </row>
    <row r="404677" spans="8:8">
      <c r="H404677" s="12"/>
    </row>
    <row r="404678" spans="8:8">
      <c r="H404678" s="12"/>
    </row>
    <row r="404679" spans="8:8">
      <c r="H404679" s="12"/>
    </row>
    <row r="404680" spans="8:8">
      <c r="H404680" s="12"/>
    </row>
    <row r="404681" spans="8:8">
      <c r="H404681" s="12"/>
    </row>
    <row r="404682" spans="8:8">
      <c r="H404682" s="12"/>
    </row>
    <row r="404683" spans="8:8">
      <c r="H404683" s="12"/>
    </row>
    <row r="404684" spans="8:8">
      <c r="H404684" s="12"/>
    </row>
    <row r="404685" spans="8:8">
      <c r="H404685" s="12"/>
    </row>
    <row r="404686" spans="8:8">
      <c r="H404686" s="12"/>
    </row>
    <row r="404687" spans="8:8">
      <c r="H404687" s="12"/>
    </row>
    <row r="404688" spans="8:8">
      <c r="H404688" s="12"/>
    </row>
    <row r="404689" spans="8:8">
      <c r="H404689" s="12"/>
    </row>
    <row r="404690" spans="8:8">
      <c r="H404690" s="12"/>
    </row>
    <row r="404691" spans="8:8">
      <c r="H404691" s="12"/>
    </row>
    <row r="404692" spans="8:8">
      <c r="H404692" s="12"/>
    </row>
    <row r="404693" spans="8:8">
      <c r="H404693" s="12"/>
    </row>
    <row r="404694" spans="8:8">
      <c r="H404694" s="12"/>
    </row>
    <row r="404695" spans="8:8">
      <c r="H404695" s="12"/>
    </row>
    <row r="404696" spans="8:8">
      <c r="H404696" s="12"/>
    </row>
    <row r="404697" spans="8:8">
      <c r="H404697" s="12"/>
    </row>
    <row r="404698" spans="8:8">
      <c r="H404698" s="12"/>
    </row>
    <row r="404699" spans="8:8">
      <c r="H404699" s="12"/>
    </row>
    <row r="404700" spans="8:8">
      <c r="H404700" s="12"/>
    </row>
    <row r="404701" spans="8:8">
      <c r="H404701" s="12"/>
    </row>
    <row r="404702" spans="8:8">
      <c r="H404702" s="12"/>
    </row>
    <row r="404703" spans="8:8">
      <c r="H404703" s="12"/>
    </row>
    <row r="404704" spans="8:8">
      <c r="H404704" s="12"/>
    </row>
    <row r="404705" spans="8:8">
      <c r="H404705" s="12"/>
    </row>
    <row r="404706" spans="8:8">
      <c r="H404706" s="12"/>
    </row>
    <row r="404707" spans="8:8">
      <c r="H404707" s="12"/>
    </row>
    <row r="404708" spans="8:8">
      <c r="H404708" s="12"/>
    </row>
    <row r="404709" spans="8:8">
      <c r="H404709" s="12"/>
    </row>
    <row r="404710" spans="8:8">
      <c r="H404710" s="12"/>
    </row>
    <row r="404711" spans="8:8">
      <c r="H404711" s="12"/>
    </row>
    <row r="404712" spans="8:8">
      <c r="H404712" s="12"/>
    </row>
    <row r="404713" spans="8:8">
      <c r="H404713" s="12"/>
    </row>
    <row r="404714" spans="8:8">
      <c r="H404714" s="12"/>
    </row>
    <row r="404715" spans="8:8">
      <c r="H404715" s="12"/>
    </row>
    <row r="404716" spans="8:8">
      <c r="H404716" s="12"/>
    </row>
    <row r="404717" spans="8:8">
      <c r="H404717" s="12"/>
    </row>
    <row r="404718" spans="8:8">
      <c r="H404718" s="12"/>
    </row>
    <row r="404719" spans="8:8">
      <c r="H404719" s="12"/>
    </row>
    <row r="404720" spans="8:8">
      <c r="H404720" s="12"/>
    </row>
    <row r="404721" spans="8:8">
      <c r="H404721" s="12"/>
    </row>
    <row r="404722" spans="8:8">
      <c r="H404722" s="12"/>
    </row>
    <row r="404723" spans="8:8">
      <c r="H404723" s="12"/>
    </row>
    <row r="404724" spans="8:8">
      <c r="H404724" s="12"/>
    </row>
    <row r="404725" spans="8:8">
      <c r="H404725" s="12"/>
    </row>
    <row r="404726" spans="8:8">
      <c r="H404726" s="12"/>
    </row>
    <row r="404727" spans="8:8">
      <c r="H404727" s="12"/>
    </row>
    <row r="404728" spans="8:8">
      <c r="H404728" s="12"/>
    </row>
    <row r="404729" spans="8:8">
      <c r="H404729" s="12"/>
    </row>
    <row r="404730" spans="8:8">
      <c r="H404730" s="12"/>
    </row>
    <row r="404731" spans="8:8">
      <c r="H404731" s="12"/>
    </row>
    <row r="404732" spans="8:8">
      <c r="H404732" s="12"/>
    </row>
    <row r="404733" spans="8:8">
      <c r="H404733" s="12"/>
    </row>
    <row r="404734" spans="8:8">
      <c r="H404734" s="12"/>
    </row>
    <row r="404735" spans="8:8">
      <c r="H404735" s="12"/>
    </row>
    <row r="404736" spans="8:8">
      <c r="H404736" s="12"/>
    </row>
    <row r="404737" spans="8:8">
      <c r="H404737" s="12"/>
    </row>
    <row r="404738" spans="8:8">
      <c r="H404738" s="12"/>
    </row>
    <row r="404739" spans="8:8">
      <c r="H404739" s="12"/>
    </row>
    <row r="404740" spans="8:8">
      <c r="H404740" s="12"/>
    </row>
    <row r="404741" spans="8:8">
      <c r="H404741" s="12"/>
    </row>
    <row r="404742" spans="8:8">
      <c r="H404742" s="12"/>
    </row>
    <row r="404743" spans="8:8">
      <c r="H404743" s="12"/>
    </row>
    <row r="404744" spans="8:8">
      <c r="H404744" s="12"/>
    </row>
    <row r="404745" spans="8:8">
      <c r="H404745" s="12"/>
    </row>
    <row r="404746" spans="8:8">
      <c r="H404746" s="12"/>
    </row>
    <row r="404747" spans="8:8">
      <c r="H404747" s="12"/>
    </row>
    <row r="404748" spans="8:8">
      <c r="H404748" s="12"/>
    </row>
    <row r="404749" spans="8:8">
      <c r="H404749" s="12"/>
    </row>
    <row r="404750" spans="8:8">
      <c r="H404750" s="12"/>
    </row>
    <row r="404751" spans="8:8">
      <c r="H404751" s="12"/>
    </row>
    <row r="404752" spans="8:8">
      <c r="H404752" s="12"/>
    </row>
    <row r="404753" spans="8:8">
      <c r="H404753" s="12"/>
    </row>
    <row r="404754" spans="8:8">
      <c r="H404754" s="12"/>
    </row>
    <row r="404755" spans="8:8">
      <c r="H404755" s="12"/>
    </row>
    <row r="404756" spans="8:8">
      <c r="H404756" s="12"/>
    </row>
    <row r="404757" spans="8:8">
      <c r="H404757" s="12"/>
    </row>
    <row r="404758" spans="8:8">
      <c r="H404758" s="12"/>
    </row>
    <row r="404759" spans="8:8">
      <c r="H404759" s="12"/>
    </row>
    <row r="404760" spans="8:8">
      <c r="H404760" s="12"/>
    </row>
    <row r="404761" spans="8:8">
      <c r="H404761" s="12"/>
    </row>
    <row r="404762" spans="8:8">
      <c r="H404762" s="12"/>
    </row>
    <row r="404763" spans="8:8">
      <c r="H404763" s="12"/>
    </row>
    <row r="404764" spans="8:8">
      <c r="H404764" s="12"/>
    </row>
    <row r="404765" spans="8:8">
      <c r="H404765" s="12"/>
    </row>
    <row r="404766" spans="8:8">
      <c r="H404766" s="12"/>
    </row>
    <row r="404767" spans="8:8">
      <c r="H404767" s="12"/>
    </row>
    <row r="404768" spans="8:8">
      <c r="H404768" s="12"/>
    </row>
    <row r="404769" spans="8:8">
      <c r="H404769" s="12"/>
    </row>
    <row r="404770" spans="8:8">
      <c r="H404770" s="12"/>
    </row>
    <row r="404771" spans="8:8">
      <c r="H404771" s="12"/>
    </row>
    <row r="404772" spans="8:8">
      <c r="H404772" s="12"/>
    </row>
    <row r="404773" spans="8:8">
      <c r="H404773" s="12"/>
    </row>
    <row r="404774" spans="8:8">
      <c r="H404774" s="12"/>
    </row>
    <row r="404775" spans="8:8">
      <c r="H404775" s="12"/>
    </row>
    <row r="404776" spans="8:8">
      <c r="H404776" s="12"/>
    </row>
    <row r="404777" spans="8:8">
      <c r="H404777" s="12"/>
    </row>
    <row r="404778" spans="8:8">
      <c r="H404778" s="12"/>
    </row>
    <row r="404779" spans="8:8">
      <c r="H404779" s="12"/>
    </row>
    <row r="404780" spans="8:8">
      <c r="H404780" s="12"/>
    </row>
    <row r="404781" spans="8:8">
      <c r="H404781" s="12"/>
    </row>
    <row r="404782" spans="8:8">
      <c r="H404782" s="12"/>
    </row>
    <row r="404783" spans="8:8">
      <c r="H404783" s="12"/>
    </row>
    <row r="404784" spans="8:8">
      <c r="H404784" s="12"/>
    </row>
    <row r="404785" spans="8:8">
      <c r="H404785" s="12"/>
    </row>
    <row r="404786" spans="8:8">
      <c r="H404786" s="12"/>
    </row>
    <row r="404787" spans="8:8">
      <c r="H404787" s="12"/>
    </row>
    <row r="404788" spans="8:8">
      <c r="H404788" s="12"/>
    </row>
    <row r="404789" spans="8:8">
      <c r="H404789" s="12"/>
    </row>
    <row r="404790" spans="8:8">
      <c r="H404790" s="12"/>
    </row>
    <row r="404791" spans="8:8">
      <c r="H404791" s="12"/>
    </row>
    <row r="404792" spans="8:8">
      <c r="H404792" s="12"/>
    </row>
    <row r="404793" spans="8:8">
      <c r="H404793" s="12"/>
    </row>
    <row r="404794" spans="8:8">
      <c r="H404794" s="12"/>
    </row>
    <row r="404795" spans="8:8">
      <c r="H404795" s="12"/>
    </row>
    <row r="404796" spans="8:8">
      <c r="H404796" s="12"/>
    </row>
    <row r="404797" spans="8:8">
      <c r="H404797" s="12"/>
    </row>
    <row r="404798" spans="8:8">
      <c r="H404798" s="12"/>
    </row>
    <row r="404799" spans="8:8">
      <c r="H404799" s="12"/>
    </row>
    <row r="404800" spans="8:8">
      <c r="H404800" s="12"/>
    </row>
    <row r="404801" spans="8:8">
      <c r="H404801" s="12"/>
    </row>
    <row r="404802" spans="8:8">
      <c r="H404802" s="12"/>
    </row>
    <row r="404803" spans="8:8">
      <c r="H404803" s="12"/>
    </row>
    <row r="404804" spans="8:8">
      <c r="H404804" s="12"/>
    </row>
    <row r="404805" spans="8:8">
      <c r="H404805" s="12"/>
    </row>
    <row r="404806" spans="8:8">
      <c r="H404806" s="12"/>
    </row>
    <row r="404807" spans="8:8">
      <c r="H404807" s="12"/>
    </row>
    <row r="404808" spans="8:8">
      <c r="H404808" s="12"/>
    </row>
    <row r="404809" spans="8:8">
      <c r="H404809" s="12"/>
    </row>
    <row r="404810" spans="8:8">
      <c r="H404810" s="12"/>
    </row>
    <row r="404811" spans="8:8">
      <c r="H404811" s="12"/>
    </row>
    <row r="404812" spans="8:8">
      <c r="H404812" s="12"/>
    </row>
    <row r="404813" spans="8:8">
      <c r="H404813" s="12"/>
    </row>
    <row r="404814" spans="8:8">
      <c r="H404814" s="12"/>
    </row>
    <row r="404815" spans="8:8">
      <c r="H404815" s="12"/>
    </row>
    <row r="404816" spans="8:8">
      <c r="H404816" s="12"/>
    </row>
    <row r="404817" spans="8:8">
      <c r="H404817" s="12"/>
    </row>
    <row r="404818" spans="8:8">
      <c r="H404818" s="12"/>
    </row>
    <row r="404819" spans="8:8">
      <c r="H404819" s="12"/>
    </row>
    <row r="404820" spans="8:8">
      <c r="H404820" s="12"/>
    </row>
    <row r="404821" spans="8:8">
      <c r="H404821" s="12"/>
    </row>
    <row r="404822" spans="8:8">
      <c r="H404822" s="12"/>
    </row>
    <row r="404823" spans="8:8">
      <c r="H404823" s="12"/>
    </row>
    <row r="404824" spans="8:8">
      <c r="H404824" s="12"/>
    </row>
    <row r="404825" spans="8:8">
      <c r="H404825" s="12"/>
    </row>
    <row r="404826" spans="8:8">
      <c r="H404826" s="12"/>
    </row>
    <row r="404827" spans="8:8">
      <c r="H404827" s="12"/>
    </row>
    <row r="404828" spans="8:8">
      <c r="H404828" s="12"/>
    </row>
    <row r="404829" spans="8:8">
      <c r="H404829" s="12"/>
    </row>
    <row r="404830" spans="8:8">
      <c r="H404830" s="12"/>
    </row>
    <row r="404831" spans="8:8">
      <c r="H404831" s="12"/>
    </row>
    <row r="404832" spans="8:8">
      <c r="H404832" s="12"/>
    </row>
    <row r="404833" spans="8:8">
      <c r="H404833" s="12"/>
    </row>
    <row r="404834" spans="8:8">
      <c r="H404834" s="12"/>
    </row>
    <row r="404835" spans="8:8">
      <c r="H404835" s="12"/>
    </row>
    <row r="404836" spans="8:8">
      <c r="H404836" s="12"/>
    </row>
    <row r="404837" spans="8:8">
      <c r="H404837" s="12"/>
    </row>
    <row r="404838" spans="8:8">
      <c r="H404838" s="12"/>
    </row>
    <row r="404839" spans="8:8">
      <c r="H404839" s="12"/>
    </row>
    <row r="404840" spans="8:8">
      <c r="H404840" s="12"/>
    </row>
    <row r="404841" spans="8:8">
      <c r="H404841" s="12"/>
    </row>
    <row r="404842" spans="8:8">
      <c r="H404842" s="12"/>
    </row>
    <row r="404843" spans="8:8">
      <c r="H404843" s="12"/>
    </row>
    <row r="404844" spans="8:8">
      <c r="H404844" s="12"/>
    </row>
    <row r="404845" spans="8:8">
      <c r="H404845" s="12"/>
    </row>
    <row r="404846" spans="8:8">
      <c r="H404846" s="12"/>
    </row>
    <row r="404847" spans="8:8">
      <c r="H404847" s="12"/>
    </row>
    <row r="404848" spans="8:8">
      <c r="H404848" s="12"/>
    </row>
    <row r="404849" spans="8:8">
      <c r="H404849" s="12"/>
    </row>
    <row r="404850" spans="8:8">
      <c r="H404850" s="12"/>
    </row>
    <row r="404851" spans="8:8">
      <c r="H404851" s="12"/>
    </row>
    <row r="404852" spans="8:8">
      <c r="H404852" s="12"/>
    </row>
    <row r="404853" spans="8:8">
      <c r="H404853" s="12"/>
    </row>
    <row r="404854" spans="8:8">
      <c r="H404854" s="12"/>
    </row>
    <row r="404855" spans="8:8">
      <c r="H404855" s="12"/>
    </row>
    <row r="404856" spans="8:8">
      <c r="H404856" s="12"/>
    </row>
    <row r="404857" spans="8:8">
      <c r="H404857" s="12"/>
    </row>
    <row r="404858" spans="8:8">
      <c r="H404858" s="12"/>
    </row>
    <row r="404859" spans="8:8">
      <c r="H404859" s="12"/>
    </row>
    <row r="404860" spans="8:8">
      <c r="H404860" s="12"/>
    </row>
    <row r="404861" spans="8:8">
      <c r="H404861" s="12"/>
    </row>
    <row r="404862" spans="8:8">
      <c r="H404862" s="12"/>
    </row>
    <row r="404863" spans="8:8">
      <c r="H404863" s="12"/>
    </row>
    <row r="404864" spans="8:8">
      <c r="H404864" s="12"/>
    </row>
    <row r="404865" spans="8:8">
      <c r="H404865" s="12"/>
    </row>
    <row r="404866" spans="8:8">
      <c r="H404866" s="12"/>
    </row>
    <row r="404867" spans="8:8">
      <c r="H404867" s="12"/>
    </row>
    <row r="404868" spans="8:8">
      <c r="H404868" s="12"/>
    </row>
    <row r="404869" spans="8:8">
      <c r="H404869" s="12"/>
    </row>
    <row r="404870" spans="8:8">
      <c r="H404870" s="12"/>
    </row>
    <row r="404871" spans="8:8">
      <c r="H404871" s="12"/>
    </row>
    <row r="404872" spans="8:8">
      <c r="H404872" s="12"/>
    </row>
    <row r="404873" spans="8:8">
      <c r="H404873" s="12"/>
    </row>
    <row r="404874" spans="8:8">
      <c r="H404874" s="12"/>
    </row>
    <row r="404875" spans="8:8">
      <c r="H404875" s="12"/>
    </row>
    <row r="404876" spans="8:8">
      <c r="H404876" s="12"/>
    </row>
    <row r="404877" spans="8:8">
      <c r="H404877" s="12"/>
    </row>
    <row r="404878" spans="8:8">
      <c r="H404878" s="12"/>
    </row>
    <row r="404879" spans="8:8">
      <c r="H404879" s="12"/>
    </row>
    <row r="404880" spans="8:8">
      <c r="H404880" s="12"/>
    </row>
    <row r="404881" spans="8:8">
      <c r="H404881" s="12"/>
    </row>
    <row r="404882" spans="8:8">
      <c r="H404882" s="12"/>
    </row>
    <row r="404883" spans="8:8">
      <c r="H404883" s="12"/>
    </row>
    <row r="404884" spans="8:8">
      <c r="H404884" s="12"/>
    </row>
    <row r="404885" spans="8:8">
      <c r="H404885" s="12"/>
    </row>
    <row r="404886" spans="8:8">
      <c r="H404886" s="12"/>
    </row>
    <row r="404887" spans="8:8">
      <c r="H404887" s="12"/>
    </row>
    <row r="404888" spans="8:8">
      <c r="H404888" s="12"/>
    </row>
    <row r="404889" spans="8:8">
      <c r="H404889" s="12"/>
    </row>
    <row r="404890" spans="8:8">
      <c r="H404890" s="12"/>
    </row>
    <row r="404891" spans="8:8">
      <c r="H404891" s="12"/>
    </row>
    <row r="404892" spans="8:8">
      <c r="H404892" s="12"/>
    </row>
    <row r="404893" spans="8:8">
      <c r="H404893" s="12"/>
    </row>
    <row r="404894" spans="8:8">
      <c r="H404894" s="12"/>
    </row>
    <row r="404895" spans="8:8">
      <c r="H404895" s="12"/>
    </row>
    <row r="404896" spans="8:8">
      <c r="H404896" s="12"/>
    </row>
    <row r="404897" spans="8:8">
      <c r="H404897" s="12"/>
    </row>
    <row r="404898" spans="8:8">
      <c r="H404898" s="12"/>
    </row>
    <row r="404899" spans="8:8">
      <c r="H404899" s="12"/>
    </row>
    <row r="404900" spans="8:8">
      <c r="H404900" s="12"/>
    </row>
    <row r="404901" spans="8:8">
      <c r="H404901" s="12"/>
    </row>
    <row r="404902" spans="8:8">
      <c r="H404902" s="12"/>
    </row>
    <row r="404903" spans="8:8">
      <c r="H404903" s="12"/>
    </row>
    <row r="404904" spans="8:8">
      <c r="H404904" s="12"/>
    </row>
    <row r="404905" spans="8:8">
      <c r="H404905" s="12"/>
    </row>
    <row r="404906" spans="8:8">
      <c r="H404906" s="12"/>
    </row>
    <row r="404907" spans="8:8">
      <c r="H404907" s="12"/>
    </row>
    <row r="404908" spans="8:8">
      <c r="H404908" s="12"/>
    </row>
    <row r="404909" spans="8:8">
      <c r="H404909" s="12"/>
    </row>
    <row r="404910" spans="8:8">
      <c r="H404910" s="12"/>
    </row>
    <row r="404911" spans="8:8">
      <c r="H404911" s="12"/>
    </row>
    <row r="404912" spans="8:8">
      <c r="H404912" s="12"/>
    </row>
    <row r="404913" spans="8:8">
      <c r="H404913" s="12"/>
    </row>
    <row r="404914" spans="8:8">
      <c r="H404914" s="12"/>
    </row>
    <row r="404915" spans="8:8">
      <c r="H404915" s="12"/>
    </row>
    <row r="404916" spans="8:8">
      <c r="H404916" s="12"/>
    </row>
    <row r="404917" spans="8:8">
      <c r="H404917" s="12"/>
    </row>
    <row r="404918" spans="8:8">
      <c r="H404918" s="12"/>
    </row>
    <row r="404919" spans="8:8">
      <c r="H404919" s="12"/>
    </row>
    <row r="404920" spans="8:8">
      <c r="H404920" s="12"/>
    </row>
    <row r="404921" spans="8:8">
      <c r="H404921" s="12"/>
    </row>
    <row r="404922" spans="8:8">
      <c r="H404922" s="12"/>
    </row>
    <row r="404923" spans="8:8">
      <c r="H404923" s="12"/>
    </row>
    <row r="404924" spans="8:8">
      <c r="H404924" s="12"/>
    </row>
    <row r="404925" spans="8:8">
      <c r="H404925" s="12"/>
    </row>
    <row r="404926" spans="8:8">
      <c r="H404926" s="12"/>
    </row>
    <row r="404927" spans="8:8">
      <c r="H404927" s="12"/>
    </row>
    <row r="404928" spans="8:8">
      <c r="H404928" s="12"/>
    </row>
    <row r="404929" spans="8:8">
      <c r="H404929" s="12"/>
    </row>
    <row r="404930" spans="8:8">
      <c r="H404930" s="12"/>
    </row>
    <row r="404931" spans="8:8">
      <c r="H404931" s="12"/>
    </row>
    <row r="404932" spans="8:8">
      <c r="H404932" s="12"/>
    </row>
    <row r="404933" spans="8:8">
      <c r="H404933" s="12"/>
    </row>
    <row r="404934" spans="8:8">
      <c r="H404934" s="12"/>
    </row>
    <row r="404935" spans="8:8">
      <c r="H404935" s="12"/>
    </row>
    <row r="404936" spans="8:8">
      <c r="H404936" s="12"/>
    </row>
    <row r="404937" spans="8:8">
      <c r="H404937" s="12"/>
    </row>
    <row r="404938" spans="8:8">
      <c r="H404938" s="12"/>
    </row>
    <row r="404939" spans="8:8">
      <c r="H404939" s="12"/>
    </row>
    <row r="404940" spans="8:8">
      <c r="H404940" s="12"/>
    </row>
    <row r="404941" spans="8:8">
      <c r="H404941" s="12"/>
    </row>
    <row r="404942" spans="8:8">
      <c r="H404942" s="12"/>
    </row>
    <row r="404943" spans="8:8">
      <c r="H404943" s="12"/>
    </row>
    <row r="404944" spans="8:8">
      <c r="H404944" s="12"/>
    </row>
    <row r="404945" spans="8:8">
      <c r="H404945" s="12"/>
    </row>
    <row r="404946" spans="8:8">
      <c r="H404946" s="12"/>
    </row>
    <row r="404947" spans="8:8">
      <c r="H404947" s="12"/>
    </row>
    <row r="404948" spans="8:8">
      <c r="H404948" s="12"/>
    </row>
    <row r="404949" spans="8:8">
      <c r="H404949" s="12"/>
    </row>
    <row r="404950" spans="8:8">
      <c r="H404950" s="12"/>
    </row>
    <row r="404951" spans="8:8">
      <c r="H404951" s="12"/>
    </row>
    <row r="404952" spans="8:8">
      <c r="H404952" s="12"/>
    </row>
    <row r="404953" spans="8:8">
      <c r="H404953" s="12"/>
    </row>
    <row r="404954" spans="8:8">
      <c r="H404954" s="12"/>
    </row>
    <row r="404955" spans="8:8">
      <c r="H404955" s="12"/>
    </row>
    <row r="404956" spans="8:8">
      <c r="H404956" s="12"/>
    </row>
    <row r="404957" spans="8:8">
      <c r="H404957" s="12"/>
    </row>
    <row r="404958" spans="8:8">
      <c r="H404958" s="12"/>
    </row>
    <row r="404959" spans="8:8">
      <c r="H404959" s="12"/>
    </row>
    <row r="404960" spans="8:8">
      <c r="H404960" s="12"/>
    </row>
    <row r="404961" spans="8:8">
      <c r="H404961" s="12"/>
    </row>
    <row r="404962" spans="8:8">
      <c r="H404962" s="12"/>
    </row>
    <row r="404963" spans="8:8">
      <c r="H404963" s="12"/>
    </row>
    <row r="404964" spans="8:8">
      <c r="H404964" s="12"/>
    </row>
    <row r="404965" spans="8:8">
      <c r="H404965" s="12"/>
    </row>
    <row r="404966" spans="8:8">
      <c r="H404966" s="12"/>
    </row>
    <row r="404967" spans="8:8">
      <c r="H404967" s="12"/>
    </row>
    <row r="404968" spans="8:8">
      <c r="H404968" s="12"/>
    </row>
    <row r="404969" spans="8:8">
      <c r="H404969" s="12"/>
    </row>
    <row r="404970" spans="8:8">
      <c r="H404970" s="12"/>
    </row>
    <row r="404971" spans="8:8">
      <c r="H404971" s="12"/>
    </row>
    <row r="404972" spans="8:8">
      <c r="H404972" s="12"/>
    </row>
    <row r="404973" spans="8:8">
      <c r="H404973" s="12"/>
    </row>
    <row r="404974" spans="8:8">
      <c r="H404974" s="12"/>
    </row>
    <row r="404975" spans="8:8">
      <c r="H404975" s="12"/>
    </row>
    <row r="404976" spans="8:8">
      <c r="H404976" s="12"/>
    </row>
    <row r="404977" spans="8:8">
      <c r="H404977" s="12"/>
    </row>
    <row r="404978" spans="8:8">
      <c r="H404978" s="12"/>
    </row>
    <row r="404979" spans="8:8">
      <c r="H404979" s="12"/>
    </row>
    <row r="404980" spans="8:8">
      <c r="H404980" s="12"/>
    </row>
    <row r="404981" spans="8:8">
      <c r="H404981" s="12"/>
    </row>
    <row r="404982" spans="8:8">
      <c r="H404982" s="12"/>
    </row>
    <row r="404983" spans="8:8">
      <c r="H404983" s="12"/>
    </row>
    <row r="404984" spans="8:8">
      <c r="H404984" s="12"/>
    </row>
    <row r="404985" spans="8:8">
      <c r="H404985" s="12"/>
    </row>
    <row r="404986" spans="8:8">
      <c r="H404986" s="12"/>
    </row>
    <row r="404987" spans="8:8">
      <c r="H404987" s="12"/>
    </row>
    <row r="404988" spans="8:8">
      <c r="H404988" s="12"/>
    </row>
    <row r="404989" spans="8:8">
      <c r="H404989" s="12"/>
    </row>
    <row r="404990" spans="8:8">
      <c r="H404990" s="12"/>
    </row>
    <row r="404991" spans="8:8">
      <c r="H404991" s="12"/>
    </row>
    <row r="404992" spans="8:8">
      <c r="H404992" s="12"/>
    </row>
    <row r="404993" spans="8:8">
      <c r="H404993" s="12"/>
    </row>
    <row r="404994" spans="8:8">
      <c r="H404994" s="12"/>
    </row>
    <row r="404995" spans="8:8">
      <c r="H404995" s="12"/>
    </row>
    <row r="404996" spans="8:8">
      <c r="H404996" s="12"/>
    </row>
    <row r="404997" spans="8:8">
      <c r="H404997" s="12"/>
    </row>
    <row r="404998" spans="8:8">
      <c r="H404998" s="12"/>
    </row>
    <row r="404999" spans="8:8">
      <c r="H404999" s="12"/>
    </row>
    <row r="405000" spans="8:8">
      <c r="H405000" s="12"/>
    </row>
    <row r="405001" spans="8:8">
      <c r="H405001" s="12"/>
    </row>
    <row r="405002" spans="8:8">
      <c r="H405002" s="12"/>
    </row>
    <row r="405003" spans="8:8">
      <c r="H405003" s="12"/>
    </row>
    <row r="405004" spans="8:8">
      <c r="H405004" s="12"/>
    </row>
    <row r="405005" spans="8:8">
      <c r="H405005" s="12"/>
    </row>
    <row r="405006" spans="8:8">
      <c r="H405006" s="12"/>
    </row>
    <row r="405007" spans="8:8">
      <c r="H405007" s="12"/>
    </row>
    <row r="405008" spans="8:8">
      <c r="H405008" s="12"/>
    </row>
    <row r="405009" spans="8:8">
      <c r="H405009" s="12"/>
    </row>
    <row r="405010" spans="8:8">
      <c r="H405010" s="12"/>
    </row>
    <row r="405011" spans="8:8">
      <c r="H405011" s="12"/>
    </row>
    <row r="405012" spans="8:8">
      <c r="H405012" s="12"/>
    </row>
    <row r="405013" spans="8:8">
      <c r="H405013" s="12"/>
    </row>
    <row r="405014" spans="8:8">
      <c r="H405014" s="12"/>
    </row>
    <row r="405015" spans="8:8">
      <c r="H405015" s="12"/>
    </row>
    <row r="405016" spans="8:8">
      <c r="H405016" s="12"/>
    </row>
    <row r="405017" spans="8:8">
      <c r="H405017" s="12"/>
    </row>
    <row r="405018" spans="8:8">
      <c r="H405018" s="12"/>
    </row>
    <row r="405019" spans="8:8">
      <c r="H405019" s="12"/>
    </row>
    <row r="405020" spans="8:8">
      <c r="H405020" s="12"/>
    </row>
    <row r="405021" spans="8:8">
      <c r="H405021" s="12"/>
    </row>
    <row r="405022" spans="8:8">
      <c r="H405022" s="12"/>
    </row>
    <row r="405023" spans="8:8">
      <c r="H405023" s="12"/>
    </row>
    <row r="405024" spans="8:8">
      <c r="H405024" s="12"/>
    </row>
    <row r="405025" spans="8:8">
      <c r="H405025" s="12"/>
    </row>
    <row r="405026" spans="8:8">
      <c r="H405026" s="12"/>
    </row>
    <row r="405027" spans="8:8">
      <c r="H405027" s="12"/>
    </row>
    <row r="405028" spans="8:8">
      <c r="H405028" s="12"/>
    </row>
    <row r="405029" spans="8:8">
      <c r="H405029" s="12"/>
    </row>
    <row r="405030" spans="8:8">
      <c r="H405030" s="12"/>
    </row>
    <row r="405031" spans="8:8">
      <c r="H405031" s="12"/>
    </row>
    <row r="405032" spans="8:8">
      <c r="H405032" s="12"/>
    </row>
    <row r="405033" spans="8:8">
      <c r="H405033" s="12"/>
    </row>
    <row r="405034" spans="8:8">
      <c r="H405034" s="12"/>
    </row>
    <row r="405035" spans="8:8">
      <c r="H405035" s="12"/>
    </row>
    <row r="405036" spans="8:8">
      <c r="H405036" s="12"/>
    </row>
    <row r="405037" spans="8:8">
      <c r="H405037" s="12"/>
    </row>
    <row r="405038" spans="8:8">
      <c r="H405038" s="12"/>
    </row>
    <row r="405039" spans="8:8">
      <c r="H405039" s="12"/>
    </row>
    <row r="405040" spans="8:8">
      <c r="H405040" s="12"/>
    </row>
    <row r="405041" spans="8:8">
      <c r="H405041" s="12"/>
    </row>
    <row r="405042" spans="8:8">
      <c r="H405042" s="12"/>
    </row>
    <row r="405043" spans="8:8">
      <c r="H405043" s="12"/>
    </row>
    <row r="405044" spans="8:8">
      <c r="H405044" s="12"/>
    </row>
    <row r="405045" spans="8:8">
      <c r="H405045" s="12"/>
    </row>
    <row r="405046" spans="8:8">
      <c r="H405046" s="12"/>
    </row>
    <row r="405047" spans="8:8">
      <c r="H405047" s="12"/>
    </row>
    <row r="405048" spans="8:8">
      <c r="H405048" s="12"/>
    </row>
    <row r="405049" spans="8:8">
      <c r="H405049" s="12"/>
    </row>
    <row r="405050" spans="8:8">
      <c r="H405050" s="12"/>
    </row>
    <row r="405051" spans="8:8">
      <c r="H405051" s="12"/>
    </row>
    <row r="405052" spans="8:8">
      <c r="H405052" s="12"/>
    </row>
    <row r="405053" spans="8:8">
      <c r="H405053" s="12"/>
    </row>
    <row r="405054" spans="8:8">
      <c r="H405054" s="12"/>
    </row>
    <row r="405055" spans="8:8">
      <c r="H405055" s="12"/>
    </row>
    <row r="405056" spans="8:8">
      <c r="H405056" s="12"/>
    </row>
    <row r="405057" spans="8:8">
      <c r="H405057" s="12"/>
    </row>
    <row r="405058" spans="8:8">
      <c r="H405058" s="12"/>
    </row>
    <row r="405059" spans="8:8">
      <c r="H405059" s="12"/>
    </row>
    <row r="405060" spans="8:8">
      <c r="H405060" s="12"/>
    </row>
    <row r="405061" spans="8:8">
      <c r="H405061" s="12"/>
    </row>
    <row r="405062" spans="8:8">
      <c r="H405062" s="12"/>
    </row>
    <row r="405063" spans="8:8">
      <c r="H405063" s="12"/>
    </row>
    <row r="405064" spans="8:8">
      <c r="H405064" s="12"/>
    </row>
    <row r="405065" spans="8:8">
      <c r="H405065" s="12"/>
    </row>
    <row r="405066" spans="8:8">
      <c r="H405066" s="12"/>
    </row>
    <row r="405067" spans="8:8">
      <c r="H405067" s="12"/>
    </row>
    <row r="405068" spans="8:8">
      <c r="H405068" s="12"/>
    </row>
    <row r="405069" spans="8:8">
      <c r="H405069" s="12"/>
    </row>
    <row r="405070" spans="8:8">
      <c r="H405070" s="12"/>
    </row>
    <row r="405071" spans="8:8">
      <c r="H405071" s="12"/>
    </row>
    <row r="405072" spans="8:8">
      <c r="H405072" s="12"/>
    </row>
    <row r="405073" spans="8:8">
      <c r="H405073" s="12"/>
    </row>
    <row r="405074" spans="8:8">
      <c r="H405074" s="12"/>
    </row>
    <row r="405075" spans="8:8">
      <c r="H405075" s="12"/>
    </row>
    <row r="405076" spans="8:8">
      <c r="H405076" s="12"/>
    </row>
    <row r="405077" spans="8:8">
      <c r="H405077" s="12"/>
    </row>
    <row r="405078" spans="8:8">
      <c r="H405078" s="12"/>
    </row>
    <row r="405079" spans="8:8">
      <c r="H405079" s="12"/>
    </row>
    <row r="405080" spans="8:8">
      <c r="H405080" s="12"/>
    </row>
    <row r="405081" spans="8:8">
      <c r="H405081" s="12"/>
    </row>
    <row r="405082" spans="8:8">
      <c r="H405082" s="12"/>
    </row>
    <row r="405083" spans="8:8">
      <c r="H405083" s="12"/>
    </row>
    <row r="405084" spans="8:8">
      <c r="H405084" s="12"/>
    </row>
    <row r="405085" spans="8:8">
      <c r="H405085" s="12"/>
    </row>
    <row r="405086" spans="8:8">
      <c r="H405086" s="12"/>
    </row>
    <row r="405087" spans="8:8">
      <c r="H405087" s="12"/>
    </row>
    <row r="405088" spans="8:8">
      <c r="H405088" s="12"/>
    </row>
    <row r="405089" spans="8:8">
      <c r="H405089" s="12"/>
    </row>
    <row r="405090" spans="8:8">
      <c r="H405090" s="12"/>
    </row>
    <row r="405091" spans="8:8">
      <c r="H405091" s="12"/>
    </row>
    <row r="405092" spans="8:8">
      <c r="H405092" s="12"/>
    </row>
    <row r="405093" spans="8:8">
      <c r="H405093" s="12"/>
    </row>
    <row r="405094" spans="8:8">
      <c r="H405094" s="12"/>
    </row>
    <row r="405095" spans="8:8">
      <c r="H405095" s="12"/>
    </row>
    <row r="405096" spans="8:8">
      <c r="H405096" s="12"/>
    </row>
    <row r="405097" spans="8:8">
      <c r="H405097" s="12"/>
    </row>
    <row r="405098" spans="8:8">
      <c r="H405098" s="12"/>
    </row>
    <row r="405099" spans="8:8">
      <c r="H405099" s="12"/>
    </row>
    <row r="405100" spans="8:8">
      <c r="H405100" s="12"/>
    </row>
    <row r="405101" spans="8:8">
      <c r="H405101" s="12"/>
    </row>
    <row r="405102" spans="8:8">
      <c r="H405102" s="12"/>
    </row>
    <row r="405103" spans="8:8">
      <c r="H405103" s="12"/>
    </row>
    <row r="405104" spans="8:8">
      <c r="H405104" s="12"/>
    </row>
    <row r="405105" spans="8:8">
      <c r="H405105" s="12"/>
    </row>
    <row r="405106" spans="8:8">
      <c r="H405106" s="12"/>
    </row>
    <row r="405107" spans="8:8">
      <c r="H405107" s="12"/>
    </row>
    <row r="405108" spans="8:8">
      <c r="H405108" s="12"/>
    </row>
    <row r="405109" spans="8:8">
      <c r="H405109" s="12"/>
    </row>
    <row r="405110" spans="8:8">
      <c r="H405110" s="12"/>
    </row>
    <row r="405111" spans="8:8">
      <c r="H405111" s="12"/>
    </row>
    <row r="405112" spans="8:8">
      <c r="H405112" s="12"/>
    </row>
    <row r="405113" spans="8:8">
      <c r="H405113" s="12"/>
    </row>
    <row r="405114" spans="8:8">
      <c r="H405114" s="12"/>
    </row>
    <row r="405115" spans="8:8">
      <c r="H405115" s="12"/>
    </row>
    <row r="405116" spans="8:8">
      <c r="H405116" s="12"/>
    </row>
    <row r="405117" spans="8:8">
      <c r="H405117" s="12"/>
    </row>
    <row r="405118" spans="8:8">
      <c r="H405118" s="12"/>
    </row>
    <row r="405119" spans="8:8">
      <c r="H405119" s="12"/>
    </row>
    <row r="405120" spans="8:8">
      <c r="H405120" s="12"/>
    </row>
    <row r="405121" spans="8:8">
      <c r="H405121" s="12"/>
    </row>
    <row r="405122" spans="8:8">
      <c r="H405122" s="12"/>
    </row>
    <row r="405123" spans="8:8">
      <c r="H405123" s="12"/>
    </row>
    <row r="405124" spans="8:8">
      <c r="H405124" s="12"/>
    </row>
    <row r="405125" spans="8:8">
      <c r="H405125" s="12"/>
    </row>
    <row r="405126" spans="8:8">
      <c r="H405126" s="12"/>
    </row>
    <row r="405127" spans="8:8">
      <c r="H405127" s="12"/>
    </row>
    <row r="405128" spans="8:8">
      <c r="H405128" s="12"/>
    </row>
    <row r="405129" spans="8:8">
      <c r="H405129" s="12"/>
    </row>
    <row r="405130" spans="8:8">
      <c r="H405130" s="12"/>
    </row>
    <row r="405131" spans="8:8">
      <c r="H405131" s="12"/>
    </row>
    <row r="405132" spans="8:8">
      <c r="H405132" s="12"/>
    </row>
    <row r="405133" spans="8:8">
      <c r="H405133" s="12"/>
    </row>
    <row r="405134" spans="8:8">
      <c r="H405134" s="12"/>
    </row>
    <row r="405135" spans="8:8">
      <c r="H405135" s="12"/>
    </row>
    <row r="405136" spans="8:8">
      <c r="H405136" s="12"/>
    </row>
    <row r="405137" spans="8:8">
      <c r="H405137" s="12"/>
    </row>
    <row r="405138" spans="8:8">
      <c r="H405138" s="12"/>
    </row>
    <row r="405139" spans="8:8">
      <c r="H405139" s="12"/>
    </row>
    <row r="405140" spans="8:8">
      <c r="H405140" s="12"/>
    </row>
    <row r="405141" spans="8:8">
      <c r="H405141" s="12"/>
    </row>
    <row r="405142" spans="8:8">
      <c r="H405142" s="12"/>
    </row>
    <row r="405143" spans="8:8">
      <c r="H405143" s="12"/>
    </row>
    <row r="405144" spans="8:8">
      <c r="H405144" s="12"/>
    </row>
    <row r="405145" spans="8:8">
      <c r="H405145" s="12"/>
    </row>
    <row r="405146" spans="8:8">
      <c r="H405146" s="12"/>
    </row>
    <row r="405147" spans="8:8">
      <c r="H405147" s="12"/>
    </row>
    <row r="405148" spans="8:8">
      <c r="H405148" s="12"/>
    </row>
    <row r="405149" spans="8:8">
      <c r="H405149" s="12"/>
    </row>
    <row r="405150" spans="8:8">
      <c r="H405150" s="12"/>
    </row>
    <row r="405151" spans="8:8">
      <c r="H405151" s="12"/>
    </row>
    <row r="405152" spans="8:8">
      <c r="H405152" s="12"/>
    </row>
    <row r="405153" spans="8:8">
      <c r="H405153" s="12"/>
    </row>
    <row r="405154" spans="8:8">
      <c r="H405154" s="12"/>
    </row>
    <row r="405155" spans="8:8">
      <c r="H405155" s="12"/>
    </row>
    <row r="405156" spans="8:8">
      <c r="H405156" s="12"/>
    </row>
    <row r="405157" spans="8:8">
      <c r="H405157" s="12"/>
    </row>
    <row r="405158" spans="8:8">
      <c r="H405158" s="12"/>
    </row>
    <row r="405159" spans="8:8">
      <c r="H405159" s="12"/>
    </row>
    <row r="405160" spans="8:8">
      <c r="H405160" s="12"/>
    </row>
    <row r="405161" spans="8:8">
      <c r="H405161" s="12"/>
    </row>
    <row r="405162" spans="8:8">
      <c r="H405162" s="12"/>
    </row>
    <row r="405163" spans="8:8">
      <c r="H405163" s="12"/>
    </row>
    <row r="405164" spans="8:8">
      <c r="H405164" s="12"/>
    </row>
    <row r="405165" spans="8:8">
      <c r="H405165" s="12"/>
    </row>
    <row r="405166" spans="8:8">
      <c r="H405166" s="12"/>
    </row>
    <row r="405167" spans="8:8">
      <c r="H405167" s="12"/>
    </row>
    <row r="405168" spans="8:8">
      <c r="H405168" s="12"/>
    </row>
    <row r="405169" spans="8:8">
      <c r="H405169" s="12"/>
    </row>
    <row r="405170" spans="8:8">
      <c r="H405170" s="12"/>
    </row>
    <row r="405171" spans="8:8">
      <c r="H405171" s="12"/>
    </row>
    <row r="405172" spans="8:8">
      <c r="H405172" s="12"/>
    </row>
    <row r="405173" spans="8:8">
      <c r="H405173" s="12"/>
    </row>
    <row r="405174" spans="8:8">
      <c r="H405174" s="12"/>
    </row>
    <row r="405175" spans="8:8">
      <c r="H405175" s="12"/>
    </row>
    <row r="405176" spans="8:8">
      <c r="H405176" s="12"/>
    </row>
    <row r="405177" spans="8:8">
      <c r="H405177" s="12"/>
    </row>
    <row r="405178" spans="8:8">
      <c r="H405178" s="12"/>
    </row>
    <row r="405179" spans="8:8">
      <c r="H405179" s="12"/>
    </row>
    <row r="405180" spans="8:8">
      <c r="H405180" s="12"/>
    </row>
    <row r="405181" spans="8:8">
      <c r="H405181" s="12"/>
    </row>
    <row r="405182" spans="8:8">
      <c r="H405182" s="12"/>
    </row>
    <row r="405183" spans="8:8">
      <c r="H405183" s="12"/>
    </row>
    <row r="405184" spans="8:8">
      <c r="H405184" s="12"/>
    </row>
    <row r="405185" spans="8:8">
      <c r="H405185" s="12"/>
    </row>
    <row r="405186" spans="8:8">
      <c r="H405186" s="12"/>
    </row>
    <row r="405187" spans="8:8">
      <c r="H405187" s="12"/>
    </row>
    <row r="405188" spans="8:8">
      <c r="H405188" s="12"/>
    </row>
    <row r="405189" spans="8:8">
      <c r="H405189" s="12"/>
    </row>
    <row r="405190" spans="8:8">
      <c r="H405190" s="12"/>
    </row>
    <row r="405191" spans="8:8">
      <c r="H405191" s="12"/>
    </row>
    <row r="405192" spans="8:8">
      <c r="H405192" s="12"/>
    </row>
    <row r="405193" spans="8:8">
      <c r="H405193" s="12"/>
    </row>
    <row r="405194" spans="8:8">
      <c r="H405194" s="12"/>
    </row>
    <row r="405195" spans="8:8">
      <c r="H405195" s="12"/>
    </row>
    <row r="405196" spans="8:8">
      <c r="H405196" s="12"/>
    </row>
    <row r="405197" spans="8:8">
      <c r="H405197" s="12"/>
    </row>
    <row r="405198" spans="8:8">
      <c r="H405198" s="12"/>
    </row>
    <row r="405199" spans="8:8">
      <c r="H405199" s="12"/>
    </row>
    <row r="405200" spans="8:8">
      <c r="H405200" s="12"/>
    </row>
    <row r="405201" spans="8:8">
      <c r="H405201" s="12"/>
    </row>
    <row r="405202" spans="8:8">
      <c r="H405202" s="12"/>
    </row>
    <row r="405203" spans="8:8">
      <c r="H405203" s="12"/>
    </row>
    <row r="405204" spans="8:8">
      <c r="H405204" s="12"/>
    </row>
    <row r="405205" spans="8:8">
      <c r="H405205" s="12"/>
    </row>
    <row r="405206" spans="8:8">
      <c r="H405206" s="12"/>
    </row>
    <row r="405207" spans="8:8">
      <c r="H405207" s="12"/>
    </row>
    <row r="405208" spans="8:8">
      <c r="H405208" s="12"/>
    </row>
    <row r="405209" spans="8:8">
      <c r="H405209" s="12"/>
    </row>
    <row r="405210" spans="8:8">
      <c r="H405210" s="12"/>
    </row>
    <row r="405211" spans="8:8">
      <c r="H405211" s="12"/>
    </row>
    <row r="405212" spans="8:8">
      <c r="H405212" s="12"/>
    </row>
    <row r="405213" spans="8:8">
      <c r="H405213" s="12"/>
    </row>
    <row r="405214" spans="8:8">
      <c r="H405214" s="12"/>
    </row>
    <row r="405215" spans="8:8">
      <c r="H405215" s="12"/>
    </row>
    <row r="405216" spans="8:8">
      <c r="H405216" s="12"/>
    </row>
    <row r="405217" spans="8:8">
      <c r="H405217" s="12"/>
    </row>
    <row r="405218" spans="8:8">
      <c r="H405218" s="12"/>
    </row>
    <row r="405219" spans="8:8">
      <c r="H405219" s="12"/>
    </row>
    <row r="405220" spans="8:8">
      <c r="H405220" s="12"/>
    </row>
    <row r="405221" spans="8:8">
      <c r="H405221" s="12"/>
    </row>
    <row r="405222" spans="8:8">
      <c r="H405222" s="12"/>
    </row>
    <row r="405223" spans="8:8">
      <c r="H405223" s="12"/>
    </row>
    <row r="405224" spans="8:8">
      <c r="H405224" s="12"/>
    </row>
    <row r="405225" spans="8:8">
      <c r="H405225" s="12"/>
    </row>
    <row r="405226" spans="8:8">
      <c r="H405226" s="12"/>
    </row>
    <row r="405227" spans="8:8">
      <c r="H405227" s="12"/>
    </row>
    <row r="405228" spans="8:8">
      <c r="H405228" s="12"/>
    </row>
    <row r="405229" spans="8:8">
      <c r="H405229" s="12"/>
    </row>
    <row r="405230" spans="8:8">
      <c r="H405230" s="12"/>
    </row>
    <row r="405231" spans="8:8">
      <c r="H405231" s="12"/>
    </row>
    <row r="405232" spans="8:8">
      <c r="H405232" s="12"/>
    </row>
    <row r="405233" spans="8:8">
      <c r="H405233" s="12"/>
    </row>
    <row r="405234" spans="8:8">
      <c r="H405234" s="12"/>
    </row>
    <row r="405235" spans="8:8">
      <c r="H405235" s="12"/>
    </row>
    <row r="405236" spans="8:8">
      <c r="H405236" s="12"/>
    </row>
    <row r="405237" spans="8:8">
      <c r="H405237" s="12"/>
    </row>
    <row r="405238" spans="8:8">
      <c r="H405238" s="12"/>
    </row>
    <row r="405239" spans="8:8">
      <c r="H405239" s="12"/>
    </row>
    <row r="405240" spans="8:8">
      <c r="H405240" s="12"/>
    </row>
    <row r="405241" spans="8:8">
      <c r="H405241" s="12"/>
    </row>
    <row r="405242" spans="8:8">
      <c r="H405242" s="12"/>
    </row>
    <row r="405243" spans="8:8">
      <c r="H405243" s="12"/>
    </row>
    <row r="405244" spans="8:8">
      <c r="H405244" s="12"/>
    </row>
    <row r="405245" spans="8:8">
      <c r="H405245" s="12"/>
    </row>
    <row r="405246" spans="8:8">
      <c r="H405246" s="12"/>
    </row>
    <row r="405247" spans="8:8">
      <c r="H405247" s="12"/>
    </row>
    <row r="405248" spans="8:8">
      <c r="H405248" s="12"/>
    </row>
    <row r="405249" spans="8:8">
      <c r="H405249" s="12"/>
    </row>
    <row r="405250" spans="8:8">
      <c r="H405250" s="12"/>
    </row>
    <row r="405251" spans="8:8">
      <c r="H405251" s="12"/>
    </row>
    <row r="405252" spans="8:8">
      <c r="H405252" s="12"/>
    </row>
    <row r="405253" spans="8:8">
      <c r="H405253" s="12"/>
    </row>
    <row r="405254" spans="8:8">
      <c r="H405254" s="12"/>
    </row>
    <row r="405255" spans="8:8">
      <c r="H405255" s="12"/>
    </row>
    <row r="405256" spans="8:8">
      <c r="H405256" s="12"/>
    </row>
    <row r="405257" spans="8:8">
      <c r="H405257" s="12"/>
    </row>
    <row r="405258" spans="8:8">
      <c r="H405258" s="12"/>
    </row>
    <row r="405259" spans="8:8">
      <c r="H405259" s="12"/>
    </row>
    <row r="405260" spans="8:8">
      <c r="H405260" s="12"/>
    </row>
    <row r="405261" spans="8:8">
      <c r="H405261" s="12"/>
    </row>
    <row r="405262" spans="8:8">
      <c r="H405262" s="12"/>
    </row>
    <row r="405263" spans="8:8">
      <c r="H405263" s="12"/>
    </row>
    <row r="405264" spans="8:8">
      <c r="H405264" s="12"/>
    </row>
    <row r="405265" spans="8:8">
      <c r="H405265" s="12"/>
    </row>
    <row r="405266" spans="8:8">
      <c r="H405266" s="12"/>
    </row>
    <row r="405267" spans="8:8">
      <c r="H405267" s="12"/>
    </row>
    <row r="405268" spans="8:8">
      <c r="H405268" s="12"/>
    </row>
    <row r="405269" spans="8:8">
      <c r="H405269" s="12"/>
    </row>
    <row r="405270" spans="8:8">
      <c r="H405270" s="12"/>
    </row>
    <row r="405271" spans="8:8">
      <c r="H405271" s="12"/>
    </row>
    <row r="405272" spans="8:8">
      <c r="H405272" s="12"/>
    </row>
    <row r="405273" spans="8:8">
      <c r="H405273" s="12"/>
    </row>
    <row r="405274" spans="8:8">
      <c r="H405274" s="12"/>
    </row>
    <row r="405275" spans="8:8">
      <c r="H405275" s="12"/>
    </row>
    <row r="405276" spans="8:8">
      <c r="H405276" s="12"/>
    </row>
    <row r="405277" spans="8:8">
      <c r="H405277" s="12"/>
    </row>
    <row r="405278" spans="8:8">
      <c r="H405278" s="12"/>
    </row>
    <row r="405279" spans="8:8">
      <c r="H405279" s="12"/>
    </row>
    <row r="405280" spans="8:8">
      <c r="H405280" s="12"/>
    </row>
    <row r="405281" spans="8:8">
      <c r="H405281" s="12"/>
    </row>
    <row r="405282" spans="8:8">
      <c r="H405282" s="12"/>
    </row>
    <row r="405283" spans="8:8">
      <c r="H405283" s="12"/>
    </row>
    <row r="405284" spans="8:8">
      <c r="H405284" s="12"/>
    </row>
    <row r="405285" spans="8:8">
      <c r="H405285" s="12"/>
    </row>
    <row r="405286" spans="8:8">
      <c r="H405286" s="12"/>
    </row>
    <row r="405287" spans="8:8">
      <c r="H405287" s="12"/>
    </row>
    <row r="405288" spans="8:8">
      <c r="H405288" s="12"/>
    </row>
    <row r="405289" spans="8:8">
      <c r="H405289" s="12"/>
    </row>
    <row r="405290" spans="8:8">
      <c r="H405290" s="12"/>
    </row>
    <row r="405291" spans="8:8">
      <c r="H405291" s="12"/>
    </row>
    <row r="405292" spans="8:8">
      <c r="H405292" s="12"/>
    </row>
    <row r="405293" spans="8:8">
      <c r="H405293" s="12"/>
    </row>
    <row r="405294" spans="8:8">
      <c r="H405294" s="12"/>
    </row>
    <row r="405295" spans="8:8">
      <c r="H405295" s="12"/>
    </row>
    <row r="405296" spans="8:8">
      <c r="H405296" s="12"/>
    </row>
    <row r="405297" spans="8:8">
      <c r="H405297" s="12"/>
    </row>
    <row r="405298" spans="8:8">
      <c r="H405298" s="12"/>
    </row>
    <row r="405299" spans="8:8">
      <c r="H405299" s="12"/>
    </row>
    <row r="405300" spans="8:8">
      <c r="H405300" s="12"/>
    </row>
    <row r="405301" spans="8:8">
      <c r="H405301" s="12"/>
    </row>
    <row r="405302" spans="8:8">
      <c r="H405302" s="12"/>
    </row>
    <row r="405303" spans="8:8">
      <c r="H405303" s="12"/>
    </row>
    <row r="405304" spans="8:8">
      <c r="H405304" s="12"/>
    </row>
    <row r="405305" spans="8:8">
      <c r="H405305" s="12"/>
    </row>
    <row r="405306" spans="8:8">
      <c r="H405306" s="12"/>
    </row>
    <row r="405307" spans="8:8">
      <c r="H405307" s="12"/>
    </row>
    <row r="405308" spans="8:8">
      <c r="H405308" s="12"/>
    </row>
    <row r="405309" spans="8:8">
      <c r="H405309" s="12"/>
    </row>
    <row r="405310" spans="8:8">
      <c r="H405310" s="12"/>
    </row>
    <row r="405311" spans="8:8">
      <c r="H405311" s="12"/>
    </row>
    <row r="405312" spans="8:8">
      <c r="H405312" s="12"/>
    </row>
    <row r="405313" spans="8:8">
      <c r="H405313" s="12"/>
    </row>
    <row r="405314" spans="8:8">
      <c r="H405314" s="12"/>
    </row>
    <row r="405315" spans="8:8">
      <c r="H405315" s="12"/>
    </row>
    <row r="405316" spans="8:8">
      <c r="H405316" s="12"/>
    </row>
    <row r="405317" spans="8:8">
      <c r="H405317" s="12"/>
    </row>
    <row r="405318" spans="8:8">
      <c r="H405318" s="12"/>
    </row>
    <row r="405319" spans="8:8">
      <c r="H405319" s="12"/>
    </row>
    <row r="405320" spans="8:8">
      <c r="H405320" s="12"/>
    </row>
    <row r="405321" spans="8:8">
      <c r="H405321" s="12"/>
    </row>
    <row r="405322" spans="8:8">
      <c r="H405322" s="12"/>
    </row>
    <row r="405323" spans="8:8">
      <c r="H405323" s="12"/>
    </row>
    <row r="405324" spans="8:8">
      <c r="H405324" s="12"/>
    </row>
    <row r="405325" spans="8:8">
      <c r="H405325" s="12"/>
    </row>
    <row r="405326" spans="8:8">
      <c r="H405326" s="12"/>
    </row>
    <row r="405327" spans="8:8">
      <c r="H405327" s="12"/>
    </row>
    <row r="405328" spans="8:8">
      <c r="H405328" s="12"/>
    </row>
    <row r="405329" spans="8:8">
      <c r="H405329" s="12"/>
    </row>
    <row r="405330" spans="8:8">
      <c r="H405330" s="12"/>
    </row>
    <row r="405331" spans="8:8">
      <c r="H405331" s="12"/>
    </row>
    <row r="405332" spans="8:8">
      <c r="H405332" s="12"/>
    </row>
    <row r="405333" spans="8:8">
      <c r="H405333" s="12"/>
    </row>
    <row r="405334" spans="8:8">
      <c r="H405334" s="12"/>
    </row>
    <row r="405335" spans="8:8">
      <c r="H405335" s="12"/>
    </row>
    <row r="405336" spans="8:8">
      <c r="H405336" s="12"/>
    </row>
    <row r="405337" spans="8:8">
      <c r="H405337" s="12"/>
    </row>
    <row r="405338" spans="8:8">
      <c r="H405338" s="12"/>
    </row>
    <row r="405339" spans="8:8">
      <c r="H405339" s="12"/>
    </row>
    <row r="405340" spans="8:8">
      <c r="H405340" s="12"/>
    </row>
    <row r="405341" spans="8:8">
      <c r="H405341" s="12"/>
    </row>
    <row r="405342" spans="8:8">
      <c r="H405342" s="12"/>
    </row>
    <row r="405343" spans="8:8">
      <c r="H405343" s="12"/>
    </row>
    <row r="405344" spans="8:8">
      <c r="H405344" s="12"/>
    </row>
    <row r="405345" spans="8:8">
      <c r="H405345" s="12"/>
    </row>
    <row r="405346" spans="8:8">
      <c r="H405346" s="12"/>
    </row>
    <row r="405347" spans="8:8">
      <c r="H405347" s="12"/>
    </row>
    <row r="405348" spans="8:8">
      <c r="H405348" s="12"/>
    </row>
    <row r="405349" spans="8:8">
      <c r="H405349" s="12"/>
    </row>
    <row r="405350" spans="8:8">
      <c r="H405350" s="12"/>
    </row>
    <row r="405351" spans="8:8">
      <c r="H405351" s="12"/>
    </row>
    <row r="405352" spans="8:8">
      <c r="H405352" s="12"/>
    </row>
    <row r="405353" spans="8:8">
      <c r="H405353" s="12"/>
    </row>
    <row r="405354" spans="8:8">
      <c r="H405354" s="12"/>
    </row>
    <row r="405355" spans="8:8">
      <c r="H405355" s="12"/>
    </row>
    <row r="405356" spans="8:8">
      <c r="H405356" s="12"/>
    </row>
    <row r="405357" spans="8:8">
      <c r="H405357" s="12"/>
    </row>
    <row r="405358" spans="8:8">
      <c r="H405358" s="12"/>
    </row>
    <row r="405359" spans="8:8">
      <c r="H405359" s="12"/>
    </row>
    <row r="405360" spans="8:8">
      <c r="H405360" s="12"/>
    </row>
    <row r="405361" spans="8:8">
      <c r="H405361" s="12"/>
    </row>
    <row r="405362" spans="8:8">
      <c r="H405362" s="12"/>
    </row>
    <row r="405363" spans="8:8">
      <c r="H405363" s="12"/>
    </row>
    <row r="405364" spans="8:8">
      <c r="H405364" s="12"/>
    </row>
    <row r="405365" spans="8:8">
      <c r="H405365" s="12"/>
    </row>
    <row r="405366" spans="8:8">
      <c r="H405366" s="12"/>
    </row>
    <row r="405367" spans="8:8">
      <c r="H405367" s="12"/>
    </row>
    <row r="405368" spans="8:8">
      <c r="H405368" s="12"/>
    </row>
    <row r="405369" spans="8:8">
      <c r="H405369" s="12"/>
    </row>
    <row r="405370" spans="8:8">
      <c r="H405370" s="12"/>
    </row>
    <row r="405371" spans="8:8">
      <c r="H405371" s="12"/>
    </row>
    <row r="405372" spans="8:8">
      <c r="H405372" s="12"/>
    </row>
    <row r="405373" spans="8:8">
      <c r="H405373" s="12"/>
    </row>
    <row r="405374" spans="8:8">
      <c r="H405374" s="12"/>
    </row>
    <row r="405375" spans="8:8">
      <c r="H405375" s="12"/>
    </row>
    <row r="405376" spans="8:8">
      <c r="H405376" s="12"/>
    </row>
    <row r="405377" spans="8:8">
      <c r="H405377" s="12"/>
    </row>
    <row r="405378" spans="8:8">
      <c r="H405378" s="12"/>
    </row>
    <row r="405379" spans="8:8">
      <c r="H405379" s="12"/>
    </row>
    <row r="405380" spans="8:8">
      <c r="H405380" s="12"/>
    </row>
    <row r="405381" spans="8:8">
      <c r="H405381" s="12"/>
    </row>
    <row r="405382" spans="8:8">
      <c r="H405382" s="12"/>
    </row>
    <row r="405383" spans="8:8">
      <c r="H405383" s="12"/>
    </row>
    <row r="405384" spans="8:8">
      <c r="H405384" s="12"/>
    </row>
    <row r="405385" spans="8:8">
      <c r="H405385" s="12"/>
    </row>
    <row r="405386" spans="8:8">
      <c r="H405386" s="12"/>
    </row>
    <row r="405387" spans="8:8">
      <c r="H405387" s="12"/>
    </row>
    <row r="405388" spans="8:8">
      <c r="H405388" s="12"/>
    </row>
    <row r="405389" spans="8:8">
      <c r="H405389" s="12"/>
    </row>
    <row r="405390" spans="8:8">
      <c r="H405390" s="12"/>
    </row>
    <row r="405391" spans="8:8">
      <c r="H405391" s="12"/>
    </row>
    <row r="405392" spans="8:8">
      <c r="H405392" s="12"/>
    </row>
    <row r="405393" spans="8:8">
      <c r="H405393" s="12"/>
    </row>
    <row r="405394" spans="8:8">
      <c r="H405394" s="12"/>
    </row>
    <row r="405395" spans="8:8">
      <c r="H405395" s="12"/>
    </row>
    <row r="405396" spans="8:8">
      <c r="H405396" s="12"/>
    </row>
    <row r="405397" spans="8:8">
      <c r="H405397" s="12"/>
    </row>
    <row r="405398" spans="8:8">
      <c r="H405398" s="12"/>
    </row>
    <row r="405399" spans="8:8">
      <c r="H405399" s="12"/>
    </row>
    <row r="405400" spans="8:8">
      <c r="H405400" s="12"/>
    </row>
    <row r="405401" spans="8:8">
      <c r="H405401" s="12"/>
    </row>
    <row r="405402" spans="8:8">
      <c r="H405402" s="12"/>
    </row>
    <row r="405403" spans="8:8">
      <c r="H405403" s="12"/>
    </row>
    <row r="405404" spans="8:8">
      <c r="H405404" s="12"/>
    </row>
    <row r="405405" spans="8:8">
      <c r="H405405" s="12"/>
    </row>
    <row r="405406" spans="8:8">
      <c r="H405406" s="12"/>
    </row>
    <row r="405407" spans="8:8">
      <c r="H405407" s="12"/>
    </row>
    <row r="405408" spans="8:8">
      <c r="H405408" s="12"/>
    </row>
    <row r="405409" spans="8:8">
      <c r="H405409" s="12"/>
    </row>
    <row r="405410" spans="8:8">
      <c r="H405410" s="12"/>
    </row>
    <row r="405411" spans="8:8">
      <c r="H405411" s="12"/>
    </row>
    <row r="405412" spans="8:8">
      <c r="H405412" s="12"/>
    </row>
    <row r="405413" spans="8:8">
      <c r="H405413" s="12"/>
    </row>
    <row r="405414" spans="8:8">
      <c r="H405414" s="12"/>
    </row>
    <row r="405415" spans="8:8">
      <c r="H405415" s="12"/>
    </row>
    <row r="405416" spans="8:8">
      <c r="H405416" s="12"/>
    </row>
    <row r="405417" spans="8:8">
      <c r="H405417" s="12"/>
    </row>
    <row r="405418" spans="8:8">
      <c r="H405418" s="12"/>
    </row>
    <row r="405419" spans="8:8">
      <c r="H405419" s="12"/>
    </row>
    <row r="405420" spans="8:8">
      <c r="H405420" s="12"/>
    </row>
    <row r="405421" spans="8:8">
      <c r="H405421" s="12"/>
    </row>
    <row r="405422" spans="8:8">
      <c r="H405422" s="12"/>
    </row>
    <row r="405423" spans="8:8">
      <c r="H405423" s="12"/>
    </row>
    <row r="405424" spans="8:8">
      <c r="H405424" s="12"/>
    </row>
    <row r="405425" spans="8:8">
      <c r="H405425" s="12"/>
    </row>
    <row r="405426" spans="8:8">
      <c r="H405426" s="12"/>
    </row>
    <row r="405427" spans="8:8">
      <c r="H405427" s="12"/>
    </row>
    <row r="405428" spans="8:8">
      <c r="H405428" s="12"/>
    </row>
    <row r="405429" spans="8:8">
      <c r="H405429" s="12"/>
    </row>
    <row r="405430" spans="8:8">
      <c r="H405430" s="12"/>
    </row>
    <row r="405431" spans="8:8">
      <c r="H405431" s="12"/>
    </row>
    <row r="405432" spans="8:8">
      <c r="H405432" s="12"/>
    </row>
    <row r="405433" spans="8:8">
      <c r="H405433" s="12"/>
    </row>
    <row r="405434" spans="8:8">
      <c r="H405434" s="12"/>
    </row>
    <row r="405435" spans="8:8">
      <c r="H405435" s="12"/>
    </row>
    <row r="405436" spans="8:8">
      <c r="H405436" s="12"/>
    </row>
    <row r="405437" spans="8:8">
      <c r="H405437" s="12"/>
    </row>
    <row r="405438" spans="8:8">
      <c r="H405438" s="12"/>
    </row>
    <row r="405439" spans="8:8">
      <c r="H405439" s="12"/>
    </row>
    <row r="405440" spans="8:8">
      <c r="H405440" s="12"/>
    </row>
    <row r="405441" spans="8:8">
      <c r="H405441" s="12"/>
    </row>
    <row r="405442" spans="8:8">
      <c r="H405442" s="12"/>
    </row>
    <row r="405443" spans="8:8">
      <c r="H405443" s="12"/>
    </row>
    <row r="405444" spans="8:8">
      <c r="H405444" s="12"/>
    </row>
    <row r="405445" spans="8:8">
      <c r="H405445" s="12"/>
    </row>
    <row r="405446" spans="8:8">
      <c r="H405446" s="12"/>
    </row>
    <row r="405447" spans="8:8">
      <c r="H405447" s="12"/>
    </row>
    <row r="405448" spans="8:8">
      <c r="H405448" s="12"/>
    </row>
    <row r="405449" spans="8:8">
      <c r="H405449" s="12"/>
    </row>
    <row r="405450" spans="8:8">
      <c r="H405450" s="12"/>
    </row>
    <row r="405451" spans="8:8">
      <c r="H405451" s="12"/>
    </row>
    <row r="405452" spans="8:8">
      <c r="H405452" s="12"/>
    </row>
    <row r="405453" spans="8:8">
      <c r="H405453" s="12"/>
    </row>
    <row r="405454" spans="8:8">
      <c r="H405454" s="12"/>
    </row>
    <row r="405455" spans="8:8">
      <c r="H405455" s="12"/>
    </row>
    <row r="405456" spans="8:8">
      <c r="H405456" s="12"/>
    </row>
    <row r="405457" spans="8:8">
      <c r="H405457" s="12"/>
    </row>
    <row r="405458" spans="8:8">
      <c r="H405458" s="12"/>
    </row>
    <row r="405459" spans="8:8">
      <c r="H405459" s="12"/>
    </row>
    <row r="405460" spans="8:8">
      <c r="H405460" s="12"/>
    </row>
    <row r="405461" spans="8:8">
      <c r="H405461" s="12"/>
    </row>
    <row r="405462" spans="8:8">
      <c r="H405462" s="12"/>
    </row>
    <row r="405463" spans="8:8">
      <c r="H405463" s="12"/>
    </row>
    <row r="405464" spans="8:8">
      <c r="H405464" s="12"/>
    </row>
    <row r="405465" spans="8:8">
      <c r="H405465" s="12"/>
    </row>
    <row r="405466" spans="8:8">
      <c r="H405466" s="12"/>
    </row>
    <row r="405467" spans="8:8">
      <c r="H405467" s="12"/>
    </row>
    <row r="405468" spans="8:8">
      <c r="H405468" s="12"/>
    </row>
    <row r="405469" spans="8:8">
      <c r="H405469" s="12"/>
    </row>
    <row r="405470" spans="8:8">
      <c r="H405470" s="12"/>
    </row>
    <row r="405471" spans="8:8">
      <c r="H405471" s="12"/>
    </row>
    <row r="405472" spans="8:8">
      <c r="H405472" s="12"/>
    </row>
    <row r="405473" spans="8:8">
      <c r="H405473" s="12"/>
    </row>
    <row r="405474" spans="8:8">
      <c r="H405474" s="12"/>
    </row>
    <row r="405475" spans="8:8">
      <c r="H405475" s="12"/>
    </row>
    <row r="405476" spans="8:8">
      <c r="H405476" s="12"/>
    </row>
    <row r="405477" spans="8:8">
      <c r="H405477" s="12"/>
    </row>
    <row r="405478" spans="8:8">
      <c r="H405478" s="12"/>
    </row>
    <row r="405479" spans="8:8">
      <c r="H405479" s="12"/>
    </row>
    <row r="405480" spans="8:8">
      <c r="H405480" s="12"/>
    </row>
    <row r="405481" spans="8:8">
      <c r="H405481" s="12"/>
    </row>
    <row r="405482" spans="8:8">
      <c r="H405482" s="12"/>
    </row>
    <row r="405483" spans="8:8">
      <c r="H405483" s="12"/>
    </row>
    <row r="405484" spans="8:8">
      <c r="H405484" s="12"/>
    </row>
    <row r="405485" spans="8:8">
      <c r="H405485" s="12"/>
    </row>
    <row r="405486" spans="8:8">
      <c r="H405486" s="12"/>
    </row>
    <row r="405487" spans="8:8">
      <c r="H405487" s="12"/>
    </row>
    <row r="405488" spans="8:8">
      <c r="H405488" s="12"/>
    </row>
    <row r="405489" spans="8:8">
      <c r="H405489" s="12"/>
    </row>
    <row r="405490" spans="8:8">
      <c r="H405490" s="12"/>
    </row>
    <row r="405491" spans="8:8">
      <c r="H405491" s="12"/>
    </row>
    <row r="405492" spans="8:8">
      <c r="H405492" s="12"/>
    </row>
    <row r="405493" spans="8:8">
      <c r="H405493" s="12"/>
    </row>
    <row r="405494" spans="8:8">
      <c r="H405494" s="12"/>
    </row>
    <row r="405495" spans="8:8">
      <c r="H405495" s="12"/>
    </row>
    <row r="405496" spans="8:8">
      <c r="H405496" s="12"/>
    </row>
    <row r="405497" spans="8:8">
      <c r="H405497" s="12"/>
    </row>
    <row r="405498" spans="8:8">
      <c r="H405498" s="12"/>
    </row>
    <row r="405499" spans="8:8">
      <c r="H405499" s="12"/>
    </row>
    <row r="405500" spans="8:8">
      <c r="H405500" s="12"/>
    </row>
    <row r="405501" spans="8:8">
      <c r="H405501" s="12"/>
    </row>
    <row r="405502" spans="8:8">
      <c r="H405502" s="12"/>
    </row>
    <row r="405503" spans="8:8">
      <c r="H405503" s="12"/>
    </row>
    <row r="405504" spans="8:8">
      <c r="H405504" s="12"/>
    </row>
    <row r="405505" spans="8:8">
      <c r="H405505" s="12"/>
    </row>
    <row r="405506" spans="8:8">
      <c r="H405506" s="12"/>
    </row>
    <row r="405507" spans="8:8">
      <c r="H405507" s="12"/>
    </row>
    <row r="405508" spans="8:8">
      <c r="H405508" s="12"/>
    </row>
    <row r="405509" spans="8:8">
      <c r="H405509" s="12"/>
    </row>
    <row r="405510" spans="8:8">
      <c r="H405510" s="12"/>
    </row>
    <row r="405511" spans="8:8">
      <c r="H405511" s="12"/>
    </row>
    <row r="405512" spans="8:8">
      <c r="H405512" s="12"/>
    </row>
    <row r="405513" spans="8:8">
      <c r="H405513" s="12"/>
    </row>
    <row r="405514" spans="8:8">
      <c r="H405514" s="12"/>
    </row>
    <row r="405515" spans="8:8">
      <c r="H405515" s="12"/>
    </row>
    <row r="405516" spans="8:8">
      <c r="H405516" s="12"/>
    </row>
    <row r="405517" spans="8:8">
      <c r="H405517" s="12"/>
    </row>
    <row r="405518" spans="8:8">
      <c r="H405518" s="12"/>
    </row>
    <row r="405519" spans="8:8">
      <c r="H405519" s="12"/>
    </row>
    <row r="405520" spans="8:8">
      <c r="H405520" s="12"/>
    </row>
    <row r="405521" spans="8:8">
      <c r="H405521" s="12"/>
    </row>
    <row r="405522" spans="8:8">
      <c r="H405522" s="12"/>
    </row>
    <row r="405523" spans="8:8">
      <c r="H405523" s="12"/>
    </row>
    <row r="405524" spans="8:8">
      <c r="H405524" s="12"/>
    </row>
    <row r="405525" spans="8:8">
      <c r="H405525" s="12"/>
    </row>
    <row r="405526" spans="8:8">
      <c r="H405526" s="12"/>
    </row>
    <row r="405527" spans="8:8">
      <c r="H405527" s="12"/>
    </row>
    <row r="405528" spans="8:8">
      <c r="H405528" s="12"/>
    </row>
    <row r="405529" spans="8:8">
      <c r="H405529" s="12"/>
    </row>
    <row r="405530" spans="8:8">
      <c r="H405530" s="12"/>
    </row>
    <row r="405531" spans="8:8">
      <c r="H405531" s="12"/>
    </row>
    <row r="405532" spans="8:8">
      <c r="H405532" s="12"/>
    </row>
    <row r="405533" spans="8:8">
      <c r="H405533" s="12"/>
    </row>
    <row r="405534" spans="8:8">
      <c r="H405534" s="12"/>
    </row>
    <row r="405535" spans="8:8">
      <c r="H405535" s="12"/>
    </row>
    <row r="405536" spans="8:8">
      <c r="H405536" s="12"/>
    </row>
    <row r="405537" spans="8:8">
      <c r="H405537" s="12"/>
    </row>
    <row r="405538" spans="8:8">
      <c r="H405538" s="12"/>
    </row>
    <row r="405539" spans="8:8">
      <c r="H405539" s="12"/>
    </row>
    <row r="405540" spans="8:8">
      <c r="H405540" s="12"/>
    </row>
    <row r="405541" spans="8:8">
      <c r="H405541" s="12"/>
    </row>
    <row r="405542" spans="8:8">
      <c r="H405542" s="12"/>
    </row>
    <row r="405543" spans="8:8">
      <c r="H405543" s="12"/>
    </row>
    <row r="405544" spans="8:8">
      <c r="H405544" s="12"/>
    </row>
    <row r="405545" spans="8:8">
      <c r="H405545" s="12"/>
    </row>
    <row r="405546" spans="8:8">
      <c r="H405546" s="12"/>
    </row>
    <row r="405547" spans="8:8">
      <c r="H405547" s="12"/>
    </row>
    <row r="405548" spans="8:8">
      <c r="H405548" s="12"/>
    </row>
    <row r="405549" spans="8:8">
      <c r="H405549" s="12"/>
    </row>
    <row r="405550" spans="8:8">
      <c r="H405550" s="12"/>
    </row>
    <row r="405551" spans="8:8">
      <c r="H405551" s="12"/>
    </row>
    <row r="405552" spans="8:8">
      <c r="H405552" s="12"/>
    </row>
    <row r="405553" spans="8:8">
      <c r="H405553" s="12"/>
    </row>
    <row r="405554" spans="8:8">
      <c r="H405554" s="12"/>
    </row>
    <row r="405555" spans="8:8">
      <c r="H405555" s="12"/>
    </row>
    <row r="405556" spans="8:8">
      <c r="H405556" s="12"/>
    </row>
    <row r="405557" spans="8:8">
      <c r="H405557" s="12"/>
    </row>
    <row r="405558" spans="8:8">
      <c r="H405558" s="12"/>
    </row>
    <row r="405559" spans="8:8">
      <c r="H405559" s="12"/>
    </row>
    <row r="405560" spans="8:8">
      <c r="H405560" s="12"/>
    </row>
    <row r="405561" spans="8:8">
      <c r="H405561" s="12"/>
    </row>
    <row r="405562" spans="8:8">
      <c r="H405562" s="12"/>
    </row>
    <row r="405563" spans="8:8">
      <c r="H405563" s="12"/>
    </row>
    <row r="405564" spans="8:8">
      <c r="H405564" s="12"/>
    </row>
    <row r="405565" spans="8:8">
      <c r="H405565" s="12"/>
    </row>
    <row r="405566" spans="8:8">
      <c r="H405566" s="12"/>
    </row>
    <row r="405567" spans="8:8">
      <c r="H405567" s="12"/>
    </row>
    <row r="405568" spans="8:8">
      <c r="H405568" s="12"/>
    </row>
    <row r="405569" spans="8:8">
      <c r="H405569" s="12"/>
    </row>
    <row r="405570" spans="8:8">
      <c r="H405570" s="12"/>
    </row>
    <row r="405571" spans="8:8">
      <c r="H405571" s="12"/>
    </row>
    <row r="405572" spans="8:8">
      <c r="H405572" s="12"/>
    </row>
    <row r="405573" spans="8:8">
      <c r="H405573" s="12"/>
    </row>
    <row r="405574" spans="8:8">
      <c r="H405574" s="12"/>
    </row>
    <row r="405575" spans="8:8">
      <c r="H405575" s="12"/>
    </row>
    <row r="405576" spans="8:8">
      <c r="H405576" s="12"/>
    </row>
    <row r="405577" spans="8:8">
      <c r="H405577" s="12"/>
    </row>
    <row r="405578" spans="8:8">
      <c r="H405578" s="12"/>
    </row>
    <row r="405579" spans="8:8">
      <c r="H405579" s="12"/>
    </row>
    <row r="405580" spans="8:8">
      <c r="H405580" s="12"/>
    </row>
    <row r="405581" spans="8:8">
      <c r="H405581" s="12"/>
    </row>
    <row r="405582" spans="8:8">
      <c r="H405582" s="12"/>
    </row>
    <row r="405583" spans="8:8">
      <c r="H405583" s="12"/>
    </row>
    <row r="405584" spans="8:8">
      <c r="H405584" s="12"/>
    </row>
    <row r="405585" spans="8:8">
      <c r="H405585" s="12"/>
    </row>
    <row r="405586" spans="8:8">
      <c r="H405586" s="12"/>
    </row>
    <row r="405587" spans="8:8">
      <c r="H405587" s="12"/>
    </row>
    <row r="405588" spans="8:8">
      <c r="H405588" s="12"/>
    </row>
    <row r="405589" spans="8:8">
      <c r="H405589" s="12"/>
    </row>
    <row r="405590" spans="8:8">
      <c r="H405590" s="12"/>
    </row>
    <row r="405591" spans="8:8">
      <c r="H405591" s="12"/>
    </row>
    <row r="405592" spans="8:8">
      <c r="H405592" s="12"/>
    </row>
    <row r="405593" spans="8:8">
      <c r="H405593" s="12"/>
    </row>
    <row r="405594" spans="8:8">
      <c r="H405594" s="12"/>
    </row>
    <row r="405595" spans="8:8">
      <c r="H405595" s="12"/>
    </row>
    <row r="405596" spans="8:8">
      <c r="H405596" s="12"/>
    </row>
    <row r="405597" spans="8:8">
      <c r="H405597" s="12"/>
    </row>
    <row r="405598" spans="8:8">
      <c r="H405598" s="12"/>
    </row>
    <row r="405599" spans="8:8">
      <c r="H405599" s="12"/>
    </row>
    <row r="405600" spans="8:8">
      <c r="H405600" s="12"/>
    </row>
    <row r="405601" spans="8:8">
      <c r="H405601" s="12"/>
    </row>
    <row r="405602" spans="8:8">
      <c r="H405602" s="12"/>
    </row>
    <row r="405603" spans="8:8">
      <c r="H405603" s="12"/>
    </row>
    <row r="405604" spans="8:8">
      <c r="H405604" s="12"/>
    </row>
    <row r="405605" spans="8:8">
      <c r="H405605" s="12"/>
    </row>
    <row r="405606" spans="8:8">
      <c r="H405606" s="12"/>
    </row>
    <row r="405607" spans="8:8">
      <c r="H405607" s="12"/>
    </row>
    <row r="405608" spans="8:8">
      <c r="H405608" s="12"/>
    </row>
    <row r="405609" spans="8:8">
      <c r="H405609" s="12"/>
    </row>
    <row r="405610" spans="8:8">
      <c r="H405610" s="12"/>
    </row>
    <row r="405611" spans="8:8">
      <c r="H405611" s="12"/>
    </row>
    <row r="405612" spans="8:8">
      <c r="H405612" s="12"/>
    </row>
    <row r="405613" spans="8:8">
      <c r="H405613" s="12"/>
    </row>
    <row r="405614" spans="8:8">
      <c r="H405614" s="12"/>
    </row>
    <row r="405615" spans="8:8">
      <c r="H405615" s="12"/>
    </row>
    <row r="405616" spans="8:8">
      <c r="H405616" s="12"/>
    </row>
    <row r="405617" spans="8:8">
      <c r="H405617" s="12"/>
    </row>
    <row r="405618" spans="8:8">
      <c r="H405618" s="12"/>
    </row>
    <row r="405619" spans="8:8">
      <c r="H405619" s="12"/>
    </row>
    <row r="405620" spans="8:8">
      <c r="H405620" s="12"/>
    </row>
    <row r="405621" spans="8:8">
      <c r="H405621" s="12"/>
    </row>
    <row r="405622" spans="8:8">
      <c r="H405622" s="12"/>
    </row>
    <row r="405623" spans="8:8">
      <c r="H405623" s="12"/>
    </row>
    <row r="405624" spans="8:8">
      <c r="H405624" s="12"/>
    </row>
    <row r="405625" spans="8:8">
      <c r="H405625" s="12"/>
    </row>
    <row r="405626" spans="8:8">
      <c r="H405626" s="12"/>
    </row>
    <row r="405627" spans="8:8">
      <c r="H405627" s="12"/>
    </row>
    <row r="405628" spans="8:8">
      <c r="H405628" s="12"/>
    </row>
    <row r="405629" spans="8:8">
      <c r="H405629" s="12"/>
    </row>
    <row r="405630" spans="8:8">
      <c r="H405630" s="12"/>
    </row>
    <row r="405631" spans="8:8">
      <c r="H405631" s="12"/>
    </row>
    <row r="405632" spans="8:8">
      <c r="H405632" s="12"/>
    </row>
    <row r="405633" spans="8:8">
      <c r="H405633" s="12"/>
    </row>
    <row r="405634" spans="8:8">
      <c r="H405634" s="12"/>
    </row>
    <row r="405635" spans="8:8">
      <c r="H405635" s="12"/>
    </row>
    <row r="405636" spans="8:8">
      <c r="H405636" s="12"/>
    </row>
    <row r="405637" spans="8:8">
      <c r="H405637" s="12"/>
    </row>
    <row r="405638" spans="8:8">
      <c r="H405638" s="12"/>
    </row>
    <row r="405639" spans="8:8">
      <c r="H405639" s="12"/>
    </row>
    <row r="405640" spans="8:8">
      <c r="H405640" s="12"/>
    </row>
    <row r="405641" spans="8:8">
      <c r="H405641" s="12"/>
    </row>
    <row r="405642" spans="8:8">
      <c r="H405642" s="12"/>
    </row>
    <row r="405643" spans="8:8">
      <c r="H405643" s="12"/>
    </row>
    <row r="405644" spans="8:8">
      <c r="H405644" s="12"/>
    </row>
    <row r="405645" spans="8:8">
      <c r="H405645" s="12"/>
    </row>
    <row r="405646" spans="8:8">
      <c r="H405646" s="12"/>
    </row>
    <row r="405647" spans="8:8">
      <c r="H405647" s="12"/>
    </row>
    <row r="405648" spans="8:8">
      <c r="H405648" s="12"/>
    </row>
    <row r="405649" spans="8:8">
      <c r="H405649" s="12"/>
    </row>
    <row r="405650" spans="8:8">
      <c r="H405650" s="12"/>
    </row>
    <row r="405651" spans="8:8">
      <c r="H405651" s="12"/>
    </row>
    <row r="405652" spans="8:8">
      <c r="H405652" s="12"/>
    </row>
    <row r="405653" spans="8:8">
      <c r="H405653" s="12"/>
    </row>
    <row r="405654" spans="8:8">
      <c r="H405654" s="12"/>
    </row>
    <row r="405655" spans="8:8">
      <c r="H405655" s="12"/>
    </row>
    <row r="405656" spans="8:8">
      <c r="H405656" s="12"/>
    </row>
    <row r="405657" spans="8:8">
      <c r="H405657" s="12"/>
    </row>
    <row r="405658" spans="8:8">
      <c r="H405658" s="12"/>
    </row>
    <row r="405659" spans="8:8">
      <c r="H405659" s="12"/>
    </row>
    <row r="405660" spans="8:8">
      <c r="H405660" s="12"/>
    </row>
    <row r="405661" spans="8:8">
      <c r="H405661" s="12"/>
    </row>
    <row r="405662" spans="8:8">
      <c r="H405662" s="12"/>
    </row>
    <row r="405663" spans="8:8">
      <c r="H405663" s="12"/>
    </row>
    <row r="405664" spans="8:8">
      <c r="H405664" s="12"/>
    </row>
    <row r="405665" spans="8:8">
      <c r="H405665" s="12"/>
    </row>
    <row r="405666" spans="8:8">
      <c r="H405666" s="12"/>
    </row>
    <row r="405667" spans="8:8">
      <c r="H405667" s="12"/>
    </row>
    <row r="405668" spans="8:8">
      <c r="H405668" s="12"/>
    </row>
    <row r="405669" spans="8:8">
      <c r="H405669" s="12"/>
    </row>
    <row r="405670" spans="8:8">
      <c r="H405670" s="12"/>
    </row>
    <row r="405671" spans="8:8">
      <c r="H405671" s="12"/>
    </row>
    <row r="405672" spans="8:8">
      <c r="H405672" s="12"/>
    </row>
    <row r="405673" spans="8:8">
      <c r="H405673" s="12"/>
    </row>
    <row r="405674" spans="8:8">
      <c r="H405674" s="12"/>
    </row>
    <row r="405675" spans="8:8">
      <c r="H405675" s="12"/>
    </row>
    <row r="405676" spans="8:8">
      <c r="H405676" s="12"/>
    </row>
    <row r="405677" spans="8:8">
      <c r="H405677" s="12"/>
    </row>
    <row r="405678" spans="8:8">
      <c r="H405678" s="12"/>
    </row>
    <row r="405679" spans="8:8">
      <c r="H405679" s="12"/>
    </row>
    <row r="405680" spans="8:8">
      <c r="H405680" s="12"/>
    </row>
    <row r="405681" spans="8:8">
      <c r="H405681" s="12"/>
    </row>
    <row r="405682" spans="8:8">
      <c r="H405682" s="12"/>
    </row>
    <row r="405683" spans="8:8">
      <c r="H405683" s="12"/>
    </row>
    <row r="405684" spans="8:8">
      <c r="H405684" s="12"/>
    </row>
    <row r="405685" spans="8:8">
      <c r="H405685" s="12"/>
    </row>
    <row r="405686" spans="8:8">
      <c r="H405686" s="12"/>
    </row>
    <row r="405687" spans="8:8">
      <c r="H405687" s="12"/>
    </row>
    <row r="405688" spans="8:8">
      <c r="H405688" s="12"/>
    </row>
    <row r="405689" spans="8:8">
      <c r="H405689" s="12"/>
    </row>
    <row r="405690" spans="8:8">
      <c r="H405690" s="12"/>
    </row>
    <row r="405691" spans="8:8">
      <c r="H405691" s="12"/>
    </row>
    <row r="405692" spans="8:8">
      <c r="H405692" s="12"/>
    </row>
    <row r="405693" spans="8:8">
      <c r="H405693" s="12"/>
    </row>
    <row r="405694" spans="8:8">
      <c r="H405694" s="12"/>
    </row>
    <row r="405695" spans="8:8">
      <c r="H405695" s="12"/>
    </row>
    <row r="405696" spans="8:8">
      <c r="H405696" s="12"/>
    </row>
    <row r="405697" spans="8:8">
      <c r="H405697" s="12"/>
    </row>
    <row r="405698" spans="8:8">
      <c r="H405698" s="12"/>
    </row>
    <row r="405699" spans="8:8">
      <c r="H405699" s="12"/>
    </row>
    <row r="405700" spans="8:8">
      <c r="H405700" s="12"/>
    </row>
    <row r="405701" spans="8:8">
      <c r="H405701" s="12"/>
    </row>
    <row r="405702" spans="8:8">
      <c r="H405702" s="12"/>
    </row>
    <row r="405703" spans="8:8">
      <c r="H405703" s="12"/>
    </row>
    <row r="405704" spans="8:8">
      <c r="H405704" s="12"/>
    </row>
    <row r="405705" spans="8:8">
      <c r="H405705" s="12"/>
    </row>
    <row r="405706" spans="8:8">
      <c r="H405706" s="12"/>
    </row>
    <row r="405707" spans="8:8">
      <c r="H405707" s="12"/>
    </row>
    <row r="405708" spans="8:8">
      <c r="H405708" s="12"/>
    </row>
    <row r="405709" spans="8:8">
      <c r="H405709" s="12"/>
    </row>
    <row r="405710" spans="8:8">
      <c r="H405710" s="12"/>
    </row>
    <row r="405711" spans="8:8">
      <c r="H405711" s="12"/>
    </row>
    <row r="405712" spans="8:8">
      <c r="H405712" s="12"/>
    </row>
    <row r="405713" spans="8:8">
      <c r="H405713" s="12"/>
    </row>
    <row r="405714" spans="8:8">
      <c r="H405714" s="12"/>
    </row>
    <row r="405715" spans="8:8">
      <c r="H405715" s="12"/>
    </row>
    <row r="405716" spans="8:8">
      <c r="H405716" s="12"/>
    </row>
    <row r="405717" spans="8:8">
      <c r="H405717" s="12"/>
    </row>
    <row r="405718" spans="8:8">
      <c r="H405718" s="12"/>
    </row>
    <row r="405719" spans="8:8">
      <c r="H405719" s="12"/>
    </row>
    <row r="405720" spans="8:8">
      <c r="H405720" s="12"/>
    </row>
    <row r="405721" spans="8:8">
      <c r="H405721" s="12"/>
    </row>
    <row r="405722" spans="8:8">
      <c r="H405722" s="12"/>
    </row>
    <row r="405723" spans="8:8">
      <c r="H405723" s="12"/>
    </row>
    <row r="405724" spans="8:8">
      <c r="H405724" s="12"/>
    </row>
    <row r="405725" spans="8:8">
      <c r="H405725" s="12"/>
    </row>
    <row r="405726" spans="8:8">
      <c r="H405726" s="12"/>
    </row>
    <row r="405727" spans="8:8">
      <c r="H405727" s="12"/>
    </row>
    <row r="405728" spans="8:8">
      <c r="H405728" s="12"/>
    </row>
    <row r="405729" spans="8:8">
      <c r="H405729" s="12"/>
    </row>
    <row r="405730" spans="8:8">
      <c r="H405730" s="12"/>
    </row>
    <row r="405731" spans="8:8">
      <c r="H405731" s="12"/>
    </row>
    <row r="405732" spans="8:8">
      <c r="H405732" s="12"/>
    </row>
    <row r="405733" spans="8:8">
      <c r="H405733" s="12"/>
    </row>
    <row r="405734" spans="8:8">
      <c r="H405734" s="12"/>
    </row>
    <row r="405735" spans="8:8">
      <c r="H405735" s="12"/>
    </row>
    <row r="405736" spans="8:8">
      <c r="H405736" s="12"/>
    </row>
    <row r="405737" spans="8:8">
      <c r="H405737" s="12"/>
    </row>
    <row r="405738" spans="8:8">
      <c r="H405738" s="12"/>
    </row>
    <row r="405739" spans="8:8">
      <c r="H405739" s="12"/>
    </row>
    <row r="405740" spans="8:8">
      <c r="H405740" s="12"/>
    </row>
    <row r="405741" spans="8:8">
      <c r="H405741" s="12"/>
    </row>
    <row r="405742" spans="8:8">
      <c r="H405742" s="12"/>
    </row>
    <row r="405743" spans="8:8">
      <c r="H405743" s="12"/>
    </row>
    <row r="405744" spans="8:8">
      <c r="H405744" s="12"/>
    </row>
    <row r="405745" spans="8:8">
      <c r="H405745" s="12"/>
    </row>
    <row r="405746" spans="8:8">
      <c r="H405746" s="12"/>
    </row>
    <row r="405747" spans="8:8">
      <c r="H405747" s="12"/>
    </row>
    <row r="405748" spans="8:8">
      <c r="H405748" s="12"/>
    </row>
    <row r="405749" spans="8:8">
      <c r="H405749" s="12"/>
    </row>
    <row r="405750" spans="8:8">
      <c r="H405750" s="12"/>
    </row>
    <row r="405751" spans="8:8">
      <c r="H405751" s="12"/>
    </row>
    <row r="405752" spans="8:8">
      <c r="H405752" s="12"/>
    </row>
    <row r="405753" spans="8:8">
      <c r="H405753" s="12"/>
    </row>
    <row r="405754" spans="8:8">
      <c r="H405754" s="12"/>
    </row>
    <row r="405755" spans="8:8">
      <c r="H405755" s="12"/>
    </row>
    <row r="405756" spans="8:8">
      <c r="H405756" s="12"/>
    </row>
    <row r="405757" spans="8:8">
      <c r="H405757" s="12"/>
    </row>
    <row r="405758" spans="8:8">
      <c r="H405758" s="12"/>
    </row>
    <row r="405759" spans="8:8">
      <c r="H405759" s="12"/>
    </row>
    <row r="405760" spans="8:8">
      <c r="H405760" s="12"/>
    </row>
    <row r="405761" spans="8:8">
      <c r="H405761" s="12"/>
    </row>
    <row r="405762" spans="8:8">
      <c r="H405762" s="12"/>
    </row>
    <row r="405763" spans="8:8">
      <c r="H405763" s="12"/>
    </row>
    <row r="405764" spans="8:8">
      <c r="H405764" s="12"/>
    </row>
    <row r="405765" spans="8:8">
      <c r="H405765" s="12"/>
    </row>
    <row r="405766" spans="8:8">
      <c r="H405766" s="12"/>
    </row>
    <row r="405767" spans="8:8">
      <c r="H405767" s="12"/>
    </row>
    <row r="405768" spans="8:8">
      <c r="H405768" s="12"/>
    </row>
    <row r="405769" spans="8:8">
      <c r="H405769" s="12"/>
    </row>
    <row r="405770" spans="8:8">
      <c r="H405770" s="12"/>
    </row>
    <row r="405771" spans="8:8">
      <c r="H405771" s="12"/>
    </row>
    <row r="405772" spans="8:8">
      <c r="H405772" s="12"/>
    </row>
    <row r="405773" spans="8:8">
      <c r="H405773" s="12"/>
    </row>
    <row r="405774" spans="8:8">
      <c r="H405774" s="12"/>
    </row>
    <row r="405775" spans="8:8">
      <c r="H405775" s="12"/>
    </row>
    <row r="405776" spans="8:8">
      <c r="H405776" s="12"/>
    </row>
    <row r="405777" spans="8:8">
      <c r="H405777" s="12"/>
    </row>
    <row r="405778" spans="8:8">
      <c r="H405778" s="12"/>
    </row>
    <row r="405779" spans="8:8">
      <c r="H405779" s="12"/>
    </row>
    <row r="405780" spans="8:8">
      <c r="H405780" s="12"/>
    </row>
    <row r="405781" spans="8:8">
      <c r="H405781" s="12"/>
    </row>
    <row r="405782" spans="8:8">
      <c r="H405782" s="12"/>
    </row>
    <row r="405783" spans="8:8">
      <c r="H405783" s="12"/>
    </row>
    <row r="405784" spans="8:8">
      <c r="H405784" s="12"/>
    </row>
    <row r="405785" spans="8:8">
      <c r="H405785" s="12"/>
    </row>
    <row r="405786" spans="8:8">
      <c r="H405786" s="12"/>
    </row>
    <row r="405787" spans="8:8">
      <c r="H405787" s="12"/>
    </row>
    <row r="405788" spans="8:8">
      <c r="H405788" s="12"/>
    </row>
    <row r="405789" spans="8:8">
      <c r="H405789" s="12"/>
    </row>
    <row r="405790" spans="8:8">
      <c r="H405790" s="12"/>
    </row>
    <row r="405791" spans="8:8">
      <c r="H405791" s="12"/>
    </row>
    <row r="405792" spans="8:8">
      <c r="H405792" s="12"/>
    </row>
    <row r="405793" spans="8:8">
      <c r="H405793" s="12"/>
    </row>
    <row r="405794" spans="8:8">
      <c r="H405794" s="12"/>
    </row>
    <row r="405795" spans="8:8">
      <c r="H405795" s="12"/>
    </row>
    <row r="405796" spans="8:8">
      <c r="H405796" s="12"/>
    </row>
    <row r="405797" spans="8:8">
      <c r="H405797" s="12"/>
    </row>
    <row r="405798" spans="8:8">
      <c r="H405798" s="12"/>
    </row>
    <row r="405799" spans="8:8">
      <c r="H405799" s="12"/>
    </row>
    <row r="405800" spans="8:8">
      <c r="H405800" s="12"/>
    </row>
    <row r="405801" spans="8:8">
      <c r="H405801" s="12"/>
    </row>
    <row r="405802" spans="8:8">
      <c r="H405802" s="12"/>
    </row>
    <row r="405803" spans="8:8">
      <c r="H405803" s="12"/>
    </row>
    <row r="405804" spans="8:8">
      <c r="H405804" s="12"/>
    </row>
    <row r="405805" spans="8:8">
      <c r="H405805" s="12"/>
    </row>
    <row r="405806" spans="8:8">
      <c r="H405806" s="12"/>
    </row>
    <row r="405807" spans="8:8">
      <c r="H405807" s="12"/>
    </row>
    <row r="405808" spans="8:8">
      <c r="H405808" s="12"/>
    </row>
    <row r="405809" spans="8:8">
      <c r="H405809" s="12"/>
    </row>
    <row r="405810" spans="8:8">
      <c r="H405810" s="12"/>
    </row>
    <row r="405811" spans="8:8">
      <c r="H405811" s="12"/>
    </row>
    <row r="405812" spans="8:8">
      <c r="H405812" s="12"/>
    </row>
    <row r="405813" spans="8:8">
      <c r="H405813" s="12"/>
    </row>
    <row r="405814" spans="8:8">
      <c r="H405814" s="12"/>
    </row>
    <row r="405815" spans="8:8">
      <c r="H405815" s="12"/>
    </row>
    <row r="405816" spans="8:8">
      <c r="H405816" s="12"/>
    </row>
    <row r="405817" spans="8:8">
      <c r="H405817" s="12"/>
    </row>
    <row r="405818" spans="8:8">
      <c r="H405818" s="12"/>
    </row>
    <row r="405819" spans="8:8">
      <c r="H405819" s="12"/>
    </row>
    <row r="405820" spans="8:8">
      <c r="H405820" s="12"/>
    </row>
    <row r="405821" spans="8:8">
      <c r="H405821" s="12"/>
    </row>
    <row r="405822" spans="8:8">
      <c r="H405822" s="12"/>
    </row>
    <row r="405823" spans="8:8">
      <c r="H405823" s="12"/>
    </row>
    <row r="405824" spans="8:8">
      <c r="H405824" s="12"/>
    </row>
    <row r="405825" spans="8:8">
      <c r="H405825" s="12"/>
    </row>
    <row r="405826" spans="8:8">
      <c r="H405826" s="12"/>
    </row>
    <row r="405827" spans="8:8">
      <c r="H405827" s="12"/>
    </row>
    <row r="405828" spans="8:8">
      <c r="H405828" s="12"/>
    </row>
    <row r="405829" spans="8:8">
      <c r="H405829" s="12"/>
    </row>
    <row r="405830" spans="8:8">
      <c r="H405830" s="12"/>
    </row>
    <row r="405831" spans="8:8">
      <c r="H405831" s="12"/>
    </row>
    <row r="405832" spans="8:8">
      <c r="H405832" s="12"/>
    </row>
    <row r="405833" spans="8:8">
      <c r="H405833" s="12"/>
    </row>
    <row r="405834" spans="8:8">
      <c r="H405834" s="12"/>
    </row>
    <row r="405835" spans="8:8">
      <c r="H405835" s="12"/>
    </row>
    <row r="405836" spans="8:8">
      <c r="H405836" s="12"/>
    </row>
    <row r="405837" spans="8:8">
      <c r="H405837" s="12"/>
    </row>
    <row r="405838" spans="8:8">
      <c r="H405838" s="12"/>
    </row>
    <row r="405839" spans="8:8">
      <c r="H405839" s="12"/>
    </row>
    <row r="405840" spans="8:8">
      <c r="H405840" s="12"/>
    </row>
    <row r="405841" spans="8:8">
      <c r="H405841" s="12"/>
    </row>
    <row r="405842" spans="8:8">
      <c r="H405842" s="12"/>
    </row>
    <row r="405843" spans="8:8">
      <c r="H405843" s="12"/>
    </row>
    <row r="405844" spans="8:8">
      <c r="H405844" s="12"/>
    </row>
    <row r="405845" spans="8:8">
      <c r="H405845" s="12"/>
    </row>
    <row r="405846" spans="8:8">
      <c r="H405846" s="12"/>
    </row>
    <row r="405847" spans="8:8">
      <c r="H405847" s="12"/>
    </row>
    <row r="405848" spans="8:8">
      <c r="H405848" s="12"/>
    </row>
    <row r="405849" spans="8:8">
      <c r="H405849" s="12"/>
    </row>
    <row r="405850" spans="8:8">
      <c r="H405850" s="12"/>
    </row>
    <row r="405851" spans="8:8">
      <c r="H405851" s="12"/>
    </row>
    <row r="405852" spans="8:8">
      <c r="H405852" s="12"/>
    </row>
    <row r="405853" spans="8:8">
      <c r="H405853" s="12"/>
    </row>
    <row r="405854" spans="8:8">
      <c r="H405854" s="12"/>
    </row>
    <row r="405855" spans="8:8">
      <c r="H405855" s="12"/>
    </row>
    <row r="405856" spans="8:8">
      <c r="H405856" s="12"/>
    </row>
    <row r="405857" spans="8:8">
      <c r="H405857" s="12"/>
    </row>
    <row r="405858" spans="8:8">
      <c r="H405858" s="12"/>
    </row>
    <row r="405859" spans="8:8">
      <c r="H405859" s="12"/>
    </row>
    <row r="405860" spans="8:8">
      <c r="H405860" s="12"/>
    </row>
    <row r="405861" spans="8:8">
      <c r="H405861" s="12"/>
    </row>
    <row r="405862" spans="8:8">
      <c r="H405862" s="12"/>
    </row>
    <row r="405863" spans="8:8">
      <c r="H405863" s="12"/>
    </row>
    <row r="405864" spans="8:8">
      <c r="H405864" s="12"/>
    </row>
    <row r="405865" spans="8:8">
      <c r="H405865" s="12"/>
    </row>
    <row r="405866" spans="8:8">
      <c r="H405866" s="12"/>
    </row>
    <row r="405867" spans="8:8">
      <c r="H405867" s="12"/>
    </row>
    <row r="405868" spans="8:8">
      <c r="H405868" s="12"/>
    </row>
    <row r="405869" spans="8:8">
      <c r="H405869" s="12"/>
    </row>
    <row r="405870" spans="8:8">
      <c r="H405870" s="12"/>
    </row>
    <row r="405871" spans="8:8">
      <c r="H405871" s="12"/>
    </row>
    <row r="405872" spans="8:8">
      <c r="H405872" s="12"/>
    </row>
    <row r="405873" spans="8:8">
      <c r="H405873" s="12"/>
    </row>
    <row r="405874" spans="8:8">
      <c r="H405874" s="12"/>
    </row>
    <row r="405875" spans="8:8">
      <c r="H405875" s="12"/>
    </row>
    <row r="405876" spans="8:8">
      <c r="H405876" s="12"/>
    </row>
    <row r="405877" spans="8:8">
      <c r="H405877" s="12"/>
    </row>
    <row r="405878" spans="8:8">
      <c r="H405878" s="12"/>
    </row>
    <row r="405879" spans="8:8">
      <c r="H405879" s="12"/>
    </row>
    <row r="405880" spans="8:8">
      <c r="H405880" s="12"/>
    </row>
    <row r="405881" spans="8:8">
      <c r="H405881" s="12"/>
    </row>
    <row r="405882" spans="8:8">
      <c r="H405882" s="12"/>
    </row>
    <row r="405883" spans="8:8">
      <c r="H405883" s="12"/>
    </row>
    <row r="405884" spans="8:8">
      <c r="H405884" s="12"/>
    </row>
    <row r="405885" spans="8:8">
      <c r="H405885" s="12"/>
    </row>
    <row r="405886" spans="8:8">
      <c r="H405886" s="12"/>
    </row>
    <row r="405887" spans="8:8">
      <c r="H405887" s="12"/>
    </row>
    <row r="405888" spans="8:8">
      <c r="H405888" s="12"/>
    </row>
    <row r="405889" spans="8:8">
      <c r="H405889" s="12"/>
    </row>
    <row r="405890" spans="8:8">
      <c r="H405890" s="12"/>
    </row>
    <row r="405891" spans="8:8">
      <c r="H405891" s="12"/>
    </row>
    <row r="405892" spans="8:8">
      <c r="H405892" s="12"/>
    </row>
    <row r="405893" spans="8:8">
      <c r="H405893" s="12"/>
    </row>
    <row r="405894" spans="8:8">
      <c r="H405894" s="12"/>
    </row>
    <row r="405895" spans="8:8">
      <c r="H405895" s="12"/>
    </row>
    <row r="405896" spans="8:8">
      <c r="H405896" s="12"/>
    </row>
    <row r="405897" spans="8:8">
      <c r="H405897" s="12"/>
    </row>
    <row r="405898" spans="8:8">
      <c r="H405898" s="12"/>
    </row>
    <row r="405899" spans="8:8">
      <c r="H405899" s="12"/>
    </row>
    <row r="405900" spans="8:8">
      <c r="H405900" s="12"/>
    </row>
    <row r="405901" spans="8:8">
      <c r="H405901" s="12"/>
    </row>
    <row r="405902" spans="8:8">
      <c r="H405902" s="12"/>
    </row>
    <row r="405903" spans="8:8">
      <c r="H405903" s="12"/>
    </row>
    <row r="405904" spans="8:8">
      <c r="H405904" s="12"/>
    </row>
    <row r="405905" spans="8:8">
      <c r="H405905" s="12"/>
    </row>
    <row r="405906" spans="8:8">
      <c r="H405906" s="12"/>
    </row>
    <row r="405907" spans="8:8">
      <c r="H405907" s="12"/>
    </row>
    <row r="405908" spans="8:8">
      <c r="H405908" s="12"/>
    </row>
    <row r="405909" spans="8:8">
      <c r="H405909" s="12"/>
    </row>
    <row r="405910" spans="8:8">
      <c r="H405910" s="12"/>
    </row>
    <row r="405911" spans="8:8">
      <c r="H405911" s="12"/>
    </row>
    <row r="405912" spans="8:8">
      <c r="H405912" s="12"/>
    </row>
    <row r="405913" spans="8:8">
      <c r="H405913" s="12"/>
    </row>
    <row r="405914" spans="8:8">
      <c r="H405914" s="12"/>
    </row>
    <row r="405915" spans="8:8">
      <c r="H405915" s="12"/>
    </row>
    <row r="405916" spans="8:8">
      <c r="H405916" s="12"/>
    </row>
    <row r="405917" spans="8:8">
      <c r="H405917" s="12"/>
    </row>
    <row r="405918" spans="8:8">
      <c r="H405918" s="12"/>
    </row>
    <row r="405919" spans="8:8">
      <c r="H405919" s="12"/>
    </row>
    <row r="405920" spans="8:8">
      <c r="H405920" s="12"/>
    </row>
    <row r="405921" spans="8:8">
      <c r="H405921" s="12"/>
    </row>
    <row r="405922" spans="8:8">
      <c r="H405922" s="12"/>
    </row>
    <row r="405923" spans="8:8">
      <c r="H405923" s="12"/>
    </row>
    <row r="405924" spans="8:8">
      <c r="H405924" s="12"/>
    </row>
    <row r="405925" spans="8:8">
      <c r="H405925" s="12"/>
    </row>
    <row r="405926" spans="8:8">
      <c r="H405926" s="12"/>
    </row>
    <row r="405927" spans="8:8">
      <c r="H405927" s="12"/>
    </row>
    <row r="405928" spans="8:8">
      <c r="H405928" s="12"/>
    </row>
    <row r="405929" spans="8:8">
      <c r="H405929" s="12"/>
    </row>
    <row r="405930" spans="8:8">
      <c r="H405930" s="12"/>
    </row>
    <row r="405931" spans="8:8">
      <c r="H405931" s="12"/>
    </row>
    <row r="405932" spans="8:8">
      <c r="H405932" s="12"/>
    </row>
    <row r="405933" spans="8:8">
      <c r="H405933" s="12"/>
    </row>
    <row r="405934" spans="8:8">
      <c r="H405934" s="12"/>
    </row>
    <row r="405935" spans="8:8">
      <c r="H405935" s="12"/>
    </row>
    <row r="405936" spans="8:8">
      <c r="H405936" s="12"/>
    </row>
    <row r="405937" spans="8:8">
      <c r="H405937" s="12"/>
    </row>
    <row r="405938" spans="8:8">
      <c r="H405938" s="12"/>
    </row>
    <row r="405939" spans="8:8">
      <c r="H405939" s="12"/>
    </row>
    <row r="405940" spans="8:8">
      <c r="H405940" s="12"/>
    </row>
    <row r="405941" spans="8:8">
      <c r="H405941" s="12"/>
    </row>
    <row r="405942" spans="8:8">
      <c r="H405942" s="12"/>
    </row>
    <row r="405943" spans="8:8">
      <c r="H405943" s="12"/>
    </row>
    <row r="405944" spans="8:8">
      <c r="H405944" s="12"/>
    </row>
    <row r="405945" spans="8:8">
      <c r="H405945" s="12"/>
    </row>
    <row r="405946" spans="8:8">
      <c r="H405946" s="12"/>
    </row>
    <row r="405947" spans="8:8">
      <c r="H405947" s="12"/>
    </row>
    <row r="405948" spans="8:8">
      <c r="H405948" s="12"/>
    </row>
    <row r="405949" spans="8:8">
      <c r="H405949" s="12"/>
    </row>
    <row r="405950" spans="8:8">
      <c r="H405950" s="12"/>
    </row>
    <row r="405951" spans="8:8">
      <c r="H405951" s="12"/>
    </row>
    <row r="405952" spans="8:8">
      <c r="H405952" s="12"/>
    </row>
    <row r="405953" spans="8:8">
      <c r="H405953" s="12"/>
    </row>
    <row r="405954" spans="8:8">
      <c r="H405954" s="12"/>
    </row>
    <row r="405955" spans="8:8">
      <c r="H405955" s="12"/>
    </row>
    <row r="405956" spans="8:8">
      <c r="H405956" s="12"/>
    </row>
    <row r="405957" spans="8:8">
      <c r="H405957" s="12"/>
    </row>
    <row r="405958" spans="8:8">
      <c r="H405958" s="12"/>
    </row>
    <row r="405959" spans="8:8">
      <c r="H405959" s="12"/>
    </row>
    <row r="405960" spans="8:8">
      <c r="H405960" s="12"/>
    </row>
    <row r="405961" spans="8:8">
      <c r="H405961" s="12"/>
    </row>
    <row r="405962" spans="8:8">
      <c r="H405962" s="12"/>
    </row>
    <row r="405963" spans="8:8">
      <c r="H405963" s="12"/>
    </row>
    <row r="405964" spans="8:8">
      <c r="H405964" s="12"/>
    </row>
    <row r="405965" spans="8:8">
      <c r="H405965" s="12"/>
    </row>
    <row r="405966" spans="8:8">
      <c r="H405966" s="12"/>
    </row>
    <row r="405967" spans="8:8">
      <c r="H405967" s="12"/>
    </row>
    <row r="405968" spans="8:8">
      <c r="H405968" s="12"/>
    </row>
    <row r="405969" spans="8:8">
      <c r="H405969" s="12"/>
    </row>
    <row r="405970" spans="8:8">
      <c r="H405970" s="12"/>
    </row>
    <row r="405971" spans="8:8">
      <c r="H405971" s="12"/>
    </row>
    <row r="405972" spans="8:8">
      <c r="H405972" s="12"/>
    </row>
    <row r="405973" spans="8:8">
      <c r="H405973" s="12"/>
    </row>
    <row r="405974" spans="8:8">
      <c r="H405974" s="12"/>
    </row>
    <row r="405975" spans="8:8">
      <c r="H405975" s="12"/>
    </row>
    <row r="405976" spans="8:8">
      <c r="H405976" s="12"/>
    </row>
    <row r="405977" spans="8:8">
      <c r="H405977" s="12"/>
    </row>
    <row r="405978" spans="8:8">
      <c r="H405978" s="12"/>
    </row>
    <row r="405979" spans="8:8">
      <c r="H405979" s="12"/>
    </row>
    <row r="405980" spans="8:8">
      <c r="H405980" s="12"/>
    </row>
    <row r="405981" spans="8:8">
      <c r="H405981" s="12"/>
    </row>
    <row r="405982" spans="8:8">
      <c r="H405982" s="12"/>
    </row>
    <row r="405983" spans="8:8">
      <c r="H405983" s="12"/>
    </row>
    <row r="405984" spans="8:8">
      <c r="H405984" s="12"/>
    </row>
    <row r="405985" spans="8:8">
      <c r="H405985" s="12"/>
    </row>
    <row r="405986" spans="8:8">
      <c r="H405986" s="12"/>
    </row>
    <row r="405987" spans="8:8">
      <c r="H405987" s="12"/>
    </row>
    <row r="405988" spans="8:8">
      <c r="H405988" s="12"/>
    </row>
    <row r="405989" spans="8:8">
      <c r="H405989" s="12"/>
    </row>
    <row r="405990" spans="8:8">
      <c r="H405990" s="12"/>
    </row>
    <row r="405991" spans="8:8">
      <c r="H405991" s="12"/>
    </row>
    <row r="405992" spans="8:8">
      <c r="H405992" s="12"/>
    </row>
    <row r="405993" spans="8:8">
      <c r="H405993" s="12"/>
    </row>
    <row r="405994" spans="8:8">
      <c r="H405994" s="12"/>
    </row>
    <row r="405995" spans="8:8">
      <c r="H405995" s="12"/>
    </row>
    <row r="405996" spans="8:8">
      <c r="H405996" s="12"/>
    </row>
    <row r="405997" spans="8:8">
      <c r="H405997" s="12"/>
    </row>
    <row r="405998" spans="8:8">
      <c r="H405998" s="12"/>
    </row>
    <row r="405999" spans="8:8">
      <c r="H405999" s="12"/>
    </row>
    <row r="406000" spans="8:8">
      <c r="H406000" s="12"/>
    </row>
    <row r="406001" spans="8:8">
      <c r="H406001" s="12"/>
    </row>
    <row r="406002" spans="8:8">
      <c r="H406002" s="12"/>
    </row>
    <row r="406003" spans="8:8">
      <c r="H406003" s="12"/>
    </row>
    <row r="406004" spans="8:8">
      <c r="H406004" s="12"/>
    </row>
    <row r="406005" spans="8:8">
      <c r="H406005" s="12"/>
    </row>
    <row r="406006" spans="8:8">
      <c r="H406006" s="12"/>
    </row>
    <row r="406007" spans="8:8">
      <c r="H406007" s="12"/>
    </row>
    <row r="406008" spans="8:8">
      <c r="H406008" s="12"/>
    </row>
    <row r="406009" spans="8:8">
      <c r="H406009" s="12"/>
    </row>
    <row r="406010" spans="8:8">
      <c r="H406010" s="12"/>
    </row>
    <row r="406011" spans="8:8">
      <c r="H406011" s="12"/>
    </row>
    <row r="406012" spans="8:8">
      <c r="H406012" s="12"/>
    </row>
    <row r="406013" spans="8:8">
      <c r="H406013" s="12"/>
    </row>
    <row r="406014" spans="8:8">
      <c r="H406014" s="12"/>
    </row>
    <row r="406015" spans="8:8">
      <c r="H406015" s="12"/>
    </row>
    <row r="406016" spans="8:8">
      <c r="H406016" s="12"/>
    </row>
    <row r="406017" spans="8:8">
      <c r="H406017" s="12"/>
    </row>
    <row r="406018" spans="8:8">
      <c r="H406018" s="12"/>
    </row>
    <row r="406019" spans="8:8">
      <c r="H406019" s="12"/>
    </row>
    <row r="406020" spans="8:8">
      <c r="H406020" s="12"/>
    </row>
    <row r="406021" spans="8:8">
      <c r="H406021" s="12"/>
    </row>
    <row r="406022" spans="8:8">
      <c r="H406022" s="12"/>
    </row>
    <row r="406023" spans="8:8">
      <c r="H406023" s="12"/>
    </row>
    <row r="406024" spans="8:8">
      <c r="H406024" s="12"/>
    </row>
    <row r="406025" spans="8:8">
      <c r="H406025" s="12"/>
    </row>
    <row r="406026" spans="8:8">
      <c r="H406026" s="12"/>
    </row>
    <row r="406027" spans="8:8">
      <c r="H406027" s="12"/>
    </row>
    <row r="406028" spans="8:8">
      <c r="H406028" s="12"/>
    </row>
    <row r="406029" spans="8:8">
      <c r="H406029" s="12"/>
    </row>
    <row r="406030" spans="8:8">
      <c r="H406030" s="12"/>
    </row>
    <row r="406031" spans="8:8">
      <c r="H406031" s="12"/>
    </row>
    <row r="406032" spans="8:8">
      <c r="H406032" s="12"/>
    </row>
    <row r="406033" spans="8:8">
      <c r="H406033" s="12"/>
    </row>
    <row r="406034" spans="8:8">
      <c r="H406034" s="12"/>
    </row>
    <row r="406035" spans="8:8">
      <c r="H406035" s="12"/>
    </row>
    <row r="406036" spans="8:8">
      <c r="H406036" s="12"/>
    </row>
    <row r="406037" spans="8:8">
      <c r="H406037" s="12"/>
    </row>
    <row r="406038" spans="8:8">
      <c r="H406038" s="12"/>
    </row>
    <row r="406039" spans="8:8">
      <c r="H406039" s="12"/>
    </row>
    <row r="406040" spans="8:8">
      <c r="H406040" s="12"/>
    </row>
    <row r="406041" spans="8:8">
      <c r="H406041" s="12"/>
    </row>
    <row r="406042" spans="8:8">
      <c r="H406042" s="12"/>
    </row>
    <row r="406043" spans="8:8">
      <c r="H406043" s="12"/>
    </row>
    <row r="406044" spans="8:8">
      <c r="H406044" s="12"/>
    </row>
    <row r="406045" spans="8:8">
      <c r="H406045" s="12"/>
    </row>
    <row r="406046" spans="8:8">
      <c r="H406046" s="12"/>
    </row>
    <row r="406047" spans="8:8">
      <c r="H406047" s="12"/>
    </row>
    <row r="406048" spans="8:8">
      <c r="H406048" s="12"/>
    </row>
    <row r="406049" spans="8:8">
      <c r="H406049" s="12"/>
    </row>
    <row r="406050" spans="8:8">
      <c r="H406050" s="12"/>
    </row>
    <row r="406051" spans="8:8">
      <c r="H406051" s="12"/>
    </row>
    <row r="406052" spans="8:8">
      <c r="H406052" s="12"/>
    </row>
    <row r="406053" spans="8:8">
      <c r="H406053" s="12"/>
    </row>
    <row r="406054" spans="8:8">
      <c r="H406054" s="12"/>
    </row>
    <row r="406055" spans="8:8">
      <c r="H406055" s="12"/>
    </row>
    <row r="406056" spans="8:8">
      <c r="H406056" s="12"/>
    </row>
    <row r="406057" spans="8:8">
      <c r="H406057" s="12"/>
    </row>
    <row r="406058" spans="8:8">
      <c r="H406058" s="12"/>
    </row>
    <row r="406059" spans="8:8">
      <c r="H406059" s="12"/>
    </row>
    <row r="406060" spans="8:8">
      <c r="H406060" s="12"/>
    </row>
    <row r="406061" spans="8:8">
      <c r="H406061" s="12"/>
    </row>
    <row r="406062" spans="8:8">
      <c r="H406062" s="12"/>
    </row>
    <row r="406063" spans="8:8">
      <c r="H406063" s="12"/>
    </row>
    <row r="406064" spans="8:8">
      <c r="H406064" s="12"/>
    </row>
    <row r="406065" spans="8:8">
      <c r="H406065" s="12"/>
    </row>
    <row r="406066" spans="8:8">
      <c r="H406066" s="12"/>
    </row>
    <row r="406067" spans="8:8">
      <c r="H406067" s="12"/>
    </row>
    <row r="406068" spans="8:8">
      <c r="H406068" s="12"/>
    </row>
    <row r="406069" spans="8:8">
      <c r="H406069" s="12"/>
    </row>
    <row r="406070" spans="8:8">
      <c r="H406070" s="12"/>
    </row>
    <row r="406071" spans="8:8">
      <c r="H406071" s="12"/>
    </row>
    <row r="406072" spans="8:8">
      <c r="H406072" s="12"/>
    </row>
    <row r="406073" spans="8:8">
      <c r="H406073" s="12"/>
    </row>
    <row r="406074" spans="8:8">
      <c r="H406074" s="12"/>
    </row>
    <row r="406075" spans="8:8">
      <c r="H406075" s="12"/>
    </row>
    <row r="406076" spans="8:8">
      <c r="H406076" s="12"/>
    </row>
    <row r="406077" spans="8:8">
      <c r="H406077" s="12"/>
    </row>
    <row r="406078" spans="8:8">
      <c r="H406078" s="12"/>
    </row>
    <row r="406079" spans="8:8">
      <c r="H406079" s="12"/>
    </row>
    <row r="406080" spans="8:8">
      <c r="H406080" s="12"/>
    </row>
    <row r="406081" spans="8:8">
      <c r="H406081" s="12"/>
    </row>
    <row r="406082" spans="8:8">
      <c r="H406082" s="12"/>
    </row>
    <row r="406083" spans="8:8">
      <c r="H406083" s="12"/>
    </row>
    <row r="406084" spans="8:8">
      <c r="H406084" s="12"/>
    </row>
    <row r="406085" spans="8:8">
      <c r="H406085" s="12"/>
    </row>
    <row r="406086" spans="8:8">
      <c r="H406086" s="12"/>
    </row>
    <row r="406087" spans="8:8">
      <c r="H406087" s="12"/>
    </row>
    <row r="406088" spans="8:8">
      <c r="H406088" s="12"/>
    </row>
    <row r="406089" spans="8:8">
      <c r="H406089" s="12"/>
    </row>
    <row r="406090" spans="8:8">
      <c r="H406090" s="12"/>
    </row>
    <row r="406091" spans="8:8">
      <c r="H406091" s="12"/>
    </row>
    <row r="406092" spans="8:8">
      <c r="H406092" s="12"/>
    </row>
    <row r="406093" spans="8:8">
      <c r="H406093" s="12"/>
    </row>
    <row r="406094" spans="8:8">
      <c r="H406094" s="12"/>
    </row>
    <row r="406095" spans="8:8">
      <c r="H406095" s="12"/>
    </row>
    <row r="406096" spans="8:8">
      <c r="H406096" s="12"/>
    </row>
    <row r="406097" spans="8:8">
      <c r="H406097" s="12"/>
    </row>
    <row r="406098" spans="8:8">
      <c r="H406098" s="12"/>
    </row>
    <row r="406099" spans="8:8">
      <c r="H406099" s="12"/>
    </row>
    <row r="406100" spans="8:8">
      <c r="H406100" s="12"/>
    </row>
    <row r="406101" spans="8:8">
      <c r="H406101" s="12"/>
    </row>
    <row r="406102" spans="8:8">
      <c r="H406102" s="12"/>
    </row>
    <row r="406103" spans="8:8">
      <c r="H406103" s="12"/>
    </row>
    <row r="406104" spans="8:8">
      <c r="H406104" s="12"/>
    </row>
    <row r="406105" spans="8:8">
      <c r="H406105" s="12"/>
    </row>
    <row r="406106" spans="8:8">
      <c r="H406106" s="12"/>
    </row>
    <row r="406107" spans="8:8">
      <c r="H406107" s="12"/>
    </row>
    <row r="406108" spans="8:8">
      <c r="H406108" s="12"/>
    </row>
    <row r="406109" spans="8:8">
      <c r="H406109" s="12"/>
    </row>
    <row r="406110" spans="8:8">
      <c r="H406110" s="12"/>
    </row>
    <row r="406111" spans="8:8">
      <c r="H406111" s="12"/>
    </row>
    <row r="406112" spans="8:8">
      <c r="H406112" s="12"/>
    </row>
    <row r="406113" spans="8:8">
      <c r="H406113" s="12"/>
    </row>
    <row r="406114" spans="8:8">
      <c r="H406114" s="12"/>
    </row>
    <row r="406115" spans="8:8">
      <c r="H406115" s="12"/>
    </row>
    <row r="406116" spans="8:8">
      <c r="H406116" s="12"/>
    </row>
    <row r="406117" spans="8:8">
      <c r="H406117" s="12"/>
    </row>
    <row r="406118" spans="8:8">
      <c r="H406118" s="12"/>
    </row>
    <row r="406119" spans="8:8">
      <c r="H406119" s="12"/>
    </row>
    <row r="406120" spans="8:8">
      <c r="H406120" s="12"/>
    </row>
    <row r="406121" spans="8:8">
      <c r="H406121" s="12"/>
    </row>
    <row r="406122" spans="8:8">
      <c r="H406122" s="12"/>
    </row>
    <row r="406123" spans="8:8">
      <c r="H406123" s="12"/>
    </row>
    <row r="406124" spans="8:8">
      <c r="H406124" s="12"/>
    </row>
    <row r="406125" spans="8:8">
      <c r="H406125" s="12"/>
    </row>
    <row r="406126" spans="8:8">
      <c r="H406126" s="12"/>
    </row>
    <row r="406127" spans="8:8">
      <c r="H406127" s="12"/>
    </row>
    <row r="406128" spans="8:8">
      <c r="H406128" s="12"/>
    </row>
    <row r="406129" spans="8:8">
      <c r="H406129" s="12"/>
    </row>
    <row r="406130" spans="8:8">
      <c r="H406130" s="12"/>
    </row>
    <row r="406131" spans="8:8">
      <c r="H406131" s="12"/>
    </row>
    <row r="406132" spans="8:8">
      <c r="H406132" s="12"/>
    </row>
    <row r="406133" spans="8:8">
      <c r="H406133" s="12"/>
    </row>
    <row r="406134" spans="8:8">
      <c r="H406134" s="12"/>
    </row>
    <row r="406135" spans="8:8">
      <c r="H406135" s="12"/>
    </row>
    <row r="406136" spans="8:8">
      <c r="H406136" s="12"/>
    </row>
    <row r="406137" spans="8:8">
      <c r="H406137" s="12"/>
    </row>
    <row r="406138" spans="8:8">
      <c r="H406138" s="12"/>
    </row>
    <row r="406139" spans="8:8">
      <c r="H406139" s="12"/>
    </row>
    <row r="406140" spans="8:8">
      <c r="H406140" s="12"/>
    </row>
    <row r="406141" spans="8:8">
      <c r="H406141" s="12"/>
    </row>
    <row r="406142" spans="8:8">
      <c r="H406142" s="12"/>
    </row>
    <row r="406143" spans="8:8">
      <c r="H406143" s="12"/>
    </row>
    <row r="406144" spans="8:8">
      <c r="H406144" s="12"/>
    </row>
    <row r="406145" spans="8:8">
      <c r="H406145" s="12"/>
    </row>
    <row r="406146" spans="8:8">
      <c r="H406146" s="12"/>
    </row>
    <row r="406147" spans="8:8">
      <c r="H406147" s="12"/>
    </row>
    <row r="406148" spans="8:8">
      <c r="H406148" s="12"/>
    </row>
    <row r="406149" spans="8:8">
      <c r="H406149" s="12"/>
    </row>
    <row r="406150" spans="8:8">
      <c r="H406150" s="12"/>
    </row>
    <row r="406151" spans="8:8">
      <c r="H406151" s="12"/>
    </row>
    <row r="406152" spans="8:8">
      <c r="H406152" s="12"/>
    </row>
    <row r="406153" spans="8:8">
      <c r="H406153" s="12"/>
    </row>
    <row r="406154" spans="8:8">
      <c r="H406154" s="12"/>
    </row>
    <row r="406155" spans="8:8">
      <c r="H406155" s="12"/>
    </row>
    <row r="406156" spans="8:8">
      <c r="H406156" s="12"/>
    </row>
    <row r="406157" spans="8:8">
      <c r="H406157" s="12"/>
    </row>
    <row r="406158" spans="8:8">
      <c r="H406158" s="12"/>
    </row>
    <row r="406159" spans="8:8">
      <c r="H406159" s="12"/>
    </row>
    <row r="406160" spans="8:8">
      <c r="H406160" s="12"/>
    </row>
    <row r="406161" spans="8:8">
      <c r="H406161" s="12"/>
    </row>
    <row r="406162" spans="8:8">
      <c r="H406162" s="12"/>
    </row>
    <row r="406163" spans="8:8">
      <c r="H406163" s="12"/>
    </row>
    <row r="406164" spans="8:8">
      <c r="H406164" s="12"/>
    </row>
    <row r="406165" spans="8:8">
      <c r="H406165" s="12"/>
    </row>
    <row r="406166" spans="8:8">
      <c r="H406166" s="12"/>
    </row>
    <row r="406167" spans="8:8">
      <c r="H406167" s="12"/>
    </row>
    <row r="406168" spans="8:8">
      <c r="H406168" s="12"/>
    </row>
    <row r="406169" spans="8:8">
      <c r="H406169" s="12"/>
    </row>
    <row r="406170" spans="8:8">
      <c r="H406170" s="12"/>
    </row>
    <row r="406171" spans="8:8">
      <c r="H406171" s="12"/>
    </row>
    <row r="406172" spans="8:8">
      <c r="H406172" s="12"/>
    </row>
    <row r="406173" spans="8:8">
      <c r="H406173" s="12"/>
    </row>
    <row r="406174" spans="8:8">
      <c r="H406174" s="12"/>
    </row>
    <row r="406175" spans="8:8">
      <c r="H406175" s="12"/>
    </row>
    <row r="406176" spans="8:8">
      <c r="H406176" s="12"/>
    </row>
    <row r="406177" spans="8:8">
      <c r="H406177" s="12"/>
    </row>
    <row r="406178" spans="8:8">
      <c r="H406178" s="12"/>
    </row>
    <row r="406179" spans="8:8">
      <c r="H406179" s="12"/>
    </row>
    <row r="406180" spans="8:8">
      <c r="H406180" s="12"/>
    </row>
    <row r="406181" spans="8:8">
      <c r="H406181" s="12"/>
    </row>
    <row r="406182" spans="8:8">
      <c r="H406182" s="12"/>
    </row>
    <row r="406183" spans="8:8">
      <c r="H406183" s="12"/>
    </row>
    <row r="406184" spans="8:8">
      <c r="H406184" s="12"/>
    </row>
    <row r="406185" spans="8:8">
      <c r="H406185" s="12"/>
    </row>
    <row r="406186" spans="8:8">
      <c r="H406186" s="12"/>
    </row>
    <row r="406187" spans="8:8">
      <c r="H406187" s="12"/>
    </row>
    <row r="406188" spans="8:8">
      <c r="H406188" s="12"/>
    </row>
    <row r="406189" spans="8:8">
      <c r="H406189" s="12"/>
    </row>
    <row r="406190" spans="8:8">
      <c r="H406190" s="12"/>
    </row>
    <row r="406191" spans="8:8">
      <c r="H406191" s="12"/>
    </row>
    <row r="406192" spans="8:8">
      <c r="H406192" s="12"/>
    </row>
    <row r="406193" spans="8:8">
      <c r="H406193" s="12"/>
    </row>
    <row r="406194" spans="8:8">
      <c r="H406194" s="12"/>
    </row>
    <row r="406195" spans="8:8">
      <c r="H406195" s="12"/>
    </row>
    <row r="406196" spans="8:8">
      <c r="H406196" s="12"/>
    </row>
    <row r="406197" spans="8:8">
      <c r="H406197" s="12"/>
    </row>
    <row r="406198" spans="8:8">
      <c r="H406198" s="12"/>
    </row>
    <row r="406199" spans="8:8">
      <c r="H406199" s="12"/>
    </row>
    <row r="406200" spans="8:8">
      <c r="H406200" s="12"/>
    </row>
    <row r="406201" spans="8:8">
      <c r="H406201" s="12"/>
    </row>
    <row r="406202" spans="8:8">
      <c r="H406202" s="12"/>
    </row>
    <row r="406203" spans="8:8">
      <c r="H406203" s="12"/>
    </row>
    <row r="406204" spans="8:8">
      <c r="H406204" s="12"/>
    </row>
    <row r="406205" spans="8:8">
      <c r="H406205" s="12"/>
    </row>
    <row r="406206" spans="8:8">
      <c r="H406206" s="12"/>
    </row>
    <row r="406207" spans="8:8">
      <c r="H406207" s="12"/>
    </row>
    <row r="406208" spans="8:8">
      <c r="H406208" s="12"/>
    </row>
    <row r="406209" spans="8:8">
      <c r="H406209" s="12"/>
    </row>
    <row r="406210" spans="8:8">
      <c r="H406210" s="12"/>
    </row>
    <row r="406211" spans="8:8">
      <c r="H406211" s="12"/>
    </row>
    <row r="406212" spans="8:8">
      <c r="H406212" s="12"/>
    </row>
    <row r="406213" spans="8:8">
      <c r="H406213" s="12"/>
    </row>
    <row r="406214" spans="8:8">
      <c r="H406214" s="12"/>
    </row>
    <row r="406215" spans="8:8">
      <c r="H406215" s="12"/>
    </row>
    <row r="406216" spans="8:8">
      <c r="H406216" s="12"/>
    </row>
    <row r="406217" spans="8:8">
      <c r="H406217" s="12"/>
    </row>
    <row r="406218" spans="8:8">
      <c r="H406218" s="12"/>
    </row>
    <row r="406219" spans="8:8">
      <c r="H406219" s="12"/>
    </row>
    <row r="406220" spans="8:8">
      <c r="H406220" s="12"/>
    </row>
    <row r="406221" spans="8:8">
      <c r="H406221" s="12"/>
    </row>
    <row r="406222" spans="8:8">
      <c r="H406222" s="12"/>
    </row>
    <row r="406223" spans="8:8">
      <c r="H406223" s="12"/>
    </row>
    <row r="406224" spans="8:8">
      <c r="H406224" s="12"/>
    </row>
    <row r="406225" spans="8:8">
      <c r="H406225" s="12"/>
    </row>
    <row r="406226" spans="8:8">
      <c r="H406226" s="12"/>
    </row>
    <row r="406227" spans="8:8">
      <c r="H406227" s="12"/>
    </row>
    <row r="406228" spans="8:8">
      <c r="H406228" s="12"/>
    </row>
    <row r="406229" spans="8:8">
      <c r="H406229" s="12"/>
    </row>
    <row r="406230" spans="8:8">
      <c r="H406230" s="12"/>
    </row>
    <row r="406231" spans="8:8">
      <c r="H406231" s="12"/>
    </row>
    <row r="406232" spans="8:8">
      <c r="H406232" s="12"/>
    </row>
    <row r="406233" spans="8:8">
      <c r="H406233" s="12"/>
    </row>
    <row r="406234" spans="8:8">
      <c r="H406234" s="12"/>
    </row>
    <row r="406235" spans="8:8">
      <c r="H406235" s="12"/>
    </row>
    <row r="406236" spans="8:8">
      <c r="H406236" s="12"/>
    </row>
    <row r="406237" spans="8:8">
      <c r="H406237" s="12"/>
    </row>
    <row r="406238" spans="8:8">
      <c r="H406238" s="12"/>
    </row>
    <row r="406239" spans="8:8">
      <c r="H406239" s="12"/>
    </row>
    <row r="406240" spans="8:8">
      <c r="H406240" s="12"/>
    </row>
    <row r="406241" spans="8:8">
      <c r="H406241" s="12"/>
    </row>
    <row r="406242" spans="8:8">
      <c r="H406242" s="12"/>
    </row>
    <row r="406243" spans="8:8">
      <c r="H406243" s="12"/>
    </row>
    <row r="406244" spans="8:8">
      <c r="H406244" s="12"/>
    </row>
    <row r="406245" spans="8:8">
      <c r="H406245" s="12"/>
    </row>
    <row r="406246" spans="8:8">
      <c r="H406246" s="12"/>
    </row>
    <row r="406247" spans="8:8">
      <c r="H406247" s="12"/>
    </row>
    <row r="406248" spans="8:8">
      <c r="H406248" s="12"/>
    </row>
    <row r="406249" spans="8:8">
      <c r="H406249" s="12"/>
    </row>
    <row r="406250" spans="8:8">
      <c r="H406250" s="12"/>
    </row>
    <row r="406251" spans="8:8">
      <c r="H406251" s="12"/>
    </row>
    <row r="406252" spans="8:8">
      <c r="H406252" s="12"/>
    </row>
    <row r="406253" spans="8:8">
      <c r="H406253" s="12"/>
    </row>
    <row r="406254" spans="8:8">
      <c r="H406254" s="12"/>
    </row>
    <row r="406255" spans="8:8">
      <c r="H406255" s="12"/>
    </row>
    <row r="406256" spans="8:8">
      <c r="H406256" s="12"/>
    </row>
    <row r="406257" spans="8:8">
      <c r="H406257" s="12"/>
    </row>
    <row r="406258" spans="8:8">
      <c r="H406258" s="12"/>
    </row>
    <row r="406259" spans="8:8">
      <c r="H406259" s="12"/>
    </row>
    <row r="406260" spans="8:8">
      <c r="H406260" s="12"/>
    </row>
    <row r="406261" spans="8:8">
      <c r="H406261" s="12"/>
    </row>
    <row r="406262" spans="8:8">
      <c r="H406262" s="12"/>
    </row>
    <row r="406263" spans="8:8">
      <c r="H406263" s="12"/>
    </row>
    <row r="406264" spans="8:8">
      <c r="H406264" s="12"/>
    </row>
    <row r="406265" spans="8:8">
      <c r="H406265" s="12"/>
    </row>
    <row r="406266" spans="8:8">
      <c r="H406266" s="12"/>
    </row>
    <row r="406267" spans="8:8">
      <c r="H406267" s="12"/>
    </row>
    <row r="406268" spans="8:8">
      <c r="H406268" s="12"/>
    </row>
    <row r="406269" spans="8:8">
      <c r="H406269" s="12"/>
    </row>
    <row r="406270" spans="8:8">
      <c r="H406270" s="12"/>
    </row>
    <row r="406271" spans="8:8">
      <c r="H406271" s="12"/>
    </row>
    <row r="406272" spans="8:8">
      <c r="H406272" s="12"/>
    </row>
    <row r="406273" spans="8:8">
      <c r="H406273" s="12"/>
    </row>
    <row r="406274" spans="8:8">
      <c r="H406274" s="12"/>
    </row>
    <row r="406275" spans="8:8">
      <c r="H406275" s="12"/>
    </row>
    <row r="406276" spans="8:8">
      <c r="H406276" s="12"/>
    </row>
    <row r="406277" spans="8:8">
      <c r="H406277" s="12"/>
    </row>
    <row r="406278" spans="8:8">
      <c r="H406278" s="12"/>
    </row>
    <row r="406279" spans="8:8">
      <c r="H406279" s="12"/>
    </row>
    <row r="406280" spans="8:8">
      <c r="H406280" s="12"/>
    </row>
    <row r="406281" spans="8:8">
      <c r="H406281" s="12"/>
    </row>
    <row r="406282" spans="8:8">
      <c r="H406282" s="12"/>
    </row>
    <row r="406283" spans="8:8">
      <c r="H406283" s="12"/>
    </row>
    <row r="406284" spans="8:8">
      <c r="H406284" s="12"/>
    </row>
    <row r="406285" spans="8:8">
      <c r="H406285" s="12"/>
    </row>
    <row r="406286" spans="8:8">
      <c r="H406286" s="12"/>
    </row>
    <row r="406287" spans="8:8">
      <c r="H406287" s="12"/>
    </row>
    <row r="406288" spans="8:8">
      <c r="H406288" s="12"/>
    </row>
    <row r="406289" spans="8:8">
      <c r="H406289" s="12"/>
    </row>
    <row r="406290" spans="8:8">
      <c r="H406290" s="12"/>
    </row>
    <row r="406291" spans="8:8">
      <c r="H406291" s="12"/>
    </row>
    <row r="406292" spans="8:8">
      <c r="H406292" s="12"/>
    </row>
    <row r="406293" spans="8:8">
      <c r="H406293" s="12"/>
    </row>
    <row r="406294" spans="8:8">
      <c r="H406294" s="12"/>
    </row>
    <row r="406295" spans="8:8">
      <c r="H406295" s="12"/>
    </row>
    <row r="406296" spans="8:8">
      <c r="H406296" s="12"/>
    </row>
    <row r="406297" spans="8:8">
      <c r="H406297" s="12"/>
    </row>
    <row r="406298" spans="8:8">
      <c r="H406298" s="12"/>
    </row>
    <row r="406299" spans="8:8">
      <c r="H406299" s="12"/>
    </row>
    <row r="406300" spans="8:8">
      <c r="H406300" s="12"/>
    </row>
    <row r="406301" spans="8:8">
      <c r="H406301" s="12"/>
    </row>
    <row r="406302" spans="8:8">
      <c r="H406302" s="12"/>
    </row>
    <row r="406303" spans="8:8">
      <c r="H406303" s="12"/>
    </row>
    <row r="406304" spans="8:8">
      <c r="H406304" s="12"/>
    </row>
    <row r="406305" spans="8:8">
      <c r="H406305" s="12"/>
    </row>
    <row r="406306" spans="8:8">
      <c r="H406306" s="12"/>
    </row>
    <row r="406307" spans="8:8">
      <c r="H406307" s="12"/>
    </row>
    <row r="406308" spans="8:8">
      <c r="H406308" s="12"/>
    </row>
    <row r="406309" spans="8:8">
      <c r="H406309" s="12"/>
    </row>
    <row r="406310" spans="8:8">
      <c r="H406310" s="12"/>
    </row>
    <row r="406311" spans="8:8">
      <c r="H406311" s="12"/>
    </row>
    <row r="406312" spans="8:8">
      <c r="H406312" s="12"/>
    </row>
    <row r="406313" spans="8:8">
      <c r="H406313" s="12"/>
    </row>
    <row r="406314" spans="8:8">
      <c r="H406314" s="12"/>
    </row>
    <row r="406315" spans="8:8">
      <c r="H406315" s="12"/>
    </row>
    <row r="406316" spans="8:8">
      <c r="H406316" s="12"/>
    </row>
    <row r="406317" spans="8:8">
      <c r="H406317" s="12"/>
    </row>
    <row r="406318" spans="8:8">
      <c r="H406318" s="12"/>
    </row>
    <row r="406319" spans="8:8">
      <c r="H406319" s="12"/>
    </row>
    <row r="406320" spans="8:8">
      <c r="H406320" s="12"/>
    </row>
    <row r="406321" spans="8:8">
      <c r="H406321" s="12"/>
    </row>
    <row r="406322" spans="8:8">
      <c r="H406322" s="12"/>
    </row>
    <row r="406323" spans="8:8">
      <c r="H406323" s="12"/>
    </row>
    <row r="406324" spans="8:8">
      <c r="H406324" s="12"/>
    </row>
    <row r="406325" spans="8:8">
      <c r="H406325" s="12"/>
    </row>
    <row r="406326" spans="8:8">
      <c r="H406326" s="12"/>
    </row>
    <row r="406327" spans="8:8">
      <c r="H406327" s="12"/>
    </row>
    <row r="406328" spans="8:8">
      <c r="H406328" s="12"/>
    </row>
    <row r="406329" spans="8:8">
      <c r="H406329" s="12"/>
    </row>
    <row r="406330" spans="8:8">
      <c r="H406330" s="12"/>
    </row>
    <row r="406331" spans="8:8">
      <c r="H406331" s="12"/>
    </row>
    <row r="406332" spans="8:8">
      <c r="H406332" s="12"/>
    </row>
    <row r="406333" spans="8:8">
      <c r="H406333" s="12"/>
    </row>
    <row r="406334" spans="8:8">
      <c r="H406334" s="12"/>
    </row>
    <row r="406335" spans="8:8">
      <c r="H406335" s="12"/>
    </row>
    <row r="406336" spans="8:8">
      <c r="H406336" s="12"/>
    </row>
    <row r="406337" spans="8:8">
      <c r="H406337" s="12"/>
    </row>
    <row r="406338" spans="8:8">
      <c r="H406338" s="12"/>
    </row>
    <row r="406339" spans="8:8">
      <c r="H406339" s="12"/>
    </row>
    <row r="406340" spans="8:8">
      <c r="H406340" s="12"/>
    </row>
    <row r="406341" spans="8:8">
      <c r="H406341" s="12"/>
    </row>
    <row r="406342" spans="8:8">
      <c r="H406342" s="12"/>
    </row>
    <row r="406343" spans="8:8">
      <c r="H406343" s="12"/>
    </row>
    <row r="406344" spans="8:8">
      <c r="H406344" s="12"/>
    </row>
    <row r="406345" spans="8:8">
      <c r="H406345" s="12"/>
    </row>
    <row r="406346" spans="8:8">
      <c r="H406346" s="12"/>
    </row>
    <row r="406347" spans="8:8">
      <c r="H406347" s="12"/>
    </row>
    <row r="406348" spans="8:8">
      <c r="H406348" s="12"/>
    </row>
    <row r="406349" spans="8:8">
      <c r="H406349" s="12"/>
    </row>
    <row r="406350" spans="8:8">
      <c r="H406350" s="12"/>
    </row>
    <row r="406351" spans="8:8">
      <c r="H406351" s="12"/>
    </row>
    <row r="406352" spans="8:8">
      <c r="H406352" s="12"/>
    </row>
    <row r="406353" spans="8:8">
      <c r="H406353" s="12"/>
    </row>
    <row r="406354" spans="8:8">
      <c r="H406354" s="12"/>
    </row>
    <row r="406355" spans="8:8">
      <c r="H406355" s="12"/>
    </row>
    <row r="406356" spans="8:8">
      <c r="H406356" s="12"/>
    </row>
    <row r="406357" spans="8:8">
      <c r="H406357" s="12"/>
    </row>
    <row r="406358" spans="8:8">
      <c r="H406358" s="12"/>
    </row>
    <row r="406359" spans="8:8">
      <c r="H406359" s="12"/>
    </row>
    <row r="406360" spans="8:8">
      <c r="H406360" s="12"/>
    </row>
    <row r="406361" spans="8:8">
      <c r="H406361" s="12"/>
    </row>
    <row r="406362" spans="8:8">
      <c r="H406362" s="12"/>
    </row>
    <row r="406363" spans="8:8">
      <c r="H406363" s="12"/>
    </row>
    <row r="406364" spans="8:8">
      <c r="H406364" s="12"/>
    </row>
    <row r="406365" spans="8:8">
      <c r="H406365" s="12"/>
    </row>
    <row r="406366" spans="8:8">
      <c r="H406366" s="12"/>
    </row>
    <row r="406367" spans="8:8">
      <c r="H406367" s="12"/>
    </row>
    <row r="406368" spans="8:8">
      <c r="H406368" s="12"/>
    </row>
    <row r="406369" spans="8:8">
      <c r="H406369" s="12"/>
    </row>
    <row r="406370" spans="8:8">
      <c r="H406370" s="12"/>
    </row>
    <row r="406371" spans="8:8">
      <c r="H406371" s="12"/>
    </row>
    <row r="406372" spans="8:8">
      <c r="H406372" s="12"/>
    </row>
    <row r="406373" spans="8:8">
      <c r="H406373" s="12"/>
    </row>
    <row r="406374" spans="8:8">
      <c r="H406374" s="12"/>
    </row>
    <row r="406375" spans="8:8">
      <c r="H406375" s="12"/>
    </row>
    <row r="406376" spans="8:8">
      <c r="H406376" s="12"/>
    </row>
    <row r="406377" spans="8:8">
      <c r="H406377" s="12"/>
    </row>
    <row r="406378" spans="8:8">
      <c r="H406378" s="12"/>
    </row>
    <row r="406379" spans="8:8">
      <c r="H406379" s="12"/>
    </row>
    <row r="406380" spans="8:8">
      <c r="H406380" s="12"/>
    </row>
    <row r="406381" spans="8:8">
      <c r="H406381" s="12"/>
    </row>
    <row r="406382" spans="8:8">
      <c r="H406382" s="12"/>
    </row>
    <row r="406383" spans="8:8">
      <c r="H406383" s="12"/>
    </row>
    <row r="406384" spans="8:8">
      <c r="H406384" s="12"/>
    </row>
    <row r="406385" spans="8:8">
      <c r="H406385" s="12"/>
    </row>
    <row r="406386" spans="8:8">
      <c r="H406386" s="12"/>
    </row>
    <row r="406387" spans="8:8">
      <c r="H406387" s="12"/>
    </row>
    <row r="406388" spans="8:8">
      <c r="H406388" s="12"/>
    </row>
    <row r="406389" spans="8:8">
      <c r="H406389" s="12"/>
    </row>
    <row r="406390" spans="8:8">
      <c r="H406390" s="12"/>
    </row>
    <row r="406391" spans="8:8">
      <c r="H406391" s="12"/>
    </row>
    <row r="406392" spans="8:8">
      <c r="H406392" s="12"/>
    </row>
    <row r="406393" spans="8:8">
      <c r="H406393" s="12"/>
    </row>
    <row r="406394" spans="8:8">
      <c r="H406394" s="12"/>
    </row>
    <row r="406395" spans="8:8">
      <c r="H406395" s="12"/>
    </row>
    <row r="406396" spans="8:8">
      <c r="H406396" s="12"/>
    </row>
    <row r="406397" spans="8:8">
      <c r="H406397" s="12"/>
    </row>
    <row r="406398" spans="8:8">
      <c r="H406398" s="12"/>
    </row>
    <row r="406399" spans="8:8">
      <c r="H406399" s="12"/>
    </row>
    <row r="406400" spans="8:8">
      <c r="H406400" s="12"/>
    </row>
    <row r="406401" spans="8:8">
      <c r="H406401" s="12"/>
    </row>
    <row r="406402" spans="8:8">
      <c r="H406402" s="12"/>
    </row>
    <row r="406403" spans="8:8">
      <c r="H406403" s="12"/>
    </row>
    <row r="406404" spans="8:8">
      <c r="H406404" s="12"/>
    </row>
    <row r="406405" spans="8:8">
      <c r="H406405" s="12"/>
    </row>
    <row r="406406" spans="8:8">
      <c r="H406406" s="12"/>
    </row>
    <row r="406407" spans="8:8">
      <c r="H406407" s="12"/>
    </row>
    <row r="406408" spans="8:8">
      <c r="H406408" s="12"/>
    </row>
    <row r="406409" spans="8:8">
      <c r="H406409" s="12"/>
    </row>
    <row r="406410" spans="8:8">
      <c r="H406410" s="12"/>
    </row>
    <row r="406411" spans="8:8">
      <c r="H406411" s="12"/>
    </row>
    <row r="406412" spans="8:8">
      <c r="H406412" s="12"/>
    </row>
    <row r="406413" spans="8:8">
      <c r="H406413" s="12"/>
    </row>
    <row r="406414" spans="8:8">
      <c r="H406414" s="12"/>
    </row>
    <row r="406415" spans="8:8">
      <c r="H406415" s="12"/>
    </row>
    <row r="406416" spans="8:8">
      <c r="H406416" s="12"/>
    </row>
    <row r="406417" spans="8:8">
      <c r="H406417" s="12"/>
    </row>
    <row r="406418" spans="8:8">
      <c r="H406418" s="12"/>
    </row>
    <row r="406419" spans="8:8">
      <c r="H406419" s="12"/>
    </row>
    <row r="406420" spans="8:8">
      <c r="H406420" s="12"/>
    </row>
    <row r="406421" spans="8:8">
      <c r="H406421" s="12"/>
    </row>
    <row r="406422" spans="8:8">
      <c r="H406422" s="12"/>
    </row>
    <row r="406423" spans="8:8">
      <c r="H406423" s="12"/>
    </row>
    <row r="406424" spans="8:8">
      <c r="H406424" s="12"/>
    </row>
    <row r="406425" spans="8:8">
      <c r="H406425" s="12"/>
    </row>
    <row r="406426" spans="8:8">
      <c r="H406426" s="12"/>
    </row>
    <row r="406427" spans="8:8">
      <c r="H406427" s="12"/>
    </row>
    <row r="406428" spans="8:8">
      <c r="H406428" s="12"/>
    </row>
    <row r="406429" spans="8:8">
      <c r="H406429" s="12"/>
    </row>
    <row r="406430" spans="8:8">
      <c r="H406430" s="12"/>
    </row>
    <row r="406431" spans="8:8">
      <c r="H406431" s="12"/>
    </row>
    <row r="406432" spans="8:8">
      <c r="H406432" s="12"/>
    </row>
    <row r="406433" spans="8:8">
      <c r="H406433" s="12"/>
    </row>
    <row r="406434" spans="8:8">
      <c r="H406434" s="12"/>
    </row>
    <row r="406435" spans="8:8">
      <c r="H406435" s="12"/>
    </row>
    <row r="406436" spans="8:8">
      <c r="H406436" s="12"/>
    </row>
    <row r="406437" spans="8:8">
      <c r="H406437" s="12"/>
    </row>
    <row r="406438" spans="8:8">
      <c r="H406438" s="12"/>
    </row>
    <row r="406439" spans="8:8">
      <c r="H406439" s="12"/>
    </row>
    <row r="406440" spans="8:8">
      <c r="H406440" s="12"/>
    </row>
    <row r="406441" spans="8:8">
      <c r="H406441" s="12"/>
    </row>
    <row r="406442" spans="8:8">
      <c r="H406442" s="12"/>
    </row>
    <row r="406443" spans="8:8">
      <c r="H406443" s="12"/>
    </row>
    <row r="406444" spans="8:8">
      <c r="H406444" s="12"/>
    </row>
    <row r="406445" spans="8:8">
      <c r="H406445" s="12"/>
    </row>
    <row r="406446" spans="8:8">
      <c r="H406446" s="12"/>
    </row>
    <row r="406447" spans="8:8">
      <c r="H406447" s="12"/>
    </row>
    <row r="406448" spans="8:8">
      <c r="H406448" s="12"/>
    </row>
    <row r="406449" spans="8:8">
      <c r="H406449" s="12"/>
    </row>
    <row r="406450" spans="8:8">
      <c r="H406450" s="12"/>
    </row>
    <row r="406451" spans="8:8">
      <c r="H406451" s="12"/>
    </row>
    <row r="406452" spans="8:8">
      <c r="H406452" s="12"/>
    </row>
    <row r="406453" spans="8:8">
      <c r="H406453" s="12"/>
    </row>
    <row r="406454" spans="8:8">
      <c r="H406454" s="12"/>
    </row>
    <row r="406455" spans="8:8">
      <c r="H406455" s="12"/>
    </row>
    <row r="406456" spans="8:8">
      <c r="H406456" s="12"/>
    </row>
    <row r="406457" spans="8:8">
      <c r="H406457" s="12"/>
    </row>
    <row r="406458" spans="8:8">
      <c r="H406458" s="12"/>
    </row>
    <row r="406459" spans="8:8">
      <c r="H406459" s="12"/>
    </row>
    <row r="406460" spans="8:8">
      <c r="H406460" s="12"/>
    </row>
    <row r="406461" spans="8:8">
      <c r="H406461" s="12"/>
    </row>
    <row r="406462" spans="8:8">
      <c r="H406462" s="12"/>
    </row>
    <row r="406463" spans="8:8">
      <c r="H406463" s="12"/>
    </row>
    <row r="406464" spans="8:8">
      <c r="H406464" s="12"/>
    </row>
    <row r="406465" spans="8:8">
      <c r="H406465" s="12"/>
    </row>
    <row r="406466" spans="8:8">
      <c r="H406466" s="12"/>
    </row>
    <row r="406467" spans="8:8">
      <c r="H406467" s="12"/>
    </row>
    <row r="406468" spans="8:8">
      <c r="H406468" s="12"/>
    </row>
    <row r="406469" spans="8:8">
      <c r="H406469" s="12"/>
    </row>
    <row r="406470" spans="8:8">
      <c r="H406470" s="12"/>
    </row>
    <row r="406471" spans="8:8">
      <c r="H406471" s="12"/>
    </row>
    <row r="406472" spans="8:8">
      <c r="H406472" s="12"/>
    </row>
    <row r="406473" spans="8:8">
      <c r="H406473" s="12"/>
    </row>
    <row r="406474" spans="8:8">
      <c r="H406474" s="12"/>
    </row>
    <row r="406475" spans="8:8">
      <c r="H406475" s="12"/>
    </row>
    <row r="406476" spans="8:8">
      <c r="H406476" s="12"/>
    </row>
    <row r="406477" spans="8:8">
      <c r="H406477" s="12"/>
    </row>
    <row r="406478" spans="8:8">
      <c r="H406478" s="12"/>
    </row>
    <row r="406479" spans="8:8">
      <c r="H406479" s="12"/>
    </row>
    <row r="406480" spans="8:8">
      <c r="H406480" s="12"/>
    </row>
    <row r="406481" spans="8:8">
      <c r="H406481" s="12"/>
    </row>
    <row r="406482" spans="8:8">
      <c r="H406482" s="12"/>
    </row>
    <row r="406483" spans="8:8">
      <c r="H406483" s="12"/>
    </row>
    <row r="406484" spans="8:8">
      <c r="H406484" s="12"/>
    </row>
    <row r="406485" spans="8:8">
      <c r="H406485" s="12"/>
    </row>
    <row r="406486" spans="8:8">
      <c r="H406486" s="12"/>
    </row>
    <row r="406487" spans="8:8">
      <c r="H406487" s="12"/>
    </row>
    <row r="406488" spans="8:8">
      <c r="H406488" s="12"/>
    </row>
    <row r="406489" spans="8:8">
      <c r="H406489" s="12"/>
    </row>
    <row r="406490" spans="8:8">
      <c r="H406490" s="12"/>
    </row>
    <row r="406491" spans="8:8">
      <c r="H406491" s="12"/>
    </row>
    <row r="406492" spans="8:8">
      <c r="H406492" s="12"/>
    </row>
    <row r="406493" spans="8:8">
      <c r="H406493" s="12"/>
    </row>
    <row r="406494" spans="8:8">
      <c r="H406494" s="12"/>
    </row>
    <row r="406495" spans="8:8">
      <c r="H406495" s="12"/>
    </row>
    <row r="406496" spans="8:8">
      <c r="H406496" s="12"/>
    </row>
    <row r="406497" spans="8:8">
      <c r="H406497" s="12"/>
    </row>
    <row r="406498" spans="8:8">
      <c r="H406498" s="12"/>
    </row>
    <row r="406499" spans="8:8">
      <c r="H406499" s="12"/>
    </row>
    <row r="406500" spans="8:8">
      <c r="H406500" s="12"/>
    </row>
    <row r="406501" spans="8:8">
      <c r="H406501" s="12"/>
    </row>
    <row r="406502" spans="8:8">
      <c r="H406502" s="12"/>
    </row>
    <row r="406503" spans="8:8">
      <c r="H406503" s="12"/>
    </row>
    <row r="406504" spans="8:8">
      <c r="H406504" s="12"/>
    </row>
    <row r="406505" spans="8:8">
      <c r="H406505" s="12"/>
    </row>
    <row r="406506" spans="8:8">
      <c r="H406506" s="12"/>
    </row>
    <row r="406507" spans="8:8">
      <c r="H406507" s="12"/>
    </row>
    <row r="406508" spans="8:8">
      <c r="H406508" s="12"/>
    </row>
    <row r="406509" spans="8:8">
      <c r="H406509" s="12"/>
    </row>
    <row r="406510" spans="8:8">
      <c r="H406510" s="12"/>
    </row>
    <row r="406511" spans="8:8">
      <c r="H406511" s="12"/>
    </row>
    <row r="406512" spans="8:8">
      <c r="H406512" s="12"/>
    </row>
    <row r="406513" spans="8:8">
      <c r="H406513" s="12"/>
    </row>
    <row r="406514" spans="8:8">
      <c r="H406514" s="12"/>
    </row>
    <row r="406515" spans="8:8">
      <c r="H406515" s="12"/>
    </row>
    <row r="406516" spans="8:8">
      <c r="H406516" s="12"/>
    </row>
    <row r="406517" spans="8:8">
      <c r="H406517" s="12"/>
    </row>
    <row r="406518" spans="8:8">
      <c r="H406518" s="12"/>
    </row>
    <row r="406519" spans="8:8">
      <c r="H406519" s="12"/>
    </row>
    <row r="406520" spans="8:8">
      <c r="H406520" s="12"/>
    </row>
    <row r="406521" spans="8:8">
      <c r="H406521" s="12"/>
    </row>
    <row r="406522" spans="8:8">
      <c r="H406522" s="12"/>
    </row>
    <row r="406523" spans="8:8">
      <c r="H406523" s="12"/>
    </row>
    <row r="406524" spans="8:8">
      <c r="H406524" s="12"/>
    </row>
    <row r="406525" spans="8:8">
      <c r="H406525" s="12"/>
    </row>
    <row r="406526" spans="8:8">
      <c r="H406526" s="12"/>
    </row>
    <row r="406527" spans="8:8">
      <c r="H406527" s="12"/>
    </row>
    <row r="406528" spans="8:8">
      <c r="H406528" s="12"/>
    </row>
    <row r="406529" spans="8:8">
      <c r="H406529" s="12"/>
    </row>
    <row r="406530" spans="8:8">
      <c r="H406530" s="12"/>
    </row>
    <row r="406531" spans="8:8">
      <c r="H406531" s="12"/>
    </row>
    <row r="406532" spans="8:8">
      <c r="H406532" s="12"/>
    </row>
    <row r="406533" spans="8:8">
      <c r="H406533" s="12"/>
    </row>
    <row r="406534" spans="8:8">
      <c r="H406534" s="12"/>
    </row>
    <row r="406535" spans="8:8">
      <c r="H406535" s="12"/>
    </row>
    <row r="406536" spans="8:8">
      <c r="H406536" s="12"/>
    </row>
    <row r="406537" spans="8:8">
      <c r="H406537" s="12"/>
    </row>
    <row r="406538" spans="8:8">
      <c r="H406538" s="12"/>
    </row>
    <row r="406539" spans="8:8">
      <c r="H406539" s="12"/>
    </row>
    <row r="406540" spans="8:8">
      <c r="H406540" s="12"/>
    </row>
    <row r="406541" spans="8:8">
      <c r="H406541" s="12"/>
    </row>
    <row r="406542" spans="8:8">
      <c r="H406542" s="12"/>
    </row>
    <row r="406543" spans="8:8">
      <c r="H406543" s="12"/>
    </row>
    <row r="406544" spans="8:8">
      <c r="H406544" s="12"/>
    </row>
    <row r="406545" spans="8:8">
      <c r="H406545" s="12"/>
    </row>
    <row r="406546" spans="8:8">
      <c r="H406546" s="12"/>
    </row>
    <row r="406547" spans="8:8">
      <c r="H406547" s="12"/>
    </row>
    <row r="406548" spans="8:8">
      <c r="H406548" s="12"/>
    </row>
    <row r="406549" spans="8:8">
      <c r="H406549" s="12"/>
    </row>
    <row r="406550" spans="8:8">
      <c r="H406550" s="12"/>
    </row>
    <row r="406551" spans="8:8">
      <c r="H406551" s="12"/>
    </row>
    <row r="406552" spans="8:8">
      <c r="H406552" s="12"/>
    </row>
    <row r="406553" spans="8:8">
      <c r="H406553" s="12"/>
    </row>
    <row r="406554" spans="8:8">
      <c r="H406554" s="12"/>
    </row>
    <row r="406555" spans="8:8">
      <c r="H406555" s="12"/>
    </row>
    <row r="406556" spans="8:8">
      <c r="H406556" s="12"/>
    </row>
    <row r="406557" spans="8:8">
      <c r="H406557" s="12"/>
    </row>
    <row r="406558" spans="8:8">
      <c r="H406558" s="12"/>
    </row>
    <row r="406559" spans="8:8">
      <c r="H406559" s="12"/>
    </row>
    <row r="406560" spans="8:8">
      <c r="H406560" s="12"/>
    </row>
    <row r="406561" spans="8:8">
      <c r="H406561" s="12"/>
    </row>
    <row r="406562" spans="8:8">
      <c r="H406562" s="12"/>
    </row>
    <row r="406563" spans="8:8">
      <c r="H406563" s="12"/>
    </row>
    <row r="406564" spans="8:8">
      <c r="H406564" s="12"/>
    </row>
    <row r="406565" spans="8:8">
      <c r="H406565" s="12"/>
    </row>
    <row r="406566" spans="8:8">
      <c r="H406566" s="12"/>
    </row>
    <row r="406567" spans="8:8">
      <c r="H406567" s="12"/>
    </row>
    <row r="406568" spans="8:8">
      <c r="H406568" s="12"/>
    </row>
    <row r="406569" spans="8:8">
      <c r="H406569" s="12"/>
    </row>
    <row r="406570" spans="8:8">
      <c r="H406570" s="12"/>
    </row>
    <row r="406571" spans="8:8">
      <c r="H406571" s="12"/>
    </row>
    <row r="406572" spans="8:8">
      <c r="H406572" s="12"/>
    </row>
    <row r="406573" spans="8:8">
      <c r="H406573" s="12"/>
    </row>
    <row r="406574" spans="8:8">
      <c r="H406574" s="12"/>
    </row>
    <row r="406575" spans="8:8">
      <c r="H406575" s="12"/>
    </row>
    <row r="406576" spans="8:8">
      <c r="H406576" s="12"/>
    </row>
    <row r="406577" spans="8:8">
      <c r="H406577" s="12"/>
    </row>
    <row r="406578" spans="8:8">
      <c r="H406578" s="12"/>
    </row>
    <row r="406579" spans="8:8">
      <c r="H406579" s="12"/>
    </row>
    <row r="406580" spans="8:8">
      <c r="H406580" s="12"/>
    </row>
    <row r="406581" spans="8:8">
      <c r="H406581" s="12"/>
    </row>
    <row r="406582" spans="8:8">
      <c r="H406582" s="12"/>
    </row>
    <row r="406583" spans="8:8">
      <c r="H406583" s="12"/>
    </row>
    <row r="406584" spans="8:8">
      <c r="H406584" s="12"/>
    </row>
    <row r="406585" spans="8:8">
      <c r="H406585" s="12"/>
    </row>
    <row r="406586" spans="8:8">
      <c r="H406586" s="12"/>
    </row>
    <row r="406587" spans="8:8">
      <c r="H406587" s="12"/>
    </row>
    <row r="406588" spans="8:8">
      <c r="H406588" s="12"/>
    </row>
    <row r="406589" spans="8:8">
      <c r="H406589" s="12"/>
    </row>
    <row r="406590" spans="8:8">
      <c r="H406590" s="12"/>
    </row>
    <row r="406591" spans="8:8">
      <c r="H406591" s="12"/>
    </row>
    <row r="406592" spans="8:8">
      <c r="H406592" s="12"/>
    </row>
    <row r="406593" spans="8:8">
      <c r="H406593" s="12"/>
    </row>
    <row r="406594" spans="8:8">
      <c r="H406594" s="12"/>
    </row>
    <row r="406595" spans="8:8">
      <c r="H406595" s="12"/>
    </row>
    <row r="406596" spans="8:8">
      <c r="H406596" s="12"/>
    </row>
    <row r="406597" spans="8:8">
      <c r="H406597" s="12"/>
    </row>
    <row r="406598" spans="8:8">
      <c r="H406598" s="12"/>
    </row>
    <row r="406599" spans="8:8">
      <c r="H406599" s="12"/>
    </row>
    <row r="406600" spans="8:8">
      <c r="H406600" s="12"/>
    </row>
    <row r="406601" spans="8:8">
      <c r="H406601" s="12"/>
    </row>
    <row r="406602" spans="8:8">
      <c r="H406602" s="12"/>
    </row>
    <row r="406603" spans="8:8">
      <c r="H406603" s="12"/>
    </row>
    <row r="406604" spans="8:8">
      <c r="H406604" s="12"/>
    </row>
    <row r="406605" spans="8:8">
      <c r="H406605" s="12"/>
    </row>
    <row r="406606" spans="8:8">
      <c r="H406606" s="12"/>
    </row>
    <row r="406607" spans="8:8">
      <c r="H406607" s="12"/>
    </row>
    <row r="406608" spans="8:8">
      <c r="H406608" s="12"/>
    </row>
    <row r="406609" spans="8:8">
      <c r="H406609" s="12"/>
    </row>
    <row r="406610" spans="8:8">
      <c r="H406610" s="12"/>
    </row>
    <row r="406611" spans="8:8">
      <c r="H406611" s="12"/>
    </row>
    <row r="406612" spans="8:8">
      <c r="H406612" s="12"/>
    </row>
    <row r="406613" spans="8:8">
      <c r="H406613" s="12"/>
    </row>
    <row r="406614" spans="8:8">
      <c r="H406614" s="12"/>
    </row>
    <row r="406615" spans="8:8">
      <c r="H406615" s="12"/>
    </row>
    <row r="406616" spans="8:8">
      <c r="H406616" s="12"/>
    </row>
    <row r="406617" spans="8:8">
      <c r="H406617" s="12"/>
    </row>
    <row r="406618" spans="8:8">
      <c r="H406618" s="12"/>
    </row>
    <row r="406619" spans="8:8">
      <c r="H406619" s="12"/>
    </row>
    <row r="406620" spans="8:8">
      <c r="H406620" s="12"/>
    </row>
    <row r="406621" spans="8:8">
      <c r="H406621" s="12"/>
    </row>
    <row r="406622" spans="8:8">
      <c r="H406622" s="12"/>
    </row>
    <row r="406623" spans="8:8">
      <c r="H406623" s="12"/>
    </row>
    <row r="406624" spans="8:8">
      <c r="H406624" s="12"/>
    </row>
    <row r="406625" spans="8:8">
      <c r="H406625" s="12"/>
    </row>
    <row r="406626" spans="8:8">
      <c r="H406626" s="12"/>
    </row>
    <row r="406627" spans="8:8">
      <c r="H406627" s="12"/>
    </row>
    <row r="406628" spans="8:8">
      <c r="H406628" s="12"/>
    </row>
    <row r="406629" spans="8:8">
      <c r="H406629" s="12"/>
    </row>
    <row r="406630" spans="8:8">
      <c r="H406630" s="12"/>
    </row>
    <row r="406631" spans="8:8">
      <c r="H406631" s="12"/>
    </row>
    <row r="406632" spans="8:8">
      <c r="H406632" s="12"/>
    </row>
    <row r="406633" spans="8:8">
      <c r="H406633" s="12"/>
    </row>
    <row r="406634" spans="8:8">
      <c r="H406634" s="12"/>
    </row>
    <row r="406635" spans="8:8">
      <c r="H406635" s="12"/>
    </row>
    <row r="406636" spans="8:8">
      <c r="H406636" s="12"/>
    </row>
    <row r="406637" spans="8:8">
      <c r="H406637" s="12"/>
    </row>
    <row r="406638" spans="8:8">
      <c r="H406638" s="12"/>
    </row>
    <row r="406639" spans="8:8">
      <c r="H406639" s="12"/>
    </row>
    <row r="406640" spans="8:8">
      <c r="H406640" s="12"/>
    </row>
    <row r="406641" spans="8:8">
      <c r="H406641" s="12"/>
    </row>
    <row r="406642" spans="8:8">
      <c r="H406642" s="12"/>
    </row>
    <row r="406643" spans="8:8">
      <c r="H406643" s="12"/>
    </row>
    <row r="406644" spans="8:8">
      <c r="H406644" s="12"/>
    </row>
    <row r="406645" spans="8:8">
      <c r="H406645" s="12"/>
    </row>
    <row r="406646" spans="8:8">
      <c r="H406646" s="12"/>
    </row>
    <row r="406647" spans="8:8">
      <c r="H406647" s="12"/>
    </row>
    <row r="406648" spans="8:8">
      <c r="H406648" s="12"/>
    </row>
    <row r="406649" spans="8:8">
      <c r="H406649" s="12"/>
    </row>
    <row r="406650" spans="8:8">
      <c r="H406650" s="12"/>
    </row>
    <row r="406651" spans="8:8">
      <c r="H406651" s="12"/>
    </row>
    <row r="406652" spans="8:8">
      <c r="H406652" s="12"/>
    </row>
    <row r="406653" spans="8:8">
      <c r="H406653" s="12"/>
    </row>
    <row r="406654" spans="8:8">
      <c r="H406654" s="12"/>
    </row>
    <row r="406655" spans="8:8">
      <c r="H406655" s="12"/>
    </row>
    <row r="406656" spans="8:8">
      <c r="H406656" s="12"/>
    </row>
    <row r="406657" spans="8:8">
      <c r="H406657" s="12"/>
    </row>
    <row r="406658" spans="8:8">
      <c r="H406658" s="12"/>
    </row>
    <row r="406659" spans="8:8">
      <c r="H406659" s="12"/>
    </row>
    <row r="406660" spans="8:8">
      <c r="H406660" s="12"/>
    </row>
    <row r="406661" spans="8:8">
      <c r="H406661" s="12"/>
    </row>
    <row r="406662" spans="8:8">
      <c r="H406662" s="12"/>
    </row>
    <row r="406663" spans="8:8">
      <c r="H406663" s="12"/>
    </row>
    <row r="406664" spans="8:8">
      <c r="H406664" s="12"/>
    </row>
    <row r="406665" spans="8:8">
      <c r="H406665" s="12"/>
    </row>
    <row r="406666" spans="8:8">
      <c r="H406666" s="12"/>
    </row>
    <row r="406667" spans="8:8">
      <c r="H406667" s="12"/>
    </row>
    <row r="406668" spans="8:8">
      <c r="H406668" s="12"/>
    </row>
    <row r="406669" spans="8:8">
      <c r="H406669" s="12"/>
    </row>
    <row r="406670" spans="8:8">
      <c r="H406670" s="12"/>
    </row>
    <row r="406671" spans="8:8">
      <c r="H406671" s="12"/>
    </row>
    <row r="406672" spans="8:8">
      <c r="H406672" s="12"/>
    </row>
    <row r="406673" spans="8:8">
      <c r="H406673" s="12"/>
    </row>
    <row r="406674" spans="8:8">
      <c r="H406674" s="12"/>
    </row>
    <row r="406675" spans="8:8">
      <c r="H406675" s="12"/>
    </row>
    <row r="406676" spans="8:8">
      <c r="H406676" s="12"/>
    </row>
    <row r="406677" spans="8:8">
      <c r="H406677" s="12"/>
    </row>
    <row r="406678" spans="8:8">
      <c r="H406678" s="12"/>
    </row>
    <row r="406679" spans="8:8">
      <c r="H406679" s="12"/>
    </row>
    <row r="406680" spans="8:8">
      <c r="H406680" s="12"/>
    </row>
    <row r="406681" spans="8:8">
      <c r="H406681" s="12"/>
    </row>
    <row r="406682" spans="8:8">
      <c r="H406682" s="12"/>
    </row>
    <row r="406683" spans="8:8">
      <c r="H406683" s="12"/>
    </row>
    <row r="406684" spans="8:8">
      <c r="H406684" s="12"/>
    </row>
    <row r="406685" spans="8:8">
      <c r="H406685" s="12"/>
    </row>
    <row r="406686" spans="8:8">
      <c r="H406686" s="12"/>
    </row>
    <row r="406687" spans="8:8">
      <c r="H406687" s="12"/>
    </row>
    <row r="406688" spans="8:8">
      <c r="H406688" s="12"/>
    </row>
    <row r="406689" spans="8:8">
      <c r="H406689" s="12"/>
    </row>
    <row r="406690" spans="8:8">
      <c r="H406690" s="12"/>
    </row>
    <row r="406691" spans="8:8">
      <c r="H406691" s="12"/>
    </row>
    <row r="406692" spans="8:8">
      <c r="H406692" s="12"/>
    </row>
    <row r="406693" spans="8:8">
      <c r="H406693" s="12"/>
    </row>
    <row r="406694" spans="8:8">
      <c r="H406694" s="12"/>
    </row>
    <row r="406695" spans="8:8">
      <c r="H406695" s="12"/>
    </row>
    <row r="406696" spans="8:8">
      <c r="H406696" s="12"/>
    </row>
    <row r="406697" spans="8:8">
      <c r="H406697" s="12"/>
    </row>
    <row r="406698" spans="8:8">
      <c r="H406698" s="12"/>
    </row>
    <row r="406699" spans="8:8">
      <c r="H406699" s="12"/>
    </row>
    <row r="406700" spans="8:8">
      <c r="H406700" s="12"/>
    </row>
    <row r="406701" spans="8:8">
      <c r="H406701" s="12"/>
    </row>
    <row r="406702" spans="8:8">
      <c r="H406702" s="12"/>
    </row>
    <row r="406703" spans="8:8">
      <c r="H406703" s="12"/>
    </row>
    <row r="406704" spans="8:8">
      <c r="H406704" s="12"/>
    </row>
    <row r="406705" spans="8:8">
      <c r="H406705" s="12"/>
    </row>
    <row r="406706" spans="8:8">
      <c r="H406706" s="12"/>
    </row>
    <row r="406707" spans="8:8">
      <c r="H406707" s="12"/>
    </row>
    <row r="406708" spans="8:8">
      <c r="H406708" s="12"/>
    </row>
    <row r="406709" spans="8:8">
      <c r="H406709" s="12"/>
    </row>
    <row r="406710" spans="8:8">
      <c r="H406710" s="12"/>
    </row>
    <row r="406711" spans="8:8">
      <c r="H406711" s="12"/>
    </row>
    <row r="406712" spans="8:8">
      <c r="H406712" s="12"/>
    </row>
    <row r="406713" spans="8:8">
      <c r="H406713" s="12"/>
    </row>
    <row r="406714" spans="8:8">
      <c r="H406714" s="12"/>
    </row>
    <row r="406715" spans="8:8">
      <c r="H406715" s="12"/>
    </row>
    <row r="406716" spans="8:8">
      <c r="H406716" s="12"/>
    </row>
    <row r="406717" spans="8:8">
      <c r="H406717" s="12"/>
    </row>
    <row r="406718" spans="8:8">
      <c r="H406718" s="12"/>
    </row>
    <row r="406719" spans="8:8">
      <c r="H406719" s="12"/>
    </row>
    <row r="406720" spans="8:8">
      <c r="H406720" s="12"/>
    </row>
    <row r="406721" spans="8:8">
      <c r="H406721" s="12"/>
    </row>
    <row r="406722" spans="8:8">
      <c r="H406722" s="12"/>
    </row>
    <row r="406723" spans="8:8">
      <c r="H406723" s="12"/>
    </row>
    <row r="406724" spans="8:8">
      <c r="H406724" s="12"/>
    </row>
    <row r="406725" spans="8:8">
      <c r="H406725" s="12"/>
    </row>
    <row r="406726" spans="8:8">
      <c r="H406726" s="12"/>
    </row>
    <row r="406727" spans="8:8">
      <c r="H406727" s="12"/>
    </row>
    <row r="406728" spans="8:8">
      <c r="H406728" s="12"/>
    </row>
    <row r="406729" spans="8:8">
      <c r="H406729" s="12"/>
    </row>
    <row r="406730" spans="8:8">
      <c r="H406730" s="12"/>
    </row>
    <row r="406731" spans="8:8">
      <c r="H406731" s="12"/>
    </row>
    <row r="406732" spans="8:8">
      <c r="H406732" s="12"/>
    </row>
    <row r="406733" spans="8:8">
      <c r="H406733" s="12"/>
    </row>
    <row r="406734" spans="8:8">
      <c r="H406734" s="12"/>
    </row>
    <row r="406735" spans="8:8">
      <c r="H406735" s="12"/>
    </row>
    <row r="406736" spans="8:8">
      <c r="H406736" s="12"/>
    </row>
    <row r="406737" spans="8:8">
      <c r="H406737" s="12"/>
    </row>
    <row r="406738" spans="8:8">
      <c r="H406738" s="12"/>
    </row>
    <row r="406739" spans="8:8">
      <c r="H406739" s="12"/>
    </row>
    <row r="406740" spans="8:8">
      <c r="H406740" s="12"/>
    </row>
    <row r="406741" spans="8:8">
      <c r="H406741" s="12"/>
    </row>
    <row r="406742" spans="8:8">
      <c r="H406742" s="12"/>
    </row>
    <row r="406743" spans="8:8">
      <c r="H406743" s="12"/>
    </row>
    <row r="406744" spans="8:8">
      <c r="H406744" s="12"/>
    </row>
    <row r="406745" spans="8:8">
      <c r="H406745" s="12"/>
    </row>
    <row r="406746" spans="8:8">
      <c r="H406746" s="12"/>
    </row>
    <row r="406747" spans="8:8">
      <c r="H406747" s="12"/>
    </row>
    <row r="406748" spans="8:8">
      <c r="H406748" s="12"/>
    </row>
    <row r="406749" spans="8:8">
      <c r="H406749" s="12"/>
    </row>
    <row r="406750" spans="8:8">
      <c r="H406750" s="12"/>
    </row>
    <row r="406751" spans="8:8">
      <c r="H406751" s="12"/>
    </row>
    <row r="406752" spans="8:8">
      <c r="H406752" s="12"/>
    </row>
    <row r="406753" spans="8:8">
      <c r="H406753" s="12"/>
    </row>
    <row r="406754" spans="8:8">
      <c r="H406754" s="12"/>
    </row>
    <row r="406755" spans="8:8">
      <c r="H406755" s="12"/>
    </row>
    <row r="406756" spans="8:8">
      <c r="H406756" s="12"/>
    </row>
    <row r="406757" spans="8:8">
      <c r="H406757" s="12"/>
    </row>
    <row r="406758" spans="8:8">
      <c r="H406758" s="12"/>
    </row>
    <row r="406759" spans="8:8">
      <c r="H406759" s="12"/>
    </row>
    <row r="406760" spans="8:8">
      <c r="H406760" s="12"/>
    </row>
    <row r="406761" spans="8:8">
      <c r="H406761" s="12"/>
    </row>
    <row r="406762" spans="8:8">
      <c r="H406762" s="12"/>
    </row>
    <row r="406763" spans="8:8">
      <c r="H406763" s="12"/>
    </row>
    <row r="406764" spans="8:8">
      <c r="H406764" s="12"/>
    </row>
    <row r="406765" spans="8:8">
      <c r="H406765" s="12"/>
    </row>
    <row r="406766" spans="8:8">
      <c r="H406766" s="12"/>
    </row>
    <row r="406767" spans="8:8">
      <c r="H406767" s="12"/>
    </row>
    <row r="406768" spans="8:8">
      <c r="H406768" s="12"/>
    </row>
    <row r="406769" spans="8:8">
      <c r="H406769" s="12"/>
    </row>
    <row r="406770" spans="8:8">
      <c r="H406770" s="12"/>
    </row>
    <row r="406771" spans="8:8">
      <c r="H406771" s="12"/>
    </row>
    <row r="406772" spans="8:8">
      <c r="H406772" s="12"/>
    </row>
    <row r="406773" spans="8:8">
      <c r="H406773" s="12"/>
    </row>
    <row r="406774" spans="8:8">
      <c r="H406774" s="12"/>
    </row>
    <row r="406775" spans="8:8">
      <c r="H406775" s="12"/>
    </row>
    <row r="406776" spans="8:8">
      <c r="H406776" s="12"/>
    </row>
    <row r="406777" spans="8:8">
      <c r="H406777" s="12"/>
    </row>
    <row r="406778" spans="8:8">
      <c r="H406778" s="12"/>
    </row>
    <row r="406779" spans="8:8">
      <c r="H406779" s="12"/>
    </row>
    <row r="406780" spans="8:8">
      <c r="H406780" s="12"/>
    </row>
    <row r="406781" spans="8:8">
      <c r="H406781" s="12"/>
    </row>
    <row r="406782" spans="8:8">
      <c r="H406782" s="12"/>
    </row>
    <row r="406783" spans="8:8">
      <c r="H406783" s="12"/>
    </row>
    <row r="406784" spans="8:8">
      <c r="H406784" s="12"/>
    </row>
    <row r="406785" spans="8:8">
      <c r="H406785" s="12"/>
    </row>
    <row r="406786" spans="8:8">
      <c r="H406786" s="12"/>
    </row>
    <row r="406787" spans="8:8">
      <c r="H406787" s="12"/>
    </row>
    <row r="406788" spans="8:8">
      <c r="H406788" s="12"/>
    </row>
    <row r="406789" spans="8:8">
      <c r="H406789" s="12"/>
    </row>
    <row r="406790" spans="8:8">
      <c r="H406790" s="12"/>
    </row>
    <row r="406791" spans="8:8">
      <c r="H406791" s="12"/>
    </row>
    <row r="406792" spans="8:8">
      <c r="H406792" s="12"/>
    </row>
    <row r="406793" spans="8:8">
      <c r="H406793" s="12"/>
    </row>
    <row r="406794" spans="8:8">
      <c r="H406794" s="12"/>
    </row>
    <row r="406795" spans="8:8">
      <c r="H406795" s="12"/>
    </row>
    <row r="406796" spans="8:8">
      <c r="H406796" s="12"/>
    </row>
    <row r="406797" spans="8:8">
      <c r="H406797" s="12"/>
    </row>
    <row r="406798" spans="8:8">
      <c r="H406798" s="12"/>
    </row>
    <row r="406799" spans="8:8">
      <c r="H406799" s="12"/>
    </row>
    <row r="406800" spans="8:8">
      <c r="H406800" s="12"/>
    </row>
    <row r="406801" spans="8:8">
      <c r="H406801" s="12"/>
    </row>
    <row r="406802" spans="8:8">
      <c r="H406802" s="12"/>
    </row>
    <row r="406803" spans="8:8">
      <c r="H406803" s="12"/>
    </row>
    <row r="406804" spans="8:8">
      <c r="H406804" s="12"/>
    </row>
    <row r="406805" spans="8:8">
      <c r="H406805" s="12"/>
    </row>
    <row r="406806" spans="8:8">
      <c r="H406806" s="12"/>
    </row>
    <row r="406807" spans="8:8">
      <c r="H406807" s="12"/>
    </row>
    <row r="406808" spans="8:8">
      <c r="H406808" s="12"/>
    </row>
    <row r="406809" spans="8:8">
      <c r="H406809" s="12"/>
    </row>
    <row r="406810" spans="8:8">
      <c r="H406810" s="12"/>
    </row>
    <row r="406811" spans="8:8">
      <c r="H406811" s="12"/>
    </row>
    <row r="406812" spans="8:8">
      <c r="H406812" s="12"/>
    </row>
    <row r="406813" spans="8:8">
      <c r="H406813" s="12"/>
    </row>
    <row r="406814" spans="8:8">
      <c r="H406814" s="12"/>
    </row>
    <row r="406815" spans="8:8">
      <c r="H406815" s="12"/>
    </row>
    <row r="406816" spans="8:8">
      <c r="H406816" s="12"/>
    </row>
    <row r="406817" spans="8:8">
      <c r="H406817" s="12"/>
    </row>
    <row r="406818" spans="8:8">
      <c r="H406818" s="12"/>
    </row>
    <row r="406819" spans="8:8">
      <c r="H406819" s="12"/>
    </row>
    <row r="406820" spans="8:8">
      <c r="H406820" s="12"/>
    </row>
    <row r="406821" spans="8:8">
      <c r="H406821" s="12"/>
    </row>
    <row r="406822" spans="8:8">
      <c r="H406822" s="12"/>
    </row>
    <row r="406823" spans="8:8">
      <c r="H406823" s="12"/>
    </row>
    <row r="406824" spans="8:8">
      <c r="H406824" s="12"/>
    </row>
    <row r="406825" spans="8:8">
      <c r="H406825" s="12"/>
    </row>
    <row r="406826" spans="8:8">
      <c r="H406826" s="12"/>
    </row>
    <row r="406827" spans="8:8">
      <c r="H406827" s="12"/>
    </row>
    <row r="406828" spans="8:8">
      <c r="H406828" s="12"/>
    </row>
    <row r="406829" spans="8:8">
      <c r="H406829" s="12"/>
    </row>
    <row r="406830" spans="8:8">
      <c r="H406830" s="12"/>
    </row>
    <row r="406831" spans="8:8">
      <c r="H406831" s="12"/>
    </row>
    <row r="406832" spans="8:8">
      <c r="H406832" s="12"/>
    </row>
    <row r="406833" spans="8:8">
      <c r="H406833" s="12"/>
    </row>
    <row r="406834" spans="8:8">
      <c r="H406834" s="12"/>
    </row>
    <row r="406835" spans="8:8">
      <c r="H406835" s="12"/>
    </row>
    <row r="406836" spans="8:8">
      <c r="H406836" s="12"/>
    </row>
    <row r="406837" spans="8:8">
      <c r="H406837" s="12"/>
    </row>
    <row r="406838" spans="8:8">
      <c r="H406838" s="12"/>
    </row>
    <row r="406839" spans="8:8">
      <c r="H406839" s="12"/>
    </row>
    <row r="406840" spans="8:8">
      <c r="H406840" s="12"/>
    </row>
    <row r="406841" spans="8:8">
      <c r="H406841" s="12"/>
    </row>
    <row r="406842" spans="8:8">
      <c r="H406842" s="12"/>
    </row>
    <row r="406843" spans="8:8">
      <c r="H406843" s="12"/>
    </row>
    <row r="406844" spans="8:8">
      <c r="H406844" s="12"/>
    </row>
    <row r="406845" spans="8:8">
      <c r="H406845" s="12"/>
    </row>
    <row r="406846" spans="8:8">
      <c r="H406846" s="12"/>
    </row>
    <row r="406847" spans="8:8">
      <c r="H406847" s="12"/>
    </row>
    <row r="406848" spans="8:8">
      <c r="H406848" s="12"/>
    </row>
    <row r="406849" spans="8:8">
      <c r="H406849" s="12"/>
    </row>
    <row r="406850" spans="8:8">
      <c r="H406850" s="12"/>
    </row>
    <row r="406851" spans="8:8">
      <c r="H406851" s="12"/>
    </row>
    <row r="406852" spans="8:8">
      <c r="H406852" s="12"/>
    </row>
    <row r="406853" spans="8:8">
      <c r="H406853" s="12"/>
    </row>
    <row r="406854" spans="8:8">
      <c r="H406854" s="12"/>
    </row>
    <row r="406855" spans="8:8">
      <c r="H406855" s="12"/>
    </row>
    <row r="406856" spans="8:8">
      <c r="H406856" s="12"/>
    </row>
    <row r="406857" spans="8:8">
      <c r="H406857" s="12"/>
    </row>
    <row r="406858" spans="8:8">
      <c r="H406858" s="12"/>
    </row>
    <row r="406859" spans="8:8">
      <c r="H406859" s="12"/>
    </row>
    <row r="406860" spans="8:8">
      <c r="H406860" s="12"/>
    </row>
    <row r="406861" spans="8:8">
      <c r="H406861" s="12"/>
    </row>
    <row r="406862" spans="8:8">
      <c r="H406862" s="12"/>
    </row>
    <row r="406863" spans="8:8">
      <c r="H406863" s="12"/>
    </row>
    <row r="406864" spans="8:8">
      <c r="H406864" s="12"/>
    </row>
    <row r="406865" spans="8:8">
      <c r="H406865" s="12"/>
    </row>
    <row r="406866" spans="8:8">
      <c r="H406866" s="12"/>
    </row>
    <row r="406867" spans="8:8">
      <c r="H406867" s="12"/>
    </row>
    <row r="406868" spans="8:8">
      <c r="H406868" s="12"/>
    </row>
    <row r="406869" spans="8:8">
      <c r="H406869" s="12"/>
    </row>
    <row r="406870" spans="8:8">
      <c r="H406870" s="12"/>
    </row>
    <row r="406871" spans="8:8">
      <c r="H406871" s="12"/>
    </row>
    <row r="406872" spans="8:8">
      <c r="H406872" s="12"/>
    </row>
    <row r="406873" spans="8:8">
      <c r="H406873" s="12"/>
    </row>
    <row r="406874" spans="8:8">
      <c r="H406874" s="12"/>
    </row>
    <row r="406875" spans="8:8">
      <c r="H406875" s="12"/>
    </row>
    <row r="406876" spans="8:8">
      <c r="H406876" s="12"/>
    </row>
    <row r="406877" spans="8:8">
      <c r="H406877" s="12"/>
    </row>
    <row r="406878" spans="8:8">
      <c r="H406878" s="12"/>
    </row>
    <row r="406879" spans="8:8">
      <c r="H406879" s="12"/>
    </row>
    <row r="406880" spans="8:8">
      <c r="H406880" s="12"/>
    </row>
    <row r="406881" spans="8:8">
      <c r="H406881" s="12"/>
    </row>
    <row r="406882" spans="8:8">
      <c r="H406882" s="12"/>
    </row>
    <row r="406883" spans="8:8">
      <c r="H406883" s="12"/>
    </row>
    <row r="406884" spans="8:8">
      <c r="H406884" s="12"/>
    </row>
    <row r="406885" spans="8:8">
      <c r="H406885" s="12"/>
    </row>
    <row r="406886" spans="8:8">
      <c r="H406886" s="12"/>
    </row>
    <row r="406887" spans="8:8">
      <c r="H406887" s="12"/>
    </row>
    <row r="406888" spans="8:8">
      <c r="H406888" s="12"/>
    </row>
    <row r="406889" spans="8:8">
      <c r="H406889" s="12"/>
    </row>
    <row r="406890" spans="8:8">
      <c r="H406890" s="12"/>
    </row>
    <row r="406891" spans="8:8">
      <c r="H406891" s="12"/>
    </row>
    <row r="406892" spans="8:8">
      <c r="H406892" s="12"/>
    </row>
    <row r="406893" spans="8:8">
      <c r="H406893" s="12"/>
    </row>
    <row r="406894" spans="8:8">
      <c r="H406894" s="12"/>
    </row>
    <row r="406895" spans="8:8">
      <c r="H406895" s="12"/>
    </row>
    <row r="406896" spans="8:8">
      <c r="H406896" s="12"/>
    </row>
    <row r="406897" spans="8:8">
      <c r="H406897" s="12"/>
    </row>
    <row r="406898" spans="8:8">
      <c r="H406898" s="12"/>
    </row>
    <row r="406899" spans="8:8">
      <c r="H406899" s="12"/>
    </row>
    <row r="406900" spans="8:8">
      <c r="H406900" s="12"/>
    </row>
    <row r="406901" spans="8:8">
      <c r="H406901" s="12"/>
    </row>
    <row r="406902" spans="8:8">
      <c r="H406902" s="12"/>
    </row>
    <row r="406903" spans="8:8">
      <c r="H406903" s="12"/>
    </row>
    <row r="406904" spans="8:8">
      <c r="H406904" s="12"/>
    </row>
    <row r="406905" spans="8:8">
      <c r="H406905" s="12"/>
    </row>
    <row r="406906" spans="8:8">
      <c r="H406906" s="12"/>
    </row>
    <row r="406907" spans="8:8">
      <c r="H406907" s="12"/>
    </row>
    <row r="406908" spans="8:8">
      <c r="H406908" s="12"/>
    </row>
    <row r="406909" spans="8:8">
      <c r="H406909" s="12"/>
    </row>
    <row r="406910" spans="8:8">
      <c r="H406910" s="12"/>
    </row>
    <row r="406911" spans="8:8">
      <c r="H406911" s="12"/>
    </row>
    <row r="406912" spans="8:8">
      <c r="H406912" s="12"/>
    </row>
    <row r="406913" spans="8:8">
      <c r="H406913" s="12"/>
    </row>
    <row r="406914" spans="8:8">
      <c r="H406914" s="12"/>
    </row>
    <row r="406915" spans="8:8">
      <c r="H406915" s="12"/>
    </row>
    <row r="406916" spans="8:8">
      <c r="H406916" s="12"/>
    </row>
    <row r="406917" spans="8:8">
      <c r="H406917" s="12"/>
    </row>
    <row r="406918" spans="8:8">
      <c r="H406918" s="12"/>
    </row>
    <row r="406919" spans="8:8">
      <c r="H406919" s="12"/>
    </row>
    <row r="406920" spans="8:8">
      <c r="H406920" s="12"/>
    </row>
    <row r="406921" spans="8:8">
      <c r="H406921" s="12"/>
    </row>
    <row r="406922" spans="8:8">
      <c r="H406922" s="12"/>
    </row>
    <row r="406923" spans="8:8">
      <c r="H406923" s="12"/>
    </row>
    <row r="406924" spans="8:8">
      <c r="H406924" s="12"/>
    </row>
    <row r="406925" spans="8:8">
      <c r="H406925" s="12"/>
    </row>
    <row r="406926" spans="8:8">
      <c r="H406926" s="12"/>
    </row>
    <row r="406927" spans="8:8">
      <c r="H406927" s="12"/>
    </row>
    <row r="406928" spans="8:8">
      <c r="H406928" s="12"/>
    </row>
    <row r="406929" spans="8:8">
      <c r="H406929" s="12"/>
    </row>
    <row r="406930" spans="8:8">
      <c r="H406930" s="12"/>
    </row>
    <row r="406931" spans="8:8">
      <c r="H406931" s="12"/>
    </row>
    <row r="406932" spans="8:8">
      <c r="H406932" s="12"/>
    </row>
    <row r="406933" spans="8:8">
      <c r="H406933" s="12"/>
    </row>
    <row r="406934" spans="8:8">
      <c r="H406934" s="12"/>
    </row>
    <row r="406935" spans="8:8">
      <c r="H406935" s="12"/>
    </row>
    <row r="406936" spans="8:8">
      <c r="H406936" s="12"/>
    </row>
    <row r="406937" spans="8:8">
      <c r="H406937" s="12"/>
    </row>
    <row r="406938" spans="8:8">
      <c r="H406938" s="12"/>
    </row>
    <row r="406939" spans="8:8">
      <c r="H406939" s="12"/>
    </row>
    <row r="406940" spans="8:8">
      <c r="H406940" s="12"/>
    </row>
    <row r="406941" spans="8:8">
      <c r="H406941" s="12"/>
    </row>
    <row r="406942" spans="8:8">
      <c r="H406942" s="12"/>
    </row>
    <row r="406943" spans="8:8">
      <c r="H406943" s="12"/>
    </row>
    <row r="406944" spans="8:8">
      <c r="H406944" s="12"/>
    </row>
    <row r="406945" spans="8:8">
      <c r="H406945" s="12"/>
    </row>
    <row r="406946" spans="8:8">
      <c r="H406946" s="12"/>
    </row>
    <row r="406947" spans="8:8">
      <c r="H406947" s="12"/>
    </row>
    <row r="406948" spans="8:8">
      <c r="H406948" s="12"/>
    </row>
    <row r="406949" spans="8:8">
      <c r="H406949" s="12"/>
    </row>
    <row r="406950" spans="8:8">
      <c r="H406950" s="12"/>
    </row>
    <row r="406951" spans="8:8">
      <c r="H406951" s="12"/>
    </row>
    <row r="406952" spans="8:8">
      <c r="H406952" s="12"/>
    </row>
    <row r="406953" spans="8:8">
      <c r="H406953" s="12"/>
    </row>
    <row r="406954" spans="8:8">
      <c r="H406954" s="12"/>
    </row>
    <row r="406955" spans="8:8">
      <c r="H406955" s="12"/>
    </row>
    <row r="406956" spans="8:8">
      <c r="H406956" s="12"/>
    </row>
    <row r="406957" spans="8:8">
      <c r="H406957" s="12"/>
    </row>
    <row r="406958" spans="8:8">
      <c r="H406958" s="12"/>
    </row>
    <row r="406959" spans="8:8">
      <c r="H406959" s="12"/>
    </row>
    <row r="406960" spans="8:8">
      <c r="H406960" s="12"/>
    </row>
    <row r="406961" spans="8:8">
      <c r="H406961" s="12"/>
    </row>
    <row r="406962" spans="8:8">
      <c r="H406962" s="12"/>
    </row>
    <row r="406963" spans="8:8">
      <c r="H406963" s="12"/>
    </row>
    <row r="406964" spans="8:8">
      <c r="H406964" s="12"/>
    </row>
    <row r="406965" spans="8:8">
      <c r="H406965" s="12"/>
    </row>
    <row r="406966" spans="8:8">
      <c r="H406966" s="12"/>
    </row>
    <row r="406967" spans="8:8">
      <c r="H406967" s="12"/>
    </row>
    <row r="406968" spans="8:8">
      <c r="H406968" s="12"/>
    </row>
    <row r="406969" spans="8:8">
      <c r="H406969" s="12"/>
    </row>
    <row r="406970" spans="8:8">
      <c r="H406970" s="12"/>
    </row>
    <row r="406971" spans="8:8">
      <c r="H406971" s="12"/>
    </row>
    <row r="406972" spans="8:8">
      <c r="H406972" s="12"/>
    </row>
    <row r="406973" spans="8:8">
      <c r="H406973" s="12"/>
    </row>
    <row r="406974" spans="8:8">
      <c r="H406974" s="12"/>
    </row>
    <row r="406975" spans="8:8">
      <c r="H406975" s="12"/>
    </row>
    <row r="406976" spans="8:8">
      <c r="H406976" s="12"/>
    </row>
    <row r="406977" spans="8:8">
      <c r="H406977" s="12"/>
    </row>
    <row r="406978" spans="8:8">
      <c r="H406978" s="12"/>
    </row>
    <row r="406979" spans="8:8">
      <c r="H406979" s="12"/>
    </row>
    <row r="406980" spans="8:8">
      <c r="H406980" s="12"/>
    </row>
    <row r="406981" spans="8:8">
      <c r="H406981" s="12"/>
    </row>
    <row r="406982" spans="8:8">
      <c r="H406982" s="12"/>
    </row>
    <row r="406983" spans="8:8">
      <c r="H406983" s="12"/>
    </row>
    <row r="406984" spans="8:8">
      <c r="H406984" s="12"/>
    </row>
    <row r="406985" spans="8:8">
      <c r="H406985" s="12"/>
    </row>
    <row r="406986" spans="8:8">
      <c r="H406986" s="12"/>
    </row>
    <row r="406987" spans="8:8">
      <c r="H406987" s="12"/>
    </row>
    <row r="406988" spans="8:8">
      <c r="H406988" s="12"/>
    </row>
    <row r="406989" spans="8:8">
      <c r="H406989" s="12"/>
    </row>
    <row r="406990" spans="8:8">
      <c r="H406990" s="12"/>
    </row>
    <row r="406991" spans="8:8">
      <c r="H406991" s="12"/>
    </row>
    <row r="406992" spans="8:8">
      <c r="H406992" s="12"/>
    </row>
    <row r="406993" spans="8:8">
      <c r="H406993" s="12"/>
    </row>
    <row r="406994" spans="8:8">
      <c r="H406994" s="12"/>
    </row>
    <row r="406995" spans="8:8">
      <c r="H406995" s="12"/>
    </row>
    <row r="406996" spans="8:8">
      <c r="H406996" s="12"/>
    </row>
    <row r="406997" spans="8:8">
      <c r="H406997" s="12"/>
    </row>
    <row r="406998" spans="8:8">
      <c r="H406998" s="12"/>
    </row>
    <row r="406999" spans="8:8">
      <c r="H406999" s="12"/>
    </row>
    <row r="407000" spans="8:8">
      <c r="H407000" s="12"/>
    </row>
    <row r="407001" spans="8:8">
      <c r="H407001" s="12"/>
    </row>
    <row r="407002" spans="8:8">
      <c r="H407002" s="12"/>
    </row>
    <row r="407003" spans="8:8">
      <c r="H407003" s="12"/>
    </row>
    <row r="407004" spans="8:8">
      <c r="H407004" s="12"/>
    </row>
    <row r="407005" spans="8:8">
      <c r="H407005" s="12"/>
    </row>
    <row r="407006" spans="8:8">
      <c r="H407006" s="12"/>
    </row>
    <row r="407007" spans="8:8">
      <c r="H407007" s="12"/>
    </row>
    <row r="407008" spans="8:8">
      <c r="H407008" s="12"/>
    </row>
    <row r="407009" spans="8:8">
      <c r="H407009" s="12"/>
    </row>
    <row r="407010" spans="8:8">
      <c r="H407010" s="12"/>
    </row>
    <row r="407011" spans="8:8">
      <c r="H407011" s="12"/>
    </row>
    <row r="407012" spans="8:8">
      <c r="H407012" s="12"/>
    </row>
    <row r="407013" spans="8:8">
      <c r="H407013" s="12"/>
    </row>
    <row r="407014" spans="8:8">
      <c r="H407014" s="12"/>
    </row>
    <row r="407015" spans="8:8">
      <c r="H407015" s="12"/>
    </row>
    <row r="407016" spans="8:8">
      <c r="H407016" s="12"/>
    </row>
    <row r="407017" spans="8:8">
      <c r="H407017" s="12"/>
    </row>
    <row r="407018" spans="8:8">
      <c r="H407018" s="12"/>
    </row>
    <row r="407019" spans="8:8">
      <c r="H407019" s="12"/>
    </row>
    <row r="407020" spans="8:8">
      <c r="H407020" s="12"/>
    </row>
    <row r="407021" spans="8:8">
      <c r="H407021" s="12"/>
    </row>
    <row r="407022" spans="8:8">
      <c r="H407022" s="12"/>
    </row>
    <row r="407023" spans="8:8">
      <c r="H407023" s="12"/>
    </row>
    <row r="407024" spans="8:8">
      <c r="H407024" s="12"/>
    </row>
    <row r="407025" spans="8:8">
      <c r="H407025" s="12"/>
    </row>
    <row r="407026" spans="8:8">
      <c r="H407026" s="12"/>
    </row>
    <row r="407027" spans="8:8">
      <c r="H407027" s="12"/>
    </row>
    <row r="407028" spans="8:8">
      <c r="H407028" s="12"/>
    </row>
    <row r="407029" spans="8:8">
      <c r="H407029" s="12"/>
    </row>
    <row r="407030" spans="8:8">
      <c r="H407030" s="12"/>
    </row>
    <row r="407031" spans="8:8">
      <c r="H407031" s="12"/>
    </row>
    <row r="407032" spans="8:8">
      <c r="H407032" s="12"/>
    </row>
    <row r="407033" spans="8:8">
      <c r="H407033" s="12"/>
    </row>
    <row r="407034" spans="8:8">
      <c r="H407034" s="12"/>
    </row>
    <row r="407035" spans="8:8">
      <c r="H407035" s="12"/>
    </row>
    <row r="407036" spans="8:8">
      <c r="H407036" s="12"/>
    </row>
    <row r="407037" spans="8:8">
      <c r="H407037" s="12"/>
    </row>
    <row r="407038" spans="8:8">
      <c r="H407038" s="12"/>
    </row>
    <row r="407039" spans="8:8">
      <c r="H407039" s="12"/>
    </row>
    <row r="407040" spans="8:8">
      <c r="H407040" s="12"/>
    </row>
    <row r="407041" spans="8:8">
      <c r="H407041" s="12"/>
    </row>
    <row r="407042" spans="8:8">
      <c r="H407042" s="12"/>
    </row>
    <row r="407043" spans="8:8">
      <c r="H407043" s="12"/>
    </row>
    <row r="407044" spans="8:8">
      <c r="H407044" s="12"/>
    </row>
    <row r="407045" spans="8:8">
      <c r="H407045" s="12"/>
    </row>
    <row r="407046" spans="8:8">
      <c r="H407046" s="12"/>
    </row>
    <row r="407047" spans="8:8">
      <c r="H407047" s="12"/>
    </row>
    <row r="407048" spans="8:8">
      <c r="H407048" s="12"/>
    </row>
    <row r="407049" spans="8:8">
      <c r="H407049" s="12"/>
    </row>
    <row r="407050" spans="8:8">
      <c r="H407050" s="12"/>
    </row>
    <row r="407051" spans="8:8">
      <c r="H407051" s="12"/>
    </row>
    <row r="407052" spans="8:8">
      <c r="H407052" s="12"/>
    </row>
    <row r="407053" spans="8:8">
      <c r="H407053" s="12"/>
    </row>
    <row r="407054" spans="8:8">
      <c r="H407054" s="12"/>
    </row>
    <row r="407055" spans="8:8">
      <c r="H407055" s="12"/>
    </row>
    <row r="407056" spans="8:8">
      <c r="H407056" s="12"/>
    </row>
    <row r="407057" spans="8:8">
      <c r="H407057" s="12"/>
    </row>
    <row r="407058" spans="8:8">
      <c r="H407058" s="12"/>
    </row>
    <row r="407059" spans="8:8">
      <c r="H407059" s="12"/>
    </row>
    <row r="407060" spans="8:8">
      <c r="H407060" s="12"/>
    </row>
    <row r="407061" spans="8:8">
      <c r="H407061" s="12"/>
    </row>
    <row r="407062" spans="8:8">
      <c r="H407062" s="12"/>
    </row>
    <row r="407063" spans="8:8">
      <c r="H407063" s="12"/>
    </row>
    <row r="407064" spans="8:8">
      <c r="H407064" s="12"/>
    </row>
    <row r="407065" spans="8:8">
      <c r="H407065" s="12"/>
    </row>
    <row r="407066" spans="8:8">
      <c r="H407066" s="12"/>
    </row>
    <row r="407067" spans="8:8">
      <c r="H407067" s="12"/>
    </row>
    <row r="407068" spans="8:8">
      <c r="H407068" s="12"/>
    </row>
    <row r="407069" spans="8:8">
      <c r="H407069" s="12"/>
    </row>
    <row r="407070" spans="8:8">
      <c r="H407070" s="12"/>
    </row>
    <row r="407071" spans="8:8">
      <c r="H407071" s="12"/>
    </row>
    <row r="407072" spans="8:8">
      <c r="H407072" s="12"/>
    </row>
    <row r="407073" spans="8:8">
      <c r="H407073" s="12"/>
    </row>
    <row r="407074" spans="8:8">
      <c r="H407074" s="12"/>
    </row>
    <row r="407075" spans="8:8">
      <c r="H407075" s="12"/>
    </row>
    <row r="407076" spans="8:8">
      <c r="H407076" s="12"/>
    </row>
    <row r="407077" spans="8:8">
      <c r="H407077" s="12"/>
    </row>
    <row r="407078" spans="8:8">
      <c r="H407078" s="12"/>
    </row>
    <row r="407079" spans="8:8">
      <c r="H407079" s="12"/>
    </row>
    <row r="407080" spans="8:8">
      <c r="H407080" s="12"/>
    </row>
    <row r="407081" spans="8:8">
      <c r="H407081" s="12"/>
    </row>
    <row r="407082" spans="8:8">
      <c r="H407082" s="12"/>
    </row>
    <row r="407083" spans="8:8">
      <c r="H407083" s="12"/>
    </row>
    <row r="407084" spans="8:8">
      <c r="H407084" s="12"/>
    </row>
    <row r="407085" spans="8:8">
      <c r="H407085" s="12"/>
    </row>
    <row r="407086" spans="8:8">
      <c r="H407086" s="12"/>
    </row>
    <row r="407087" spans="8:8">
      <c r="H407087" s="12"/>
    </row>
    <row r="407088" spans="8:8">
      <c r="H407088" s="12"/>
    </row>
    <row r="407089" spans="8:8">
      <c r="H407089" s="12"/>
    </row>
    <row r="407090" spans="8:8">
      <c r="H407090" s="12"/>
    </row>
    <row r="407091" spans="8:8">
      <c r="H407091" s="12"/>
    </row>
    <row r="407092" spans="8:8">
      <c r="H407092" s="12"/>
    </row>
    <row r="407093" spans="8:8">
      <c r="H407093" s="12"/>
    </row>
    <row r="407094" spans="8:8">
      <c r="H407094" s="12"/>
    </row>
    <row r="407095" spans="8:8">
      <c r="H407095" s="12"/>
    </row>
    <row r="407096" spans="8:8">
      <c r="H407096" s="12"/>
    </row>
    <row r="407097" spans="8:8">
      <c r="H407097" s="12"/>
    </row>
    <row r="407098" spans="8:8">
      <c r="H407098" s="12"/>
    </row>
    <row r="407099" spans="8:8">
      <c r="H407099" s="12"/>
    </row>
    <row r="407100" spans="8:8">
      <c r="H407100" s="12"/>
    </row>
    <row r="407101" spans="8:8">
      <c r="H407101" s="12"/>
    </row>
    <row r="407102" spans="8:8">
      <c r="H407102" s="12"/>
    </row>
    <row r="407103" spans="8:8">
      <c r="H407103" s="12"/>
    </row>
    <row r="407104" spans="8:8">
      <c r="H407104" s="12"/>
    </row>
    <row r="407105" spans="8:8">
      <c r="H407105" s="12"/>
    </row>
    <row r="407106" spans="8:8">
      <c r="H407106" s="12"/>
    </row>
    <row r="407107" spans="8:8">
      <c r="H407107" s="12"/>
    </row>
    <row r="407108" spans="8:8">
      <c r="H407108" s="12"/>
    </row>
    <row r="407109" spans="8:8">
      <c r="H407109" s="12"/>
    </row>
    <row r="407110" spans="8:8">
      <c r="H407110" s="12"/>
    </row>
    <row r="407111" spans="8:8">
      <c r="H407111" s="12"/>
    </row>
    <row r="407112" spans="8:8">
      <c r="H407112" s="12"/>
    </row>
    <row r="407113" spans="8:8">
      <c r="H407113" s="12"/>
    </row>
    <row r="407114" spans="8:8">
      <c r="H407114" s="12"/>
    </row>
    <row r="407115" spans="8:8">
      <c r="H407115" s="12"/>
    </row>
    <row r="407116" spans="8:8">
      <c r="H407116" s="12"/>
    </row>
    <row r="407117" spans="8:8">
      <c r="H407117" s="12"/>
    </row>
    <row r="407118" spans="8:8">
      <c r="H407118" s="12"/>
    </row>
    <row r="407119" spans="8:8">
      <c r="H407119" s="12"/>
    </row>
    <row r="407120" spans="8:8">
      <c r="H407120" s="12"/>
    </row>
    <row r="407121" spans="8:8">
      <c r="H407121" s="12"/>
    </row>
    <row r="407122" spans="8:8">
      <c r="H407122" s="12"/>
    </row>
    <row r="407123" spans="8:8">
      <c r="H407123" s="12"/>
    </row>
    <row r="407124" spans="8:8">
      <c r="H407124" s="12"/>
    </row>
    <row r="407125" spans="8:8">
      <c r="H407125" s="12"/>
    </row>
    <row r="407126" spans="8:8">
      <c r="H407126" s="12"/>
    </row>
    <row r="407127" spans="8:8">
      <c r="H407127" s="12"/>
    </row>
    <row r="407128" spans="8:8">
      <c r="H407128" s="12"/>
    </row>
    <row r="407129" spans="8:8">
      <c r="H407129" s="12"/>
    </row>
    <row r="407130" spans="8:8">
      <c r="H407130" s="12"/>
    </row>
    <row r="407131" spans="8:8">
      <c r="H407131" s="12"/>
    </row>
    <row r="407132" spans="8:8">
      <c r="H407132" s="12"/>
    </row>
    <row r="407133" spans="8:8">
      <c r="H407133" s="12"/>
    </row>
    <row r="407134" spans="8:8">
      <c r="H407134" s="12"/>
    </row>
    <row r="407135" spans="8:8">
      <c r="H407135" s="12"/>
    </row>
    <row r="407136" spans="8:8">
      <c r="H407136" s="12"/>
    </row>
    <row r="407137" spans="8:8">
      <c r="H407137" s="12"/>
    </row>
    <row r="407138" spans="8:8">
      <c r="H407138" s="12"/>
    </row>
    <row r="407139" spans="8:8">
      <c r="H407139" s="12"/>
    </row>
    <row r="407140" spans="8:8">
      <c r="H407140" s="12"/>
    </row>
    <row r="407141" spans="8:8">
      <c r="H407141" s="12"/>
    </row>
    <row r="407142" spans="8:8">
      <c r="H407142" s="12"/>
    </row>
    <row r="407143" spans="8:8">
      <c r="H407143" s="12"/>
    </row>
    <row r="407144" spans="8:8">
      <c r="H407144" s="12"/>
    </row>
    <row r="407145" spans="8:8">
      <c r="H407145" s="12"/>
    </row>
    <row r="407146" spans="8:8">
      <c r="H407146" s="12"/>
    </row>
    <row r="407147" spans="8:8">
      <c r="H407147" s="12"/>
    </row>
    <row r="407148" spans="8:8">
      <c r="H407148" s="12"/>
    </row>
    <row r="407149" spans="8:8">
      <c r="H407149" s="12"/>
    </row>
    <row r="407150" spans="8:8">
      <c r="H407150" s="12"/>
    </row>
    <row r="407151" spans="8:8">
      <c r="H407151" s="12"/>
    </row>
    <row r="407152" spans="8:8">
      <c r="H407152" s="12"/>
    </row>
    <row r="407153" spans="8:8">
      <c r="H407153" s="12"/>
    </row>
    <row r="407154" spans="8:8">
      <c r="H407154" s="12"/>
    </row>
    <row r="407155" spans="8:8">
      <c r="H407155" s="12"/>
    </row>
    <row r="407156" spans="8:8">
      <c r="H407156" s="12"/>
    </row>
    <row r="407157" spans="8:8">
      <c r="H407157" s="12"/>
    </row>
    <row r="407158" spans="8:8">
      <c r="H407158" s="12"/>
    </row>
    <row r="407159" spans="8:8">
      <c r="H407159" s="12"/>
    </row>
    <row r="407160" spans="8:8">
      <c r="H407160" s="12"/>
    </row>
    <row r="407161" spans="8:8">
      <c r="H407161" s="12"/>
    </row>
    <row r="407162" spans="8:8">
      <c r="H407162" s="12"/>
    </row>
    <row r="407163" spans="8:8">
      <c r="H407163" s="12"/>
    </row>
    <row r="407164" spans="8:8">
      <c r="H407164" s="12"/>
    </row>
    <row r="407165" spans="8:8">
      <c r="H407165" s="12"/>
    </row>
    <row r="407166" spans="8:8">
      <c r="H407166" s="12"/>
    </row>
    <row r="407167" spans="8:8">
      <c r="H407167" s="12"/>
    </row>
    <row r="407168" spans="8:8">
      <c r="H407168" s="12"/>
    </row>
    <row r="407169" spans="8:8">
      <c r="H407169" s="12"/>
    </row>
    <row r="407170" spans="8:8">
      <c r="H407170" s="12"/>
    </row>
    <row r="407171" spans="8:8">
      <c r="H407171" s="12"/>
    </row>
    <row r="407172" spans="8:8">
      <c r="H407172" s="12"/>
    </row>
    <row r="407173" spans="8:8">
      <c r="H407173" s="12"/>
    </row>
    <row r="407174" spans="8:8">
      <c r="H407174" s="12"/>
    </row>
    <row r="407175" spans="8:8">
      <c r="H407175" s="12"/>
    </row>
    <row r="407176" spans="8:8">
      <c r="H407176" s="12"/>
    </row>
    <row r="407177" spans="8:8">
      <c r="H407177" s="12"/>
    </row>
    <row r="407178" spans="8:8">
      <c r="H407178" s="12"/>
    </row>
    <row r="407179" spans="8:8">
      <c r="H407179" s="12"/>
    </row>
    <row r="407180" spans="8:8">
      <c r="H407180" s="12"/>
    </row>
    <row r="407181" spans="8:8">
      <c r="H407181" s="12"/>
    </row>
    <row r="407182" spans="8:8">
      <c r="H407182" s="12"/>
    </row>
    <row r="407183" spans="8:8">
      <c r="H407183" s="12"/>
    </row>
    <row r="407184" spans="8:8">
      <c r="H407184" s="12"/>
    </row>
    <row r="407185" spans="8:8">
      <c r="H407185" s="12"/>
    </row>
    <row r="407186" spans="8:8">
      <c r="H407186" s="12"/>
    </row>
    <row r="407187" spans="8:8">
      <c r="H407187" s="12"/>
    </row>
    <row r="407188" spans="8:8">
      <c r="H407188" s="12"/>
    </row>
    <row r="407189" spans="8:8">
      <c r="H407189" s="12"/>
    </row>
    <row r="407190" spans="8:8">
      <c r="H407190" s="12"/>
    </row>
    <row r="407191" spans="8:8">
      <c r="H407191" s="12"/>
    </row>
    <row r="407192" spans="8:8">
      <c r="H407192" s="12"/>
    </row>
    <row r="407193" spans="8:8">
      <c r="H407193" s="12"/>
    </row>
    <row r="407194" spans="8:8">
      <c r="H407194" s="12"/>
    </row>
    <row r="407195" spans="8:8">
      <c r="H407195" s="12"/>
    </row>
    <row r="407196" spans="8:8">
      <c r="H407196" s="12"/>
    </row>
    <row r="407197" spans="8:8">
      <c r="H407197" s="12"/>
    </row>
    <row r="407198" spans="8:8">
      <c r="H407198" s="12"/>
    </row>
    <row r="407199" spans="8:8">
      <c r="H407199" s="12"/>
    </row>
    <row r="407200" spans="8:8">
      <c r="H407200" s="12"/>
    </row>
    <row r="407201" spans="8:8">
      <c r="H407201" s="12"/>
    </row>
    <row r="407202" spans="8:8">
      <c r="H407202" s="12"/>
    </row>
    <row r="407203" spans="8:8">
      <c r="H407203" s="12"/>
    </row>
    <row r="407204" spans="8:8">
      <c r="H407204" s="12"/>
    </row>
    <row r="407205" spans="8:8">
      <c r="H407205" s="12"/>
    </row>
    <row r="407206" spans="8:8">
      <c r="H407206" s="12"/>
    </row>
    <row r="407207" spans="8:8">
      <c r="H407207" s="12"/>
    </row>
    <row r="407208" spans="8:8">
      <c r="H407208" s="12"/>
    </row>
    <row r="407209" spans="8:8">
      <c r="H407209" s="12"/>
    </row>
    <row r="407210" spans="8:8">
      <c r="H407210" s="12"/>
    </row>
    <row r="407211" spans="8:8">
      <c r="H407211" s="12"/>
    </row>
    <row r="407212" spans="8:8">
      <c r="H407212" s="12"/>
    </row>
    <row r="407213" spans="8:8">
      <c r="H407213" s="12"/>
    </row>
    <row r="407214" spans="8:8">
      <c r="H407214" s="12"/>
    </row>
    <row r="407215" spans="8:8">
      <c r="H407215" s="12"/>
    </row>
    <row r="407216" spans="8:8">
      <c r="H407216" s="12"/>
    </row>
    <row r="407217" spans="8:8">
      <c r="H407217" s="12"/>
    </row>
    <row r="407218" spans="8:8">
      <c r="H407218" s="12"/>
    </row>
    <row r="407219" spans="8:8">
      <c r="H407219" s="12"/>
    </row>
    <row r="407220" spans="8:8">
      <c r="H407220" s="12"/>
    </row>
    <row r="407221" spans="8:8">
      <c r="H407221" s="12"/>
    </row>
    <row r="407222" spans="8:8">
      <c r="H407222" s="12"/>
    </row>
    <row r="407223" spans="8:8">
      <c r="H407223" s="12"/>
    </row>
    <row r="407224" spans="8:8">
      <c r="H407224" s="12"/>
    </row>
    <row r="407225" spans="8:8">
      <c r="H407225" s="12"/>
    </row>
    <row r="407226" spans="8:8">
      <c r="H407226" s="12"/>
    </row>
    <row r="407227" spans="8:8">
      <c r="H407227" s="12"/>
    </row>
    <row r="407228" spans="8:8">
      <c r="H407228" s="12"/>
    </row>
    <row r="407229" spans="8:8">
      <c r="H407229" s="12"/>
    </row>
    <row r="407230" spans="8:8">
      <c r="H407230" s="12"/>
    </row>
    <row r="407231" spans="8:8">
      <c r="H407231" s="12"/>
    </row>
    <row r="407232" spans="8:8">
      <c r="H407232" s="12"/>
    </row>
    <row r="407233" spans="8:8">
      <c r="H407233" s="12"/>
    </row>
    <row r="407234" spans="8:8">
      <c r="H407234" s="12"/>
    </row>
    <row r="407235" spans="8:8">
      <c r="H407235" s="12"/>
    </row>
    <row r="407236" spans="8:8">
      <c r="H407236" s="12"/>
    </row>
    <row r="407237" spans="8:8">
      <c r="H407237" s="12"/>
    </row>
    <row r="407238" spans="8:8">
      <c r="H407238" s="12"/>
    </row>
    <row r="407239" spans="8:8">
      <c r="H407239" s="12"/>
    </row>
    <row r="407240" spans="8:8">
      <c r="H407240" s="12"/>
    </row>
    <row r="407241" spans="8:8">
      <c r="H407241" s="12"/>
    </row>
    <row r="407242" spans="8:8">
      <c r="H407242" s="12"/>
    </row>
    <row r="407243" spans="8:8">
      <c r="H407243" s="12"/>
    </row>
    <row r="407244" spans="8:8">
      <c r="H407244" s="12"/>
    </row>
    <row r="407245" spans="8:8">
      <c r="H407245" s="12"/>
    </row>
    <row r="407246" spans="8:8">
      <c r="H407246" s="12"/>
    </row>
    <row r="407247" spans="8:8">
      <c r="H407247" s="12"/>
    </row>
    <row r="407248" spans="8:8">
      <c r="H407248" s="12"/>
    </row>
    <row r="407249" spans="8:8">
      <c r="H407249" s="12"/>
    </row>
    <row r="407250" spans="8:8">
      <c r="H407250" s="12"/>
    </row>
    <row r="407251" spans="8:8">
      <c r="H407251" s="12"/>
    </row>
    <row r="407252" spans="8:8">
      <c r="H407252" s="12"/>
    </row>
    <row r="407253" spans="8:8">
      <c r="H407253" s="12"/>
    </row>
    <row r="407254" spans="8:8">
      <c r="H407254" s="12"/>
    </row>
    <row r="407255" spans="8:8">
      <c r="H407255" s="12"/>
    </row>
    <row r="407256" spans="8:8">
      <c r="H407256" s="12"/>
    </row>
    <row r="407257" spans="8:8">
      <c r="H407257" s="12"/>
    </row>
    <row r="407258" spans="8:8">
      <c r="H407258" s="12"/>
    </row>
    <row r="407259" spans="8:8">
      <c r="H407259" s="12"/>
    </row>
    <row r="407260" spans="8:8">
      <c r="H407260" s="12"/>
    </row>
    <row r="407261" spans="8:8">
      <c r="H407261" s="12"/>
    </row>
    <row r="407262" spans="8:8">
      <c r="H407262" s="12"/>
    </row>
    <row r="407263" spans="8:8">
      <c r="H407263" s="12"/>
    </row>
    <row r="407264" spans="8:8">
      <c r="H407264" s="12"/>
    </row>
    <row r="407265" spans="8:8">
      <c r="H407265" s="12"/>
    </row>
    <row r="407266" spans="8:8">
      <c r="H407266" s="12"/>
    </row>
    <row r="407267" spans="8:8">
      <c r="H407267" s="12"/>
    </row>
    <row r="407268" spans="8:8">
      <c r="H407268" s="12"/>
    </row>
    <row r="407269" spans="8:8">
      <c r="H407269" s="12"/>
    </row>
    <row r="407270" spans="8:8">
      <c r="H407270" s="12"/>
    </row>
    <row r="407271" spans="8:8">
      <c r="H407271" s="12"/>
    </row>
    <row r="407272" spans="8:8">
      <c r="H407272" s="12"/>
    </row>
    <row r="407273" spans="8:8">
      <c r="H407273" s="12"/>
    </row>
    <row r="407274" spans="8:8">
      <c r="H407274" s="12"/>
    </row>
    <row r="407275" spans="8:8">
      <c r="H407275" s="12"/>
    </row>
    <row r="407276" spans="8:8">
      <c r="H407276" s="12"/>
    </row>
    <row r="407277" spans="8:8">
      <c r="H407277" s="12"/>
    </row>
    <row r="407278" spans="8:8">
      <c r="H407278" s="12"/>
    </row>
    <row r="407279" spans="8:8">
      <c r="H407279" s="12"/>
    </row>
    <row r="407280" spans="8:8">
      <c r="H407280" s="12"/>
    </row>
    <row r="407281" spans="8:8">
      <c r="H407281" s="12"/>
    </row>
    <row r="407282" spans="8:8">
      <c r="H407282" s="12"/>
    </row>
    <row r="407283" spans="8:8">
      <c r="H407283" s="12"/>
    </row>
    <row r="407284" spans="8:8">
      <c r="H407284" s="12"/>
    </row>
    <row r="407285" spans="8:8">
      <c r="H407285" s="12"/>
    </row>
    <row r="407286" spans="8:8">
      <c r="H407286" s="12"/>
    </row>
    <row r="407287" spans="8:8">
      <c r="H407287" s="12"/>
    </row>
    <row r="407288" spans="8:8">
      <c r="H407288" s="12"/>
    </row>
    <row r="407289" spans="8:8">
      <c r="H407289" s="12"/>
    </row>
    <row r="407290" spans="8:8">
      <c r="H407290" s="12"/>
    </row>
    <row r="407291" spans="8:8">
      <c r="H407291" s="12"/>
    </row>
    <row r="407292" spans="8:8">
      <c r="H407292" s="12"/>
    </row>
    <row r="407293" spans="8:8">
      <c r="H407293" s="12"/>
    </row>
    <row r="407294" spans="8:8">
      <c r="H407294" s="12"/>
    </row>
    <row r="407295" spans="8:8">
      <c r="H407295" s="12"/>
    </row>
    <row r="407296" spans="8:8">
      <c r="H407296" s="12"/>
    </row>
    <row r="407297" spans="8:8">
      <c r="H407297" s="12"/>
    </row>
    <row r="407298" spans="8:8">
      <c r="H407298" s="12"/>
    </row>
    <row r="407299" spans="8:8">
      <c r="H407299" s="12"/>
    </row>
    <row r="407300" spans="8:8">
      <c r="H407300" s="12"/>
    </row>
    <row r="407301" spans="8:8">
      <c r="H407301" s="12"/>
    </row>
    <row r="407302" spans="8:8">
      <c r="H407302" s="12"/>
    </row>
    <row r="407303" spans="8:8">
      <c r="H407303" s="12"/>
    </row>
    <row r="407304" spans="8:8">
      <c r="H407304" s="12"/>
    </row>
    <row r="407305" spans="8:8">
      <c r="H407305" s="12"/>
    </row>
    <row r="407306" spans="8:8">
      <c r="H407306" s="12"/>
    </row>
    <row r="407307" spans="8:8">
      <c r="H407307" s="12"/>
    </row>
    <row r="407308" spans="8:8">
      <c r="H407308" s="12"/>
    </row>
    <row r="407309" spans="8:8">
      <c r="H407309" s="12"/>
    </row>
    <row r="407310" spans="8:8">
      <c r="H407310" s="12"/>
    </row>
    <row r="407311" spans="8:8">
      <c r="H407311" s="12"/>
    </row>
    <row r="407312" spans="8:8">
      <c r="H407312" s="12"/>
    </row>
    <row r="407313" spans="8:8">
      <c r="H407313" s="12"/>
    </row>
    <row r="407314" spans="8:8">
      <c r="H407314" s="12"/>
    </row>
    <row r="407315" spans="8:8">
      <c r="H407315" s="12"/>
    </row>
    <row r="407316" spans="8:8">
      <c r="H407316" s="12"/>
    </row>
    <row r="407317" spans="8:8">
      <c r="H407317" s="12"/>
    </row>
    <row r="407318" spans="8:8">
      <c r="H407318" s="12"/>
    </row>
    <row r="407319" spans="8:8">
      <c r="H407319" s="12"/>
    </row>
    <row r="407320" spans="8:8">
      <c r="H407320" s="12"/>
    </row>
    <row r="407321" spans="8:8">
      <c r="H407321" s="12"/>
    </row>
    <row r="407322" spans="8:8">
      <c r="H407322" s="12"/>
    </row>
    <row r="407323" spans="8:8">
      <c r="H407323" s="12"/>
    </row>
    <row r="407324" spans="8:8">
      <c r="H407324" s="12"/>
    </row>
    <row r="407325" spans="8:8">
      <c r="H407325" s="12"/>
    </row>
    <row r="407326" spans="8:8">
      <c r="H407326" s="12"/>
    </row>
    <row r="407327" spans="8:8">
      <c r="H407327" s="12"/>
    </row>
    <row r="407328" spans="8:8">
      <c r="H407328" s="12"/>
    </row>
    <row r="407329" spans="8:8">
      <c r="H407329" s="12"/>
    </row>
    <row r="407330" spans="8:8">
      <c r="H407330" s="12"/>
    </row>
    <row r="407331" spans="8:8">
      <c r="H407331" s="12"/>
    </row>
    <row r="407332" spans="8:8">
      <c r="H407332" s="12"/>
    </row>
    <row r="407333" spans="8:8">
      <c r="H407333" s="12"/>
    </row>
    <row r="407334" spans="8:8">
      <c r="H407334" s="12"/>
    </row>
    <row r="407335" spans="8:8">
      <c r="H407335" s="12"/>
    </row>
    <row r="407336" spans="8:8">
      <c r="H407336" s="12"/>
    </row>
    <row r="407337" spans="8:8">
      <c r="H407337" s="12"/>
    </row>
    <row r="407338" spans="8:8">
      <c r="H407338" s="12"/>
    </row>
    <row r="407339" spans="8:8">
      <c r="H407339" s="12"/>
    </row>
    <row r="407340" spans="8:8">
      <c r="H407340" s="12"/>
    </row>
    <row r="407341" spans="8:8">
      <c r="H407341" s="12"/>
    </row>
    <row r="407342" spans="8:8">
      <c r="H407342" s="12"/>
    </row>
    <row r="407343" spans="8:8">
      <c r="H407343" s="12"/>
    </row>
    <row r="407344" spans="8:8">
      <c r="H407344" s="12"/>
    </row>
    <row r="407345" spans="8:8">
      <c r="H407345" s="12"/>
    </row>
    <row r="407346" spans="8:8">
      <c r="H407346" s="12"/>
    </row>
    <row r="407347" spans="8:8">
      <c r="H407347" s="12"/>
    </row>
    <row r="407348" spans="8:8">
      <c r="H407348" s="12"/>
    </row>
    <row r="407349" spans="8:8">
      <c r="H407349" s="12"/>
    </row>
    <row r="407350" spans="8:8">
      <c r="H407350" s="12"/>
    </row>
    <row r="407351" spans="8:8">
      <c r="H407351" s="12"/>
    </row>
    <row r="407352" spans="8:8">
      <c r="H407352" s="12"/>
    </row>
    <row r="407353" spans="8:8">
      <c r="H407353" s="12"/>
    </row>
    <row r="407354" spans="8:8">
      <c r="H407354" s="12"/>
    </row>
    <row r="407355" spans="8:8">
      <c r="H407355" s="12"/>
    </row>
    <row r="407356" spans="8:8">
      <c r="H407356" s="12"/>
    </row>
    <row r="407357" spans="8:8">
      <c r="H407357" s="12"/>
    </row>
    <row r="407358" spans="8:8">
      <c r="H407358" s="12"/>
    </row>
    <row r="407359" spans="8:8">
      <c r="H407359" s="12"/>
    </row>
    <row r="407360" spans="8:8">
      <c r="H407360" s="12"/>
    </row>
    <row r="407361" spans="8:8">
      <c r="H407361" s="12"/>
    </row>
    <row r="407362" spans="8:8">
      <c r="H407362" s="12"/>
    </row>
    <row r="407363" spans="8:8">
      <c r="H407363" s="12"/>
    </row>
    <row r="407364" spans="8:8">
      <c r="H407364" s="12"/>
    </row>
    <row r="407365" spans="8:8">
      <c r="H407365" s="12"/>
    </row>
    <row r="407366" spans="8:8">
      <c r="H407366" s="12"/>
    </row>
    <row r="407367" spans="8:8">
      <c r="H407367" s="12"/>
    </row>
    <row r="407368" spans="8:8">
      <c r="H407368" s="12"/>
    </row>
    <row r="407369" spans="8:8">
      <c r="H407369" s="12"/>
    </row>
    <row r="407370" spans="8:8">
      <c r="H407370" s="12"/>
    </row>
    <row r="407371" spans="8:8">
      <c r="H407371" s="12"/>
    </row>
    <row r="407372" spans="8:8">
      <c r="H407372" s="12"/>
    </row>
    <row r="407373" spans="8:8">
      <c r="H407373" s="12"/>
    </row>
    <row r="407374" spans="8:8">
      <c r="H407374" s="12"/>
    </row>
    <row r="407375" spans="8:8">
      <c r="H407375" s="12"/>
    </row>
    <row r="407376" spans="8:8">
      <c r="H407376" s="12"/>
    </row>
    <row r="407377" spans="8:8">
      <c r="H407377" s="12"/>
    </row>
    <row r="407378" spans="8:8">
      <c r="H407378" s="12"/>
    </row>
    <row r="407379" spans="8:8">
      <c r="H407379" s="12"/>
    </row>
    <row r="407380" spans="8:8">
      <c r="H407380" s="12"/>
    </row>
    <row r="407381" spans="8:8">
      <c r="H407381" s="12"/>
    </row>
    <row r="407382" spans="8:8">
      <c r="H407382" s="12"/>
    </row>
    <row r="407383" spans="8:8">
      <c r="H407383" s="12"/>
    </row>
    <row r="407384" spans="8:8">
      <c r="H407384" s="12"/>
    </row>
    <row r="407385" spans="8:8">
      <c r="H407385" s="12"/>
    </row>
    <row r="407386" spans="8:8">
      <c r="H407386" s="12"/>
    </row>
    <row r="407387" spans="8:8">
      <c r="H407387" s="12"/>
    </row>
    <row r="407388" spans="8:8">
      <c r="H407388" s="12"/>
    </row>
    <row r="407389" spans="8:8">
      <c r="H407389" s="12"/>
    </row>
    <row r="407390" spans="8:8">
      <c r="H407390" s="12"/>
    </row>
    <row r="407391" spans="8:8">
      <c r="H407391" s="12"/>
    </row>
    <row r="407392" spans="8:8">
      <c r="H407392" s="12"/>
    </row>
    <row r="407393" spans="8:8">
      <c r="H407393" s="12"/>
    </row>
    <row r="407394" spans="8:8">
      <c r="H407394" s="12"/>
    </row>
    <row r="407395" spans="8:8">
      <c r="H407395" s="12"/>
    </row>
    <row r="407396" spans="8:8">
      <c r="H407396" s="12"/>
    </row>
    <row r="407397" spans="8:8">
      <c r="H407397" s="12"/>
    </row>
    <row r="407398" spans="8:8">
      <c r="H407398" s="12"/>
    </row>
    <row r="407399" spans="8:8">
      <c r="H407399" s="12"/>
    </row>
    <row r="407400" spans="8:8">
      <c r="H407400" s="12"/>
    </row>
    <row r="407401" spans="8:8">
      <c r="H407401" s="12"/>
    </row>
    <row r="407402" spans="8:8">
      <c r="H407402" s="12"/>
    </row>
    <row r="407403" spans="8:8">
      <c r="H407403" s="12"/>
    </row>
    <row r="407404" spans="8:8">
      <c r="H407404" s="12"/>
    </row>
    <row r="407405" spans="8:8">
      <c r="H407405" s="12"/>
    </row>
    <row r="407406" spans="8:8">
      <c r="H407406" s="12"/>
    </row>
    <row r="407407" spans="8:8">
      <c r="H407407" s="12"/>
    </row>
    <row r="407408" spans="8:8">
      <c r="H407408" s="12"/>
    </row>
    <row r="407409" spans="8:8">
      <c r="H407409" s="12"/>
    </row>
    <row r="407410" spans="8:8">
      <c r="H407410" s="12"/>
    </row>
    <row r="407411" spans="8:8">
      <c r="H407411" s="12"/>
    </row>
    <row r="407412" spans="8:8">
      <c r="H407412" s="12"/>
    </row>
    <row r="407413" spans="8:8">
      <c r="H407413" s="12"/>
    </row>
    <row r="407414" spans="8:8">
      <c r="H407414" s="12"/>
    </row>
    <row r="407415" spans="8:8">
      <c r="H407415" s="12"/>
    </row>
    <row r="407416" spans="8:8">
      <c r="H407416" s="12"/>
    </row>
    <row r="407417" spans="8:8">
      <c r="H407417" s="12"/>
    </row>
    <row r="407418" spans="8:8">
      <c r="H407418" s="12"/>
    </row>
    <row r="407419" spans="8:8">
      <c r="H407419" s="12"/>
    </row>
    <row r="407420" spans="8:8">
      <c r="H407420" s="12"/>
    </row>
    <row r="407421" spans="8:8">
      <c r="H407421" s="12"/>
    </row>
    <row r="407422" spans="8:8">
      <c r="H407422" s="12"/>
    </row>
    <row r="407423" spans="8:8">
      <c r="H407423" s="12"/>
    </row>
    <row r="407424" spans="8:8">
      <c r="H407424" s="12"/>
    </row>
    <row r="407425" spans="8:8">
      <c r="H407425" s="12"/>
    </row>
    <row r="407426" spans="8:8">
      <c r="H407426" s="12"/>
    </row>
    <row r="407427" spans="8:8">
      <c r="H407427" s="12"/>
    </row>
    <row r="407428" spans="8:8">
      <c r="H407428" s="12"/>
    </row>
    <row r="407429" spans="8:8">
      <c r="H407429" s="12"/>
    </row>
    <row r="407430" spans="8:8">
      <c r="H407430" s="12"/>
    </row>
    <row r="407431" spans="8:8">
      <c r="H407431" s="12"/>
    </row>
    <row r="407432" spans="8:8">
      <c r="H407432" s="12"/>
    </row>
    <row r="407433" spans="8:8">
      <c r="H407433" s="12"/>
    </row>
    <row r="407434" spans="8:8">
      <c r="H407434" s="12"/>
    </row>
    <row r="407435" spans="8:8">
      <c r="H407435" s="12"/>
    </row>
    <row r="407436" spans="8:8">
      <c r="H407436" s="12"/>
    </row>
    <row r="407437" spans="8:8">
      <c r="H407437" s="12"/>
    </row>
    <row r="407438" spans="8:8">
      <c r="H407438" s="12"/>
    </row>
    <row r="407439" spans="8:8">
      <c r="H407439" s="12"/>
    </row>
    <row r="407440" spans="8:8">
      <c r="H407440" s="12"/>
    </row>
    <row r="407441" spans="8:8">
      <c r="H407441" s="12"/>
    </row>
    <row r="407442" spans="8:8">
      <c r="H407442" s="12"/>
    </row>
    <row r="407443" spans="8:8">
      <c r="H407443" s="12"/>
    </row>
    <row r="407444" spans="8:8">
      <c r="H407444" s="12"/>
    </row>
    <row r="407445" spans="8:8">
      <c r="H407445" s="12"/>
    </row>
    <row r="407446" spans="8:8">
      <c r="H407446" s="12"/>
    </row>
    <row r="407447" spans="8:8">
      <c r="H407447" s="12"/>
    </row>
    <row r="407448" spans="8:8">
      <c r="H407448" s="12"/>
    </row>
    <row r="407449" spans="8:8">
      <c r="H407449" s="12"/>
    </row>
    <row r="407450" spans="8:8">
      <c r="H407450" s="12"/>
    </row>
    <row r="407451" spans="8:8">
      <c r="H407451" s="12"/>
    </row>
    <row r="407452" spans="8:8">
      <c r="H407452" s="12"/>
    </row>
    <row r="407453" spans="8:8">
      <c r="H407453" s="12"/>
    </row>
    <row r="407454" spans="8:8">
      <c r="H407454" s="12"/>
    </row>
    <row r="407455" spans="8:8">
      <c r="H407455" s="12"/>
    </row>
    <row r="407456" spans="8:8">
      <c r="H407456" s="12"/>
    </row>
    <row r="407457" spans="8:8">
      <c r="H407457" s="12"/>
    </row>
    <row r="407458" spans="8:8">
      <c r="H407458" s="12"/>
    </row>
    <row r="407459" spans="8:8">
      <c r="H407459" s="12"/>
    </row>
    <row r="407460" spans="8:8">
      <c r="H407460" s="12"/>
    </row>
    <row r="407461" spans="8:8">
      <c r="H407461" s="12"/>
    </row>
    <row r="407462" spans="8:8">
      <c r="H407462" s="12"/>
    </row>
    <row r="407463" spans="8:8">
      <c r="H407463" s="12"/>
    </row>
    <row r="407464" spans="8:8">
      <c r="H407464" s="12"/>
    </row>
    <row r="407465" spans="8:8">
      <c r="H407465" s="12"/>
    </row>
    <row r="407466" spans="8:8">
      <c r="H407466" s="12"/>
    </row>
    <row r="407467" spans="8:8">
      <c r="H407467" s="12"/>
    </row>
    <row r="407468" spans="8:8">
      <c r="H407468" s="12"/>
    </row>
    <row r="407469" spans="8:8">
      <c r="H407469" s="12"/>
    </row>
    <row r="407470" spans="8:8">
      <c r="H407470" s="12"/>
    </row>
    <row r="407471" spans="8:8">
      <c r="H407471" s="12"/>
    </row>
    <row r="407472" spans="8:8">
      <c r="H407472" s="12"/>
    </row>
    <row r="407473" spans="8:8">
      <c r="H407473" s="12"/>
    </row>
    <row r="407474" spans="8:8">
      <c r="H407474" s="12"/>
    </row>
    <row r="407475" spans="8:8">
      <c r="H407475" s="12"/>
    </row>
    <row r="407476" spans="8:8">
      <c r="H407476" s="12"/>
    </row>
    <row r="407477" spans="8:8">
      <c r="H407477" s="12"/>
    </row>
    <row r="407478" spans="8:8">
      <c r="H407478" s="12"/>
    </row>
    <row r="407479" spans="8:8">
      <c r="H407479" s="12"/>
    </row>
    <row r="407480" spans="8:8">
      <c r="H407480" s="12"/>
    </row>
    <row r="407481" spans="8:8">
      <c r="H407481" s="12"/>
    </row>
    <row r="407482" spans="8:8">
      <c r="H407482" s="12"/>
    </row>
    <row r="407483" spans="8:8">
      <c r="H407483" s="12"/>
    </row>
    <row r="407484" spans="8:8">
      <c r="H407484" s="12"/>
    </row>
    <row r="407485" spans="8:8">
      <c r="H407485" s="12"/>
    </row>
    <row r="407486" spans="8:8">
      <c r="H407486" s="12"/>
    </row>
    <row r="407487" spans="8:8">
      <c r="H407487" s="12"/>
    </row>
    <row r="407488" spans="8:8">
      <c r="H407488" s="12"/>
    </row>
    <row r="407489" spans="8:8">
      <c r="H407489" s="12"/>
    </row>
    <row r="407490" spans="8:8">
      <c r="H407490" s="12"/>
    </row>
    <row r="407491" spans="8:8">
      <c r="H407491" s="12"/>
    </row>
    <row r="407492" spans="8:8">
      <c r="H407492" s="12"/>
    </row>
    <row r="407493" spans="8:8">
      <c r="H407493" s="12"/>
    </row>
    <row r="407494" spans="8:8">
      <c r="H407494" s="12"/>
    </row>
    <row r="407495" spans="8:8">
      <c r="H407495" s="12"/>
    </row>
    <row r="407496" spans="8:8">
      <c r="H407496" s="12"/>
    </row>
    <row r="407497" spans="8:8">
      <c r="H407497" s="12"/>
    </row>
    <row r="407498" spans="8:8">
      <c r="H407498" s="12"/>
    </row>
    <row r="407499" spans="8:8">
      <c r="H407499" s="12"/>
    </row>
    <row r="407500" spans="8:8">
      <c r="H407500" s="12"/>
    </row>
    <row r="407501" spans="8:8">
      <c r="H407501" s="12"/>
    </row>
    <row r="407502" spans="8:8">
      <c r="H407502" s="12"/>
    </row>
    <row r="407503" spans="8:8">
      <c r="H407503" s="12"/>
    </row>
    <row r="407504" spans="8:8">
      <c r="H407504" s="12"/>
    </row>
    <row r="407505" spans="8:8">
      <c r="H407505" s="12"/>
    </row>
    <row r="407506" spans="8:8">
      <c r="H407506" s="12"/>
    </row>
    <row r="407507" spans="8:8">
      <c r="H407507" s="12"/>
    </row>
    <row r="407508" spans="8:8">
      <c r="H407508" s="12"/>
    </row>
    <row r="407509" spans="8:8">
      <c r="H407509" s="12"/>
    </row>
    <row r="407510" spans="8:8">
      <c r="H407510" s="12"/>
    </row>
    <row r="407511" spans="8:8">
      <c r="H407511" s="12"/>
    </row>
    <row r="407512" spans="8:8">
      <c r="H407512" s="12"/>
    </row>
    <row r="407513" spans="8:8">
      <c r="H407513" s="12"/>
    </row>
    <row r="407514" spans="8:8">
      <c r="H407514" s="12"/>
    </row>
    <row r="407515" spans="8:8">
      <c r="H407515" s="12"/>
    </row>
    <row r="407516" spans="8:8">
      <c r="H407516" s="12"/>
    </row>
    <row r="407517" spans="8:8">
      <c r="H407517" s="12"/>
    </row>
    <row r="407518" spans="8:8">
      <c r="H407518" s="12"/>
    </row>
    <row r="407519" spans="8:8">
      <c r="H407519" s="12"/>
    </row>
    <row r="407520" spans="8:8">
      <c r="H407520" s="12"/>
    </row>
    <row r="407521" spans="8:8">
      <c r="H407521" s="12"/>
    </row>
    <row r="407522" spans="8:8">
      <c r="H407522" s="12"/>
    </row>
    <row r="407523" spans="8:8">
      <c r="H407523" s="12"/>
    </row>
    <row r="407524" spans="8:8">
      <c r="H407524" s="12"/>
    </row>
    <row r="407525" spans="8:8">
      <c r="H407525" s="12"/>
    </row>
    <row r="407526" spans="8:8">
      <c r="H407526" s="12"/>
    </row>
    <row r="407527" spans="8:8">
      <c r="H407527" s="12"/>
    </row>
    <row r="407528" spans="8:8">
      <c r="H407528" s="12"/>
    </row>
    <row r="407529" spans="8:8">
      <c r="H407529" s="12"/>
    </row>
    <row r="407530" spans="8:8">
      <c r="H407530" s="12"/>
    </row>
    <row r="407531" spans="8:8">
      <c r="H407531" s="12"/>
    </row>
    <row r="407532" spans="8:8">
      <c r="H407532" s="12"/>
    </row>
    <row r="407533" spans="8:8">
      <c r="H407533" s="12"/>
    </row>
    <row r="407534" spans="8:8">
      <c r="H407534" s="12"/>
    </row>
    <row r="407535" spans="8:8">
      <c r="H407535" s="12"/>
    </row>
    <row r="407536" spans="8:8">
      <c r="H407536" s="12"/>
    </row>
    <row r="407537" spans="8:8">
      <c r="H407537" s="12"/>
    </row>
    <row r="407538" spans="8:8">
      <c r="H407538" s="12"/>
    </row>
    <row r="407539" spans="8:8">
      <c r="H407539" s="12"/>
    </row>
    <row r="407540" spans="8:8">
      <c r="H407540" s="12"/>
    </row>
    <row r="407541" spans="8:8">
      <c r="H407541" s="12"/>
    </row>
    <row r="407542" spans="8:8">
      <c r="H407542" s="12"/>
    </row>
    <row r="407543" spans="8:8">
      <c r="H407543" s="12"/>
    </row>
    <row r="407544" spans="8:8">
      <c r="H407544" s="12"/>
    </row>
    <row r="407545" spans="8:8">
      <c r="H407545" s="12"/>
    </row>
    <row r="407546" spans="8:8">
      <c r="H407546" s="12"/>
    </row>
    <row r="407547" spans="8:8">
      <c r="H407547" s="12"/>
    </row>
    <row r="407548" spans="8:8">
      <c r="H407548" s="12"/>
    </row>
    <row r="407549" spans="8:8">
      <c r="H407549" s="12"/>
    </row>
    <row r="407550" spans="8:8">
      <c r="H407550" s="12"/>
    </row>
    <row r="407551" spans="8:8">
      <c r="H407551" s="12"/>
    </row>
    <row r="407552" spans="8:8">
      <c r="H407552" s="12"/>
    </row>
    <row r="407553" spans="8:8">
      <c r="H407553" s="12"/>
    </row>
    <row r="407554" spans="8:8">
      <c r="H407554" s="12"/>
    </row>
    <row r="407555" spans="8:8">
      <c r="H407555" s="12"/>
    </row>
    <row r="407556" spans="8:8">
      <c r="H407556" s="12"/>
    </row>
    <row r="407557" spans="8:8">
      <c r="H407557" s="12"/>
    </row>
    <row r="407558" spans="8:8">
      <c r="H407558" s="12"/>
    </row>
    <row r="407559" spans="8:8">
      <c r="H407559" s="12"/>
    </row>
    <row r="407560" spans="8:8">
      <c r="H407560" s="12"/>
    </row>
    <row r="407561" spans="8:8">
      <c r="H407561" s="12"/>
    </row>
    <row r="407562" spans="8:8">
      <c r="H407562" s="12"/>
    </row>
    <row r="407563" spans="8:8">
      <c r="H407563" s="12"/>
    </row>
    <row r="407564" spans="8:8">
      <c r="H407564" s="12"/>
    </row>
    <row r="407565" spans="8:8">
      <c r="H407565" s="12"/>
    </row>
    <row r="407566" spans="8:8">
      <c r="H407566" s="12"/>
    </row>
    <row r="407567" spans="8:8">
      <c r="H407567" s="12"/>
    </row>
    <row r="407568" spans="8:8">
      <c r="H407568" s="12"/>
    </row>
    <row r="407569" spans="8:8">
      <c r="H407569" s="12"/>
    </row>
    <row r="407570" spans="8:8">
      <c r="H407570" s="12"/>
    </row>
    <row r="407571" spans="8:8">
      <c r="H407571" s="12"/>
    </row>
    <row r="407572" spans="8:8">
      <c r="H407572" s="12"/>
    </row>
    <row r="407573" spans="8:8">
      <c r="H407573" s="12"/>
    </row>
    <row r="407574" spans="8:8">
      <c r="H407574" s="12"/>
    </row>
    <row r="407575" spans="8:8">
      <c r="H407575" s="12"/>
    </row>
    <row r="407576" spans="8:8">
      <c r="H407576" s="12"/>
    </row>
    <row r="407577" spans="8:8">
      <c r="H407577" s="12"/>
    </row>
    <row r="407578" spans="8:8">
      <c r="H407578" s="12"/>
    </row>
    <row r="407579" spans="8:8">
      <c r="H407579" s="12"/>
    </row>
    <row r="407580" spans="8:8">
      <c r="H407580" s="12"/>
    </row>
    <row r="407581" spans="8:8">
      <c r="H407581" s="12"/>
    </row>
    <row r="407582" spans="8:8">
      <c r="H407582" s="12"/>
    </row>
    <row r="407583" spans="8:8">
      <c r="H407583" s="12"/>
    </row>
    <row r="407584" spans="8:8">
      <c r="H407584" s="12"/>
    </row>
    <row r="407585" spans="8:8">
      <c r="H407585" s="12"/>
    </row>
    <row r="407586" spans="8:8">
      <c r="H407586" s="12"/>
    </row>
    <row r="407587" spans="8:8">
      <c r="H407587" s="12"/>
    </row>
    <row r="407588" spans="8:8">
      <c r="H407588" s="12"/>
    </row>
    <row r="407589" spans="8:8">
      <c r="H407589" s="12"/>
    </row>
    <row r="407590" spans="8:8">
      <c r="H407590" s="12"/>
    </row>
    <row r="407591" spans="8:8">
      <c r="H407591" s="12"/>
    </row>
    <row r="407592" spans="8:8">
      <c r="H407592" s="12"/>
    </row>
    <row r="407593" spans="8:8">
      <c r="H407593" s="12"/>
    </row>
    <row r="407594" spans="8:8">
      <c r="H407594" s="12"/>
    </row>
    <row r="407595" spans="8:8">
      <c r="H407595" s="12"/>
    </row>
    <row r="407596" spans="8:8">
      <c r="H407596" s="12"/>
    </row>
    <row r="407597" spans="8:8">
      <c r="H407597" s="12"/>
    </row>
    <row r="407598" spans="8:8">
      <c r="H407598" s="12"/>
    </row>
    <row r="407599" spans="8:8">
      <c r="H407599" s="12"/>
    </row>
    <row r="407600" spans="8:8">
      <c r="H407600" s="12"/>
    </row>
    <row r="407601" spans="8:8">
      <c r="H407601" s="12"/>
    </row>
    <row r="407602" spans="8:8">
      <c r="H407602" s="12"/>
    </row>
    <row r="407603" spans="8:8">
      <c r="H407603" s="12"/>
    </row>
    <row r="407604" spans="8:8">
      <c r="H407604" s="12"/>
    </row>
    <row r="407605" spans="8:8">
      <c r="H407605" s="12"/>
    </row>
    <row r="407606" spans="8:8">
      <c r="H407606" s="12"/>
    </row>
    <row r="407607" spans="8:8">
      <c r="H407607" s="12"/>
    </row>
    <row r="407608" spans="8:8">
      <c r="H407608" s="12"/>
    </row>
    <row r="407609" spans="8:8">
      <c r="H407609" s="12"/>
    </row>
    <row r="407610" spans="8:8">
      <c r="H407610" s="12"/>
    </row>
    <row r="407611" spans="8:8">
      <c r="H407611" s="12"/>
    </row>
    <row r="407612" spans="8:8">
      <c r="H407612" s="12"/>
    </row>
    <row r="407613" spans="8:8">
      <c r="H407613" s="12"/>
    </row>
    <row r="407614" spans="8:8">
      <c r="H407614" s="12"/>
    </row>
    <row r="407615" spans="8:8">
      <c r="H407615" s="12"/>
    </row>
    <row r="407616" spans="8:8">
      <c r="H407616" s="12"/>
    </row>
    <row r="407617" spans="8:8">
      <c r="H407617" s="12"/>
    </row>
    <row r="407618" spans="8:8">
      <c r="H407618" s="12"/>
    </row>
    <row r="407619" spans="8:8">
      <c r="H407619" s="12"/>
    </row>
    <row r="407620" spans="8:8">
      <c r="H407620" s="12"/>
    </row>
    <row r="407621" spans="8:8">
      <c r="H407621" s="12"/>
    </row>
    <row r="407622" spans="8:8">
      <c r="H407622" s="12"/>
    </row>
    <row r="407623" spans="8:8">
      <c r="H407623" s="12"/>
    </row>
    <row r="407624" spans="8:8">
      <c r="H407624" s="12"/>
    </row>
    <row r="407625" spans="8:8">
      <c r="H407625" s="12"/>
    </row>
    <row r="407626" spans="8:8">
      <c r="H407626" s="12"/>
    </row>
    <row r="407627" spans="8:8">
      <c r="H407627" s="12"/>
    </row>
    <row r="407628" spans="8:8">
      <c r="H407628" s="12"/>
    </row>
    <row r="407629" spans="8:8">
      <c r="H407629" s="12"/>
    </row>
    <row r="407630" spans="8:8">
      <c r="H407630" s="12"/>
    </row>
    <row r="407631" spans="8:8">
      <c r="H407631" s="12"/>
    </row>
    <row r="407632" spans="8:8">
      <c r="H407632" s="12"/>
    </row>
    <row r="407633" spans="8:8">
      <c r="H407633" s="12"/>
    </row>
    <row r="407634" spans="8:8">
      <c r="H407634" s="12"/>
    </row>
    <row r="407635" spans="8:8">
      <c r="H407635" s="12"/>
    </row>
    <row r="407636" spans="8:8">
      <c r="H407636" s="12"/>
    </row>
    <row r="407637" spans="8:8">
      <c r="H407637" s="12"/>
    </row>
    <row r="407638" spans="8:8">
      <c r="H407638" s="12"/>
    </row>
    <row r="407639" spans="8:8">
      <c r="H407639" s="12"/>
    </row>
    <row r="407640" spans="8:8">
      <c r="H407640" s="12"/>
    </row>
    <row r="407641" spans="8:8">
      <c r="H407641" s="12"/>
    </row>
    <row r="407642" spans="8:8">
      <c r="H407642" s="12"/>
    </row>
    <row r="407643" spans="8:8">
      <c r="H407643" s="12"/>
    </row>
    <row r="407644" spans="8:8">
      <c r="H407644" s="12"/>
    </row>
    <row r="407645" spans="8:8">
      <c r="H407645" s="12"/>
    </row>
    <row r="407646" spans="8:8">
      <c r="H407646" s="12"/>
    </row>
    <row r="407647" spans="8:8">
      <c r="H407647" s="12"/>
    </row>
    <row r="407648" spans="8:8">
      <c r="H407648" s="12"/>
    </row>
    <row r="407649" spans="8:8">
      <c r="H407649" s="12"/>
    </row>
    <row r="407650" spans="8:8">
      <c r="H407650" s="12"/>
    </row>
    <row r="407651" spans="8:8">
      <c r="H407651" s="12"/>
    </row>
    <row r="407652" spans="8:8">
      <c r="H407652" s="12"/>
    </row>
    <row r="407653" spans="8:8">
      <c r="H407653" s="12"/>
    </row>
    <row r="407654" spans="8:8">
      <c r="H407654" s="12"/>
    </row>
    <row r="407655" spans="8:8">
      <c r="H407655" s="12"/>
    </row>
    <row r="407656" spans="8:8">
      <c r="H407656" s="12"/>
    </row>
    <row r="407657" spans="8:8">
      <c r="H407657" s="12"/>
    </row>
    <row r="407658" spans="8:8">
      <c r="H407658" s="12"/>
    </row>
    <row r="407659" spans="8:8">
      <c r="H407659" s="12"/>
    </row>
    <row r="407660" spans="8:8">
      <c r="H407660" s="12"/>
    </row>
    <row r="407661" spans="8:8">
      <c r="H407661" s="12"/>
    </row>
    <row r="407662" spans="8:8">
      <c r="H407662" s="12"/>
    </row>
    <row r="407663" spans="8:8">
      <c r="H407663" s="12"/>
    </row>
    <row r="407664" spans="8:8">
      <c r="H407664" s="12"/>
    </row>
    <row r="407665" spans="8:8">
      <c r="H407665" s="12"/>
    </row>
    <row r="407666" spans="8:8">
      <c r="H407666" s="12"/>
    </row>
    <row r="407667" spans="8:8">
      <c r="H407667" s="12"/>
    </row>
    <row r="407668" spans="8:8">
      <c r="H407668" s="12"/>
    </row>
    <row r="407669" spans="8:8">
      <c r="H407669" s="12"/>
    </row>
    <row r="407670" spans="8:8">
      <c r="H407670" s="12"/>
    </row>
    <row r="407671" spans="8:8">
      <c r="H407671" s="12"/>
    </row>
    <row r="407672" spans="8:8">
      <c r="H407672" s="12"/>
    </row>
    <row r="407673" spans="8:8">
      <c r="H407673" s="12"/>
    </row>
    <row r="407674" spans="8:8">
      <c r="H407674" s="12"/>
    </row>
    <row r="407675" spans="8:8">
      <c r="H407675" s="12"/>
    </row>
    <row r="407676" spans="8:8">
      <c r="H407676" s="12"/>
    </row>
    <row r="407677" spans="8:8">
      <c r="H407677" s="12"/>
    </row>
    <row r="407678" spans="8:8">
      <c r="H407678" s="12"/>
    </row>
    <row r="407679" spans="8:8">
      <c r="H407679" s="12"/>
    </row>
    <row r="407680" spans="8:8">
      <c r="H407680" s="12"/>
    </row>
    <row r="407681" spans="8:8">
      <c r="H407681" s="12"/>
    </row>
    <row r="407682" spans="8:8">
      <c r="H407682" s="12"/>
    </row>
    <row r="407683" spans="8:8">
      <c r="H407683" s="12"/>
    </row>
    <row r="407684" spans="8:8">
      <c r="H407684" s="12"/>
    </row>
    <row r="407685" spans="8:8">
      <c r="H407685" s="12"/>
    </row>
    <row r="407686" spans="8:8">
      <c r="H407686" s="12"/>
    </row>
    <row r="407687" spans="8:8">
      <c r="H407687" s="12"/>
    </row>
    <row r="407688" spans="8:8">
      <c r="H407688" s="12"/>
    </row>
    <row r="407689" spans="8:8">
      <c r="H407689" s="12"/>
    </row>
    <row r="407690" spans="8:8">
      <c r="H407690" s="12"/>
    </row>
    <row r="407691" spans="8:8">
      <c r="H407691" s="12"/>
    </row>
    <row r="407692" spans="8:8">
      <c r="H407692" s="12"/>
    </row>
    <row r="407693" spans="8:8">
      <c r="H407693" s="12"/>
    </row>
    <row r="407694" spans="8:8">
      <c r="H407694" s="12"/>
    </row>
    <row r="407695" spans="8:8">
      <c r="H407695" s="12"/>
    </row>
    <row r="407696" spans="8:8">
      <c r="H407696" s="12"/>
    </row>
    <row r="407697" spans="8:8">
      <c r="H407697" s="12"/>
    </row>
    <row r="407698" spans="8:8">
      <c r="H407698" s="12"/>
    </row>
    <row r="407699" spans="8:8">
      <c r="H407699" s="12"/>
    </row>
    <row r="407700" spans="8:8">
      <c r="H407700" s="12"/>
    </row>
    <row r="407701" spans="8:8">
      <c r="H407701" s="12"/>
    </row>
    <row r="407702" spans="8:8">
      <c r="H407702" s="12"/>
    </row>
    <row r="407703" spans="8:8">
      <c r="H407703" s="12"/>
    </row>
    <row r="407704" spans="8:8">
      <c r="H407704" s="12"/>
    </row>
    <row r="407705" spans="8:8">
      <c r="H407705" s="12"/>
    </row>
    <row r="407706" spans="8:8">
      <c r="H407706" s="12"/>
    </row>
    <row r="407707" spans="8:8">
      <c r="H407707" s="12"/>
    </row>
    <row r="407708" spans="8:8">
      <c r="H407708" s="12"/>
    </row>
    <row r="407709" spans="8:8">
      <c r="H407709" s="12"/>
    </row>
    <row r="407710" spans="8:8">
      <c r="H407710" s="12"/>
    </row>
    <row r="407711" spans="8:8">
      <c r="H407711" s="12"/>
    </row>
    <row r="407712" spans="8:8">
      <c r="H407712" s="12"/>
    </row>
    <row r="407713" spans="8:8">
      <c r="H407713" s="12"/>
    </row>
    <row r="407714" spans="8:8">
      <c r="H407714" s="12"/>
    </row>
    <row r="407715" spans="8:8">
      <c r="H407715" s="12"/>
    </row>
    <row r="407716" spans="8:8">
      <c r="H407716" s="12"/>
    </row>
    <row r="407717" spans="8:8">
      <c r="H407717" s="12"/>
    </row>
    <row r="407718" spans="8:8">
      <c r="H407718" s="12"/>
    </row>
    <row r="407719" spans="8:8">
      <c r="H407719" s="12"/>
    </row>
    <row r="407720" spans="8:8">
      <c r="H407720" s="12"/>
    </row>
    <row r="407721" spans="8:8">
      <c r="H407721" s="12"/>
    </row>
    <row r="407722" spans="8:8">
      <c r="H407722" s="12"/>
    </row>
    <row r="407723" spans="8:8">
      <c r="H407723" s="12"/>
    </row>
    <row r="407724" spans="8:8">
      <c r="H407724" s="12"/>
    </row>
    <row r="407725" spans="8:8">
      <c r="H407725" s="12"/>
    </row>
    <row r="407726" spans="8:8">
      <c r="H407726" s="12"/>
    </row>
    <row r="407727" spans="8:8">
      <c r="H407727" s="12"/>
    </row>
    <row r="407728" spans="8:8">
      <c r="H407728" s="12"/>
    </row>
    <row r="407729" spans="8:8">
      <c r="H407729" s="12"/>
    </row>
    <row r="407730" spans="8:8">
      <c r="H407730" s="12"/>
    </row>
    <row r="407731" spans="8:8">
      <c r="H407731" s="12"/>
    </row>
    <row r="407732" spans="8:8">
      <c r="H407732" s="12"/>
    </row>
    <row r="407733" spans="8:8">
      <c r="H407733" s="12"/>
    </row>
    <row r="407734" spans="8:8">
      <c r="H407734" s="12"/>
    </row>
    <row r="407735" spans="8:8">
      <c r="H407735" s="12"/>
    </row>
    <row r="407736" spans="8:8">
      <c r="H407736" s="12"/>
    </row>
    <row r="407737" spans="8:8">
      <c r="H407737" s="12"/>
    </row>
    <row r="407738" spans="8:8">
      <c r="H407738" s="12"/>
    </row>
    <row r="407739" spans="8:8">
      <c r="H407739" s="12"/>
    </row>
    <row r="407740" spans="8:8">
      <c r="H407740" s="12"/>
    </row>
    <row r="407741" spans="8:8">
      <c r="H407741" s="12"/>
    </row>
    <row r="407742" spans="8:8">
      <c r="H407742" s="12"/>
    </row>
    <row r="407743" spans="8:8">
      <c r="H407743" s="12"/>
    </row>
    <row r="407744" spans="8:8">
      <c r="H407744" s="12"/>
    </row>
    <row r="407745" spans="8:8">
      <c r="H407745" s="12"/>
    </row>
    <row r="407746" spans="8:8">
      <c r="H407746" s="12"/>
    </row>
    <row r="407747" spans="8:8">
      <c r="H407747" s="12"/>
    </row>
    <row r="407748" spans="8:8">
      <c r="H407748" s="12"/>
    </row>
    <row r="407749" spans="8:8">
      <c r="H407749" s="12"/>
    </row>
    <row r="407750" spans="8:8">
      <c r="H407750" s="12"/>
    </row>
    <row r="407751" spans="8:8">
      <c r="H407751" s="12"/>
    </row>
    <row r="407752" spans="8:8">
      <c r="H407752" s="12"/>
    </row>
    <row r="407753" spans="8:8">
      <c r="H407753" s="12"/>
    </row>
    <row r="407754" spans="8:8">
      <c r="H407754" s="12"/>
    </row>
    <row r="407755" spans="8:8">
      <c r="H407755" s="12"/>
    </row>
    <row r="407756" spans="8:8">
      <c r="H407756" s="12"/>
    </row>
    <row r="407757" spans="8:8">
      <c r="H407757" s="12"/>
    </row>
    <row r="407758" spans="8:8">
      <c r="H407758" s="12"/>
    </row>
    <row r="407759" spans="8:8">
      <c r="H407759" s="12"/>
    </row>
    <row r="407760" spans="8:8">
      <c r="H407760" s="12"/>
    </row>
    <row r="407761" spans="8:8">
      <c r="H407761" s="12"/>
    </row>
    <row r="407762" spans="8:8">
      <c r="H407762" s="12"/>
    </row>
    <row r="407763" spans="8:8">
      <c r="H407763" s="12"/>
    </row>
    <row r="407764" spans="8:8">
      <c r="H407764" s="12"/>
    </row>
    <row r="407765" spans="8:8">
      <c r="H407765" s="12"/>
    </row>
    <row r="407766" spans="8:8">
      <c r="H407766" s="12"/>
    </row>
    <row r="407767" spans="8:8">
      <c r="H407767" s="12"/>
    </row>
    <row r="407768" spans="8:8">
      <c r="H407768" s="12"/>
    </row>
    <row r="407769" spans="8:8">
      <c r="H407769" s="12"/>
    </row>
    <row r="407770" spans="8:8">
      <c r="H407770" s="12"/>
    </row>
    <row r="407771" spans="8:8">
      <c r="H407771" s="12"/>
    </row>
    <row r="407772" spans="8:8">
      <c r="H407772" s="12"/>
    </row>
    <row r="407773" spans="8:8">
      <c r="H407773" s="12"/>
    </row>
    <row r="407774" spans="8:8">
      <c r="H407774" s="12"/>
    </row>
    <row r="407775" spans="8:8">
      <c r="H407775" s="12"/>
    </row>
    <row r="407776" spans="8:8">
      <c r="H407776" s="12"/>
    </row>
    <row r="407777" spans="8:8">
      <c r="H407777" s="12"/>
    </row>
    <row r="407778" spans="8:8">
      <c r="H407778" s="12"/>
    </row>
    <row r="407779" spans="8:8">
      <c r="H407779" s="12"/>
    </row>
    <row r="407780" spans="8:8">
      <c r="H407780" s="12"/>
    </row>
    <row r="407781" spans="8:8">
      <c r="H407781" s="12"/>
    </row>
    <row r="407782" spans="8:8">
      <c r="H407782" s="12"/>
    </row>
    <row r="407783" spans="8:8">
      <c r="H407783" s="12"/>
    </row>
    <row r="407784" spans="8:8">
      <c r="H407784" s="12"/>
    </row>
    <row r="407785" spans="8:8">
      <c r="H407785" s="12"/>
    </row>
    <row r="407786" spans="8:8">
      <c r="H407786" s="12"/>
    </row>
    <row r="407787" spans="8:8">
      <c r="H407787" s="12"/>
    </row>
    <row r="407788" spans="8:8">
      <c r="H407788" s="12"/>
    </row>
    <row r="407789" spans="8:8">
      <c r="H407789" s="12"/>
    </row>
    <row r="407790" spans="8:8">
      <c r="H407790" s="12"/>
    </row>
    <row r="407791" spans="8:8">
      <c r="H407791" s="12"/>
    </row>
    <row r="407792" spans="8:8">
      <c r="H407792" s="12"/>
    </row>
    <row r="407793" spans="8:8">
      <c r="H407793" s="12"/>
    </row>
    <row r="407794" spans="8:8">
      <c r="H407794" s="12"/>
    </row>
    <row r="407795" spans="8:8">
      <c r="H407795" s="12"/>
    </row>
    <row r="407796" spans="8:8">
      <c r="H407796" s="12"/>
    </row>
    <row r="407797" spans="8:8">
      <c r="H407797" s="12"/>
    </row>
    <row r="407798" spans="8:8">
      <c r="H407798" s="12"/>
    </row>
    <row r="407799" spans="8:8">
      <c r="H407799" s="12"/>
    </row>
    <row r="407800" spans="8:8">
      <c r="H407800" s="12"/>
    </row>
    <row r="407801" spans="8:8">
      <c r="H407801" s="12"/>
    </row>
    <row r="407802" spans="8:8">
      <c r="H407802" s="12"/>
    </row>
    <row r="407803" spans="8:8">
      <c r="H407803" s="12"/>
    </row>
    <row r="407804" spans="8:8">
      <c r="H407804" s="12"/>
    </row>
    <row r="407805" spans="8:8">
      <c r="H407805" s="12"/>
    </row>
    <row r="407806" spans="8:8">
      <c r="H407806" s="12"/>
    </row>
    <row r="407807" spans="8:8">
      <c r="H407807" s="12"/>
    </row>
    <row r="407808" spans="8:8">
      <c r="H407808" s="12"/>
    </row>
    <row r="407809" spans="8:8">
      <c r="H407809" s="12"/>
    </row>
    <row r="407810" spans="8:8">
      <c r="H407810" s="12"/>
    </row>
    <row r="407811" spans="8:8">
      <c r="H407811" s="12"/>
    </row>
    <row r="407812" spans="8:8">
      <c r="H407812" s="12"/>
    </row>
    <row r="407813" spans="8:8">
      <c r="H407813" s="12"/>
    </row>
    <row r="407814" spans="8:8">
      <c r="H407814" s="12"/>
    </row>
    <row r="407815" spans="8:8">
      <c r="H407815" s="12"/>
    </row>
    <row r="407816" spans="8:8">
      <c r="H407816" s="12"/>
    </row>
    <row r="407817" spans="8:8">
      <c r="H407817" s="12"/>
    </row>
    <row r="407818" spans="8:8">
      <c r="H407818" s="12"/>
    </row>
    <row r="407819" spans="8:8">
      <c r="H407819" s="12"/>
    </row>
    <row r="407820" spans="8:8">
      <c r="H407820" s="12"/>
    </row>
    <row r="407821" spans="8:8">
      <c r="H407821" s="12"/>
    </row>
    <row r="407822" spans="8:8">
      <c r="H407822" s="12"/>
    </row>
    <row r="407823" spans="8:8">
      <c r="H407823" s="12"/>
    </row>
    <row r="407824" spans="8:8">
      <c r="H407824" s="12"/>
    </row>
    <row r="407825" spans="8:8">
      <c r="H407825" s="12"/>
    </row>
    <row r="407826" spans="8:8">
      <c r="H407826" s="12"/>
    </row>
    <row r="407827" spans="8:8">
      <c r="H407827" s="12"/>
    </row>
    <row r="407828" spans="8:8">
      <c r="H407828" s="12"/>
    </row>
    <row r="407829" spans="8:8">
      <c r="H407829" s="12"/>
    </row>
    <row r="407830" spans="8:8">
      <c r="H407830" s="12"/>
    </row>
    <row r="407831" spans="8:8">
      <c r="H407831" s="12"/>
    </row>
    <row r="407832" spans="8:8">
      <c r="H407832" s="12"/>
    </row>
    <row r="407833" spans="8:8">
      <c r="H407833" s="12"/>
    </row>
    <row r="407834" spans="8:8">
      <c r="H407834" s="12"/>
    </row>
    <row r="407835" spans="8:8">
      <c r="H407835" s="12"/>
    </row>
    <row r="407836" spans="8:8">
      <c r="H407836" s="12"/>
    </row>
    <row r="407837" spans="8:8">
      <c r="H407837" s="12"/>
    </row>
    <row r="407838" spans="8:8">
      <c r="H407838" s="12"/>
    </row>
    <row r="407839" spans="8:8">
      <c r="H407839" s="12"/>
    </row>
    <row r="407840" spans="8:8">
      <c r="H407840" s="12"/>
    </row>
    <row r="407841" spans="8:8">
      <c r="H407841" s="12"/>
    </row>
    <row r="407842" spans="8:8">
      <c r="H407842" s="12"/>
    </row>
    <row r="407843" spans="8:8">
      <c r="H407843" s="12"/>
    </row>
    <row r="407844" spans="8:8">
      <c r="H407844" s="12"/>
    </row>
    <row r="407845" spans="8:8">
      <c r="H407845" s="12"/>
    </row>
    <row r="407846" spans="8:8">
      <c r="H407846" s="12"/>
    </row>
    <row r="407847" spans="8:8">
      <c r="H407847" s="12"/>
    </row>
    <row r="407848" spans="8:8">
      <c r="H407848" s="12"/>
    </row>
    <row r="407849" spans="8:8">
      <c r="H407849" s="12"/>
    </row>
    <row r="407850" spans="8:8">
      <c r="H407850" s="12"/>
    </row>
    <row r="407851" spans="8:8">
      <c r="H407851" s="12"/>
    </row>
    <row r="407852" spans="8:8">
      <c r="H407852" s="12"/>
    </row>
    <row r="407853" spans="8:8">
      <c r="H407853" s="12"/>
    </row>
    <row r="407854" spans="8:8">
      <c r="H407854" s="12"/>
    </row>
    <row r="407855" spans="8:8">
      <c r="H407855" s="12"/>
    </row>
    <row r="407856" spans="8:8">
      <c r="H407856" s="12"/>
    </row>
    <row r="407857" spans="8:8">
      <c r="H407857" s="12"/>
    </row>
    <row r="407858" spans="8:8">
      <c r="H407858" s="12"/>
    </row>
    <row r="407859" spans="8:8">
      <c r="H407859" s="12"/>
    </row>
    <row r="407860" spans="8:8">
      <c r="H407860" s="12"/>
    </row>
    <row r="407861" spans="8:8">
      <c r="H407861" s="12"/>
    </row>
    <row r="407862" spans="8:8">
      <c r="H407862" s="12"/>
    </row>
    <row r="407863" spans="8:8">
      <c r="H407863" s="12"/>
    </row>
    <row r="407864" spans="8:8">
      <c r="H407864" s="12"/>
    </row>
    <row r="407865" spans="8:8">
      <c r="H407865" s="12"/>
    </row>
    <row r="407866" spans="8:8">
      <c r="H407866" s="12"/>
    </row>
    <row r="407867" spans="8:8">
      <c r="H407867" s="12"/>
    </row>
    <row r="407868" spans="8:8">
      <c r="H407868" s="12"/>
    </row>
    <row r="407869" spans="8:8">
      <c r="H407869" s="12"/>
    </row>
    <row r="407870" spans="8:8">
      <c r="H407870" s="12"/>
    </row>
    <row r="407871" spans="8:8">
      <c r="H407871" s="12"/>
    </row>
    <row r="407872" spans="8:8">
      <c r="H407872" s="12"/>
    </row>
    <row r="407873" spans="8:8">
      <c r="H407873" s="12"/>
    </row>
    <row r="407874" spans="8:8">
      <c r="H407874" s="12"/>
    </row>
    <row r="407875" spans="8:8">
      <c r="H407875" s="12"/>
    </row>
    <row r="407876" spans="8:8">
      <c r="H407876" s="12"/>
    </row>
    <row r="407877" spans="8:8">
      <c r="H407877" s="12"/>
    </row>
    <row r="407878" spans="8:8">
      <c r="H407878" s="12"/>
    </row>
    <row r="407879" spans="8:8">
      <c r="H407879" s="12"/>
    </row>
    <row r="407880" spans="8:8">
      <c r="H407880" s="12"/>
    </row>
    <row r="407881" spans="8:8">
      <c r="H407881" s="12"/>
    </row>
    <row r="407882" spans="8:8">
      <c r="H407882" s="12"/>
    </row>
    <row r="407883" spans="8:8">
      <c r="H407883" s="12"/>
    </row>
    <row r="407884" spans="8:8">
      <c r="H407884" s="12"/>
    </row>
    <row r="407885" spans="8:8">
      <c r="H407885" s="12"/>
    </row>
    <row r="407886" spans="8:8">
      <c r="H407886" s="12"/>
    </row>
    <row r="407887" spans="8:8">
      <c r="H407887" s="12"/>
    </row>
    <row r="407888" spans="8:8">
      <c r="H407888" s="12"/>
    </row>
    <row r="407889" spans="8:8">
      <c r="H407889" s="12"/>
    </row>
    <row r="407890" spans="8:8">
      <c r="H407890" s="12"/>
    </row>
    <row r="407891" spans="8:8">
      <c r="H407891" s="12"/>
    </row>
    <row r="407892" spans="8:8">
      <c r="H407892" s="12"/>
    </row>
    <row r="407893" spans="8:8">
      <c r="H407893" s="12"/>
    </row>
    <row r="407894" spans="8:8">
      <c r="H407894" s="12"/>
    </row>
    <row r="407895" spans="8:8">
      <c r="H407895" s="12"/>
    </row>
    <row r="407896" spans="8:8">
      <c r="H407896" s="12"/>
    </row>
    <row r="407897" spans="8:8">
      <c r="H407897" s="12"/>
    </row>
    <row r="407898" spans="8:8">
      <c r="H407898" s="12"/>
    </row>
    <row r="407899" spans="8:8">
      <c r="H407899" s="12"/>
    </row>
    <row r="407900" spans="8:8">
      <c r="H407900" s="12"/>
    </row>
    <row r="407901" spans="8:8">
      <c r="H407901" s="12"/>
    </row>
    <row r="407902" spans="8:8">
      <c r="H407902" s="12"/>
    </row>
    <row r="407903" spans="8:8">
      <c r="H407903" s="12"/>
    </row>
    <row r="407904" spans="8:8">
      <c r="H407904" s="12"/>
    </row>
    <row r="407905" spans="8:8">
      <c r="H407905" s="12"/>
    </row>
    <row r="407906" spans="8:8">
      <c r="H407906" s="12"/>
    </row>
    <row r="407907" spans="8:8">
      <c r="H407907" s="12"/>
    </row>
    <row r="407908" spans="8:8">
      <c r="H407908" s="12"/>
    </row>
    <row r="407909" spans="8:8">
      <c r="H407909" s="12"/>
    </row>
    <row r="407910" spans="8:8">
      <c r="H407910" s="12"/>
    </row>
    <row r="407911" spans="8:8">
      <c r="H407911" s="12"/>
    </row>
    <row r="407912" spans="8:8">
      <c r="H407912" s="12"/>
    </row>
    <row r="407913" spans="8:8">
      <c r="H407913" s="12"/>
    </row>
    <row r="407914" spans="8:8">
      <c r="H407914" s="12"/>
    </row>
    <row r="407915" spans="8:8">
      <c r="H407915" s="12"/>
    </row>
    <row r="407916" spans="8:8">
      <c r="H407916" s="12"/>
    </row>
    <row r="407917" spans="8:8">
      <c r="H407917" s="12"/>
    </row>
    <row r="407918" spans="8:8">
      <c r="H407918" s="12"/>
    </row>
    <row r="407919" spans="8:8">
      <c r="H407919" s="12"/>
    </row>
    <row r="407920" spans="8:8">
      <c r="H407920" s="12"/>
    </row>
    <row r="407921" spans="8:8">
      <c r="H407921" s="12"/>
    </row>
    <row r="407922" spans="8:8">
      <c r="H407922" s="12"/>
    </row>
    <row r="407923" spans="8:8">
      <c r="H407923" s="12"/>
    </row>
    <row r="407924" spans="8:8">
      <c r="H407924" s="12"/>
    </row>
    <row r="407925" spans="8:8">
      <c r="H407925" s="12"/>
    </row>
    <row r="407926" spans="8:8">
      <c r="H407926" s="12"/>
    </row>
    <row r="407927" spans="8:8">
      <c r="H407927" s="12"/>
    </row>
    <row r="407928" spans="8:8">
      <c r="H407928" s="12"/>
    </row>
    <row r="407929" spans="8:8">
      <c r="H407929" s="12"/>
    </row>
    <row r="407930" spans="8:8">
      <c r="H407930" s="12"/>
    </row>
    <row r="407931" spans="8:8">
      <c r="H407931" s="12"/>
    </row>
    <row r="407932" spans="8:8">
      <c r="H407932" s="12"/>
    </row>
    <row r="407933" spans="8:8">
      <c r="H407933" s="12"/>
    </row>
    <row r="407934" spans="8:8">
      <c r="H407934" s="12"/>
    </row>
    <row r="407935" spans="8:8">
      <c r="H407935" s="12"/>
    </row>
    <row r="407936" spans="8:8">
      <c r="H407936" s="12"/>
    </row>
    <row r="407937" spans="8:8">
      <c r="H407937" s="12"/>
    </row>
    <row r="407938" spans="8:8">
      <c r="H407938" s="12"/>
    </row>
    <row r="407939" spans="8:8">
      <c r="H407939" s="12"/>
    </row>
    <row r="407940" spans="8:8">
      <c r="H407940" s="12"/>
    </row>
    <row r="407941" spans="8:8">
      <c r="H407941" s="12"/>
    </row>
    <row r="407942" spans="8:8">
      <c r="H407942" s="12"/>
    </row>
    <row r="407943" spans="8:8">
      <c r="H407943" s="12"/>
    </row>
    <row r="407944" spans="8:8">
      <c r="H407944" s="12"/>
    </row>
    <row r="407945" spans="8:8">
      <c r="H407945" s="12"/>
    </row>
    <row r="407946" spans="8:8">
      <c r="H407946" s="12"/>
    </row>
    <row r="407947" spans="8:8">
      <c r="H407947" s="12"/>
    </row>
    <row r="407948" spans="8:8">
      <c r="H407948" s="12"/>
    </row>
    <row r="407949" spans="8:8">
      <c r="H407949" s="12"/>
    </row>
    <row r="407950" spans="8:8">
      <c r="H407950" s="12"/>
    </row>
    <row r="407951" spans="8:8">
      <c r="H407951" s="12"/>
    </row>
    <row r="407952" spans="8:8">
      <c r="H407952" s="12"/>
    </row>
    <row r="407953" spans="8:8">
      <c r="H407953" s="12"/>
    </row>
    <row r="407954" spans="8:8">
      <c r="H407954" s="12"/>
    </row>
    <row r="407955" spans="8:8">
      <c r="H407955" s="12"/>
    </row>
    <row r="407956" spans="8:8">
      <c r="H407956" s="12"/>
    </row>
    <row r="407957" spans="8:8">
      <c r="H407957" s="12"/>
    </row>
    <row r="407958" spans="8:8">
      <c r="H407958" s="12"/>
    </row>
    <row r="407959" spans="8:8">
      <c r="H407959" s="12"/>
    </row>
    <row r="407960" spans="8:8">
      <c r="H407960" s="12"/>
    </row>
    <row r="407961" spans="8:8">
      <c r="H407961" s="12"/>
    </row>
    <row r="407962" spans="8:8">
      <c r="H407962" s="12"/>
    </row>
    <row r="407963" spans="8:8">
      <c r="H407963" s="12"/>
    </row>
    <row r="407964" spans="8:8">
      <c r="H407964" s="12"/>
    </row>
    <row r="407965" spans="8:8">
      <c r="H407965" s="12"/>
    </row>
    <row r="407966" spans="8:8">
      <c r="H407966" s="12"/>
    </row>
    <row r="407967" spans="8:8">
      <c r="H407967" s="12"/>
    </row>
    <row r="407968" spans="8:8">
      <c r="H407968" s="12"/>
    </row>
    <row r="407969" spans="8:8">
      <c r="H407969" s="12"/>
    </row>
    <row r="407970" spans="8:8">
      <c r="H407970" s="12"/>
    </row>
    <row r="407971" spans="8:8">
      <c r="H407971" s="12"/>
    </row>
    <row r="407972" spans="8:8">
      <c r="H407972" s="12"/>
    </row>
    <row r="407973" spans="8:8">
      <c r="H407973" s="12"/>
    </row>
    <row r="407974" spans="8:8">
      <c r="H407974" s="12"/>
    </row>
    <row r="407975" spans="8:8">
      <c r="H407975" s="12"/>
    </row>
    <row r="407976" spans="8:8">
      <c r="H407976" s="12"/>
    </row>
    <row r="407977" spans="8:8">
      <c r="H407977" s="12"/>
    </row>
    <row r="407978" spans="8:8">
      <c r="H407978" s="12"/>
    </row>
    <row r="407979" spans="8:8">
      <c r="H407979" s="12"/>
    </row>
    <row r="407980" spans="8:8">
      <c r="H407980" s="12"/>
    </row>
    <row r="407981" spans="8:8">
      <c r="H407981" s="12"/>
    </row>
    <row r="407982" spans="8:8">
      <c r="H407982" s="12"/>
    </row>
    <row r="407983" spans="8:8">
      <c r="H407983" s="12"/>
    </row>
    <row r="407984" spans="8:8">
      <c r="H407984" s="12"/>
    </row>
    <row r="407985" spans="8:8">
      <c r="H407985" s="12"/>
    </row>
    <row r="407986" spans="8:8">
      <c r="H407986" s="12"/>
    </row>
    <row r="407987" spans="8:8">
      <c r="H407987" s="12"/>
    </row>
    <row r="407988" spans="8:8">
      <c r="H407988" s="12"/>
    </row>
    <row r="407989" spans="8:8">
      <c r="H407989" s="12"/>
    </row>
    <row r="407990" spans="8:8">
      <c r="H407990" s="12"/>
    </row>
    <row r="407991" spans="8:8">
      <c r="H407991" s="12"/>
    </row>
    <row r="407992" spans="8:8">
      <c r="H407992" s="12"/>
    </row>
    <row r="407993" spans="8:8">
      <c r="H407993" s="12"/>
    </row>
    <row r="407994" spans="8:8">
      <c r="H407994" s="12"/>
    </row>
    <row r="407995" spans="8:8">
      <c r="H407995" s="12"/>
    </row>
    <row r="407996" spans="8:8">
      <c r="H407996" s="12"/>
    </row>
    <row r="407997" spans="8:8">
      <c r="H407997" s="12"/>
    </row>
    <row r="407998" spans="8:8">
      <c r="H407998" s="12"/>
    </row>
    <row r="407999" spans="8:8">
      <c r="H407999" s="12"/>
    </row>
    <row r="408000" spans="8:8">
      <c r="H408000" s="12"/>
    </row>
    <row r="408001" spans="8:8">
      <c r="H408001" s="12"/>
    </row>
    <row r="408002" spans="8:8">
      <c r="H408002" s="12"/>
    </row>
    <row r="408003" spans="8:8">
      <c r="H408003" s="12"/>
    </row>
    <row r="408004" spans="8:8">
      <c r="H408004" s="12"/>
    </row>
    <row r="408005" spans="8:8">
      <c r="H408005" s="12"/>
    </row>
    <row r="408006" spans="8:8">
      <c r="H408006" s="12"/>
    </row>
    <row r="408007" spans="8:8">
      <c r="H408007" s="12"/>
    </row>
    <row r="408008" spans="8:8">
      <c r="H408008" s="12"/>
    </row>
    <row r="408009" spans="8:8">
      <c r="H408009" s="12"/>
    </row>
    <row r="408010" spans="8:8">
      <c r="H408010" s="12"/>
    </row>
    <row r="408011" spans="8:8">
      <c r="H408011" s="12"/>
    </row>
    <row r="408012" spans="8:8">
      <c r="H408012" s="12"/>
    </row>
    <row r="408013" spans="8:8">
      <c r="H408013" s="12"/>
    </row>
    <row r="408014" spans="8:8">
      <c r="H408014" s="12"/>
    </row>
    <row r="408015" spans="8:8">
      <c r="H408015" s="12"/>
    </row>
    <row r="408016" spans="8:8">
      <c r="H408016" s="12"/>
    </row>
    <row r="408017" spans="8:8">
      <c r="H408017" s="12"/>
    </row>
    <row r="408018" spans="8:8">
      <c r="H408018" s="12"/>
    </row>
    <row r="408019" spans="8:8">
      <c r="H408019" s="12"/>
    </row>
    <row r="408020" spans="8:8">
      <c r="H408020" s="12"/>
    </row>
    <row r="408021" spans="8:8">
      <c r="H408021" s="12"/>
    </row>
    <row r="408022" spans="8:8">
      <c r="H408022" s="12"/>
    </row>
    <row r="408023" spans="8:8">
      <c r="H408023" s="12"/>
    </row>
    <row r="408024" spans="8:8">
      <c r="H408024" s="12"/>
    </row>
    <row r="408025" spans="8:8">
      <c r="H408025" s="12"/>
    </row>
    <row r="408026" spans="8:8">
      <c r="H408026" s="12"/>
    </row>
    <row r="408027" spans="8:8">
      <c r="H408027" s="12"/>
    </row>
    <row r="408028" spans="8:8">
      <c r="H408028" s="12"/>
    </row>
    <row r="408029" spans="8:8">
      <c r="H408029" s="12"/>
    </row>
    <row r="408030" spans="8:8">
      <c r="H408030" s="12"/>
    </row>
    <row r="408031" spans="8:8">
      <c r="H408031" s="12"/>
    </row>
    <row r="408032" spans="8:8">
      <c r="H408032" s="12"/>
    </row>
    <row r="408033" spans="8:8">
      <c r="H408033" s="12"/>
    </row>
    <row r="408034" spans="8:8">
      <c r="H408034" s="12"/>
    </row>
    <row r="408035" spans="8:8">
      <c r="H408035" s="12"/>
    </row>
    <row r="408036" spans="8:8">
      <c r="H408036" s="12"/>
    </row>
    <row r="408037" spans="8:8">
      <c r="H408037" s="12"/>
    </row>
    <row r="408038" spans="8:8">
      <c r="H408038" s="12"/>
    </row>
    <row r="408039" spans="8:8">
      <c r="H408039" s="12"/>
    </row>
    <row r="408040" spans="8:8">
      <c r="H408040" s="12"/>
    </row>
    <row r="408041" spans="8:8">
      <c r="H408041" s="12"/>
    </row>
    <row r="408042" spans="8:8">
      <c r="H408042" s="12"/>
    </row>
    <row r="408043" spans="8:8">
      <c r="H408043" s="12"/>
    </row>
    <row r="408044" spans="8:8">
      <c r="H408044" s="12"/>
    </row>
    <row r="408045" spans="8:8">
      <c r="H408045" s="12"/>
    </row>
    <row r="408046" spans="8:8">
      <c r="H408046" s="12"/>
    </row>
    <row r="408047" spans="8:8">
      <c r="H408047" s="12"/>
    </row>
    <row r="408048" spans="8:8">
      <c r="H408048" s="12"/>
    </row>
    <row r="408049" spans="8:8">
      <c r="H408049" s="12"/>
    </row>
    <row r="408050" spans="8:8">
      <c r="H408050" s="12"/>
    </row>
    <row r="408051" spans="8:8">
      <c r="H408051" s="12"/>
    </row>
    <row r="408052" spans="8:8">
      <c r="H408052" s="12"/>
    </row>
    <row r="408053" spans="8:8">
      <c r="H408053" s="12"/>
    </row>
    <row r="408054" spans="8:8">
      <c r="H408054" s="12"/>
    </row>
    <row r="408055" spans="8:8">
      <c r="H408055" s="12"/>
    </row>
    <row r="408056" spans="8:8">
      <c r="H408056" s="12"/>
    </row>
    <row r="408057" spans="8:8">
      <c r="H408057" s="12"/>
    </row>
    <row r="408058" spans="8:8">
      <c r="H408058" s="12"/>
    </row>
    <row r="408059" spans="8:8">
      <c r="H408059" s="12"/>
    </row>
    <row r="408060" spans="8:8">
      <c r="H408060" s="12"/>
    </row>
    <row r="408061" spans="8:8">
      <c r="H408061" s="12"/>
    </row>
    <row r="408062" spans="8:8">
      <c r="H408062" s="12"/>
    </row>
    <row r="408063" spans="8:8">
      <c r="H408063" s="12"/>
    </row>
    <row r="408064" spans="8:8">
      <c r="H408064" s="12"/>
    </row>
    <row r="408065" spans="8:8">
      <c r="H408065" s="12"/>
    </row>
    <row r="408066" spans="8:8">
      <c r="H408066" s="12"/>
    </row>
    <row r="408067" spans="8:8">
      <c r="H408067" s="12"/>
    </row>
    <row r="408068" spans="8:8">
      <c r="H408068" s="12"/>
    </row>
    <row r="408069" spans="8:8">
      <c r="H408069" s="12"/>
    </row>
    <row r="408070" spans="8:8">
      <c r="H408070" s="12"/>
    </row>
    <row r="408071" spans="8:8">
      <c r="H408071" s="12"/>
    </row>
    <row r="408072" spans="8:8">
      <c r="H408072" s="12"/>
    </row>
    <row r="408073" spans="8:8">
      <c r="H408073" s="12"/>
    </row>
    <row r="408074" spans="8:8">
      <c r="H408074" s="12"/>
    </row>
    <row r="408075" spans="8:8">
      <c r="H408075" s="12"/>
    </row>
    <row r="408076" spans="8:8">
      <c r="H408076" s="12"/>
    </row>
    <row r="408077" spans="8:8">
      <c r="H408077" s="12"/>
    </row>
    <row r="408078" spans="8:8">
      <c r="H408078" s="12"/>
    </row>
    <row r="408079" spans="8:8">
      <c r="H408079" s="12"/>
    </row>
    <row r="408080" spans="8:8">
      <c r="H408080" s="12"/>
    </row>
    <row r="408081" spans="8:8">
      <c r="H408081" s="12"/>
    </row>
    <row r="408082" spans="8:8">
      <c r="H408082" s="12"/>
    </row>
    <row r="408083" spans="8:8">
      <c r="H408083" s="12"/>
    </row>
    <row r="408084" spans="8:8">
      <c r="H408084" s="12"/>
    </row>
    <row r="408085" spans="8:8">
      <c r="H408085" s="12"/>
    </row>
    <row r="408086" spans="8:8">
      <c r="H408086" s="12"/>
    </row>
    <row r="408087" spans="8:8">
      <c r="H408087" s="12"/>
    </row>
    <row r="408088" spans="8:8">
      <c r="H408088" s="12"/>
    </row>
    <row r="408089" spans="8:8">
      <c r="H408089" s="12"/>
    </row>
    <row r="408090" spans="8:8">
      <c r="H408090" s="12"/>
    </row>
    <row r="408091" spans="8:8">
      <c r="H408091" s="12"/>
    </row>
    <row r="408092" spans="8:8">
      <c r="H408092" s="12"/>
    </row>
    <row r="408093" spans="8:8">
      <c r="H408093" s="12"/>
    </row>
    <row r="408094" spans="8:8">
      <c r="H408094" s="12"/>
    </row>
    <row r="408095" spans="8:8">
      <c r="H408095" s="12"/>
    </row>
    <row r="408096" spans="8:8">
      <c r="H408096" s="12"/>
    </row>
    <row r="408097" spans="8:8">
      <c r="H408097" s="12"/>
    </row>
    <row r="408098" spans="8:8">
      <c r="H408098" s="12"/>
    </row>
    <row r="408099" spans="8:8">
      <c r="H408099" s="12"/>
    </row>
    <row r="408100" spans="8:8">
      <c r="H408100" s="12"/>
    </row>
    <row r="408101" spans="8:8">
      <c r="H408101" s="12"/>
    </row>
    <row r="408102" spans="8:8">
      <c r="H408102" s="12"/>
    </row>
    <row r="408103" spans="8:8">
      <c r="H408103" s="12"/>
    </row>
    <row r="408104" spans="8:8">
      <c r="H408104" s="12"/>
    </row>
    <row r="408105" spans="8:8">
      <c r="H408105" s="12"/>
    </row>
    <row r="408106" spans="8:8">
      <c r="H408106" s="12"/>
    </row>
    <row r="408107" spans="8:8">
      <c r="H408107" s="12"/>
    </row>
    <row r="408108" spans="8:8">
      <c r="H408108" s="12"/>
    </row>
    <row r="408109" spans="8:8">
      <c r="H408109" s="12"/>
    </row>
    <row r="408110" spans="8:8">
      <c r="H408110" s="12"/>
    </row>
    <row r="408111" spans="8:8">
      <c r="H408111" s="12"/>
    </row>
    <row r="408112" spans="8:8">
      <c r="H408112" s="12"/>
    </row>
    <row r="408113" spans="8:8">
      <c r="H408113" s="12"/>
    </row>
    <row r="408114" spans="8:8">
      <c r="H408114" s="12"/>
    </row>
    <row r="408115" spans="8:8">
      <c r="H408115" s="12"/>
    </row>
    <row r="408116" spans="8:8">
      <c r="H408116" s="12"/>
    </row>
    <row r="408117" spans="8:8">
      <c r="H408117" s="12"/>
    </row>
    <row r="408118" spans="8:8">
      <c r="H408118" s="12"/>
    </row>
    <row r="408119" spans="8:8">
      <c r="H408119" s="12"/>
    </row>
    <row r="408120" spans="8:8">
      <c r="H408120" s="12"/>
    </row>
    <row r="408121" spans="8:8">
      <c r="H408121" s="12"/>
    </row>
    <row r="408122" spans="8:8">
      <c r="H408122" s="12"/>
    </row>
    <row r="408123" spans="8:8">
      <c r="H408123" s="12"/>
    </row>
    <row r="408124" spans="8:8">
      <c r="H408124" s="12"/>
    </row>
    <row r="408125" spans="8:8">
      <c r="H408125" s="12"/>
    </row>
    <row r="408126" spans="8:8">
      <c r="H408126" s="12"/>
    </row>
    <row r="408127" spans="8:8">
      <c r="H408127" s="12"/>
    </row>
    <row r="408128" spans="8:8">
      <c r="H408128" s="12"/>
    </row>
    <row r="408129" spans="8:8">
      <c r="H408129" s="12"/>
    </row>
    <row r="408130" spans="8:8">
      <c r="H408130" s="12"/>
    </row>
    <row r="408131" spans="8:8">
      <c r="H408131" s="12"/>
    </row>
    <row r="408132" spans="8:8">
      <c r="H408132" s="12"/>
    </row>
    <row r="408133" spans="8:8">
      <c r="H408133" s="12"/>
    </row>
    <row r="408134" spans="8:8">
      <c r="H408134" s="12"/>
    </row>
    <row r="408135" spans="8:8">
      <c r="H408135" s="12"/>
    </row>
    <row r="408136" spans="8:8">
      <c r="H408136" s="12"/>
    </row>
    <row r="408137" spans="8:8">
      <c r="H408137" s="12"/>
    </row>
    <row r="408138" spans="8:8">
      <c r="H408138" s="12"/>
    </row>
    <row r="408139" spans="8:8">
      <c r="H408139" s="12"/>
    </row>
    <row r="408140" spans="8:8">
      <c r="H408140" s="12"/>
    </row>
    <row r="408141" spans="8:8">
      <c r="H408141" s="12"/>
    </row>
    <row r="408142" spans="8:8">
      <c r="H408142" s="12"/>
    </row>
    <row r="408143" spans="8:8">
      <c r="H408143" s="12"/>
    </row>
    <row r="408144" spans="8:8">
      <c r="H408144" s="12"/>
    </row>
    <row r="408145" spans="8:8">
      <c r="H408145" s="12"/>
    </row>
    <row r="408146" spans="8:8">
      <c r="H408146" s="12"/>
    </row>
    <row r="408147" spans="8:8">
      <c r="H408147" s="12"/>
    </row>
    <row r="408148" spans="8:8">
      <c r="H408148" s="12"/>
    </row>
    <row r="408149" spans="8:8">
      <c r="H408149" s="12"/>
    </row>
    <row r="408150" spans="8:8">
      <c r="H408150" s="12"/>
    </row>
    <row r="408151" spans="8:8">
      <c r="H408151" s="12"/>
    </row>
    <row r="408152" spans="8:8">
      <c r="H408152" s="12"/>
    </row>
    <row r="408153" spans="8:8">
      <c r="H408153" s="12"/>
    </row>
    <row r="408154" spans="8:8">
      <c r="H408154" s="12"/>
    </row>
    <row r="408155" spans="8:8">
      <c r="H408155" s="12"/>
    </row>
    <row r="408156" spans="8:8">
      <c r="H408156" s="12"/>
    </row>
    <row r="408157" spans="8:8">
      <c r="H408157" s="12"/>
    </row>
    <row r="408158" spans="8:8">
      <c r="H408158" s="12"/>
    </row>
    <row r="408159" spans="8:8">
      <c r="H408159" s="12"/>
    </row>
    <row r="408160" spans="8:8">
      <c r="H408160" s="12"/>
    </row>
    <row r="408161" spans="8:8">
      <c r="H408161" s="12"/>
    </row>
    <row r="408162" spans="8:8">
      <c r="H408162" s="12"/>
    </row>
    <row r="408163" spans="8:8">
      <c r="H408163" s="12"/>
    </row>
    <row r="408164" spans="8:8">
      <c r="H408164" s="12"/>
    </row>
    <row r="408165" spans="8:8">
      <c r="H408165" s="12"/>
    </row>
    <row r="408166" spans="8:8">
      <c r="H408166" s="12"/>
    </row>
    <row r="408167" spans="8:8">
      <c r="H408167" s="12"/>
    </row>
    <row r="408168" spans="8:8">
      <c r="H408168" s="12"/>
    </row>
    <row r="408169" spans="8:8">
      <c r="H408169" s="12"/>
    </row>
    <row r="408170" spans="8:8">
      <c r="H408170" s="12"/>
    </row>
    <row r="408171" spans="8:8">
      <c r="H408171" s="12"/>
    </row>
    <row r="408172" spans="8:8">
      <c r="H408172" s="12"/>
    </row>
    <row r="408173" spans="8:8">
      <c r="H408173" s="12"/>
    </row>
    <row r="408174" spans="8:8">
      <c r="H408174" s="12"/>
    </row>
    <row r="408175" spans="8:8">
      <c r="H408175" s="12"/>
    </row>
    <row r="408176" spans="8:8">
      <c r="H408176" s="12"/>
    </row>
    <row r="408177" spans="8:8">
      <c r="H408177" s="12"/>
    </row>
    <row r="408178" spans="8:8">
      <c r="H408178" s="12"/>
    </row>
    <row r="408179" spans="8:8">
      <c r="H408179" s="12"/>
    </row>
    <row r="408180" spans="8:8">
      <c r="H408180" s="12"/>
    </row>
    <row r="408181" spans="8:8">
      <c r="H408181" s="12"/>
    </row>
    <row r="408182" spans="8:8">
      <c r="H408182" s="12"/>
    </row>
    <row r="408183" spans="8:8">
      <c r="H408183" s="12"/>
    </row>
    <row r="408184" spans="8:8">
      <c r="H408184" s="12"/>
    </row>
    <row r="408185" spans="8:8">
      <c r="H408185" s="12"/>
    </row>
    <row r="408186" spans="8:8">
      <c r="H408186" s="12"/>
    </row>
    <row r="408187" spans="8:8">
      <c r="H408187" s="12"/>
    </row>
    <row r="408188" spans="8:8">
      <c r="H408188" s="12"/>
    </row>
    <row r="408189" spans="8:8">
      <c r="H408189" s="12"/>
    </row>
    <row r="408190" spans="8:8">
      <c r="H408190" s="12"/>
    </row>
    <row r="408191" spans="8:8">
      <c r="H408191" s="12"/>
    </row>
    <row r="408192" spans="8:8">
      <c r="H408192" s="12"/>
    </row>
    <row r="408193" spans="8:8">
      <c r="H408193" s="12"/>
    </row>
    <row r="408194" spans="8:8">
      <c r="H408194" s="12"/>
    </row>
    <row r="408195" spans="8:8">
      <c r="H408195" s="12"/>
    </row>
    <row r="408196" spans="8:8">
      <c r="H408196" s="12"/>
    </row>
    <row r="408197" spans="8:8">
      <c r="H408197" s="12"/>
    </row>
    <row r="408198" spans="8:8">
      <c r="H408198" s="12"/>
    </row>
    <row r="408199" spans="8:8">
      <c r="H408199" s="12"/>
    </row>
    <row r="408200" spans="8:8">
      <c r="H408200" s="12"/>
    </row>
    <row r="408201" spans="8:8">
      <c r="H408201" s="12"/>
    </row>
    <row r="408202" spans="8:8">
      <c r="H408202" s="12"/>
    </row>
    <row r="408203" spans="8:8">
      <c r="H408203" s="12"/>
    </row>
    <row r="408204" spans="8:8">
      <c r="H408204" s="12"/>
    </row>
    <row r="408205" spans="8:8">
      <c r="H408205" s="12"/>
    </row>
    <row r="408206" spans="8:8">
      <c r="H408206" s="12"/>
    </row>
    <row r="408207" spans="8:8">
      <c r="H408207" s="12"/>
    </row>
    <row r="408208" spans="8:8">
      <c r="H408208" s="12"/>
    </row>
    <row r="408209" spans="8:8">
      <c r="H408209" s="12"/>
    </row>
    <row r="408210" spans="8:8">
      <c r="H408210" s="12"/>
    </row>
    <row r="408211" spans="8:8">
      <c r="H408211" s="12"/>
    </row>
    <row r="408212" spans="8:8">
      <c r="H408212" s="12"/>
    </row>
    <row r="408213" spans="8:8">
      <c r="H408213" s="12"/>
    </row>
    <row r="408214" spans="8:8">
      <c r="H408214" s="12"/>
    </row>
    <row r="408215" spans="8:8">
      <c r="H408215" s="12"/>
    </row>
    <row r="408216" spans="8:8">
      <c r="H408216" s="12"/>
    </row>
    <row r="408217" spans="8:8">
      <c r="H408217" s="12"/>
    </row>
    <row r="408218" spans="8:8">
      <c r="H408218" s="12"/>
    </row>
    <row r="408219" spans="8:8">
      <c r="H408219" s="12"/>
    </row>
    <row r="408220" spans="8:8">
      <c r="H408220" s="12"/>
    </row>
    <row r="408221" spans="8:8">
      <c r="H408221" s="12"/>
    </row>
    <row r="408222" spans="8:8">
      <c r="H408222" s="12"/>
    </row>
    <row r="408223" spans="8:8">
      <c r="H408223" s="12"/>
    </row>
    <row r="408224" spans="8:8">
      <c r="H408224" s="12"/>
    </row>
    <row r="408225" spans="8:8">
      <c r="H408225" s="12"/>
    </row>
    <row r="408226" spans="8:8">
      <c r="H408226" s="12"/>
    </row>
    <row r="408227" spans="8:8">
      <c r="H408227" s="12"/>
    </row>
    <row r="408228" spans="8:8">
      <c r="H408228" s="12"/>
    </row>
    <row r="408229" spans="8:8">
      <c r="H408229" s="12"/>
    </row>
    <row r="408230" spans="8:8">
      <c r="H408230" s="12"/>
    </row>
    <row r="408231" spans="8:8">
      <c r="H408231" s="12"/>
    </row>
    <row r="408232" spans="8:8">
      <c r="H408232" s="12"/>
    </row>
    <row r="408233" spans="8:8">
      <c r="H408233" s="12"/>
    </row>
    <row r="408234" spans="8:8">
      <c r="H408234" s="12"/>
    </row>
    <row r="408235" spans="8:8">
      <c r="H408235" s="12"/>
    </row>
    <row r="408236" spans="8:8">
      <c r="H408236" s="12"/>
    </row>
    <row r="408237" spans="8:8">
      <c r="H408237" s="12"/>
    </row>
    <row r="408238" spans="8:8">
      <c r="H408238" s="12"/>
    </row>
    <row r="408239" spans="8:8">
      <c r="H408239" s="12"/>
    </row>
    <row r="408240" spans="8:8">
      <c r="H408240" s="12"/>
    </row>
    <row r="408241" spans="8:8">
      <c r="H408241" s="12"/>
    </row>
    <row r="408242" spans="8:8">
      <c r="H408242" s="12"/>
    </row>
    <row r="408243" spans="8:8">
      <c r="H408243" s="12"/>
    </row>
    <row r="408244" spans="8:8">
      <c r="H408244" s="12"/>
    </row>
    <row r="408245" spans="8:8">
      <c r="H408245" s="12"/>
    </row>
    <row r="408246" spans="8:8">
      <c r="H408246" s="12"/>
    </row>
    <row r="408247" spans="8:8">
      <c r="H408247" s="12"/>
    </row>
    <row r="408248" spans="8:8">
      <c r="H408248" s="12"/>
    </row>
    <row r="408249" spans="8:8">
      <c r="H408249" s="12"/>
    </row>
    <row r="408250" spans="8:8">
      <c r="H408250" s="12"/>
    </row>
    <row r="408251" spans="8:8">
      <c r="H408251" s="12"/>
    </row>
    <row r="408252" spans="8:8">
      <c r="H408252" s="12"/>
    </row>
    <row r="408253" spans="8:8">
      <c r="H408253" s="12"/>
    </row>
    <row r="408254" spans="8:8">
      <c r="H408254" s="12"/>
    </row>
    <row r="408255" spans="8:8">
      <c r="H408255" s="12"/>
    </row>
    <row r="408256" spans="8:8">
      <c r="H408256" s="12"/>
    </row>
    <row r="408257" spans="8:8">
      <c r="H408257" s="12"/>
    </row>
    <row r="408258" spans="8:8">
      <c r="H408258" s="12"/>
    </row>
    <row r="408259" spans="8:8">
      <c r="H408259" s="12"/>
    </row>
    <row r="408260" spans="8:8">
      <c r="H408260" s="12"/>
    </row>
    <row r="408261" spans="8:8">
      <c r="H408261" s="12"/>
    </row>
    <row r="408262" spans="8:8">
      <c r="H408262" s="12"/>
    </row>
    <row r="408263" spans="8:8">
      <c r="H408263" s="12"/>
    </row>
    <row r="408264" spans="8:8">
      <c r="H408264" s="12"/>
    </row>
    <row r="408265" spans="8:8">
      <c r="H408265" s="12"/>
    </row>
    <row r="408266" spans="8:8">
      <c r="H408266" s="12"/>
    </row>
    <row r="408267" spans="8:8">
      <c r="H408267" s="12"/>
    </row>
    <row r="408268" spans="8:8">
      <c r="H408268" s="12"/>
    </row>
    <row r="408269" spans="8:8">
      <c r="H408269" s="12"/>
    </row>
    <row r="408270" spans="8:8">
      <c r="H408270" s="12"/>
    </row>
    <row r="408271" spans="8:8">
      <c r="H408271" s="12"/>
    </row>
    <row r="408272" spans="8:8">
      <c r="H408272" s="12"/>
    </row>
    <row r="408273" spans="8:8">
      <c r="H408273" s="12"/>
    </row>
    <row r="408274" spans="8:8">
      <c r="H408274" s="12"/>
    </row>
    <row r="408275" spans="8:8">
      <c r="H408275" s="12"/>
    </row>
    <row r="408276" spans="8:8">
      <c r="H408276" s="12"/>
    </row>
    <row r="408277" spans="8:8">
      <c r="H408277" s="12"/>
    </row>
    <row r="408278" spans="8:8">
      <c r="H408278" s="12"/>
    </row>
    <row r="408279" spans="8:8">
      <c r="H408279" s="12"/>
    </row>
    <row r="408280" spans="8:8">
      <c r="H408280" s="12"/>
    </row>
    <row r="408281" spans="8:8">
      <c r="H408281" s="12"/>
    </row>
    <row r="408282" spans="8:8">
      <c r="H408282" s="12"/>
    </row>
    <row r="408283" spans="8:8">
      <c r="H408283" s="12"/>
    </row>
    <row r="408284" spans="8:8">
      <c r="H408284" s="12"/>
    </row>
    <row r="408285" spans="8:8">
      <c r="H408285" s="12"/>
    </row>
    <row r="408286" spans="8:8">
      <c r="H408286" s="12"/>
    </row>
    <row r="408287" spans="8:8">
      <c r="H408287" s="12"/>
    </row>
    <row r="408288" spans="8:8">
      <c r="H408288" s="12"/>
    </row>
    <row r="408289" spans="8:8">
      <c r="H408289" s="12"/>
    </row>
    <row r="408290" spans="8:8">
      <c r="H408290" s="12"/>
    </row>
    <row r="408291" spans="8:8">
      <c r="H408291" s="12"/>
    </row>
    <row r="408292" spans="8:8">
      <c r="H408292" s="12"/>
    </row>
    <row r="408293" spans="8:8">
      <c r="H408293" s="12"/>
    </row>
    <row r="408294" spans="8:8">
      <c r="H408294" s="12"/>
    </row>
    <row r="408295" spans="8:8">
      <c r="H408295" s="12"/>
    </row>
    <row r="408296" spans="8:8">
      <c r="H408296" s="12"/>
    </row>
    <row r="408297" spans="8:8">
      <c r="H408297" s="12"/>
    </row>
    <row r="408298" spans="8:8">
      <c r="H408298" s="12"/>
    </row>
    <row r="408299" spans="8:8">
      <c r="H408299" s="12"/>
    </row>
    <row r="408300" spans="8:8">
      <c r="H408300" s="12"/>
    </row>
    <row r="408301" spans="8:8">
      <c r="H408301" s="12"/>
    </row>
    <row r="408302" spans="8:8">
      <c r="H408302" s="12"/>
    </row>
    <row r="408303" spans="8:8">
      <c r="H408303" s="12"/>
    </row>
    <row r="408304" spans="8:8">
      <c r="H408304" s="12"/>
    </row>
    <row r="408305" spans="8:8">
      <c r="H408305" s="12"/>
    </row>
    <row r="408306" spans="8:8">
      <c r="H408306" s="12"/>
    </row>
    <row r="408307" spans="8:8">
      <c r="H408307" s="12"/>
    </row>
    <row r="408308" spans="8:8">
      <c r="H408308" s="12"/>
    </row>
    <row r="408309" spans="8:8">
      <c r="H408309" s="12"/>
    </row>
    <row r="408310" spans="8:8">
      <c r="H408310" s="12"/>
    </row>
    <row r="408311" spans="8:8">
      <c r="H408311" s="12"/>
    </row>
    <row r="408312" spans="8:8">
      <c r="H408312" s="12"/>
    </row>
    <row r="408313" spans="8:8">
      <c r="H408313" s="12"/>
    </row>
    <row r="408314" spans="8:8">
      <c r="H408314" s="12"/>
    </row>
    <row r="408315" spans="8:8">
      <c r="H408315" s="12"/>
    </row>
    <row r="408316" spans="8:8">
      <c r="H408316" s="12"/>
    </row>
    <row r="408317" spans="8:8">
      <c r="H408317" s="12"/>
    </row>
    <row r="408318" spans="8:8">
      <c r="H408318" s="12"/>
    </row>
    <row r="408319" spans="8:8">
      <c r="H408319" s="12"/>
    </row>
    <row r="408320" spans="8:8">
      <c r="H408320" s="12"/>
    </row>
    <row r="408321" spans="8:8">
      <c r="H408321" s="12"/>
    </row>
    <row r="408322" spans="8:8">
      <c r="H408322" s="12"/>
    </row>
    <row r="408323" spans="8:8">
      <c r="H408323" s="12"/>
    </row>
    <row r="408324" spans="8:8">
      <c r="H408324" s="12"/>
    </row>
    <row r="408325" spans="8:8">
      <c r="H408325" s="12"/>
    </row>
    <row r="408326" spans="8:8">
      <c r="H408326" s="12"/>
    </row>
    <row r="408327" spans="8:8">
      <c r="H408327" s="12"/>
    </row>
    <row r="408328" spans="8:8">
      <c r="H408328" s="12"/>
    </row>
    <row r="408329" spans="8:8">
      <c r="H408329" s="12"/>
    </row>
    <row r="408330" spans="8:8">
      <c r="H408330" s="12"/>
    </row>
    <row r="408331" spans="8:8">
      <c r="H408331" s="12"/>
    </row>
    <row r="408332" spans="8:8">
      <c r="H408332" s="12"/>
    </row>
    <row r="408333" spans="8:8">
      <c r="H408333" s="12"/>
    </row>
    <row r="408334" spans="8:8">
      <c r="H408334" s="12"/>
    </row>
    <row r="408335" spans="8:8">
      <c r="H408335" s="12"/>
    </row>
    <row r="408336" spans="8:8">
      <c r="H408336" s="12"/>
    </row>
    <row r="408337" spans="8:8">
      <c r="H408337" s="12"/>
    </row>
    <row r="408338" spans="8:8">
      <c r="H408338" s="12"/>
    </row>
    <row r="408339" spans="8:8">
      <c r="H408339" s="12"/>
    </row>
    <row r="408340" spans="8:8">
      <c r="H408340" s="12"/>
    </row>
    <row r="408341" spans="8:8">
      <c r="H408341" s="12"/>
    </row>
    <row r="408342" spans="8:8">
      <c r="H408342" s="12"/>
    </row>
    <row r="408343" spans="8:8">
      <c r="H408343" s="12"/>
    </row>
    <row r="408344" spans="8:8">
      <c r="H408344" s="12"/>
    </row>
    <row r="408345" spans="8:8">
      <c r="H408345" s="12"/>
    </row>
    <row r="408346" spans="8:8">
      <c r="H408346" s="12"/>
    </row>
    <row r="408347" spans="8:8">
      <c r="H408347" s="12"/>
    </row>
    <row r="408348" spans="8:8">
      <c r="H408348" s="12"/>
    </row>
    <row r="408349" spans="8:8">
      <c r="H408349" s="12"/>
    </row>
    <row r="408350" spans="8:8">
      <c r="H408350" s="12"/>
    </row>
    <row r="408351" spans="8:8">
      <c r="H408351" s="12"/>
    </row>
    <row r="408352" spans="8:8">
      <c r="H408352" s="12"/>
    </row>
    <row r="408353" spans="8:8">
      <c r="H408353" s="12"/>
    </row>
    <row r="408354" spans="8:8">
      <c r="H408354" s="12"/>
    </row>
    <row r="408355" spans="8:8">
      <c r="H408355" s="12"/>
    </row>
    <row r="408356" spans="8:8">
      <c r="H408356" s="12"/>
    </row>
    <row r="408357" spans="8:8">
      <c r="H408357" s="12"/>
    </row>
    <row r="408358" spans="8:8">
      <c r="H408358" s="12"/>
    </row>
    <row r="408359" spans="8:8">
      <c r="H408359" s="12"/>
    </row>
    <row r="408360" spans="8:8">
      <c r="H408360" s="12"/>
    </row>
    <row r="408361" spans="8:8">
      <c r="H408361" s="12"/>
    </row>
    <row r="408362" spans="8:8">
      <c r="H408362" s="12"/>
    </row>
    <row r="408363" spans="8:8">
      <c r="H408363" s="12"/>
    </row>
    <row r="408364" spans="8:8">
      <c r="H408364" s="12"/>
    </row>
    <row r="408365" spans="8:8">
      <c r="H408365" s="12"/>
    </row>
    <row r="408366" spans="8:8">
      <c r="H408366" s="12"/>
    </row>
    <row r="408367" spans="8:8">
      <c r="H408367" s="12"/>
    </row>
    <row r="408368" spans="8:8">
      <c r="H408368" s="12"/>
    </row>
    <row r="408369" spans="8:8">
      <c r="H408369" s="12"/>
    </row>
    <row r="408370" spans="8:8">
      <c r="H408370" s="12"/>
    </row>
    <row r="408371" spans="8:8">
      <c r="H408371" s="12"/>
    </row>
    <row r="408372" spans="8:8">
      <c r="H408372" s="12"/>
    </row>
    <row r="408373" spans="8:8">
      <c r="H408373" s="12"/>
    </row>
    <row r="408374" spans="8:8">
      <c r="H408374" s="12"/>
    </row>
    <row r="408375" spans="8:8">
      <c r="H408375" s="12"/>
    </row>
    <row r="408376" spans="8:8">
      <c r="H408376" s="12"/>
    </row>
    <row r="408377" spans="8:8">
      <c r="H408377" s="12"/>
    </row>
    <row r="408378" spans="8:8">
      <c r="H408378" s="12"/>
    </row>
    <row r="408379" spans="8:8">
      <c r="H408379" s="12"/>
    </row>
    <row r="408380" spans="8:8">
      <c r="H408380" s="12"/>
    </row>
    <row r="408381" spans="8:8">
      <c r="H408381" s="12"/>
    </row>
    <row r="408382" spans="8:8">
      <c r="H408382" s="12"/>
    </row>
    <row r="408383" spans="8:8">
      <c r="H408383" s="12"/>
    </row>
    <row r="408384" spans="8:8">
      <c r="H408384" s="12"/>
    </row>
    <row r="408385" spans="8:8">
      <c r="H408385" s="12"/>
    </row>
    <row r="408386" spans="8:8">
      <c r="H408386" s="12"/>
    </row>
    <row r="408387" spans="8:8">
      <c r="H408387" s="12"/>
    </row>
    <row r="408388" spans="8:8">
      <c r="H408388" s="12"/>
    </row>
    <row r="408389" spans="8:8">
      <c r="H408389" s="12"/>
    </row>
    <row r="408390" spans="8:8">
      <c r="H408390" s="12"/>
    </row>
    <row r="408391" spans="8:8">
      <c r="H408391" s="12"/>
    </row>
    <row r="408392" spans="8:8">
      <c r="H408392" s="12"/>
    </row>
    <row r="408393" spans="8:8">
      <c r="H408393" s="12"/>
    </row>
    <row r="408394" spans="8:8">
      <c r="H408394" s="12"/>
    </row>
    <row r="408395" spans="8:8">
      <c r="H408395" s="12"/>
    </row>
    <row r="408396" spans="8:8">
      <c r="H408396" s="12"/>
    </row>
    <row r="408397" spans="8:8">
      <c r="H408397" s="12"/>
    </row>
    <row r="408398" spans="8:8">
      <c r="H408398" s="12"/>
    </row>
    <row r="408399" spans="8:8">
      <c r="H408399" s="12"/>
    </row>
    <row r="408400" spans="8:8">
      <c r="H408400" s="12"/>
    </row>
    <row r="408401" spans="8:8">
      <c r="H408401" s="12"/>
    </row>
    <row r="408402" spans="8:8">
      <c r="H408402" s="12"/>
    </row>
    <row r="408403" spans="8:8">
      <c r="H408403" s="12"/>
    </row>
    <row r="408404" spans="8:8">
      <c r="H408404" s="12"/>
    </row>
    <row r="408405" spans="8:8">
      <c r="H408405" s="12"/>
    </row>
    <row r="408406" spans="8:8">
      <c r="H408406" s="12"/>
    </row>
    <row r="408407" spans="8:8">
      <c r="H408407" s="12"/>
    </row>
    <row r="408408" spans="8:8">
      <c r="H408408" s="12"/>
    </row>
    <row r="408409" spans="8:8">
      <c r="H408409" s="12"/>
    </row>
    <row r="408410" spans="8:8">
      <c r="H408410" s="12"/>
    </row>
    <row r="408411" spans="8:8">
      <c r="H408411" s="12"/>
    </row>
    <row r="408412" spans="8:8">
      <c r="H408412" s="12"/>
    </row>
    <row r="408413" spans="8:8">
      <c r="H408413" s="12"/>
    </row>
    <row r="408414" spans="8:8">
      <c r="H408414" s="12"/>
    </row>
    <row r="408415" spans="8:8">
      <c r="H408415" s="12"/>
    </row>
    <row r="408416" spans="8:8">
      <c r="H408416" s="12"/>
    </row>
    <row r="408417" spans="8:8">
      <c r="H408417" s="12"/>
    </row>
    <row r="408418" spans="8:8">
      <c r="H408418" s="12"/>
    </row>
    <row r="408419" spans="8:8">
      <c r="H408419" s="12"/>
    </row>
    <row r="408420" spans="8:8">
      <c r="H408420" s="12"/>
    </row>
    <row r="408421" spans="8:8">
      <c r="H408421" s="12"/>
    </row>
    <row r="408422" spans="8:8">
      <c r="H408422" s="12"/>
    </row>
    <row r="408423" spans="8:8">
      <c r="H408423" s="12"/>
    </row>
    <row r="408424" spans="8:8">
      <c r="H408424" s="12"/>
    </row>
    <row r="408425" spans="8:8">
      <c r="H408425" s="12"/>
    </row>
    <row r="408426" spans="8:8">
      <c r="H408426" s="12"/>
    </row>
    <row r="408427" spans="8:8">
      <c r="H408427" s="12"/>
    </row>
    <row r="408428" spans="8:8">
      <c r="H408428" s="12"/>
    </row>
    <row r="408429" spans="8:8">
      <c r="H408429" s="12"/>
    </row>
    <row r="408430" spans="8:8">
      <c r="H408430" s="12"/>
    </row>
    <row r="408431" spans="8:8">
      <c r="H408431" s="12"/>
    </row>
    <row r="408432" spans="8:8">
      <c r="H408432" s="12"/>
    </row>
    <row r="408433" spans="8:8">
      <c r="H408433" s="12"/>
    </row>
    <row r="408434" spans="8:8">
      <c r="H408434" s="12"/>
    </row>
    <row r="408435" spans="8:8">
      <c r="H408435" s="12"/>
    </row>
    <row r="408436" spans="8:8">
      <c r="H408436" s="12"/>
    </row>
    <row r="408437" spans="8:8">
      <c r="H408437" s="12"/>
    </row>
    <row r="408438" spans="8:8">
      <c r="H408438" s="12"/>
    </row>
    <row r="408439" spans="8:8">
      <c r="H408439" s="12"/>
    </row>
    <row r="408440" spans="8:8">
      <c r="H408440" s="12"/>
    </row>
    <row r="408441" spans="8:8">
      <c r="H408441" s="12"/>
    </row>
    <row r="408442" spans="8:8">
      <c r="H408442" s="12"/>
    </row>
    <row r="408443" spans="8:8">
      <c r="H408443" s="12"/>
    </row>
    <row r="408444" spans="8:8">
      <c r="H408444" s="12"/>
    </row>
    <row r="408445" spans="8:8">
      <c r="H408445" s="12"/>
    </row>
    <row r="408446" spans="8:8">
      <c r="H408446" s="12"/>
    </row>
    <row r="408447" spans="8:8">
      <c r="H408447" s="12"/>
    </row>
    <row r="408448" spans="8:8">
      <c r="H408448" s="12"/>
    </row>
    <row r="408449" spans="8:8">
      <c r="H408449" s="12"/>
    </row>
    <row r="408450" spans="8:8">
      <c r="H408450" s="12"/>
    </row>
    <row r="408451" spans="8:8">
      <c r="H408451" s="12"/>
    </row>
    <row r="408452" spans="8:8">
      <c r="H408452" s="12"/>
    </row>
    <row r="408453" spans="8:8">
      <c r="H408453" s="12"/>
    </row>
    <row r="408454" spans="8:8">
      <c r="H408454" s="12"/>
    </row>
    <row r="408455" spans="8:8">
      <c r="H408455" s="12"/>
    </row>
    <row r="408456" spans="8:8">
      <c r="H408456" s="12"/>
    </row>
    <row r="408457" spans="8:8">
      <c r="H408457" s="12"/>
    </row>
    <row r="408458" spans="8:8">
      <c r="H408458" s="12"/>
    </row>
    <row r="408459" spans="8:8">
      <c r="H408459" s="12"/>
    </row>
    <row r="408460" spans="8:8">
      <c r="H408460" s="12"/>
    </row>
    <row r="408461" spans="8:8">
      <c r="H408461" s="12"/>
    </row>
    <row r="408462" spans="8:8">
      <c r="H408462" s="12"/>
    </row>
    <row r="408463" spans="8:8">
      <c r="H408463" s="12"/>
    </row>
    <row r="408464" spans="8:8">
      <c r="H408464" s="12"/>
    </row>
    <row r="408465" spans="8:8">
      <c r="H408465" s="12"/>
    </row>
    <row r="408466" spans="8:8">
      <c r="H408466" s="12"/>
    </row>
    <row r="408467" spans="8:8">
      <c r="H408467" s="12"/>
    </row>
    <row r="408468" spans="8:8">
      <c r="H408468" s="12"/>
    </row>
    <row r="408469" spans="8:8">
      <c r="H408469" s="12"/>
    </row>
    <row r="408470" spans="8:8">
      <c r="H408470" s="12"/>
    </row>
    <row r="408471" spans="8:8">
      <c r="H408471" s="12"/>
    </row>
    <row r="408472" spans="8:8">
      <c r="H408472" s="12"/>
    </row>
    <row r="408473" spans="8:8">
      <c r="H408473" s="12"/>
    </row>
    <row r="408474" spans="8:8">
      <c r="H408474" s="12"/>
    </row>
    <row r="408475" spans="8:8">
      <c r="H408475" s="12"/>
    </row>
    <row r="408476" spans="8:8">
      <c r="H408476" s="12"/>
    </row>
    <row r="408477" spans="8:8">
      <c r="H408477" s="12"/>
    </row>
    <row r="408478" spans="8:8">
      <c r="H408478" s="12"/>
    </row>
    <row r="408479" spans="8:8">
      <c r="H408479" s="12"/>
    </row>
    <row r="408480" spans="8:8">
      <c r="H408480" s="12"/>
    </row>
    <row r="408481" spans="8:8">
      <c r="H408481" s="12"/>
    </row>
    <row r="408482" spans="8:8">
      <c r="H408482" s="12"/>
    </row>
    <row r="408483" spans="8:8">
      <c r="H408483" s="12"/>
    </row>
    <row r="408484" spans="8:8">
      <c r="H408484" s="12"/>
    </row>
    <row r="408485" spans="8:8">
      <c r="H408485" s="12"/>
    </row>
    <row r="408486" spans="8:8">
      <c r="H408486" s="12"/>
    </row>
    <row r="408487" spans="8:8">
      <c r="H408487" s="12"/>
    </row>
    <row r="408488" spans="8:8">
      <c r="H408488" s="12"/>
    </row>
    <row r="408489" spans="8:8">
      <c r="H408489" s="12"/>
    </row>
    <row r="408490" spans="8:8">
      <c r="H408490" s="12"/>
    </row>
    <row r="408491" spans="8:8">
      <c r="H408491" s="12"/>
    </row>
    <row r="408492" spans="8:8">
      <c r="H408492" s="12"/>
    </row>
    <row r="408493" spans="8:8">
      <c r="H408493" s="12"/>
    </row>
    <row r="408494" spans="8:8">
      <c r="H408494" s="12"/>
    </row>
    <row r="408495" spans="8:8">
      <c r="H408495" s="12"/>
    </row>
    <row r="408496" spans="8:8">
      <c r="H408496" s="12"/>
    </row>
    <row r="408497" spans="8:8">
      <c r="H408497" s="12"/>
    </row>
    <row r="408498" spans="8:8">
      <c r="H408498" s="12"/>
    </row>
    <row r="408499" spans="8:8">
      <c r="H408499" s="12"/>
    </row>
    <row r="408500" spans="8:8">
      <c r="H408500" s="12"/>
    </row>
    <row r="408501" spans="8:8">
      <c r="H408501" s="12"/>
    </row>
    <row r="408502" spans="8:8">
      <c r="H408502" s="12"/>
    </row>
    <row r="408503" spans="8:8">
      <c r="H408503" s="12"/>
    </row>
    <row r="408504" spans="8:8">
      <c r="H408504" s="12"/>
    </row>
    <row r="408505" spans="8:8">
      <c r="H408505" s="12"/>
    </row>
    <row r="408506" spans="8:8">
      <c r="H408506" s="12"/>
    </row>
    <row r="408507" spans="8:8">
      <c r="H408507" s="12"/>
    </row>
    <row r="408508" spans="8:8">
      <c r="H408508" s="12"/>
    </row>
    <row r="408509" spans="8:8">
      <c r="H408509" s="12"/>
    </row>
    <row r="408510" spans="8:8">
      <c r="H408510" s="12"/>
    </row>
    <row r="408511" spans="8:8">
      <c r="H408511" s="12"/>
    </row>
    <row r="408512" spans="8:8">
      <c r="H408512" s="12"/>
    </row>
    <row r="408513" spans="8:8">
      <c r="H408513" s="12"/>
    </row>
    <row r="408514" spans="8:8">
      <c r="H408514" s="12"/>
    </row>
    <row r="408515" spans="8:8">
      <c r="H408515" s="12"/>
    </row>
    <row r="408516" spans="8:8">
      <c r="H408516" s="12"/>
    </row>
    <row r="408517" spans="8:8">
      <c r="H408517" s="12"/>
    </row>
    <row r="408518" spans="8:8">
      <c r="H408518" s="12"/>
    </row>
    <row r="408519" spans="8:8">
      <c r="H408519" s="12"/>
    </row>
    <row r="408520" spans="8:8">
      <c r="H408520" s="12"/>
    </row>
    <row r="408521" spans="8:8">
      <c r="H408521" s="12"/>
    </row>
    <row r="408522" spans="8:8">
      <c r="H408522" s="12"/>
    </row>
    <row r="408523" spans="8:8">
      <c r="H408523" s="12"/>
    </row>
    <row r="408524" spans="8:8">
      <c r="H408524" s="12"/>
    </row>
    <row r="408525" spans="8:8">
      <c r="H408525" s="12"/>
    </row>
    <row r="408526" spans="8:8">
      <c r="H408526" s="12"/>
    </row>
    <row r="408527" spans="8:8">
      <c r="H408527" s="12"/>
    </row>
    <row r="408528" spans="8:8">
      <c r="H408528" s="12"/>
    </row>
    <row r="408529" spans="8:8">
      <c r="H408529" s="12"/>
    </row>
    <row r="408530" spans="8:8">
      <c r="H408530" s="12"/>
    </row>
    <row r="408531" spans="8:8">
      <c r="H408531" s="12"/>
    </row>
    <row r="408532" spans="8:8">
      <c r="H408532" s="12"/>
    </row>
    <row r="408533" spans="8:8">
      <c r="H408533" s="12"/>
    </row>
    <row r="408534" spans="8:8">
      <c r="H408534" s="12"/>
    </row>
    <row r="408535" spans="8:8">
      <c r="H408535" s="12"/>
    </row>
    <row r="408536" spans="8:8">
      <c r="H408536" s="12"/>
    </row>
    <row r="408537" spans="8:8">
      <c r="H408537" s="12"/>
    </row>
    <row r="408538" spans="8:8">
      <c r="H408538" s="12"/>
    </row>
    <row r="408539" spans="8:8">
      <c r="H408539" s="12"/>
    </row>
    <row r="408540" spans="8:8">
      <c r="H408540" s="12"/>
    </row>
    <row r="408541" spans="8:8">
      <c r="H408541" s="12"/>
    </row>
    <row r="408542" spans="8:8">
      <c r="H408542" s="12"/>
    </row>
    <row r="408543" spans="8:8">
      <c r="H408543" s="12"/>
    </row>
    <row r="408544" spans="8:8">
      <c r="H408544" s="12"/>
    </row>
    <row r="408545" spans="8:8">
      <c r="H408545" s="12"/>
    </row>
    <row r="408546" spans="8:8">
      <c r="H408546" s="12"/>
    </row>
    <row r="408547" spans="8:8">
      <c r="H408547" s="12"/>
    </row>
    <row r="408548" spans="8:8">
      <c r="H408548" s="12"/>
    </row>
    <row r="408549" spans="8:8">
      <c r="H408549" s="12"/>
    </row>
    <row r="408550" spans="8:8">
      <c r="H408550" s="12"/>
    </row>
    <row r="408551" spans="8:8">
      <c r="H408551" s="12"/>
    </row>
    <row r="408552" spans="8:8">
      <c r="H408552" s="12"/>
    </row>
    <row r="408553" spans="8:8">
      <c r="H408553" s="12"/>
    </row>
    <row r="408554" spans="8:8">
      <c r="H408554" s="12"/>
    </row>
    <row r="408555" spans="8:8">
      <c r="H408555" s="12"/>
    </row>
    <row r="408556" spans="8:8">
      <c r="H408556" s="12"/>
    </row>
    <row r="408557" spans="8:8">
      <c r="H408557" s="12"/>
    </row>
    <row r="408558" spans="8:8">
      <c r="H408558" s="12"/>
    </row>
    <row r="408559" spans="8:8">
      <c r="H408559" s="12"/>
    </row>
    <row r="408560" spans="8:8">
      <c r="H408560" s="12"/>
    </row>
    <row r="408561" spans="8:8">
      <c r="H408561" s="12"/>
    </row>
    <row r="408562" spans="8:8">
      <c r="H408562" s="12"/>
    </row>
    <row r="408563" spans="8:8">
      <c r="H408563" s="12"/>
    </row>
    <row r="408564" spans="8:8">
      <c r="H408564" s="12"/>
    </row>
    <row r="408565" spans="8:8">
      <c r="H408565" s="12"/>
    </row>
    <row r="408566" spans="8:8">
      <c r="H408566" s="12"/>
    </row>
    <row r="408567" spans="8:8">
      <c r="H408567" s="12"/>
    </row>
    <row r="408568" spans="8:8">
      <c r="H408568" s="12"/>
    </row>
    <row r="408569" spans="8:8">
      <c r="H408569" s="12"/>
    </row>
    <row r="408570" spans="8:8">
      <c r="H408570" s="12"/>
    </row>
    <row r="408571" spans="8:8">
      <c r="H408571" s="12"/>
    </row>
    <row r="408572" spans="8:8">
      <c r="H408572" s="12"/>
    </row>
    <row r="408573" spans="8:8">
      <c r="H408573" s="12"/>
    </row>
    <row r="408574" spans="8:8">
      <c r="H408574" s="12"/>
    </row>
    <row r="408575" spans="8:8">
      <c r="H408575" s="12"/>
    </row>
    <row r="408576" spans="8:8">
      <c r="H408576" s="12"/>
    </row>
    <row r="408577" spans="8:8">
      <c r="H408577" s="12"/>
    </row>
    <row r="408578" spans="8:8">
      <c r="H408578" s="12"/>
    </row>
    <row r="408579" spans="8:8">
      <c r="H408579" s="12"/>
    </row>
    <row r="408580" spans="8:8">
      <c r="H408580" s="12"/>
    </row>
    <row r="408581" spans="8:8">
      <c r="H408581" s="12"/>
    </row>
    <row r="408582" spans="8:8">
      <c r="H408582" s="12"/>
    </row>
    <row r="408583" spans="8:8">
      <c r="H408583" s="12"/>
    </row>
    <row r="408584" spans="8:8">
      <c r="H408584" s="12"/>
    </row>
    <row r="408585" spans="8:8">
      <c r="H408585" s="12"/>
    </row>
    <row r="408586" spans="8:8">
      <c r="H408586" s="12"/>
    </row>
    <row r="408587" spans="8:8">
      <c r="H408587" s="12"/>
    </row>
    <row r="408588" spans="8:8">
      <c r="H408588" s="12"/>
    </row>
    <row r="408589" spans="8:8">
      <c r="H408589" s="12"/>
    </row>
    <row r="408590" spans="8:8">
      <c r="H408590" s="12"/>
    </row>
    <row r="408591" spans="8:8">
      <c r="H408591" s="12"/>
    </row>
    <row r="408592" spans="8:8">
      <c r="H408592" s="12"/>
    </row>
    <row r="408593" spans="8:8">
      <c r="H408593" s="12"/>
    </row>
    <row r="408594" spans="8:8">
      <c r="H408594" s="12"/>
    </row>
    <row r="408595" spans="8:8">
      <c r="H408595" s="12"/>
    </row>
    <row r="408596" spans="8:8">
      <c r="H408596" s="12"/>
    </row>
    <row r="408597" spans="8:8">
      <c r="H408597" s="12"/>
    </row>
    <row r="408598" spans="8:8">
      <c r="H408598" s="12"/>
    </row>
    <row r="408599" spans="8:8">
      <c r="H408599" s="12"/>
    </row>
    <row r="408600" spans="8:8">
      <c r="H408600" s="12"/>
    </row>
    <row r="408601" spans="8:8">
      <c r="H408601" s="12"/>
    </row>
    <row r="408602" spans="8:8">
      <c r="H408602" s="12"/>
    </row>
    <row r="408603" spans="8:8">
      <c r="H408603" s="12"/>
    </row>
    <row r="408604" spans="8:8">
      <c r="H408604" s="12"/>
    </row>
    <row r="408605" spans="8:8">
      <c r="H408605" s="12"/>
    </row>
    <row r="408606" spans="8:8">
      <c r="H408606" s="12"/>
    </row>
    <row r="408607" spans="8:8">
      <c r="H408607" s="12"/>
    </row>
    <row r="408608" spans="8:8">
      <c r="H408608" s="12"/>
    </row>
    <row r="408609" spans="8:8">
      <c r="H408609" s="12"/>
    </row>
    <row r="408610" spans="8:8">
      <c r="H408610" s="12"/>
    </row>
    <row r="408611" spans="8:8">
      <c r="H408611" s="12"/>
    </row>
    <row r="408612" spans="8:8">
      <c r="H408612" s="12"/>
    </row>
    <row r="408613" spans="8:8">
      <c r="H408613" s="12"/>
    </row>
    <row r="408614" spans="8:8">
      <c r="H408614" s="12"/>
    </row>
    <row r="408615" spans="8:8">
      <c r="H408615" s="12"/>
    </row>
    <row r="408616" spans="8:8">
      <c r="H408616" s="12"/>
    </row>
    <row r="408617" spans="8:8">
      <c r="H408617" s="12"/>
    </row>
    <row r="408618" spans="8:8">
      <c r="H408618" s="12"/>
    </row>
    <row r="408619" spans="8:8">
      <c r="H408619" s="12"/>
    </row>
    <row r="408620" spans="8:8">
      <c r="H408620" s="12"/>
    </row>
    <row r="408621" spans="8:8">
      <c r="H408621" s="12"/>
    </row>
    <row r="408622" spans="8:8">
      <c r="H408622" s="12"/>
    </row>
    <row r="408623" spans="8:8">
      <c r="H408623" s="12"/>
    </row>
    <row r="408624" spans="8:8">
      <c r="H408624" s="12"/>
    </row>
    <row r="408625" spans="8:8">
      <c r="H408625" s="12"/>
    </row>
    <row r="408626" spans="8:8">
      <c r="H408626" s="12"/>
    </row>
    <row r="408627" spans="8:8">
      <c r="H408627" s="12"/>
    </row>
    <row r="408628" spans="8:8">
      <c r="H408628" s="12"/>
    </row>
    <row r="408629" spans="8:8">
      <c r="H408629" s="12"/>
    </row>
    <row r="408630" spans="8:8">
      <c r="H408630" s="12"/>
    </row>
    <row r="408631" spans="8:8">
      <c r="H408631" s="12"/>
    </row>
    <row r="408632" spans="8:8">
      <c r="H408632" s="12"/>
    </row>
    <row r="408633" spans="8:8">
      <c r="H408633" s="12"/>
    </row>
    <row r="408634" spans="8:8">
      <c r="H408634" s="12"/>
    </row>
    <row r="408635" spans="8:8">
      <c r="H408635" s="12"/>
    </row>
    <row r="408636" spans="8:8">
      <c r="H408636" s="12"/>
    </row>
    <row r="408637" spans="8:8">
      <c r="H408637" s="12"/>
    </row>
    <row r="408638" spans="8:8">
      <c r="H408638" s="12"/>
    </row>
    <row r="408639" spans="8:8">
      <c r="H408639" s="12"/>
    </row>
    <row r="408640" spans="8:8">
      <c r="H408640" s="12"/>
    </row>
    <row r="408641" spans="8:8">
      <c r="H408641" s="12"/>
    </row>
    <row r="408642" spans="8:8">
      <c r="H408642" s="12"/>
    </row>
    <row r="408643" spans="8:8">
      <c r="H408643" s="12"/>
    </row>
    <row r="408644" spans="8:8">
      <c r="H408644" s="12"/>
    </row>
    <row r="408645" spans="8:8">
      <c r="H408645" s="12"/>
    </row>
    <row r="408646" spans="8:8">
      <c r="H408646" s="12"/>
    </row>
    <row r="408647" spans="8:8">
      <c r="H408647" s="12"/>
    </row>
    <row r="408648" spans="8:8">
      <c r="H408648" s="12"/>
    </row>
    <row r="408649" spans="8:8">
      <c r="H408649" s="12"/>
    </row>
    <row r="408650" spans="8:8">
      <c r="H408650" s="12"/>
    </row>
    <row r="408651" spans="8:8">
      <c r="H408651" s="12"/>
    </row>
    <row r="408652" spans="8:8">
      <c r="H408652" s="12"/>
    </row>
    <row r="408653" spans="8:8">
      <c r="H408653" s="12"/>
    </row>
    <row r="408654" spans="8:8">
      <c r="H408654" s="12"/>
    </row>
    <row r="408655" spans="8:8">
      <c r="H408655" s="12"/>
    </row>
    <row r="408656" spans="8:8">
      <c r="H408656" s="12"/>
    </row>
    <row r="408657" spans="8:8">
      <c r="H408657" s="12"/>
    </row>
    <row r="408658" spans="8:8">
      <c r="H408658" s="12"/>
    </row>
    <row r="408659" spans="8:8">
      <c r="H408659" s="12"/>
    </row>
    <row r="408660" spans="8:8">
      <c r="H408660" s="12"/>
    </row>
    <row r="408661" spans="8:8">
      <c r="H408661" s="12"/>
    </row>
    <row r="408662" spans="8:8">
      <c r="H408662" s="12"/>
    </row>
    <row r="408663" spans="8:8">
      <c r="H408663" s="12"/>
    </row>
    <row r="408664" spans="8:8">
      <c r="H408664" s="12"/>
    </row>
    <row r="408665" spans="8:8">
      <c r="H408665" s="12"/>
    </row>
    <row r="408666" spans="8:8">
      <c r="H408666" s="12"/>
    </row>
    <row r="408667" spans="8:8">
      <c r="H408667" s="12"/>
    </row>
    <row r="408668" spans="8:8">
      <c r="H408668" s="12"/>
    </row>
    <row r="408669" spans="8:8">
      <c r="H408669" s="12"/>
    </row>
    <row r="408670" spans="8:8">
      <c r="H408670" s="12"/>
    </row>
    <row r="408671" spans="8:8">
      <c r="H408671" s="12"/>
    </row>
    <row r="408672" spans="8:8">
      <c r="H408672" s="12"/>
    </row>
    <row r="408673" spans="8:8">
      <c r="H408673" s="12"/>
    </row>
    <row r="408674" spans="8:8">
      <c r="H408674" s="12"/>
    </row>
    <row r="408675" spans="8:8">
      <c r="H408675" s="12"/>
    </row>
    <row r="408676" spans="8:8">
      <c r="H408676" s="12"/>
    </row>
    <row r="408677" spans="8:8">
      <c r="H408677" s="12"/>
    </row>
    <row r="408678" spans="8:8">
      <c r="H408678" s="12"/>
    </row>
    <row r="408679" spans="8:8">
      <c r="H408679" s="12"/>
    </row>
    <row r="408680" spans="8:8">
      <c r="H408680" s="12"/>
    </row>
    <row r="408681" spans="8:8">
      <c r="H408681" s="12"/>
    </row>
    <row r="408682" spans="8:8">
      <c r="H408682" s="12"/>
    </row>
    <row r="408683" spans="8:8">
      <c r="H408683" s="12"/>
    </row>
    <row r="408684" spans="8:8">
      <c r="H408684" s="12"/>
    </row>
    <row r="408685" spans="8:8">
      <c r="H408685" s="12"/>
    </row>
    <row r="408686" spans="8:8">
      <c r="H408686" s="12"/>
    </row>
    <row r="408687" spans="8:8">
      <c r="H408687" s="12"/>
    </row>
    <row r="408688" spans="8:8">
      <c r="H408688" s="12"/>
    </row>
    <row r="408689" spans="8:8">
      <c r="H408689" s="12"/>
    </row>
    <row r="408690" spans="8:8">
      <c r="H408690" s="12"/>
    </row>
    <row r="408691" spans="8:8">
      <c r="H408691" s="12"/>
    </row>
    <row r="408692" spans="8:8">
      <c r="H408692" s="12"/>
    </row>
    <row r="408693" spans="8:8">
      <c r="H408693" s="12"/>
    </row>
    <row r="408694" spans="8:8">
      <c r="H408694" s="12"/>
    </row>
    <row r="408695" spans="8:8">
      <c r="H408695" s="12"/>
    </row>
    <row r="408696" spans="8:8">
      <c r="H408696" s="12"/>
    </row>
    <row r="408697" spans="8:8">
      <c r="H408697" s="12"/>
    </row>
    <row r="408698" spans="8:8">
      <c r="H408698" s="12"/>
    </row>
    <row r="408699" spans="8:8">
      <c r="H408699" s="12"/>
    </row>
    <row r="408700" spans="8:8">
      <c r="H408700" s="12"/>
    </row>
    <row r="408701" spans="8:8">
      <c r="H408701" s="12"/>
    </row>
    <row r="408702" spans="8:8">
      <c r="H408702" s="12"/>
    </row>
    <row r="408703" spans="8:8">
      <c r="H408703" s="12"/>
    </row>
    <row r="408704" spans="8:8">
      <c r="H408704" s="12"/>
    </row>
    <row r="408705" spans="8:8">
      <c r="H408705" s="12"/>
    </row>
    <row r="408706" spans="8:8">
      <c r="H408706" s="12"/>
    </row>
    <row r="408707" spans="8:8">
      <c r="H408707" s="12"/>
    </row>
    <row r="408708" spans="8:8">
      <c r="H408708" s="12"/>
    </row>
    <row r="408709" spans="8:8">
      <c r="H408709" s="12"/>
    </row>
    <row r="408710" spans="8:8">
      <c r="H408710" s="12"/>
    </row>
    <row r="408711" spans="8:8">
      <c r="H408711" s="12"/>
    </row>
    <row r="408712" spans="8:8">
      <c r="H408712" s="12"/>
    </row>
    <row r="408713" spans="8:8">
      <c r="H408713" s="12"/>
    </row>
    <row r="408714" spans="8:8">
      <c r="H408714" s="12"/>
    </row>
    <row r="408715" spans="8:8">
      <c r="H408715" s="12"/>
    </row>
    <row r="408716" spans="8:8">
      <c r="H408716" s="12"/>
    </row>
    <row r="408717" spans="8:8">
      <c r="H408717" s="12"/>
    </row>
    <row r="408718" spans="8:8">
      <c r="H408718" s="12"/>
    </row>
    <row r="408719" spans="8:8">
      <c r="H408719" s="12"/>
    </row>
    <row r="408720" spans="8:8">
      <c r="H408720" s="12"/>
    </row>
    <row r="408721" spans="8:8">
      <c r="H408721" s="12"/>
    </row>
    <row r="408722" spans="8:8">
      <c r="H408722" s="12"/>
    </row>
    <row r="408723" spans="8:8">
      <c r="H408723" s="12"/>
    </row>
    <row r="408724" spans="8:8">
      <c r="H408724" s="12"/>
    </row>
    <row r="408725" spans="8:8">
      <c r="H408725" s="12"/>
    </row>
    <row r="408726" spans="8:8">
      <c r="H408726" s="12"/>
    </row>
    <row r="408727" spans="8:8">
      <c r="H408727" s="12"/>
    </row>
    <row r="408728" spans="8:8">
      <c r="H408728" s="12"/>
    </row>
    <row r="408729" spans="8:8">
      <c r="H408729" s="12"/>
    </row>
    <row r="408730" spans="8:8">
      <c r="H408730" s="12"/>
    </row>
    <row r="408731" spans="8:8">
      <c r="H408731" s="12"/>
    </row>
    <row r="408732" spans="8:8">
      <c r="H408732" s="12"/>
    </row>
    <row r="408733" spans="8:8">
      <c r="H408733" s="12"/>
    </row>
    <row r="408734" spans="8:8">
      <c r="H408734" s="12"/>
    </row>
    <row r="408735" spans="8:8">
      <c r="H408735" s="12"/>
    </row>
    <row r="408736" spans="8:8">
      <c r="H408736" s="12"/>
    </row>
    <row r="408737" spans="8:8">
      <c r="H408737" s="12"/>
    </row>
    <row r="408738" spans="8:8">
      <c r="H408738" s="12"/>
    </row>
    <row r="408739" spans="8:8">
      <c r="H408739" s="12"/>
    </row>
    <row r="408740" spans="8:8">
      <c r="H408740" s="12"/>
    </row>
    <row r="408741" spans="8:8">
      <c r="H408741" s="12"/>
    </row>
    <row r="408742" spans="8:8">
      <c r="H408742" s="12"/>
    </row>
    <row r="408743" spans="8:8">
      <c r="H408743" s="12"/>
    </row>
    <row r="408744" spans="8:8">
      <c r="H408744" s="12"/>
    </row>
    <row r="408745" spans="8:8">
      <c r="H408745" s="12"/>
    </row>
    <row r="408746" spans="8:8">
      <c r="H408746" s="12"/>
    </row>
    <row r="408747" spans="8:8">
      <c r="H408747" s="12"/>
    </row>
    <row r="408748" spans="8:8">
      <c r="H408748" s="12"/>
    </row>
    <row r="408749" spans="8:8">
      <c r="H408749" s="12"/>
    </row>
    <row r="408750" spans="8:8">
      <c r="H408750" s="12"/>
    </row>
    <row r="408751" spans="8:8">
      <c r="H408751" s="12"/>
    </row>
    <row r="408752" spans="8:8">
      <c r="H408752" s="12"/>
    </row>
    <row r="408753" spans="8:8">
      <c r="H408753" s="12"/>
    </row>
    <row r="408754" spans="8:8">
      <c r="H408754" s="12"/>
    </row>
    <row r="408755" spans="8:8">
      <c r="H408755" s="12"/>
    </row>
    <row r="408756" spans="8:8">
      <c r="H408756" s="12"/>
    </row>
    <row r="408757" spans="8:8">
      <c r="H408757" s="12"/>
    </row>
    <row r="408758" spans="8:8">
      <c r="H408758" s="12"/>
    </row>
    <row r="408759" spans="8:8">
      <c r="H408759" s="12"/>
    </row>
    <row r="408760" spans="8:8">
      <c r="H408760" s="12"/>
    </row>
    <row r="408761" spans="8:8">
      <c r="H408761" s="12"/>
    </row>
    <row r="408762" spans="8:8">
      <c r="H408762" s="12"/>
    </row>
    <row r="408763" spans="8:8">
      <c r="H408763" s="12"/>
    </row>
    <row r="408764" spans="8:8">
      <c r="H408764" s="12"/>
    </row>
    <row r="408765" spans="8:8">
      <c r="H408765" s="12"/>
    </row>
    <row r="408766" spans="8:8">
      <c r="H408766" s="12"/>
    </row>
    <row r="408767" spans="8:8">
      <c r="H408767" s="12"/>
    </row>
    <row r="408768" spans="8:8">
      <c r="H408768" s="12"/>
    </row>
    <row r="408769" spans="8:8">
      <c r="H408769" s="12"/>
    </row>
    <row r="408770" spans="8:8">
      <c r="H408770" s="12"/>
    </row>
    <row r="408771" spans="8:8">
      <c r="H408771" s="12"/>
    </row>
    <row r="408772" spans="8:8">
      <c r="H408772" s="12"/>
    </row>
    <row r="408773" spans="8:8">
      <c r="H408773" s="12"/>
    </row>
    <row r="408774" spans="8:8">
      <c r="H408774" s="12"/>
    </row>
    <row r="408775" spans="8:8">
      <c r="H408775" s="12"/>
    </row>
    <row r="408776" spans="8:8">
      <c r="H408776" s="12"/>
    </row>
    <row r="408777" spans="8:8">
      <c r="H408777" s="12"/>
    </row>
    <row r="408778" spans="8:8">
      <c r="H408778" s="12"/>
    </row>
    <row r="408779" spans="8:8">
      <c r="H408779" s="12"/>
    </row>
    <row r="408780" spans="8:8">
      <c r="H408780" s="12"/>
    </row>
    <row r="408781" spans="8:8">
      <c r="H408781" s="12"/>
    </row>
    <row r="408782" spans="8:8">
      <c r="H408782" s="12"/>
    </row>
    <row r="408783" spans="8:8">
      <c r="H408783" s="12"/>
    </row>
    <row r="408784" spans="8:8">
      <c r="H408784" s="12"/>
    </row>
    <row r="408785" spans="8:8">
      <c r="H408785" s="12"/>
    </row>
    <row r="408786" spans="8:8">
      <c r="H408786" s="12"/>
    </row>
    <row r="408787" spans="8:8">
      <c r="H408787" s="12"/>
    </row>
    <row r="408788" spans="8:8">
      <c r="H408788" s="12"/>
    </row>
    <row r="408789" spans="8:8">
      <c r="H408789" s="12"/>
    </row>
    <row r="408790" spans="8:8">
      <c r="H408790" s="12"/>
    </row>
    <row r="408791" spans="8:8">
      <c r="H408791" s="12"/>
    </row>
    <row r="408792" spans="8:8">
      <c r="H408792" s="12"/>
    </row>
    <row r="408793" spans="8:8">
      <c r="H408793" s="12"/>
    </row>
    <row r="408794" spans="8:8">
      <c r="H408794" s="12"/>
    </row>
    <row r="408795" spans="8:8">
      <c r="H408795" s="12"/>
    </row>
    <row r="408796" spans="8:8">
      <c r="H408796" s="12"/>
    </row>
    <row r="408797" spans="8:8">
      <c r="H408797" s="12"/>
    </row>
    <row r="408798" spans="8:8">
      <c r="H408798" s="12"/>
    </row>
    <row r="408799" spans="8:8">
      <c r="H408799" s="12"/>
    </row>
    <row r="408800" spans="8:8">
      <c r="H408800" s="12"/>
    </row>
    <row r="408801" spans="8:8">
      <c r="H408801" s="12"/>
    </row>
    <row r="408802" spans="8:8">
      <c r="H408802" s="12"/>
    </row>
    <row r="408803" spans="8:8">
      <c r="H408803" s="12"/>
    </row>
    <row r="408804" spans="8:8">
      <c r="H408804" s="12"/>
    </row>
    <row r="408805" spans="8:8">
      <c r="H408805" s="12"/>
    </row>
    <row r="408806" spans="8:8">
      <c r="H408806" s="12"/>
    </row>
    <row r="408807" spans="8:8">
      <c r="H408807" s="12"/>
    </row>
    <row r="408808" spans="8:8">
      <c r="H408808" s="12"/>
    </row>
    <row r="408809" spans="8:8">
      <c r="H408809" s="12"/>
    </row>
    <row r="408810" spans="8:8">
      <c r="H408810" s="12"/>
    </row>
    <row r="408811" spans="8:8">
      <c r="H408811" s="12"/>
    </row>
    <row r="408812" spans="8:8">
      <c r="H408812" s="12"/>
    </row>
    <row r="408813" spans="8:8">
      <c r="H408813" s="12"/>
    </row>
    <row r="408814" spans="8:8">
      <c r="H408814" s="12"/>
    </row>
    <row r="408815" spans="8:8">
      <c r="H408815" s="12"/>
    </row>
    <row r="408816" spans="8:8">
      <c r="H408816" s="12"/>
    </row>
    <row r="408817" spans="8:8">
      <c r="H408817" s="12"/>
    </row>
    <row r="408818" spans="8:8">
      <c r="H408818" s="12"/>
    </row>
    <row r="408819" spans="8:8">
      <c r="H408819" s="12"/>
    </row>
    <row r="408820" spans="8:8">
      <c r="H408820" s="12"/>
    </row>
    <row r="408821" spans="8:8">
      <c r="H408821" s="12"/>
    </row>
    <row r="408822" spans="8:8">
      <c r="H408822" s="12"/>
    </row>
    <row r="408823" spans="8:8">
      <c r="H408823" s="12"/>
    </row>
    <row r="408824" spans="8:8">
      <c r="H408824" s="12"/>
    </row>
    <row r="408825" spans="8:8">
      <c r="H408825" s="12"/>
    </row>
    <row r="408826" spans="8:8">
      <c r="H408826" s="12"/>
    </row>
    <row r="408827" spans="8:8">
      <c r="H408827" s="12"/>
    </row>
    <row r="408828" spans="8:8">
      <c r="H408828" s="12"/>
    </row>
    <row r="408829" spans="8:8">
      <c r="H408829" s="12"/>
    </row>
    <row r="408830" spans="8:8">
      <c r="H408830" s="12"/>
    </row>
    <row r="408831" spans="8:8">
      <c r="H408831" s="12"/>
    </row>
    <row r="408832" spans="8:8">
      <c r="H408832" s="12"/>
    </row>
    <row r="408833" spans="8:8">
      <c r="H408833" s="12"/>
    </row>
    <row r="408834" spans="8:8">
      <c r="H408834" s="12"/>
    </row>
    <row r="408835" spans="8:8">
      <c r="H408835" s="12"/>
    </row>
    <row r="408836" spans="8:8">
      <c r="H408836" s="12"/>
    </row>
    <row r="408837" spans="8:8">
      <c r="H408837" s="12"/>
    </row>
    <row r="408838" spans="8:8">
      <c r="H408838" s="12"/>
    </row>
    <row r="408839" spans="8:8">
      <c r="H408839" s="12"/>
    </row>
    <row r="408840" spans="8:8">
      <c r="H408840" s="12"/>
    </row>
    <row r="408841" spans="8:8">
      <c r="H408841" s="12"/>
    </row>
    <row r="408842" spans="8:8">
      <c r="H408842" s="12"/>
    </row>
    <row r="408843" spans="8:8">
      <c r="H408843" s="12"/>
    </row>
    <row r="408844" spans="8:8">
      <c r="H408844" s="12"/>
    </row>
    <row r="408845" spans="8:8">
      <c r="H408845" s="12"/>
    </row>
    <row r="408846" spans="8:8">
      <c r="H408846" s="12"/>
    </row>
    <row r="408847" spans="8:8">
      <c r="H408847" s="12"/>
    </row>
    <row r="408848" spans="8:8">
      <c r="H408848" s="12"/>
    </row>
    <row r="408849" spans="8:8">
      <c r="H408849" s="12"/>
    </row>
    <row r="408850" spans="8:8">
      <c r="H408850" s="12"/>
    </row>
    <row r="408851" spans="8:8">
      <c r="H408851" s="12"/>
    </row>
    <row r="408852" spans="8:8">
      <c r="H408852" s="12"/>
    </row>
    <row r="408853" spans="8:8">
      <c r="H408853" s="12"/>
    </row>
    <row r="408854" spans="8:8">
      <c r="H408854" s="12"/>
    </row>
    <row r="408855" spans="8:8">
      <c r="H408855" s="12"/>
    </row>
    <row r="408856" spans="8:8">
      <c r="H408856" s="12"/>
    </row>
    <row r="408857" spans="8:8">
      <c r="H408857" s="12"/>
    </row>
    <row r="408858" spans="8:8">
      <c r="H408858" s="12"/>
    </row>
    <row r="408859" spans="8:8">
      <c r="H408859" s="12"/>
    </row>
    <row r="408860" spans="8:8">
      <c r="H408860" s="12"/>
    </row>
    <row r="408861" spans="8:8">
      <c r="H408861" s="12"/>
    </row>
    <row r="408862" spans="8:8">
      <c r="H408862" s="12"/>
    </row>
    <row r="408863" spans="8:8">
      <c r="H408863" s="12"/>
    </row>
    <row r="408864" spans="8:8">
      <c r="H408864" s="12"/>
    </row>
    <row r="408865" spans="8:8">
      <c r="H408865" s="12"/>
    </row>
    <row r="408866" spans="8:8">
      <c r="H408866" s="12"/>
    </row>
    <row r="408867" spans="8:8">
      <c r="H408867" s="12"/>
    </row>
    <row r="408868" spans="8:8">
      <c r="H408868" s="12"/>
    </row>
    <row r="408869" spans="8:8">
      <c r="H408869" s="12"/>
    </row>
    <row r="408870" spans="8:8">
      <c r="H408870" s="12"/>
    </row>
    <row r="408871" spans="8:8">
      <c r="H408871" s="12"/>
    </row>
    <row r="408872" spans="8:8">
      <c r="H408872" s="12"/>
    </row>
    <row r="408873" spans="8:8">
      <c r="H408873" s="12"/>
    </row>
    <row r="408874" spans="8:8">
      <c r="H408874" s="12"/>
    </row>
    <row r="408875" spans="8:8">
      <c r="H408875" s="12"/>
    </row>
    <row r="408876" spans="8:8">
      <c r="H408876" s="12"/>
    </row>
    <row r="408877" spans="8:8">
      <c r="H408877" s="12"/>
    </row>
    <row r="408878" spans="8:8">
      <c r="H408878" s="12"/>
    </row>
    <row r="408879" spans="8:8">
      <c r="H408879" s="12"/>
    </row>
    <row r="408880" spans="8:8">
      <c r="H408880" s="12"/>
    </row>
    <row r="408881" spans="8:8">
      <c r="H408881" s="12"/>
    </row>
    <row r="408882" spans="8:8">
      <c r="H408882" s="12"/>
    </row>
    <row r="408883" spans="8:8">
      <c r="H408883" s="12"/>
    </row>
    <row r="408884" spans="8:8">
      <c r="H408884" s="12"/>
    </row>
    <row r="408885" spans="8:8">
      <c r="H408885" s="12"/>
    </row>
    <row r="408886" spans="8:8">
      <c r="H408886" s="12"/>
    </row>
    <row r="408887" spans="8:8">
      <c r="H408887" s="12"/>
    </row>
    <row r="408888" spans="8:8">
      <c r="H408888" s="12"/>
    </row>
    <row r="408889" spans="8:8">
      <c r="H408889" s="12"/>
    </row>
    <row r="408890" spans="8:8">
      <c r="H408890" s="12"/>
    </row>
    <row r="408891" spans="8:8">
      <c r="H408891" s="12"/>
    </row>
    <row r="408892" spans="8:8">
      <c r="H408892" s="12"/>
    </row>
    <row r="408893" spans="8:8">
      <c r="H408893" s="12"/>
    </row>
    <row r="408894" spans="8:8">
      <c r="H408894" s="12"/>
    </row>
    <row r="408895" spans="8:8">
      <c r="H408895" s="12"/>
    </row>
    <row r="408896" spans="8:8">
      <c r="H408896" s="12"/>
    </row>
    <row r="408897" spans="8:8">
      <c r="H408897" s="12"/>
    </row>
    <row r="408898" spans="8:8">
      <c r="H408898" s="12"/>
    </row>
    <row r="408899" spans="8:8">
      <c r="H408899" s="12"/>
    </row>
    <row r="408900" spans="8:8">
      <c r="H408900" s="12"/>
    </row>
    <row r="408901" spans="8:8">
      <c r="H408901" s="12"/>
    </row>
    <row r="408902" spans="8:8">
      <c r="H408902" s="12"/>
    </row>
    <row r="408903" spans="8:8">
      <c r="H408903" s="12"/>
    </row>
    <row r="408904" spans="8:8">
      <c r="H408904" s="12"/>
    </row>
    <row r="408905" spans="8:8">
      <c r="H408905" s="12"/>
    </row>
    <row r="408906" spans="8:8">
      <c r="H408906" s="12"/>
    </row>
    <row r="408907" spans="8:8">
      <c r="H408907" s="12"/>
    </row>
    <row r="408908" spans="8:8">
      <c r="H408908" s="12"/>
    </row>
    <row r="408909" spans="8:8">
      <c r="H408909" s="12"/>
    </row>
    <row r="408910" spans="8:8">
      <c r="H408910" s="12"/>
    </row>
    <row r="408911" spans="8:8">
      <c r="H408911" s="12"/>
    </row>
    <row r="408912" spans="8:8">
      <c r="H408912" s="12"/>
    </row>
    <row r="408913" spans="8:8">
      <c r="H408913" s="12"/>
    </row>
    <row r="408914" spans="8:8">
      <c r="H408914" s="12"/>
    </row>
    <row r="408915" spans="8:8">
      <c r="H408915" s="12"/>
    </row>
    <row r="408916" spans="8:8">
      <c r="H408916" s="12"/>
    </row>
    <row r="408917" spans="8:8">
      <c r="H408917" s="12"/>
    </row>
    <row r="408918" spans="8:8">
      <c r="H408918" s="12"/>
    </row>
    <row r="408919" spans="8:8">
      <c r="H408919" s="12"/>
    </row>
    <row r="408920" spans="8:8">
      <c r="H408920" s="12"/>
    </row>
    <row r="408921" spans="8:8">
      <c r="H408921" s="12"/>
    </row>
    <row r="408922" spans="8:8">
      <c r="H408922" s="12"/>
    </row>
    <row r="408923" spans="8:8">
      <c r="H408923" s="12"/>
    </row>
    <row r="408924" spans="8:8">
      <c r="H408924" s="12"/>
    </row>
    <row r="408925" spans="8:8">
      <c r="H408925" s="12"/>
    </row>
    <row r="408926" spans="8:8">
      <c r="H408926" s="12"/>
    </row>
    <row r="408927" spans="8:8">
      <c r="H408927" s="12"/>
    </row>
    <row r="408928" spans="8:8">
      <c r="H408928" s="12"/>
    </row>
    <row r="408929" spans="8:8">
      <c r="H408929" s="12"/>
    </row>
    <row r="408930" spans="8:8">
      <c r="H408930" s="12"/>
    </row>
    <row r="408931" spans="8:8">
      <c r="H408931" s="12"/>
    </row>
    <row r="408932" spans="8:8">
      <c r="H408932" s="12"/>
    </row>
    <row r="408933" spans="8:8">
      <c r="H408933" s="12"/>
    </row>
    <row r="408934" spans="8:8">
      <c r="H408934" s="12"/>
    </row>
    <row r="408935" spans="8:8">
      <c r="H408935" s="12"/>
    </row>
    <row r="408936" spans="8:8">
      <c r="H408936" s="12"/>
    </row>
    <row r="408937" spans="8:8">
      <c r="H408937" s="12"/>
    </row>
    <row r="408938" spans="8:8">
      <c r="H408938" s="12"/>
    </row>
    <row r="408939" spans="8:8">
      <c r="H408939" s="12"/>
    </row>
    <row r="408940" spans="8:8">
      <c r="H408940" s="12"/>
    </row>
    <row r="408941" spans="8:8">
      <c r="H408941" s="12"/>
    </row>
    <row r="408942" spans="8:8">
      <c r="H408942" s="12"/>
    </row>
    <row r="408943" spans="8:8">
      <c r="H408943" s="12"/>
    </row>
    <row r="408944" spans="8:8">
      <c r="H408944" s="12"/>
    </row>
    <row r="408945" spans="8:8">
      <c r="H408945" s="12"/>
    </row>
    <row r="408946" spans="8:8">
      <c r="H408946" s="12"/>
    </row>
    <row r="408947" spans="8:8">
      <c r="H408947" s="12"/>
    </row>
    <row r="408948" spans="8:8">
      <c r="H408948" s="12"/>
    </row>
    <row r="408949" spans="8:8">
      <c r="H408949" s="12"/>
    </row>
    <row r="408950" spans="8:8">
      <c r="H408950" s="12"/>
    </row>
    <row r="408951" spans="8:8">
      <c r="H408951" s="12"/>
    </row>
    <row r="408952" spans="8:8">
      <c r="H408952" s="12"/>
    </row>
    <row r="408953" spans="8:8">
      <c r="H408953" s="12"/>
    </row>
    <row r="408954" spans="8:8">
      <c r="H408954" s="12"/>
    </row>
    <row r="408955" spans="8:8">
      <c r="H408955" s="12"/>
    </row>
    <row r="408956" spans="8:8">
      <c r="H408956" s="12"/>
    </row>
    <row r="408957" spans="8:8">
      <c r="H408957" s="12"/>
    </row>
    <row r="408958" spans="8:8">
      <c r="H408958" s="12"/>
    </row>
    <row r="408959" spans="8:8">
      <c r="H408959" s="12"/>
    </row>
    <row r="408960" spans="8:8">
      <c r="H408960" s="12"/>
    </row>
    <row r="408961" spans="8:8">
      <c r="H408961" s="12"/>
    </row>
    <row r="408962" spans="8:8">
      <c r="H408962" s="12"/>
    </row>
    <row r="408963" spans="8:8">
      <c r="H408963" s="12"/>
    </row>
    <row r="408964" spans="8:8">
      <c r="H408964" s="12"/>
    </row>
    <row r="408965" spans="8:8">
      <c r="H408965" s="12"/>
    </row>
    <row r="408966" spans="8:8">
      <c r="H408966" s="12"/>
    </row>
    <row r="408967" spans="8:8">
      <c r="H408967" s="12"/>
    </row>
    <row r="408968" spans="8:8">
      <c r="H408968" s="12"/>
    </row>
    <row r="408969" spans="8:8">
      <c r="H408969" s="12"/>
    </row>
    <row r="408970" spans="8:8">
      <c r="H408970" s="12"/>
    </row>
    <row r="408971" spans="8:8">
      <c r="H408971" s="12"/>
    </row>
    <row r="408972" spans="8:8">
      <c r="H408972" s="12"/>
    </row>
    <row r="408973" spans="8:8">
      <c r="H408973" s="12"/>
    </row>
    <row r="408974" spans="8:8">
      <c r="H408974" s="12"/>
    </row>
    <row r="408975" spans="8:8">
      <c r="H408975" s="12"/>
    </row>
    <row r="408976" spans="8:8">
      <c r="H408976" s="12"/>
    </row>
    <row r="408977" spans="8:8">
      <c r="H408977" s="12"/>
    </row>
    <row r="408978" spans="8:8">
      <c r="H408978" s="12"/>
    </row>
    <row r="408979" spans="8:8">
      <c r="H408979" s="12"/>
    </row>
    <row r="408980" spans="8:8">
      <c r="H408980" s="12"/>
    </row>
    <row r="408981" spans="8:8">
      <c r="H408981" s="12"/>
    </row>
    <row r="408982" spans="8:8">
      <c r="H408982" s="12"/>
    </row>
    <row r="408983" spans="8:8">
      <c r="H408983" s="12"/>
    </row>
    <row r="408984" spans="8:8">
      <c r="H408984" s="12"/>
    </row>
    <row r="408985" spans="8:8">
      <c r="H408985" s="12"/>
    </row>
    <row r="408986" spans="8:8">
      <c r="H408986" s="12"/>
    </row>
    <row r="408987" spans="8:8">
      <c r="H408987" s="12"/>
    </row>
    <row r="408988" spans="8:8">
      <c r="H408988" s="12"/>
    </row>
    <row r="408989" spans="8:8">
      <c r="H408989" s="12"/>
    </row>
    <row r="408990" spans="8:8">
      <c r="H408990" s="12"/>
    </row>
    <row r="408991" spans="8:8">
      <c r="H408991" s="12"/>
    </row>
    <row r="408992" spans="8:8">
      <c r="H408992" s="12"/>
    </row>
    <row r="408993" spans="8:8">
      <c r="H408993" s="12"/>
    </row>
    <row r="408994" spans="8:8">
      <c r="H408994" s="12"/>
    </row>
    <row r="408995" spans="8:8">
      <c r="H408995" s="12"/>
    </row>
    <row r="408996" spans="8:8">
      <c r="H408996" s="12"/>
    </row>
    <row r="408997" spans="8:8">
      <c r="H408997" s="12"/>
    </row>
    <row r="408998" spans="8:8">
      <c r="H408998" s="12"/>
    </row>
    <row r="408999" spans="8:8">
      <c r="H408999" s="12"/>
    </row>
    <row r="409000" spans="8:8">
      <c r="H409000" s="12"/>
    </row>
    <row r="409001" spans="8:8">
      <c r="H409001" s="12"/>
    </row>
    <row r="409002" spans="8:8">
      <c r="H409002" s="12"/>
    </row>
    <row r="409003" spans="8:8">
      <c r="H409003" s="12"/>
    </row>
    <row r="409004" spans="8:8">
      <c r="H409004" s="12"/>
    </row>
    <row r="409005" spans="8:8">
      <c r="H409005" s="12"/>
    </row>
    <row r="409006" spans="8:8">
      <c r="H409006" s="12"/>
    </row>
    <row r="409007" spans="8:8">
      <c r="H409007" s="12"/>
    </row>
    <row r="409008" spans="8:8">
      <c r="H409008" s="12"/>
    </row>
    <row r="409009" spans="8:8">
      <c r="H409009" s="12"/>
    </row>
    <row r="409010" spans="8:8">
      <c r="H409010" s="12"/>
    </row>
    <row r="409011" spans="8:8">
      <c r="H409011" s="12"/>
    </row>
    <row r="409012" spans="8:8">
      <c r="H409012" s="12"/>
    </row>
    <row r="409013" spans="8:8">
      <c r="H409013" s="12"/>
    </row>
    <row r="409014" spans="8:8">
      <c r="H409014" s="12"/>
    </row>
    <row r="409015" spans="8:8">
      <c r="H409015" s="12"/>
    </row>
    <row r="409016" spans="8:8">
      <c r="H409016" s="12"/>
    </row>
    <row r="409017" spans="8:8">
      <c r="H409017" s="12"/>
    </row>
    <row r="409018" spans="8:8">
      <c r="H409018" s="12"/>
    </row>
    <row r="409019" spans="8:8">
      <c r="H409019" s="12"/>
    </row>
    <row r="409020" spans="8:8">
      <c r="H409020" s="12"/>
    </row>
    <row r="409021" spans="8:8">
      <c r="H409021" s="12"/>
    </row>
    <row r="409022" spans="8:8">
      <c r="H409022" s="12"/>
    </row>
    <row r="409023" spans="8:8">
      <c r="H409023" s="12"/>
    </row>
    <row r="409024" spans="8:8">
      <c r="H409024" s="12"/>
    </row>
    <row r="409025" spans="8:8">
      <c r="H409025" s="12"/>
    </row>
    <row r="409026" spans="8:8">
      <c r="H409026" s="12"/>
    </row>
    <row r="409027" spans="8:8">
      <c r="H409027" s="12"/>
    </row>
    <row r="409028" spans="8:8">
      <c r="H409028" s="12"/>
    </row>
    <row r="409029" spans="8:8">
      <c r="H409029" s="12"/>
    </row>
    <row r="409030" spans="8:8">
      <c r="H409030" s="12"/>
    </row>
    <row r="409031" spans="8:8">
      <c r="H409031" s="12"/>
    </row>
    <row r="409032" spans="8:8">
      <c r="H409032" s="12"/>
    </row>
    <row r="409033" spans="8:8">
      <c r="H409033" s="12"/>
    </row>
    <row r="409034" spans="8:8">
      <c r="H409034" s="12"/>
    </row>
    <row r="409035" spans="8:8">
      <c r="H409035" s="12"/>
    </row>
    <row r="409036" spans="8:8">
      <c r="H409036" s="12"/>
    </row>
    <row r="409037" spans="8:8">
      <c r="H409037" s="12"/>
    </row>
    <row r="409038" spans="8:8">
      <c r="H409038" s="12"/>
    </row>
    <row r="409039" spans="8:8">
      <c r="H409039" s="12"/>
    </row>
    <row r="409040" spans="8:8">
      <c r="H409040" s="12"/>
    </row>
    <row r="409041" spans="8:8">
      <c r="H409041" s="12"/>
    </row>
    <row r="409042" spans="8:8">
      <c r="H409042" s="12"/>
    </row>
    <row r="409043" spans="8:8">
      <c r="H409043" s="12"/>
    </row>
    <row r="409044" spans="8:8">
      <c r="H409044" s="12"/>
    </row>
    <row r="409045" spans="8:8">
      <c r="H409045" s="12"/>
    </row>
    <row r="409046" spans="8:8">
      <c r="H409046" s="12"/>
    </row>
    <row r="409047" spans="8:8">
      <c r="H409047" s="12"/>
    </row>
    <row r="409048" spans="8:8">
      <c r="H409048" s="12"/>
    </row>
    <row r="409049" spans="8:8">
      <c r="H409049" s="12"/>
    </row>
    <row r="409050" spans="8:8">
      <c r="H409050" s="12"/>
    </row>
    <row r="409051" spans="8:8">
      <c r="H409051" s="12"/>
    </row>
    <row r="409052" spans="8:8">
      <c r="H409052" s="12"/>
    </row>
    <row r="409053" spans="8:8">
      <c r="H409053" s="12"/>
    </row>
    <row r="409054" spans="8:8">
      <c r="H409054" s="12"/>
    </row>
    <row r="409055" spans="8:8">
      <c r="H409055" s="12"/>
    </row>
    <row r="409056" spans="8:8">
      <c r="H409056" s="12"/>
    </row>
    <row r="409057" spans="8:8">
      <c r="H409057" s="12"/>
    </row>
    <row r="409058" spans="8:8">
      <c r="H409058" s="12"/>
    </row>
    <row r="409059" spans="8:8">
      <c r="H409059" s="12"/>
    </row>
    <row r="409060" spans="8:8">
      <c r="H409060" s="12"/>
    </row>
    <row r="409061" spans="8:8">
      <c r="H409061" s="12"/>
    </row>
    <row r="409062" spans="8:8">
      <c r="H409062" s="12"/>
    </row>
    <row r="409063" spans="8:8">
      <c r="H409063" s="12"/>
    </row>
    <row r="409064" spans="8:8">
      <c r="H409064" s="12"/>
    </row>
    <row r="409065" spans="8:8">
      <c r="H409065" s="12"/>
    </row>
    <row r="409066" spans="8:8">
      <c r="H409066" s="12"/>
    </row>
    <row r="409067" spans="8:8">
      <c r="H409067" s="12"/>
    </row>
    <row r="409068" spans="8:8">
      <c r="H409068" s="12"/>
    </row>
    <row r="409069" spans="8:8">
      <c r="H409069" s="12"/>
    </row>
    <row r="409070" spans="8:8">
      <c r="H409070" s="12"/>
    </row>
    <row r="409071" spans="8:8">
      <c r="H409071" s="12"/>
    </row>
    <row r="409072" spans="8:8">
      <c r="H409072" s="12"/>
    </row>
    <row r="409073" spans="8:8">
      <c r="H409073" s="12"/>
    </row>
    <row r="409074" spans="8:8">
      <c r="H409074" s="12"/>
    </row>
    <row r="409075" spans="8:8">
      <c r="H409075" s="12"/>
    </row>
    <row r="409076" spans="8:8">
      <c r="H409076" s="12"/>
    </row>
    <row r="409077" spans="8:8">
      <c r="H409077" s="12"/>
    </row>
    <row r="409078" spans="8:8">
      <c r="H409078" s="12"/>
    </row>
    <row r="409079" spans="8:8">
      <c r="H409079" s="12"/>
    </row>
    <row r="409080" spans="8:8">
      <c r="H409080" s="12"/>
    </row>
    <row r="409081" spans="8:8">
      <c r="H409081" s="12"/>
    </row>
    <row r="409082" spans="8:8">
      <c r="H409082" s="12"/>
    </row>
    <row r="409083" spans="8:8">
      <c r="H409083" s="12"/>
    </row>
    <row r="409084" spans="8:8">
      <c r="H409084" s="12"/>
    </row>
    <row r="409085" spans="8:8">
      <c r="H409085" s="12"/>
    </row>
    <row r="409086" spans="8:8">
      <c r="H409086" s="12"/>
    </row>
    <row r="409087" spans="8:8">
      <c r="H409087" s="12"/>
    </row>
    <row r="409088" spans="8:8">
      <c r="H409088" s="12"/>
    </row>
    <row r="409089" spans="8:8">
      <c r="H409089" s="12"/>
    </row>
    <row r="409090" spans="8:8">
      <c r="H409090" s="12"/>
    </row>
    <row r="409091" spans="8:8">
      <c r="H409091" s="12"/>
    </row>
    <row r="409092" spans="8:8">
      <c r="H409092" s="12"/>
    </row>
    <row r="409093" spans="8:8">
      <c r="H409093" s="12"/>
    </row>
    <row r="409094" spans="8:8">
      <c r="H409094" s="12"/>
    </row>
    <row r="409095" spans="8:8">
      <c r="H409095" s="12"/>
    </row>
    <row r="409096" spans="8:8">
      <c r="H409096" s="12"/>
    </row>
    <row r="409097" spans="8:8">
      <c r="H409097" s="12"/>
    </row>
    <row r="409098" spans="8:8">
      <c r="H409098" s="12"/>
    </row>
    <row r="409099" spans="8:8">
      <c r="H409099" s="12"/>
    </row>
    <row r="409100" spans="8:8">
      <c r="H409100" s="12"/>
    </row>
    <row r="409101" spans="8:8">
      <c r="H409101" s="12"/>
    </row>
    <row r="409102" spans="8:8">
      <c r="H409102" s="12"/>
    </row>
    <row r="409103" spans="8:8">
      <c r="H409103" s="12"/>
    </row>
    <row r="409104" spans="8:8">
      <c r="H409104" s="12"/>
    </row>
    <row r="409105" spans="8:8">
      <c r="H409105" s="12"/>
    </row>
    <row r="409106" spans="8:8">
      <c r="H409106" s="12"/>
    </row>
    <row r="409107" spans="8:8">
      <c r="H409107" s="12"/>
    </row>
    <row r="409108" spans="8:8">
      <c r="H409108" s="12"/>
    </row>
    <row r="409109" spans="8:8">
      <c r="H409109" s="12"/>
    </row>
    <row r="409110" spans="8:8">
      <c r="H409110" s="12"/>
    </row>
    <row r="409111" spans="8:8">
      <c r="H409111" s="12"/>
    </row>
    <row r="409112" spans="8:8">
      <c r="H409112" s="12"/>
    </row>
    <row r="409113" spans="8:8">
      <c r="H409113" s="12"/>
    </row>
    <row r="409114" spans="8:8">
      <c r="H409114" s="12"/>
    </row>
    <row r="409115" spans="8:8">
      <c r="H409115" s="12"/>
    </row>
    <row r="409116" spans="8:8">
      <c r="H409116" s="12"/>
    </row>
    <row r="409117" spans="8:8">
      <c r="H409117" s="12"/>
    </row>
    <row r="409118" spans="8:8">
      <c r="H409118" s="12"/>
    </row>
    <row r="409119" spans="8:8">
      <c r="H409119" s="12"/>
    </row>
    <row r="409120" spans="8:8">
      <c r="H409120" s="12"/>
    </row>
    <row r="409121" spans="8:8">
      <c r="H409121" s="12"/>
    </row>
    <row r="409122" spans="8:8">
      <c r="H409122" s="12"/>
    </row>
    <row r="409123" spans="8:8">
      <c r="H409123" s="12"/>
    </row>
    <row r="409124" spans="8:8">
      <c r="H409124" s="12"/>
    </row>
    <row r="409125" spans="8:8">
      <c r="H409125" s="12"/>
    </row>
    <row r="409126" spans="8:8">
      <c r="H409126" s="12"/>
    </row>
    <row r="409127" spans="8:8">
      <c r="H409127" s="12"/>
    </row>
    <row r="409128" spans="8:8">
      <c r="H409128" s="12"/>
    </row>
    <row r="409129" spans="8:8">
      <c r="H409129" s="12"/>
    </row>
    <row r="409130" spans="8:8">
      <c r="H409130" s="12"/>
    </row>
    <row r="409131" spans="8:8">
      <c r="H409131" s="12"/>
    </row>
    <row r="409132" spans="8:8">
      <c r="H409132" s="12"/>
    </row>
    <row r="409133" spans="8:8">
      <c r="H409133" s="12"/>
    </row>
    <row r="409134" spans="8:8">
      <c r="H409134" s="12"/>
    </row>
    <row r="409135" spans="8:8">
      <c r="H409135" s="12"/>
    </row>
    <row r="409136" spans="8:8">
      <c r="H409136" s="12"/>
    </row>
    <row r="409137" spans="8:8">
      <c r="H409137" s="12"/>
    </row>
    <row r="409138" spans="8:8">
      <c r="H409138" s="12"/>
    </row>
    <row r="409139" spans="8:8">
      <c r="H409139" s="12"/>
    </row>
    <row r="409140" spans="8:8">
      <c r="H409140" s="12"/>
    </row>
    <row r="409141" spans="8:8">
      <c r="H409141" s="12"/>
    </row>
    <row r="409142" spans="8:8">
      <c r="H409142" s="12"/>
    </row>
    <row r="409143" spans="8:8">
      <c r="H409143" s="12"/>
    </row>
    <row r="409144" spans="8:8">
      <c r="H409144" s="12"/>
    </row>
    <row r="409145" spans="8:8">
      <c r="H409145" s="12"/>
    </row>
    <row r="409146" spans="8:8">
      <c r="H409146" s="12"/>
    </row>
    <row r="409147" spans="8:8">
      <c r="H409147" s="12"/>
    </row>
    <row r="409148" spans="8:8">
      <c r="H409148" s="12"/>
    </row>
    <row r="409149" spans="8:8">
      <c r="H409149" s="12"/>
    </row>
    <row r="409150" spans="8:8">
      <c r="H409150" s="12"/>
    </row>
    <row r="409151" spans="8:8">
      <c r="H409151" s="12"/>
    </row>
    <row r="409152" spans="8:8">
      <c r="H409152" s="12"/>
    </row>
    <row r="409153" spans="8:8">
      <c r="H409153" s="12"/>
    </row>
    <row r="409154" spans="8:8">
      <c r="H409154" s="12"/>
    </row>
    <row r="409155" spans="8:8">
      <c r="H409155" s="12"/>
    </row>
    <row r="409156" spans="8:8">
      <c r="H409156" s="12"/>
    </row>
    <row r="409157" spans="8:8">
      <c r="H409157" s="12"/>
    </row>
    <row r="409158" spans="8:8">
      <c r="H409158" s="12"/>
    </row>
    <row r="409159" spans="8:8">
      <c r="H409159" s="12"/>
    </row>
    <row r="409160" spans="8:8">
      <c r="H409160" s="12"/>
    </row>
    <row r="409161" spans="8:8">
      <c r="H409161" s="12"/>
    </row>
    <row r="409162" spans="8:8">
      <c r="H409162" s="12"/>
    </row>
    <row r="409163" spans="8:8">
      <c r="H409163" s="12"/>
    </row>
    <row r="409164" spans="8:8">
      <c r="H409164" s="12"/>
    </row>
    <row r="409165" spans="8:8">
      <c r="H409165" s="12"/>
    </row>
    <row r="409166" spans="8:8">
      <c r="H409166" s="12"/>
    </row>
    <row r="409167" spans="8:8">
      <c r="H409167" s="12"/>
    </row>
    <row r="409168" spans="8:8">
      <c r="H409168" s="12"/>
    </row>
    <row r="409169" spans="8:8">
      <c r="H409169" s="12"/>
    </row>
    <row r="409170" spans="8:8">
      <c r="H409170" s="12"/>
    </row>
    <row r="409171" spans="8:8">
      <c r="H409171" s="12"/>
    </row>
    <row r="409172" spans="8:8">
      <c r="H409172" s="12"/>
    </row>
    <row r="409173" spans="8:8">
      <c r="H409173" s="12"/>
    </row>
    <row r="409174" spans="8:8">
      <c r="H409174" s="12"/>
    </row>
    <row r="409175" spans="8:8">
      <c r="H409175" s="12"/>
    </row>
    <row r="409176" spans="8:8">
      <c r="H409176" s="12"/>
    </row>
    <row r="409177" spans="8:8">
      <c r="H409177" s="12"/>
    </row>
    <row r="409178" spans="8:8">
      <c r="H409178" s="12"/>
    </row>
    <row r="409179" spans="8:8">
      <c r="H409179" s="12"/>
    </row>
    <row r="409180" spans="8:8">
      <c r="H409180" s="12"/>
    </row>
    <row r="409181" spans="8:8">
      <c r="H409181" s="12"/>
    </row>
    <row r="409182" spans="8:8">
      <c r="H409182" s="12"/>
    </row>
    <row r="409183" spans="8:8">
      <c r="H409183" s="12"/>
    </row>
    <row r="409184" spans="8:8">
      <c r="H409184" s="12"/>
    </row>
    <row r="409185" spans="8:8">
      <c r="H409185" s="12"/>
    </row>
    <row r="409186" spans="8:8">
      <c r="H409186" s="12"/>
    </row>
    <row r="409187" spans="8:8">
      <c r="H409187" s="12"/>
    </row>
    <row r="409188" spans="8:8">
      <c r="H409188" s="12"/>
    </row>
    <row r="409189" spans="8:8">
      <c r="H409189" s="12"/>
    </row>
    <row r="409190" spans="8:8">
      <c r="H409190" s="12"/>
    </row>
    <row r="409191" spans="8:8">
      <c r="H409191" s="12"/>
    </row>
    <row r="409192" spans="8:8">
      <c r="H409192" s="12"/>
    </row>
    <row r="409193" spans="8:8">
      <c r="H409193" s="12"/>
    </row>
    <row r="409194" spans="8:8">
      <c r="H409194" s="12"/>
    </row>
    <row r="409195" spans="8:8">
      <c r="H409195" s="12"/>
    </row>
    <row r="409196" spans="8:8">
      <c r="H409196" s="12"/>
    </row>
    <row r="409197" spans="8:8">
      <c r="H409197" s="12"/>
    </row>
    <row r="409198" spans="8:8">
      <c r="H409198" s="12"/>
    </row>
    <row r="409199" spans="8:8">
      <c r="H409199" s="12"/>
    </row>
    <row r="409200" spans="8:8">
      <c r="H409200" s="12"/>
    </row>
    <row r="409201" spans="8:8">
      <c r="H409201" s="12"/>
    </row>
    <row r="409202" spans="8:8">
      <c r="H409202" s="12"/>
    </row>
    <row r="409203" spans="8:8">
      <c r="H409203" s="12"/>
    </row>
    <row r="409204" spans="8:8">
      <c r="H409204" s="12"/>
    </row>
    <row r="409205" spans="8:8">
      <c r="H409205" s="12"/>
    </row>
    <row r="409206" spans="8:8">
      <c r="H409206" s="12"/>
    </row>
    <row r="409207" spans="8:8">
      <c r="H409207" s="12"/>
    </row>
    <row r="409208" spans="8:8">
      <c r="H409208" s="12"/>
    </row>
    <row r="409209" spans="8:8">
      <c r="H409209" s="12"/>
    </row>
    <row r="409210" spans="8:8">
      <c r="H409210" s="12"/>
    </row>
    <row r="409211" spans="8:8">
      <c r="H409211" s="12"/>
    </row>
    <row r="409212" spans="8:8">
      <c r="H409212" s="12"/>
    </row>
    <row r="409213" spans="8:8">
      <c r="H409213" s="12"/>
    </row>
    <row r="409214" spans="8:8">
      <c r="H409214" s="12"/>
    </row>
    <row r="409215" spans="8:8">
      <c r="H409215" s="12"/>
    </row>
    <row r="409216" spans="8:8">
      <c r="H409216" s="12"/>
    </row>
    <row r="409217" spans="8:8">
      <c r="H409217" s="12"/>
    </row>
    <row r="409218" spans="8:8">
      <c r="H409218" s="12"/>
    </row>
    <row r="409219" spans="8:8">
      <c r="H409219" s="12"/>
    </row>
    <row r="409220" spans="8:8">
      <c r="H409220" s="12"/>
    </row>
    <row r="409221" spans="8:8">
      <c r="H409221" s="12"/>
    </row>
    <row r="409222" spans="8:8">
      <c r="H409222" s="12"/>
    </row>
    <row r="409223" spans="8:8">
      <c r="H409223" s="12"/>
    </row>
    <row r="409224" spans="8:8">
      <c r="H409224" s="12"/>
    </row>
    <row r="409225" spans="8:8">
      <c r="H409225" s="12"/>
    </row>
    <row r="409226" spans="8:8">
      <c r="H409226" s="12"/>
    </row>
    <row r="409227" spans="8:8">
      <c r="H409227" s="12"/>
    </row>
    <row r="409228" spans="8:8">
      <c r="H409228" s="12"/>
    </row>
    <row r="409229" spans="8:8">
      <c r="H409229" s="12"/>
    </row>
    <row r="409230" spans="8:8">
      <c r="H409230" s="12"/>
    </row>
    <row r="409231" spans="8:8">
      <c r="H409231" s="12"/>
    </row>
    <row r="409232" spans="8:8">
      <c r="H409232" s="12"/>
    </row>
    <row r="409233" spans="8:8">
      <c r="H409233" s="12"/>
    </row>
    <row r="409234" spans="8:8">
      <c r="H409234" s="12"/>
    </row>
    <row r="409235" spans="8:8">
      <c r="H409235" s="12"/>
    </row>
    <row r="409236" spans="8:8">
      <c r="H409236" s="12"/>
    </row>
    <row r="409237" spans="8:8">
      <c r="H409237" s="12"/>
    </row>
    <row r="409238" spans="8:8">
      <c r="H409238" s="12"/>
    </row>
    <row r="409239" spans="8:8">
      <c r="H409239" s="12"/>
    </row>
    <row r="409240" spans="8:8">
      <c r="H409240" s="12"/>
    </row>
    <row r="409241" spans="8:8">
      <c r="H409241" s="12"/>
    </row>
    <row r="409242" spans="8:8">
      <c r="H409242" s="12"/>
    </row>
    <row r="409243" spans="8:8">
      <c r="H409243" s="12"/>
    </row>
    <row r="409244" spans="8:8">
      <c r="H409244" s="12"/>
    </row>
    <row r="409245" spans="8:8">
      <c r="H409245" s="12"/>
    </row>
    <row r="409246" spans="8:8">
      <c r="H409246" s="12"/>
    </row>
    <row r="409247" spans="8:8">
      <c r="H409247" s="12"/>
    </row>
    <row r="409248" spans="8:8">
      <c r="H409248" s="12"/>
    </row>
    <row r="409249" spans="8:8">
      <c r="H409249" s="12"/>
    </row>
    <row r="409250" spans="8:8">
      <c r="H409250" s="12"/>
    </row>
    <row r="409251" spans="8:8">
      <c r="H409251" s="12"/>
    </row>
    <row r="409252" spans="8:8">
      <c r="H409252" s="12"/>
    </row>
    <row r="409253" spans="8:8">
      <c r="H409253" s="12"/>
    </row>
    <row r="409254" spans="8:8">
      <c r="H409254" s="12"/>
    </row>
    <row r="409255" spans="8:8">
      <c r="H409255" s="12"/>
    </row>
    <row r="409256" spans="8:8">
      <c r="H409256" s="12"/>
    </row>
    <row r="409257" spans="8:8">
      <c r="H409257" s="12"/>
    </row>
    <row r="409258" spans="8:8">
      <c r="H409258" s="12"/>
    </row>
    <row r="409259" spans="8:8">
      <c r="H409259" s="12"/>
    </row>
    <row r="409260" spans="8:8">
      <c r="H409260" s="12"/>
    </row>
    <row r="409261" spans="8:8">
      <c r="H409261" s="12"/>
    </row>
    <row r="409262" spans="8:8">
      <c r="H409262" s="12"/>
    </row>
    <row r="409263" spans="8:8">
      <c r="H409263" s="12"/>
    </row>
    <row r="409264" spans="8:8">
      <c r="H409264" s="12"/>
    </row>
    <row r="409265" spans="8:8">
      <c r="H409265" s="12"/>
    </row>
    <row r="409266" spans="8:8">
      <c r="H409266" s="12"/>
    </row>
    <row r="409267" spans="8:8">
      <c r="H409267" s="12"/>
    </row>
    <row r="409268" spans="8:8">
      <c r="H409268" s="12"/>
    </row>
    <row r="409269" spans="8:8">
      <c r="H409269" s="12"/>
    </row>
    <row r="409270" spans="8:8">
      <c r="H409270" s="12"/>
    </row>
    <row r="409271" spans="8:8">
      <c r="H409271" s="12"/>
    </row>
    <row r="409272" spans="8:8">
      <c r="H409272" s="12"/>
    </row>
    <row r="409273" spans="8:8">
      <c r="H409273" s="12"/>
    </row>
    <row r="409274" spans="8:8">
      <c r="H409274" s="12"/>
    </row>
    <row r="409275" spans="8:8">
      <c r="H409275" s="12"/>
    </row>
    <row r="409276" spans="8:8">
      <c r="H409276" s="12"/>
    </row>
    <row r="409277" spans="8:8">
      <c r="H409277" s="12"/>
    </row>
    <row r="409278" spans="8:8">
      <c r="H409278" s="12"/>
    </row>
    <row r="409279" spans="8:8">
      <c r="H409279" s="12"/>
    </row>
    <row r="409280" spans="8:8">
      <c r="H409280" s="12"/>
    </row>
    <row r="409281" spans="8:8">
      <c r="H409281" s="12"/>
    </row>
    <row r="409282" spans="8:8">
      <c r="H409282" s="12"/>
    </row>
    <row r="409283" spans="8:8">
      <c r="H409283" s="12"/>
    </row>
    <row r="409284" spans="8:8">
      <c r="H409284" s="12"/>
    </row>
    <row r="409285" spans="8:8">
      <c r="H409285" s="12"/>
    </row>
    <row r="409286" spans="8:8">
      <c r="H409286" s="12"/>
    </row>
    <row r="409287" spans="8:8">
      <c r="H409287" s="12"/>
    </row>
    <row r="409288" spans="8:8">
      <c r="H409288" s="12"/>
    </row>
    <row r="409289" spans="8:8">
      <c r="H409289" s="12"/>
    </row>
    <row r="409290" spans="8:8">
      <c r="H409290" s="12"/>
    </row>
    <row r="409291" spans="8:8">
      <c r="H409291" s="12"/>
    </row>
    <row r="409292" spans="8:8">
      <c r="H409292" s="12"/>
    </row>
    <row r="409293" spans="8:8">
      <c r="H409293" s="12"/>
    </row>
    <row r="409294" spans="8:8">
      <c r="H409294" s="12"/>
    </row>
    <row r="409295" spans="8:8">
      <c r="H409295" s="12"/>
    </row>
    <row r="409296" spans="8:8">
      <c r="H409296" s="12"/>
    </row>
    <row r="409297" spans="8:8">
      <c r="H409297" s="12"/>
    </row>
    <row r="409298" spans="8:8">
      <c r="H409298" s="12"/>
    </row>
    <row r="409299" spans="8:8">
      <c r="H409299" s="12"/>
    </row>
    <row r="409300" spans="8:8">
      <c r="H409300" s="12"/>
    </row>
    <row r="409301" spans="8:8">
      <c r="H409301" s="12"/>
    </row>
    <row r="409302" spans="8:8">
      <c r="H409302" s="12"/>
    </row>
    <row r="409303" spans="8:8">
      <c r="H409303" s="12"/>
    </row>
    <row r="409304" spans="8:8">
      <c r="H409304" s="12"/>
    </row>
    <row r="409305" spans="8:8">
      <c r="H409305" s="12"/>
    </row>
    <row r="409306" spans="8:8">
      <c r="H409306" s="12"/>
    </row>
    <row r="409307" spans="8:8">
      <c r="H409307" s="12"/>
    </row>
    <row r="409308" spans="8:8">
      <c r="H409308" s="12"/>
    </row>
    <row r="409309" spans="8:8">
      <c r="H409309" s="12"/>
    </row>
    <row r="409310" spans="8:8">
      <c r="H409310" s="12"/>
    </row>
    <row r="409311" spans="8:8">
      <c r="H409311" s="12"/>
    </row>
    <row r="409312" spans="8:8">
      <c r="H409312" s="12"/>
    </row>
    <row r="409313" spans="8:8">
      <c r="H409313" s="12"/>
    </row>
    <row r="409314" spans="8:8">
      <c r="H409314" s="12"/>
    </row>
    <row r="409315" spans="8:8">
      <c r="H409315" s="12"/>
    </row>
    <row r="409316" spans="8:8">
      <c r="H409316" s="12"/>
    </row>
    <row r="409317" spans="8:8">
      <c r="H409317" s="12"/>
    </row>
    <row r="409318" spans="8:8">
      <c r="H409318" s="12"/>
    </row>
    <row r="409319" spans="8:8">
      <c r="H409319" s="12"/>
    </row>
    <row r="409320" spans="8:8">
      <c r="H409320" s="12"/>
    </row>
    <row r="409321" spans="8:8">
      <c r="H409321" s="12"/>
    </row>
    <row r="409322" spans="8:8">
      <c r="H409322" s="12"/>
    </row>
    <row r="409323" spans="8:8">
      <c r="H409323" s="12"/>
    </row>
    <row r="409324" spans="8:8">
      <c r="H409324" s="12"/>
    </row>
    <row r="409325" spans="8:8">
      <c r="H409325" s="12"/>
    </row>
    <row r="409326" spans="8:8">
      <c r="H409326" s="12"/>
    </row>
    <row r="409327" spans="8:8">
      <c r="H409327" s="12"/>
    </row>
    <row r="409328" spans="8:8">
      <c r="H409328" s="12"/>
    </row>
    <row r="409329" spans="8:8">
      <c r="H409329" s="12"/>
    </row>
    <row r="409330" spans="8:8">
      <c r="H409330" s="12"/>
    </row>
    <row r="409331" spans="8:8">
      <c r="H409331" s="12"/>
    </row>
    <row r="409332" spans="8:8">
      <c r="H409332" s="12"/>
    </row>
    <row r="409333" spans="8:8">
      <c r="H409333" s="12"/>
    </row>
    <row r="409334" spans="8:8">
      <c r="H409334" s="12"/>
    </row>
    <row r="409335" spans="8:8">
      <c r="H409335" s="12"/>
    </row>
    <row r="409336" spans="8:8">
      <c r="H409336" s="12"/>
    </row>
    <row r="409337" spans="8:8">
      <c r="H409337" s="12"/>
    </row>
    <row r="409338" spans="8:8">
      <c r="H409338" s="12"/>
    </row>
    <row r="409339" spans="8:8">
      <c r="H409339" s="12"/>
    </row>
    <row r="409340" spans="8:8">
      <c r="H409340" s="12"/>
    </row>
    <row r="409341" spans="8:8">
      <c r="H409341" s="12"/>
    </row>
    <row r="409342" spans="8:8">
      <c r="H409342" s="12"/>
    </row>
    <row r="409343" spans="8:8">
      <c r="H409343" s="12"/>
    </row>
    <row r="409344" spans="8:8">
      <c r="H409344" s="12"/>
    </row>
    <row r="409345" spans="8:8">
      <c r="H409345" s="12"/>
    </row>
    <row r="409346" spans="8:8">
      <c r="H409346" s="12"/>
    </row>
    <row r="409347" spans="8:8">
      <c r="H409347" s="12"/>
    </row>
    <row r="409348" spans="8:8">
      <c r="H409348" s="12"/>
    </row>
    <row r="409349" spans="8:8">
      <c r="H409349" s="12"/>
    </row>
    <row r="409350" spans="8:8">
      <c r="H409350" s="12"/>
    </row>
    <row r="409351" spans="8:8">
      <c r="H409351" s="12"/>
    </row>
    <row r="409352" spans="8:8">
      <c r="H409352" s="12"/>
    </row>
    <row r="409353" spans="8:8">
      <c r="H409353" s="12"/>
    </row>
    <row r="409354" spans="8:8">
      <c r="H409354" s="12"/>
    </row>
    <row r="409355" spans="8:8">
      <c r="H409355" s="12"/>
    </row>
    <row r="409356" spans="8:8">
      <c r="H409356" s="12"/>
    </row>
    <row r="409357" spans="8:8">
      <c r="H409357" s="12"/>
    </row>
    <row r="409358" spans="8:8">
      <c r="H409358" s="12"/>
    </row>
    <row r="409359" spans="8:8">
      <c r="H409359" s="12"/>
    </row>
    <row r="409360" spans="8:8">
      <c r="H409360" s="12"/>
    </row>
    <row r="409361" spans="8:8">
      <c r="H409361" s="12"/>
    </row>
    <row r="409362" spans="8:8">
      <c r="H409362" s="12"/>
    </row>
    <row r="409363" spans="8:8">
      <c r="H409363" s="12"/>
    </row>
    <row r="409364" spans="8:8">
      <c r="H409364" s="12"/>
    </row>
    <row r="409365" spans="8:8">
      <c r="H409365" s="12"/>
    </row>
    <row r="409366" spans="8:8">
      <c r="H409366" s="12"/>
    </row>
    <row r="409367" spans="8:8">
      <c r="H409367" s="12"/>
    </row>
    <row r="409368" spans="8:8">
      <c r="H409368" s="12"/>
    </row>
    <row r="409369" spans="8:8">
      <c r="H409369" s="12"/>
    </row>
    <row r="409370" spans="8:8">
      <c r="H409370" s="12"/>
    </row>
    <row r="409371" spans="8:8">
      <c r="H409371" s="12"/>
    </row>
    <row r="409372" spans="8:8">
      <c r="H409372" s="12"/>
    </row>
    <row r="409373" spans="8:8">
      <c r="H409373" s="12"/>
    </row>
    <row r="409374" spans="8:8">
      <c r="H409374" s="12"/>
    </row>
    <row r="409375" spans="8:8">
      <c r="H409375" s="12"/>
    </row>
    <row r="409376" spans="8:8">
      <c r="H409376" s="12"/>
    </row>
    <row r="409377" spans="8:8">
      <c r="H409377" s="12"/>
    </row>
    <row r="409378" spans="8:8">
      <c r="H409378" s="12"/>
    </row>
    <row r="409379" spans="8:8">
      <c r="H409379" s="12"/>
    </row>
    <row r="409380" spans="8:8">
      <c r="H409380" s="12"/>
    </row>
    <row r="409381" spans="8:8">
      <c r="H409381" s="12"/>
    </row>
    <row r="409382" spans="8:8">
      <c r="H409382" s="12"/>
    </row>
    <row r="409383" spans="8:8">
      <c r="H409383" s="12"/>
    </row>
    <row r="409384" spans="8:8">
      <c r="H409384" s="12"/>
    </row>
    <row r="409385" spans="8:8">
      <c r="H409385" s="12"/>
    </row>
    <row r="409386" spans="8:8">
      <c r="H409386" s="12"/>
    </row>
    <row r="409387" spans="8:8">
      <c r="H409387" s="12"/>
    </row>
    <row r="409388" spans="8:8">
      <c r="H409388" s="12"/>
    </row>
    <row r="409389" spans="8:8">
      <c r="H409389" s="12"/>
    </row>
    <row r="409390" spans="8:8">
      <c r="H409390" s="12"/>
    </row>
    <row r="409391" spans="8:8">
      <c r="H409391" s="12"/>
    </row>
    <row r="409392" spans="8:8">
      <c r="H409392" s="12"/>
    </row>
    <row r="409393" spans="8:8">
      <c r="H409393" s="12"/>
    </row>
    <row r="409394" spans="8:8">
      <c r="H409394" s="12"/>
    </row>
    <row r="409395" spans="8:8">
      <c r="H409395" s="12"/>
    </row>
    <row r="409396" spans="8:8">
      <c r="H409396" s="12"/>
    </row>
    <row r="409397" spans="8:8">
      <c r="H409397" s="12"/>
    </row>
    <row r="409398" spans="8:8">
      <c r="H409398" s="12"/>
    </row>
    <row r="409399" spans="8:8">
      <c r="H409399" s="12"/>
    </row>
    <row r="409400" spans="8:8">
      <c r="H409400" s="12"/>
    </row>
    <row r="409401" spans="8:8">
      <c r="H409401" s="12"/>
    </row>
    <row r="409402" spans="8:8">
      <c r="H409402" s="12"/>
    </row>
    <row r="409403" spans="8:8">
      <c r="H409403" s="12"/>
    </row>
    <row r="409404" spans="8:8">
      <c r="H409404" s="12"/>
    </row>
    <row r="409405" spans="8:8">
      <c r="H409405" s="12"/>
    </row>
    <row r="409406" spans="8:8">
      <c r="H409406" s="12"/>
    </row>
    <row r="409407" spans="8:8">
      <c r="H409407" s="12"/>
    </row>
    <row r="409408" spans="8:8">
      <c r="H409408" s="12"/>
    </row>
    <row r="409409" spans="8:8">
      <c r="H409409" s="12"/>
    </row>
    <row r="409410" spans="8:8">
      <c r="H409410" s="12"/>
    </row>
    <row r="409411" spans="8:8">
      <c r="H409411" s="12"/>
    </row>
    <row r="409412" spans="8:8">
      <c r="H409412" s="12"/>
    </row>
    <row r="409413" spans="8:8">
      <c r="H409413" s="12"/>
    </row>
    <row r="409414" spans="8:8">
      <c r="H409414" s="12"/>
    </row>
    <row r="409415" spans="8:8">
      <c r="H409415" s="12"/>
    </row>
    <row r="409416" spans="8:8">
      <c r="H409416" s="12"/>
    </row>
    <row r="409417" spans="8:8">
      <c r="H409417" s="12"/>
    </row>
    <row r="409418" spans="8:8">
      <c r="H409418" s="12"/>
    </row>
    <row r="409419" spans="8:8">
      <c r="H409419" s="12"/>
    </row>
    <row r="409420" spans="8:8">
      <c r="H409420" s="12"/>
    </row>
    <row r="409421" spans="8:8">
      <c r="H409421" s="12"/>
    </row>
    <row r="409422" spans="8:8">
      <c r="H409422" s="12"/>
    </row>
    <row r="409423" spans="8:8">
      <c r="H409423" s="12"/>
    </row>
    <row r="409424" spans="8:8">
      <c r="H409424" s="12"/>
    </row>
    <row r="409425" spans="8:8">
      <c r="H409425" s="12"/>
    </row>
    <row r="409426" spans="8:8">
      <c r="H409426" s="12"/>
    </row>
    <row r="409427" spans="8:8">
      <c r="H409427" s="12"/>
    </row>
    <row r="409428" spans="8:8">
      <c r="H409428" s="12"/>
    </row>
    <row r="409429" spans="8:8">
      <c r="H409429" s="12"/>
    </row>
    <row r="409430" spans="8:8">
      <c r="H409430" s="12"/>
    </row>
    <row r="409431" spans="8:8">
      <c r="H409431" s="12"/>
    </row>
    <row r="409432" spans="8:8">
      <c r="H409432" s="12"/>
    </row>
    <row r="409433" spans="8:8">
      <c r="H409433" s="12"/>
    </row>
    <row r="409434" spans="8:8">
      <c r="H409434" s="12"/>
    </row>
    <row r="409435" spans="8:8">
      <c r="H409435" s="12"/>
    </row>
    <row r="409436" spans="8:8">
      <c r="H409436" s="12"/>
    </row>
    <row r="409437" spans="8:8">
      <c r="H409437" s="12"/>
    </row>
    <row r="409438" spans="8:8">
      <c r="H409438" s="12"/>
    </row>
    <row r="409439" spans="8:8">
      <c r="H409439" s="12"/>
    </row>
    <row r="409440" spans="8:8">
      <c r="H409440" s="12"/>
    </row>
    <row r="409441" spans="8:8">
      <c r="H409441" s="12"/>
    </row>
    <row r="409442" spans="8:8">
      <c r="H409442" s="12"/>
    </row>
    <row r="409443" spans="8:8">
      <c r="H409443" s="12"/>
    </row>
    <row r="409444" spans="8:8">
      <c r="H409444" s="12"/>
    </row>
    <row r="409445" spans="8:8">
      <c r="H409445" s="12"/>
    </row>
    <row r="409446" spans="8:8">
      <c r="H409446" s="12"/>
    </row>
    <row r="409447" spans="8:8">
      <c r="H409447" s="12"/>
    </row>
    <row r="409448" spans="8:8">
      <c r="H409448" s="12"/>
    </row>
    <row r="409449" spans="8:8">
      <c r="H409449" s="12"/>
    </row>
    <row r="409450" spans="8:8">
      <c r="H409450" s="12"/>
    </row>
    <row r="409451" spans="8:8">
      <c r="H409451" s="12"/>
    </row>
    <row r="409452" spans="8:8">
      <c r="H409452" s="12"/>
    </row>
    <row r="409453" spans="8:8">
      <c r="H409453" s="12"/>
    </row>
    <row r="409454" spans="8:8">
      <c r="H409454" s="12"/>
    </row>
    <row r="409455" spans="8:8">
      <c r="H409455" s="12"/>
    </row>
    <row r="409456" spans="8:8">
      <c r="H409456" s="12"/>
    </row>
    <row r="409457" spans="8:8">
      <c r="H409457" s="12"/>
    </row>
    <row r="409458" spans="8:8">
      <c r="H409458" s="12"/>
    </row>
    <row r="409459" spans="8:8">
      <c r="H409459" s="12"/>
    </row>
    <row r="409460" spans="8:8">
      <c r="H409460" s="12"/>
    </row>
    <row r="409461" spans="8:8">
      <c r="H409461" s="12"/>
    </row>
    <row r="409462" spans="8:8">
      <c r="H409462" s="12"/>
    </row>
    <row r="409463" spans="8:8">
      <c r="H409463" s="12"/>
    </row>
    <row r="409464" spans="8:8">
      <c r="H409464" s="12"/>
    </row>
    <row r="409465" spans="8:8">
      <c r="H409465" s="12"/>
    </row>
    <row r="409466" spans="8:8">
      <c r="H409466" s="12"/>
    </row>
    <row r="409467" spans="8:8">
      <c r="H409467" s="12"/>
    </row>
    <row r="409468" spans="8:8">
      <c r="H409468" s="12"/>
    </row>
    <row r="409469" spans="8:8">
      <c r="H409469" s="12"/>
    </row>
    <row r="409470" spans="8:8">
      <c r="H409470" s="12"/>
    </row>
    <row r="409471" spans="8:8">
      <c r="H409471" s="12"/>
    </row>
    <row r="409472" spans="8:8">
      <c r="H409472" s="12"/>
    </row>
    <row r="409473" spans="8:8">
      <c r="H409473" s="12"/>
    </row>
    <row r="409474" spans="8:8">
      <c r="H409474" s="12"/>
    </row>
    <row r="409475" spans="8:8">
      <c r="H409475" s="12"/>
    </row>
    <row r="409476" spans="8:8">
      <c r="H409476" s="12"/>
    </row>
    <row r="409477" spans="8:8">
      <c r="H409477" s="12"/>
    </row>
    <row r="409478" spans="8:8">
      <c r="H409478" s="12"/>
    </row>
    <row r="409479" spans="8:8">
      <c r="H409479" s="12"/>
    </row>
    <row r="409480" spans="8:8">
      <c r="H409480" s="12"/>
    </row>
    <row r="409481" spans="8:8">
      <c r="H409481" s="12"/>
    </row>
    <row r="409482" spans="8:8">
      <c r="H409482" s="12"/>
    </row>
    <row r="409483" spans="8:8">
      <c r="H409483" s="12"/>
    </row>
    <row r="409484" spans="8:8">
      <c r="H409484" s="12"/>
    </row>
    <row r="409485" spans="8:8">
      <c r="H409485" s="12"/>
    </row>
    <row r="409486" spans="8:8">
      <c r="H409486" s="12"/>
    </row>
    <row r="409487" spans="8:8">
      <c r="H409487" s="12"/>
    </row>
    <row r="409488" spans="8:8">
      <c r="H409488" s="12"/>
    </row>
    <row r="409489" spans="8:8">
      <c r="H409489" s="12"/>
    </row>
    <row r="409490" spans="8:8">
      <c r="H409490" s="12"/>
    </row>
    <row r="409491" spans="8:8">
      <c r="H409491" s="12"/>
    </row>
    <row r="409492" spans="8:8">
      <c r="H409492" s="12"/>
    </row>
    <row r="409493" spans="8:8">
      <c r="H409493" s="12"/>
    </row>
    <row r="409494" spans="8:8">
      <c r="H409494" s="12"/>
    </row>
    <row r="409495" spans="8:8">
      <c r="H409495" s="12"/>
    </row>
    <row r="409496" spans="8:8">
      <c r="H409496" s="12"/>
    </row>
    <row r="409497" spans="8:8">
      <c r="H409497" s="12"/>
    </row>
    <row r="409498" spans="8:8">
      <c r="H409498" s="12"/>
    </row>
    <row r="409499" spans="8:8">
      <c r="H409499" s="12"/>
    </row>
    <row r="409500" spans="8:8">
      <c r="H409500" s="12"/>
    </row>
    <row r="409501" spans="8:8">
      <c r="H409501" s="12"/>
    </row>
    <row r="409502" spans="8:8">
      <c r="H409502" s="12"/>
    </row>
    <row r="409503" spans="8:8">
      <c r="H409503" s="12"/>
    </row>
    <row r="409504" spans="8:8">
      <c r="H409504" s="12"/>
    </row>
    <row r="409505" spans="8:8">
      <c r="H409505" s="12"/>
    </row>
    <row r="409506" spans="8:8">
      <c r="H409506" s="12"/>
    </row>
    <row r="409507" spans="8:8">
      <c r="H409507" s="12"/>
    </row>
    <row r="409508" spans="8:8">
      <c r="H409508" s="12"/>
    </row>
    <row r="409509" spans="8:8">
      <c r="H409509" s="12"/>
    </row>
    <row r="409510" spans="8:8">
      <c r="H409510" s="12"/>
    </row>
    <row r="409511" spans="8:8">
      <c r="H409511" s="12"/>
    </row>
    <row r="409512" spans="8:8">
      <c r="H409512" s="12"/>
    </row>
    <row r="409513" spans="8:8">
      <c r="H409513" s="12"/>
    </row>
    <row r="409514" spans="8:8">
      <c r="H409514" s="12"/>
    </row>
    <row r="409515" spans="8:8">
      <c r="H409515" s="12"/>
    </row>
    <row r="409516" spans="8:8">
      <c r="H409516" s="12"/>
    </row>
    <row r="409517" spans="8:8">
      <c r="H409517" s="12"/>
    </row>
    <row r="409518" spans="8:8">
      <c r="H409518" s="12"/>
    </row>
    <row r="409519" spans="8:8">
      <c r="H409519" s="12"/>
    </row>
    <row r="409520" spans="8:8">
      <c r="H409520" s="12"/>
    </row>
    <row r="409521" spans="8:8">
      <c r="H409521" s="12"/>
    </row>
    <row r="409522" spans="8:8">
      <c r="H409522" s="12"/>
    </row>
    <row r="409523" spans="8:8">
      <c r="H409523" s="12"/>
    </row>
    <row r="409524" spans="8:8">
      <c r="H409524" s="12"/>
    </row>
    <row r="409525" spans="8:8">
      <c r="H409525" s="12"/>
    </row>
    <row r="409526" spans="8:8">
      <c r="H409526" s="12"/>
    </row>
    <row r="409527" spans="8:8">
      <c r="H409527" s="12"/>
    </row>
    <row r="409528" spans="8:8">
      <c r="H409528" s="12"/>
    </row>
    <row r="409529" spans="8:8">
      <c r="H409529" s="12"/>
    </row>
    <row r="409530" spans="8:8">
      <c r="H409530" s="12"/>
    </row>
    <row r="409531" spans="8:8">
      <c r="H409531" s="12"/>
    </row>
    <row r="409532" spans="8:8">
      <c r="H409532" s="12"/>
    </row>
    <row r="409533" spans="8:8">
      <c r="H409533" s="12"/>
    </row>
    <row r="409534" spans="8:8">
      <c r="H409534" s="12"/>
    </row>
    <row r="409535" spans="8:8">
      <c r="H409535" s="12"/>
    </row>
    <row r="409536" spans="8:8">
      <c r="H409536" s="12"/>
    </row>
    <row r="409537" spans="8:8">
      <c r="H409537" s="12"/>
    </row>
    <row r="409538" spans="8:8">
      <c r="H409538" s="12"/>
    </row>
    <row r="409539" spans="8:8">
      <c r="H409539" s="12"/>
    </row>
    <row r="409540" spans="8:8">
      <c r="H409540" s="12"/>
    </row>
    <row r="409541" spans="8:8">
      <c r="H409541" s="12"/>
    </row>
    <row r="409542" spans="8:8">
      <c r="H409542" s="12"/>
    </row>
    <row r="409543" spans="8:8">
      <c r="H409543" s="12"/>
    </row>
    <row r="409544" spans="8:8">
      <c r="H409544" s="12"/>
    </row>
    <row r="409545" spans="8:8">
      <c r="H409545" s="12"/>
    </row>
    <row r="409546" spans="8:8">
      <c r="H409546" s="12"/>
    </row>
    <row r="409547" spans="8:8">
      <c r="H409547" s="12"/>
    </row>
    <row r="409548" spans="8:8">
      <c r="H409548" s="12"/>
    </row>
    <row r="409549" spans="8:8">
      <c r="H409549" s="12"/>
    </row>
    <row r="409550" spans="8:8">
      <c r="H409550" s="12"/>
    </row>
    <row r="409551" spans="8:8">
      <c r="H409551" s="12"/>
    </row>
    <row r="409552" spans="8:8">
      <c r="H409552" s="12"/>
    </row>
    <row r="409553" spans="8:8">
      <c r="H409553" s="12"/>
    </row>
    <row r="409554" spans="8:8">
      <c r="H409554" s="12"/>
    </row>
    <row r="409555" spans="8:8">
      <c r="H409555" s="12"/>
    </row>
    <row r="409556" spans="8:8">
      <c r="H409556" s="12"/>
    </row>
    <row r="409557" spans="8:8">
      <c r="H409557" s="12"/>
    </row>
    <row r="409558" spans="8:8">
      <c r="H409558" s="12"/>
    </row>
    <row r="409559" spans="8:8">
      <c r="H409559" s="12"/>
    </row>
    <row r="409560" spans="8:8">
      <c r="H409560" s="12"/>
    </row>
    <row r="409561" spans="8:8">
      <c r="H409561" s="12"/>
    </row>
    <row r="409562" spans="8:8">
      <c r="H409562" s="12"/>
    </row>
    <row r="409563" spans="8:8">
      <c r="H409563" s="12"/>
    </row>
    <row r="409564" spans="8:8">
      <c r="H409564" s="12"/>
    </row>
    <row r="409565" spans="8:8">
      <c r="H409565" s="12"/>
    </row>
    <row r="409566" spans="8:8">
      <c r="H409566" s="12"/>
    </row>
    <row r="409567" spans="8:8">
      <c r="H409567" s="12"/>
    </row>
    <row r="409568" spans="8:8">
      <c r="H409568" s="12"/>
    </row>
    <row r="409569" spans="8:8">
      <c r="H409569" s="12"/>
    </row>
    <row r="409570" spans="8:8">
      <c r="H409570" s="12"/>
    </row>
    <row r="409571" spans="8:8">
      <c r="H409571" s="12"/>
    </row>
    <row r="409572" spans="8:8">
      <c r="H409572" s="12"/>
    </row>
    <row r="409573" spans="8:8">
      <c r="H409573" s="12"/>
    </row>
    <row r="409574" spans="8:8">
      <c r="H409574" s="12"/>
    </row>
    <row r="409575" spans="8:8">
      <c r="H409575" s="12"/>
    </row>
    <row r="409576" spans="8:8">
      <c r="H409576" s="12"/>
    </row>
    <row r="409577" spans="8:8">
      <c r="H409577" s="12"/>
    </row>
    <row r="409578" spans="8:8">
      <c r="H409578" s="12"/>
    </row>
    <row r="409579" spans="8:8">
      <c r="H409579" s="12"/>
    </row>
    <row r="409580" spans="8:8">
      <c r="H409580" s="12"/>
    </row>
    <row r="409581" spans="8:8">
      <c r="H409581" s="12"/>
    </row>
    <row r="409582" spans="8:8">
      <c r="H409582" s="12"/>
    </row>
    <row r="409583" spans="8:8">
      <c r="H409583" s="12"/>
    </row>
    <row r="409584" spans="8:8">
      <c r="H409584" s="12"/>
    </row>
    <row r="409585" spans="8:8">
      <c r="H409585" s="12"/>
    </row>
    <row r="409586" spans="8:8">
      <c r="H409586" s="12"/>
    </row>
    <row r="409587" spans="8:8">
      <c r="H409587" s="12"/>
    </row>
    <row r="409588" spans="8:8">
      <c r="H409588" s="12"/>
    </row>
    <row r="409589" spans="8:8">
      <c r="H409589" s="12"/>
    </row>
    <row r="409590" spans="8:8">
      <c r="H409590" s="12"/>
    </row>
    <row r="409591" spans="8:8">
      <c r="H409591" s="12"/>
    </row>
    <row r="409592" spans="8:8">
      <c r="H409592" s="12"/>
    </row>
    <row r="409593" spans="8:8">
      <c r="H409593" s="12"/>
    </row>
    <row r="409594" spans="8:8">
      <c r="H409594" s="12"/>
    </row>
    <row r="409595" spans="8:8">
      <c r="H409595" s="12"/>
    </row>
    <row r="409596" spans="8:8">
      <c r="H409596" s="12"/>
    </row>
    <row r="409597" spans="8:8">
      <c r="H409597" s="12"/>
    </row>
    <row r="409598" spans="8:8">
      <c r="H409598" s="12"/>
    </row>
    <row r="409599" spans="8:8">
      <c r="H409599" s="12"/>
    </row>
    <row r="409600" spans="8:8">
      <c r="H409600" s="12"/>
    </row>
    <row r="409601" spans="8:8">
      <c r="H409601" s="12"/>
    </row>
    <row r="409602" spans="8:8">
      <c r="H409602" s="12"/>
    </row>
    <row r="409603" spans="8:8">
      <c r="H409603" s="12"/>
    </row>
    <row r="409604" spans="8:8">
      <c r="H409604" s="12"/>
    </row>
    <row r="409605" spans="8:8">
      <c r="H409605" s="12"/>
    </row>
    <row r="409606" spans="8:8">
      <c r="H409606" s="12"/>
    </row>
    <row r="409607" spans="8:8">
      <c r="H409607" s="12"/>
    </row>
    <row r="409608" spans="8:8">
      <c r="H409608" s="12"/>
    </row>
    <row r="409609" spans="8:8">
      <c r="H409609" s="12"/>
    </row>
    <row r="409610" spans="8:8">
      <c r="H409610" s="12"/>
    </row>
    <row r="409611" spans="8:8">
      <c r="H409611" s="12"/>
    </row>
    <row r="409612" spans="8:8">
      <c r="H409612" s="12"/>
    </row>
    <row r="409613" spans="8:8">
      <c r="H409613" s="12"/>
    </row>
    <row r="409614" spans="8:8">
      <c r="H409614" s="12"/>
    </row>
    <row r="409615" spans="8:8">
      <c r="H409615" s="12"/>
    </row>
    <row r="409616" spans="8:8">
      <c r="H409616" s="12"/>
    </row>
    <row r="409617" spans="8:8">
      <c r="H409617" s="12"/>
    </row>
    <row r="409618" spans="8:8">
      <c r="H409618" s="12"/>
    </row>
    <row r="409619" spans="8:8">
      <c r="H409619" s="12"/>
    </row>
    <row r="409620" spans="8:8">
      <c r="H409620" s="12"/>
    </row>
    <row r="409621" spans="8:8">
      <c r="H409621" s="12"/>
    </row>
    <row r="409622" spans="8:8">
      <c r="H409622" s="12"/>
    </row>
    <row r="409623" spans="8:8">
      <c r="H409623" s="12"/>
    </row>
    <row r="409624" spans="8:8">
      <c r="H409624" s="12"/>
    </row>
    <row r="409625" spans="8:8">
      <c r="H409625" s="12"/>
    </row>
    <row r="409626" spans="8:8">
      <c r="H409626" s="12"/>
    </row>
    <row r="409627" spans="8:8">
      <c r="H409627" s="12"/>
    </row>
    <row r="409628" spans="8:8">
      <c r="H409628" s="12"/>
    </row>
    <row r="409629" spans="8:8">
      <c r="H409629" s="12"/>
    </row>
    <row r="409630" spans="8:8">
      <c r="H409630" s="12"/>
    </row>
    <row r="409631" spans="8:8">
      <c r="H409631" s="12"/>
    </row>
    <row r="409632" spans="8:8">
      <c r="H409632" s="12"/>
    </row>
    <row r="409633" spans="8:8">
      <c r="H409633" s="12"/>
    </row>
    <row r="409634" spans="8:8">
      <c r="H409634" s="12"/>
    </row>
    <row r="409635" spans="8:8">
      <c r="H409635" s="12"/>
    </row>
    <row r="409636" spans="8:8">
      <c r="H409636" s="12"/>
    </row>
    <row r="409637" spans="8:8">
      <c r="H409637" s="12"/>
    </row>
    <row r="409638" spans="8:8">
      <c r="H409638" s="12"/>
    </row>
    <row r="409639" spans="8:8">
      <c r="H409639" s="12"/>
    </row>
    <row r="409640" spans="8:8">
      <c r="H409640" s="12"/>
    </row>
    <row r="409641" spans="8:8">
      <c r="H409641" s="12"/>
    </row>
    <row r="409642" spans="8:8">
      <c r="H409642" s="12"/>
    </row>
    <row r="409643" spans="8:8">
      <c r="H409643" s="12"/>
    </row>
    <row r="409644" spans="8:8">
      <c r="H409644" s="12"/>
    </row>
    <row r="409645" spans="8:8">
      <c r="H409645" s="12"/>
    </row>
    <row r="409646" spans="8:8">
      <c r="H409646" s="12"/>
    </row>
    <row r="409647" spans="8:8">
      <c r="H409647" s="12"/>
    </row>
    <row r="409648" spans="8:8">
      <c r="H409648" s="12"/>
    </row>
    <row r="409649" spans="8:8">
      <c r="H409649" s="12"/>
    </row>
    <row r="409650" spans="8:8">
      <c r="H409650" s="12"/>
    </row>
    <row r="409651" spans="8:8">
      <c r="H409651" s="12"/>
    </row>
    <row r="409652" spans="8:8">
      <c r="H409652" s="12"/>
    </row>
    <row r="409653" spans="8:8">
      <c r="H409653" s="12"/>
    </row>
    <row r="409654" spans="8:8">
      <c r="H409654" s="12"/>
    </row>
    <row r="409655" spans="8:8">
      <c r="H409655" s="12"/>
    </row>
    <row r="409656" spans="8:8">
      <c r="H409656" s="12"/>
    </row>
    <row r="409657" spans="8:8">
      <c r="H409657" s="12"/>
    </row>
    <row r="409658" spans="8:8">
      <c r="H409658" s="12"/>
    </row>
    <row r="409659" spans="8:8">
      <c r="H409659" s="12"/>
    </row>
    <row r="409660" spans="8:8">
      <c r="H409660" s="12"/>
    </row>
    <row r="409661" spans="8:8">
      <c r="H409661" s="12"/>
    </row>
    <row r="409662" spans="8:8">
      <c r="H409662" s="12"/>
    </row>
    <row r="409663" spans="8:8">
      <c r="H409663" s="12"/>
    </row>
    <row r="409664" spans="8:8">
      <c r="H409664" s="12"/>
    </row>
    <row r="409665" spans="8:8">
      <c r="H409665" s="12"/>
    </row>
    <row r="409666" spans="8:8">
      <c r="H409666" s="12"/>
    </row>
    <row r="409667" spans="8:8">
      <c r="H409667" s="12"/>
    </row>
    <row r="409668" spans="8:8">
      <c r="H409668" s="12"/>
    </row>
    <row r="409669" spans="8:8">
      <c r="H409669" s="12"/>
    </row>
    <row r="409670" spans="8:8">
      <c r="H409670" s="12"/>
    </row>
    <row r="409671" spans="8:8">
      <c r="H409671" s="12"/>
    </row>
    <row r="409672" spans="8:8">
      <c r="H409672" s="12"/>
    </row>
    <row r="409673" spans="8:8">
      <c r="H409673" s="12"/>
    </row>
    <row r="409674" spans="8:8">
      <c r="H409674" s="12"/>
    </row>
    <row r="409675" spans="8:8">
      <c r="H409675" s="12"/>
    </row>
    <row r="409676" spans="8:8">
      <c r="H409676" s="12"/>
    </row>
    <row r="409677" spans="8:8">
      <c r="H409677" s="12"/>
    </row>
    <row r="409678" spans="8:8">
      <c r="H409678" s="12"/>
    </row>
    <row r="409679" spans="8:8">
      <c r="H409679" s="12"/>
    </row>
    <row r="409680" spans="8:8">
      <c r="H409680" s="12"/>
    </row>
    <row r="409681" spans="8:8">
      <c r="H409681" s="12"/>
    </row>
    <row r="409682" spans="8:8">
      <c r="H409682" s="12"/>
    </row>
    <row r="409683" spans="8:8">
      <c r="H409683" s="12"/>
    </row>
    <row r="409684" spans="8:8">
      <c r="H409684" s="12"/>
    </row>
    <row r="409685" spans="8:8">
      <c r="H409685" s="12"/>
    </row>
    <row r="409686" spans="8:8">
      <c r="H409686" s="12"/>
    </row>
    <row r="409687" spans="8:8">
      <c r="H409687" s="12"/>
    </row>
    <row r="409688" spans="8:8">
      <c r="H409688" s="12"/>
    </row>
    <row r="409689" spans="8:8">
      <c r="H409689" s="12"/>
    </row>
    <row r="409690" spans="8:8">
      <c r="H409690" s="12"/>
    </row>
    <row r="409691" spans="8:8">
      <c r="H409691" s="12"/>
    </row>
    <row r="409692" spans="8:8">
      <c r="H409692" s="12"/>
    </row>
    <row r="409693" spans="8:8">
      <c r="H409693" s="12"/>
    </row>
    <row r="409694" spans="8:8">
      <c r="H409694" s="12"/>
    </row>
    <row r="409695" spans="8:8">
      <c r="H409695" s="12"/>
    </row>
    <row r="409696" spans="8:8">
      <c r="H409696" s="12"/>
    </row>
    <row r="409697" spans="8:8">
      <c r="H409697" s="12"/>
    </row>
    <row r="409698" spans="8:8">
      <c r="H409698" s="12"/>
    </row>
    <row r="409699" spans="8:8">
      <c r="H409699" s="12"/>
    </row>
    <row r="409700" spans="8:8">
      <c r="H409700" s="12"/>
    </row>
    <row r="409701" spans="8:8">
      <c r="H409701" s="12"/>
    </row>
    <row r="409702" spans="8:8">
      <c r="H409702" s="12"/>
    </row>
    <row r="409703" spans="8:8">
      <c r="H409703" s="12"/>
    </row>
    <row r="409704" spans="8:8">
      <c r="H409704" s="12"/>
    </row>
    <row r="409705" spans="8:8">
      <c r="H409705" s="12"/>
    </row>
    <row r="409706" spans="8:8">
      <c r="H409706" s="12"/>
    </row>
    <row r="409707" spans="8:8">
      <c r="H409707" s="12"/>
    </row>
    <row r="409708" spans="8:8">
      <c r="H409708" s="12"/>
    </row>
    <row r="409709" spans="8:8">
      <c r="H409709" s="12"/>
    </row>
    <row r="409710" spans="8:8">
      <c r="H409710" s="12"/>
    </row>
    <row r="409711" spans="8:8">
      <c r="H409711" s="12"/>
    </row>
    <row r="409712" spans="8:8">
      <c r="H409712" s="12"/>
    </row>
    <row r="409713" spans="8:8">
      <c r="H409713" s="12"/>
    </row>
    <row r="409714" spans="8:8">
      <c r="H409714" s="12"/>
    </row>
    <row r="409715" spans="8:8">
      <c r="H409715" s="12"/>
    </row>
    <row r="409716" spans="8:8">
      <c r="H409716" s="12"/>
    </row>
    <row r="409717" spans="8:8">
      <c r="H409717" s="12"/>
    </row>
    <row r="409718" spans="8:8">
      <c r="H409718" s="12"/>
    </row>
    <row r="409719" spans="8:8">
      <c r="H409719" s="12"/>
    </row>
    <row r="409720" spans="8:8">
      <c r="H409720" s="12"/>
    </row>
    <row r="409721" spans="8:8">
      <c r="H409721" s="12"/>
    </row>
    <row r="409722" spans="8:8">
      <c r="H409722" s="12"/>
    </row>
    <row r="409723" spans="8:8">
      <c r="H409723" s="12"/>
    </row>
    <row r="409724" spans="8:8">
      <c r="H409724" s="12"/>
    </row>
    <row r="409725" spans="8:8">
      <c r="H409725" s="12"/>
    </row>
    <row r="409726" spans="8:8">
      <c r="H409726" s="12"/>
    </row>
    <row r="409727" spans="8:8">
      <c r="H409727" s="12"/>
    </row>
    <row r="409728" spans="8:8">
      <c r="H409728" s="12"/>
    </row>
    <row r="409729" spans="8:8">
      <c r="H409729" s="12"/>
    </row>
    <row r="409730" spans="8:8">
      <c r="H409730" s="12"/>
    </row>
    <row r="409731" spans="8:8">
      <c r="H409731" s="12"/>
    </row>
    <row r="409732" spans="8:8">
      <c r="H409732" s="12"/>
    </row>
    <row r="409733" spans="8:8">
      <c r="H409733" s="12"/>
    </row>
    <row r="409734" spans="8:8">
      <c r="H409734" s="12"/>
    </row>
    <row r="409735" spans="8:8">
      <c r="H409735" s="12"/>
    </row>
    <row r="409736" spans="8:8">
      <c r="H409736" s="12"/>
    </row>
    <row r="409737" spans="8:8">
      <c r="H409737" s="12"/>
    </row>
    <row r="409738" spans="8:8">
      <c r="H409738" s="12"/>
    </row>
    <row r="409739" spans="8:8">
      <c r="H409739" s="12"/>
    </row>
    <row r="409740" spans="8:8">
      <c r="H409740" s="12"/>
    </row>
    <row r="409741" spans="8:8">
      <c r="H409741" s="12"/>
    </row>
    <row r="409742" spans="8:8">
      <c r="H409742" s="12"/>
    </row>
    <row r="409743" spans="8:8">
      <c r="H409743" s="12"/>
    </row>
    <row r="409744" spans="8:8">
      <c r="H409744" s="12"/>
    </row>
    <row r="409745" spans="8:8">
      <c r="H409745" s="12"/>
    </row>
    <row r="409746" spans="8:8">
      <c r="H409746" s="12"/>
    </row>
    <row r="409747" spans="8:8">
      <c r="H409747" s="12"/>
    </row>
    <row r="409748" spans="8:8">
      <c r="H409748" s="12"/>
    </row>
    <row r="409749" spans="8:8">
      <c r="H409749" s="12"/>
    </row>
    <row r="409750" spans="8:8">
      <c r="H409750" s="12"/>
    </row>
    <row r="409751" spans="8:8">
      <c r="H409751" s="12"/>
    </row>
    <row r="409752" spans="8:8">
      <c r="H409752" s="12"/>
    </row>
    <row r="409753" spans="8:8">
      <c r="H409753" s="12"/>
    </row>
    <row r="409754" spans="8:8">
      <c r="H409754" s="12"/>
    </row>
    <row r="409755" spans="8:8">
      <c r="H409755" s="12"/>
    </row>
    <row r="409756" spans="8:8">
      <c r="H409756" s="12"/>
    </row>
    <row r="409757" spans="8:8">
      <c r="H409757" s="12"/>
    </row>
    <row r="409758" spans="8:8">
      <c r="H409758" s="12"/>
    </row>
    <row r="409759" spans="8:8">
      <c r="H409759" s="12"/>
    </row>
    <row r="409760" spans="8:8">
      <c r="H409760" s="12"/>
    </row>
    <row r="409761" spans="8:8">
      <c r="H409761" s="12"/>
    </row>
    <row r="409762" spans="8:8">
      <c r="H409762" s="12"/>
    </row>
    <row r="409763" spans="8:8">
      <c r="H409763" s="12"/>
    </row>
    <row r="409764" spans="8:8">
      <c r="H409764" s="12"/>
    </row>
    <row r="409765" spans="8:8">
      <c r="H409765" s="12"/>
    </row>
    <row r="409766" spans="8:8">
      <c r="H409766" s="12"/>
    </row>
    <row r="409767" spans="8:8">
      <c r="H409767" s="12"/>
    </row>
    <row r="409768" spans="8:8">
      <c r="H409768" s="12"/>
    </row>
    <row r="409769" spans="8:8">
      <c r="H409769" s="12"/>
    </row>
    <row r="409770" spans="8:8">
      <c r="H409770" s="12"/>
    </row>
    <row r="409771" spans="8:8">
      <c r="H409771" s="12"/>
    </row>
    <row r="409772" spans="8:8">
      <c r="H409772" s="12"/>
    </row>
    <row r="409773" spans="8:8">
      <c r="H409773" s="12"/>
    </row>
    <row r="409774" spans="8:8">
      <c r="H409774" s="12"/>
    </row>
    <row r="409775" spans="8:8">
      <c r="H409775" s="12"/>
    </row>
    <row r="409776" spans="8:8">
      <c r="H409776" s="12"/>
    </row>
    <row r="409777" spans="8:8">
      <c r="H409777" s="12"/>
    </row>
    <row r="409778" spans="8:8">
      <c r="H409778" s="12"/>
    </row>
    <row r="409779" spans="8:8">
      <c r="H409779" s="12"/>
    </row>
    <row r="409780" spans="8:8">
      <c r="H409780" s="12"/>
    </row>
    <row r="409781" spans="8:8">
      <c r="H409781" s="12"/>
    </row>
    <row r="409782" spans="8:8">
      <c r="H409782" s="12"/>
    </row>
    <row r="409783" spans="8:8">
      <c r="H409783" s="12"/>
    </row>
    <row r="409784" spans="8:8">
      <c r="H409784" s="12"/>
    </row>
    <row r="409785" spans="8:8">
      <c r="H409785" s="12"/>
    </row>
    <row r="409786" spans="8:8">
      <c r="H409786" s="12"/>
    </row>
    <row r="409787" spans="8:8">
      <c r="H409787" s="12"/>
    </row>
    <row r="409788" spans="8:8">
      <c r="H409788" s="12"/>
    </row>
    <row r="409789" spans="8:8">
      <c r="H409789" s="12"/>
    </row>
    <row r="409790" spans="8:8">
      <c r="H409790" s="12"/>
    </row>
    <row r="409791" spans="8:8">
      <c r="H409791" s="12"/>
    </row>
    <row r="409792" spans="8:8">
      <c r="H409792" s="12"/>
    </row>
    <row r="409793" spans="8:8">
      <c r="H409793" s="12"/>
    </row>
    <row r="409794" spans="8:8">
      <c r="H409794" s="12"/>
    </row>
    <row r="409795" spans="8:8">
      <c r="H409795" s="12"/>
    </row>
    <row r="409796" spans="8:8">
      <c r="H409796" s="12"/>
    </row>
    <row r="409797" spans="8:8">
      <c r="H409797" s="12"/>
    </row>
    <row r="409798" spans="8:8">
      <c r="H409798" s="12"/>
    </row>
    <row r="409799" spans="8:8">
      <c r="H409799" s="12"/>
    </row>
    <row r="409800" spans="8:8">
      <c r="H409800" s="12"/>
    </row>
    <row r="409801" spans="8:8">
      <c r="H409801" s="12"/>
    </row>
    <row r="409802" spans="8:8">
      <c r="H409802" s="12"/>
    </row>
    <row r="409803" spans="8:8">
      <c r="H409803" s="12"/>
    </row>
    <row r="409804" spans="8:8">
      <c r="H409804" s="12"/>
    </row>
    <row r="409805" spans="8:8">
      <c r="H409805" s="12"/>
    </row>
    <row r="409806" spans="8:8">
      <c r="H409806" s="12"/>
    </row>
    <row r="409807" spans="8:8">
      <c r="H409807" s="12"/>
    </row>
    <row r="409808" spans="8:8">
      <c r="H409808" s="12"/>
    </row>
    <row r="409809" spans="8:8">
      <c r="H409809" s="12"/>
    </row>
    <row r="409810" spans="8:8">
      <c r="H409810" s="12"/>
    </row>
    <row r="409811" spans="8:8">
      <c r="H409811" s="12"/>
    </row>
    <row r="409812" spans="8:8">
      <c r="H409812" s="12"/>
    </row>
    <row r="409813" spans="8:8">
      <c r="H409813" s="12"/>
    </row>
    <row r="409814" spans="8:8">
      <c r="H409814" s="12"/>
    </row>
    <row r="409815" spans="8:8">
      <c r="H409815" s="12"/>
    </row>
    <row r="409816" spans="8:8">
      <c r="H409816" s="12"/>
    </row>
    <row r="409817" spans="8:8">
      <c r="H409817" s="12"/>
    </row>
    <row r="409818" spans="8:8">
      <c r="H409818" s="12"/>
    </row>
    <row r="409819" spans="8:8">
      <c r="H409819" s="12"/>
    </row>
    <row r="409820" spans="8:8">
      <c r="H409820" s="12"/>
    </row>
    <row r="409821" spans="8:8">
      <c r="H409821" s="12"/>
    </row>
    <row r="409822" spans="8:8">
      <c r="H409822" s="12"/>
    </row>
    <row r="409823" spans="8:8">
      <c r="H409823" s="12"/>
    </row>
    <row r="409824" spans="8:8">
      <c r="H409824" s="12"/>
    </row>
    <row r="409825" spans="8:8">
      <c r="H409825" s="12"/>
    </row>
    <row r="409826" spans="8:8">
      <c r="H409826" s="12"/>
    </row>
    <row r="409827" spans="8:8">
      <c r="H409827" s="12"/>
    </row>
    <row r="409828" spans="8:8">
      <c r="H409828" s="12"/>
    </row>
    <row r="409829" spans="8:8">
      <c r="H409829" s="12"/>
    </row>
    <row r="409830" spans="8:8">
      <c r="H409830" s="12"/>
    </row>
    <row r="409831" spans="8:8">
      <c r="H409831" s="12"/>
    </row>
    <row r="409832" spans="8:8">
      <c r="H409832" s="12"/>
    </row>
    <row r="409833" spans="8:8">
      <c r="H409833" s="12"/>
    </row>
    <row r="409834" spans="8:8">
      <c r="H409834" s="12"/>
    </row>
    <row r="409835" spans="8:8">
      <c r="H409835" s="12"/>
    </row>
    <row r="409836" spans="8:8">
      <c r="H409836" s="12"/>
    </row>
    <row r="409837" spans="8:8">
      <c r="H409837" s="12"/>
    </row>
    <row r="409838" spans="8:8">
      <c r="H409838" s="12"/>
    </row>
    <row r="409839" spans="8:8">
      <c r="H409839" s="12"/>
    </row>
    <row r="409840" spans="8:8">
      <c r="H409840" s="12"/>
    </row>
    <row r="409841" spans="8:8">
      <c r="H409841" s="12"/>
    </row>
    <row r="409842" spans="8:8">
      <c r="H409842" s="12"/>
    </row>
    <row r="409843" spans="8:8">
      <c r="H409843" s="12"/>
    </row>
    <row r="409844" spans="8:8">
      <c r="H409844" s="12"/>
    </row>
    <row r="409845" spans="8:8">
      <c r="H409845" s="12"/>
    </row>
    <row r="409846" spans="8:8">
      <c r="H409846" s="12"/>
    </row>
    <row r="409847" spans="8:8">
      <c r="H409847" s="12"/>
    </row>
    <row r="409848" spans="8:8">
      <c r="H409848" s="12"/>
    </row>
    <row r="409849" spans="8:8">
      <c r="H409849" s="12"/>
    </row>
    <row r="409850" spans="8:8">
      <c r="H409850" s="12"/>
    </row>
    <row r="409851" spans="8:8">
      <c r="H409851" s="12"/>
    </row>
    <row r="409852" spans="8:8">
      <c r="H409852" s="12"/>
    </row>
    <row r="409853" spans="8:8">
      <c r="H409853" s="12"/>
    </row>
    <row r="409854" spans="8:8">
      <c r="H409854" s="12"/>
    </row>
    <row r="409855" spans="8:8">
      <c r="H409855" s="12"/>
    </row>
    <row r="409856" spans="8:8">
      <c r="H409856" s="12"/>
    </row>
    <row r="409857" spans="8:8">
      <c r="H409857" s="12"/>
    </row>
    <row r="409858" spans="8:8">
      <c r="H409858" s="12"/>
    </row>
    <row r="409859" spans="8:8">
      <c r="H409859" s="12"/>
    </row>
    <row r="409860" spans="8:8">
      <c r="H409860" s="12"/>
    </row>
    <row r="409861" spans="8:8">
      <c r="H409861" s="12"/>
    </row>
    <row r="409862" spans="8:8">
      <c r="H409862" s="12"/>
    </row>
    <row r="409863" spans="8:8">
      <c r="H409863" s="12"/>
    </row>
    <row r="409864" spans="8:8">
      <c r="H409864" s="12"/>
    </row>
    <row r="409865" spans="8:8">
      <c r="H409865" s="12"/>
    </row>
    <row r="409866" spans="8:8">
      <c r="H409866" s="12"/>
    </row>
    <row r="409867" spans="8:8">
      <c r="H409867" s="12"/>
    </row>
    <row r="409868" spans="8:8">
      <c r="H409868" s="12"/>
    </row>
    <row r="409869" spans="8:8">
      <c r="H409869" s="12"/>
    </row>
    <row r="409870" spans="8:8">
      <c r="H409870" s="12"/>
    </row>
    <row r="409871" spans="8:8">
      <c r="H409871" s="12"/>
    </row>
    <row r="409872" spans="8:8">
      <c r="H409872" s="12"/>
    </row>
    <row r="409873" spans="8:8">
      <c r="H409873" s="12"/>
    </row>
    <row r="409874" spans="8:8">
      <c r="H409874" s="12"/>
    </row>
    <row r="409875" spans="8:8">
      <c r="H409875" s="12"/>
    </row>
    <row r="409876" spans="8:8">
      <c r="H409876" s="12"/>
    </row>
    <row r="409877" spans="8:8">
      <c r="H409877" s="12"/>
    </row>
    <row r="409878" spans="8:8">
      <c r="H409878" s="12"/>
    </row>
    <row r="409879" spans="8:8">
      <c r="H409879" s="12"/>
    </row>
    <row r="409880" spans="8:8">
      <c r="H409880" s="12"/>
    </row>
    <row r="409881" spans="8:8">
      <c r="H409881" s="12"/>
    </row>
    <row r="409882" spans="8:8">
      <c r="H409882" s="12"/>
    </row>
    <row r="409883" spans="8:8">
      <c r="H409883" s="12"/>
    </row>
    <row r="409884" spans="8:8">
      <c r="H409884" s="12"/>
    </row>
    <row r="409885" spans="8:8">
      <c r="H409885" s="12"/>
    </row>
    <row r="409886" spans="8:8">
      <c r="H409886" s="12"/>
    </row>
    <row r="409887" spans="8:8">
      <c r="H409887" s="12"/>
    </row>
    <row r="409888" spans="8:8">
      <c r="H409888" s="12"/>
    </row>
    <row r="409889" spans="8:8">
      <c r="H409889" s="12"/>
    </row>
    <row r="409890" spans="8:8">
      <c r="H409890" s="12"/>
    </row>
    <row r="409891" spans="8:8">
      <c r="H409891" s="12"/>
    </row>
    <row r="409892" spans="8:8">
      <c r="H409892" s="12"/>
    </row>
    <row r="409893" spans="8:8">
      <c r="H409893" s="12"/>
    </row>
    <row r="409894" spans="8:8">
      <c r="H409894" s="12"/>
    </row>
    <row r="409895" spans="8:8">
      <c r="H409895" s="12"/>
    </row>
    <row r="409896" spans="8:8">
      <c r="H409896" s="12"/>
    </row>
    <row r="409897" spans="8:8">
      <c r="H409897" s="12"/>
    </row>
    <row r="409898" spans="8:8">
      <c r="H409898" s="12"/>
    </row>
    <row r="409899" spans="8:8">
      <c r="H409899" s="12"/>
    </row>
    <row r="409900" spans="8:8">
      <c r="H409900" s="12"/>
    </row>
    <row r="409901" spans="8:8">
      <c r="H409901" s="12"/>
    </row>
    <row r="409902" spans="8:8">
      <c r="H409902" s="12"/>
    </row>
    <row r="409903" spans="8:8">
      <c r="H409903" s="12"/>
    </row>
    <row r="409904" spans="8:8">
      <c r="H409904" s="12"/>
    </row>
    <row r="409905" spans="8:8">
      <c r="H409905" s="12"/>
    </row>
    <row r="409906" spans="8:8">
      <c r="H409906" s="12"/>
    </row>
    <row r="409907" spans="8:8">
      <c r="H409907" s="12"/>
    </row>
    <row r="409908" spans="8:8">
      <c r="H409908" s="12"/>
    </row>
    <row r="409909" spans="8:8">
      <c r="H409909" s="12"/>
    </row>
    <row r="409910" spans="8:8">
      <c r="H409910" s="12"/>
    </row>
    <row r="409911" spans="8:8">
      <c r="H409911" s="12"/>
    </row>
    <row r="409912" spans="8:8">
      <c r="H409912" s="12"/>
    </row>
    <row r="409913" spans="8:8">
      <c r="H409913" s="12"/>
    </row>
    <row r="409914" spans="8:8">
      <c r="H409914" s="12"/>
    </row>
    <row r="409915" spans="8:8">
      <c r="H409915" s="12"/>
    </row>
    <row r="409916" spans="8:8">
      <c r="H409916" s="12"/>
    </row>
    <row r="409917" spans="8:8">
      <c r="H409917" s="12"/>
    </row>
    <row r="409918" spans="8:8">
      <c r="H409918" s="12"/>
    </row>
    <row r="409919" spans="8:8">
      <c r="H409919" s="12"/>
    </row>
    <row r="409920" spans="8:8">
      <c r="H409920" s="12"/>
    </row>
    <row r="409921" spans="8:8">
      <c r="H409921" s="12"/>
    </row>
    <row r="409922" spans="8:8">
      <c r="H409922" s="12"/>
    </row>
    <row r="409923" spans="8:8">
      <c r="H409923" s="12"/>
    </row>
    <row r="409924" spans="8:8">
      <c r="H409924" s="12"/>
    </row>
    <row r="409925" spans="8:8">
      <c r="H409925" s="12"/>
    </row>
    <row r="409926" spans="8:8">
      <c r="H409926" s="12"/>
    </row>
    <row r="409927" spans="8:8">
      <c r="H409927" s="12"/>
    </row>
    <row r="409928" spans="8:8">
      <c r="H409928" s="12"/>
    </row>
    <row r="409929" spans="8:8">
      <c r="H409929" s="12"/>
    </row>
    <row r="409930" spans="8:8">
      <c r="H409930" s="12"/>
    </row>
    <row r="409931" spans="8:8">
      <c r="H409931" s="12"/>
    </row>
    <row r="409932" spans="8:8">
      <c r="H409932" s="12"/>
    </row>
    <row r="409933" spans="8:8">
      <c r="H409933" s="12"/>
    </row>
    <row r="409934" spans="8:8">
      <c r="H409934" s="12"/>
    </row>
    <row r="409935" spans="8:8">
      <c r="H409935" s="12"/>
    </row>
    <row r="409936" spans="8:8">
      <c r="H409936" s="12"/>
    </row>
    <row r="409937" spans="8:8">
      <c r="H409937" s="12"/>
    </row>
    <row r="409938" spans="8:8">
      <c r="H409938" s="12"/>
    </row>
    <row r="409939" spans="8:8">
      <c r="H409939" s="12"/>
    </row>
    <row r="409940" spans="8:8">
      <c r="H409940" s="12"/>
    </row>
    <row r="409941" spans="8:8">
      <c r="H409941" s="12"/>
    </row>
    <row r="409942" spans="8:8">
      <c r="H409942" s="12"/>
    </row>
    <row r="409943" spans="8:8">
      <c r="H409943" s="12"/>
    </row>
    <row r="409944" spans="8:8">
      <c r="H409944" s="12"/>
    </row>
    <row r="409945" spans="8:8">
      <c r="H409945" s="12"/>
    </row>
    <row r="409946" spans="8:8">
      <c r="H409946" s="12"/>
    </row>
    <row r="409947" spans="8:8">
      <c r="H409947" s="12"/>
    </row>
    <row r="409948" spans="8:8">
      <c r="H409948" s="12"/>
    </row>
    <row r="409949" spans="8:8">
      <c r="H409949" s="12"/>
    </row>
    <row r="409950" spans="8:8">
      <c r="H409950" s="12"/>
    </row>
    <row r="409951" spans="8:8">
      <c r="H409951" s="12"/>
    </row>
    <row r="409952" spans="8:8">
      <c r="H409952" s="12"/>
    </row>
    <row r="409953" spans="8:8">
      <c r="H409953" s="12"/>
    </row>
    <row r="409954" spans="8:8">
      <c r="H409954" s="12"/>
    </row>
    <row r="409955" spans="8:8">
      <c r="H409955" s="12"/>
    </row>
    <row r="409956" spans="8:8">
      <c r="H409956" s="12"/>
    </row>
    <row r="409957" spans="8:8">
      <c r="H409957" s="12"/>
    </row>
    <row r="409958" spans="8:8">
      <c r="H409958" s="12"/>
    </row>
    <row r="409959" spans="8:8">
      <c r="H409959" s="12"/>
    </row>
    <row r="409960" spans="8:8">
      <c r="H409960" s="12"/>
    </row>
    <row r="409961" spans="8:8">
      <c r="H409961" s="12"/>
    </row>
    <row r="409962" spans="8:8">
      <c r="H409962" s="12"/>
    </row>
    <row r="409963" spans="8:8">
      <c r="H409963" s="12"/>
    </row>
    <row r="409964" spans="8:8">
      <c r="H409964" s="12"/>
    </row>
    <row r="409965" spans="8:8">
      <c r="H409965" s="12"/>
    </row>
    <row r="409966" spans="8:8">
      <c r="H409966" s="12"/>
    </row>
    <row r="409967" spans="8:8">
      <c r="H409967" s="12"/>
    </row>
    <row r="409968" spans="8:8">
      <c r="H409968" s="12"/>
    </row>
    <row r="409969" spans="8:8">
      <c r="H409969" s="12"/>
    </row>
    <row r="409970" spans="8:8">
      <c r="H409970" s="12"/>
    </row>
    <row r="409971" spans="8:8">
      <c r="H409971" s="12"/>
    </row>
    <row r="409972" spans="8:8">
      <c r="H409972" s="12"/>
    </row>
    <row r="409973" spans="8:8">
      <c r="H409973" s="12"/>
    </row>
    <row r="409974" spans="8:8">
      <c r="H409974" s="12"/>
    </row>
    <row r="409975" spans="8:8">
      <c r="H409975" s="12"/>
    </row>
    <row r="409976" spans="8:8">
      <c r="H409976" s="12"/>
    </row>
    <row r="409977" spans="8:8">
      <c r="H409977" s="12"/>
    </row>
    <row r="409978" spans="8:8">
      <c r="H409978" s="12"/>
    </row>
    <row r="409979" spans="8:8">
      <c r="H409979" s="12"/>
    </row>
    <row r="409980" spans="8:8">
      <c r="H409980" s="12"/>
    </row>
    <row r="409981" spans="8:8">
      <c r="H409981" s="12"/>
    </row>
    <row r="409982" spans="8:8">
      <c r="H409982" s="12"/>
    </row>
    <row r="409983" spans="8:8">
      <c r="H409983" s="12"/>
    </row>
    <row r="409984" spans="8:8">
      <c r="H409984" s="12"/>
    </row>
    <row r="409985" spans="8:8">
      <c r="H409985" s="12"/>
    </row>
    <row r="409986" spans="8:8">
      <c r="H409986" s="12"/>
    </row>
    <row r="409987" spans="8:8">
      <c r="H409987" s="12"/>
    </row>
    <row r="409988" spans="8:8">
      <c r="H409988" s="12"/>
    </row>
    <row r="409989" spans="8:8">
      <c r="H409989" s="12"/>
    </row>
    <row r="409990" spans="8:8">
      <c r="H409990" s="12"/>
    </row>
    <row r="409991" spans="8:8">
      <c r="H409991" s="12"/>
    </row>
    <row r="409992" spans="8:8">
      <c r="H409992" s="12"/>
    </row>
    <row r="409993" spans="8:8">
      <c r="H409993" s="12"/>
    </row>
    <row r="409994" spans="8:8">
      <c r="H409994" s="12"/>
    </row>
    <row r="409995" spans="8:8">
      <c r="H409995" s="12"/>
    </row>
    <row r="409996" spans="8:8">
      <c r="H409996" s="12"/>
    </row>
    <row r="409997" spans="8:8">
      <c r="H409997" s="12"/>
    </row>
    <row r="409998" spans="8:8">
      <c r="H409998" s="12"/>
    </row>
    <row r="409999" spans="8:8">
      <c r="H409999" s="12"/>
    </row>
    <row r="410000" spans="8:8">
      <c r="H410000" s="12"/>
    </row>
    <row r="410001" spans="8:8">
      <c r="H410001" s="12"/>
    </row>
    <row r="410002" spans="8:8">
      <c r="H410002" s="12"/>
    </row>
    <row r="410003" spans="8:8">
      <c r="H410003" s="12"/>
    </row>
    <row r="410004" spans="8:8">
      <c r="H410004" s="12"/>
    </row>
    <row r="410005" spans="8:8">
      <c r="H410005" s="12"/>
    </row>
    <row r="410006" spans="8:8">
      <c r="H410006" s="12"/>
    </row>
    <row r="410007" spans="8:8">
      <c r="H410007" s="12"/>
    </row>
    <row r="410008" spans="8:8">
      <c r="H410008" s="12"/>
    </row>
    <row r="410009" spans="8:8">
      <c r="H410009" s="12"/>
    </row>
    <row r="410010" spans="8:8">
      <c r="H410010" s="12"/>
    </row>
    <row r="410011" spans="8:8">
      <c r="H410011" s="12"/>
    </row>
    <row r="410012" spans="8:8">
      <c r="H410012" s="12"/>
    </row>
    <row r="410013" spans="8:8">
      <c r="H410013" s="12"/>
    </row>
    <row r="410014" spans="8:8">
      <c r="H410014" s="12"/>
    </row>
    <row r="410015" spans="8:8">
      <c r="H410015" s="12"/>
    </row>
    <row r="410016" spans="8:8">
      <c r="H410016" s="12"/>
    </row>
    <row r="410017" spans="8:8">
      <c r="H410017" s="12"/>
    </row>
    <row r="410018" spans="8:8">
      <c r="H410018" s="12"/>
    </row>
    <row r="410019" spans="8:8">
      <c r="H410019" s="12"/>
    </row>
    <row r="410020" spans="8:8">
      <c r="H410020" s="12"/>
    </row>
    <row r="410021" spans="8:8">
      <c r="H410021" s="12"/>
    </row>
    <row r="410022" spans="8:8">
      <c r="H410022" s="12"/>
    </row>
    <row r="410023" spans="8:8">
      <c r="H410023" s="12"/>
    </row>
    <row r="410024" spans="8:8">
      <c r="H410024" s="12"/>
    </row>
    <row r="410025" spans="8:8">
      <c r="H410025" s="12"/>
    </row>
    <row r="410026" spans="8:8">
      <c r="H410026" s="12"/>
    </row>
    <row r="410027" spans="8:8">
      <c r="H410027" s="12"/>
    </row>
    <row r="410028" spans="8:8">
      <c r="H410028" s="12"/>
    </row>
    <row r="410029" spans="8:8">
      <c r="H410029" s="12"/>
    </row>
    <row r="410030" spans="8:8">
      <c r="H410030" s="12"/>
    </row>
    <row r="410031" spans="8:8">
      <c r="H410031" s="12"/>
    </row>
    <row r="410032" spans="8:8">
      <c r="H410032" s="12"/>
    </row>
    <row r="410033" spans="8:8">
      <c r="H410033" s="12"/>
    </row>
    <row r="410034" spans="8:8">
      <c r="H410034" s="12"/>
    </row>
    <row r="410035" spans="8:8">
      <c r="H410035" s="12"/>
    </row>
    <row r="410036" spans="8:8">
      <c r="H410036" s="12"/>
    </row>
    <row r="410037" spans="8:8">
      <c r="H410037" s="12"/>
    </row>
    <row r="410038" spans="8:8">
      <c r="H410038" s="12"/>
    </row>
    <row r="410039" spans="8:8">
      <c r="H410039" s="12"/>
    </row>
    <row r="410040" spans="8:8">
      <c r="H410040" s="12"/>
    </row>
    <row r="410041" spans="8:8">
      <c r="H410041" s="12"/>
    </row>
    <row r="410042" spans="8:8">
      <c r="H410042" s="12"/>
    </row>
    <row r="410043" spans="8:8">
      <c r="H410043" s="12"/>
    </row>
    <row r="410044" spans="8:8">
      <c r="H410044" s="12"/>
    </row>
    <row r="410045" spans="8:8">
      <c r="H410045" s="12"/>
    </row>
    <row r="410046" spans="8:8">
      <c r="H410046" s="12"/>
    </row>
    <row r="410047" spans="8:8">
      <c r="H410047" s="12"/>
    </row>
    <row r="410048" spans="8:8">
      <c r="H410048" s="12"/>
    </row>
    <row r="410049" spans="8:8">
      <c r="H410049" s="12"/>
    </row>
    <row r="410050" spans="8:8">
      <c r="H410050" s="12"/>
    </row>
    <row r="410051" spans="8:8">
      <c r="H410051" s="12"/>
    </row>
    <row r="410052" spans="8:8">
      <c r="H410052" s="12"/>
    </row>
    <row r="410053" spans="8:8">
      <c r="H410053" s="12"/>
    </row>
    <row r="410054" spans="8:8">
      <c r="H410054" s="12"/>
    </row>
    <row r="410055" spans="8:8">
      <c r="H410055" s="12"/>
    </row>
    <row r="410056" spans="8:8">
      <c r="H410056" s="12"/>
    </row>
    <row r="410057" spans="8:8">
      <c r="H410057" s="12"/>
    </row>
    <row r="410058" spans="8:8">
      <c r="H410058" s="12"/>
    </row>
    <row r="410059" spans="8:8">
      <c r="H410059" s="12"/>
    </row>
    <row r="410060" spans="8:8">
      <c r="H410060" s="12"/>
    </row>
    <row r="410061" spans="8:8">
      <c r="H410061" s="12"/>
    </row>
    <row r="410062" spans="8:8">
      <c r="H410062" s="12"/>
    </row>
    <row r="410063" spans="8:8">
      <c r="H410063" s="12"/>
    </row>
    <row r="410064" spans="8:8">
      <c r="H410064" s="12"/>
    </row>
    <row r="410065" spans="8:8">
      <c r="H410065" s="12"/>
    </row>
    <row r="410066" spans="8:8">
      <c r="H410066" s="12"/>
    </row>
    <row r="410067" spans="8:8">
      <c r="H410067" s="12"/>
    </row>
    <row r="410068" spans="8:8">
      <c r="H410068" s="12"/>
    </row>
    <row r="410069" spans="8:8">
      <c r="H410069" s="12"/>
    </row>
    <row r="410070" spans="8:8">
      <c r="H410070" s="12"/>
    </row>
    <row r="410071" spans="8:8">
      <c r="H410071" s="12"/>
    </row>
    <row r="410072" spans="8:8">
      <c r="H410072" s="12"/>
    </row>
    <row r="410073" spans="8:8">
      <c r="H410073" s="12"/>
    </row>
    <row r="410074" spans="8:8">
      <c r="H410074" s="12"/>
    </row>
    <row r="410075" spans="8:8">
      <c r="H410075" s="12"/>
    </row>
    <row r="410076" spans="8:8">
      <c r="H410076" s="12"/>
    </row>
    <row r="410077" spans="8:8">
      <c r="H410077" s="12"/>
    </row>
    <row r="410078" spans="8:8">
      <c r="H410078" s="12"/>
    </row>
    <row r="410079" spans="8:8">
      <c r="H410079" s="12"/>
    </row>
    <row r="410080" spans="8:8">
      <c r="H410080" s="12"/>
    </row>
    <row r="410081" spans="8:8">
      <c r="H410081" s="12"/>
    </row>
    <row r="410082" spans="8:8">
      <c r="H410082" s="12"/>
    </row>
    <row r="410083" spans="8:8">
      <c r="H410083" s="12"/>
    </row>
    <row r="410084" spans="8:8">
      <c r="H410084" s="12"/>
    </row>
    <row r="410085" spans="8:8">
      <c r="H410085" s="12"/>
    </row>
    <row r="410086" spans="8:8">
      <c r="H410086" s="12"/>
    </row>
    <row r="410087" spans="8:8">
      <c r="H410087" s="12"/>
    </row>
    <row r="410088" spans="8:8">
      <c r="H410088" s="12"/>
    </row>
    <row r="410089" spans="8:8">
      <c r="H410089" s="12"/>
    </row>
    <row r="410090" spans="8:8">
      <c r="H410090" s="12"/>
    </row>
    <row r="410091" spans="8:8">
      <c r="H410091" s="12"/>
    </row>
    <row r="410092" spans="8:8">
      <c r="H410092" s="12"/>
    </row>
    <row r="410093" spans="8:8">
      <c r="H410093" s="12"/>
    </row>
    <row r="410094" spans="8:8">
      <c r="H410094" s="12"/>
    </row>
    <row r="410095" spans="8:8">
      <c r="H410095" s="12"/>
    </row>
    <row r="410096" spans="8:8">
      <c r="H410096" s="12"/>
    </row>
    <row r="410097" spans="8:8">
      <c r="H410097" s="12"/>
    </row>
    <row r="410098" spans="8:8">
      <c r="H410098" s="12"/>
    </row>
    <row r="410099" spans="8:8">
      <c r="H410099" s="12"/>
    </row>
    <row r="410100" spans="8:8">
      <c r="H410100" s="12"/>
    </row>
    <row r="410101" spans="8:8">
      <c r="H410101" s="12"/>
    </row>
    <row r="410102" spans="8:8">
      <c r="H410102" s="12"/>
    </row>
    <row r="410103" spans="8:8">
      <c r="H410103" s="12"/>
    </row>
    <row r="410104" spans="8:8">
      <c r="H410104" s="12"/>
    </row>
    <row r="410105" spans="8:8">
      <c r="H410105" s="12"/>
    </row>
    <row r="410106" spans="8:8">
      <c r="H410106" s="12"/>
    </row>
    <row r="410107" spans="8:8">
      <c r="H410107" s="12"/>
    </row>
    <row r="410108" spans="8:8">
      <c r="H410108" s="12"/>
    </row>
    <row r="410109" spans="8:8">
      <c r="H410109" s="12"/>
    </row>
    <row r="410110" spans="8:8">
      <c r="H410110" s="12"/>
    </row>
    <row r="410111" spans="8:8">
      <c r="H410111" s="12"/>
    </row>
    <row r="410112" spans="8:8">
      <c r="H410112" s="12"/>
    </row>
    <row r="410113" spans="8:8">
      <c r="H410113" s="12"/>
    </row>
    <row r="410114" spans="8:8">
      <c r="H410114" s="12"/>
    </row>
    <row r="410115" spans="8:8">
      <c r="H410115" s="12"/>
    </row>
    <row r="410116" spans="8:8">
      <c r="H410116" s="12"/>
    </row>
    <row r="410117" spans="8:8">
      <c r="H410117" s="12"/>
    </row>
    <row r="410118" spans="8:8">
      <c r="H410118" s="12"/>
    </row>
    <row r="410119" spans="8:8">
      <c r="H410119" s="12"/>
    </row>
    <row r="410120" spans="8:8">
      <c r="H410120" s="12"/>
    </row>
    <row r="410121" spans="8:8">
      <c r="H410121" s="12"/>
    </row>
    <row r="410122" spans="8:8">
      <c r="H410122" s="12"/>
    </row>
    <row r="410123" spans="8:8">
      <c r="H410123" s="12"/>
    </row>
    <row r="410124" spans="8:8">
      <c r="H410124" s="12"/>
    </row>
    <row r="410125" spans="8:8">
      <c r="H410125" s="12"/>
    </row>
    <row r="410126" spans="8:8">
      <c r="H410126" s="12"/>
    </row>
    <row r="410127" spans="8:8">
      <c r="H410127" s="12"/>
    </row>
    <row r="410128" spans="8:8">
      <c r="H410128" s="12"/>
    </row>
    <row r="410129" spans="8:8">
      <c r="H410129" s="12"/>
    </row>
    <row r="410130" spans="8:8">
      <c r="H410130" s="12"/>
    </row>
    <row r="410131" spans="8:8">
      <c r="H410131" s="12"/>
    </row>
    <row r="410132" spans="8:8">
      <c r="H410132" s="12"/>
    </row>
    <row r="410133" spans="8:8">
      <c r="H410133" s="12"/>
    </row>
    <row r="410134" spans="8:8">
      <c r="H410134" s="12"/>
    </row>
    <row r="410135" spans="8:8">
      <c r="H410135" s="12"/>
    </row>
    <row r="410136" spans="8:8">
      <c r="H410136" s="12"/>
    </row>
    <row r="410137" spans="8:8">
      <c r="H410137" s="12"/>
    </row>
    <row r="410138" spans="8:8">
      <c r="H410138" s="12"/>
    </row>
    <row r="410139" spans="8:8">
      <c r="H410139" s="12"/>
    </row>
    <row r="410140" spans="8:8">
      <c r="H410140" s="12"/>
    </row>
    <row r="410141" spans="8:8">
      <c r="H410141" s="12"/>
    </row>
    <row r="410142" spans="8:8">
      <c r="H410142" s="12"/>
    </row>
    <row r="410143" spans="8:8">
      <c r="H410143" s="12"/>
    </row>
    <row r="410144" spans="8:8">
      <c r="H410144" s="12"/>
    </row>
    <row r="410145" spans="8:8">
      <c r="H410145" s="12"/>
    </row>
    <row r="410146" spans="8:8">
      <c r="H410146" s="12"/>
    </row>
    <row r="410147" spans="8:8">
      <c r="H410147" s="12"/>
    </row>
    <row r="410148" spans="8:8">
      <c r="H410148" s="12"/>
    </row>
    <row r="410149" spans="8:8">
      <c r="H410149" s="12"/>
    </row>
    <row r="410150" spans="8:8">
      <c r="H410150" s="12"/>
    </row>
    <row r="410151" spans="8:8">
      <c r="H410151" s="12"/>
    </row>
    <row r="410152" spans="8:8">
      <c r="H410152" s="12"/>
    </row>
    <row r="410153" spans="8:8">
      <c r="H410153" s="12"/>
    </row>
    <row r="410154" spans="8:8">
      <c r="H410154" s="12"/>
    </row>
    <row r="410155" spans="8:8">
      <c r="H410155" s="12"/>
    </row>
    <row r="410156" spans="8:8">
      <c r="H410156" s="12"/>
    </row>
    <row r="410157" spans="8:8">
      <c r="H410157" s="12"/>
    </row>
    <row r="410158" spans="8:8">
      <c r="H410158" s="12"/>
    </row>
    <row r="410159" spans="8:8">
      <c r="H410159" s="12"/>
    </row>
    <row r="410160" spans="8:8">
      <c r="H410160" s="12"/>
    </row>
    <row r="410161" spans="8:8">
      <c r="H410161" s="12"/>
    </row>
    <row r="410162" spans="8:8">
      <c r="H410162" s="12"/>
    </row>
    <row r="410163" spans="8:8">
      <c r="H410163" s="12"/>
    </row>
    <row r="410164" spans="8:8">
      <c r="H410164" s="12"/>
    </row>
    <row r="410165" spans="8:8">
      <c r="H410165" s="12"/>
    </row>
    <row r="410166" spans="8:8">
      <c r="H410166" s="12"/>
    </row>
    <row r="410167" spans="8:8">
      <c r="H410167" s="12"/>
    </row>
    <row r="410168" spans="8:8">
      <c r="H410168" s="12"/>
    </row>
    <row r="410169" spans="8:8">
      <c r="H410169" s="12"/>
    </row>
    <row r="410170" spans="8:8">
      <c r="H410170" s="12"/>
    </row>
    <row r="410171" spans="8:8">
      <c r="H410171" s="12"/>
    </row>
    <row r="410172" spans="8:8">
      <c r="H410172" s="12"/>
    </row>
    <row r="410173" spans="8:8">
      <c r="H410173" s="12"/>
    </row>
    <row r="410174" spans="8:8">
      <c r="H410174" s="12"/>
    </row>
    <row r="410175" spans="8:8">
      <c r="H410175" s="12"/>
    </row>
    <row r="410176" spans="8:8">
      <c r="H410176" s="12"/>
    </row>
    <row r="410177" spans="8:8">
      <c r="H410177" s="12"/>
    </row>
    <row r="410178" spans="8:8">
      <c r="H410178" s="12"/>
    </row>
    <row r="410179" spans="8:8">
      <c r="H410179" s="12"/>
    </row>
    <row r="410180" spans="8:8">
      <c r="H410180" s="12"/>
    </row>
    <row r="410181" spans="8:8">
      <c r="H410181" s="12"/>
    </row>
    <row r="410182" spans="8:8">
      <c r="H410182" s="12"/>
    </row>
    <row r="410183" spans="8:8">
      <c r="H410183" s="12"/>
    </row>
    <row r="410184" spans="8:8">
      <c r="H410184" s="12"/>
    </row>
    <row r="410185" spans="8:8">
      <c r="H410185" s="12"/>
    </row>
    <row r="410186" spans="8:8">
      <c r="H410186" s="12"/>
    </row>
    <row r="410187" spans="8:8">
      <c r="H410187" s="12"/>
    </row>
    <row r="410188" spans="8:8">
      <c r="H410188" s="12"/>
    </row>
    <row r="410189" spans="8:8">
      <c r="H410189" s="12"/>
    </row>
    <row r="410190" spans="8:8">
      <c r="H410190" s="12"/>
    </row>
    <row r="410191" spans="8:8">
      <c r="H410191" s="12"/>
    </row>
    <row r="410192" spans="8:8">
      <c r="H410192" s="12"/>
    </row>
    <row r="410193" spans="8:8">
      <c r="H410193" s="12"/>
    </row>
    <row r="410194" spans="8:8">
      <c r="H410194" s="12"/>
    </row>
    <row r="410195" spans="8:8">
      <c r="H410195" s="12"/>
    </row>
    <row r="410196" spans="8:8">
      <c r="H410196" s="12"/>
    </row>
    <row r="410197" spans="8:8">
      <c r="H410197" s="12"/>
    </row>
    <row r="410198" spans="8:8">
      <c r="H410198" s="12"/>
    </row>
    <row r="410199" spans="8:8">
      <c r="H410199" s="12"/>
    </row>
    <row r="410200" spans="8:8">
      <c r="H410200" s="12"/>
    </row>
    <row r="410201" spans="8:8">
      <c r="H410201" s="12"/>
    </row>
    <row r="410202" spans="8:8">
      <c r="H410202" s="12"/>
    </row>
    <row r="410203" spans="8:8">
      <c r="H410203" s="12"/>
    </row>
    <row r="410204" spans="8:8">
      <c r="H410204" s="12"/>
    </row>
    <row r="410205" spans="8:8">
      <c r="H410205" s="12"/>
    </row>
    <row r="410206" spans="8:8">
      <c r="H410206" s="12"/>
    </row>
    <row r="410207" spans="8:8">
      <c r="H410207" s="12"/>
    </row>
    <row r="410208" spans="8:8">
      <c r="H410208" s="12"/>
    </row>
    <row r="410209" spans="8:8">
      <c r="H410209" s="12"/>
    </row>
    <row r="410210" spans="8:8">
      <c r="H410210" s="12"/>
    </row>
    <row r="410211" spans="8:8">
      <c r="H410211" s="12"/>
    </row>
    <row r="410212" spans="8:8">
      <c r="H410212" s="12"/>
    </row>
    <row r="410213" spans="8:8">
      <c r="H410213" s="12"/>
    </row>
    <row r="410214" spans="8:8">
      <c r="H410214" s="12"/>
    </row>
    <row r="410215" spans="8:8">
      <c r="H410215" s="12"/>
    </row>
    <row r="410216" spans="8:8">
      <c r="H410216" s="12"/>
    </row>
    <row r="410217" spans="8:8">
      <c r="H410217" s="12"/>
    </row>
    <row r="410218" spans="8:8">
      <c r="H410218" s="12"/>
    </row>
    <row r="410219" spans="8:8">
      <c r="H410219" s="12"/>
    </row>
    <row r="410220" spans="8:8">
      <c r="H410220" s="12"/>
    </row>
    <row r="410221" spans="8:8">
      <c r="H410221" s="12"/>
    </row>
    <row r="410222" spans="8:8">
      <c r="H410222" s="12"/>
    </row>
    <row r="410223" spans="8:8">
      <c r="H410223" s="12"/>
    </row>
    <row r="410224" spans="8:8">
      <c r="H410224" s="12"/>
    </row>
    <row r="410225" spans="8:8">
      <c r="H410225" s="12"/>
    </row>
    <row r="410226" spans="8:8">
      <c r="H410226" s="12"/>
    </row>
    <row r="410227" spans="8:8">
      <c r="H410227" s="12"/>
    </row>
    <row r="410228" spans="8:8">
      <c r="H410228" s="12"/>
    </row>
    <row r="410229" spans="8:8">
      <c r="H410229" s="12"/>
    </row>
    <row r="410230" spans="8:8">
      <c r="H410230" s="12"/>
    </row>
    <row r="410231" spans="8:8">
      <c r="H410231" s="12"/>
    </row>
    <row r="410232" spans="8:8">
      <c r="H410232" s="12"/>
    </row>
    <row r="410233" spans="8:8">
      <c r="H410233" s="12"/>
    </row>
    <row r="410234" spans="8:8">
      <c r="H410234" s="12"/>
    </row>
    <row r="410235" spans="8:8">
      <c r="H410235" s="12"/>
    </row>
    <row r="410236" spans="8:8">
      <c r="H410236" s="12"/>
    </row>
    <row r="410237" spans="8:8">
      <c r="H410237" s="12"/>
    </row>
    <row r="410238" spans="8:8">
      <c r="H410238" s="12"/>
    </row>
    <row r="410239" spans="8:8">
      <c r="H410239" s="12"/>
    </row>
    <row r="410240" spans="8:8">
      <c r="H410240" s="12"/>
    </row>
    <row r="410241" spans="8:8">
      <c r="H410241" s="12"/>
    </row>
    <row r="410242" spans="8:8">
      <c r="H410242" s="12"/>
    </row>
    <row r="410243" spans="8:8">
      <c r="H410243" s="12"/>
    </row>
    <row r="410244" spans="8:8">
      <c r="H410244" s="12"/>
    </row>
    <row r="410245" spans="8:8">
      <c r="H410245" s="12"/>
    </row>
    <row r="410246" spans="8:8">
      <c r="H410246" s="12"/>
    </row>
    <row r="410247" spans="8:8">
      <c r="H410247" s="12"/>
    </row>
    <row r="410248" spans="8:8">
      <c r="H410248" s="12"/>
    </row>
    <row r="410249" spans="8:8">
      <c r="H410249" s="12"/>
    </row>
    <row r="410250" spans="8:8">
      <c r="H410250" s="12"/>
    </row>
    <row r="410251" spans="8:8">
      <c r="H410251" s="12"/>
    </row>
    <row r="410252" spans="8:8">
      <c r="H410252" s="12"/>
    </row>
    <row r="410253" spans="8:8">
      <c r="H410253" s="12"/>
    </row>
    <row r="410254" spans="8:8">
      <c r="H410254" s="12"/>
    </row>
    <row r="410255" spans="8:8">
      <c r="H410255" s="12"/>
    </row>
    <row r="410256" spans="8:8">
      <c r="H410256" s="12"/>
    </row>
    <row r="410257" spans="8:8">
      <c r="H410257" s="12"/>
    </row>
    <row r="410258" spans="8:8">
      <c r="H410258" s="12"/>
    </row>
    <row r="410259" spans="8:8">
      <c r="H410259" s="12"/>
    </row>
    <row r="410260" spans="8:8">
      <c r="H410260" s="12"/>
    </row>
    <row r="410261" spans="8:8">
      <c r="H410261" s="12"/>
    </row>
    <row r="410262" spans="8:8">
      <c r="H410262" s="12"/>
    </row>
    <row r="410263" spans="8:8">
      <c r="H410263" s="12"/>
    </row>
    <row r="410264" spans="8:8">
      <c r="H410264" s="12"/>
    </row>
    <row r="410265" spans="8:8">
      <c r="H410265" s="12"/>
    </row>
    <row r="410266" spans="8:8">
      <c r="H410266" s="12"/>
    </row>
    <row r="410267" spans="8:8">
      <c r="H410267" s="12"/>
    </row>
    <row r="410268" spans="8:8">
      <c r="H410268" s="12"/>
    </row>
    <row r="410269" spans="8:8">
      <c r="H410269" s="12"/>
    </row>
    <row r="410270" spans="8:8">
      <c r="H410270" s="12"/>
    </row>
    <row r="410271" spans="8:8">
      <c r="H410271" s="12"/>
    </row>
    <row r="410272" spans="8:8">
      <c r="H410272" s="12"/>
    </row>
    <row r="410273" spans="8:8">
      <c r="H410273" s="12"/>
    </row>
    <row r="410274" spans="8:8">
      <c r="H410274" s="12"/>
    </row>
    <row r="410275" spans="8:8">
      <c r="H410275" s="12"/>
    </row>
    <row r="410276" spans="8:8">
      <c r="H410276" s="12"/>
    </row>
    <row r="410277" spans="8:8">
      <c r="H410277" s="12"/>
    </row>
    <row r="410278" spans="8:8">
      <c r="H410278" s="12"/>
    </row>
    <row r="410279" spans="8:8">
      <c r="H410279" s="12"/>
    </row>
    <row r="410280" spans="8:8">
      <c r="H410280" s="12"/>
    </row>
    <row r="410281" spans="8:8">
      <c r="H410281" s="12"/>
    </row>
    <row r="410282" spans="8:8">
      <c r="H410282" s="12"/>
    </row>
    <row r="410283" spans="8:8">
      <c r="H410283" s="12"/>
    </row>
    <row r="410284" spans="8:8">
      <c r="H410284" s="12"/>
    </row>
    <row r="410285" spans="8:8">
      <c r="H410285" s="12"/>
    </row>
    <row r="410286" spans="8:8">
      <c r="H410286" s="12"/>
    </row>
    <row r="410287" spans="8:8">
      <c r="H410287" s="12"/>
    </row>
    <row r="410288" spans="8:8">
      <c r="H410288" s="12"/>
    </row>
    <row r="410289" spans="8:8">
      <c r="H410289" s="12"/>
    </row>
    <row r="410290" spans="8:8">
      <c r="H410290" s="12"/>
    </row>
    <row r="410291" spans="8:8">
      <c r="H410291" s="12"/>
    </row>
    <row r="410292" spans="8:8">
      <c r="H410292" s="12"/>
    </row>
    <row r="410293" spans="8:8">
      <c r="H410293" s="12"/>
    </row>
    <row r="410294" spans="8:8">
      <c r="H410294" s="12"/>
    </row>
    <row r="410295" spans="8:8">
      <c r="H410295" s="12"/>
    </row>
    <row r="410296" spans="8:8">
      <c r="H410296" s="12"/>
    </row>
    <row r="410297" spans="8:8">
      <c r="H410297" s="12"/>
    </row>
    <row r="410298" spans="8:8">
      <c r="H410298" s="12"/>
    </row>
    <row r="410299" spans="8:8">
      <c r="H410299" s="12"/>
    </row>
    <row r="410300" spans="8:8">
      <c r="H410300" s="12"/>
    </row>
    <row r="410301" spans="8:8">
      <c r="H410301" s="12"/>
    </row>
    <row r="410302" spans="8:8">
      <c r="H410302" s="12"/>
    </row>
    <row r="410303" spans="8:8">
      <c r="H410303" s="12"/>
    </row>
    <row r="410304" spans="8:8">
      <c r="H410304" s="12"/>
    </row>
    <row r="410305" spans="8:8">
      <c r="H410305" s="12"/>
    </row>
    <row r="410306" spans="8:8">
      <c r="H410306" s="12"/>
    </row>
    <row r="410307" spans="8:8">
      <c r="H410307" s="12"/>
    </row>
    <row r="410308" spans="8:8">
      <c r="H410308" s="12"/>
    </row>
    <row r="410309" spans="8:8">
      <c r="H410309" s="12"/>
    </row>
    <row r="410310" spans="8:8">
      <c r="H410310" s="12"/>
    </row>
    <row r="410311" spans="8:8">
      <c r="H410311" s="12"/>
    </row>
    <row r="410312" spans="8:8">
      <c r="H410312" s="12"/>
    </row>
    <row r="410313" spans="8:8">
      <c r="H410313" s="12"/>
    </row>
    <row r="410314" spans="8:8">
      <c r="H410314" s="12"/>
    </row>
    <row r="410315" spans="8:8">
      <c r="H410315" s="12"/>
    </row>
    <row r="410316" spans="8:8">
      <c r="H410316" s="12"/>
    </row>
    <row r="410317" spans="8:8">
      <c r="H410317" s="12"/>
    </row>
    <row r="410318" spans="8:8">
      <c r="H410318" s="12"/>
    </row>
    <row r="410319" spans="8:8">
      <c r="H410319" s="12"/>
    </row>
    <row r="410320" spans="8:8">
      <c r="H410320" s="12"/>
    </row>
    <row r="410321" spans="8:8">
      <c r="H410321" s="12"/>
    </row>
    <row r="410322" spans="8:8">
      <c r="H410322" s="12"/>
    </row>
    <row r="410323" spans="8:8">
      <c r="H410323" s="12"/>
    </row>
    <row r="410324" spans="8:8">
      <c r="H410324" s="12"/>
    </row>
    <row r="410325" spans="8:8">
      <c r="H410325" s="12"/>
    </row>
    <row r="410326" spans="8:8">
      <c r="H410326" s="12"/>
    </row>
    <row r="410327" spans="8:8">
      <c r="H410327" s="12"/>
    </row>
    <row r="410328" spans="8:8">
      <c r="H410328" s="12"/>
    </row>
    <row r="410329" spans="8:8">
      <c r="H410329" s="12"/>
    </row>
    <row r="410330" spans="8:8">
      <c r="H410330" s="12"/>
    </row>
    <row r="410331" spans="8:8">
      <c r="H410331" s="12"/>
    </row>
    <row r="410332" spans="8:8">
      <c r="H410332" s="12"/>
    </row>
    <row r="410333" spans="8:8">
      <c r="H410333" s="12"/>
    </row>
    <row r="410334" spans="8:8">
      <c r="H410334" s="12"/>
    </row>
    <row r="410335" spans="8:8">
      <c r="H410335" s="12"/>
    </row>
    <row r="410336" spans="8:8">
      <c r="H410336" s="12"/>
    </row>
    <row r="410337" spans="8:8">
      <c r="H410337" s="12"/>
    </row>
    <row r="410338" spans="8:8">
      <c r="H410338" s="12"/>
    </row>
    <row r="410339" spans="8:8">
      <c r="H410339" s="12"/>
    </row>
    <row r="410340" spans="8:8">
      <c r="H410340" s="12"/>
    </row>
    <row r="410341" spans="8:8">
      <c r="H410341" s="12"/>
    </row>
    <row r="410342" spans="8:8">
      <c r="H410342" s="12"/>
    </row>
    <row r="410343" spans="8:8">
      <c r="H410343" s="12"/>
    </row>
    <row r="410344" spans="8:8">
      <c r="H410344" s="12"/>
    </row>
    <row r="410345" spans="8:8">
      <c r="H410345" s="12"/>
    </row>
    <row r="410346" spans="8:8">
      <c r="H410346" s="12"/>
    </row>
    <row r="410347" spans="8:8">
      <c r="H410347" s="12"/>
    </row>
    <row r="410348" spans="8:8">
      <c r="H410348" s="12"/>
    </row>
    <row r="410349" spans="8:8">
      <c r="H410349" s="12"/>
    </row>
    <row r="410350" spans="8:8">
      <c r="H410350" s="12"/>
    </row>
    <row r="410351" spans="8:8">
      <c r="H410351" s="12"/>
    </row>
    <row r="410352" spans="8:8">
      <c r="H410352" s="12"/>
    </row>
    <row r="410353" spans="8:8">
      <c r="H410353" s="12"/>
    </row>
    <row r="410354" spans="8:8">
      <c r="H410354" s="12"/>
    </row>
    <row r="410355" spans="8:8">
      <c r="H410355" s="12"/>
    </row>
    <row r="410356" spans="8:8">
      <c r="H410356" s="12"/>
    </row>
    <row r="410357" spans="8:8">
      <c r="H410357" s="12"/>
    </row>
    <row r="410358" spans="8:8">
      <c r="H410358" s="12"/>
    </row>
    <row r="410359" spans="8:8">
      <c r="H410359" s="12"/>
    </row>
    <row r="410360" spans="8:8">
      <c r="H410360" s="12"/>
    </row>
    <row r="410361" spans="8:8">
      <c r="H410361" s="12"/>
    </row>
    <row r="410362" spans="8:8">
      <c r="H410362" s="12"/>
    </row>
    <row r="410363" spans="8:8">
      <c r="H410363" s="12"/>
    </row>
    <row r="410364" spans="8:8">
      <c r="H410364" s="12"/>
    </row>
    <row r="410365" spans="8:8">
      <c r="H410365" s="12"/>
    </row>
    <row r="410366" spans="8:8">
      <c r="H410366" s="12"/>
    </row>
    <row r="410367" spans="8:8">
      <c r="H410367" s="12"/>
    </row>
    <row r="410368" spans="8:8">
      <c r="H410368" s="12"/>
    </row>
    <row r="410369" spans="8:8">
      <c r="H410369" s="12"/>
    </row>
    <row r="410370" spans="8:8">
      <c r="H410370" s="12"/>
    </row>
    <row r="410371" spans="8:8">
      <c r="H410371" s="12"/>
    </row>
    <row r="410372" spans="8:8">
      <c r="H410372" s="12"/>
    </row>
    <row r="410373" spans="8:8">
      <c r="H410373" s="12"/>
    </row>
    <row r="410374" spans="8:8">
      <c r="H410374" s="12"/>
    </row>
    <row r="410375" spans="8:8">
      <c r="H410375" s="12"/>
    </row>
    <row r="410376" spans="8:8">
      <c r="H410376" s="12"/>
    </row>
    <row r="410377" spans="8:8">
      <c r="H410377" s="12"/>
    </row>
    <row r="410378" spans="8:8">
      <c r="H410378" s="12"/>
    </row>
    <row r="410379" spans="8:8">
      <c r="H410379" s="12"/>
    </row>
    <row r="410380" spans="8:8">
      <c r="H410380" s="12"/>
    </row>
    <row r="410381" spans="8:8">
      <c r="H410381" s="12"/>
    </row>
    <row r="410382" spans="8:8">
      <c r="H410382" s="12"/>
    </row>
    <row r="410383" spans="8:8">
      <c r="H410383" s="12"/>
    </row>
    <row r="410384" spans="8:8">
      <c r="H410384" s="12"/>
    </row>
    <row r="410385" spans="8:8">
      <c r="H410385" s="12"/>
    </row>
    <row r="410386" spans="8:8">
      <c r="H410386" s="12"/>
    </row>
    <row r="410387" spans="8:8">
      <c r="H410387" s="12"/>
    </row>
    <row r="410388" spans="8:8">
      <c r="H410388" s="12"/>
    </row>
    <row r="410389" spans="8:8">
      <c r="H410389" s="12"/>
    </row>
    <row r="410390" spans="8:8">
      <c r="H410390" s="12"/>
    </row>
    <row r="410391" spans="8:8">
      <c r="H410391" s="12"/>
    </row>
    <row r="410392" spans="8:8">
      <c r="H410392" s="12"/>
    </row>
    <row r="410393" spans="8:8">
      <c r="H410393" s="12"/>
    </row>
    <row r="410394" spans="8:8">
      <c r="H410394" s="12"/>
    </row>
    <row r="410395" spans="8:8">
      <c r="H410395" s="12"/>
    </row>
    <row r="410396" spans="8:8">
      <c r="H410396" s="12"/>
    </row>
    <row r="410397" spans="8:8">
      <c r="H410397" s="12"/>
    </row>
    <row r="410398" spans="8:8">
      <c r="H410398" s="12"/>
    </row>
    <row r="410399" spans="8:8">
      <c r="H410399" s="12"/>
    </row>
    <row r="410400" spans="8:8">
      <c r="H410400" s="12"/>
    </row>
    <row r="410401" spans="8:8">
      <c r="H410401" s="12"/>
    </row>
    <row r="410402" spans="8:8">
      <c r="H410402" s="12"/>
    </row>
    <row r="410403" spans="8:8">
      <c r="H410403" s="12"/>
    </row>
    <row r="410404" spans="8:8">
      <c r="H410404" s="12"/>
    </row>
    <row r="410405" spans="8:8">
      <c r="H410405" s="12"/>
    </row>
    <row r="410406" spans="8:8">
      <c r="H410406" s="12"/>
    </row>
    <row r="410407" spans="8:8">
      <c r="H410407" s="12"/>
    </row>
    <row r="410408" spans="8:8">
      <c r="H410408" s="12"/>
    </row>
    <row r="410409" spans="8:8">
      <c r="H410409" s="12"/>
    </row>
    <row r="410410" spans="8:8">
      <c r="H410410" s="12"/>
    </row>
    <row r="410411" spans="8:8">
      <c r="H410411" s="12"/>
    </row>
    <row r="410412" spans="8:8">
      <c r="H410412" s="12"/>
    </row>
    <row r="410413" spans="8:8">
      <c r="H410413" s="12"/>
    </row>
    <row r="410414" spans="8:8">
      <c r="H410414" s="12"/>
    </row>
    <row r="410415" spans="8:8">
      <c r="H410415" s="12"/>
    </row>
    <row r="410416" spans="8:8">
      <c r="H410416" s="12"/>
    </row>
    <row r="410417" spans="8:8">
      <c r="H410417" s="12"/>
    </row>
    <row r="410418" spans="8:8">
      <c r="H410418" s="12"/>
    </row>
    <row r="410419" spans="8:8">
      <c r="H410419" s="12"/>
    </row>
    <row r="410420" spans="8:8">
      <c r="H410420" s="12"/>
    </row>
    <row r="410421" spans="8:8">
      <c r="H410421" s="12"/>
    </row>
    <row r="410422" spans="8:8">
      <c r="H410422" s="12"/>
    </row>
    <row r="410423" spans="8:8">
      <c r="H410423" s="12"/>
    </row>
    <row r="410424" spans="8:8">
      <c r="H410424" s="12"/>
    </row>
    <row r="410425" spans="8:8">
      <c r="H410425" s="12"/>
    </row>
    <row r="410426" spans="8:8">
      <c r="H410426" s="12"/>
    </row>
    <row r="410427" spans="8:8">
      <c r="H410427" s="12"/>
    </row>
    <row r="410428" spans="8:8">
      <c r="H410428" s="12"/>
    </row>
    <row r="410429" spans="8:8">
      <c r="H410429" s="12"/>
    </row>
    <row r="410430" spans="8:8">
      <c r="H410430" s="12"/>
    </row>
    <row r="410431" spans="8:8">
      <c r="H410431" s="12"/>
    </row>
    <row r="410432" spans="8:8">
      <c r="H410432" s="12"/>
    </row>
    <row r="410433" spans="8:8">
      <c r="H410433" s="12"/>
    </row>
    <row r="410434" spans="8:8">
      <c r="H410434" s="12"/>
    </row>
    <row r="410435" spans="8:8">
      <c r="H410435" s="12"/>
    </row>
    <row r="410436" spans="8:8">
      <c r="H410436" s="12"/>
    </row>
    <row r="410437" spans="8:8">
      <c r="H410437" s="12"/>
    </row>
    <row r="410438" spans="8:8">
      <c r="H410438" s="12"/>
    </row>
    <row r="410439" spans="8:8">
      <c r="H410439" s="12"/>
    </row>
    <row r="410440" spans="8:8">
      <c r="H410440" s="12"/>
    </row>
    <row r="410441" spans="8:8">
      <c r="H410441" s="12"/>
    </row>
    <row r="410442" spans="8:8">
      <c r="H410442" s="12"/>
    </row>
    <row r="410443" spans="8:8">
      <c r="H410443" s="12"/>
    </row>
    <row r="410444" spans="8:8">
      <c r="H410444" s="12"/>
    </row>
    <row r="410445" spans="8:8">
      <c r="H410445" s="12"/>
    </row>
    <row r="410446" spans="8:8">
      <c r="H410446" s="12"/>
    </row>
    <row r="410447" spans="8:8">
      <c r="H410447" s="12"/>
    </row>
    <row r="410448" spans="8:8">
      <c r="H410448" s="12"/>
    </row>
    <row r="410449" spans="8:8">
      <c r="H410449" s="12"/>
    </row>
    <row r="410450" spans="8:8">
      <c r="H410450" s="12"/>
    </row>
    <row r="410451" spans="8:8">
      <c r="H410451" s="12"/>
    </row>
    <row r="410452" spans="8:8">
      <c r="H410452" s="12"/>
    </row>
    <row r="410453" spans="8:8">
      <c r="H410453" s="12"/>
    </row>
    <row r="410454" spans="8:8">
      <c r="H410454" s="12"/>
    </row>
    <row r="410455" spans="8:8">
      <c r="H410455" s="12"/>
    </row>
    <row r="410456" spans="8:8">
      <c r="H410456" s="12"/>
    </row>
    <row r="410457" spans="8:8">
      <c r="H410457" s="12"/>
    </row>
    <row r="410458" spans="8:8">
      <c r="H410458" s="12"/>
    </row>
    <row r="410459" spans="8:8">
      <c r="H410459" s="12"/>
    </row>
    <row r="410460" spans="8:8">
      <c r="H410460" s="12"/>
    </row>
    <row r="410461" spans="8:8">
      <c r="H410461" s="12"/>
    </row>
    <row r="410462" spans="8:8">
      <c r="H410462" s="12"/>
    </row>
    <row r="410463" spans="8:8">
      <c r="H410463" s="12"/>
    </row>
    <row r="410464" spans="8:8">
      <c r="H410464" s="12"/>
    </row>
    <row r="410465" spans="8:8">
      <c r="H410465" s="12"/>
    </row>
    <row r="410466" spans="8:8">
      <c r="H410466" s="12"/>
    </row>
    <row r="410467" spans="8:8">
      <c r="H410467" s="12"/>
    </row>
    <row r="410468" spans="8:8">
      <c r="H410468" s="12"/>
    </row>
    <row r="410469" spans="8:8">
      <c r="H410469" s="12"/>
    </row>
    <row r="410470" spans="8:8">
      <c r="H410470" s="12"/>
    </row>
    <row r="410471" spans="8:8">
      <c r="H410471" s="12"/>
    </row>
    <row r="410472" spans="8:8">
      <c r="H410472" s="12"/>
    </row>
    <row r="410473" spans="8:8">
      <c r="H410473" s="12"/>
    </row>
    <row r="410474" spans="8:8">
      <c r="H410474" s="12"/>
    </row>
    <row r="410475" spans="8:8">
      <c r="H410475" s="12"/>
    </row>
    <row r="410476" spans="8:8">
      <c r="H410476" s="12"/>
    </row>
    <row r="410477" spans="8:8">
      <c r="H410477" s="12"/>
    </row>
    <row r="410478" spans="8:8">
      <c r="H410478" s="12"/>
    </row>
    <row r="410479" spans="8:8">
      <c r="H410479" s="12"/>
    </row>
    <row r="410480" spans="8:8">
      <c r="H410480" s="12"/>
    </row>
    <row r="410481" spans="8:8">
      <c r="H410481" s="12"/>
    </row>
    <row r="410482" spans="8:8">
      <c r="H410482" s="12"/>
    </row>
    <row r="410483" spans="8:8">
      <c r="H410483" s="12"/>
    </row>
    <row r="410484" spans="8:8">
      <c r="H410484" s="12"/>
    </row>
    <row r="410485" spans="8:8">
      <c r="H410485" s="12"/>
    </row>
    <row r="410486" spans="8:8">
      <c r="H410486" s="12"/>
    </row>
    <row r="410487" spans="8:8">
      <c r="H410487" s="12"/>
    </row>
    <row r="410488" spans="8:8">
      <c r="H410488" s="12"/>
    </row>
    <row r="410489" spans="8:8">
      <c r="H410489" s="12"/>
    </row>
    <row r="410490" spans="8:8">
      <c r="H410490" s="12"/>
    </row>
    <row r="410491" spans="8:8">
      <c r="H410491" s="12"/>
    </row>
    <row r="410492" spans="8:8">
      <c r="H410492" s="12"/>
    </row>
    <row r="410493" spans="8:8">
      <c r="H410493" s="12"/>
    </row>
    <row r="410494" spans="8:8">
      <c r="H410494" s="12"/>
    </row>
    <row r="410495" spans="8:8">
      <c r="H410495" s="12"/>
    </row>
    <row r="410496" spans="8:8">
      <c r="H410496" s="12"/>
    </row>
    <row r="410497" spans="8:8">
      <c r="H410497" s="12"/>
    </row>
    <row r="410498" spans="8:8">
      <c r="H410498" s="12"/>
    </row>
    <row r="410499" spans="8:8">
      <c r="H410499" s="12"/>
    </row>
    <row r="410500" spans="8:8">
      <c r="H410500" s="12"/>
    </row>
    <row r="410501" spans="8:8">
      <c r="H410501" s="12"/>
    </row>
    <row r="410502" spans="8:8">
      <c r="H410502" s="12"/>
    </row>
    <row r="410503" spans="8:8">
      <c r="H410503" s="12"/>
    </row>
    <row r="410504" spans="8:8">
      <c r="H410504" s="12"/>
    </row>
    <row r="410505" spans="8:8">
      <c r="H410505" s="12"/>
    </row>
    <row r="410506" spans="8:8">
      <c r="H410506" s="12"/>
    </row>
    <row r="410507" spans="8:8">
      <c r="H410507" s="12"/>
    </row>
    <row r="410508" spans="8:8">
      <c r="H410508" s="12"/>
    </row>
    <row r="410509" spans="8:8">
      <c r="H410509" s="12"/>
    </row>
    <row r="410510" spans="8:8">
      <c r="H410510" s="12"/>
    </row>
    <row r="410511" spans="8:8">
      <c r="H410511" s="12"/>
    </row>
    <row r="410512" spans="8:8">
      <c r="H410512" s="12"/>
    </row>
    <row r="410513" spans="8:8">
      <c r="H410513" s="12"/>
    </row>
    <row r="410514" spans="8:8">
      <c r="H410514" s="12"/>
    </row>
    <row r="410515" spans="8:8">
      <c r="H410515" s="12"/>
    </row>
    <row r="410516" spans="8:8">
      <c r="H410516" s="12"/>
    </row>
    <row r="410517" spans="8:8">
      <c r="H410517" s="12"/>
    </row>
    <row r="410518" spans="8:8">
      <c r="H410518" s="12"/>
    </row>
    <row r="410519" spans="8:8">
      <c r="H410519" s="12"/>
    </row>
    <row r="410520" spans="8:8">
      <c r="H410520" s="12"/>
    </row>
    <row r="410521" spans="8:8">
      <c r="H410521" s="12"/>
    </row>
    <row r="410522" spans="8:8">
      <c r="H410522" s="12"/>
    </row>
    <row r="410523" spans="8:8">
      <c r="H410523" s="12"/>
    </row>
    <row r="410524" spans="8:8">
      <c r="H410524" s="12"/>
    </row>
    <row r="410525" spans="8:8">
      <c r="H410525" s="12"/>
    </row>
    <row r="410526" spans="8:8">
      <c r="H410526" s="12"/>
    </row>
    <row r="410527" spans="8:8">
      <c r="H410527" s="12"/>
    </row>
    <row r="410528" spans="8:8">
      <c r="H410528" s="12"/>
    </row>
    <row r="410529" spans="8:8">
      <c r="H410529" s="12"/>
    </row>
    <row r="410530" spans="8:8">
      <c r="H410530" s="12"/>
    </row>
    <row r="410531" spans="8:8">
      <c r="H410531" s="12"/>
    </row>
    <row r="410532" spans="8:8">
      <c r="H410532" s="12"/>
    </row>
    <row r="410533" spans="8:8">
      <c r="H410533" s="12"/>
    </row>
    <row r="410534" spans="8:8">
      <c r="H410534" s="12"/>
    </row>
    <row r="410535" spans="8:8">
      <c r="H410535" s="12"/>
    </row>
    <row r="410536" spans="8:8">
      <c r="H410536" s="12"/>
    </row>
    <row r="410537" spans="8:8">
      <c r="H410537" s="12"/>
    </row>
    <row r="410538" spans="8:8">
      <c r="H410538" s="12"/>
    </row>
    <row r="410539" spans="8:8">
      <c r="H410539" s="12"/>
    </row>
    <row r="410540" spans="8:8">
      <c r="H410540" s="12"/>
    </row>
    <row r="410541" spans="8:8">
      <c r="H410541" s="12"/>
    </row>
    <row r="410542" spans="8:8">
      <c r="H410542" s="12"/>
    </row>
    <row r="410543" spans="8:8">
      <c r="H410543" s="12"/>
    </row>
    <row r="410544" spans="8:8">
      <c r="H410544" s="12"/>
    </row>
    <row r="410545" spans="8:8">
      <c r="H410545" s="12"/>
    </row>
    <row r="410546" spans="8:8">
      <c r="H410546" s="12"/>
    </row>
    <row r="410547" spans="8:8">
      <c r="H410547" s="12"/>
    </row>
    <row r="410548" spans="8:8">
      <c r="H410548" s="12"/>
    </row>
    <row r="410549" spans="8:8">
      <c r="H410549" s="12"/>
    </row>
    <row r="410550" spans="8:8">
      <c r="H410550" s="12"/>
    </row>
    <row r="410551" spans="8:8">
      <c r="H410551" s="12"/>
    </row>
    <row r="410552" spans="8:8">
      <c r="H410552" s="12"/>
    </row>
    <row r="410553" spans="8:8">
      <c r="H410553" s="12"/>
    </row>
    <row r="410554" spans="8:8">
      <c r="H410554" s="12"/>
    </row>
    <row r="410555" spans="8:8">
      <c r="H410555" s="12"/>
    </row>
    <row r="410556" spans="8:8">
      <c r="H410556" s="12"/>
    </row>
    <row r="410557" spans="8:8">
      <c r="H410557" s="12"/>
    </row>
    <row r="410558" spans="8:8">
      <c r="H410558" s="12"/>
    </row>
    <row r="410559" spans="8:8">
      <c r="H410559" s="12"/>
    </row>
    <row r="410560" spans="8:8">
      <c r="H410560" s="12"/>
    </row>
    <row r="410561" spans="8:8">
      <c r="H410561" s="12"/>
    </row>
    <row r="410562" spans="8:8">
      <c r="H410562" s="12"/>
    </row>
    <row r="410563" spans="8:8">
      <c r="H410563" s="12"/>
    </row>
    <row r="410564" spans="8:8">
      <c r="H410564" s="12"/>
    </row>
    <row r="410565" spans="8:8">
      <c r="H410565" s="12"/>
    </row>
    <row r="410566" spans="8:8">
      <c r="H410566" s="12"/>
    </row>
    <row r="410567" spans="8:8">
      <c r="H410567" s="12"/>
    </row>
    <row r="410568" spans="8:8">
      <c r="H410568" s="12"/>
    </row>
    <row r="410569" spans="8:8">
      <c r="H410569" s="12"/>
    </row>
    <row r="410570" spans="8:8">
      <c r="H410570" s="12"/>
    </row>
    <row r="410571" spans="8:8">
      <c r="H410571" s="12"/>
    </row>
    <row r="410572" spans="8:8">
      <c r="H410572" s="12"/>
    </row>
    <row r="410573" spans="8:8">
      <c r="H410573" s="12"/>
    </row>
    <row r="410574" spans="8:8">
      <c r="H410574" s="12"/>
    </row>
    <row r="410575" spans="8:8">
      <c r="H410575" s="12"/>
    </row>
    <row r="410576" spans="8:8">
      <c r="H410576" s="12"/>
    </row>
    <row r="410577" spans="8:8">
      <c r="H410577" s="12"/>
    </row>
    <row r="410578" spans="8:8">
      <c r="H410578" s="12"/>
    </row>
    <row r="410579" spans="8:8">
      <c r="H410579" s="12"/>
    </row>
    <row r="410580" spans="8:8">
      <c r="H410580" s="12"/>
    </row>
    <row r="410581" spans="8:8">
      <c r="H410581" s="12"/>
    </row>
    <row r="410582" spans="8:8">
      <c r="H410582" s="12"/>
    </row>
    <row r="410583" spans="8:8">
      <c r="H410583" s="12"/>
    </row>
    <row r="410584" spans="8:8">
      <c r="H410584" s="12"/>
    </row>
    <row r="410585" spans="8:8">
      <c r="H410585" s="12"/>
    </row>
    <row r="410586" spans="8:8">
      <c r="H410586" s="12"/>
    </row>
    <row r="410587" spans="8:8">
      <c r="H410587" s="12"/>
    </row>
    <row r="410588" spans="8:8">
      <c r="H410588" s="12"/>
    </row>
    <row r="410589" spans="8:8">
      <c r="H410589" s="12"/>
    </row>
    <row r="410590" spans="8:8">
      <c r="H410590" s="12"/>
    </row>
    <row r="410591" spans="8:8">
      <c r="H410591" s="12"/>
    </row>
    <row r="410592" spans="8:8">
      <c r="H410592" s="12"/>
    </row>
    <row r="410593" spans="8:8">
      <c r="H410593" s="12"/>
    </row>
    <row r="410594" spans="8:8">
      <c r="H410594" s="12"/>
    </row>
    <row r="410595" spans="8:8">
      <c r="H410595" s="12"/>
    </row>
    <row r="410596" spans="8:8">
      <c r="H410596" s="12"/>
    </row>
    <row r="410597" spans="8:8">
      <c r="H410597" s="12"/>
    </row>
    <row r="410598" spans="8:8">
      <c r="H410598" s="12"/>
    </row>
    <row r="410599" spans="8:8">
      <c r="H410599" s="12"/>
    </row>
    <row r="410600" spans="8:8">
      <c r="H410600" s="12"/>
    </row>
    <row r="410601" spans="8:8">
      <c r="H410601" s="12"/>
    </row>
    <row r="410602" spans="8:8">
      <c r="H410602" s="12"/>
    </row>
    <row r="410603" spans="8:8">
      <c r="H410603" s="12"/>
    </row>
    <row r="410604" spans="8:8">
      <c r="H410604" s="12"/>
    </row>
    <row r="410605" spans="8:8">
      <c r="H410605" s="12"/>
    </row>
    <row r="410606" spans="8:8">
      <c r="H410606" s="12"/>
    </row>
    <row r="410607" spans="8:8">
      <c r="H410607" s="12"/>
    </row>
    <row r="410608" spans="8:8">
      <c r="H410608" s="12"/>
    </row>
    <row r="410609" spans="8:8">
      <c r="H410609" s="12"/>
    </row>
    <row r="410610" spans="8:8">
      <c r="H410610" s="12"/>
    </row>
    <row r="410611" spans="8:8">
      <c r="H410611" s="12"/>
    </row>
    <row r="410612" spans="8:8">
      <c r="H410612" s="12"/>
    </row>
    <row r="410613" spans="8:8">
      <c r="H410613" s="12"/>
    </row>
    <row r="410614" spans="8:8">
      <c r="H410614" s="12"/>
    </row>
    <row r="410615" spans="8:8">
      <c r="H410615" s="12"/>
    </row>
    <row r="410616" spans="8:8">
      <c r="H410616" s="12"/>
    </row>
    <row r="410617" spans="8:8">
      <c r="H410617" s="12"/>
    </row>
    <row r="410618" spans="8:8">
      <c r="H410618" s="12"/>
    </row>
    <row r="410619" spans="8:8">
      <c r="H410619" s="12"/>
    </row>
    <row r="410620" spans="8:8">
      <c r="H410620" s="12"/>
    </row>
    <row r="410621" spans="8:8">
      <c r="H410621" s="12"/>
    </row>
    <row r="410622" spans="8:8">
      <c r="H410622" s="12"/>
    </row>
    <row r="410623" spans="8:8">
      <c r="H410623" s="12"/>
    </row>
    <row r="410624" spans="8:8">
      <c r="H410624" s="12"/>
    </row>
    <row r="410625" spans="8:8">
      <c r="H410625" s="12"/>
    </row>
    <row r="410626" spans="8:8">
      <c r="H410626" s="12"/>
    </row>
    <row r="410627" spans="8:8">
      <c r="H410627" s="12"/>
    </row>
    <row r="410628" spans="8:8">
      <c r="H410628" s="12"/>
    </row>
    <row r="410629" spans="8:8">
      <c r="H410629" s="12"/>
    </row>
    <row r="410630" spans="8:8">
      <c r="H410630" s="12"/>
    </row>
    <row r="410631" spans="8:8">
      <c r="H410631" s="12"/>
    </row>
    <row r="410632" spans="8:8">
      <c r="H410632" s="12"/>
    </row>
    <row r="410633" spans="8:8">
      <c r="H410633" s="12"/>
    </row>
    <row r="410634" spans="8:8">
      <c r="H410634" s="12"/>
    </row>
    <row r="410635" spans="8:8">
      <c r="H410635" s="12"/>
    </row>
    <row r="410636" spans="8:8">
      <c r="H410636" s="12"/>
    </row>
    <row r="410637" spans="8:8">
      <c r="H410637" s="12"/>
    </row>
    <row r="410638" spans="8:8">
      <c r="H410638" s="12"/>
    </row>
    <row r="410639" spans="8:8">
      <c r="H410639" s="12"/>
    </row>
    <row r="410640" spans="8:8">
      <c r="H410640" s="12"/>
    </row>
    <row r="410641" spans="8:8">
      <c r="H410641" s="12"/>
    </row>
    <row r="410642" spans="8:8">
      <c r="H410642" s="12"/>
    </row>
    <row r="410643" spans="8:8">
      <c r="H410643" s="12"/>
    </row>
    <row r="410644" spans="8:8">
      <c r="H410644" s="12"/>
    </row>
    <row r="410645" spans="8:8">
      <c r="H410645" s="12"/>
    </row>
    <row r="410646" spans="8:8">
      <c r="H410646" s="12"/>
    </row>
    <row r="410647" spans="8:8">
      <c r="H410647" s="12"/>
    </row>
    <row r="410648" spans="8:8">
      <c r="H410648" s="12"/>
    </row>
    <row r="410649" spans="8:8">
      <c r="H410649" s="12"/>
    </row>
    <row r="410650" spans="8:8">
      <c r="H410650" s="12"/>
    </row>
    <row r="410651" spans="8:8">
      <c r="H410651" s="12"/>
    </row>
    <row r="410652" spans="8:8">
      <c r="H410652" s="12"/>
    </row>
    <row r="410653" spans="8:8">
      <c r="H410653" s="12"/>
    </row>
    <row r="410654" spans="8:8">
      <c r="H410654" s="12"/>
    </row>
    <row r="410655" spans="8:8">
      <c r="H410655" s="12"/>
    </row>
    <row r="410656" spans="8:8">
      <c r="H410656" s="12"/>
    </row>
    <row r="410657" spans="8:8">
      <c r="H410657" s="12"/>
    </row>
    <row r="410658" spans="8:8">
      <c r="H410658" s="12"/>
    </row>
    <row r="410659" spans="8:8">
      <c r="H410659" s="12"/>
    </row>
    <row r="410660" spans="8:8">
      <c r="H410660" s="12"/>
    </row>
    <row r="410661" spans="8:8">
      <c r="H410661" s="12"/>
    </row>
    <row r="410662" spans="8:8">
      <c r="H410662" s="12"/>
    </row>
    <row r="410663" spans="8:8">
      <c r="H410663" s="12"/>
    </row>
    <row r="410664" spans="8:8">
      <c r="H410664" s="12"/>
    </row>
    <row r="410665" spans="8:8">
      <c r="H410665" s="12"/>
    </row>
    <row r="410666" spans="8:8">
      <c r="H410666" s="12"/>
    </row>
    <row r="410667" spans="8:8">
      <c r="H410667" s="12"/>
    </row>
    <row r="410668" spans="8:8">
      <c r="H410668" s="12"/>
    </row>
    <row r="410669" spans="8:8">
      <c r="H410669" s="12"/>
    </row>
    <row r="410670" spans="8:8">
      <c r="H410670" s="12"/>
    </row>
    <row r="410671" spans="8:8">
      <c r="H410671" s="12"/>
    </row>
    <row r="410672" spans="8:8">
      <c r="H410672" s="12"/>
    </row>
    <row r="410673" spans="8:8">
      <c r="H410673" s="12"/>
    </row>
    <row r="410674" spans="8:8">
      <c r="H410674" s="12"/>
    </row>
    <row r="410675" spans="8:8">
      <c r="H410675" s="12"/>
    </row>
    <row r="410676" spans="8:8">
      <c r="H410676" s="12"/>
    </row>
    <row r="410677" spans="8:8">
      <c r="H410677" s="12"/>
    </row>
    <row r="410678" spans="8:8">
      <c r="H410678" s="12"/>
    </row>
    <row r="410679" spans="8:8">
      <c r="H410679" s="12"/>
    </row>
    <row r="410680" spans="8:8">
      <c r="H410680" s="12"/>
    </row>
    <row r="410681" spans="8:8">
      <c r="H410681" s="12"/>
    </row>
    <row r="410682" spans="8:8">
      <c r="H410682" s="12"/>
    </row>
    <row r="410683" spans="8:8">
      <c r="H410683" s="12"/>
    </row>
    <row r="410684" spans="8:8">
      <c r="H410684" s="12"/>
    </row>
    <row r="410685" spans="8:8">
      <c r="H410685" s="12"/>
    </row>
    <row r="410686" spans="8:8">
      <c r="H410686" s="12"/>
    </row>
    <row r="410687" spans="8:8">
      <c r="H410687" s="12"/>
    </row>
    <row r="410688" spans="8:8">
      <c r="H410688" s="12"/>
    </row>
    <row r="410689" spans="8:8">
      <c r="H410689" s="12"/>
    </row>
    <row r="410690" spans="8:8">
      <c r="H410690" s="12"/>
    </row>
    <row r="410691" spans="8:8">
      <c r="H410691" s="12"/>
    </row>
    <row r="410692" spans="8:8">
      <c r="H410692" s="12"/>
    </row>
    <row r="410693" spans="8:8">
      <c r="H410693" s="12"/>
    </row>
    <row r="410694" spans="8:8">
      <c r="H410694" s="12"/>
    </row>
    <row r="410695" spans="8:8">
      <c r="H410695" s="12"/>
    </row>
    <row r="410696" spans="8:8">
      <c r="H410696" s="12"/>
    </row>
    <row r="410697" spans="8:8">
      <c r="H410697" s="12"/>
    </row>
    <row r="410698" spans="8:8">
      <c r="H410698" s="12"/>
    </row>
    <row r="410699" spans="8:8">
      <c r="H410699" s="12"/>
    </row>
    <row r="410700" spans="8:8">
      <c r="H410700" s="12"/>
    </row>
    <row r="410701" spans="8:8">
      <c r="H410701" s="12"/>
    </row>
    <row r="410702" spans="8:8">
      <c r="H410702" s="12"/>
    </row>
    <row r="410703" spans="8:8">
      <c r="H410703" s="12"/>
    </row>
    <row r="410704" spans="8:8">
      <c r="H410704" s="12"/>
    </row>
    <row r="410705" spans="8:8">
      <c r="H410705" s="12"/>
    </row>
    <row r="410706" spans="8:8">
      <c r="H410706" s="12"/>
    </row>
    <row r="410707" spans="8:8">
      <c r="H410707" s="12"/>
    </row>
    <row r="410708" spans="8:8">
      <c r="H410708" s="12"/>
    </row>
    <row r="410709" spans="8:8">
      <c r="H410709" s="12"/>
    </row>
    <row r="410710" spans="8:8">
      <c r="H410710" s="12"/>
    </row>
    <row r="410711" spans="8:8">
      <c r="H410711" s="12"/>
    </row>
    <row r="410712" spans="8:8">
      <c r="H410712" s="12"/>
    </row>
    <row r="410713" spans="8:8">
      <c r="H410713" s="12"/>
    </row>
    <row r="410714" spans="8:8">
      <c r="H410714" s="12"/>
    </row>
    <row r="410715" spans="8:8">
      <c r="H410715" s="12"/>
    </row>
    <row r="410716" spans="8:8">
      <c r="H410716" s="12"/>
    </row>
    <row r="410717" spans="8:8">
      <c r="H410717" s="12"/>
    </row>
    <row r="410718" spans="8:8">
      <c r="H410718" s="12"/>
    </row>
    <row r="410719" spans="8:8">
      <c r="H410719" s="12"/>
    </row>
    <row r="410720" spans="8:8">
      <c r="H410720" s="12"/>
    </row>
    <row r="410721" spans="8:8">
      <c r="H410721" s="12"/>
    </row>
    <row r="410722" spans="8:8">
      <c r="H410722" s="12"/>
    </row>
    <row r="410723" spans="8:8">
      <c r="H410723" s="12"/>
    </row>
    <row r="410724" spans="8:8">
      <c r="H410724" s="12"/>
    </row>
    <row r="410725" spans="8:8">
      <c r="H410725" s="12"/>
    </row>
    <row r="410726" spans="8:8">
      <c r="H410726" s="12"/>
    </row>
    <row r="410727" spans="8:8">
      <c r="H410727" s="12"/>
    </row>
    <row r="410728" spans="8:8">
      <c r="H410728" s="12"/>
    </row>
    <row r="410729" spans="8:8">
      <c r="H410729" s="12"/>
    </row>
    <row r="410730" spans="8:8">
      <c r="H410730" s="12"/>
    </row>
    <row r="410731" spans="8:8">
      <c r="H410731" s="12"/>
    </row>
    <row r="410732" spans="8:8">
      <c r="H410732" s="12"/>
    </row>
    <row r="410733" spans="8:8">
      <c r="H410733" s="12"/>
    </row>
    <row r="410734" spans="8:8">
      <c r="H410734" s="12"/>
    </row>
    <row r="410735" spans="8:8">
      <c r="H410735" s="12"/>
    </row>
    <row r="410736" spans="8:8">
      <c r="H410736" s="12"/>
    </row>
    <row r="410737" spans="8:8">
      <c r="H410737" s="12"/>
    </row>
    <row r="410738" spans="8:8">
      <c r="H410738" s="12"/>
    </row>
    <row r="410739" spans="8:8">
      <c r="H410739" s="12"/>
    </row>
    <row r="410740" spans="8:8">
      <c r="H410740" s="12"/>
    </row>
    <row r="410741" spans="8:8">
      <c r="H410741" s="12"/>
    </row>
    <row r="410742" spans="8:8">
      <c r="H410742" s="12"/>
    </row>
    <row r="410743" spans="8:8">
      <c r="H410743" s="12"/>
    </row>
    <row r="410744" spans="8:8">
      <c r="H410744" s="12"/>
    </row>
    <row r="410745" spans="8:8">
      <c r="H410745" s="12"/>
    </row>
    <row r="410746" spans="8:8">
      <c r="H410746" s="12"/>
    </row>
    <row r="410747" spans="8:8">
      <c r="H410747" s="12"/>
    </row>
    <row r="410748" spans="8:8">
      <c r="H410748" s="12"/>
    </row>
    <row r="410749" spans="8:8">
      <c r="H410749" s="12"/>
    </row>
    <row r="410750" spans="8:8">
      <c r="H410750" s="12"/>
    </row>
    <row r="410751" spans="8:8">
      <c r="H410751" s="12"/>
    </row>
    <row r="410752" spans="8:8">
      <c r="H410752" s="12"/>
    </row>
    <row r="410753" spans="8:8">
      <c r="H410753" s="12"/>
    </row>
    <row r="410754" spans="8:8">
      <c r="H410754" s="12"/>
    </row>
    <row r="410755" spans="8:8">
      <c r="H410755" s="12"/>
    </row>
    <row r="410756" spans="8:8">
      <c r="H410756" s="12"/>
    </row>
    <row r="410757" spans="8:8">
      <c r="H410757" s="12"/>
    </row>
    <row r="410758" spans="8:8">
      <c r="H410758" s="12"/>
    </row>
    <row r="410759" spans="8:8">
      <c r="H410759" s="12"/>
    </row>
    <row r="410760" spans="8:8">
      <c r="H410760" s="12"/>
    </row>
    <row r="410761" spans="8:8">
      <c r="H410761" s="12"/>
    </row>
    <row r="410762" spans="8:8">
      <c r="H410762" s="12"/>
    </row>
    <row r="410763" spans="8:8">
      <c r="H410763" s="12"/>
    </row>
    <row r="410764" spans="8:8">
      <c r="H410764" s="12"/>
    </row>
    <row r="410765" spans="8:8">
      <c r="H410765" s="12"/>
    </row>
    <row r="410766" spans="8:8">
      <c r="H410766" s="12"/>
    </row>
    <row r="410767" spans="8:8">
      <c r="H410767" s="12"/>
    </row>
    <row r="410768" spans="8:8">
      <c r="H410768" s="12"/>
    </row>
    <row r="410769" spans="8:8">
      <c r="H410769" s="12"/>
    </row>
    <row r="410770" spans="8:8">
      <c r="H410770" s="12"/>
    </row>
    <row r="410771" spans="8:8">
      <c r="H410771" s="12"/>
    </row>
    <row r="410772" spans="8:8">
      <c r="H410772" s="12"/>
    </row>
    <row r="410773" spans="8:8">
      <c r="H410773" s="12"/>
    </row>
    <row r="410774" spans="8:8">
      <c r="H410774" s="12"/>
    </row>
    <row r="410775" spans="8:8">
      <c r="H410775" s="12"/>
    </row>
    <row r="410776" spans="8:8">
      <c r="H410776" s="12"/>
    </row>
    <row r="410777" spans="8:8">
      <c r="H410777" s="12"/>
    </row>
    <row r="410778" spans="8:8">
      <c r="H410778" s="12"/>
    </row>
    <row r="410779" spans="8:8">
      <c r="H410779" s="12"/>
    </row>
    <row r="410780" spans="8:8">
      <c r="H410780" s="12"/>
    </row>
    <row r="410781" spans="8:8">
      <c r="H410781" s="12"/>
    </row>
    <row r="410782" spans="8:8">
      <c r="H410782" s="12"/>
    </row>
    <row r="410783" spans="8:8">
      <c r="H410783" s="12"/>
    </row>
    <row r="410784" spans="8:8">
      <c r="H410784" s="12"/>
    </row>
    <row r="410785" spans="8:8">
      <c r="H410785" s="12"/>
    </row>
    <row r="410786" spans="8:8">
      <c r="H410786" s="12"/>
    </row>
    <row r="410787" spans="8:8">
      <c r="H410787" s="12"/>
    </row>
    <row r="410788" spans="8:8">
      <c r="H410788" s="12"/>
    </row>
    <row r="410789" spans="8:8">
      <c r="H410789" s="12"/>
    </row>
    <row r="410790" spans="8:8">
      <c r="H410790" s="12"/>
    </row>
    <row r="410791" spans="8:8">
      <c r="H410791" s="12"/>
    </row>
    <row r="410792" spans="8:8">
      <c r="H410792" s="12"/>
    </row>
    <row r="410793" spans="8:8">
      <c r="H410793" s="12"/>
    </row>
    <row r="410794" spans="8:8">
      <c r="H410794" s="12"/>
    </row>
    <row r="410795" spans="8:8">
      <c r="H410795" s="12"/>
    </row>
    <row r="410796" spans="8:8">
      <c r="H410796" s="12"/>
    </row>
    <row r="410797" spans="8:8">
      <c r="H410797" s="12"/>
    </row>
    <row r="410798" spans="8:8">
      <c r="H410798" s="12"/>
    </row>
    <row r="410799" spans="8:8">
      <c r="H410799" s="12"/>
    </row>
    <row r="410800" spans="8:8">
      <c r="H410800" s="12"/>
    </row>
    <row r="410801" spans="8:8">
      <c r="H410801" s="12"/>
    </row>
    <row r="410802" spans="8:8">
      <c r="H410802" s="12"/>
    </row>
    <row r="410803" spans="8:8">
      <c r="H410803" s="12"/>
    </row>
    <row r="410804" spans="8:8">
      <c r="H410804" s="12"/>
    </row>
    <row r="410805" spans="8:8">
      <c r="H410805" s="12"/>
    </row>
    <row r="410806" spans="8:8">
      <c r="H410806" s="12"/>
    </row>
    <row r="410807" spans="8:8">
      <c r="H410807" s="12"/>
    </row>
    <row r="410808" spans="8:8">
      <c r="H410808" s="12"/>
    </row>
    <row r="410809" spans="8:8">
      <c r="H410809" s="12"/>
    </row>
    <row r="410810" spans="8:8">
      <c r="H410810" s="12"/>
    </row>
    <row r="410811" spans="8:8">
      <c r="H410811" s="12"/>
    </row>
    <row r="410812" spans="8:8">
      <c r="H410812" s="12"/>
    </row>
    <row r="410813" spans="8:8">
      <c r="H410813" s="12"/>
    </row>
    <row r="410814" spans="8:8">
      <c r="H410814" s="12"/>
    </row>
    <row r="410815" spans="8:8">
      <c r="H410815" s="12"/>
    </row>
    <row r="410816" spans="8:8">
      <c r="H410816" s="12"/>
    </row>
    <row r="410817" spans="8:8">
      <c r="H410817" s="12"/>
    </row>
    <row r="410818" spans="8:8">
      <c r="H410818" s="12"/>
    </row>
    <row r="410819" spans="8:8">
      <c r="H410819" s="12"/>
    </row>
    <row r="410820" spans="8:8">
      <c r="H410820" s="12"/>
    </row>
    <row r="410821" spans="8:8">
      <c r="H410821" s="12"/>
    </row>
    <row r="410822" spans="8:8">
      <c r="H410822" s="12"/>
    </row>
    <row r="410823" spans="8:8">
      <c r="H410823" s="12"/>
    </row>
    <row r="410824" spans="8:8">
      <c r="H410824" s="12"/>
    </row>
    <row r="410825" spans="8:8">
      <c r="H410825" s="12"/>
    </row>
    <row r="410826" spans="8:8">
      <c r="H410826" s="12"/>
    </row>
    <row r="410827" spans="8:8">
      <c r="H410827" s="12"/>
    </row>
    <row r="410828" spans="8:8">
      <c r="H410828" s="12"/>
    </row>
    <row r="410829" spans="8:8">
      <c r="H410829" s="12"/>
    </row>
    <row r="410830" spans="8:8">
      <c r="H410830" s="12"/>
    </row>
    <row r="410831" spans="8:8">
      <c r="H410831" s="12"/>
    </row>
    <row r="410832" spans="8:8">
      <c r="H410832" s="12"/>
    </row>
    <row r="410833" spans="8:8">
      <c r="H410833" s="12"/>
    </row>
    <row r="410834" spans="8:8">
      <c r="H410834" s="12"/>
    </row>
    <row r="410835" spans="8:8">
      <c r="H410835" s="12"/>
    </row>
    <row r="410836" spans="8:8">
      <c r="H410836" s="12"/>
    </row>
    <row r="410837" spans="8:8">
      <c r="H410837" s="12"/>
    </row>
    <row r="410838" spans="8:8">
      <c r="H410838" s="12"/>
    </row>
    <row r="410839" spans="8:8">
      <c r="H410839" s="12"/>
    </row>
    <row r="410840" spans="8:8">
      <c r="H410840" s="12"/>
    </row>
    <row r="410841" spans="8:8">
      <c r="H410841" s="12"/>
    </row>
    <row r="410842" spans="8:8">
      <c r="H410842" s="12"/>
    </row>
    <row r="410843" spans="8:8">
      <c r="H410843" s="12"/>
    </row>
    <row r="410844" spans="8:8">
      <c r="H410844" s="12"/>
    </row>
    <row r="410845" spans="8:8">
      <c r="H410845" s="12"/>
    </row>
    <row r="410846" spans="8:8">
      <c r="H410846" s="12"/>
    </row>
    <row r="410847" spans="8:8">
      <c r="H410847" s="12"/>
    </row>
    <row r="410848" spans="8:8">
      <c r="H410848" s="12"/>
    </row>
    <row r="410849" spans="8:8">
      <c r="H410849" s="12"/>
    </row>
    <row r="410850" spans="8:8">
      <c r="H410850" s="12"/>
    </row>
    <row r="410851" spans="8:8">
      <c r="H410851" s="12"/>
    </row>
    <row r="410852" spans="8:8">
      <c r="H410852" s="12"/>
    </row>
    <row r="410853" spans="8:8">
      <c r="H410853" s="12"/>
    </row>
    <row r="410854" spans="8:8">
      <c r="H410854" s="12"/>
    </row>
    <row r="410855" spans="8:8">
      <c r="H410855" s="12"/>
    </row>
    <row r="410856" spans="8:8">
      <c r="H410856" s="12"/>
    </row>
    <row r="410857" spans="8:8">
      <c r="H410857" s="12"/>
    </row>
    <row r="410858" spans="8:8">
      <c r="H410858" s="12"/>
    </row>
    <row r="410859" spans="8:8">
      <c r="H410859" s="12"/>
    </row>
    <row r="410860" spans="8:8">
      <c r="H410860" s="12"/>
    </row>
    <row r="410861" spans="8:8">
      <c r="H410861" s="12"/>
    </row>
    <row r="410862" spans="8:8">
      <c r="H410862" s="12"/>
    </row>
    <row r="410863" spans="8:8">
      <c r="H410863" s="12"/>
    </row>
    <row r="410864" spans="8:8">
      <c r="H410864" s="12"/>
    </row>
    <row r="410865" spans="8:8">
      <c r="H410865" s="12"/>
    </row>
    <row r="410866" spans="8:8">
      <c r="H410866" s="12"/>
    </row>
    <row r="410867" spans="8:8">
      <c r="H410867" s="12"/>
    </row>
    <row r="410868" spans="8:8">
      <c r="H410868" s="12"/>
    </row>
    <row r="410869" spans="8:8">
      <c r="H410869" s="12"/>
    </row>
    <row r="410870" spans="8:8">
      <c r="H410870" s="12"/>
    </row>
    <row r="410871" spans="8:8">
      <c r="H410871" s="12"/>
    </row>
    <row r="410872" spans="8:8">
      <c r="H410872" s="12"/>
    </row>
    <row r="410873" spans="8:8">
      <c r="H410873" s="12"/>
    </row>
    <row r="410874" spans="8:8">
      <c r="H410874" s="12"/>
    </row>
    <row r="410875" spans="8:8">
      <c r="H410875" s="12"/>
    </row>
    <row r="410876" spans="8:8">
      <c r="H410876" s="12"/>
    </row>
    <row r="410877" spans="8:8">
      <c r="H410877" s="12"/>
    </row>
    <row r="410878" spans="8:8">
      <c r="H410878" s="12"/>
    </row>
    <row r="410879" spans="8:8">
      <c r="H410879" s="12"/>
    </row>
    <row r="410880" spans="8:8">
      <c r="H410880" s="12"/>
    </row>
    <row r="410881" spans="8:8">
      <c r="H410881" s="12"/>
    </row>
    <row r="410882" spans="8:8">
      <c r="H410882" s="12"/>
    </row>
    <row r="410883" spans="8:8">
      <c r="H410883" s="12"/>
    </row>
    <row r="410884" spans="8:8">
      <c r="H410884" s="12"/>
    </row>
    <row r="410885" spans="8:8">
      <c r="H410885" s="12"/>
    </row>
    <row r="410886" spans="8:8">
      <c r="H410886" s="12"/>
    </row>
    <row r="410887" spans="8:8">
      <c r="H410887" s="12"/>
    </row>
    <row r="410888" spans="8:8">
      <c r="H410888" s="12"/>
    </row>
    <row r="410889" spans="8:8">
      <c r="H410889" s="12"/>
    </row>
    <row r="410890" spans="8:8">
      <c r="H410890" s="12"/>
    </row>
    <row r="410891" spans="8:8">
      <c r="H410891" s="12"/>
    </row>
    <row r="410892" spans="8:8">
      <c r="H410892" s="12"/>
    </row>
    <row r="410893" spans="8:8">
      <c r="H410893" s="12"/>
    </row>
    <row r="410894" spans="8:8">
      <c r="H410894" s="12"/>
    </row>
    <row r="410895" spans="8:8">
      <c r="H410895" s="12"/>
    </row>
    <row r="410896" spans="8:8">
      <c r="H410896" s="12"/>
    </row>
    <row r="410897" spans="8:8">
      <c r="H410897" s="12"/>
    </row>
    <row r="410898" spans="8:8">
      <c r="H410898" s="12"/>
    </row>
    <row r="410899" spans="8:8">
      <c r="H410899" s="12"/>
    </row>
    <row r="410900" spans="8:8">
      <c r="H410900" s="12"/>
    </row>
    <row r="410901" spans="8:8">
      <c r="H410901" s="12"/>
    </row>
    <row r="410902" spans="8:8">
      <c r="H410902" s="12"/>
    </row>
    <row r="410903" spans="8:8">
      <c r="H410903" s="12"/>
    </row>
    <row r="410904" spans="8:8">
      <c r="H410904" s="12"/>
    </row>
    <row r="410905" spans="8:8">
      <c r="H410905" s="12"/>
    </row>
    <row r="410906" spans="8:8">
      <c r="H410906" s="12"/>
    </row>
    <row r="410907" spans="8:8">
      <c r="H410907" s="12"/>
    </row>
    <row r="410908" spans="8:8">
      <c r="H410908" s="12"/>
    </row>
    <row r="410909" spans="8:8">
      <c r="H410909" s="12"/>
    </row>
    <row r="410910" spans="8:8">
      <c r="H410910" s="12"/>
    </row>
    <row r="410911" spans="8:8">
      <c r="H410911" s="12"/>
    </row>
    <row r="410912" spans="8:8">
      <c r="H410912" s="12"/>
    </row>
    <row r="410913" spans="8:8">
      <c r="H410913" s="12"/>
    </row>
    <row r="410914" spans="8:8">
      <c r="H410914" s="12"/>
    </row>
    <row r="410915" spans="8:8">
      <c r="H410915" s="12"/>
    </row>
    <row r="410916" spans="8:8">
      <c r="H410916" s="12"/>
    </row>
    <row r="410917" spans="8:8">
      <c r="H410917" s="12"/>
    </row>
    <row r="410918" spans="8:8">
      <c r="H410918" s="12"/>
    </row>
    <row r="410919" spans="8:8">
      <c r="H410919" s="12"/>
    </row>
    <row r="410920" spans="8:8">
      <c r="H410920" s="12"/>
    </row>
    <row r="410921" spans="8:8">
      <c r="H410921" s="12"/>
    </row>
    <row r="410922" spans="8:8">
      <c r="H410922" s="12"/>
    </row>
    <row r="410923" spans="8:8">
      <c r="H410923" s="12"/>
    </row>
    <row r="410924" spans="8:8">
      <c r="H410924" s="12"/>
    </row>
    <row r="410925" spans="8:8">
      <c r="H410925" s="12"/>
    </row>
    <row r="410926" spans="8:8">
      <c r="H410926" s="12"/>
    </row>
    <row r="410927" spans="8:8">
      <c r="H410927" s="12"/>
    </row>
    <row r="410928" spans="8:8">
      <c r="H410928" s="12"/>
    </row>
    <row r="410929" spans="8:8">
      <c r="H410929" s="12"/>
    </row>
    <row r="410930" spans="8:8">
      <c r="H410930" s="12"/>
    </row>
    <row r="410931" spans="8:8">
      <c r="H410931" s="12"/>
    </row>
    <row r="410932" spans="8:8">
      <c r="H410932" s="12"/>
    </row>
    <row r="410933" spans="8:8">
      <c r="H410933" s="12"/>
    </row>
    <row r="410934" spans="8:8">
      <c r="H410934" s="12"/>
    </row>
    <row r="410935" spans="8:8">
      <c r="H410935" s="12"/>
    </row>
    <row r="410936" spans="8:8">
      <c r="H410936" s="12"/>
    </row>
    <row r="410937" spans="8:8">
      <c r="H410937" s="12"/>
    </row>
    <row r="410938" spans="8:8">
      <c r="H410938" s="12"/>
    </row>
    <row r="410939" spans="8:8">
      <c r="H410939" s="12"/>
    </row>
    <row r="410940" spans="8:8">
      <c r="H410940" s="12"/>
    </row>
    <row r="410941" spans="8:8">
      <c r="H410941" s="12"/>
    </row>
    <row r="410942" spans="8:8">
      <c r="H410942" s="12"/>
    </row>
    <row r="410943" spans="8:8">
      <c r="H410943" s="12"/>
    </row>
    <row r="410944" spans="8:8">
      <c r="H410944" s="12"/>
    </row>
    <row r="410945" spans="8:8">
      <c r="H410945" s="12"/>
    </row>
    <row r="410946" spans="8:8">
      <c r="H410946" s="12"/>
    </row>
    <row r="410947" spans="8:8">
      <c r="H410947" s="12"/>
    </row>
    <row r="410948" spans="8:8">
      <c r="H410948" s="12"/>
    </row>
    <row r="410949" spans="8:8">
      <c r="H410949" s="12"/>
    </row>
    <row r="410950" spans="8:8">
      <c r="H410950" s="12"/>
    </row>
    <row r="410951" spans="8:8">
      <c r="H410951" s="12"/>
    </row>
    <row r="410952" spans="8:8">
      <c r="H410952" s="12"/>
    </row>
    <row r="410953" spans="8:8">
      <c r="H410953" s="12"/>
    </row>
    <row r="410954" spans="8:8">
      <c r="H410954" s="12"/>
    </row>
    <row r="410955" spans="8:8">
      <c r="H410955" s="12"/>
    </row>
    <row r="410956" spans="8:8">
      <c r="H410956" s="12"/>
    </row>
    <row r="410957" spans="8:8">
      <c r="H410957" s="12"/>
    </row>
    <row r="410958" spans="8:8">
      <c r="H410958" s="12"/>
    </row>
    <row r="410959" spans="8:8">
      <c r="H410959" s="12"/>
    </row>
    <row r="410960" spans="8:8">
      <c r="H410960" s="12"/>
    </row>
    <row r="410961" spans="8:8">
      <c r="H410961" s="12"/>
    </row>
    <row r="410962" spans="8:8">
      <c r="H410962" s="12"/>
    </row>
    <row r="410963" spans="8:8">
      <c r="H410963" s="12"/>
    </row>
    <row r="410964" spans="8:8">
      <c r="H410964" s="12"/>
    </row>
    <row r="410965" spans="8:8">
      <c r="H410965" s="12"/>
    </row>
    <row r="410966" spans="8:8">
      <c r="H410966" s="12"/>
    </row>
    <row r="410967" spans="8:8">
      <c r="H410967" s="12"/>
    </row>
    <row r="410968" spans="8:8">
      <c r="H410968" s="12"/>
    </row>
    <row r="410969" spans="8:8">
      <c r="H410969" s="12"/>
    </row>
    <row r="410970" spans="8:8">
      <c r="H410970" s="12"/>
    </row>
    <row r="410971" spans="8:8">
      <c r="H410971" s="12"/>
    </row>
    <row r="410972" spans="8:8">
      <c r="H410972" s="12"/>
    </row>
    <row r="410973" spans="8:8">
      <c r="H410973" s="12"/>
    </row>
    <row r="410974" spans="8:8">
      <c r="H410974" s="12"/>
    </row>
    <row r="410975" spans="8:8">
      <c r="H410975" s="12"/>
    </row>
    <row r="410976" spans="8:8">
      <c r="H410976" s="12"/>
    </row>
    <row r="410977" spans="8:8">
      <c r="H410977" s="12"/>
    </row>
    <row r="410978" spans="8:8">
      <c r="H410978" s="12"/>
    </row>
    <row r="410979" spans="8:8">
      <c r="H410979" s="12"/>
    </row>
    <row r="410980" spans="8:8">
      <c r="H410980" s="12"/>
    </row>
    <row r="410981" spans="8:8">
      <c r="H410981" s="12"/>
    </row>
    <row r="410982" spans="8:8">
      <c r="H410982" s="12"/>
    </row>
    <row r="410983" spans="8:8">
      <c r="H410983" s="12"/>
    </row>
    <row r="410984" spans="8:8">
      <c r="H410984" s="12"/>
    </row>
    <row r="410985" spans="8:8">
      <c r="H410985" s="12"/>
    </row>
    <row r="410986" spans="8:8">
      <c r="H410986" s="12"/>
    </row>
    <row r="410987" spans="8:8">
      <c r="H410987" s="12"/>
    </row>
    <row r="410988" spans="8:8">
      <c r="H410988" s="12"/>
    </row>
    <row r="410989" spans="8:8">
      <c r="H410989" s="12"/>
    </row>
    <row r="410990" spans="8:8">
      <c r="H410990" s="12"/>
    </row>
    <row r="410991" spans="8:8">
      <c r="H410991" s="12"/>
    </row>
    <row r="410992" spans="8:8">
      <c r="H410992" s="12"/>
    </row>
    <row r="410993" spans="8:8">
      <c r="H410993" s="12"/>
    </row>
    <row r="410994" spans="8:8">
      <c r="H410994" s="12"/>
    </row>
    <row r="410995" spans="8:8">
      <c r="H410995" s="12"/>
    </row>
    <row r="410996" spans="8:8">
      <c r="H410996" s="12"/>
    </row>
    <row r="410997" spans="8:8">
      <c r="H410997" s="12"/>
    </row>
    <row r="410998" spans="8:8">
      <c r="H410998" s="12"/>
    </row>
    <row r="410999" spans="8:8">
      <c r="H410999" s="12"/>
    </row>
    <row r="411000" spans="8:8">
      <c r="H411000" s="12"/>
    </row>
    <row r="411001" spans="8:8">
      <c r="H411001" s="12"/>
    </row>
    <row r="411002" spans="8:8">
      <c r="H411002" s="12"/>
    </row>
    <row r="411003" spans="8:8">
      <c r="H411003" s="12"/>
    </row>
    <row r="411004" spans="8:8">
      <c r="H411004" s="12"/>
    </row>
    <row r="411005" spans="8:8">
      <c r="H411005" s="12"/>
    </row>
    <row r="411006" spans="8:8">
      <c r="H411006" s="12"/>
    </row>
    <row r="411007" spans="8:8">
      <c r="H411007" s="12"/>
    </row>
    <row r="411008" spans="8:8">
      <c r="H411008" s="12"/>
    </row>
    <row r="411009" spans="8:8">
      <c r="H411009" s="12"/>
    </row>
    <row r="411010" spans="8:8">
      <c r="H411010" s="12"/>
    </row>
    <row r="411011" spans="8:8">
      <c r="H411011" s="12"/>
    </row>
    <row r="411012" spans="8:8">
      <c r="H411012" s="12"/>
    </row>
    <row r="411013" spans="8:8">
      <c r="H411013" s="12"/>
    </row>
    <row r="411014" spans="8:8">
      <c r="H411014" s="12"/>
    </row>
    <row r="411015" spans="8:8">
      <c r="H411015" s="12"/>
    </row>
    <row r="411016" spans="8:8">
      <c r="H411016" s="12"/>
    </row>
    <row r="411017" spans="8:8">
      <c r="H411017" s="12"/>
    </row>
    <row r="411018" spans="8:8">
      <c r="H411018" s="12"/>
    </row>
    <row r="411019" spans="8:8">
      <c r="H411019" s="12"/>
    </row>
    <row r="411020" spans="8:8">
      <c r="H411020" s="12"/>
    </row>
    <row r="411021" spans="8:8">
      <c r="H411021" s="12"/>
    </row>
    <row r="411022" spans="8:8">
      <c r="H411022" s="12"/>
    </row>
    <row r="411023" spans="8:8">
      <c r="H411023" s="12"/>
    </row>
    <row r="411024" spans="8:8">
      <c r="H411024" s="12"/>
    </row>
    <row r="411025" spans="8:8">
      <c r="H411025" s="12"/>
    </row>
    <row r="411026" spans="8:8">
      <c r="H411026" s="12"/>
    </row>
    <row r="411027" spans="8:8">
      <c r="H411027" s="12"/>
    </row>
    <row r="411028" spans="8:8">
      <c r="H411028" s="12"/>
    </row>
    <row r="411029" spans="8:8">
      <c r="H411029" s="12"/>
    </row>
    <row r="411030" spans="8:8">
      <c r="H411030" s="12"/>
    </row>
    <row r="411031" spans="8:8">
      <c r="H411031" s="12"/>
    </row>
    <row r="411032" spans="8:8">
      <c r="H411032" s="12"/>
    </row>
    <row r="411033" spans="8:8">
      <c r="H411033" s="12"/>
    </row>
    <row r="411034" spans="8:8">
      <c r="H411034" s="12"/>
    </row>
    <row r="411035" spans="8:8">
      <c r="H411035" s="12"/>
    </row>
    <row r="411036" spans="8:8">
      <c r="H411036" s="12"/>
    </row>
    <row r="411037" spans="8:8">
      <c r="H411037" s="12"/>
    </row>
    <row r="411038" spans="8:8">
      <c r="H411038" s="12"/>
    </row>
    <row r="411039" spans="8:8">
      <c r="H411039" s="12"/>
    </row>
    <row r="411040" spans="8:8">
      <c r="H411040" s="12"/>
    </row>
    <row r="411041" spans="8:8">
      <c r="H411041" s="12"/>
    </row>
    <row r="411042" spans="8:8">
      <c r="H411042" s="12"/>
    </row>
    <row r="411043" spans="8:8">
      <c r="H411043" s="12"/>
    </row>
    <row r="411044" spans="8:8">
      <c r="H411044" s="12"/>
    </row>
    <row r="411045" spans="8:8">
      <c r="H411045" s="12"/>
    </row>
    <row r="411046" spans="8:8">
      <c r="H411046" s="12"/>
    </row>
    <row r="411047" spans="8:8">
      <c r="H411047" s="12"/>
    </row>
    <row r="411048" spans="8:8">
      <c r="H411048" s="12"/>
    </row>
    <row r="411049" spans="8:8">
      <c r="H411049" s="12"/>
    </row>
    <row r="411050" spans="8:8">
      <c r="H411050" s="12"/>
    </row>
    <row r="411051" spans="8:8">
      <c r="H411051" s="12"/>
    </row>
    <row r="411052" spans="8:8">
      <c r="H411052" s="12"/>
    </row>
    <row r="411053" spans="8:8">
      <c r="H411053" s="12"/>
    </row>
    <row r="411054" spans="8:8">
      <c r="H411054" s="12"/>
    </row>
    <row r="411055" spans="8:8">
      <c r="H411055" s="12"/>
    </row>
    <row r="411056" spans="8:8">
      <c r="H411056" s="12"/>
    </row>
    <row r="411057" spans="8:8">
      <c r="H411057" s="12"/>
    </row>
    <row r="411058" spans="8:8">
      <c r="H411058" s="12"/>
    </row>
    <row r="411059" spans="8:8">
      <c r="H411059" s="12"/>
    </row>
    <row r="411060" spans="8:8">
      <c r="H411060" s="12"/>
    </row>
    <row r="411061" spans="8:8">
      <c r="H411061" s="12"/>
    </row>
    <row r="411062" spans="8:8">
      <c r="H411062" s="12"/>
    </row>
    <row r="411063" spans="8:8">
      <c r="H411063" s="12"/>
    </row>
    <row r="411064" spans="8:8">
      <c r="H411064" s="12"/>
    </row>
    <row r="411065" spans="8:8">
      <c r="H411065" s="12"/>
    </row>
    <row r="411066" spans="8:8">
      <c r="H411066" s="12"/>
    </row>
    <row r="411067" spans="8:8">
      <c r="H411067" s="12"/>
    </row>
    <row r="411068" spans="8:8">
      <c r="H411068" s="12"/>
    </row>
    <row r="411069" spans="8:8">
      <c r="H411069" s="12"/>
    </row>
    <row r="411070" spans="8:8">
      <c r="H411070" s="12"/>
    </row>
    <row r="411071" spans="8:8">
      <c r="H411071" s="12"/>
    </row>
    <row r="411072" spans="8:8">
      <c r="H411072" s="12"/>
    </row>
    <row r="411073" spans="8:8">
      <c r="H411073" s="12"/>
    </row>
    <row r="411074" spans="8:8">
      <c r="H411074" s="12"/>
    </row>
    <row r="411075" spans="8:8">
      <c r="H411075" s="12"/>
    </row>
    <row r="411076" spans="8:8">
      <c r="H411076" s="12"/>
    </row>
    <row r="411077" spans="8:8">
      <c r="H411077" s="12"/>
    </row>
    <row r="411078" spans="8:8">
      <c r="H411078" s="12"/>
    </row>
    <row r="411079" spans="8:8">
      <c r="H411079" s="12"/>
    </row>
    <row r="411080" spans="8:8">
      <c r="H411080" s="12"/>
    </row>
    <row r="411081" spans="8:8">
      <c r="H411081" s="12"/>
    </row>
    <row r="411082" spans="8:8">
      <c r="H411082" s="12"/>
    </row>
    <row r="411083" spans="8:8">
      <c r="H411083" s="12"/>
    </row>
    <row r="411084" spans="8:8">
      <c r="H411084" s="12"/>
    </row>
    <row r="411085" spans="8:8">
      <c r="H411085" s="12"/>
    </row>
    <row r="411086" spans="8:8">
      <c r="H411086" s="12"/>
    </row>
    <row r="411087" spans="8:8">
      <c r="H411087" s="12"/>
    </row>
    <row r="411088" spans="8:8">
      <c r="H411088" s="12"/>
    </row>
    <row r="411089" spans="8:8">
      <c r="H411089" s="12"/>
    </row>
    <row r="411090" spans="8:8">
      <c r="H411090" s="12"/>
    </row>
    <row r="411091" spans="8:8">
      <c r="H411091" s="12"/>
    </row>
    <row r="411092" spans="8:8">
      <c r="H411092" s="12"/>
    </row>
    <row r="411093" spans="8:8">
      <c r="H411093" s="12"/>
    </row>
    <row r="411094" spans="8:8">
      <c r="H411094" s="12"/>
    </row>
    <row r="411095" spans="8:8">
      <c r="H411095" s="12"/>
    </row>
    <row r="411096" spans="8:8">
      <c r="H411096" s="12"/>
    </row>
    <row r="411097" spans="8:8">
      <c r="H411097" s="12"/>
    </row>
    <row r="411098" spans="8:8">
      <c r="H411098" s="12"/>
    </row>
    <row r="411099" spans="8:8">
      <c r="H411099" s="12"/>
    </row>
    <row r="411100" spans="8:8">
      <c r="H411100" s="12"/>
    </row>
    <row r="411101" spans="8:8">
      <c r="H411101" s="12"/>
    </row>
    <row r="411102" spans="8:8">
      <c r="H411102" s="12"/>
    </row>
    <row r="411103" spans="8:8">
      <c r="H411103" s="12"/>
    </row>
    <row r="411104" spans="8:8">
      <c r="H411104" s="12"/>
    </row>
    <row r="411105" spans="8:8">
      <c r="H411105" s="12"/>
    </row>
    <row r="411106" spans="8:8">
      <c r="H411106" s="12"/>
    </row>
    <row r="411107" spans="8:8">
      <c r="H411107" s="12"/>
    </row>
    <row r="411108" spans="8:8">
      <c r="H411108" s="12"/>
    </row>
    <row r="411109" spans="8:8">
      <c r="H411109" s="12"/>
    </row>
    <row r="411110" spans="8:8">
      <c r="H411110" s="12"/>
    </row>
    <row r="411111" spans="8:8">
      <c r="H411111" s="12"/>
    </row>
    <row r="411112" spans="8:8">
      <c r="H411112" s="12"/>
    </row>
    <row r="411113" spans="8:8">
      <c r="H411113" s="12"/>
    </row>
    <row r="411114" spans="8:8">
      <c r="H411114" s="12"/>
    </row>
    <row r="411115" spans="8:8">
      <c r="H411115" s="12"/>
    </row>
    <row r="411116" spans="8:8">
      <c r="H411116" s="12"/>
    </row>
    <row r="411117" spans="8:8">
      <c r="H411117" s="12"/>
    </row>
    <row r="411118" spans="8:8">
      <c r="H411118" s="12"/>
    </row>
    <row r="411119" spans="8:8">
      <c r="H411119" s="12"/>
    </row>
    <row r="411120" spans="8:8">
      <c r="H411120" s="12"/>
    </row>
    <row r="411121" spans="8:8">
      <c r="H411121" s="12"/>
    </row>
    <row r="411122" spans="8:8">
      <c r="H411122" s="12"/>
    </row>
    <row r="411123" spans="8:8">
      <c r="H411123" s="12"/>
    </row>
    <row r="411124" spans="8:8">
      <c r="H411124" s="12"/>
    </row>
    <row r="411125" spans="8:8">
      <c r="H411125" s="12"/>
    </row>
    <row r="411126" spans="8:8">
      <c r="H411126" s="12"/>
    </row>
    <row r="411127" spans="8:8">
      <c r="H411127" s="12"/>
    </row>
    <row r="411128" spans="8:8">
      <c r="H411128" s="12"/>
    </row>
    <row r="411129" spans="8:8">
      <c r="H411129" s="12"/>
    </row>
    <row r="411130" spans="8:8">
      <c r="H411130" s="12"/>
    </row>
    <row r="411131" spans="8:8">
      <c r="H411131" s="12"/>
    </row>
    <row r="411132" spans="8:8">
      <c r="H411132" s="12"/>
    </row>
    <row r="411133" spans="8:8">
      <c r="H411133" s="12"/>
    </row>
    <row r="411134" spans="8:8">
      <c r="H411134" s="12"/>
    </row>
    <row r="411135" spans="8:8">
      <c r="H411135" s="12"/>
    </row>
    <row r="411136" spans="8:8">
      <c r="H411136" s="12"/>
    </row>
    <row r="411137" spans="8:8">
      <c r="H411137" s="12"/>
    </row>
    <row r="411138" spans="8:8">
      <c r="H411138" s="12"/>
    </row>
    <row r="411139" spans="8:8">
      <c r="H411139" s="12"/>
    </row>
    <row r="411140" spans="8:8">
      <c r="H411140" s="12"/>
    </row>
    <row r="411141" spans="8:8">
      <c r="H411141" s="12"/>
    </row>
    <row r="411142" spans="8:8">
      <c r="H411142" s="12"/>
    </row>
    <row r="411143" spans="8:8">
      <c r="H411143" s="12"/>
    </row>
    <row r="411144" spans="8:8">
      <c r="H411144" s="12"/>
    </row>
    <row r="411145" spans="8:8">
      <c r="H411145" s="12"/>
    </row>
    <row r="411146" spans="8:8">
      <c r="H411146" s="12"/>
    </row>
    <row r="411147" spans="8:8">
      <c r="H411147" s="12"/>
    </row>
    <row r="411148" spans="8:8">
      <c r="H411148" s="12"/>
    </row>
    <row r="411149" spans="8:8">
      <c r="H411149" s="12"/>
    </row>
    <row r="411150" spans="8:8">
      <c r="H411150" s="12"/>
    </row>
    <row r="411151" spans="8:8">
      <c r="H411151" s="12"/>
    </row>
    <row r="411152" spans="8:8">
      <c r="H411152" s="12"/>
    </row>
    <row r="411153" spans="8:8">
      <c r="H411153" s="12"/>
    </row>
    <row r="411154" spans="8:8">
      <c r="H411154" s="12"/>
    </row>
    <row r="411155" spans="8:8">
      <c r="H411155" s="12"/>
    </row>
    <row r="411156" spans="8:8">
      <c r="H411156" s="12"/>
    </row>
    <row r="411157" spans="8:8">
      <c r="H411157" s="12"/>
    </row>
    <row r="411158" spans="8:8">
      <c r="H411158" s="12"/>
    </row>
    <row r="411159" spans="8:8">
      <c r="H411159" s="12"/>
    </row>
    <row r="411160" spans="8:8">
      <c r="H411160" s="12"/>
    </row>
    <row r="411161" spans="8:8">
      <c r="H411161" s="12"/>
    </row>
    <row r="411162" spans="8:8">
      <c r="H411162" s="12"/>
    </row>
    <row r="411163" spans="8:8">
      <c r="H411163" s="12"/>
    </row>
    <row r="411164" spans="8:8">
      <c r="H411164" s="12"/>
    </row>
    <row r="411165" spans="8:8">
      <c r="H411165" s="12"/>
    </row>
    <row r="411166" spans="8:8">
      <c r="H411166" s="12"/>
    </row>
    <row r="411167" spans="8:8">
      <c r="H411167" s="12"/>
    </row>
    <row r="411168" spans="8:8">
      <c r="H411168" s="12"/>
    </row>
    <row r="411169" spans="8:8">
      <c r="H411169" s="12"/>
    </row>
    <row r="411170" spans="8:8">
      <c r="H411170" s="12"/>
    </row>
    <row r="411171" spans="8:8">
      <c r="H411171" s="12"/>
    </row>
    <row r="411172" spans="8:8">
      <c r="H411172" s="12"/>
    </row>
    <row r="411173" spans="8:8">
      <c r="H411173" s="12"/>
    </row>
    <row r="411174" spans="8:8">
      <c r="H411174" s="12"/>
    </row>
    <row r="411175" spans="8:8">
      <c r="H411175" s="12"/>
    </row>
    <row r="411176" spans="8:8">
      <c r="H411176" s="12"/>
    </row>
    <row r="411177" spans="8:8">
      <c r="H411177" s="12"/>
    </row>
    <row r="411178" spans="8:8">
      <c r="H411178" s="12"/>
    </row>
    <row r="411179" spans="8:8">
      <c r="H411179" s="12"/>
    </row>
    <row r="411180" spans="8:8">
      <c r="H411180" s="12"/>
    </row>
    <row r="411181" spans="8:8">
      <c r="H411181" s="12"/>
    </row>
    <row r="411182" spans="8:8">
      <c r="H411182" s="12"/>
    </row>
    <row r="411183" spans="8:8">
      <c r="H411183" s="12"/>
    </row>
    <row r="411184" spans="8:8">
      <c r="H411184" s="12"/>
    </row>
    <row r="411185" spans="8:8">
      <c r="H411185" s="12"/>
    </row>
    <row r="411186" spans="8:8">
      <c r="H411186" s="12"/>
    </row>
    <row r="411187" spans="8:8">
      <c r="H411187" s="12"/>
    </row>
    <row r="411188" spans="8:8">
      <c r="H411188" s="12"/>
    </row>
    <row r="411189" spans="8:8">
      <c r="H411189" s="12"/>
    </row>
    <row r="411190" spans="8:8">
      <c r="H411190" s="12"/>
    </row>
    <row r="411191" spans="8:8">
      <c r="H411191" s="12"/>
    </row>
    <row r="411192" spans="8:8">
      <c r="H411192" s="12"/>
    </row>
    <row r="411193" spans="8:8">
      <c r="H411193" s="12"/>
    </row>
    <row r="411194" spans="8:8">
      <c r="H411194" s="12"/>
    </row>
    <row r="411195" spans="8:8">
      <c r="H411195" s="12"/>
    </row>
    <row r="411196" spans="8:8">
      <c r="H411196" s="12"/>
    </row>
    <row r="411197" spans="8:8">
      <c r="H411197" s="12"/>
    </row>
    <row r="411198" spans="8:8">
      <c r="H411198" s="12"/>
    </row>
    <row r="411199" spans="8:8">
      <c r="H411199" s="12"/>
    </row>
    <row r="411200" spans="8:8">
      <c r="H411200" s="12"/>
    </row>
    <row r="411201" spans="8:8">
      <c r="H411201" s="12"/>
    </row>
    <row r="411202" spans="8:8">
      <c r="H411202" s="12"/>
    </row>
    <row r="411203" spans="8:8">
      <c r="H411203" s="12"/>
    </row>
    <row r="411204" spans="8:8">
      <c r="H411204" s="12"/>
    </row>
    <row r="411205" spans="8:8">
      <c r="H411205" s="12"/>
    </row>
    <row r="411206" spans="8:8">
      <c r="H411206" s="12"/>
    </row>
    <row r="411207" spans="8:8">
      <c r="H411207" s="12"/>
    </row>
    <row r="411208" spans="8:8">
      <c r="H411208" s="12"/>
    </row>
    <row r="411209" spans="8:8">
      <c r="H411209" s="12"/>
    </row>
    <row r="411210" spans="8:8">
      <c r="H411210" s="12"/>
    </row>
    <row r="411211" spans="8:8">
      <c r="H411211" s="12"/>
    </row>
    <row r="411212" spans="8:8">
      <c r="H411212" s="12"/>
    </row>
    <row r="411213" spans="8:8">
      <c r="H411213" s="12"/>
    </row>
    <row r="411214" spans="8:8">
      <c r="H411214" s="12"/>
    </row>
    <row r="411215" spans="8:8">
      <c r="H411215" s="12"/>
    </row>
    <row r="411216" spans="8:8">
      <c r="H411216" s="12"/>
    </row>
    <row r="411217" spans="8:8">
      <c r="H411217" s="12"/>
    </row>
    <row r="411218" spans="8:8">
      <c r="H411218" s="12"/>
    </row>
    <row r="411219" spans="8:8">
      <c r="H411219" s="12"/>
    </row>
    <row r="411220" spans="8:8">
      <c r="H411220" s="12"/>
    </row>
    <row r="411221" spans="8:8">
      <c r="H411221" s="12"/>
    </row>
    <row r="411222" spans="8:8">
      <c r="H411222" s="12"/>
    </row>
    <row r="411223" spans="8:8">
      <c r="H411223" s="12"/>
    </row>
    <row r="411224" spans="8:8">
      <c r="H411224" s="12"/>
    </row>
    <row r="411225" spans="8:8">
      <c r="H411225" s="12"/>
    </row>
    <row r="411226" spans="8:8">
      <c r="H411226" s="12"/>
    </row>
    <row r="411227" spans="8:8">
      <c r="H411227" s="12"/>
    </row>
    <row r="411228" spans="8:8">
      <c r="H411228" s="12"/>
    </row>
    <row r="411229" spans="8:8">
      <c r="H411229" s="12"/>
    </row>
    <row r="411230" spans="8:8">
      <c r="H411230" s="12"/>
    </row>
    <row r="411231" spans="8:8">
      <c r="H411231" s="12"/>
    </row>
    <row r="411232" spans="8:8">
      <c r="H411232" s="12"/>
    </row>
    <row r="411233" spans="8:8">
      <c r="H411233" s="12"/>
    </row>
    <row r="411234" spans="8:8">
      <c r="H411234" s="12"/>
    </row>
    <row r="411235" spans="8:8">
      <c r="H411235" s="12"/>
    </row>
    <row r="411236" spans="8:8">
      <c r="H411236" s="12"/>
    </row>
    <row r="411237" spans="8:8">
      <c r="H411237" s="12"/>
    </row>
    <row r="411238" spans="8:8">
      <c r="H411238" s="12"/>
    </row>
    <row r="411239" spans="8:8">
      <c r="H411239" s="12"/>
    </row>
    <row r="411240" spans="8:8">
      <c r="H411240" s="12"/>
    </row>
    <row r="411241" spans="8:8">
      <c r="H411241" s="12"/>
    </row>
    <row r="411242" spans="8:8">
      <c r="H411242" s="12"/>
    </row>
    <row r="411243" spans="8:8">
      <c r="H411243" s="12"/>
    </row>
    <row r="411244" spans="8:8">
      <c r="H411244" s="12"/>
    </row>
    <row r="411245" spans="8:8">
      <c r="H411245" s="12"/>
    </row>
    <row r="411246" spans="8:8">
      <c r="H411246" s="12"/>
    </row>
    <row r="411247" spans="8:8">
      <c r="H411247" s="12"/>
    </row>
    <row r="411248" spans="8:8">
      <c r="H411248" s="12"/>
    </row>
    <row r="411249" spans="8:8">
      <c r="H411249" s="12"/>
    </row>
    <row r="411250" spans="8:8">
      <c r="H411250" s="12"/>
    </row>
    <row r="411251" spans="8:8">
      <c r="H411251" s="12"/>
    </row>
    <row r="411252" spans="8:8">
      <c r="H411252" s="12"/>
    </row>
    <row r="411253" spans="8:8">
      <c r="H411253" s="12"/>
    </row>
    <row r="411254" spans="8:8">
      <c r="H411254" s="12"/>
    </row>
    <row r="411255" spans="8:8">
      <c r="H411255" s="12"/>
    </row>
    <row r="411256" spans="8:8">
      <c r="H411256" s="12"/>
    </row>
    <row r="411257" spans="8:8">
      <c r="H411257" s="12"/>
    </row>
    <row r="411258" spans="8:8">
      <c r="H411258" s="12"/>
    </row>
    <row r="411259" spans="8:8">
      <c r="H411259" s="12"/>
    </row>
    <row r="411260" spans="8:8">
      <c r="H411260" s="12"/>
    </row>
    <row r="411261" spans="8:8">
      <c r="H411261" s="12"/>
    </row>
    <row r="411262" spans="8:8">
      <c r="H411262" s="12"/>
    </row>
    <row r="411263" spans="8:8">
      <c r="H411263" s="12"/>
    </row>
    <row r="411264" spans="8:8">
      <c r="H411264" s="12"/>
    </row>
    <row r="411265" spans="8:8">
      <c r="H411265" s="12"/>
    </row>
    <row r="411266" spans="8:8">
      <c r="H411266" s="12"/>
    </row>
    <row r="411267" spans="8:8">
      <c r="H411267" s="12"/>
    </row>
    <row r="411268" spans="8:8">
      <c r="H411268" s="12"/>
    </row>
    <row r="411269" spans="8:8">
      <c r="H411269" s="12"/>
    </row>
    <row r="411270" spans="8:8">
      <c r="H411270" s="12"/>
    </row>
    <row r="411271" spans="8:8">
      <c r="H411271" s="12"/>
    </row>
    <row r="411272" spans="8:8">
      <c r="H411272" s="12"/>
    </row>
    <row r="411273" spans="8:8">
      <c r="H411273" s="12"/>
    </row>
    <row r="411274" spans="8:8">
      <c r="H411274" s="12"/>
    </row>
    <row r="411275" spans="8:8">
      <c r="H411275" s="12"/>
    </row>
    <row r="411276" spans="8:8">
      <c r="H411276" s="12"/>
    </row>
    <row r="411277" spans="8:8">
      <c r="H411277" s="12"/>
    </row>
    <row r="411278" spans="8:8">
      <c r="H411278" s="12"/>
    </row>
    <row r="411279" spans="8:8">
      <c r="H411279" s="12"/>
    </row>
    <row r="411280" spans="8:8">
      <c r="H411280" s="12"/>
    </row>
    <row r="411281" spans="8:8">
      <c r="H411281" s="12"/>
    </row>
    <row r="411282" spans="8:8">
      <c r="H411282" s="12"/>
    </row>
    <row r="411283" spans="8:8">
      <c r="H411283" s="12"/>
    </row>
    <row r="411284" spans="8:8">
      <c r="H411284" s="12"/>
    </row>
    <row r="411285" spans="8:8">
      <c r="H411285" s="12"/>
    </row>
    <row r="411286" spans="8:8">
      <c r="H411286" s="12"/>
    </row>
    <row r="411287" spans="8:8">
      <c r="H411287" s="12"/>
    </row>
    <row r="411288" spans="8:8">
      <c r="H411288" s="12"/>
    </row>
    <row r="411289" spans="8:8">
      <c r="H411289" s="12"/>
    </row>
    <row r="411290" spans="8:8">
      <c r="H411290" s="12"/>
    </row>
    <row r="411291" spans="8:8">
      <c r="H411291" s="12"/>
    </row>
    <row r="411292" spans="8:8">
      <c r="H411292" s="12"/>
    </row>
    <row r="411293" spans="8:8">
      <c r="H411293" s="12"/>
    </row>
    <row r="411294" spans="8:8">
      <c r="H411294" s="12"/>
    </row>
    <row r="411295" spans="8:8">
      <c r="H411295" s="12"/>
    </row>
    <row r="411296" spans="8:8">
      <c r="H411296" s="12"/>
    </row>
    <row r="411297" spans="8:8">
      <c r="H411297" s="12"/>
    </row>
    <row r="411298" spans="8:8">
      <c r="H411298" s="12"/>
    </row>
    <row r="411299" spans="8:8">
      <c r="H411299" s="12"/>
    </row>
    <row r="411300" spans="8:8">
      <c r="H411300" s="12"/>
    </row>
    <row r="411301" spans="8:8">
      <c r="H411301" s="12"/>
    </row>
    <row r="411302" spans="8:8">
      <c r="H411302" s="12"/>
    </row>
    <row r="411303" spans="8:8">
      <c r="H411303" s="12"/>
    </row>
    <row r="411304" spans="8:8">
      <c r="H411304" s="12"/>
    </row>
    <row r="411305" spans="8:8">
      <c r="H411305" s="12"/>
    </row>
    <row r="411306" spans="8:8">
      <c r="H411306" s="12"/>
    </row>
    <row r="411307" spans="8:8">
      <c r="H411307" s="12"/>
    </row>
    <row r="411308" spans="8:8">
      <c r="H411308" s="12"/>
    </row>
    <row r="411309" spans="8:8">
      <c r="H411309" s="12"/>
    </row>
    <row r="411310" spans="8:8">
      <c r="H411310" s="12"/>
    </row>
    <row r="411311" spans="8:8">
      <c r="H411311" s="12"/>
    </row>
    <row r="411312" spans="8:8">
      <c r="H411312" s="12"/>
    </row>
    <row r="411313" spans="8:8">
      <c r="H411313" s="12"/>
    </row>
    <row r="411314" spans="8:8">
      <c r="H411314" s="12"/>
    </row>
    <row r="411315" spans="8:8">
      <c r="H411315" s="12"/>
    </row>
    <row r="411316" spans="8:8">
      <c r="H411316" s="12"/>
    </row>
    <row r="411317" spans="8:8">
      <c r="H411317" s="12"/>
    </row>
    <row r="411318" spans="8:8">
      <c r="H411318" s="12"/>
    </row>
    <row r="411319" spans="8:8">
      <c r="H411319" s="12"/>
    </row>
    <row r="411320" spans="8:8">
      <c r="H411320" s="12"/>
    </row>
    <row r="411321" spans="8:8">
      <c r="H411321" s="12"/>
    </row>
    <row r="411322" spans="8:8">
      <c r="H411322" s="12"/>
    </row>
    <row r="411323" spans="8:8">
      <c r="H411323" s="12"/>
    </row>
    <row r="411324" spans="8:8">
      <c r="H411324" s="12"/>
    </row>
    <row r="411325" spans="8:8">
      <c r="H411325" s="12"/>
    </row>
    <row r="411326" spans="8:8">
      <c r="H411326" s="12"/>
    </row>
    <row r="411327" spans="8:8">
      <c r="H411327" s="12"/>
    </row>
    <row r="411328" spans="8:8">
      <c r="H411328" s="12"/>
    </row>
    <row r="411329" spans="8:8">
      <c r="H411329" s="12"/>
    </row>
    <row r="411330" spans="8:8">
      <c r="H411330" s="12"/>
    </row>
    <row r="411331" spans="8:8">
      <c r="H411331" s="12"/>
    </row>
    <row r="411332" spans="8:8">
      <c r="H411332" s="12"/>
    </row>
    <row r="411333" spans="8:8">
      <c r="H411333" s="12"/>
    </row>
    <row r="411334" spans="8:8">
      <c r="H411334" s="12"/>
    </row>
    <row r="411335" spans="8:8">
      <c r="H411335" s="12"/>
    </row>
    <row r="411336" spans="8:8">
      <c r="H411336" s="12"/>
    </row>
    <row r="411337" spans="8:8">
      <c r="H411337" s="12"/>
    </row>
    <row r="411338" spans="8:8">
      <c r="H411338" s="12"/>
    </row>
    <row r="411339" spans="8:8">
      <c r="H411339" s="12"/>
    </row>
    <row r="411340" spans="8:8">
      <c r="H411340" s="12"/>
    </row>
    <row r="411341" spans="8:8">
      <c r="H411341" s="12"/>
    </row>
    <row r="411342" spans="8:8">
      <c r="H411342" s="12"/>
    </row>
    <row r="411343" spans="8:8">
      <c r="H411343" s="12"/>
    </row>
    <row r="411344" spans="8:8">
      <c r="H411344" s="12"/>
    </row>
    <row r="411345" spans="8:8">
      <c r="H411345" s="12"/>
    </row>
    <row r="411346" spans="8:8">
      <c r="H411346" s="12"/>
    </row>
    <row r="411347" spans="8:8">
      <c r="H411347" s="12"/>
    </row>
    <row r="411348" spans="8:8">
      <c r="H411348" s="12"/>
    </row>
    <row r="411349" spans="8:8">
      <c r="H411349" s="12"/>
    </row>
    <row r="411350" spans="8:8">
      <c r="H411350" s="12"/>
    </row>
    <row r="411351" spans="8:8">
      <c r="H411351" s="12"/>
    </row>
    <row r="411352" spans="8:8">
      <c r="H411352" s="12"/>
    </row>
    <row r="411353" spans="8:8">
      <c r="H411353" s="12"/>
    </row>
    <row r="411354" spans="8:8">
      <c r="H411354" s="12"/>
    </row>
    <row r="411355" spans="8:8">
      <c r="H411355" s="12"/>
    </row>
    <row r="411356" spans="8:8">
      <c r="H411356" s="12"/>
    </row>
    <row r="411357" spans="8:8">
      <c r="H411357" s="12"/>
    </row>
    <row r="411358" spans="8:8">
      <c r="H411358" s="12"/>
    </row>
    <row r="411359" spans="8:8">
      <c r="H411359" s="12"/>
    </row>
    <row r="411360" spans="8:8">
      <c r="H411360" s="12"/>
    </row>
    <row r="411361" spans="8:8">
      <c r="H411361" s="12"/>
    </row>
    <row r="411362" spans="8:8">
      <c r="H411362" s="12"/>
    </row>
    <row r="411363" spans="8:8">
      <c r="H411363" s="12"/>
    </row>
    <row r="411364" spans="8:8">
      <c r="H411364" s="12"/>
    </row>
    <row r="411365" spans="8:8">
      <c r="H411365" s="12"/>
    </row>
    <row r="411366" spans="8:8">
      <c r="H411366" s="12"/>
    </row>
    <row r="411367" spans="8:8">
      <c r="H411367" s="12"/>
    </row>
    <row r="411368" spans="8:8">
      <c r="H411368" s="12"/>
    </row>
    <row r="411369" spans="8:8">
      <c r="H411369" s="12"/>
    </row>
    <row r="411370" spans="8:8">
      <c r="H411370" s="12"/>
    </row>
    <row r="411371" spans="8:8">
      <c r="H411371" s="12"/>
    </row>
    <row r="411372" spans="8:8">
      <c r="H411372" s="12"/>
    </row>
    <row r="411373" spans="8:8">
      <c r="H411373" s="12"/>
    </row>
    <row r="411374" spans="8:8">
      <c r="H411374" s="12"/>
    </row>
    <row r="411375" spans="8:8">
      <c r="H411375" s="12"/>
    </row>
    <row r="411376" spans="8:8">
      <c r="H411376" s="12"/>
    </row>
    <row r="411377" spans="8:8">
      <c r="H411377" s="12"/>
    </row>
    <row r="411378" spans="8:8">
      <c r="H411378" s="12"/>
    </row>
    <row r="411379" spans="8:8">
      <c r="H411379" s="12"/>
    </row>
    <row r="411380" spans="8:8">
      <c r="H411380" s="12"/>
    </row>
    <row r="411381" spans="8:8">
      <c r="H411381" s="12"/>
    </row>
    <row r="411382" spans="8:8">
      <c r="H411382" s="12"/>
    </row>
    <row r="411383" spans="8:8">
      <c r="H411383" s="12"/>
    </row>
    <row r="411384" spans="8:8">
      <c r="H411384" s="12"/>
    </row>
    <row r="411385" spans="8:8">
      <c r="H411385" s="12"/>
    </row>
    <row r="411386" spans="8:8">
      <c r="H411386" s="12"/>
    </row>
    <row r="411387" spans="8:8">
      <c r="H411387" s="12"/>
    </row>
    <row r="411388" spans="8:8">
      <c r="H411388" s="12"/>
    </row>
    <row r="411389" spans="8:8">
      <c r="H411389" s="12"/>
    </row>
    <row r="411390" spans="8:8">
      <c r="H411390" s="12"/>
    </row>
    <row r="411391" spans="8:8">
      <c r="H411391" s="12"/>
    </row>
    <row r="411392" spans="8:8">
      <c r="H411392" s="12"/>
    </row>
    <row r="411393" spans="8:8">
      <c r="H411393" s="12"/>
    </row>
    <row r="411394" spans="8:8">
      <c r="H411394" s="12"/>
    </row>
    <row r="411395" spans="8:8">
      <c r="H411395" s="12"/>
    </row>
    <row r="411396" spans="8:8">
      <c r="H411396" s="12"/>
    </row>
    <row r="411397" spans="8:8">
      <c r="H411397" s="12"/>
    </row>
    <row r="411398" spans="8:8">
      <c r="H411398" s="12"/>
    </row>
    <row r="411399" spans="8:8">
      <c r="H411399" s="12"/>
    </row>
    <row r="411400" spans="8:8">
      <c r="H411400" s="12"/>
    </row>
    <row r="411401" spans="8:8">
      <c r="H411401" s="12"/>
    </row>
    <row r="411402" spans="8:8">
      <c r="H411402" s="12"/>
    </row>
    <row r="411403" spans="8:8">
      <c r="H411403" s="12"/>
    </row>
    <row r="411404" spans="8:8">
      <c r="H411404" s="12"/>
    </row>
    <row r="411405" spans="8:8">
      <c r="H411405" s="12"/>
    </row>
    <row r="411406" spans="8:8">
      <c r="H411406" s="12"/>
    </row>
    <row r="411407" spans="8:8">
      <c r="H411407" s="12"/>
    </row>
    <row r="411408" spans="8:8">
      <c r="H411408" s="12"/>
    </row>
    <row r="411409" spans="8:8">
      <c r="H411409" s="12"/>
    </row>
    <row r="411410" spans="8:8">
      <c r="H411410" s="12"/>
    </row>
    <row r="411411" spans="8:8">
      <c r="H411411" s="12"/>
    </row>
    <row r="411412" spans="8:8">
      <c r="H411412" s="12"/>
    </row>
    <row r="411413" spans="8:8">
      <c r="H411413" s="12"/>
    </row>
    <row r="411414" spans="8:8">
      <c r="H411414" s="12"/>
    </row>
    <row r="411415" spans="8:8">
      <c r="H411415" s="12"/>
    </row>
    <row r="411416" spans="8:8">
      <c r="H411416" s="12"/>
    </row>
    <row r="411417" spans="8:8">
      <c r="H411417" s="12"/>
    </row>
    <row r="411418" spans="8:8">
      <c r="H411418" s="12"/>
    </row>
    <row r="411419" spans="8:8">
      <c r="H411419" s="12"/>
    </row>
    <row r="411420" spans="8:8">
      <c r="H411420" s="12"/>
    </row>
    <row r="411421" spans="8:8">
      <c r="H411421" s="12"/>
    </row>
    <row r="411422" spans="8:8">
      <c r="H411422" s="12"/>
    </row>
    <row r="411423" spans="8:8">
      <c r="H411423" s="12"/>
    </row>
    <row r="411424" spans="8:8">
      <c r="H411424" s="12"/>
    </row>
    <row r="411425" spans="8:8">
      <c r="H411425" s="12"/>
    </row>
    <row r="411426" spans="8:8">
      <c r="H411426" s="12"/>
    </row>
    <row r="411427" spans="8:8">
      <c r="H411427" s="12"/>
    </row>
    <row r="411428" spans="8:8">
      <c r="H411428" s="12"/>
    </row>
    <row r="411429" spans="8:8">
      <c r="H411429" s="12"/>
    </row>
    <row r="411430" spans="8:8">
      <c r="H411430" s="12"/>
    </row>
    <row r="411431" spans="8:8">
      <c r="H411431" s="12"/>
    </row>
    <row r="411432" spans="8:8">
      <c r="H411432" s="12"/>
    </row>
    <row r="411433" spans="8:8">
      <c r="H411433" s="12"/>
    </row>
    <row r="411434" spans="8:8">
      <c r="H411434" s="12"/>
    </row>
    <row r="411435" spans="8:8">
      <c r="H411435" s="12"/>
    </row>
    <row r="411436" spans="8:8">
      <c r="H411436" s="12"/>
    </row>
    <row r="411437" spans="8:8">
      <c r="H411437" s="12"/>
    </row>
    <row r="411438" spans="8:8">
      <c r="H411438" s="12"/>
    </row>
    <row r="411439" spans="8:8">
      <c r="H411439" s="12"/>
    </row>
    <row r="411440" spans="8:8">
      <c r="H411440" s="12"/>
    </row>
    <row r="411441" spans="8:8">
      <c r="H411441" s="12"/>
    </row>
    <row r="411442" spans="8:8">
      <c r="H411442" s="12"/>
    </row>
    <row r="411443" spans="8:8">
      <c r="H411443" s="12"/>
    </row>
    <row r="411444" spans="8:8">
      <c r="H411444" s="12"/>
    </row>
    <row r="411445" spans="8:8">
      <c r="H411445" s="12"/>
    </row>
    <row r="411446" spans="8:8">
      <c r="H411446" s="12"/>
    </row>
    <row r="411447" spans="8:8">
      <c r="H411447" s="12"/>
    </row>
    <row r="411448" spans="8:8">
      <c r="H411448" s="12"/>
    </row>
    <row r="411449" spans="8:8">
      <c r="H411449" s="12"/>
    </row>
    <row r="411450" spans="8:8">
      <c r="H411450" s="12"/>
    </row>
    <row r="411451" spans="8:8">
      <c r="H411451" s="12"/>
    </row>
    <row r="411452" spans="8:8">
      <c r="H411452" s="12"/>
    </row>
    <row r="411453" spans="8:8">
      <c r="H411453" s="12"/>
    </row>
    <row r="411454" spans="8:8">
      <c r="H411454" s="12"/>
    </row>
    <row r="411455" spans="8:8">
      <c r="H411455" s="12"/>
    </row>
    <row r="411456" spans="8:8">
      <c r="H411456" s="12"/>
    </row>
    <row r="411457" spans="8:8">
      <c r="H411457" s="12"/>
    </row>
    <row r="411458" spans="8:8">
      <c r="H411458" s="12"/>
    </row>
    <row r="411459" spans="8:8">
      <c r="H411459" s="12"/>
    </row>
    <row r="411460" spans="8:8">
      <c r="H411460" s="12"/>
    </row>
    <row r="411461" spans="8:8">
      <c r="H411461" s="12"/>
    </row>
    <row r="411462" spans="8:8">
      <c r="H411462" s="12"/>
    </row>
    <row r="411463" spans="8:8">
      <c r="H411463" s="12"/>
    </row>
    <row r="411464" spans="8:8">
      <c r="H411464" s="12"/>
    </row>
    <row r="411465" spans="8:8">
      <c r="H411465" s="12"/>
    </row>
    <row r="411466" spans="8:8">
      <c r="H411466" s="12"/>
    </row>
    <row r="411467" spans="8:8">
      <c r="H411467" s="12"/>
    </row>
    <row r="411468" spans="8:8">
      <c r="H411468" s="12"/>
    </row>
    <row r="411469" spans="8:8">
      <c r="H411469" s="12"/>
    </row>
    <row r="411470" spans="8:8">
      <c r="H411470" s="12"/>
    </row>
    <row r="411471" spans="8:8">
      <c r="H411471" s="12"/>
    </row>
    <row r="411472" spans="8:8">
      <c r="H411472" s="12"/>
    </row>
    <row r="411473" spans="8:8">
      <c r="H411473" s="12"/>
    </row>
    <row r="411474" spans="8:8">
      <c r="H411474" s="12"/>
    </row>
    <row r="411475" spans="8:8">
      <c r="H411475" s="12"/>
    </row>
    <row r="411476" spans="8:8">
      <c r="H411476" s="12"/>
    </row>
    <row r="411477" spans="8:8">
      <c r="H411477" s="12"/>
    </row>
    <row r="411478" spans="8:8">
      <c r="H411478" s="12"/>
    </row>
    <row r="411479" spans="8:8">
      <c r="H411479" s="12"/>
    </row>
    <row r="411480" spans="8:8">
      <c r="H411480" s="12"/>
    </row>
    <row r="411481" spans="8:8">
      <c r="H411481" s="12"/>
    </row>
    <row r="411482" spans="8:8">
      <c r="H411482" s="12"/>
    </row>
    <row r="411483" spans="8:8">
      <c r="H411483" s="12"/>
    </row>
    <row r="411484" spans="8:8">
      <c r="H411484" s="12"/>
    </row>
    <row r="411485" spans="8:8">
      <c r="H411485" s="12"/>
    </row>
    <row r="411486" spans="8:8">
      <c r="H411486" s="12"/>
    </row>
    <row r="411487" spans="8:8">
      <c r="H411487" s="12"/>
    </row>
    <row r="411488" spans="8:8">
      <c r="H411488" s="12"/>
    </row>
    <row r="411489" spans="8:8">
      <c r="H411489" s="12"/>
    </row>
    <row r="411490" spans="8:8">
      <c r="H411490" s="12"/>
    </row>
    <row r="411491" spans="8:8">
      <c r="H411491" s="12"/>
    </row>
    <row r="411492" spans="8:8">
      <c r="H411492" s="12"/>
    </row>
    <row r="411493" spans="8:8">
      <c r="H411493" s="12"/>
    </row>
    <row r="411494" spans="8:8">
      <c r="H411494" s="12"/>
    </row>
    <row r="411495" spans="8:8">
      <c r="H411495" s="12"/>
    </row>
    <row r="411496" spans="8:8">
      <c r="H411496" s="12"/>
    </row>
    <row r="411497" spans="8:8">
      <c r="H411497" s="12"/>
    </row>
    <row r="411498" spans="8:8">
      <c r="H411498" s="12"/>
    </row>
    <row r="411499" spans="8:8">
      <c r="H411499" s="12"/>
    </row>
    <row r="411500" spans="8:8">
      <c r="H411500" s="12"/>
    </row>
    <row r="411501" spans="8:8">
      <c r="H411501" s="12"/>
    </row>
    <row r="411502" spans="8:8">
      <c r="H411502" s="12"/>
    </row>
    <row r="411503" spans="8:8">
      <c r="H411503" s="12"/>
    </row>
    <row r="411504" spans="8:8">
      <c r="H411504" s="12"/>
    </row>
    <row r="411505" spans="8:8">
      <c r="H411505" s="12"/>
    </row>
    <row r="411506" spans="8:8">
      <c r="H411506" s="12"/>
    </row>
    <row r="411507" spans="8:8">
      <c r="H411507" s="12"/>
    </row>
    <row r="411508" spans="8:8">
      <c r="H411508" s="12"/>
    </row>
    <row r="411509" spans="8:8">
      <c r="H411509" s="12"/>
    </row>
    <row r="411510" spans="8:8">
      <c r="H411510" s="12"/>
    </row>
    <row r="411511" spans="8:8">
      <c r="H411511" s="12"/>
    </row>
    <row r="411512" spans="8:8">
      <c r="H411512" s="12"/>
    </row>
    <row r="411513" spans="8:8">
      <c r="H411513" s="12"/>
    </row>
    <row r="411514" spans="8:8">
      <c r="H411514" s="12"/>
    </row>
    <row r="411515" spans="8:8">
      <c r="H411515" s="12"/>
    </row>
    <row r="411516" spans="8:8">
      <c r="H411516" s="12"/>
    </row>
    <row r="411517" spans="8:8">
      <c r="H411517" s="12"/>
    </row>
    <row r="411518" spans="8:8">
      <c r="H411518" s="12"/>
    </row>
    <row r="411519" spans="8:8">
      <c r="H411519" s="12"/>
    </row>
    <row r="411520" spans="8:8">
      <c r="H411520" s="12"/>
    </row>
    <row r="411521" spans="8:8">
      <c r="H411521" s="12"/>
    </row>
    <row r="411522" spans="8:8">
      <c r="H411522" s="12"/>
    </row>
    <row r="411523" spans="8:8">
      <c r="H411523" s="12"/>
    </row>
    <row r="411524" spans="8:8">
      <c r="H411524" s="12"/>
    </row>
    <row r="411525" spans="8:8">
      <c r="H411525" s="12"/>
    </row>
    <row r="411526" spans="8:8">
      <c r="H411526" s="12"/>
    </row>
    <row r="411527" spans="8:8">
      <c r="H411527" s="12"/>
    </row>
    <row r="411528" spans="8:8">
      <c r="H411528" s="12"/>
    </row>
    <row r="411529" spans="8:8">
      <c r="H411529" s="12"/>
    </row>
    <row r="411530" spans="8:8">
      <c r="H411530" s="12"/>
    </row>
    <row r="411531" spans="8:8">
      <c r="H411531" s="12"/>
    </row>
    <row r="411532" spans="8:8">
      <c r="H411532" s="12"/>
    </row>
    <row r="411533" spans="8:8">
      <c r="H411533" s="12"/>
    </row>
    <row r="411534" spans="8:8">
      <c r="H411534" s="12"/>
    </row>
    <row r="411535" spans="8:8">
      <c r="H411535" s="12"/>
    </row>
    <row r="411536" spans="8:8">
      <c r="H411536" s="12"/>
    </row>
    <row r="411537" spans="8:8">
      <c r="H411537" s="12"/>
    </row>
    <row r="411538" spans="8:8">
      <c r="H411538" s="12"/>
    </row>
    <row r="411539" spans="8:8">
      <c r="H411539" s="12"/>
    </row>
    <row r="411540" spans="8:8">
      <c r="H411540" s="12"/>
    </row>
    <row r="411541" spans="8:8">
      <c r="H411541" s="12"/>
    </row>
    <row r="411542" spans="8:8">
      <c r="H411542" s="12"/>
    </row>
    <row r="411543" spans="8:8">
      <c r="H411543" s="12"/>
    </row>
    <row r="411544" spans="8:8">
      <c r="H411544" s="12"/>
    </row>
    <row r="411545" spans="8:8">
      <c r="H411545" s="12"/>
    </row>
    <row r="411546" spans="8:8">
      <c r="H411546" s="12"/>
    </row>
    <row r="411547" spans="8:8">
      <c r="H411547" s="12"/>
    </row>
    <row r="411548" spans="8:8">
      <c r="H411548" s="12"/>
    </row>
    <row r="411549" spans="8:8">
      <c r="H411549" s="12"/>
    </row>
    <row r="411550" spans="8:8">
      <c r="H411550" s="12"/>
    </row>
    <row r="411551" spans="8:8">
      <c r="H411551" s="12"/>
    </row>
    <row r="411552" spans="8:8">
      <c r="H411552" s="12"/>
    </row>
    <row r="411553" spans="8:8">
      <c r="H411553" s="12"/>
    </row>
    <row r="411554" spans="8:8">
      <c r="H411554" s="12"/>
    </row>
    <row r="411555" spans="8:8">
      <c r="H411555" s="12"/>
    </row>
    <row r="411556" spans="8:8">
      <c r="H411556" s="12"/>
    </row>
    <row r="411557" spans="8:8">
      <c r="H411557" s="12"/>
    </row>
    <row r="411558" spans="8:8">
      <c r="H411558" s="12"/>
    </row>
    <row r="411559" spans="8:8">
      <c r="H411559" s="12"/>
    </row>
    <row r="411560" spans="8:8">
      <c r="H411560" s="12"/>
    </row>
    <row r="411561" spans="8:8">
      <c r="H411561" s="12"/>
    </row>
    <row r="411562" spans="8:8">
      <c r="H411562" s="12"/>
    </row>
    <row r="411563" spans="8:8">
      <c r="H411563" s="12"/>
    </row>
    <row r="411564" spans="8:8">
      <c r="H411564" s="12"/>
    </row>
    <row r="411565" spans="8:8">
      <c r="H411565" s="12"/>
    </row>
    <row r="411566" spans="8:8">
      <c r="H411566" s="12"/>
    </row>
    <row r="411567" spans="8:8">
      <c r="H411567" s="12"/>
    </row>
    <row r="411568" spans="8:8">
      <c r="H411568" s="12"/>
    </row>
    <row r="411569" spans="8:8">
      <c r="H411569" s="12"/>
    </row>
    <row r="411570" spans="8:8">
      <c r="H411570" s="12"/>
    </row>
    <row r="411571" spans="8:8">
      <c r="H411571" s="12"/>
    </row>
    <row r="411572" spans="8:8">
      <c r="H411572" s="12"/>
    </row>
    <row r="411573" spans="8:8">
      <c r="H411573" s="12"/>
    </row>
    <row r="411574" spans="8:8">
      <c r="H411574" s="12"/>
    </row>
    <row r="411575" spans="8:8">
      <c r="H411575" s="12"/>
    </row>
    <row r="411576" spans="8:8">
      <c r="H411576" s="12"/>
    </row>
    <row r="411577" spans="8:8">
      <c r="H411577" s="12"/>
    </row>
    <row r="411578" spans="8:8">
      <c r="H411578" s="12"/>
    </row>
    <row r="411579" spans="8:8">
      <c r="H411579" s="12"/>
    </row>
    <row r="411580" spans="8:8">
      <c r="H411580" s="12"/>
    </row>
    <row r="411581" spans="8:8">
      <c r="H411581" s="12"/>
    </row>
    <row r="411582" spans="8:8">
      <c r="H411582" s="12"/>
    </row>
    <row r="411583" spans="8:8">
      <c r="H411583" s="12"/>
    </row>
    <row r="411584" spans="8:8">
      <c r="H411584" s="12"/>
    </row>
    <row r="411585" spans="8:8">
      <c r="H411585" s="12"/>
    </row>
    <row r="411586" spans="8:8">
      <c r="H411586" s="12"/>
    </row>
    <row r="411587" spans="8:8">
      <c r="H411587" s="12"/>
    </row>
    <row r="411588" spans="8:8">
      <c r="H411588" s="12"/>
    </row>
    <row r="411589" spans="8:8">
      <c r="H411589" s="12"/>
    </row>
    <row r="411590" spans="8:8">
      <c r="H411590" s="12"/>
    </row>
    <row r="411591" spans="8:8">
      <c r="H411591" s="12"/>
    </row>
    <row r="411592" spans="8:8">
      <c r="H411592" s="12"/>
    </row>
    <row r="411593" spans="8:8">
      <c r="H411593" s="12"/>
    </row>
    <row r="411594" spans="8:8">
      <c r="H411594" s="12"/>
    </row>
    <row r="411595" spans="8:8">
      <c r="H411595" s="12"/>
    </row>
    <row r="411596" spans="8:8">
      <c r="H411596" s="12"/>
    </row>
    <row r="411597" spans="8:8">
      <c r="H411597" s="12"/>
    </row>
    <row r="411598" spans="8:8">
      <c r="H411598" s="12"/>
    </row>
    <row r="411599" spans="8:8">
      <c r="H411599" s="12"/>
    </row>
    <row r="411600" spans="8:8">
      <c r="H411600" s="12"/>
    </row>
    <row r="411601" spans="8:8">
      <c r="H411601" s="12"/>
    </row>
    <row r="411602" spans="8:8">
      <c r="H411602" s="12"/>
    </row>
    <row r="411603" spans="8:8">
      <c r="H411603" s="12"/>
    </row>
    <row r="411604" spans="8:8">
      <c r="H411604" s="12"/>
    </row>
    <row r="411605" spans="8:8">
      <c r="H411605" s="12"/>
    </row>
    <row r="411606" spans="8:8">
      <c r="H411606" s="12"/>
    </row>
    <row r="411607" spans="8:8">
      <c r="H411607" s="12"/>
    </row>
    <row r="411608" spans="8:8">
      <c r="H411608" s="12"/>
    </row>
    <row r="411609" spans="8:8">
      <c r="H411609" s="12"/>
    </row>
    <row r="411610" spans="8:8">
      <c r="H411610" s="12"/>
    </row>
    <row r="411611" spans="8:8">
      <c r="H411611" s="12"/>
    </row>
    <row r="411612" spans="8:8">
      <c r="H411612" s="12"/>
    </row>
    <row r="411613" spans="8:8">
      <c r="H411613" s="12"/>
    </row>
    <row r="411614" spans="8:8">
      <c r="H411614" s="12"/>
    </row>
    <row r="411615" spans="8:8">
      <c r="H411615" s="12"/>
    </row>
    <row r="411616" spans="8:8">
      <c r="H411616" s="12"/>
    </row>
    <row r="411617" spans="8:8">
      <c r="H411617" s="12"/>
    </row>
    <row r="411618" spans="8:8">
      <c r="H411618" s="12"/>
    </row>
    <row r="411619" spans="8:8">
      <c r="H411619" s="12"/>
    </row>
    <row r="411620" spans="8:8">
      <c r="H411620" s="12"/>
    </row>
    <row r="411621" spans="8:8">
      <c r="H411621" s="12"/>
    </row>
    <row r="411622" spans="8:8">
      <c r="H411622" s="12"/>
    </row>
    <row r="411623" spans="8:8">
      <c r="H411623" s="12"/>
    </row>
    <row r="411624" spans="8:8">
      <c r="H411624" s="12"/>
    </row>
    <row r="411625" spans="8:8">
      <c r="H411625" s="12"/>
    </row>
    <row r="411626" spans="8:8">
      <c r="H411626" s="12"/>
    </row>
    <row r="411627" spans="8:8">
      <c r="H411627" s="12"/>
    </row>
    <row r="411628" spans="8:8">
      <c r="H411628" s="12"/>
    </row>
    <row r="411629" spans="8:8">
      <c r="H411629" s="12"/>
    </row>
    <row r="411630" spans="8:8">
      <c r="H411630" s="12"/>
    </row>
    <row r="411631" spans="8:8">
      <c r="H411631" s="12"/>
    </row>
    <row r="411632" spans="8:8">
      <c r="H411632" s="12"/>
    </row>
    <row r="411633" spans="8:8">
      <c r="H411633" s="12"/>
    </row>
    <row r="411634" spans="8:8">
      <c r="H411634" s="12"/>
    </row>
    <row r="411635" spans="8:8">
      <c r="H411635" s="12"/>
    </row>
    <row r="411636" spans="8:8">
      <c r="H411636" s="12"/>
    </row>
    <row r="411637" spans="8:8">
      <c r="H411637" s="12"/>
    </row>
    <row r="411638" spans="8:8">
      <c r="H411638" s="12"/>
    </row>
    <row r="411639" spans="8:8">
      <c r="H411639" s="12"/>
    </row>
    <row r="411640" spans="8:8">
      <c r="H411640" s="12"/>
    </row>
    <row r="411641" spans="8:8">
      <c r="H411641" s="12"/>
    </row>
    <row r="411642" spans="8:8">
      <c r="H411642" s="12"/>
    </row>
    <row r="411643" spans="8:8">
      <c r="H411643" s="12"/>
    </row>
    <row r="411644" spans="8:8">
      <c r="H411644" s="12"/>
    </row>
    <row r="411645" spans="8:8">
      <c r="H411645" s="12"/>
    </row>
    <row r="411646" spans="8:8">
      <c r="H411646" s="12"/>
    </row>
    <row r="411647" spans="8:8">
      <c r="H411647" s="12"/>
    </row>
    <row r="411648" spans="8:8">
      <c r="H411648" s="12"/>
    </row>
    <row r="411649" spans="8:8">
      <c r="H411649" s="12"/>
    </row>
    <row r="411650" spans="8:8">
      <c r="H411650" s="12"/>
    </row>
    <row r="411651" spans="8:8">
      <c r="H411651" s="12"/>
    </row>
    <row r="411652" spans="8:8">
      <c r="H411652" s="12"/>
    </row>
    <row r="411653" spans="8:8">
      <c r="H411653" s="12"/>
    </row>
    <row r="411654" spans="8:8">
      <c r="H411654" s="12"/>
    </row>
    <row r="411655" spans="8:8">
      <c r="H411655" s="12"/>
    </row>
    <row r="411656" spans="8:8">
      <c r="H411656" s="12"/>
    </row>
    <row r="411657" spans="8:8">
      <c r="H411657" s="12"/>
    </row>
    <row r="411658" spans="8:8">
      <c r="H411658" s="12"/>
    </row>
    <row r="411659" spans="8:8">
      <c r="H411659" s="12"/>
    </row>
    <row r="411660" spans="8:8">
      <c r="H411660" s="12"/>
    </row>
    <row r="411661" spans="8:8">
      <c r="H411661" s="12"/>
    </row>
    <row r="411662" spans="8:8">
      <c r="H411662" s="12"/>
    </row>
    <row r="411663" spans="8:8">
      <c r="H411663" s="12"/>
    </row>
    <row r="411664" spans="8:8">
      <c r="H411664" s="12"/>
    </row>
    <row r="411665" spans="8:8">
      <c r="H411665" s="12"/>
    </row>
    <row r="411666" spans="8:8">
      <c r="H411666" s="12"/>
    </row>
    <row r="411667" spans="8:8">
      <c r="H411667" s="12"/>
    </row>
    <row r="411668" spans="8:8">
      <c r="H411668" s="12"/>
    </row>
    <row r="411669" spans="8:8">
      <c r="H411669" s="12"/>
    </row>
    <row r="411670" spans="8:8">
      <c r="H411670" s="12"/>
    </row>
    <row r="411671" spans="8:8">
      <c r="H411671" s="12"/>
    </row>
    <row r="411672" spans="8:8">
      <c r="H411672" s="12"/>
    </row>
    <row r="411673" spans="8:8">
      <c r="H411673" s="12"/>
    </row>
    <row r="411674" spans="8:8">
      <c r="H411674" s="12"/>
    </row>
    <row r="411675" spans="8:8">
      <c r="H411675" s="12"/>
    </row>
    <row r="411676" spans="8:8">
      <c r="H411676" s="12"/>
    </row>
    <row r="411677" spans="8:8">
      <c r="H411677" s="12"/>
    </row>
    <row r="411678" spans="8:8">
      <c r="H411678" s="12"/>
    </row>
    <row r="411679" spans="8:8">
      <c r="H411679" s="12"/>
    </row>
    <row r="411680" spans="8:8">
      <c r="H411680" s="12"/>
    </row>
    <row r="411681" spans="8:8">
      <c r="H411681" s="12"/>
    </row>
    <row r="411682" spans="8:8">
      <c r="H411682" s="12"/>
    </row>
    <row r="411683" spans="8:8">
      <c r="H411683" s="12"/>
    </row>
    <row r="411684" spans="8:8">
      <c r="H411684" s="12"/>
    </row>
    <row r="411685" spans="8:8">
      <c r="H411685" s="12"/>
    </row>
    <row r="411686" spans="8:8">
      <c r="H411686" s="12"/>
    </row>
    <row r="411687" spans="8:8">
      <c r="H411687" s="12"/>
    </row>
    <row r="411688" spans="8:8">
      <c r="H411688" s="12"/>
    </row>
    <row r="411689" spans="8:8">
      <c r="H411689" s="12"/>
    </row>
    <row r="411690" spans="8:8">
      <c r="H411690" s="12"/>
    </row>
    <row r="411691" spans="8:8">
      <c r="H411691" s="12"/>
    </row>
    <row r="411692" spans="8:8">
      <c r="H411692" s="12"/>
    </row>
    <row r="411693" spans="8:8">
      <c r="H411693" s="12"/>
    </row>
    <row r="411694" spans="8:8">
      <c r="H411694" s="12"/>
    </row>
    <row r="411695" spans="8:8">
      <c r="H411695" s="12"/>
    </row>
    <row r="411696" spans="8:8">
      <c r="H411696" s="12"/>
    </row>
    <row r="411697" spans="8:8">
      <c r="H411697" s="12"/>
    </row>
    <row r="411698" spans="8:8">
      <c r="H411698" s="12"/>
    </row>
    <row r="411699" spans="8:8">
      <c r="H411699" s="12"/>
    </row>
    <row r="411700" spans="8:8">
      <c r="H411700" s="12"/>
    </row>
    <row r="411701" spans="8:8">
      <c r="H411701" s="12"/>
    </row>
    <row r="411702" spans="8:8">
      <c r="H411702" s="12"/>
    </row>
    <row r="411703" spans="8:8">
      <c r="H411703" s="12"/>
    </row>
    <row r="411704" spans="8:8">
      <c r="H411704" s="12"/>
    </row>
    <row r="411705" spans="8:8">
      <c r="H411705" s="12"/>
    </row>
    <row r="411706" spans="8:8">
      <c r="H411706" s="12"/>
    </row>
    <row r="411707" spans="8:8">
      <c r="H411707" s="12"/>
    </row>
    <row r="411708" spans="8:8">
      <c r="H411708" s="12"/>
    </row>
    <row r="411709" spans="8:8">
      <c r="H411709" s="12"/>
    </row>
    <row r="411710" spans="8:8">
      <c r="H411710" s="12"/>
    </row>
    <row r="411711" spans="8:8">
      <c r="H411711" s="12"/>
    </row>
    <row r="411712" spans="8:8">
      <c r="H411712" s="12"/>
    </row>
    <row r="411713" spans="8:8">
      <c r="H411713" s="12"/>
    </row>
    <row r="411714" spans="8:8">
      <c r="H411714" s="12"/>
    </row>
    <row r="411715" spans="8:8">
      <c r="H411715" s="12"/>
    </row>
    <row r="411716" spans="8:8">
      <c r="H411716" s="12"/>
    </row>
    <row r="411717" spans="8:8">
      <c r="H411717" s="12"/>
    </row>
    <row r="411718" spans="8:8">
      <c r="H411718" s="12"/>
    </row>
    <row r="411719" spans="8:8">
      <c r="H411719" s="12"/>
    </row>
    <row r="411720" spans="8:8">
      <c r="H411720" s="12"/>
    </row>
    <row r="411721" spans="8:8">
      <c r="H411721" s="12"/>
    </row>
    <row r="411722" spans="8:8">
      <c r="H411722" s="12"/>
    </row>
    <row r="411723" spans="8:8">
      <c r="H411723" s="12"/>
    </row>
    <row r="411724" spans="8:8">
      <c r="H411724" s="12"/>
    </row>
    <row r="411725" spans="8:8">
      <c r="H411725" s="12"/>
    </row>
    <row r="411726" spans="8:8">
      <c r="H411726" s="12"/>
    </row>
    <row r="411727" spans="8:8">
      <c r="H411727" s="12"/>
    </row>
    <row r="411728" spans="8:8">
      <c r="H411728" s="12"/>
    </row>
    <row r="411729" spans="8:8">
      <c r="H411729" s="12"/>
    </row>
    <row r="411730" spans="8:8">
      <c r="H411730" s="12"/>
    </row>
    <row r="411731" spans="8:8">
      <c r="H411731" s="12"/>
    </row>
    <row r="411732" spans="8:8">
      <c r="H411732" s="12"/>
    </row>
    <row r="411733" spans="8:8">
      <c r="H411733" s="12"/>
    </row>
    <row r="411734" spans="8:8">
      <c r="H411734" s="12"/>
    </row>
    <row r="411735" spans="8:8">
      <c r="H411735" s="12"/>
    </row>
    <row r="411736" spans="8:8">
      <c r="H411736" s="12"/>
    </row>
    <row r="411737" spans="8:8">
      <c r="H411737" s="12"/>
    </row>
    <row r="411738" spans="8:8">
      <c r="H411738" s="12"/>
    </row>
    <row r="411739" spans="8:8">
      <c r="H411739" s="12"/>
    </row>
    <row r="411740" spans="8:8">
      <c r="H411740" s="12"/>
    </row>
    <row r="411741" spans="8:8">
      <c r="H411741" s="12"/>
    </row>
    <row r="411742" spans="8:8">
      <c r="H411742" s="12"/>
    </row>
    <row r="411743" spans="8:8">
      <c r="H411743" s="12"/>
    </row>
    <row r="411744" spans="8:8">
      <c r="H411744" s="12"/>
    </row>
    <row r="411745" spans="8:8">
      <c r="H411745" s="12"/>
    </row>
    <row r="411746" spans="8:8">
      <c r="H411746" s="12"/>
    </row>
    <row r="411747" spans="8:8">
      <c r="H411747" s="12"/>
    </row>
    <row r="411748" spans="8:8">
      <c r="H411748" s="12"/>
    </row>
    <row r="411749" spans="8:8">
      <c r="H411749" s="12"/>
    </row>
    <row r="411750" spans="8:8">
      <c r="H411750" s="12"/>
    </row>
    <row r="411751" spans="8:8">
      <c r="H411751" s="12"/>
    </row>
    <row r="411752" spans="8:8">
      <c r="H411752" s="12"/>
    </row>
    <row r="411753" spans="8:8">
      <c r="H411753" s="12"/>
    </row>
    <row r="411754" spans="8:8">
      <c r="H411754" s="12"/>
    </row>
    <row r="411755" spans="8:8">
      <c r="H411755" s="12"/>
    </row>
    <row r="411756" spans="8:8">
      <c r="H411756" s="12"/>
    </row>
    <row r="411757" spans="8:8">
      <c r="H411757" s="12"/>
    </row>
    <row r="411758" spans="8:8">
      <c r="H411758" s="12"/>
    </row>
    <row r="411759" spans="8:8">
      <c r="H411759" s="12"/>
    </row>
    <row r="411760" spans="8:8">
      <c r="H411760" s="12"/>
    </row>
    <row r="411761" spans="8:8">
      <c r="H411761" s="12"/>
    </row>
    <row r="411762" spans="8:8">
      <c r="H411762" s="12"/>
    </row>
    <row r="411763" spans="8:8">
      <c r="H411763" s="12"/>
    </row>
    <row r="411764" spans="8:8">
      <c r="H411764" s="12"/>
    </row>
    <row r="411765" spans="8:8">
      <c r="H411765" s="12"/>
    </row>
    <row r="411766" spans="8:8">
      <c r="H411766" s="12"/>
    </row>
    <row r="411767" spans="8:8">
      <c r="H411767" s="12"/>
    </row>
    <row r="411768" spans="8:8">
      <c r="H411768" s="12"/>
    </row>
    <row r="411769" spans="8:8">
      <c r="H411769" s="12"/>
    </row>
    <row r="411770" spans="8:8">
      <c r="H411770" s="12"/>
    </row>
    <row r="411771" spans="8:8">
      <c r="H411771" s="12"/>
    </row>
    <row r="411772" spans="8:8">
      <c r="H411772" s="12"/>
    </row>
    <row r="411773" spans="8:8">
      <c r="H411773" s="12"/>
    </row>
    <row r="411774" spans="8:8">
      <c r="H411774" s="12"/>
    </row>
    <row r="411775" spans="8:8">
      <c r="H411775" s="12"/>
    </row>
    <row r="411776" spans="8:8">
      <c r="H411776" s="12"/>
    </row>
    <row r="411777" spans="8:8">
      <c r="H411777" s="12"/>
    </row>
    <row r="411778" spans="8:8">
      <c r="H411778" s="12"/>
    </row>
    <row r="411779" spans="8:8">
      <c r="H411779" s="12"/>
    </row>
    <row r="411780" spans="8:8">
      <c r="H411780" s="12"/>
    </row>
    <row r="411781" spans="8:8">
      <c r="H411781" s="12"/>
    </row>
    <row r="411782" spans="8:8">
      <c r="H411782" s="12"/>
    </row>
    <row r="411783" spans="8:8">
      <c r="H411783" s="12"/>
    </row>
    <row r="411784" spans="8:8">
      <c r="H411784" s="12"/>
    </row>
    <row r="411785" spans="8:8">
      <c r="H411785" s="12"/>
    </row>
    <row r="411786" spans="8:8">
      <c r="H411786" s="12"/>
    </row>
    <row r="411787" spans="8:8">
      <c r="H411787" s="12"/>
    </row>
    <row r="411788" spans="8:8">
      <c r="H411788" s="12"/>
    </row>
    <row r="411789" spans="8:8">
      <c r="H411789" s="12"/>
    </row>
    <row r="411790" spans="8:8">
      <c r="H411790" s="12"/>
    </row>
    <row r="411791" spans="8:8">
      <c r="H411791" s="12"/>
    </row>
    <row r="411792" spans="8:8">
      <c r="H411792" s="12"/>
    </row>
    <row r="411793" spans="8:8">
      <c r="H411793" s="12"/>
    </row>
    <row r="411794" spans="8:8">
      <c r="H411794" s="12"/>
    </row>
    <row r="411795" spans="8:8">
      <c r="H411795" s="12"/>
    </row>
    <row r="411796" spans="8:8">
      <c r="H411796" s="12"/>
    </row>
    <row r="411797" spans="8:8">
      <c r="H411797" s="12"/>
    </row>
    <row r="411798" spans="8:8">
      <c r="H411798" s="12"/>
    </row>
    <row r="411799" spans="8:8">
      <c r="H411799" s="12"/>
    </row>
    <row r="411800" spans="8:8">
      <c r="H411800" s="12"/>
    </row>
    <row r="411801" spans="8:8">
      <c r="H411801" s="12"/>
    </row>
    <row r="411802" spans="8:8">
      <c r="H411802" s="12"/>
    </row>
    <row r="411803" spans="8:8">
      <c r="H411803" s="12"/>
    </row>
    <row r="411804" spans="8:8">
      <c r="H411804" s="12"/>
    </row>
    <row r="411805" spans="8:8">
      <c r="H411805" s="12"/>
    </row>
    <row r="411806" spans="8:8">
      <c r="H411806" s="12"/>
    </row>
    <row r="411807" spans="8:8">
      <c r="H411807" s="12"/>
    </row>
    <row r="411808" spans="8:8">
      <c r="H411808" s="12"/>
    </row>
    <row r="411809" spans="8:8">
      <c r="H411809" s="12"/>
    </row>
    <row r="411810" spans="8:8">
      <c r="H411810" s="12"/>
    </row>
    <row r="411811" spans="8:8">
      <c r="H411811" s="12"/>
    </row>
    <row r="411812" spans="8:8">
      <c r="H411812" s="12"/>
    </row>
    <row r="411813" spans="8:8">
      <c r="H411813" s="12"/>
    </row>
    <row r="411814" spans="8:8">
      <c r="H411814" s="12"/>
    </row>
    <row r="411815" spans="8:8">
      <c r="H411815" s="12"/>
    </row>
    <row r="411816" spans="8:8">
      <c r="H411816" s="12"/>
    </row>
    <row r="411817" spans="8:8">
      <c r="H411817" s="12"/>
    </row>
    <row r="411818" spans="8:8">
      <c r="H411818" s="12"/>
    </row>
    <row r="411819" spans="8:8">
      <c r="H411819" s="12"/>
    </row>
    <row r="411820" spans="8:8">
      <c r="H411820" s="12"/>
    </row>
    <row r="411821" spans="8:8">
      <c r="H411821" s="12"/>
    </row>
    <row r="411822" spans="8:8">
      <c r="H411822" s="12"/>
    </row>
    <row r="411823" spans="8:8">
      <c r="H411823" s="12"/>
    </row>
    <row r="411824" spans="8:8">
      <c r="H411824" s="12"/>
    </row>
    <row r="411825" spans="8:8">
      <c r="H411825" s="12"/>
    </row>
    <row r="411826" spans="8:8">
      <c r="H411826" s="12"/>
    </row>
    <row r="411827" spans="8:8">
      <c r="H411827" s="12"/>
    </row>
    <row r="411828" spans="8:8">
      <c r="H411828" s="12"/>
    </row>
    <row r="411829" spans="8:8">
      <c r="H411829" s="12"/>
    </row>
    <row r="411830" spans="8:8">
      <c r="H411830" s="12"/>
    </row>
    <row r="411831" spans="8:8">
      <c r="H411831" s="12"/>
    </row>
    <row r="411832" spans="8:8">
      <c r="H411832" s="12"/>
    </row>
    <row r="411833" spans="8:8">
      <c r="H411833" s="12"/>
    </row>
    <row r="411834" spans="8:8">
      <c r="H411834" s="12"/>
    </row>
    <row r="411835" spans="8:8">
      <c r="H411835" s="12"/>
    </row>
    <row r="411836" spans="8:8">
      <c r="H411836" s="12"/>
    </row>
    <row r="411837" spans="8:8">
      <c r="H411837" s="12"/>
    </row>
    <row r="411838" spans="8:8">
      <c r="H411838" s="12"/>
    </row>
    <row r="411839" spans="8:8">
      <c r="H411839" s="12"/>
    </row>
    <row r="411840" spans="8:8">
      <c r="H411840" s="12"/>
    </row>
    <row r="411841" spans="8:8">
      <c r="H411841" s="12"/>
    </row>
    <row r="411842" spans="8:8">
      <c r="H411842" s="12"/>
    </row>
    <row r="411843" spans="8:8">
      <c r="H411843" s="12"/>
    </row>
    <row r="411844" spans="8:8">
      <c r="H411844" s="12"/>
    </row>
    <row r="411845" spans="8:8">
      <c r="H411845" s="12"/>
    </row>
    <row r="411846" spans="8:8">
      <c r="H411846" s="12"/>
    </row>
    <row r="411847" spans="8:8">
      <c r="H411847" s="12"/>
    </row>
    <row r="411848" spans="8:8">
      <c r="H411848" s="12"/>
    </row>
    <row r="411849" spans="8:8">
      <c r="H411849" s="12"/>
    </row>
    <row r="411850" spans="8:8">
      <c r="H411850" s="12"/>
    </row>
    <row r="411851" spans="8:8">
      <c r="H411851" s="12"/>
    </row>
    <row r="411852" spans="8:8">
      <c r="H411852" s="12"/>
    </row>
    <row r="411853" spans="8:8">
      <c r="H411853" s="12"/>
    </row>
    <row r="411854" spans="8:8">
      <c r="H411854" s="12"/>
    </row>
    <row r="411855" spans="8:8">
      <c r="H411855" s="12"/>
    </row>
    <row r="411856" spans="8:8">
      <c r="H411856" s="12"/>
    </row>
    <row r="411857" spans="8:8">
      <c r="H411857" s="12"/>
    </row>
    <row r="411858" spans="8:8">
      <c r="H411858" s="12"/>
    </row>
    <row r="411859" spans="8:8">
      <c r="H411859" s="12"/>
    </row>
    <row r="411860" spans="8:8">
      <c r="H411860" s="12"/>
    </row>
    <row r="411861" spans="8:8">
      <c r="H411861" s="12"/>
    </row>
    <row r="411862" spans="8:8">
      <c r="H411862" s="12"/>
    </row>
    <row r="411863" spans="8:8">
      <c r="H411863" s="12"/>
    </row>
    <row r="411864" spans="8:8">
      <c r="H411864" s="12"/>
    </row>
    <row r="411865" spans="8:8">
      <c r="H411865" s="12"/>
    </row>
    <row r="411866" spans="8:8">
      <c r="H411866" s="12"/>
    </row>
    <row r="411867" spans="8:8">
      <c r="H411867" s="12"/>
    </row>
    <row r="411868" spans="8:8">
      <c r="H411868" s="12"/>
    </row>
    <row r="411869" spans="8:8">
      <c r="H411869" s="12"/>
    </row>
    <row r="411870" spans="8:8">
      <c r="H411870" s="12"/>
    </row>
    <row r="411871" spans="8:8">
      <c r="H411871" s="12"/>
    </row>
    <row r="411872" spans="8:8">
      <c r="H411872" s="12"/>
    </row>
    <row r="411873" spans="8:8">
      <c r="H411873" s="12"/>
    </row>
    <row r="411874" spans="8:8">
      <c r="H411874" s="12"/>
    </row>
    <row r="411875" spans="8:8">
      <c r="H411875" s="12"/>
    </row>
    <row r="411876" spans="8:8">
      <c r="H411876" s="12"/>
    </row>
    <row r="411877" spans="8:8">
      <c r="H411877" s="12"/>
    </row>
    <row r="411878" spans="8:8">
      <c r="H411878" s="12"/>
    </row>
    <row r="411879" spans="8:8">
      <c r="H411879" s="12"/>
    </row>
    <row r="411880" spans="8:8">
      <c r="H411880" s="12"/>
    </row>
    <row r="411881" spans="8:8">
      <c r="H411881" s="12"/>
    </row>
    <row r="411882" spans="8:8">
      <c r="H411882" s="12"/>
    </row>
    <row r="411883" spans="8:8">
      <c r="H411883" s="12"/>
    </row>
    <row r="411884" spans="8:8">
      <c r="H411884" s="12"/>
    </row>
    <row r="411885" spans="8:8">
      <c r="H411885" s="12"/>
    </row>
    <row r="411886" spans="8:8">
      <c r="H411886" s="12"/>
    </row>
    <row r="411887" spans="8:8">
      <c r="H411887" s="12"/>
    </row>
    <row r="411888" spans="8:8">
      <c r="H411888" s="12"/>
    </row>
    <row r="411889" spans="8:8">
      <c r="H411889" s="12"/>
    </row>
    <row r="411890" spans="8:8">
      <c r="H411890" s="12"/>
    </row>
    <row r="411891" spans="8:8">
      <c r="H411891" s="12"/>
    </row>
    <row r="411892" spans="8:8">
      <c r="H411892" s="12"/>
    </row>
    <row r="411893" spans="8:8">
      <c r="H411893" s="12"/>
    </row>
    <row r="411894" spans="8:8">
      <c r="H411894" s="12"/>
    </row>
    <row r="411895" spans="8:8">
      <c r="H411895" s="12"/>
    </row>
    <row r="411896" spans="8:8">
      <c r="H411896" s="12"/>
    </row>
    <row r="411897" spans="8:8">
      <c r="H411897" s="12"/>
    </row>
    <row r="411898" spans="8:8">
      <c r="H411898" s="12"/>
    </row>
    <row r="411899" spans="8:8">
      <c r="H411899" s="12"/>
    </row>
    <row r="411900" spans="8:8">
      <c r="H411900" s="12"/>
    </row>
    <row r="411901" spans="8:8">
      <c r="H411901" s="12"/>
    </row>
    <row r="411902" spans="8:8">
      <c r="H411902" s="12"/>
    </row>
    <row r="411903" spans="8:8">
      <c r="H411903" s="12"/>
    </row>
    <row r="411904" spans="8:8">
      <c r="H411904" s="12"/>
    </row>
    <row r="411905" spans="8:8">
      <c r="H411905" s="12"/>
    </row>
    <row r="411906" spans="8:8">
      <c r="H411906" s="12"/>
    </row>
    <row r="411907" spans="8:8">
      <c r="H411907" s="12"/>
    </row>
    <row r="411908" spans="8:8">
      <c r="H411908" s="12"/>
    </row>
    <row r="411909" spans="8:8">
      <c r="H411909" s="12"/>
    </row>
    <row r="411910" spans="8:8">
      <c r="H411910" s="12"/>
    </row>
    <row r="411911" spans="8:8">
      <c r="H411911" s="12"/>
    </row>
    <row r="411912" spans="8:8">
      <c r="H411912" s="12"/>
    </row>
    <row r="411913" spans="8:8">
      <c r="H411913" s="12"/>
    </row>
    <row r="411914" spans="8:8">
      <c r="H411914" s="12"/>
    </row>
    <row r="411915" spans="8:8">
      <c r="H411915" s="12"/>
    </row>
    <row r="411916" spans="8:8">
      <c r="H411916" s="12"/>
    </row>
    <row r="411917" spans="8:8">
      <c r="H411917" s="12"/>
    </row>
    <row r="411918" spans="8:8">
      <c r="H411918" s="12"/>
    </row>
    <row r="411919" spans="8:8">
      <c r="H411919" s="12"/>
    </row>
    <row r="411920" spans="8:8">
      <c r="H411920" s="12"/>
    </row>
    <row r="411921" spans="8:8">
      <c r="H411921" s="12"/>
    </row>
    <row r="411922" spans="8:8">
      <c r="H411922" s="12"/>
    </row>
    <row r="411923" spans="8:8">
      <c r="H411923" s="12"/>
    </row>
    <row r="411924" spans="8:8">
      <c r="H411924" s="12"/>
    </row>
    <row r="411925" spans="8:8">
      <c r="H411925" s="12"/>
    </row>
    <row r="411926" spans="8:8">
      <c r="H411926" s="12"/>
    </row>
    <row r="411927" spans="8:8">
      <c r="H411927" s="12"/>
    </row>
    <row r="411928" spans="8:8">
      <c r="H411928" s="12"/>
    </row>
    <row r="411929" spans="8:8">
      <c r="H411929" s="12"/>
    </row>
    <row r="411930" spans="8:8">
      <c r="H411930" s="12"/>
    </row>
    <row r="411931" spans="8:8">
      <c r="H411931" s="12"/>
    </row>
    <row r="411932" spans="8:8">
      <c r="H411932" s="12"/>
    </row>
    <row r="411933" spans="8:8">
      <c r="H411933" s="12"/>
    </row>
    <row r="411934" spans="8:8">
      <c r="H411934" s="12"/>
    </row>
    <row r="411935" spans="8:8">
      <c r="H411935" s="12"/>
    </row>
    <row r="411936" spans="8:8">
      <c r="H411936" s="12"/>
    </row>
    <row r="411937" spans="8:8">
      <c r="H411937" s="12"/>
    </row>
    <row r="411938" spans="8:8">
      <c r="H411938" s="12"/>
    </row>
    <row r="411939" spans="8:8">
      <c r="H411939" s="12"/>
    </row>
    <row r="411940" spans="8:8">
      <c r="H411940" s="12"/>
    </row>
    <row r="411941" spans="8:8">
      <c r="H411941" s="12"/>
    </row>
    <row r="411942" spans="8:8">
      <c r="H411942" s="12"/>
    </row>
    <row r="411943" spans="8:8">
      <c r="H411943" s="12"/>
    </row>
    <row r="411944" spans="8:8">
      <c r="H411944" s="12"/>
    </row>
    <row r="411945" spans="8:8">
      <c r="H411945" s="12"/>
    </row>
    <row r="411946" spans="8:8">
      <c r="H411946" s="12"/>
    </row>
    <row r="411947" spans="8:8">
      <c r="H411947" s="12"/>
    </row>
    <row r="411948" spans="8:8">
      <c r="H411948" s="12"/>
    </row>
    <row r="411949" spans="8:8">
      <c r="H411949" s="12"/>
    </row>
    <row r="411950" spans="8:8">
      <c r="H411950" s="12"/>
    </row>
    <row r="411951" spans="8:8">
      <c r="H411951" s="12"/>
    </row>
    <row r="411952" spans="8:8">
      <c r="H411952" s="12"/>
    </row>
    <row r="411953" spans="8:8">
      <c r="H411953" s="12"/>
    </row>
    <row r="411954" spans="8:8">
      <c r="H411954" s="12"/>
    </row>
    <row r="411955" spans="8:8">
      <c r="H411955" s="12"/>
    </row>
    <row r="411956" spans="8:8">
      <c r="H411956" s="12"/>
    </row>
    <row r="411957" spans="8:8">
      <c r="H411957" s="12"/>
    </row>
    <row r="411958" spans="8:8">
      <c r="H411958" s="12"/>
    </row>
    <row r="411959" spans="8:8">
      <c r="H411959" s="12"/>
    </row>
    <row r="411960" spans="8:8">
      <c r="H411960" s="12"/>
    </row>
    <row r="411961" spans="8:8">
      <c r="H411961" s="12"/>
    </row>
    <row r="411962" spans="8:8">
      <c r="H411962" s="12"/>
    </row>
    <row r="411963" spans="8:8">
      <c r="H411963" s="12"/>
    </row>
    <row r="411964" spans="8:8">
      <c r="H411964" s="12"/>
    </row>
    <row r="411965" spans="8:8">
      <c r="H411965" s="12"/>
    </row>
    <row r="411966" spans="8:8">
      <c r="H411966" s="12"/>
    </row>
    <row r="411967" spans="8:8">
      <c r="H411967" s="12"/>
    </row>
    <row r="411968" spans="8:8">
      <c r="H411968" s="12"/>
    </row>
    <row r="411969" spans="8:8">
      <c r="H411969" s="12"/>
    </row>
    <row r="411970" spans="8:8">
      <c r="H411970" s="12"/>
    </row>
    <row r="411971" spans="8:8">
      <c r="H411971" s="12"/>
    </row>
    <row r="411972" spans="8:8">
      <c r="H411972" s="12"/>
    </row>
    <row r="411973" spans="8:8">
      <c r="H411973" s="12"/>
    </row>
    <row r="411974" spans="8:8">
      <c r="H411974" s="12"/>
    </row>
    <row r="411975" spans="8:8">
      <c r="H411975" s="12"/>
    </row>
    <row r="411976" spans="8:8">
      <c r="H411976" s="12"/>
    </row>
    <row r="411977" spans="8:8">
      <c r="H411977" s="12"/>
    </row>
    <row r="411978" spans="8:8">
      <c r="H411978" s="12"/>
    </row>
    <row r="411979" spans="8:8">
      <c r="H411979" s="12"/>
    </row>
    <row r="411980" spans="8:8">
      <c r="H411980" s="12"/>
    </row>
    <row r="411981" spans="8:8">
      <c r="H411981" s="12"/>
    </row>
    <row r="411982" spans="8:8">
      <c r="H411982" s="12"/>
    </row>
    <row r="411983" spans="8:8">
      <c r="H411983" s="12"/>
    </row>
    <row r="411984" spans="8:8">
      <c r="H411984" s="12"/>
    </row>
    <row r="411985" spans="8:8">
      <c r="H411985" s="12"/>
    </row>
    <row r="411986" spans="8:8">
      <c r="H411986" s="12"/>
    </row>
    <row r="411987" spans="8:8">
      <c r="H411987" s="12"/>
    </row>
    <row r="411988" spans="8:8">
      <c r="H411988" s="12"/>
    </row>
    <row r="411989" spans="8:8">
      <c r="H411989" s="12"/>
    </row>
    <row r="411990" spans="8:8">
      <c r="H411990" s="12"/>
    </row>
    <row r="411991" spans="8:8">
      <c r="H411991" s="12"/>
    </row>
    <row r="411992" spans="8:8">
      <c r="H411992" s="12"/>
    </row>
    <row r="411993" spans="8:8">
      <c r="H411993" s="12"/>
    </row>
    <row r="411994" spans="8:8">
      <c r="H411994" s="12"/>
    </row>
    <row r="411995" spans="8:8">
      <c r="H411995" s="12"/>
    </row>
    <row r="411996" spans="8:8">
      <c r="H411996" s="12"/>
    </row>
    <row r="411997" spans="8:8">
      <c r="H411997" s="12"/>
    </row>
    <row r="411998" spans="8:8">
      <c r="H411998" s="12"/>
    </row>
    <row r="411999" spans="8:8">
      <c r="H411999" s="12"/>
    </row>
    <row r="412000" spans="8:8">
      <c r="H412000" s="12"/>
    </row>
    <row r="412001" spans="8:8">
      <c r="H412001" s="12"/>
    </row>
    <row r="412002" spans="8:8">
      <c r="H412002" s="12"/>
    </row>
    <row r="412003" spans="8:8">
      <c r="H412003" s="12"/>
    </row>
    <row r="412004" spans="8:8">
      <c r="H412004" s="12"/>
    </row>
    <row r="412005" spans="8:8">
      <c r="H412005" s="12"/>
    </row>
    <row r="412006" spans="8:8">
      <c r="H412006" s="12"/>
    </row>
    <row r="412007" spans="8:8">
      <c r="H412007" s="12"/>
    </row>
    <row r="412008" spans="8:8">
      <c r="H412008" s="12"/>
    </row>
    <row r="412009" spans="8:8">
      <c r="H412009" s="12"/>
    </row>
    <row r="412010" spans="8:8">
      <c r="H412010" s="12"/>
    </row>
    <row r="412011" spans="8:8">
      <c r="H412011" s="12"/>
    </row>
    <row r="412012" spans="8:8">
      <c r="H412012" s="12"/>
    </row>
    <row r="412013" spans="8:8">
      <c r="H412013" s="12"/>
    </row>
    <row r="412014" spans="8:8">
      <c r="H412014" s="12"/>
    </row>
    <row r="412015" spans="8:8">
      <c r="H412015" s="12"/>
    </row>
    <row r="412016" spans="8:8">
      <c r="H412016" s="12"/>
    </row>
    <row r="412017" spans="8:8">
      <c r="H412017" s="12"/>
    </row>
    <row r="412018" spans="8:8">
      <c r="H412018" s="12"/>
    </row>
    <row r="412019" spans="8:8">
      <c r="H412019" s="12"/>
    </row>
    <row r="412020" spans="8:8">
      <c r="H412020" s="12"/>
    </row>
    <row r="412021" spans="8:8">
      <c r="H412021" s="12"/>
    </row>
    <row r="412022" spans="8:8">
      <c r="H412022" s="12"/>
    </row>
    <row r="412023" spans="8:8">
      <c r="H412023" s="12"/>
    </row>
    <row r="412024" spans="8:8">
      <c r="H412024" s="12"/>
    </row>
    <row r="412025" spans="8:8">
      <c r="H412025" s="12"/>
    </row>
    <row r="412026" spans="8:8">
      <c r="H412026" s="12"/>
    </row>
    <row r="412027" spans="8:8">
      <c r="H412027" s="12"/>
    </row>
    <row r="412028" spans="8:8">
      <c r="H412028" s="12"/>
    </row>
    <row r="412029" spans="8:8">
      <c r="H412029" s="12"/>
    </row>
    <row r="412030" spans="8:8">
      <c r="H412030" s="12"/>
    </row>
    <row r="412031" spans="8:8">
      <c r="H412031" s="12"/>
    </row>
    <row r="412032" spans="8:8">
      <c r="H412032" s="12"/>
    </row>
    <row r="412033" spans="8:8">
      <c r="H412033" s="12"/>
    </row>
    <row r="412034" spans="8:8">
      <c r="H412034" s="12"/>
    </row>
    <row r="412035" spans="8:8">
      <c r="H412035" s="12"/>
    </row>
    <row r="412036" spans="8:8">
      <c r="H412036" s="12"/>
    </row>
    <row r="412037" spans="8:8">
      <c r="H412037" s="12"/>
    </row>
    <row r="412038" spans="8:8">
      <c r="H412038" s="12"/>
    </row>
    <row r="412039" spans="8:8">
      <c r="H412039" s="12"/>
    </row>
    <row r="412040" spans="8:8">
      <c r="H412040" s="12"/>
    </row>
    <row r="412041" spans="8:8">
      <c r="H412041" s="12"/>
    </row>
    <row r="412042" spans="8:8">
      <c r="H412042" s="12"/>
    </row>
    <row r="412043" spans="8:8">
      <c r="H412043" s="12"/>
    </row>
    <row r="412044" spans="8:8">
      <c r="H412044" s="12"/>
    </row>
    <row r="412045" spans="8:8">
      <c r="H412045" s="12"/>
    </row>
    <row r="412046" spans="8:8">
      <c r="H412046" s="12"/>
    </row>
    <row r="412047" spans="8:8">
      <c r="H412047" s="12"/>
    </row>
    <row r="412048" spans="8:8">
      <c r="H412048" s="12"/>
    </row>
    <row r="412049" spans="8:8">
      <c r="H412049" s="12"/>
    </row>
    <row r="412050" spans="8:8">
      <c r="H412050" s="12"/>
    </row>
    <row r="412051" spans="8:8">
      <c r="H412051" s="12"/>
    </row>
    <row r="412052" spans="8:8">
      <c r="H412052" s="12"/>
    </row>
    <row r="412053" spans="8:8">
      <c r="H412053" s="12"/>
    </row>
    <row r="412054" spans="8:8">
      <c r="H412054" s="12"/>
    </row>
    <row r="412055" spans="8:8">
      <c r="H412055" s="12"/>
    </row>
    <row r="412056" spans="8:8">
      <c r="H412056" s="12"/>
    </row>
    <row r="412057" spans="8:8">
      <c r="H412057" s="12"/>
    </row>
    <row r="412058" spans="8:8">
      <c r="H412058" s="12"/>
    </row>
    <row r="412059" spans="8:8">
      <c r="H412059" s="12"/>
    </row>
    <row r="412060" spans="8:8">
      <c r="H412060" s="12"/>
    </row>
    <row r="412061" spans="8:8">
      <c r="H412061" s="12"/>
    </row>
    <row r="412062" spans="8:8">
      <c r="H412062" s="12"/>
    </row>
    <row r="412063" spans="8:8">
      <c r="H412063" s="12"/>
    </row>
    <row r="412064" spans="8:8">
      <c r="H412064" s="12"/>
    </row>
    <row r="412065" spans="8:8">
      <c r="H412065" s="12"/>
    </row>
    <row r="412066" spans="8:8">
      <c r="H412066" s="12"/>
    </row>
    <row r="412067" spans="8:8">
      <c r="H412067" s="12"/>
    </row>
    <row r="412068" spans="8:8">
      <c r="H412068" s="12"/>
    </row>
    <row r="412069" spans="8:8">
      <c r="H412069" s="12"/>
    </row>
    <row r="412070" spans="8:8">
      <c r="H412070" s="12"/>
    </row>
    <row r="412071" spans="8:8">
      <c r="H412071" s="12"/>
    </row>
    <row r="412072" spans="8:8">
      <c r="H412072" s="12"/>
    </row>
    <row r="412073" spans="8:8">
      <c r="H412073" s="12"/>
    </row>
    <row r="412074" spans="8:8">
      <c r="H412074" s="12"/>
    </row>
    <row r="412075" spans="8:8">
      <c r="H412075" s="12"/>
    </row>
    <row r="412076" spans="8:8">
      <c r="H412076" s="12"/>
    </row>
    <row r="412077" spans="8:8">
      <c r="H412077" s="12"/>
    </row>
    <row r="412078" spans="8:8">
      <c r="H412078" s="12"/>
    </row>
    <row r="412079" spans="8:8">
      <c r="H412079" s="12"/>
    </row>
    <row r="412080" spans="8:8">
      <c r="H412080" s="12"/>
    </row>
    <row r="412081" spans="8:8">
      <c r="H412081" s="12"/>
    </row>
    <row r="412082" spans="8:8">
      <c r="H412082" s="12"/>
    </row>
    <row r="412083" spans="8:8">
      <c r="H412083" s="12"/>
    </row>
    <row r="412084" spans="8:8">
      <c r="H412084" s="12"/>
    </row>
    <row r="412085" spans="8:8">
      <c r="H412085" s="12"/>
    </row>
    <row r="412086" spans="8:8">
      <c r="H412086" s="12"/>
    </row>
    <row r="412087" spans="8:8">
      <c r="H412087" s="12"/>
    </row>
    <row r="412088" spans="8:8">
      <c r="H412088" s="12"/>
    </row>
    <row r="412089" spans="8:8">
      <c r="H412089" s="12"/>
    </row>
    <row r="412090" spans="8:8">
      <c r="H412090" s="12"/>
    </row>
    <row r="412091" spans="8:8">
      <c r="H412091" s="12"/>
    </row>
    <row r="412092" spans="8:8">
      <c r="H412092" s="12"/>
    </row>
    <row r="412093" spans="8:8">
      <c r="H412093" s="12"/>
    </row>
    <row r="412094" spans="8:8">
      <c r="H412094" s="12"/>
    </row>
    <row r="412095" spans="8:8">
      <c r="H412095" s="12"/>
    </row>
    <row r="412096" spans="8:8">
      <c r="H412096" s="12"/>
    </row>
    <row r="412097" spans="8:8">
      <c r="H412097" s="12"/>
    </row>
    <row r="412098" spans="8:8">
      <c r="H412098" s="12"/>
    </row>
    <row r="412099" spans="8:8">
      <c r="H412099" s="12"/>
    </row>
    <row r="412100" spans="8:8">
      <c r="H412100" s="12"/>
    </row>
    <row r="412101" spans="8:8">
      <c r="H412101" s="12"/>
    </row>
    <row r="412102" spans="8:8">
      <c r="H412102" s="12"/>
    </row>
    <row r="412103" spans="8:8">
      <c r="H412103" s="12"/>
    </row>
    <row r="412104" spans="8:8">
      <c r="H412104" s="12"/>
    </row>
    <row r="412105" spans="8:8">
      <c r="H412105" s="12"/>
    </row>
    <row r="412106" spans="8:8">
      <c r="H412106" s="12"/>
    </row>
    <row r="412107" spans="8:8">
      <c r="H412107" s="12"/>
    </row>
    <row r="412108" spans="8:8">
      <c r="H412108" s="12"/>
    </row>
    <row r="412109" spans="8:8">
      <c r="H412109" s="12"/>
    </row>
    <row r="412110" spans="8:8">
      <c r="H412110" s="12"/>
    </row>
    <row r="412111" spans="8:8">
      <c r="H412111" s="12"/>
    </row>
    <row r="412112" spans="8:8">
      <c r="H412112" s="12"/>
    </row>
    <row r="412113" spans="8:8">
      <c r="H412113" s="12"/>
    </row>
    <row r="412114" spans="8:8">
      <c r="H412114" s="12"/>
    </row>
    <row r="412115" spans="8:8">
      <c r="H412115" s="12"/>
    </row>
    <row r="412116" spans="8:8">
      <c r="H412116" s="12"/>
    </row>
    <row r="412117" spans="8:8">
      <c r="H412117" s="12"/>
    </row>
    <row r="412118" spans="8:8">
      <c r="H412118" s="12"/>
    </row>
    <row r="412119" spans="8:8">
      <c r="H412119" s="12"/>
    </row>
    <row r="412120" spans="8:8">
      <c r="H412120" s="12"/>
    </row>
    <row r="412121" spans="8:8">
      <c r="H412121" s="12"/>
    </row>
    <row r="412122" spans="8:8">
      <c r="H412122" s="12"/>
    </row>
    <row r="412123" spans="8:8">
      <c r="H412123" s="12"/>
    </row>
    <row r="412124" spans="8:8">
      <c r="H412124" s="12"/>
    </row>
    <row r="412125" spans="8:8">
      <c r="H412125" s="12"/>
    </row>
    <row r="412126" spans="8:8">
      <c r="H412126" s="12"/>
    </row>
    <row r="412127" spans="8:8">
      <c r="H412127" s="12"/>
    </row>
    <row r="412128" spans="8:8">
      <c r="H412128" s="12"/>
    </row>
    <row r="412129" spans="8:8">
      <c r="H412129" s="12"/>
    </row>
    <row r="412130" spans="8:8">
      <c r="H412130" s="12"/>
    </row>
    <row r="412131" spans="8:8">
      <c r="H412131" s="12"/>
    </row>
    <row r="412132" spans="8:8">
      <c r="H412132" s="12"/>
    </row>
    <row r="412133" spans="8:8">
      <c r="H412133" s="12"/>
    </row>
    <row r="412134" spans="8:8">
      <c r="H412134" s="12"/>
    </row>
    <row r="412135" spans="8:8">
      <c r="H412135" s="12"/>
    </row>
    <row r="412136" spans="8:8">
      <c r="H412136" s="12"/>
    </row>
    <row r="412137" spans="8:8">
      <c r="H412137" s="12"/>
    </row>
    <row r="412138" spans="8:8">
      <c r="H412138" s="12"/>
    </row>
    <row r="412139" spans="8:8">
      <c r="H412139" s="12"/>
    </row>
    <row r="412140" spans="8:8">
      <c r="H412140" s="12"/>
    </row>
    <row r="412141" spans="8:8">
      <c r="H412141" s="12"/>
    </row>
    <row r="412142" spans="8:8">
      <c r="H412142" s="12"/>
    </row>
    <row r="412143" spans="8:8">
      <c r="H412143" s="12"/>
    </row>
    <row r="412144" spans="8:8">
      <c r="H412144" s="12"/>
    </row>
    <row r="412145" spans="8:8">
      <c r="H412145" s="12"/>
    </row>
    <row r="412146" spans="8:8">
      <c r="H412146" s="12"/>
    </row>
    <row r="412147" spans="8:8">
      <c r="H412147" s="12"/>
    </row>
    <row r="412148" spans="8:8">
      <c r="H412148" s="12"/>
    </row>
    <row r="412149" spans="8:8">
      <c r="H412149" s="12"/>
    </row>
    <row r="412150" spans="8:8">
      <c r="H412150" s="12"/>
    </row>
    <row r="412151" spans="8:8">
      <c r="H412151" s="12"/>
    </row>
    <row r="412152" spans="8:8">
      <c r="H412152" s="12"/>
    </row>
    <row r="412153" spans="8:8">
      <c r="H412153" s="12"/>
    </row>
    <row r="412154" spans="8:8">
      <c r="H412154" s="12"/>
    </row>
    <row r="412155" spans="8:8">
      <c r="H412155" s="12"/>
    </row>
    <row r="412156" spans="8:8">
      <c r="H412156" s="12"/>
    </row>
    <row r="412157" spans="8:8">
      <c r="H412157" s="12"/>
    </row>
    <row r="412158" spans="8:8">
      <c r="H412158" s="12"/>
    </row>
    <row r="412159" spans="8:8">
      <c r="H412159" s="12"/>
    </row>
    <row r="412160" spans="8:8">
      <c r="H412160" s="12"/>
    </row>
    <row r="412161" spans="8:8">
      <c r="H412161" s="12"/>
    </row>
    <row r="412162" spans="8:8">
      <c r="H412162" s="12"/>
    </row>
    <row r="412163" spans="8:8">
      <c r="H412163" s="12"/>
    </row>
    <row r="412164" spans="8:8">
      <c r="H412164" s="12"/>
    </row>
    <row r="412165" spans="8:8">
      <c r="H412165" s="12"/>
    </row>
    <row r="412166" spans="8:8">
      <c r="H412166" s="12"/>
    </row>
    <row r="412167" spans="8:8">
      <c r="H412167" s="12"/>
    </row>
    <row r="412168" spans="8:8">
      <c r="H412168" s="12"/>
    </row>
    <row r="412169" spans="8:8">
      <c r="H412169" s="12"/>
    </row>
    <row r="412170" spans="8:8">
      <c r="H412170" s="12"/>
    </row>
    <row r="412171" spans="8:8">
      <c r="H412171" s="12"/>
    </row>
    <row r="412172" spans="8:8">
      <c r="H412172" s="12"/>
    </row>
    <row r="412173" spans="8:8">
      <c r="H412173" s="12"/>
    </row>
    <row r="412174" spans="8:8">
      <c r="H412174" s="12"/>
    </row>
    <row r="412175" spans="8:8">
      <c r="H412175" s="12"/>
    </row>
    <row r="412176" spans="8:8">
      <c r="H412176" s="12"/>
    </row>
    <row r="412177" spans="8:8">
      <c r="H412177" s="12"/>
    </row>
    <row r="412178" spans="8:8">
      <c r="H412178" s="12"/>
    </row>
    <row r="412179" spans="8:8">
      <c r="H412179" s="12"/>
    </row>
    <row r="412180" spans="8:8">
      <c r="H412180" s="12"/>
    </row>
    <row r="412181" spans="8:8">
      <c r="H412181" s="12"/>
    </row>
    <row r="412182" spans="8:8">
      <c r="H412182" s="12"/>
    </row>
    <row r="412183" spans="8:8">
      <c r="H412183" s="12"/>
    </row>
    <row r="412184" spans="8:8">
      <c r="H412184" s="12"/>
    </row>
    <row r="412185" spans="8:8">
      <c r="H412185" s="12"/>
    </row>
    <row r="412186" spans="8:8">
      <c r="H412186" s="12"/>
    </row>
    <row r="412187" spans="8:8">
      <c r="H412187" s="12"/>
    </row>
    <row r="412188" spans="8:8">
      <c r="H412188" s="12"/>
    </row>
    <row r="412189" spans="8:8">
      <c r="H412189" s="12"/>
    </row>
    <row r="412190" spans="8:8">
      <c r="H412190" s="12"/>
    </row>
    <row r="412191" spans="8:8">
      <c r="H412191" s="12"/>
    </row>
    <row r="412192" spans="8:8">
      <c r="H412192" s="12"/>
    </row>
    <row r="412193" spans="8:8">
      <c r="H412193" s="12"/>
    </row>
    <row r="412194" spans="8:8">
      <c r="H412194" s="12"/>
    </row>
    <row r="412195" spans="8:8">
      <c r="H412195" s="12"/>
    </row>
    <row r="412196" spans="8:8">
      <c r="H412196" s="12"/>
    </row>
    <row r="412197" spans="8:8">
      <c r="H412197" s="12"/>
    </row>
    <row r="412198" spans="8:8">
      <c r="H412198" s="12"/>
    </row>
    <row r="412199" spans="8:8">
      <c r="H412199" s="12"/>
    </row>
    <row r="412200" spans="8:8">
      <c r="H412200" s="12"/>
    </row>
    <row r="412201" spans="8:8">
      <c r="H412201" s="12"/>
    </row>
    <row r="412202" spans="8:8">
      <c r="H412202" s="12"/>
    </row>
    <row r="412203" spans="8:8">
      <c r="H412203" s="12"/>
    </row>
    <row r="412204" spans="8:8">
      <c r="H412204" s="12"/>
    </row>
    <row r="412205" spans="8:8">
      <c r="H412205" s="12"/>
    </row>
    <row r="412206" spans="8:8">
      <c r="H412206" s="12"/>
    </row>
    <row r="412207" spans="8:8">
      <c r="H412207" s="12"/>
    </row>
    <row r="412208" spans="8:8">
      <c r="H412208" s="12"/>
    </row>
    <row r="412209" spans="8:8">
      <c r="H412209" s="12"/>
    </row>
    <row r="412210" spans="8:8">
      <c r="H412210" s="12"/>
    </row>
    <row r="412211" spans="8:8">
      <c r="H412211" s="12"/>
    </row>
    <row r="412212" spans="8:8">
      <c r="H412212" s="12"/>
    </row>
    <row r="412213" spans="8:8">
      <c r="H412213" s="12"/>
    </row>
    <row r="412214" spans="8:8">
      <c r="H412214" s="12"/>
    </row>
    <row r="412215" spans="8:8">
      <c r="H412215" s="12"/>
    </row>
    <row r="412216" spans="8:8">
      <c r="H412216" s="12"/>
    </row>
    <row r="412217" spans="8:8">
      <c r="H412217" s="12"/>
    </row>
    <row r="412218" spans="8:8">
      <c r="H412218" s="12"/>
    </row>
    <row r="412219" spans="8:8">
      <c r="H412219" s="12"/>
    </row>
    <row r="412220" spans="8:8">
      <c r="H412220" s="12"/>
    </row>
    <row r="412221" spans="8:8">
      <c r="H412221" s="12"/>
    </row>
    <row r="412222" spans="8:8">
      <c r="H412222" s="12"/>
    </row>
    <row r="412223" spans="8:8">
      <c r="H412223" s="12"/>
    </row>
    <row r="412224" spans="8:8">
      <c r="H412224" s="12"/>
    </row>
    <row r="412225" spans="8:8">
      <c r="H412225" s="12"/>
    </row>
    <row r="412226" spans="8:8">
      <c r="H412226" s="12"/>
    </row>
    <row r="412227" spans="8:8">
      <c r="H412227" s="12"/>
    </row>
    <row r="412228" spans="8:8">
      <c r="H412228" s="12"/>
    </row>
    <row r="412229" spans="8:8">
      <c r="H412229" s="12"/>
    </row>
    <row r="412230" spans="8:8">
      <c r="H412230" s="12"/>
    </row>
    <row r="412231" spans="8:8">
      <c r="H412231" s="12"/>
    </row>
    <row r="412232" spans="8:8">
      <c r="H412232" s="12"/>
    </row>
    <row r="412233" spans="8:8">
      <c r="H412233" s="12"/>
    </row>
    <row r="412234" spans="8:8">
      <c r="H412234" s="12"/>
    </row>
    <row r="412235" spans="8:8">
      <c r="H412235" s="12"/>
    </row>
    <row r="412236" spans="8:8">
      <c r="H412236" s="12"/>
    </row>
    <row r="412237" spans="8:8">
      <c r="H412237" s="12"/>
    </row>
    <row r="412238" spans="8:8">
      <c r="H412238" s="12"/>
    </row>
    <row r="412239" spans="8:8">
      <c r="H412239" s="12"/>
    </row>
    <row r="412240" spans="8:8">
      <c r="H412240" s="12"/>
    </row>
    <row r="412241" spans="8:8">
      <c r="H412241" s="12"/>
    </row>
    <row r="412242" spans="8:8">
      <c r="H412242" s="12"/>
    </row>
    <row r="412243" spans="8:8">
      <c r="H412243" s="12"/>
    </row>
    <row r="412244" spans="8:8">
      <c r="H412244" s="12"/>
    </row>
    <row r="412245" spans="8:8">
      <c r="H412245" s="12"/>
    </row>
    <row r="412246" spans="8:8">
      <c r="H412246" s="12"/>
    </row>
    <row r="412247" spans="8:8">
      <c r="H412247" s="12"/>
    </row>
    <row r="412248" spans="8:8">
      <c r="H412248" s="12"/>
    </row>
    <row r="412249" spans="8:8">
      <c r="H412249" s="12"/>
    </row>
    <row r="412250" spans="8:8">
      <c r="H412250" s="12"/>
    </row>
    <row r="412251" spans="8:8">
      <c r="H412251" s="12"/>
    </row>
    <row r="412252" spans="8:8">
      <c r="H412252" s="12"/>
    </row>
    <row r="412253" spans="8:8">
      <c r="H412253" s="12"/>
    </row>
    <row r="412254" spans="8:8">
      <c r="H412254" s="12"/>
    </row>
    <row r="412255" spans="8:8">
      <c r="H412255" s="12"/>
    </row>
    <row r="412256" spans="8:8">
      <c r="H412256" s="12"/>
    </row>
    <row r="412257" spans="8:8">
      <c r="H412257" s="12"/>
    </row>
    <row r="412258" spans="8:8">
      <c r="H412258" s="12"/>
    </row>
    <row r="412259" spans="8:8">
      <c r="H412259" s="12"/>
    </row>
    <row r="412260" spans="8:8">
      <c r="H412260" s="12"/>
    </row>
    <row r="412261" spans="8:8">
      <c r="H412261" s="12"/>
    </row>
    <row r="412262" spans="8:8">
      <c r="H412262" s="12"/>
    </row>
    <row r="412263" spans="8:8">
      <c r="H412263" s="12"/>
    </row>
    <row r="412264" spans="8:8">
      <c r="H412264" s="12"/>
    </row>
    <row r="412265" spans="8:8">
      <c r="H412265" s="12"/>
    </row>
    <row r="412266" spans="8:8">
      <c r="H412266" s="12"/>
    </row>
    <row r="412267" spans="8:8">
      <c r="H412267" s="12"/>
    </row>
    <row r="412268" spans="8:8">
      <c r="H412268" s="12"/>
    </row>
    <row r="412269" spans="8:8">
      <c r="H412269" s="12"/>
    </row>
    <row r="412270" spans="8:8">
      <c r="H412270" s="12"/>
    </row>
    <row r="412271" spans="8:8">
      <c r="H412271" s="12"/>
    </row>
    <row r="412272" spans="8:8">
      <c r="H412272" s="12"/>
    </row>
    <row r="412273" spans="8:8">
      <c r="H412273" s="12"/>
    </row>
    <row r="412274" spans="8:8">
      <c r="H412274" s="12"/>
    </row>
    <row r="412275" spans="8:8">
      <c r="H412275" s="12"/>
    </row>
    <row r="412276" spans="8:8">
      <c r="H412276" s="12"/>
    </row>
    <row r="412277" spans="8:8">
      <c r="H412277" s="12"/>
    </row>
    <row r="412278" spans="8:8">
      <c r="H412278" s="12"/>
    </row>
    <row r="412279" spans="8:8">
      <c r="H412279" s="12"/>
    </row>
    <row r="412280" spans="8:8">
      <c r="H412280" s="12"/>
    </row>
    <row r="412281" spans="8:8">
      <c r="H412281" s="12"/>
    </row>
    <row r="412282" spans="8:8">
      <c r="H412282" s="12"/>
    </row>
    <row r="412283" spans="8:8">
      <c r="H412283" s="12"/>
    </row>
    <row r="412284" spans="8:8">
      <c r="H412284" s="12"/>
    </row>
    <row r="412285" spans="8:8">
      <c r="H412285" s="12"/>
    </row>
    <row r="412286" spans="8:8">
      <c r="H412286" s="12"/>
    </row>
    <row r="412287" spans="8:8">
      <c r="H412287" s="12"/>
    </row>
    <row r="412288" spans="8:8">
      <c r="H412288" s="12"/>
    </row>
    <row r="412289" spans="8:8">
      <c r="H412289" s="12"/>
    </row>
    <row r="412290" spans="8:8">
      <c r="H412290" s="12"/>
    </row>
    <row r="412291" spans="8:8">
      <c r="H412291" s="12"/>
    </row>
    <row r="412292" spans="8:8">
      <c r="H412292" s="12"/>
    </row>
    <row r="412293" spans="8:8">
      <c r="H412293" s="12"/>
    </row>
    <row r="412294" spans="8:8">
      <c r="H412294" s="12"/>
    </row>
    <row r="412295" spans="8:8">
      <c r="H412295" s="12"/>
    </row>
    <row r="412296" spans="8:8">
      <c r="H412296" s="12"/>
    </row>
    <row r="412297" spans="8:8">
      <c r="H412297" s="12"/>
    </row>
    <row r="412298" spans="8:8">
      <c r="H412298" s="12"/>
    </row>
    <row r="412299" spans="8:8">
      <c r="H412299" s="12"/>
    </row>
    <row r="412300" spans="8:8">
      <c r="H412300" s="12"/>
    </row>
    <row r="412301" spans="8:8">
      <c r="H412301" s="12"/>
    </row>
    <row r="412302" spans="8:8">
      <c r="H412302" s="12"/>
    </row>
    <row r="412303" spans="8:8">
      <c r="H412303" s="12"/>
    </row>
    <row r="412304" spans="8:8">
      <c r="H412304" s="12"/>
    </row>
    <row r="412305" spans="8:8">
      <c r="H412305" s="12"/>
    </row>
    <row r="412306" spans="8:8">
      <c r="H412306" s="12"/>
    </row>
    <row r="412307" spans="8:8">
      <c r="H412307" s="12"/>
    </row>
    <row r="412308" spans="8:8">
      <c r="H412308" s="12"/>
    </row>
    <row r="412309" spans="8:8">
      <c r="H412309" s="12"/>
    </row>
    <row r="412310" spans="8:8">
      <c r="H412310" s="12"/>
    </row>
    <row r="412311" spans="8:8">
      <c r="H412311" s="12"/>
    </row>
    <row r="412312" spans="8:8">
      <c r="H412312" s="12"/>
    </row>
    <row r="412313" spans="8:8">
      <c r="H412313" s="12"/>
    </row>
    <row r="412314" spans="8:8">
      <c r="H412314" s="12"/>
    </row>
    <row r="412315" spans="8:8">
      <c r="H412315" s="12"/>
    </row>
    <row r="412316" spans="8:8">
      <c r="H412316" s="12"/>
    </row>
    <row r="412317" spans="8:8">
      <c r="H412317" s="12"/>
    </row>
    <row r="412318" spans="8:8">
      <c r="H412318" s="12"/>
    </row>
    <row r="412319" spans="8:8">
      <c r="H412319" s="12"/>
    </row>
    <row r="412320" spans="8:8">
      <c r="H412320" s="12"/>
    </row>
    <row r="412321" spans="8:8">
      <c r="H412321" s="12"/>
    </row>
    <row r="412322" spans="8:8">
      <c r="H412322" s="12"/>
    </row>
    <row r="412323" spans="8:8">
      <c r="H412323" s="12"/>
    </row>
    <row r="412324" spans="8:8">
      <c r="H412324" s="12"/>
    </row>
    <row r="412325" spans="8:8">
      <c r="H412325" s="12"/>
    </row>
    <row r="412326" spans="8:8">
      <c r="H412326" s="12"/>
    </row>
    <row r="412327" spans="8:8">
      <c r="H412327" s="12"/>
    </row>
    <row r="412328" spans="8:8">
      <c r="H412328" s="12"/>
    </row>
    <row r="412329" spans="8:8">
      <c r="H412329" s="12"/>
    </row>
    <row r="412330" spans="8:8">
      <c r="H412330" s="12"/>
    </row>
    <row r="412331" spans="8:8">
      <c r="H412331" s="12"/>
    </row>
    <row r="412332" spans="8:8">
      <c r="H412332" s="12"/>
    </row>
    <row r="412333" spans="8:8">
      <c r="H412333" s="12"/>
    </row>
    <row r="412334" spans="8:8">
      <c r="H412334" s="12"/>
    </row>
    <row r="412335" spans="8:8">
      <c r="H412335" s="12"/>
    </row>
    <row r="412336" spans="8:8">
      <c r="H412336" s="12"/>
    </row>
    <row r="412337" spans="8:8">
      <c r="H412337" s="12"/>
    </row>
    <row r="412338" spans="8:8">
      <c r="H412338" s="12"/>
    </row>
    <row r="412339" spans="8:8">
      <c r="H412339" s="12"/>
    </row>
    <row r="412340" spans="8:8">
      <c r="H412340" s="12"/>
    </row>
    <row r="412341" spans="8:8">
      <c r="H412341" s="12"/>
    </row>
    <row r="412342" spans="8:8">
      <c r="H412342" s="12"/>
    </row>
    <row r="412343" spans="8:8">
      <c r="H412343" s="12"/>
    </row>
    <row r="412344" spans="8:8">
      <c r="H412344" s="12"/>
    </row>
    <row r="412345" spans="8:8">
      <c r="H412345" s="12"/>
    </row>
    <row r="412346" spans="8:8">
      <c r="H412346" s="12"/>
    </row>
    <row r="412347" spans="8:8">
      <c r="H412347" s="12"/>
    </row>
    <row r="412348" spans="8:8">
      <c r="H412348" s="12"/>
    </row>
    <row r="412349" spans="8:8">
      <c r="H412349" s="12"/>
    </row>
    <row r="412350" spans="8:8">
      <c r="H412350" s="12"/>
    </row>
    <row r="412351" spans="8:8">
      <c r="H412351" s="12"/>
    </row>
    <row r="412352" spans="8:8">
      <c r="H412352" s="12"/>
    </row>
    <row r="412353" spans="8:8">
      <c r="H412353" s="12"/>
    </row>
    <row r="412354" spans="8:8">
      <c r="H412354" s="12"/>
    </row>
    <row r="412355" spans="8:8">
      <c r="H412355" s="12"/>
    </row>
    <row r="412356" spans="8:8">
      <c r="H412356" s="12"/>
    </row>
    <row r="412357" spans="8:8">
      <c r="H412357" s="12"/>
    </row>
    <row r="412358" spans="8:8">
      <c r="H412358" s="12"/>
    </row>
    <row r="412359" spans="8:8">
      <c r="H412359" s="12"/>
    </row>
    <row r="412360" spans="8:8">
      <c r="H412360" s="12"/>
    </row>
    <row r="412361" spans="8:8">
      <c r="H412361" s="12"/>
    </row>
    <row r="412362" spans="8:8">
      <c r="H412362" s="12"/>
    </row>
    <row r="412363" spans="8:8">
      <c r="H412363" s="12"/>
    </row>
    <row r="412364" spans="8:8">
      <c r="H412364" s="12"/>
    </row>
    <row r="412365" spans="8:8">
      <c r="H412365" s="12"/>
    </row>
    <row r="412366" spans="8:8">
      <c r="H412366" s="12"/>
    </row>
    <row r="412367" spans="8:8">
      <c r="H412367" s="12"/>
    </row>
    <row r="412368" spans="8:8">
      <c r="H412368" s="12"/>
    </row>
    <row r="412369" spans="8:8">
      <c r="H412369" s="12"/>
    </row>
    <row r="412370" spans="8:8">
      <c r="H412370" s="12"/>
    </row>
    <row r="412371" spans="8:8">
      <c r="H412371" s="12"/>
    </row>
    <row r="412372" spans="8:8">
      <c r="H412372" s="12"/>
    </row>
    <row r="412373" spans="8:8">
      <c r="H412373" s="12"/>
    </row>
    <row r="412374" spans="8:8">
      <c r="H412374" s="12"/>
    </row>
    <row r="412375" spans="8:8">
      <c r="H412375" s="12"/>
    </row>
    <row r="412376" spans="8:8">
      <c r="H412376" s="12"/>
    </row>
    <row r="412377" spans="8:8">
      <c r="H412377" s="12"/>
    </row>
    <row r="412378" spans="8:8">
      <c r="H412378" s="12"/>
    </row>
    <row r="412379" spans="8:8">
      <c r="H412379" s="12"/>
    </row>
    <row r="412380" spans="8:8">
      <c r="H412380" s="12"/>
    </row>
    <row r="412381" spans="8:8">
      <c r="H412381" s="12"/>
    </row>
    <row r="412382" spans="8:8">
      <c r="H412382" s="12"/>
    </row>
    <row r="412383" spans="8:8">
      <c r="H412383" s="12"/>
    </row>
    <row r="412384" spans="8:8">
      <c r="H412384" s="12"/>
    </row>
    <row r="412385" spans="8:8">
      <c r="H412385" s="12"/>
    </row>
    <row r="412386" spans="8:8">
      <c r="H412386" s="12"/>
    </row>
    <row r="412387" spans="8:8">
      <c r="H412387" s="12"/>
    </row>
    <row r="412388" spans="8:8">
      <c r="H412388" s="12"/>
    </row>
    <row r="412389" spans="8:8">
      <c r="H412389" s="12"/>
    </row>
    <row r="412390" spans="8:8">
      <c r="H412390" s="12"/>
    </row>
    <row r="412391" spans="8:8">
      <c r="H412391" s="12"/>
    </row>
    <row r="412392" spans="8:8">
      <c r="H412392" s="12"/>
    </row>
    <row r="412393" spans="8:8">
      <c r="H412393" s="12"/>
    </row>
    <row r="412394" spans="8:8">
      <c r="H412394" s="12"/>
    </row>
    <row r="412395" spans="8:8">
      <c r="H412395" s="12"/>
    </row>
    <row r="412396" spans="8:8">
      <c r="H412396" s="12"/>
    </row>
    <row r="412397" spans="8:8">
      <c r="H412397" s="12"/>
    </row>
    <row r="412398" spans="8:8">
      <c r="H412398" s="12"/>
    </row>
    <row r="412399" spans="8:8">
      <c r="H412399" s="12"/>
    </row>
    <row r="412400" spans="8:8">
      <c r="H412400" s="12"/>
    </row>
    <row r="412401" spans="8:8">
      <c r="H412401" s="12"/>
    </row>
    <row r="412402" spans="8:8">
      <c r="H412402" s="12"/>
    </row>
    <row r="412403" spans="8:8">
      <c r="H412403" s="12"/>
    </row>
    <row r="412404" spans="8:8">
      <c r="H412404" s="12"/>
    </row>
    <row r="412405" spans="8:8">
      <c r="H412405" s="12"/>
    </row>
    <row r="412406" spans="8:8">
      <c r="H412406" s="12"/>
    </row>
    <row r="412407" spans="8:8">
      <c r="H412407" s="12"/>
    </row>
    <row r="412408" spans="8:8">
      <c r="H412408" s="12"/>
    </row>
    <row r="412409" spans="8:8">
      <c r="H412409" s="12"/>
    </row>
    <row r="412410" spans="8:8">
      <c r="H412410" s="12"/>
    </row>
    <row r="412411" spans="8:8">
      <c r="H412411" s="12"/>
    </row>
    <row r="412412" spans="8:8">
      <c r="H412412" s="12"/>
    </row>
    <row r="412413" spans="8:8">
      <c r="H412413" s="12"/>
    </row>
    <row r="412414" spans="8:8">
      <c r="H412414" s="12"/>
    </row>
    <row r="412415" spans="8:8">
      <c r="H412415" s="12"/>
    </row>
    <row r="412416" spans="8:8">
      <c r="H412416" s="12"/>
    </row>
    <row r="412417" spans="8:8">
      <c r="H412417" s="12"/>
    </row>
    <row r="412418" spans="8:8">
      <c r="H412418" s="12"/>
    </row>
    <row r="412419" spans="8:8">
      <c r="H412419" s="12"/>
    </row>
    <row r="412420" spans="8:8">
      <c r="H412420" s="12"/>
    </row>
    <row r="412421" spans="8:8">
      <c r="H412421" s="12"/>
    </row>
    <row r="412422" spans="8:8">
      <c r="H412422" s="12"/>
    </row>
    <row r="412423" spans="8:8">
      <c r="H412423" s="12"/>
    </row>
    <row r="412424" spans="8:8">
      <c r="H412424" s="12"/>
    </row>
    <row r="412425" spans="8:8">
      <c r="H412425" s="12"/>
    </row>
    <row r="412426" spans="8:8">
      <c r="H412426" s="12"/>
    </row>
    <row r="412427" spans="8:8">
      <c r="H412427" s="12"/>
    </row>
    <row r="412428" spans="8:8">
      <c r="H412428" s="12"/>
    </row>
    <row r="412429" spans="8:8">
      <c r="H412429" s="12"/>
    </row>
    <row r="412430" spans="8:8">
      <c r="H412430" s="12"/>
    </row>
    <row r="412431" spans="8:8">
      <c r="H412431" s="12"/>
    </row>
    <row r="412432" spans="8:8">
      <c r="H412432" s="12"/>
    </row>
    <row r="412433" spans="8:8">
      <c r="H412433" s="12"/>
    </row>
    <row r="412434" spans="8:8">
      <c r="H412434" s="12"/>
    </row>
    <row r="412435" spans="8:8">
      <c r="H412435" s="12"/>
    </row>
    <row r="412436" spans="8:8">
      <c r="H412436" s="12"/>
    </row>
    <row r="412437" spans="8:8">
      <c r="H412437" s="12"/>
    </row>
    <row r="412438" spans="8:8">
      <c r="H412438" s="12"/>
    </row>
    <row r="412439" spans="8:8">
      <c r="H412439" s="12"/>
    </row>
    <row r="412440" spans="8:8">
      <c r="H412440" s="12"/>
    </row>
    <row r="412441" spans="8:8">
      <c r="H412441" s="12"/>
    </row>
    <row r="412442" spans="8:8">
      <c r="H412442" s="12"/>
    </row>
    <row r="412443" spans="8:8">
      <c r="H412443" s="12"/>
    </row>
    <row r="412444" spans="8:8">
      <c r="H412444" s="12"/>
    </row>
    <row r="412445" spans="8:8">
      <c r="H412445" s="12"/>
    </row>
    <row r="412446" spans="8:8">
      <c r="H412446" s="12"/>
    </row>
    <row r="412447" spans="8:8">
      <c r="H412447" s="12"/>
    </row>
    <row r="412448" spans="8:8">
      <c r="H412448" s="12"/>
    </row>
    <row r="412449" spans="8:8">
      <c r="H412449" s="12"/>
    </row>
    <row r="412450" spans="8:8">
      <c r="H412450" s="12"/>
    </row>
    <row r="412451" spans="8:8">
      <c r="H412451" s="12"/>
    </row>
    <row r="412452" spans="8:8">
      <c r="H412452" s="12"/>
    </row>
    <row r="412453" spans="8:8">
      <c r="H412453" s="12"/>
    </row>
    <row r="412454" spans="8:8">
      <c r="H412454" s="12"/>
    </row>
    <row r="412455" spans="8:8">
      <c r="H412455" s="12"/>
    </row>
    <row r="412456" spans="8:8">
      <c r="H412456" s="12"/>
    </row>
    <row r="412457" spans="8:8">
      <c r="H412457" s="12"/>
    </row>
    <row r="412458" spans="8:8">
      <c r="H412458" s="12"/>
    </row>
    <row r="412459" spans="8:8">
      <c r="H412459" s="12"/>
    </row>
    <row r="412460" spans="8:8">
      <c r="H412460" s="12"/>
    </row>
    <row r="412461" spans="8:8">
      <c r="H412461" s="12"/>
    </row>
    <row r="412462" spans="8:8">
      <c r="H412462" s="12"/>
    </row>
    <row r="412463" spans="8:8">
      <c r="H412463" s="12"/>
    </row>
    <row r="412464" spans="8:8">
      <c r="H412464" s="12"/>
    </row>
    <row r="412465" spans="8:8">
      <c r="H412465" s="12"/>
    </row>
    <row r="412466" spans="8:8">
      <c r="H412466" s="12"/>
    </row>
    <row r="412467" spans="8:8">
      <c r="H412467" s="12"/>
    </row>
    <row r="412468" spans="8:8">
      <c r="H412468" s="12"/>
    </row>
    <row r="412469" spans="8:8">
      <c r="H412469" s="12"/>
    </row>
    <row r="412470" spans="8:8">
      <c r="H412470" s="12"/>
    </row>
    <row r="412471" spans="8:8">
      <c r="H412471" s="12"/>
    </row>
    <row r="412472" spans="8:8">
      <c r="H412472" s="12"/>
    </row>
    <row r="412473" spans="8:8">
      <c r="H412473" s="12"/>
    </row>
    <row r="412474" spans="8:8">
      <c r="H412474" s="12"/>
    </row>
    <row r="412475" spans="8:8">
      <c r="H412475" s="12"/>
    </row>
    <row r="412476" spans="8:8">
      <c r="H412476" s="12"/>
    </row>
    <row r="412477" spans="8:8">
      <c r="H412477" s="12"/>
    </row>
    <row r="412478" spans="8:8">
      <c r="H412478" s="12"/>
    </row>
    <row r="412479" spans="8:8">
      <c r="H412479" s="12"/>
    </row>
    <row r="412480" spans="8:8">
      <c r="H412480" s="12"/>
    </row>
    <row r="412481" spans="8:8">
      <c r="H412481" s="12"/>
    </row>
    <row r="412482" spans="8:8">
      <c r="H412482" s="12"/>
    </row>
    <row r="412483" spans="8:8">
      <c r="H412483" s="12"/>
    </row>
    <row r="412484" spans="8:8">
      <c r="H412484" s="12"/>
    </row>
    <row r="412485" spans="8:8">
      <c r="H412485" s="12"/>
    </row>
    <row r="412486" spans="8:8">
      <c r="H412486" s="12"/>
    </row>
    <row r="412487" spans="8:8">
      <c r="H412487" s="12"/>
    </row>
    <row r="412488" spans="8:8">
      <c r="H412488" s="12"/>
    </row>
    <row r="412489" spans="8:8">
      <c r="H412489" s="12"/>
    </row>
    <row r="412490" spans="8:8">
      <c r="H412490" s="12"/>
    </row>
    <row r="412491" spans="8:8">
      <c r="H412491" s="12"/>
    </row>
    <row r="412492" spans="8:8">
      <c r="H412492" s="12"/>
    </row>
    <row r="412493" spans="8:8">
      <c r="H412493" s="12"/>
    </row>
    <row r="412494" spans="8:8">
      <c r="H412494" s="12"/>
    </row>
    <row r="412495" spans="8:8">
      <c r="H412495" s="12"/>
    </row>
    <row r="412496" spans="8:8">
      <c r="H412496" s="12"/>
    </row>
    <row r="412497" spans="8:8">
      <c r="H412497" s="12"/>
    </row>
    <row r="412498" spans="8:8">
      <c r="H412498" s="12"/>
    </row>
    <row r="412499" spans="8:8">
      <c r="H412499" s="12"/>
    </row>
    <row r="412500" spans="8:8">
      <c r="H412500" s="12"/>
    </row>
    <row r="412501" spans="8:8">
      <c r="H412501" s="12"/>
    </row>
    <row r="412502" spans="8:8">
      <c r="H412502" s="12"/>
    </row>
    <row r="412503" spans="8:8">
      <c r="H412503" s="12"/>
    </row>
    <row r="412504" spans="8:8">
      <c r="H412504" s="12"/>
    </row>
    <row r="412505" spans="8:8">
      <c r="H412505" s="12"/>
    </row>
    <row r="412506" spans="8:8">
      <c r="H412506" s="12"/>
    </row>
    <row r="412507" spans="8:8">
      <c r="H412507" s="12"/>
    </row>
    <row r="412508" spans="8:8">
      <c r="H412508" s="12"/>
    </row>
    <row r="412509" spans="8:8">
      <c r="H412509" s="12"/>
    </row>
    <row r="412510" spans="8:8">
      <c r="H412510" s="12"/>
    </row>
    <row r="412511" spans="8:8">
      <c r="H412511" s="12"/>
    </row>
    <row r="412512" spans="8:8">
      <c r="H412512" s="12"/>
    </row>
    <row r="412513" spans="8:8">
      <c r="H412513" s="12"/>
    </row>
    <row r="412514" spans="8:8">
      <c r="H412514" s="12"/>
    </row>
    <row r="412515" spans="8:8">
      <c r="H412515" s="12"/>
    </row>
    <row r="412516" spans="8:8">
      <c r="H412516" s="12"/>
    </row>
    <row r="412517" spans="8:8">
      <c r="H412517" s="12"/>
    </row>
    <row r="412518" spans="8:8">
      <c r="H412518" s="12"/>
    </row>
    <row r="412519" spans="8:8">
      <c r="H412519" s="12"/>
    </row>
    <row r="412520" spans="8:8">
      <c r="H412520" s="12"/>
    </row>
    <row r="412521" spans="8:8">
      <c r="H412521" s="12"/>
    </row>
    <row r="412522" spans="8:8">
      <c r="H412522" s="12"/>
    </row>
    <row r="412523" spans="8:8">
      <c r="H412523" s="12"/>
    </row>
    <row r="412524" spans="8:8">
      <c r="H412524" s="12"/>
    </row>
    <row r="412525" spans="8:8">
      <c r="H412525" s="12"/>
    </row>
    <row r="412526" spans="8:8">
      <c r="H412526" s="12"/>
    </row>
    <row r="412527" spans="8:8">
      <c r="H412527" s="12"/>
    </row>
    <row r="412528" spans="8:8">
      <c r="H412528" s="12"/>
    </row>
    <row r="412529" spans="8:8">
      <c r="H412529" s="12"/>
    </row>
    <row r="412530" spans="8:8">
      <c r="H412530" s="12"/>
    </row>
    <row r="412531" spans="8:8">
      <c r="H412531" s="12"/>
    </row>
    <row r="412532" spans="8:8">
      <c r="H412532" s="12"/>
    </row>
    <row r="412533" spans="8:8">
      <c r="H412533" s="12"/>
    </row>
    <row r="412534" spans="8:8">
      <c r="H412534" s="12"/>
    </row>
    <row r="412535" spans="8:8">
      <c r="H412535" s="12"/>
    </row>
    <row r="412536" spans="8:8">
      <c r="H412536" s="12"/>
    </row>
    <row r="412537" spans="8:8">
      <c r="H412537" s="12"/>
    </row>
    <row r="412538" spans="8:8">
      <c r="H412538" s="12"/>
    </row>
    <row r="412539" spans="8:8">
      <c r="H412539" s="12"/>
    </row>
    <row r="412540" spans="8:8">
      <c r="H412540" s="12"/>
    </row>
    <row r="412541" spans="8:8">
      <c r="H412541" s="12"/>
    </row>
    <row r="412542" spans="8:8">
      <c r="H412542" s="12"/>
    </row>
    <row r="412543" spans="8:8">
      <c r="H412543" s="12"/>
    </row>
    <row r="412544" spans="8:8">
      <c r="H412544" s="12"/>
    </row>
    <row r="412545" spans="8:8">
      <c r="H412545" s="12"/>
    </row>
    <row r="412546" spans="8:8">
      <c r="H412546" s="12"/>
    </row>
    <row r="412547" spans="8:8">
      <c r="H412547" s="12"/>
    </row>
    <row r="412548" spans="8:8">
      <c r="H412548" s="12"/>
    </row>
    <row r="412549" spans="8:8">
      <c r="H412549" s="12"/>
    </row>
    <row r="412550" spans="8:8">
      <c r="H412550" s="12"/>
    </row>
    <row r="412551" spans="8:8">
      <c r="H412551" s="12"/>
    </row>
    <row r="412552" spans="8:8">
      <c r="H412552" s="12"/>
    </row>
    <row r="412553" spans="8:8">
      <c r="H412553" s="12"/>
    </row>
    <row r="412554" spans="8:8">
      <c r="H412554" s="12"/>
    </row>
    <row r="412555" spans="8:8">
      <c r="H412555" s="12"/>
    </row>
    <row r="412556" spans="8:8">
      <c r="H412556" s="12"/>
    </row>
    <row r="412557" spans="8:8">
      <c r="H412557" s="12"/>
    </row>
    <row r="412558" spans="8:8">
      <c r="H412558" s="12"/>
    </row>
    <row r="412559" spans="8:8">
      <c r="H412559" s="12"/>
    </row>
    <row r="412560" spans="8:8">
      <c r="H412560" s="12"/>
    </row>
    <row r="412561" spans="8:8">
      <c r="H412561" s="12"/>
    </row>
    <row r="412562" spans="8:8">
      <c r="H412562" s="12"/>
    </row>
    <row r="412563" spans="8:8">
      <c r="H412563" s="12"/>
    </row>
    <row r="412564" spans="8:8">
      <c r="H412564" s="12"/>
    </row>
    <row r="412565" spans="8:8">
      <c r="H412565" s="12"/>
    </row>
    <row r="412566" spans="8:8">
      <c r="H412566" s="12"/>
    </row>
    <row r="412567" spans="8:8">
      <c r="H412567" s="12"/>
    </row>
    <row r="412568" spans="8:8">
      <c r="H412568" s="12"/>
    </row>
    <row r="412569" spans="8:8">
      <c r="H412569" s="12"/>
    </row>
    <row r="412570" spans="8:8">
      <c r="H412570" s="12"/>
    </row>
    <row r="412571" spans="8:8">
      <c r="H412571" s="12"/>
    </row>
    <row r="412572" spans="8:8">
      <c r="H412572" s="12"/>
    </row>
    <row r="412573" spans="8:8">
      <c r="H412573" s="12"/>
    </row>
    <row r="412574" spans="8:8">
      <c r="H412574" s="12"/>
    </row>
    <row r="412575" spans="8:8">
      <c r="H412575" s="12"/>
    </row>
    <row r="412576" spans="8:8">
      <c r="H412576" s="12"/>
    </row>
    <row r="412577" spans="8:8">
      <c r="H412577" s="12"/>
    </row>
    <row r="412578" spans="8:8">
      <c r="H412578" s="12"/>
    </row>
    <row r="412579" spans="8:8">
      <c r="H412579" s="12"/>
    </row>
    <row r="412580" spans="8:8">
      <c r="H412580" s="12"/>
    </row>
    <row r="412581" spans="8:8">
      <c r="H412581" s="12"/>
    </row>
    <row r="412582" spans="8:8">
      <c r="H412582" s="12"/>
    </row>
    <row r="412583" spans="8:8">
      <c r="H412583" s="12"/>
    </row>
    <row r="412584" spans="8:8">
      <c r="H412584" s="12"/>
    </row>
    <row r="412585" spans="8:8">
      <c r="H412585" s="12"/>
    </row>
    <row r="412586" spans="8:8">
      <c r="H412586" s="12"/>
    </row>
    <row r="412587" spans="8:8">
      <c r="H412587" s="12"/>
    </row>
    <row r="412588" spans="8:8">
      <c r="H412588" s="12"/>
    </row>
    <row r="412589" spans="8:8">
      <c r="H412589" s="12"/>
    </row>
    <row r="412590" spans="8:8">
      <c r="H412590" s="12"/>
    </row>
    <row r="412591" spans="8:8">
      <c r="H412591" s="12"/>
    </row>
    <row r="412592" spans="8:8">
      <c r="H412592" s="12"/>
    </row>
    <row r="412593" spans="8:8">
      <c r="H412593" s="12"/>
    </row>
    <row r="412594" spans="8:8">
      <c r="H412594" s="12"/>
    </row>
    <row r="412595" spans="8:8">
      <c r="H412595" s="12"/>
    </row>
    <row r="412596" spans="8:8">
      <c r="H412596" s="12"/>
    </row>
    <row r="412597" spans="8:8">
      <c r="H412597" s="12"/>
    </row>
    <row r="412598" spans="8:8">
      <c r="H412598" s="12"/>
    </row>
    <row r="412599" spans="8:8">
      <c r="H412599" s="12"/>
    </row>
    <row r="412600" spans="8:8">
      <c r="H412600" s="12"/>
    </row>
    <row r="412601" spans="8:8">
      <c r="H412601" s="12"/>
    </row>
    <row r="412602" spans="8:8">
      <c r="H412602" s="12"/>
    </row>
    <row r="412603" spans="8:8">
      <c r="H412603" s="12"/>
    </row>
    <row r="412604" spans="8:8">
      <c r="H412604" s="12"/>
    </row>
    <row r="412605" spans="8:8">
      <c r="H412605" s="12"/>
    </row>
    <row r="412606" spans="8:8">
      <c r="H412606" s="12"/>
    </row>
    <row r="412607" spans="8:8">
      <c r="H412607" s="12"/>
    </row>
    <row r="412608" spans="8:8">
      <c r="H412608" s="12"/>
    </row>
    <row r="412609" spans="8:8">
      <c r="H412609" s="12"/>
    </row>
    <row r="412610" spans="8:8">
      <c r="H412610" s="12"/>
    </row>
    <row r="412611" spans="8:8">
      <c r="H412611" s="12"/>
    </row>
    <row r="412612" spans="8:8">
      <c r="H412612" s="12"/>
    </row>
    <row r="412613" spans="8:8">
      <c r="H412613" s="12"/>
    </row>
    <row r="412614" spans="8:8">
      <c r="H412614" s="12"/>
    </row>
    <row r="412615" spans="8:8">
      <c r="H412615" s="12"/>
    </row>
    <row r="412616" spans="8:8">
      <c r="H412616" s="12"/>
    </row>
    <row r="412617" spans="8:8">
      <c r="H412617" s="12"/>
    </row>
    <row r="412618" spans="8:8">
      <c r="H412618" s="12"/>
    </row>
    <row r="412619" spans="8:8">
      <c r="H412619" s="12"/>
    </row>
    <row r="412620" spans="8:8">
      <c r="H412620" s="12"/>
    </row>
    <row r="412621" spans="8:8">
      <c r="H412621" s="12"/>
    </row>
    <row r="412622" spans="8:8">
      <c r="H412622" s="12"/>
    </row>
    <row r="412623" spans="8:8">
      <c r="H412623" s="12"/>
    </row>
    <row r="412624" spans="8:8">
      <c r="H412624" s="12"/>
    </row>
    <row r="412625" spans="8:8">
      <c r="H412625" s="12"/>
    </row>
    <row r="412626" spans="8:8">
      <c r="H412626" s="12"/>
    </row>
    <row r="412627" spans="8:8">
      <c r="H412627" s="12"/>
    </row>
    <row r="412628" spans="8:8">
      <c r="H412628" s="12"/>
    </row>
    <row r="412629" spans="8:8">
      <c r="H412629" s="12"/>
    </row>
    <row r="412630" spans="8:8">
      <c r="H412630" s="12"/>
    </row>
    <row r="412631" spans="8:8">
      <c r="H412631" s="12"/>
    </row>
    <row r="412632" spans="8:8">
      <c r="H412632" s="12"/>
    </row>
    <row r="412633" spans="8:8">
      <c r="H412633" s="12"/>
    </row>
    <row r="412634" spans="8:8">
      <c r="H412634" s="12"/>
    </row>
    <row r="412635" spans="8:8">
      <c r="H412635" s="12"/>
    </row>
    <row r="412636" spans="8:8">
      <c r="H412636" s="12"/>
    </row>
    <row r="412637" spans="8:8">
      <c r="H412637" s="12"/>
    </row>
    <row r="412638" spans="8:8">
      <c r="H412638" s="12"/>
    </row>
    <row r="412639" spans="8:8">
      <c r="H412639" s="12"/>
    </row>
    <row r="412640" spans="8:8">
      <c r="H412640" s="12"/>
    </row>
    <row r="412641" spans="8:8">
      <c r="H412641" s="12"/>
    </row>
    <row r="412642" spans="8:8">
      <c r="H412642" s="12"/>
    </row>
    <row r="412643" spans="8:8">
      <c r="H412643" s="12"/>
    </row>
    <row r="412644" spans="8:8">
      <c r="H412644" s="12"/>
    </row>
    <row r="412645" spans="8:8">
      <c r="H412645" s="12"/>
    </row>
    <row r="412646" spans="8:8">
      <c r="H412646" s="12"/>
    </row>
    <row r="412647" spans="8:8">
      <c r="H412647" s="12"/>
    </row>
    <row r="412648" spans="8:8">
      <c r="H412648" s="12"/>
    </row>
    <row r="412649" spans="8:8">
      <c r="H412649" s="12"/>
    </row>
    <row r="412650" spans="8:8">
      <c r="H412650" s="12"/>
    </row>
    <row r="412651" spans="8:8">
      <c r="H412651" s="12"/>
    </row>
    <row r="412652" spans="8:8">
      <c r="H412652" s="12"/>
    </row>
    <row r="412653" spans="8:8">
      <c r="H412653" s="12"/>
    </row>
    <row r="412654" spans="8:8">
      <c r="H412654" s="12"/>
    </row>
    <row r="412655" spans="8:8">
      <c r="H412655" s="12"/>
    </row>
    <row r="412656" spans="8:8">
      <c r="H412656" s="12"/>
    </row>
    <row r="412657" spans="8:8">
      <c r="H412657" s="12"/>
    </row>
    <row r="412658" spans="8:8">
      <c r="H412658" s="12"/>
    </row>
    <row r="412659" spans="8:8">
      <c r="H412659" s="12"/>
    </row>
    <row r="412660" spans="8:8">
      <c r="H412660" s="12"/>
    </row>
    <row r="412661" spans="8:8">
      <c r="H412661" s="12"/>
    </row>
    <row r="412662" spans="8:8">
      <c r="H412662" s="12"/>
    </row>
    <row r="412663" spans="8:8">
      <c r="H412663" s="12"/>
    </row>
    <row r="412664" spans="8:8">
      <c r="H412664" s="12"/>
    </row>
    <row r="412665" spans="8:8">
      <c r="H412665" s="12"/>
    </row>
    <row r="412666" spans="8:8">
      <c r="H412666" s="12"/>
    </row>
    <row r="412667" spans="8:8">
      <c r="H412667" s="12"/>
    </row>
    <row r="412668" spans="8:8">
      <c r="H412668" s="12"/>
    </row>
    <row r="412669" spans="8:8">
      <c r="H412669" s="12"/>
    </row>
    <row r="412670" spans="8:8">
      <c r="H412670" s="12"/>
    </row>
    <row r="412671" spans="8:8">
      <c r="H412671" s="12"/>
    </row>
    <row r="412672" spans="8:8">
      <c r="H412672" s="12"/>
    </row>
    <row r="412673" spans="8:8">
      <c r="H412673" s="12"/>
    </row>
    <row r="412674" spans="8:8">
      <c r="H412674" s="12"/>
    </row>
    <row r="412675" spans="8:8">
      <c r="H412675" s="12"/>
    </row>
    <row r="412676" spans="8:8">
      <c r="H412676" s="12"/>
    </row>
    <row r="412677" spans="8:8">
      <c r="H412677" s="12"/>
    </row>
    <row r="412678" spans="8:8">
      <c r="H412678" s="12"/>
    </row>
    <row r="412679" spans="8:8">
      <c r="H412679" s="12"/>
    </row>
    <row r="412680" spans="8:8">
      <c r="H412680" s="12"/>
    </row>
    <row r="412681" spans="8:8">
      <c r="H412681" s="12"/>
    </row>
    <row r="412682" spans="8:8">
      <c r="H412682" s="12"/>
    </row>
    <row r="412683" spans="8:8">
      <c r="H412683" s="12"/>
    </row>
    <row r="412684" spans="8:8">
      <c r="H412684" s="12"/>
    </row>
    <row r="412685" spans="8:8">
      <c r="H412685" s="12"/>
    </row>
    <row r="412686" spans="8:8">
      <c r="H412686" s="12"/>
    </row>
    <row r="412687" spans="8:8">
      <c r="H412687" s="12"/>
    </row>
    <row r="412688" spans="8:8">
      <c r="H412688" s="12"/>
    </row>
    <row r="412689" spans="8:8">
      <c r="H412689" s="12"/>
    </row>
    <row r="412690" spans="8:8">
      <c r="H412690" s="12"/>
    </row>
    <row r="412691" spans="8:8">
      <c r="H412691" s="12"/>
    </row>
    <row r="412692" spans="8:8">
      <c r="H412692" s="12"/>
    </row>
    <row r="412693" spans="8:8">
      <c r="H412693" s="12"/>
    </row>
    <row r="412694" spans="8:8">
      <c r="H412694" s="12"/>
    </row>
    <row r="412695" spans="8:8">
      <c r="H412695" s="12"/>
    </row>
    <row r="412696" spans="8:8">
      <c r="H412696" s="12"/>
    </row>
    <row r="412697" spans="8:8">
      <c r="H412697" s="12"/>
    </row>
    <row r="412698" spans="8:8">
      <c r="H412698" s="12"/>
    </row>
    <row r="412699" spans="8:8">
      <c r="H412699" s="12"/>
    </row>
    <row r="412700" spans="8:8">
      <c r="H412700" s="12"/>
    </row>
    <row r="412701" spans="8:8">
      <c r="H412701" s="12"/>
    </row>
    <row r="412702" spans="8:8">
      <c r="H412702" s="12"/>
    </row>
    <row r="412703" spans="8:8">
      <c r="H412703" s="12"/>
    </row>
    <row r="412704" spans="8:8">
      <c r="H412704" s="12"/>
    </row>
    <row r="412705" spans="8:8">
      <c r="H412705" s="12"/>
    </row>
    <row r="412706" spans="8:8">
      <c r="H412706" s="12"/>
    </row>
    <row r="412707" spans="8:8">
      <c r="H412707" s="12"/>
    </row>
    <row r="412708" spans="8:8">
      <c r="H412708" s="12"/>
    </row>
    <row r="412709" spans="8:8">
      <c r="H412709" s="12"/>
    </row>
    <row r="412710" spans="8:8">
      <c r="H412710" s="12"/>
    </row>
    <row r="412711" spans="8:8">
      <c r="H412711" s="12"/>
    </row>
    <row r="412712" spans="8:8">
      <c r="H412712" s="12"/>
    </row>
    <row r="412713" spans="8:8">
      <c r="H412713" s="12"/>
    </row>
    <row r="412714" spans="8:8">
      <c r="H412714" s="12"/>
    </row>
    <row r="412715" spans="8:8">
      <c r="H412715" s="12"/>
    </row>
    <row r="412716" spans="8:8">
      <c r="H412716" s="12"/>
    </row>
    <row r="412717" spans="8:8">
      <c r="H412717" s="12"/>
    </row>
    <row r="412718" spans="8:8">
      <c r="H412718" s="12"/>
    </row>
    <row r="412719" spans="8:8">
      <c r="H412719" s="12"/>
    </row>
    <row r="412720" spans="8:8">
      <c r="H412720" s="12"/>
    </row>
    <row r="412721" spans="8:8">
      <c r="H412721" s="12"/>
    </row>
    <row r="412722" spans="8:8">
      <c r="H412722" s="12"/>
    </row>
    <row r="412723" spans="8:8">
      <c r="H412723" s="12"/>
    </row>
    <row r="412724" spans="8:8">
      <c r="H412724" s="12"/>
    </row>
    <row r="412725" spans="8:8">
      <c r="H412725" s="12"/>
    </row>
    <row r="412726" spans="8:8">
      <c r="H412726" s="12"/>
    </row>
    <row r="412727" spans="8:8">
      <c r="H412727" s="12"/>
    </row>
    <row r="412728" spans="8:8">
      <c r="H412728" s="12"/>
    </row>
    <row r="412729" spans="8:8">
      <c r="H412729" s="12"/>
    </row>
    <row r="412730" spans="8:8">
      <c r="H412730" s="12"/>
    </row>
    <row r="412731" spans="8:8">
      <c r="H412731" s="12"/>
    </row>
    <row r="412732" spans="8:8">
      <c r="H412732" s="12"/>
    </row>
    <row r="412733" spans="8:8">
      <c r="H412733" s="12"/>
    </row>
    <row r="412734" spans="8:8">
      <c r="H412734" s="12"/>
    </row>
    <row r="412735" spans="8:8">
      <c r="H412735" s="12"/>
    </row>
    <row r="412736" spans="8:8">
      <c r="H412736" s="12"/>
    </row>
    <row r="412737" spans="8:8">
      <c r="H412737" s="12"/>
    </row>
    <row r="412738" spans="8:8">
      <c r="H412738" s="12"/>
    </row>
    <row r="412739" spans="8:8">
      <c r="H412739" s="12"/>
    </row>
    <row r="412740" spans="8:8">
      <c r="H412740" s="12"/>
    </row>
    <row r="412741" spans="8:8">
      <c r="H412741" s="12"/>
    </row>
    <row r="412742" spans="8:8">
      <c r="H412742" s="12"/>
    </row>
    <row r="412743" spans="8:8">
      <c r="H412743" s="12"/>
    </row>
    <row r="412744" spans="8:8">
      <c r="H412744" s="12"/>
    </row>
    <row r="412745" spans="8:8">
      <c r="H412745" s="12"/>
    </row>
    <row r="412746" spans="8:8">
      <c r="H412746" s="12"/>
    </row>
    <row r="412747" spans="8:8">
      <c r="H412747" s="12"/>
    </row>
    <row r="412748" spans="8:8">
      <c r="H412748" s="12"/>
    </row>
    <row r="412749" spans="8:8">
      <c r="H412749" s="12"/>
    </row>
    <row r="412750" spans="8:8">
      <c r="H412750" s="12"/>
    </row>
    <row r="412751" spans="8:8">
      <c r="H412751" s="12"/>
    </row>
    <row r="412752" spans="8:8">
      <c r="H412752" s="12"/>
    </row>
    <row r="412753" spans="8:8">
      <c r="H412753" s="12"/>
    </row>
    <row r="412754" spans="8:8">
      <c r="H412754" s="12"/>
    </row>
    <row r="412755" spans="8:8">
      <c r="H412755" s="12"/>
    </row>
    <row r="412756" spans="8:8">
      <c r="H412756" s="12"/>
    </row>
    <row r="412757" spans="8:8">
      <c r="H412757" s="12"/>
    </row>
    <row r="412758" spans="8:8">
      <c r="H412758" s="12"/>
    </row>
    <row r="412759" spans="8:8">
      <c r="H412759" s="12"/>
    </row>
    <row r="412760" spans="8:8">
      <c r="H412760" s="12"/>
    </row>
    <row r="412761" spans="8:8">
      <c r="H412761" s="12"/>
    </row>
    <row r="412762" spans="8:8">
      <c r="H412762" s="12"/>
    </row>
    <row r="412763" spans="8:8">
      <c r="H412763" s="12"/>
    </row>
    <row r="412764" spans="8:8">
      <c r="H412764" s="12"/>
    </row>
    <row r="412765" spans="8:8">
      <c r="H412765" s="12"/>
    </row>
    <row r="412766" spans="8:8">
      <c r="H412766" s="12"/>
    </row>
    <row r="412767" spans="8:8">
      <c r="H412767" s="12"/>
    </row>
    <row r="412768" spans="8:8">
      <c r="H412768" s="12"/>
    </row>
    <row r="412769" spans="8:8">
      <c r="H412769" s="12"/>
    </row>
    <row r="412770" spans="8:8">
      <c r="H412770" s="12"/>
    </row>
    <row r="412771" spans="8:8">
      <c r="H412771" s="12"/>
    </row>
    <row r="412772" spans="8:8">
      <c r="H412772" s="12"/>
    </row>
    <row r="412773" spans="8:8">
      <c r="H412773" s="12"/>
    </row>
    <row r="412774" spans="8:8">
      <c r="H412774" s="12"/>
    </row>
    <row r="412775" spans="8:8">
      <c r="H412775" s="12"/>
    </row>
    <row r="412776" spans="8:8">
      <c r="H412776" s="12"/>
    </row>
    <row r="412777" spans="8:8">
      <c r="H412777" s="12"/>
    </row>
    <row r="412778" spans="8:8">
      <c r="H412778" s="12"/>
    </row>
    <row r="412779" spans="8:8">
      <c r="H412779" s="12"/>
    </row>
    <row r="412780" spans="8:8">
      <c r="H412780" s="12"/>
    </row>
    <row r="412781" spans="8:8">
      <c r="H412781" s="12"/>
    </row>
    <row r="412782" spans="8:8">
      <c r="H412782" s="12"/>
    </row>
    <row r="412783" spans="8:8">
      <c r="H412783" s="12"/>
    </row>
    <row r="412784" spans="8:8">
      <c r="H412784" s="12"/>
    </row>
    <row r="412785" spans="8:8">
      <c r="H412785" s="12"/>
    </row>
    <row r="412786" spans="8:8">
      <c r="H412786" s="12"/>
    </row>
    <row r="412787" spans="8:8">
      <c r="H412787" s="12"/>
    </row>
    <row r="412788" spans="8:8">
      <c r="H412788" s="12"/>
    </row>
    <row r="412789" spans="8:8">
      <c r="H412789" s="12"/>
    </row>
    <row r="412790" spans="8:8">
      <c r="H412790" s="12"/>
    </row>
    <row r="412791" spans="8:8">
      <c r="H412791" s="12"/>
    </row>
    <row r="412792" spans="8:8">
      <c r="H412792" s="12"/>
    </row>
    <row r="412793" spans="8:8">
      <c r="H412793" s="12"/>
    </row>
    <row r="412794" spans="8:8">
      <c r="H412794" s="12"/>
    </row>
    <row r="412795" spans="8:8">
      <c r="H412795" s="12"/>
    </row>
    <row r="412796" spans="8:8">
      <c r="H412796" s="12"/>
    </row>
    <row r="412797" spans="8:8">
      <c r="H412797" s="12"/>
    </row>
    <row r="412798" spans="8:8">
      <c r="H412798" s="12"/>
    </row>
    <row r="412799" spans="8:8">
      <c r="H412799" s="12"/>
    </row>
    <row r="412800" spans="8:8">
      <c r="H412800" s="12"/>
    </row>
    <row r="412801" spans="8:8">
      <c r="H412801" s="12"/>
    </row>
    <row r="412802" spans="8:8">
      <c r="H412802" s="12"/>
    </row>
    <row r="412803" spans="8:8">
      <c r="H412803" s="12"/>
    </row>
    <row r="412804" spans="8:8">
      <c r="H412804" s="12"/>
    </row>
    <row r="412805" spans="8:8">
      <c r="H412805" s="12"/>
    </row>
    <row r="412806" spans="8:8">
      <c r="H412806" s="12"/>
    </row>
    <row r="412807" spans="8:8">
      <c r="H412807" s="12"/>
    </row>
    <row r="412808" spans="8:8">
      <c r="H412808" s="12"/>
    </row>
    <row r="412809" spans="8:8">
      <c r="H412809" s="12"/>
    </row>
    <row r="412810" spans="8:8">
      <c r="H412810" s="12"/>
    </row>
    <row r="412811" spans="8:8">
      <c r="H412811" s="12"/>
    </row>
    <row r="412812" spans="8:8">
      <c r="H412812" s="12"/>
    </row>
    <row r="412813" spans="8:8">
      <c r="H412813" s="12"/>
    </row>
    <row r="412814" spans="8:8">
      <c r="H412814" s="12"/>
    </row>
    <row r="412815" spans="8:8">
      <c r="H412815" s="12"/>
    </row>
    <row r="412816" spans="8:8">
      <c r="H412816" s="12"/>
    </row>
    <row r="412817" spans="8:8">
      <c r="H412817" s="12"/>
    </row>
    <row r="412818" spans="8:8">
      <c r="H412818" s="12"/>
    </row>
    <row r="412819" spans="8:8">
      <c r="H412819" s="12"/>
    </row>
    <row r="412820" spans="8:8">
      <c r="H412820" s="12"/>
    </row>
    <row r="412821" spans="8:8">
      <c r="H412821" s="12"/>
    </row>
    <row r="412822" spans="8:8">
      <c r="H412822" s="12"/>
    </row>
    <row r="412823" spans="8:8">
      <c r="H412823" s="12"/>
    </row>
    <row r="412824" spans="8:8">
      <c r="H412824" s="12"/>
    </row>
    <row r="412825" spans="8:8">
      <c r="H412825" s="12"/>
    </row>
    <row r="412826" spans="8:8">
      <c r="H412826" s="12"/>
    </row>
    <row r="412827" spans="8:8">
      <c r="H412827" s="12"/>
    </row>
    <row r="412828" spans="8:8">
      <c r="H412828" s="12"/>
    </row>
    <row r="412829" spans="8:8">
      <c r="H412829" s="12"/>
    </row>
    <row r="412830" spans="8:8">
      <c r="H412830" s="12"/>
    </row>
    <row r="412831" spans="8:8">
      <c r="H412831" s="12"/>
    </row>
    <row r="412832" spans="8:8">
      <c r="H412832" s="12"/>
    </row>
    <row r="412833" spans="8:8">
      <c r="H412833" s="12"/>
    </row>
    <row r="412834" spans="8:8">
      <c r="H412834" s="12"/>
    </row>
    <row r="412835" spans="8:8">
      <c r="H412835" s="12"/>
    </row>
    <row r="412836" spans="8:8">
      <c r="H412836" s="12"/>
    </row>
    <row r="412837" spans="8:8">
      <c r="H412837" s="12"/>
    </row>
    <row r="412838" spans="8:8">
      <c r="H412838" s="12"/>
    </row>
    <row r="412839" spans="8:8">
      <c r="H412839" s="12"/>
    </row>
    <row r="412840" spans="8:8">
      <c r="H412840" s="12"/>
    </row>
    <row r="412841" spans="8:8">
      <c r="H412841" s="12"/>
    </row>
    <row r="412842" spans="8:8">
      <c r="H412842" s="12"/>
    </row>
    <row r="412843" spans="8:8">
      <c r="H412843" s="12"/>
    </row>
    <row r="412844" spans="8:8">
      <c r="H412844" s="12"/>
    </row>
    <row r="412845" spans="8:8">
      <c r="H412845" s="12"/>
    </row>
    <row r="412846" spans="8:8">
      <c r="H412846" s="12"/>
    </row>
    <row r="412847" spans="8:8">
      <c r="H412847" s="12"/>
    </row>
    <row r="412848" spans="8:8">
      <c r="H412848" s="12"/>
    </row>
    <row r="412849" spans="8:8">
      <c r="H412849" s="12"/>
    </row>
    <row r="412850" spans="8:8">
      <c r="H412850" s="12"/>
    </row>
    <row r="412851" spans="8:8">
      <c r="H412851" s="12"/>
    </row>
    <row r="412852" spans="8:8">
      <c r="H412852" s="12"/>
    </row>
    <row r="412853" spans="8:8">
      <c r="H412853" s="12"/>
    </row>
    <row r="412854" spans="8:8">
      <c r="H412854" s="12"/>
    </row>
    <row r="412855" spans="8:8">
      <c r="H412855" s="12"/>
    </row>
    <row r="412856" spans="8:8">
      <c r="H412856" s="12"/>
    </row>
    <row r="412857" spans="8:8">
      <c r="H412857" s="12"/>
    </row>
    <row r="412858" spans="8:8">
      <c r="H412858" s="12"/>
    </row>
    <row r="412859" spans="8:8">
      <c r="H412859" s="12"/>
    </row>
    <row r="412860" spans="8:8">
      <c r="H412860" s="12"/>
    </row>
    <row r="412861" spans="8:8">
      <c r="H412861" s="12"/>
    </row>
    <row r="412862" spans="8:8">
      <c r="H412862" s="12"/>
    </row>
    <row r="412863" spans="8:8">
      <c r="H412863" s="12"/>
    </row>
    <row r="412864" spans="8:8">
      <c r="H412864" s="12"/>
    </row>
    <row r="412865" spans="8:8">
      <c r="H412865" s="12"/>
    </row>
    <row r="412866" spans="8:8">
      <c r="H412866" s="12"/>
    </row>
    <row r="412867" spans="8:8">
      <c r="H412867" s="12"/>
    </row>
    <row r="412868" spans="8:8">
      <c r="H412868" s="12"/>
    </row>
    <row r="412869" spans="8:8">
      <c r="H412869" s="12"/>
    </row>
    <row r="412870" spans="8:8">
      <c r="H412870" s="12"/>
    </row>
    <row r="412871" spans="8:8">
      <c r="H412871" s="12"/>
    </row>
    <row r="412872" spans="8:8">
      <c r="H412872" s="12"/>
    </row>
    <row r="412873" spans="8:8">
      <c r="H412873" s="12"/>
    </row>
    <row r="412874" spans="8:8">
      <c r="H412874" s="12"/>
    </row>
    <row r="412875" spans="8:8">
      <c r="H412875" s="12"/>
    </row>
    <row r="412876" spans="8:8">
      <c r="H412876" s="12"/>
    </row>
    <row r="412877" spans="8:8">
      <c r="H412877" s="12"/>
    </row>
    <row r="412878" spans="8:8">
      <c r="H412878" s="12"/>
    </row>
    <row r="412879" spans="8:8">
      <c r="H412879" s="12"/>
    </row>
    <row r="412880" spans="8:8">
      <c r="H412880" s="12"/>
    </row>
    <row r="412881" spans="8:8">
      <c r="H412881" s="12"/>
    </row>
    <row r="412882" spans="8:8">
      <c r="H412882" s="12"/>
    </row>
    <row r="412883" spans="8:8">
      <c r="H412883" s="12"/>
    </row>
    <row r="412884" spans="8:8">
      <c r="H412884" s="12"/>
    </row>
    <row r="412885" spans="8:8">
      <c r="H412885" s="12"/>
    </row>
    <row r="412886" spans="8:8">
      <c r="H412886" s="12"/>
    </row>
    <row r="412887" spans="8:8">
      <c r="H412887" s="12"/>
    </row>
    <row r="412888" spans="8:8">
      <c r="H412888" s="12"/>
    </row>
    <row r="412889" spans="8:8">
      <c r="H412889" s="12"/>
    </row>
    <row r="412890" spans="8:8">
      <c r="H412890" s="12"/>
    </row>
    <row r="412891" spans="8:8">
      <c r="H412891" s="12"/>
    </row>
    <row r="412892" spans="8:8">
      <c r="H412892" s="12"/>
    </row>
    <row r="412893" spans="8:8">
      <c r="H412893" s="12"/>
    </row>
    <row r="412894" spans="8:8">
      <c r="H412894" s="12"/>
    </row>
    <row r="412895" spans="8:8">
      <c r="H412895" s="12"/>
    </row>
    <row r="412896" spans="8:8">
      <c r="H412896" s="12"/>
    </row>
    <row r="412897" spans="8:8">
      <c r="H412897" s="12"/>
    </row>
    <row r="412898" spans="8:8">
      <c r="H412898" s="12"/>
    </row>
    <row r="412899" spans="8:8">
      <c r="H412899" s="12"/>
    </row>
    <row r="412900" spans="8:8">
      <c r="H412900" s="12"/>
    </row>
    <row r="412901" spans="8:8">
      <c r="H412901" s="12"/>
    </row>
    <row r="412902" spans="8:8">
      <c r="H412902" s="12"/>
    </row>
    <row r="412903" spans="8:8">
      <c r="H412903" s="12"/>
    </row>
    <row r="412904" spans="8:8">
      <c r="H412904" s="12"/>
    </row>
    <row r="412905" spans="8:8">
      <c r="H412905" s="12"/>
    </row>
    <row r="412906" spans="8:8">
      <c r="H412906" s="12"/>
    </row>
    <row r="412907" spans="8:8">
      <c r="H412907" s="12"/>
    </row>
    <row r="412908" spans="8:8">
      <c r="H412908" s="12"/>
    </row>
    <row r="412909" spans="8:8">
      <c r="H412909" s="12"/>
    </row>
    <row r="412910" spans="8:8">
      <c r="H412910" s="12"/>
    </row>
    <row r="412911" spans="8:8">
      <c r="H412911" s="12"/>
    </row>
    <row r="412912" spans="8:8">
      <c r="H412912" s="12"/>
    </row>
    <row r="412913" spans="8:8">
      <c r="H412913" s="12"/>
    </row>
    <row r="412914" spans="8:8">
      <c r="H412914" s="12"/>
    </row>
    <row r="412915" spans="8:8">
      <c r="H412915" s="12"/>
    </row>
    <row r="412916" spans="8:8">
      <c r="H412916" s="12"/>
    </row>
    <row r="412917" spans="8:8">
      <c r="H412917" s="12"/>
    </row>
    <row r="412918" spans="8:8">
      <c r="H412918" s="12"/>
    </row>
    <row r="412919" spans="8:8">
      <c r="H412919" s="12"/>
    </row>
    <row r="412920" spans="8:8">
      <c r="H412920" s="12"/>
    </row>
    <row r="412921" spans="8:8">
      <c r="H412921" s="12"/>
    </row>
    <row r="412922" spans="8:8">
      <c r="H412922" s="12"/>
    </row>
    <row r="412923" spans="8:8">
      <c r="H412923" s="12"/>
    </row>
    <row r="412924" spans="8:8">
      <c r="H412924" s="12"/>
    </row>
    <row r="412925" spans="8:8">
      <c r="H412925" s="12"/>
    </row>
    <row r="412926" spans="8:8">
      <c r="H412926" s="12"/>
    </row>
    <row r="412927" spans="8:8">
      <c r="H412927" s="12"/>
    </row>
    <row r="412928" spans="8:8">
      <c r="H412928" s="12"/>
    </row>
    <row r="412929" spans="8:8">
      <c r="H412929" s="12"/>
    </row>
    <row r="412930" spans="8:8">
      <c r="H412930" s="12"/>
    </row>
    <row r="412931" spans="8:8">
      <c r="H412931" s="12"/>
    </row>
    <row r="412932" spans="8:8">
      <c r="H412932" s="12"/>
    </row>
    <row r="412933" spans="8:8">
      <c r="H412933" s="12"/>
    </row>
    <row r="412934" spans="8:8">
      <c r="H412934" s="12"/>
    </row>
    <row r="412935" spans="8:8">
      <c r="H412935" s="12"/>
    </row>
    <row r="412936" spans="8:8">
      <c r="H412936" s="12"/>
    </row>
    <row r="412937" spans="8:8">
      <c r="H412937" s="12"/>
    </row>
    <row r="412938" spans="8:8">
      <c r="H412938" s="12"/>
    </row>
    <row r="412939" spans="8:8">
      <c r="H412939" s="12"/>
    </row>
    <row r="412940" spans="8:8">
      <c r="H412940" s="12"/>
    </row>
    <row r="412941" spans="8:8">
      <c r="H412941" s="12"/>
    </row>
    <row r="412942" spans="8:8">
      <c r="H412942" s="12"/>
    </row>
    <row r="412943" spans="8:8">
      <c r="H412943" s="12"/>
    </row>
    <row r="412944" spans="8:8">
      <c r="H412944" s="12"/>
    </row>
    <row r="412945" spans="8:8">
      <c r="H412945" s="12"/>
    </row>
    <row r="412946" spans="8:8">
      <c r="H412946" s="12"/>
    </row>
    <row r="412947" spans="8:8">
      <c r="H412947" s="12"/>
    </row>
    <row r="412948" spans="8:8">
      <c r="H412948" s="12"/>
    </row>
    <row r="412949" spans="8:8">
      <c r="H412949" s="12"/>
    </row>
    <row r="412950" spans="8:8">
      <c r="H412950" s="12"/>
    </row>
    <row r="412951" spans="8:8">
      <c r="H412951" s="12"/>
    </row>
    <row r="412952" spans="8:8">
      <c r="H412952" s="12"/>
    </row>
    <row r="412953" spans="8:8">
      <c r="H412953" s="12"/>
    </row>
    <row r="412954" spans="8:8">
      <c r="H412954" s="12"/>
    </row>
    <row r="412955" spans="8:8">
      <c r="H412955" s="12"/>
    </row>
    <row r="412956" spans="8:8">
      <c r="H412956" s="12"/>
    </row>
    <row r="412957" spans="8:8">
      <c r="H412957" s="12"/>
    </row>
    <row r="412958" spans="8:8">
      <c r="H412958" s="12"/>
    </row>
    <row r="412959" spans="8:8">
      <c r="H412959" s="12"/>
    </row>
    <row r="412960" spans="8:8">
      <c r="H412960" s="12"/>
    </row>
    <row r="412961" spans="8:8">
      <c r="H412961" s="12"/>
    </row>
    <row r="412962" spans="8:8">
      <c r="H412962" s="12"/>
    </row>
    <row r="412963" spans="8:8">
      <c r="H412963" s="12"/>
    </row>
    <row r="412964" spans="8:8">
      <c r="H412964" s="12"/>
    </row>
    <row r="412965" spans="8:8">
      <c r="H412965" s="12"/>
    </row>
    <row r="412966" spans="8:8">
      <c r="H412966" s="12"/>
    </row>
    <row r="412967" spans="8:8">
      <c r="H412967" s="12"/>
    </row>
    <row r="412968" spans="8:8">
      <c r="H412968" s="12"/>
    </row>
    <row r="412969" spans="8:8">
      <c r="H412969" s="12"/>
    </row>
    <row r="412970" spans="8:8">
      <c r="H412970" s="12"/>
    </row>
    <row r="412971" spans="8:8">
      <c r="H412971" s="12"/>
    </row>
    <row r="412972" spans="8:8">
      <c r="H412972" s="12"/>
    </row>
    <row r="412973" spans="8:8">
      <c r="H412973" s="12"/>
    </row>
    <row r="412974" spans="8:8">
      <c r="H412974" s="12"/>
    </row>
    <row r="412975" spans="8:8">
      <c r="H412975" s="12"/>
    </row>
    <row r="412976" spans="8:8">
      <c r="H412976" s="12"/>
    </row>
    <row r="412977" spans="8:8">
      <c r="H412977" s="12"/>
    </row>
    <row r="412978" spans="8:8">
      <c r="H412978" s="12"/>
    </row>
    <row r="412979" spans="8:8">
      <c r="H412979" s="12"/>
    </row>
    <row r="412980" spans="8:8">
      <c r="H412980" s="12"/>
    </row>
    <row r="412981" spans="8:8">
      <c r="H412981" s="12"/>
    </row>
    <row r="412982" spans="8:8">
      <c r="H412982" s="12"/>
    </row>
    <row r="412983" spans="8:8">
      <c r="H412983" s="12"/>
    </row>
    <row r="412984" spans="8:8">
      <c r="H412984" s="12"/>
    </row>
    <row r="412985" spans="8:8">
      <c r="H412985" s="12"/>
    </row>
    <row r="412986" spans="8:8">
      <c r="H412986" s="12"/>
    </row>
    <row r="412987" spans="8:8">
      <c r="H412987" s="12"/>
    </row>
    <row r="412988" spans="8:8">
      <c r="H412988" s="12"/>
    </row>
    <row r="412989" spans="8:8">
      <c r="H412989" s="12"/>
    </row>
    <row r="412990" spans="8:8">
      <c r="H412990" s="12"/>
    </row>
    <row r="412991" spans="8:8">
      <c r="H412991" s="12"/>
    </row>
    <row r="412992" spans="8:8">
      <c r="H412992" s="12"/>
    </row>
    <row r="412993" spans="8:8">
      <c r="H412993" s="12"/>
    </row>
    <row r="412994" spans="8:8">
      <c r="H412994" s="12"/>
    </row>
    <row r="412995" spans="8:8">
      <c r="H412995" s="12"/>
    </row>
    <row r="412996" spans="8:8">
      <c r="H412996" s="12"/>
    </row>
    <row r="412997" spans="8:8">
      <c r="H412997" s="12"/>
    </row>
    <row r="412998" spans="8:8">
      <c r="H412998" s="12"/>
    </row>
    <row r="412999" spans="8:8">
      <c r="H412999" s="12"/>
    </row>
    <row r="413000" spans="8:8">
      <c r="H413000" s="12"/>
    </row>
    <row r="413001" spans="8:8">
      <c r="H413001" s="12"/>
    </row>
    <row r="413002" spans="8:8">
      <c r="H413002" s="12"/>
    </row>
    <row r="413003" spans="8:8">
      <c r="H413003" s="12"/>
    </row>
    <row r="413004" spans="8:8">
      <c r="H413004" s="12"/>
    </row>
    <row r="413005" spans="8:8">
      <c r="H413005" s="12"/>
    </row>
    <row r="413006" spans="8:8">
      <c r="H413006" s="12"/>
    </row>
    <row r="413007" spans="8:8">
      <c r="H413007" s="12"/>
    </row>
    <row r="413008" spans="8:8">
      <c r="H413008" s="12"/>
    </row>
    <row r="413009" spans="8:8">
      <c r="H413009" s="12"/>
    </row>
    <row r="413010" spans="8:8">
      <c r="H413010" s="12"/>
    </row>
    <row r="413011" spans="8:8">
      <c r="H413011" s="12"/>
    </row>
    <row r="413012" spans="8:8">
      <c r="H413012" s="12"/>
    </row>
    <row r="413013" spans="8:8">
      <c r="H413013" s="12"/>
    </row>
    <row r="413014" spans="8:8">
      <c r="H413014" s="12"/>
    </row>
    <row r="413015" spans="8:8">
      <c r="H413015" s="12"/>
    </row>
    <row r="413016" spans="8:8">
      <c r="H413016" s="12"/>
    </row>
    <row r="413017" spans="8:8">
      <c r="H413017" s="12"/>
    </row>
    <row r="413018" spans="8:8">
      <c r="H413018" s="12"/>
    </row>
    <row r="413019" spans="8:8">
      <c r="H413019" s="12"/>
    </row>
    <row r="413020" spans="8:8">
      <c r="H413020" s="12"/>
    </row>
    <row r="413021" spans="8:8">
      <c r="H413021" s="12"/>
    </row>
    <row r="413022" spans="8:8">
      <c r="H413022" s="12"/>
    </row>
    <row r="413023" spans="8:8">
      <c r="H413023" s="12"/>
    </row>
    <row r="413024" spans="8:8">
      <c r="H413024" s="12"/>
    </row>
    <row r="413025" spans="8:8">
      <c r="H413025" s="12"/>
    </row>
    <row r="413026" spans="8:8">
      <c r="H413026" s="12"/>
    </row>
    <row r="413027" spans="8:8">
      <c r="H413027" s="12"/>
    </row>
    <row r="413028" spans="8:8">
      <c r="H413028" s="12"/>
    </row>
    <row r="413029" spans="8:8">
      <c r="H413029" s="12"/>
    </row>
    <row r="413030" spans="8:8">
      <c r="H413030" s="12"/>
    </row>
    <row r="413031" spans="8:8">
      <c r="H413031" s="12"/>
    </row>
    <row r="413032" spans="8:8">
      <c r="H413032" s="12"/>
    </row>
    <row r="413033" spans="8:8">
      <c r="H413033" s="12"/>
    </row>
    <row r="413034" spans="8:8">
      <c r="H413034" s="12"/>
    </row>
    <row r="413035" spans="8:8">
      <c r="H413035" s="12"/>
    </row>
    <row r="413036" spans="8:8">
      <c r="H413036" s="12"/>
    </row>
    <row r="413037" spans="8:8">
      <c r="H413037" s="12"/>
    </row>
    <row r="413038" spans="8:8">
      <c r="H413038" s="12"/>
    </row>
    <row r="413039" spans="8:8">
      <c r="H413039" s="12"/>
    </row>
    <row r="413040" spans="8:8">
      <c r="H413040" s="12"/>
    </row>
    <row r="413041" spans="8:8">
      <c r="H413041" s="12"/>
    </row>
    <row r="413042" spans="8:8">
      <c r="H413042" s="12"/>
    </row>
    <row r="413043" spans="8:8">
      <c r="H413043" s="12"/>
    </row>
    <row r="413044" spans="8:8">
      <c r="H413044" s="12"/>
    </row>
    <row r="413045" spans="8:8">
      <c r="H413045" s="12"/>
    </row>
    <row r="413046" spans="8:8">
      <c r="H413046" s="12"/>
    </row>
    <row r="413047" spans="8:8">
      <c r="H413047" s="12"/>
    </row>
    <row r="413048" spans="8:8">
      <c r="H413048" s="12"/>
    </row>
    <row r="413049" spans="8:8">
      <c r="H413049" s="12"/>
    </row>
    <row r="413050" spans="8:8">
      <c r="H413050" s="12"/>
    </row>
    <row r="413051" spans="8:8">
      <c r="H413051" s="12"/>
    </row>
    <row r="413052" spans="8:8">
      <c r="H413052" s="12"/>
    </row>
    <row r="413053" spans="8:8">
      <c r="H413053" s="12"/>
    </row>
    <row r="413054" spans="8:8">
      <c r="H413054" s="12"/>
    </row>
    <row r="413055" spans="8:8">
      <c r="H413055" s="12"/>
    </row>
    <row r="413056" spans="8:8">
      <c r="H413056" s="12"/>
    </row>
    <row r="413057" spans="8:8">
      <c r="H413057" s="12"/>
    </row>
    <row r="413058" spans="8:8">
      <c r="H413058" s="12"/>
    </row>
    <row r="413059" spans="8:8">
      <c r="H413059" s="12"/>
    </row>
    <row r="413060" spans="8:8">
      <c r="H413060" s="12"/>
    </row>
    <row r="413061" spans="8:8">
      <c r="H413061" s="12"/>
    </row>
    <row r="413062" spans="8:8">
      <c r="H413062" s="12"/>
    </row>
    <row r="413063" spans="8:8">
      <c r="H413063" s="12"/>
    </row>
    <row r="413064" spans="8:8">
      <c r="H413064" s="12"/>
    </row>
    <row r="413065" spans="8:8">
      <c r="H413065" s="12"/>
    </row>
    <row r="413066" spans="8:8">
      <c r="H413066" s="12"/>
    </row>
    <row r="413067" spans="8:8">
      <c r="H413067" s="12"/>
    </row>
    <row r="413068" spans="8:8">
      <c r="H413068" s="12"/>
    </row>
    <row r="413069" spans="8:8">
      <c r="H413069" s="12"/>
    </row>
    <row r="413070" spans="8:8">
      <c r="H413070" s="12"/>
    </row>
    <row r="413071" spans="8:8">
      <c r="H413071" s="12"/>
    </row>
    <row r="413072" spans="8:8">
      <c r="H413072" s="12"/>
    </row>
    <row r="413073" spans="8:8">
      <c r="H413073" s="12"/>
    </row>
    <row r="413074" spans="8:8">
      <c r="H413074" s="12"/>
    </row>
    <row r="413075" spans="8:8">
      <c r="H413075" s="12"/>
    </row>
    <row r="413076" spans="8:8">
      <c r="H413076" s="12"/>
    </row>
    <row r="413077" spans="8:8">
      <c r="H413077" s="12"/>
    </row>
    <row r="413078" spans="8:8">
      <c r="H413078" s="12"/>
    </row>
    <row r="413079" spans="8:8">
      <c r="H413079" s="12"/>
    </row>
    <row r="413080" spans="8:8">
      <c r="H413080" s="12"/>
    </row>
    <row r="413081" spans="8:8">
      <c r="H413081" s="12"/>
    </row>
    <row r="413082" spans="8:8">
      <c r="H413082" s="12"/>
    </row>
    <row r="413083" spans="8:8">
      <c r="H413083" s="12"/>
    </row>
    <row r="413084" spans="8:8">
      <c r="H413084" s="12"/>
    </row>
    <row r="413085" spans="8:8">
      <c r="H413085" s="12"/>
    </row>
    <row r="413086" spans="8:8">
      <c r="H413086" s="12"/>
    </row>
    <row r="413087" spans="8:8">
      <c r="H413087" s="12"/>
    </row>
    <row r="413088" spans="8:8">
      <c r="H413088" s="12"/>
    </row>
    <row r="413089" spans="8:8">
      <c r="H413089" s="12"/>
    </row>
    <row r="413090" spans="8:8">
      <c r="H413090" s="12"/>
    </row>
    <row r="413091" spans="8:8">
      <c r="H413091" s="12"/>
    </row>
    <row r="413092" spans="8:8">
      <c r="H413092" s="12"/>
    </row>
    <row r="413093" spans="8:8">
      <c r="H413093" s="12"/>
    </row>
    <row r="413094" spans="8:8">
      <c r="H413094" s="12"/>
    </row>
    <row r="413095" spans="8:8">
      <c r="H413095" s="12"/>
    </row>
    <row r="413096" spans="8:8">
      <c r="H413096" s="12"/>
    </row>
    <row r="413097" spans="8:8">
      <c r="H413097" s="12"/>
    </row>
    <row r="413098" spans="8:8">
      <c r="H413098" s="12"/>
    </row>
    <row r="413099" spans="8:8">
      <c r="H413099" s="12"/>
    </row>
    <row r="413100" spans="8:8">
      <c r="H413100" s="12"/>
    </row>
    <row r="413101" spans="8:8">
      <c r="H413101" s="12"/>
    </row>
    <row r="413102" spans="8:8">
      <c r="H413102" s="12"/>
    </row>
    <row r="413103" spans="8:8">
      <c r="H413103" s="12"/>
    </row>
    <row r="413104" spans="8:8">
      <c r="H413104" s="12"/>
    </row>
    <row r="413105" spans="8:8">
      <c r="H413105" s="12"/>
    </row>
    <row r="413106" spans="8:8">
      <c r="H413106" s="12"/>
    </row>
    <row r="413107" spans="8:8">
      <c r="H413107" s="12"/>
    </row>
    <row r="413108" spans="8:8">
      <c r="H413108" s="12"/>
    </row>
    <row r="413109" spans="8:8">
      <c r="H413109" s="12"/>
    </row>
    <row r="413110" spans="8:8">
      <c r="H413110" s="12"/>
    </row>
    <row r="413111" spans="8:8">
      <c r="H413111" s="12"/>
    </row>
    <row r="413112" spans="8:8">
      <c r="H413112" s="12"/>
    </row>
    <row r="413113" spans="8:8">
      <c r="H413113" s="12"/>
    </row>
    <row r="413114" spans="8:8">
      <c r="H413114" s="12"/>
    </row>
    <row r="413115" spans="8:8">
      <c r="H413115" s="12"/>
    </row>
    <row r="413116" spans="8:8">
      <c r="H413116" s="12"/>
    </row>
    <row r="413117" spans="8:8">
      <c r="H413117" s="12"/>
    </row>
    <row r="413118" spans="8:8">
      <c r="H413118" s="12"/>
    </row>
    <row r="413119" spans="8:8">
      <c r="H413119" s="12"/>
    </row>
    <row r="413120" spans="8:8">
      <c r="H413120" s="12"/>
    </row>
    <row r="413121" spans="8:8">
      <c r="H413121" s="12"/>
    </row>
    <row r="413122" spans="8:8">
      <c r="H413122" s="12"/>
    </row>
    <row r="413123" spans="8:8">
      <c r="H413123" s="12"/>
    </row>
    <row r="413124" spans="8:8">
      <c r="H413124" s="12"/>
    </row>
    <row r="413125" spans="8:8">
      <c r="H413125" s="12"/>
    </row>
    <row r="413126" spans="8:8">
      <c r="H413126" s="12"/>
    </row>
    <row r="413127" spans="8:8">
      <c r="H413127" s="12"/>
    </row>
    <row r="413128" spans="8:8">
      <c r="H413128" s="12"/>
    </row>
    <row r="413129" spans="8:8">
      <c r="H413129" s="12"/>
    </row>
    <row r="413130" spans="8:8">
      <c r="H413130" s="12"/>
    </row>
    <row r="413131" spans="8:8">
      <c r="H413131" s="12"/>
    </row>
    <row r="413132" spans="8:8">
      <c r="H413132" s="12"/>
    </row>
    <row r="413133" spans="8:8">
      <c r="H413133" s="12"/>
    </row>
    <row r="413134" spans="8:8">
      <c r="H413134" s="12"/>
    </row>
    <row r="413135" spans="8:8">
      <c r="H413135" s="12"/>
    </row>
    <row r="413136" spans="8:8">
      <c r="H413136" s="12"/>
    </row>
    <row r="413137" spans="8:8">
      <c r="H413137" s="12"/>
    </row>
    <row r="413138" spans="8:8">
      <c r="H413138" s="12"/>
    </row>
    <row r="413139" spans="8:8">
      <c r="H413139" s="12"/>
    </row>
    <row r="413140" spans="8:8">
      <c r="H413140" s="12"/>
    </row>
    <row r="413141" spans="8:8">
      <c r="H413141" s="12"/>
    </row>
    <row r="413142" spans="8:8">
      <c r="H413142" s="12"/>
    </row>
    <row r="413143" spans="8:8">
      <c r="H413143" s="12"/>
    </row>
    <row r="413144" spans="8:8">
      <c r="H413144" s="12"/>
    </row>
    <row r="413145" spans="8:8">
      <c r="H413145" s="12"/>
    </row>
    <row r="413146" spans="8:8">
      <c r="H413146" s="12"/>
    </row>
    <row r="413147" spans="8:8">
      <c r="H413147" s="12"/>
    </row>
    <row r="413148" spans="8:8">
      <c r="H413148" s="12"/>
    </row>
    <row r="413149" spans="8:8">
      <c r="H413149" s="12"/>
    </row>
    <row r="413150" spans="8:8">
      <c r="H413150" s="12"/>
    </row>
    <row r="413151" spans="8:8">
      <c r="H413151" s="12"/>
    </row>
    <row r="413152" spans="8:8">
      <c r="H413152" s="12"/>
    </row>
    <row r="413153" spans="8:8">
      <c r="H413153" s="12"/>
    </row>
    <row r="413154" spans="8:8">
      <c r="H413154" s="12"/>
    </row>
    <row r="413155" spans="8:8">
      <c r="H413155" s="12"/>
    </row>
    <row r="413156" spans="8:8">
      <c r="H413156" s="12"/>
    </row>
    <row r="413157" spans="8:8">
      <c r="H413157" s="12"/>
    </row>
    <row r="413158" spans="8:8">
      <c r="H413158" s="12"/>
    </row>
    <row r="413159" spans="8:8">
      <c r="H413159" s="12"/>
    </row>
    <row r="413160" spans="8:8">
      <c r="H413160" s="12"/>
    </row>
    <row r="413161" spans="8:8">
      <c r="H413161" s="12"/>
    </row>
    <row r="413162" spans="8:8">
      <c r="H413162" s="12"/>
    </row>
    <row r="413163" spans="8:8">
      <c r="H413163" s="12"/>
    </row>
    <row r="413164" spans="8:8">
      <c r="H413164" s="12"/>
    </row>
    <row r="413165" spans="8:8">
      <c r="H413165" s="12"/>
    </row>
    <row r="413166" spans="8:8">
      <c r="H413166" s="12"/>
    </row>
    <row r="413167" spans="8:8">
      <c r="H413167" s="12"/>
    </row>
    <row r="413168" spans="8:8">
      <c r="H413168" s="12"/>
    </row>
    <row r="413169" spans="8:8">
      <c r="H413169" s="12"/>
    </row>
    <row r="413170" spans="8:8">
      <c r="H413170" s="12"/>
    </row>
    <row r="413171" spans="8:8">
      <c r="H413171" s="12"/>
    </row>
    <row r="413172" spans="8:8">
      <c r="H413172" s="12"/>
    </row>
    <row r="413173" spans="8:8">
      <c r="H413173" s="12"/>
    </row>
    <row r="413174" spans="8:8">
      <c r="H413174" s="12"/>
    </row>
    <row r="413175" spans="8:8">
      <c r="H413175" s="12"/>
    </row>
    <row r="413176" spans="8:8">
      <c r="H413176" s="12"/>
    </row>
    <row r="413177" spans="8:8">
      <c r="H413177" s="12"/>
    </row>
    <row r="413178" spans="8:8">
      <c r="H413178" s="12"/>
    </row>
    <row r="413179" spans="8:8">
      <c r="H413179" s="12"/>
    </row>
    <row r="413180" spans="8:8">
      <c r="H413180" s="12"/>
    </row>
    <row r="413181" spans="8:8">
      <c r="H413181" s="12"/>
    </row>
    <row r="413182" spans="8:8">
      <c r="H413182" s="12"/>
    </row>
    <row r="413183" spans="8:8">
      <c r="H413183" s="12"/>
    </row>
    <row r="413184" spans="8:8">
      <c r="H413184" s="12"/>
    </row>
    <row r="413185" spans="8:8">
      <c r="H413185" s="12"/>
    </row>
    <row r="413186" spans="8:8">
      <c r="H413186" s="12"/>
    </row>
    <row r="413187" spans="8:8">
      <c r="H413187" s="12"/>
    </row>
    <row r="413188" spans="8:8">
      <c r="H413188" s="12"/>
    </row>
    <row r="413189" spans="8:8">
      <c r="H413189" s="12"/>
    </row>
    <row r="413190" spans="8:8">
      <c r="H413190" s="12"/>
    </row>
    <row r="413191" spans="8:8">
      <c r="H413191" s="12"/>
    </row>
    <row r="413192" spans="8:8">
      <c r="H413192" s="12"/>
    </row>
    <row r="413193" spans="8:8">
      <c r="H413193" s="12"/>
    </row>
    <row r="413194" spans="8:8">
      <c r="H413194" s="12"/>
    </row>
    <row r="413195" spans="8:8">
      <c r="H413195" s="12"/>
    </row>
    <row r="413196" spans="8:8">
      <c r="H413196" s="12"/>
    </row>
    <row r="413197" spans="8:8">
      <c r="H413197" s="12"/>
    </row>
    <row r="413198" spans="8:8">
      <c r="H413198" s="12"/>
    </row>
    <row r="413199" spans="8:8">
      <c r="H413199" s="12"/>
    </row>
    <row r="413200" spans="8:8">
      <c r="H413200" s="12"/>
    </row>
    <row r="413201" spans="8:8">
      <c r="H413201" s="12"/>
    </row>
    <row r="413202" spans="8:8">
      <c r="H413202" s="12"/>
    </row>
    <row r="413203" spans="8:8">
      <c r="H413203" s="12"/>
    </row>
    <row r="413204" spans="8:8">
      <c r="H413204" s="12"/>
    </row>
    <row r="413205" spans="8:8">
      <c r="H413205" s="12"/>
    </row>
    <row r="413206" spans="8:8">
      <c r="H413206" s="12"/>
    </row>
    <row r="413207" spans="8:8">
      <c r="H413207" s="12"/>
    </row>
    <row r="413208" spans="8:8">
      <c r="H413208" s="12"/>
    </row>
    <row r="413209" spans="8:8">
      <c r="H413209" s="12"/>
    </row>
    <row r="413210" spans="8:8">
      <c r="H413210" s="12"/>
    </row>
    <row r="413211" spans="8:8">
      <c r="H413211" s="12"/>
    </row>
    <row r="413212" spans="8:8">
      <c r="H413212" s="12"/>
    </row>
    <row r="413213" spans="8:8">
      <c r="H413213" s="12"/>
    </row>
    <row r="413214" spans="8:8">
      <c r="H413214" s="12"/>
    </row>
    <row r="413215" spans="8:8">
      <c r="H413215" s="12"/>
    </row>
    <row r="413216" spans="8:8">
      <c r="H413216" s="12"/>
    </row>
    <row r="413217" spans="8:8">
      <c r="H413217" s="12"/>
    </row>
    <row r="413218" spans="8:8">
      <c r="H413218" s="12"/>
    </row>
    <row r="413219" spans="8:8">
      <c r="H413219" s="12"/>
    </row>
    <row r="413220" spans="8:8">
      <c r="H413220" s="12"/>
    </row>
    <row r="413221" spans="8:8">
      <c r="H413221" s="12"/>
    </row>
    <row r="413222" spans="8:8">
      <c r="H413222" s="12"/>
    </row>
    <row r="413223" spans="8:8">
      <c r="H413223" s="12"/>
    </row>
    <row r="413224" spans="8:8">
      <c r="H413224" s="12"/>
    </row>
    <row r="413225" spans="8:8">
      <c r="H413225" s="12"/>
    </row>
    <row r="413226" spans="8:8">
      <c r="H413226" s="12"/>
    </row>
    <row r="413227" spans="8:8">
      <c r="H413227" s="12"/>
    </row>
    <row r="413228" spans="8:8">
      <c r="H413228" s="12"/>
    </row>
    <row r="413229" spans="8:8">
      <c r="H413229" s="12"/>
    </row>
    <row r="413230" spans="8:8">
      <c r="H413230" s="12"/>
    </row>
    <row r="413231" spans="8:8">
      <c r="H413231" s="12"/>
    </row>
    <row r="413232" spans="8:8">
      <c r="H413232" s="12"/>
    </row>
    <row r="413233" spans="8:8">
      <c r="H413233" s="12"/>
    </row>
    <row r="413234" spans="8:8">
      <c r="H413234" s="12"/>
    </row>
    <row r="413235" spans="8:8">
      <c r="H413235" s="12"/>
    </row>
    <row r="413236" spans="8:8">
      <c r="H413236" s="12"/>
    </row>
    <row r="413237" spans="8:8">
      <c r="H413237" s="12"/>
    </row>
    <row r="413238" spans="8:8">
      <c r="H413238" s="12"/>
    </row>
    <row r="413239" spans="8:8">
      <c r="H413239" s="12"/>
    </row>
    <row r="413240" spans="8:8">
      <c r="H413240" s="12"/>
    </row>
    <row r="413241" spans="8:8">
      <c r="H413241" s="12"/>
    </row>
    <row r="413242" spans="8:8">
      <c r="H413242" s="12"/>
    </row>
    <row r="413243" spans="8:8">
      <c r="H413243" s="12"/>
    </row>
    <row r="413244" spans="8:8">
      <c r="H413244" s="12"/>
    </row>
    <row r="413245" spans="8:8">
      <c r="H413245" s="12"/>
    </row>
    <row r="413246" spans="8:8">
      <c r="H413246" s="12"/>
    </row>
    <row r="413247" spans="8:8">
      <c r="H413247" s="12"/>
    </row>
    <row r="413248" spans="8:8">
      <c r="H413248" s="12"/>
    </row>
    <row r="413249" spans="8:8">
      <c r="H413249" s="12"/>
    </row>
    <row r="413250" spans="8:8">
      <c r="H413250" s="12"/>
    </row>
    <row r="413251" spans="8:8">
      <c r="H413251" s="12"/>
    </row>
    <row r="413252" spans="8:8">
      <c r="H413252" s="12"/>
    </row>
    <row r="413253" spans="8:8">
      <c r="H413253" s="12"/>
    </row>
    <row r="413254" spans="8:8">
      <c r="H413254" s="12"/>
    </row>
    <row r="413255" spans="8:8">
      <c r="H413255" s="12"/>
    </row>
    <row r="413256" spans="8:8">
      <c r="H413256" s="12"/>
    </row>
    <row r="413257" spans="8:8">
      <c r="H413257" s="12"/>
    </row>
    <row r="413258" spans="8:8">
      <c r="H413258" s="12"/>
    </row>
    <row r="413259" spans="8:8">
      <c r="H413259" s="12"/>
    </row>
    <row r="413260" spans="8:8">
      <c r="H413260" s="12"/>
    </row>
    <row r="413261" spans="8:8">
      <c r="H413261" s="12"/>
    </row>
    <row r="413262" spans="8:8">
      <c r="H413262" s="12"/>
    </row>
    <row r="413263" spans="8:8">
      <c r="H413263" s="12"/>
    </row>
    <row r="413264" spans="8:8">
      <c r="H413264" s="12"/>
    </row>
    <row r="413265" spans="8:8">
      <c r="H413265" s="12"/>
    </row>
    <row r="413266" spans="8:8">
      <c r="H413266" s="12"/>
    </row>
    <row r="413267" spans="8:8">
      <c r="H413267" s="12"/>
    </row>
    <row r="413268" spans="8:8">
      <c r="H413268" s="12"/>
    </row>
    <row r="413269" spans="8:8">
      <c r="H413269" s="12"/>
    </row>
    <row r="413270" spans="8:8">
      <c r="H413270" s="12"/>
    </row>
    <row r="413271" spans="8:8">
      <c r="H413271" s="12"/>
    </row>
    <row r="413272" spans="8:8">
      <c r="H413272" s="12"/>
    </row>
    <row r="413273" spans="8:8">
      <c r="H413273" s="12"/>
    </row>
    <row r="413274" spans="8:8">
      <c r="H413274" s="12"/>
    </row>
    <row r="413275" spans="8:8">
      <c r="H413275" s="12"/>
    </row>
    <row r="413276" spans="8:8">
      <c r="H413276" s="12"/>
    </row>
    <row r="413277" spans="8:8">
      <c r="H413277" s="12"/>
    </row>
    <row r="413278" spans="8:8">
      <c r="H413278" s="12"/>
    </row>
    <row r="413279" spans="8:8">
      <c r="H413279" s="12"/>
    </row>
    <row r="413280" spans="8:8">
      <c r="H413280" s="12"/>
    </row>
    <row r="413281" spans="8:8">
      <c r="H413281" s="12"/>
    </row>
    <row r="413282" spans="8:8">
      <c r="H413282" s="12"/>
    </row>
    <row r="413283" spans="8:8">
      <c r="H413283" s="12"/>
    </row>
    <row r="413284" spans="8:8">
      <c r="H413284" s="12"/>
    </row>
    <row r="413285" spans="8:8">
      <c r="H413285" s="12"/>
    </row>
    <row r="413286" spans="8:8">
      <c r="H413286" s="12"/>
    </row>
    <row r="413287" spans="8:8">
      <c r="H413287" s="12"/>
    </row>
    <row r="413288" spans="8:8">
      <c r="H413288" s="12"/>
    </row>
    <row r="413289" spans="8:8">
      <c r="H413289" s="12"/>
    </row>
    <row r="413290" spans="8:8">
      <c r="H413290" s="12"/>
    </row>
    <row r="413291" spans="8:8">
      <c r="H413291" s="12"/>
    </row>
    <row r="413292" spans="8:8">
      <c r="H413292" s="12"/>
    </row>
    <row r="413293" spans="8:8">
      <c r="H413293" s="12"/>
    </row>
    <row r="413294" spans="8:8">
      <c r="H413294" s="12"/>
    </row>
    <row r="413295" spans="8:8">
      <c r="H413295" s="12"/>
    </row>
    <row r="413296" spans="8:8">
      <c r="H413296" s="12"/>
    </row>
    <row r="413297" spans="8:8">
      <c r="H413297" s="12"/>
    </row>
    <row r="413298" spans="8:8">
      <c r="H413298" s="12"/>
    </row>
    <row r="413299" spans="8:8">
      <c r="H413299" s="12"/>
    </row>
    <row r="413300" spans="8:8">
      <c r="H413300" s="12"/>
    </row>
    <row r="413301" spans="8:8">
      <c r="H413301" s="12"/>
    </row>
    <row r="413302" spans="8:8">
      <c r="H413302" s="12"/>
    </row>
    <row r="413303" spans="8:8">
      <c r="H413303" s="12"/>
    </row>
    <row r="413304" spans="8:8">
      <c r="H413304" s="12"/>
    </row>
    <row r="413305" spans="8:8">
      <c r="H413305" s="12"/>
    </row>
    <row r="413306" spans="8:8">
      <c r="H413306" s="12"/>
    </row>
    <row r="413307" spans="8:8">
      <c r="H413307" s="12"/>
    </row>
    <row r="413308" spans="8:8">
      <c r="H413308" s="12"/>
    </row>
    <row r="413309" spans="8:8">
      <c r="H413309" s="12"/>
    </row>
    <row r="413310" spans="8:8">
      <c r="H413310" s="12"/>
    </row>
    <row r="413311" spans="8:8">
      <c r="H413311" s="12"/>
    </row>
    <row r="413312" spans="8:8">
      <c r="H413312" s="12"/>
    </row>
    <row r="413313" spans="8:8">
      <c r="H413313" s="12"/>
    </row>
    <row r="413314" spans="8:8">
      <c r="H413314" s="12"/>
    </row>
    <row r="413315" spans="8:8">
      <c r="H413315" s="12"/>
    </row>
    <row r="413316" spans="8:8">
      <c r="H413316" s="12"/>
    </row>
    <row r="413317" spans="8:8">
      <c r="H413317" s="12"/>
    </row>
    <row r="413318" spans="8:8">
      <c r="H413318" s="12"/>
    </row>
    <row r="413319" spans="8:8">
      <c r="H413319" s="12"/>
    </row>
    <row r="413320" spans="8:8">
      <c r="H413320" s="12"/>
    </row>
    <row r="413321" spans="8:8">
      <c r="H413321" s="12"/>
    </row>
    <row r="413322" spans="8:8">
      <c r="H413322" s="12"/>
    </row>
    <row r="413323" spans="8:8">
      <c r="H413323" s="12"/>
    </row>
    <row r="413324" spans="8:8">
      <c r="H413324" s="12"/>
    </row>
    <row r="413325" spans="8:8">
      <c r="H413325" s="12"/>
    </row>
    <row r="413326" spans="8:8">
      <c r="H413326" s="12"/>
    </row>
    <row r="413327" spans="8:8">
      <c r="H413327" s="12"/>
    </row>
    <row r="413328" spans="8:8">
      <c r="H413328" s="12"/>
    </row>
    <row r="413329" spans="8:8">
      <c r="H413329" s="12"/>
    </row>
    <row r="413330" spans="8:8">
      <c r="H413330" s="12"/>
    </row>
    <row r="413331" spans="8:8">
      <c r="H413331" s="12"/>
    </row>
    <row r="413332" spans="8:8">
      <c r="H413332" s="12"/>
    </row>
    <row r="413333" spans="8:8">
      <c r="H413333" s="12"/>
    </row>
    <row r="413334" spans="8:8">
      <c r="H413334" s="12"/>
    </row>
    <row r="413335" spans="8:8">
      <c r="H413335" s="12"/>
    </row>
    <row r="413336" spans="8:8">
      <c r="H413336" s="12"/>
    </row>
    <row r="413337" spans="8:8">
      <c r="H413337" s="12"/>
    </row>
    <row r="413338" spans="8:8">
      <c r="H413338" s="12"/>
    </row>
    <row r="413339" spans="8:8">
      <c r="H413339" s="12"/>
    </row>
    <row r="413340" spans="8:8">
      <c r="H413340" s="12"/>
    </row>
    <row r="413341" spans="8:8">
      <c r="H413341" s="12"/>
    </row>
    <row r="413342" spans="8:8">
      <c r="H413342" s="12"/>
    </row>
    <row r="413343" spans="8:8">
      <c r="H413343" s="12"/>
    </row>
    <row r="413344" spans="8:8">
      <c r="H413344" s="12"/>
    </row>
    <row r="413345" spans="8:8">
      <c r="H413345" s="12"/>
    </row>
    <row r="413346" spans="8:8">
      <c r="H413346" s="12"/>
    </row>
    <row r="413347" spans="8:8">
      <c r="H413347" s="12"/>
    </row>
    <row r="413348" spans="8:8">
      <c r="H413348" s="12"/>
    </row>
    <row r="413349" spans="8:8">
      <c r="H413349" s="12"/>
    </row>
    <row r="413350" spans="8:8">
      <c r="H413350" s="12"/>
    </row>
    <row r="413351" spans="8:8">
      <c r="H413351" s="12"/>
    </row>
    <row r="413352" spans="8:8">
      <c r="H413352" s="12"/>
    </row>
    <row r="413353" spans="8:8">
      <c r="H413353" s="12"/>
    </row>
    <row r="413354" spans="8:8">
      <c r="H413354" s="12"/>
    </row>
    <row r="413355" spans="8:8">
      <c r="H413355" s="12"/>
    </row>
    <row r="413356" spans="8:8">
      <c r="H413356" s="12"/>
    </row>
    <row r="413357" spans="8:8">
      <c r="H413357" s="12"/>
    </row>
    <row r="413358" spans="8:8">
      <c r="H413358" s="12"/>
    </row>
    <row r="413359" spans="8:8">
      <c r="H413359" s="12"/>
    </row>
    <row r="413360" spans="8:8">
      <c r="H413360" s="12"/>
    </row>
    <row r="413361" spans="8:8">
      <c r="H413361" s="12"/>
    </row>
    <row r="413362" spans="8:8">
      <c r="H413362" s="12"/>
    </row>
    <row r="413363" spans="8:8">
      <c r="H413363" s="12"/>
    </row>
    <row r="413364" spans="8:8">
      <c r="H413364" s="12"/>
    </row>
    <row r="413365" spans="8:8">
      <c r="H413365" s="12"/>
    </row>
    <row r="413366" spans="8:8">
      <c r="H413366" s="12"/>
    </row>
    <row r="413367" spans="8:8">
      <c r="H413367" s="12"/>
    </row>
    <row r="413368" spans="8:8">
      <c r="H413368" s="12"/>
    </row>
    <row r="413369" spans="8:8">
      <c r="H413369" s="12"/>
    </row>
    <row r="413370" spans="8:8">
      <c r="H413370" s="12"/>
    </row>
    <row r="413371" spans="8:8">
      <c r="H413371" s="12"/>
    </row>
    <row r="413372" spans="8:8">
      <c r="H413372" s="12"/>
    </row>
    <row r="413373" spans="8:8">
      <c r="H413373" s="12"/>
    </row>
    <row r="413374" spans="8:8">
      <c r="H413374" s="12"/>
    </row>
    <row r="413375" spans="8:8">
      <c r="H413375" s="12"/>
    </row>
    <row r="413376" spans="8:8">
      <c r="H413376" s="12"/>
    </row>
    <row r="413377" spans="8:8">
      <c r="H413377" s="12"/>
    </row>
    <row r="413378" spans="8:8">
      <c r="H413378" s="12"/>
    </row>
    <row r="413379" spans="8:8">
      <c r="H413379" s="12"/>
    </row>
    <row r="413380" spans="8:8">
      <c r="H413380" s="12"/>
    </row>
    <row r="413381" spans="8:8">
      <c r="H413381" s="12"/>
    </row>
    <row r="413382" spans="8:8">
      <c r="H413382" s="12"/>
    </row>
    <row r="413383" spans="8:8">
      <c r="H413383" s="12"/>
    </row>
    <row r="413384" spans="8:8">
      <c r="H413384" s="12"/>
    </row>
    <row r="413385" spans="8:8">
      <c r="H413385" s="12"/>
    </row>
    <row r="413386" spans="8:8">
      <c r="H413386" s="12"/>
    </row>
    <row r="413387" spans="8:8">
      <c r="H413387" s="12"/>
    </row>
    <row r="413388" spans="8:8">
      <c r="H413388" s="12"/>
    </row>
    <row r="413389" spans="8:8">
      <c r="H413389" s="12"/>
    </row>
    <row r="413390" spans="8:8">
      <c r="H413390" s="12"/>
    </row>
    <row r="413391" spans="8:8">
      <c r="H413391" s="12"/>
    </row>
    <row r="413392" spans="8:8">
      <c r="H413392" s="12"/>
    </row>
    <row r="413393" spans="8:8">
      <c r="H413393" s="12"/>
    </row>
    <row r="413394" spans="8:8">
      <c r="H413394" s="12"/>
    </row>
    <row r="413395" spans="8:8">
      <c r="H413395" s="12"/>
    </row>
    <row r="413396" spans="8:8">
      <c r="H413396" s="12"/>
    </row>
    <row r="413397" spans="8:8">
      <c r="H413397" s="12"/>
    </row>
    <row r="413398" spans="8:8">
      <c r="H413398" s="12"/>
    </row>
    <row r="413399" spans="8:8">
      <c r="H413399" s="12"/>
    </row>
    <row r="413400" spans="8:8">
      <c r="H413400" s="12"/>
    </row>
    <row r="413401" spans="8:8">
      <c r="H413401" s="12"/>
    </row>
    <row r="413402" spans="8:8">
      <c r="H413402" s="12"/>
    </row>
    <row r="413403" spans="8:8">
      <c r="H413403" s="12"/>
    </row>
    <row r="413404" spans="8:8">
      <c r="H413404" s="12"/>
    </row>
    <row r="413405" spans="8:8">
      <c r="H413405" s="12"/>
    </row>
    <row r="413406" spans="8:8">
      <c r="H413406" s="12"/>
    </row>
    <row r="413407" spans="8:8">
      <c r="H413407" s="12"/>
    </row>
    <row r="413408" spans="8:8">
      <c r="H413408" s="12"/>
    </row>
    <row r="413409" spans="8:8">
      <c r="H413409" s="12"/>
    </row>
    <row r="413410" spans="8:8">
      <c r="H413410" s="12"/>
    </row>
    <row r="413411" spans="8:8">
      <c r="H413411" s="12"/>
    </row>
    <row r="413412" spans="8:8">
      <c r="H413412" s="12"/>
    </row>
    <row r="413413" spans="8:8">
      <c r="H413413" s="12"/>
    </row>
    <row r="413414" spans="8:8">
      <c r="H413414" s="12"/>
    </row>
    <row r="413415" spans="8:8">
      <c r="H413415" s="12"/>
    </row>
    <row r="413416" spans="8:8">
      <c r="H413416" s="12"/>
    </row>
    <row r="413417" spans="8:8">
      <c r="H413417" s="12"/>
    </row>
    <row r="413418" spans="8:8">
      <c r="H413418" s="12"/>
    </row>
    <row r="413419" spans="8:8">
      <c r="H413419" s="12"/>
    </row>
    <row r="413420" spans="8:8">
      <c r="H413420" s="12"/>
    </row>
    <row r="413421" spans="8:8">
      <c r="H413421" s="12"/>
    </row>
    <row r="413422" spans="8:8">
      <c r="H413422" s="12"/>
    </row>
    <row r="413423" spans="8:8">
      <c r="H413423" s="12"/>
    </row>
    <row r="413424" spans="8:8">
      <c r="H413424" s="12"/>
    </row>
    <row r="413425" spans="8:8">
      <c r="H413425" s="12"/>
    </row>
    <row r="413426" spans="8:8">
      <c r="H413426" s="12"/>
    </row>
    <row r="413427" spans="8:8">
      <c r="H413427" s="12"/>
    </row>
    <row r="413428" spans="8:8">
      <c r="H413428" s="12"/>
    </row>
    <row r="413429" spans="8:8">
      <c r="H413429" s="12"/>
    </row>
    <row r="413430" spans="8:8">
      <c r="H413430" s="12"/>
    </row>
    <row r="413431" spans="8:8">
      <c r="H413431" s="12"/>
    </row>
    <row r="413432" spans="8:8">
      <c r="H413432" s="12"/>
    </row>
    <row r="413433" spans="8:8">
      <c r="H413433" s="12"/>
    </row>
    <row r="413434" spans="8:8">
      <c r="H413434" s="12"/>
    </row>
    <row r="413435" spans="8:8">
      <c r="H413435" s="12"/>
    </row>
    <row r="413436" spans="8:8">
      <c r="H413436" s="12"/>
    </row>
    <row r="413437" spans="8:8">
      <c r="H413437" s="12"/>
    </row>
    <row r="413438" spans="8:8">
      <c r="H413438" s="12"/>
    </row>
    <row r="413439" spans="8:8">
      <c r="H413439" s="12"/>
    </row>
    <row r="413440" spans="8:8">
      <c r="H413440" s="12"/>
    </row>
    <row r="413441" spans="8:8">
      <c r="H413441" s="12"/>
    </row>
    <row r="413442" spans="8:8">
      <c r="H413442" s="12"/>
    </row>
    <row r="413443" spans="8:8">
      <c r="H413443" s="12"/>
    </row>
    <row r="413444" spans="8:8">
      <c r="H413444" s="12"/>
    </row>
    <row r="413445" spans="8:8">
      <c r="H413445" s="12"/>
    </row>
    <row r="413446" spans="8:8">
      <c r="H413446" s="12"/>
    </row>
    <row r="413447" spans="8:8">
      <c r="H413447" s="12"/>
    </row>
    <row r="413448" spans="8:8">
      <c r="H413448" s="12"/>
    </row>
    <row r="413449" spans="8:8">
      <c r="H413449" s="12"/>
    </row>
    <row r="413450" spans="8:8">
      <c r="H413450" s="12"/>
    </row>
    <row r="413451" spans="8:8">
      <c r="H413451" s="12"/>
    </row>
    <row r="413452" spans="8:8">
      <c r="H413452" s="12"/>
    </row>
    <row r="413453" spans="8:8">
      <c r="H413453" s="12"/>
    </row>
    <row r="413454" spans="8:8">
      <c r="H413454" s="12"/>
    </row>
    <row r="413455" spans="8:8">
      <c r="H413455" s="12"/>
    </row>
    <row r="413456" spans="8:8">
      <c r="H413456" s="12"/>
    </row>
    <row r="413457" spans="8:8">
      <c r="H413457" s="12"/>
    </row>
    <row r="413458" spans="8:8">
      <c r="H413458" s="12"/>
    </row>
    <row r="413459" spans="8:8">
      <c r="H413459" s="12"/>
    </row>
    <row r="413460" spans="8:8">
      <c r="H413460" s="12"/>
    </row>
    <row r="413461" spans="8:8">
      <c r="H413461" s="12"/>
    </row>
    <row r="413462" spans="8:8">
      <c r="H413462" s="12"/>
    </row>
    <row r="413463" spans="8:8">
      <c r="H413463" s="12"/>
    </row>
    <row r="413464" spans="8:8">
      <c r="H413464" s="12"/>
    </row>
    <row r="413465" spans="8:8">
      <c r="H413465" s="12"/>
    </row>
    <row r="413466" spans="8:8">
      <c r="H413466" s="12"/>
    </row>
    <row r="413467" spans="8:8">
      <c r="H413467" s="12"/>
    </row>
    <row r="413468" spans="8:8">
      <c r="H413468" s="12"/>
    </row>
    <row r="413469" spans="8:8">
      <c r="H413469" s="12"/>
    </row>
    <row r="413470" spans="8:8">
      <c r="H413470" s="12"/>
    </row>
    <row r="413471" spans="8:8">
      <c r="H413471" s="12"/>
    </row>
    <row r="413472" spans="8:8">
      <c r="H413472" s="12"/>
    </row>
    <row r="413473" spans="8:8">
      <c r="H413473" s="12"/>
    </row>
    <row r="413474" spans="8:8">
      <c r="H413474" s="12"/>
    </row>
    <row r="413475" spans="8:8">
      <c r="H413475" s="12"/>
    </row>
    <row r="413476" spans="8:8">
      <c r="H413476" s="12"/>
    </row>
    <row r="413477" spans="8:8">
      <c r="H413477" s="12"/>
    </row>
    <row r="413478" spans="8:8">
      <c r="H413478" s="12"/>
    </row>
    <row r="413479" spans="8:8">
      <c r="H413479" s="12"/>
    </row>
    <row r="413480" spans="8:8">
      <c r="H413480" s="12"/>
    </row>
    <row r="413481" spans="8:8">
      <c r="H413481" s="12"/>
    </row>
    <row r="413482" spans="8:8">
      <c r="H413482" s="12"/>
    </row>
    <row r="413483" spans="8:8">
      <c r="H413483" s="12"/>
    </row>
    <row r="413484" spans="8:8">
      <c r="H413484" s="12"/>
    </row>
    <row r="413485" spans="8:8">
      <c r="H413485" s="12"/>
    </row>
    <row r="413486" spans="8:8">
      <c r="H413486" s="12"/>
    </row>
    <row r="413487" spans="8:8">
      <c r="H413487" s="12"/>
    </row>
    <row r="413488" spans="8:8">
      <c r="H413488" s="12"/>
    </row>
    <row r="413489" spans="8:8">
      <c r="H413489" s="12"/>
    </row>
    <row r="413490" spans="8:8">
      <c r="H413490" s="12"/>
    </row>
    <row r="413491" spans="8:8">
      <c r="H413491" s="12"/>
    </row>
    <row r="413492" spans="8:8">
      <c r="H413492" s="12"/>
    </row>
    <row r="413493" spans="8:8">
      <c r="H413493" s="12"/>
    </row>
    <row r="413494" spans="8:8">
      <c r="H413494" s="12"/>
    </row>
    <row r="413495" spans="8:8">
      <c r="H413495" s="12"/>
    </row>
    <row r="413496" spans="8:8">
      <c r="H413496" s="12"/>
    </row>
    <row r="413497" spans="8:8">
      <c r="H413497" s="12"/>
    </row>
    <row r="413498" spans="8:8">
      <c r="H413498" s="12"/>
    </row>
    <row r="413499" spans="8:8">
      <c r="H413499" s="12"/>
    </row>
    <row r="413500" spans="8:8">
      <c r="H413500" s="12"/>
    </row>
    <row r="413501" spans="8:8">
      <c r="H413501" s="12"/>
    </row>
    <row r="413502" spans="8:8">
      <c r="H413502" s="12"/>
    </row>
    <row r="413503" spans="8:8">
      <c r="H413503" s="12"/>
    </row>
    <row r="413504" spans="8:8">
      <c r="H413504" s="12"/>
    </row>
    <row r="413505" spans="8:8">
      <c r="H413505" s="12"/>
    </row>
    <row r="413506" spans="8:8">
      <c r="H413506" s="12"/>
    </row>
    <row r="413507" spans="8:8">
      <c r="H413507" s="12"/>
    </row>
    <row r="413508" spans="8:8">
      <c r="H413508" s="12"/>
    </row>
    <row r="413509" spans="8:8">
      <c r="H413509" s="12"/>
    </row>
    <row r="413510" spans="8:8">
      <c r="H413510" s="12"/>
    </row>
    <row r="413511" spans="8:8">
      <c r="H413511" s="12"/>
    </row>
    <row r="413512" spans="8:8">
      <c r="H413512" s="12"/>
    </row>
    <row r="413513" spans="8:8">
      <c r="H413513" s="12"/>
    </row>
    <row r="413514" spans="8:8">
      <c r="H413514" s="12"/>
    </row>
    <row r="413515" spans="8:8">
      <c r="H413515" s="12"/>
    </row>
    <row r="413516" spans="8:8">
      <c r="H413516" s="12"/>
    </row>
    <row r="413517" spans="8:8">
      <c r="H413517" s="12"/>
    </row>
    <row r="413518" spans="8:8">
      <c r="H413518" s="12"/>
    </row>
    <row r="413519" spans="8:8">
      <c r="H413519" s="12"/>
    </row>
    <row r="413520" spans="8:8">
      <c r="H413520" s="12"/>
    </row>
    <row r="413521" spans="8:8">
      <c r="H413521" s="12"/>
    </row>
    <row r="413522" spans="8:8">
      <c r="H413522" s="12"/>
    </row>
    <row r="413523" spans="8:8">
      <c r="H413523" s="12"/>
    </row>
    <row r="413524" spans="8:8">
      <c r="H413524" s="12"/>
    </row>
    <row r="413525" spans="8:8">
      <c r="H413525" s="12"/>
    </row>
    <row r="413526" spans="8:8">
      <c r="H413526" s="12"/>
    </row>
    <row r="413527" spans="8:8">
      <c r="H413527" s="12"/>
    </row>
    <row r="413528" spans="8:8">
      <c r="H413528" s="12"/>
    </row>
    <row r="413529" spans="8:8">
      <c r="H413529" s="12"/>
    </row>
    <row r="413530" spans="8:8">
      <c r="H413530" s="12"/>
    </row>
    <row r="413531" spans="8:8">
      <c r="H413531" s="12"/>
    </row>
    <row r="413532" spans="8:8">
      <c r="H413532" s="12"/>
    </row>
    <row r="413533" spans="8:8">
      <c r="H413533" s="12"/>
    </row>
    <row r="413534" spans="8:8">
      <c r="H413534" s="12"/>
    </row>
    <row r="413535" spans="8:8">
      <c r="H413535" s="12"/>
    </row>
    <row r="413536" spans="8:8">
      <c r="H413536" s="12"/>
    </row>
    <row r="413537" spans="8:8">
      <c r="H413537" s="12"/>
    </row>
    <row r="413538" spans="8:8">
      <c r="H413538" s="12"/>
    </row>
    <row r="413539" spans="8:8">
      <c r="H413539" s="12"/>
    </row>
    <row r="413540" spans="8:8">
      <c r="H413540" s="12"/>
    </row>
    <row r="413541" spans="8:8">
      <c r="H413541" s="12"/>
    </row>
    <row r="413542" spans="8:8">
      <c r="H413542" s="12"/>
    </row>
    <row r="413543" spans="8:8">
      <c r="H413543" s="12"/>
    </row>
    <row r="413544" spans="8:8">
      <c r="H413544" s="12"/>
    </row>
    <row r="413545" spans="8:8">
      <c r="H413545" s="12"/>
    </row>
    <row r="413546" spans="8:8">
      <c r="H413546" s="12"/>
    </row>
    <row r="413547" spans="8:8">
      <c r="H413547" s="12"/>
    </row>
    <row r="413548" spans="8:8">
      <c r="H413548" s="12"/>
    </row>
    <row r="413549" spans="8:8">
      <c r="H413549" s="12"/>
    </row>
    <row r="413550" spans="8:8">
      <c r="H413550" s="12"/>
    </row>
    <row r="413551" spans="8:8">
      <c r="H413551" s="12"/>
    </row>
    <row r="413552" spans="8:8">
      <c r="H413552" s="12"/>
    </row>
    <row r="413553" spans="8:8">
      <c r="H413553" s="12"/>
    </row>
    <row r="413554" spans="8:8">
      <c r="H413554" s="12"/>
    </row>
    <row r="413555" spans="8:8">
      <c r="H413555" s="12"/>
    </row>
    <row r="413556" spans="8:8">
      <c r="H413556" s="12"/>
    </row>
    <row r="413557" spans="8:8">
      <c r="H413557" s="12"/>
    </row>
    <row r="413558" spans="8:8">
      <c r="H413558" s="12"/>
    </row>
    <row r="413559" spans="8:8">
      <c r="H413559" s="12"/>
    </row>
    <row r="413560" spans="8:8">
      <c r="H413560" s="12"/>
    </row>
    <row r="413561" spans="8:8">
      <c r="H413561" s="12"/>
    </row>
    <row r="413562" spans="8:8">
      <c r="H413562" s="12"/>
    </row>
    <row r="413563" spans="8:8">
      <c r="H413563" s="12"/>
    </row>
    <row r="413564" spans="8:8">
      <c r="H413564" s="12"/>
    </row>
    <row r="413565" spans="8:8">
      <c r="H413565" s="12"/>
    </row>
    <row r="413566" spans="8:8">
      <c r="H413566" s="12"/>
    </row>
    <row r="413567" spans="8:8">
      <c r="H413567" s="12"/>
    </row>
    <row r="413568" spans="8:8">
      <c r="H413568" s="12"/>
    </row>
    <row r="413569" spans="8:8">
      <c r="H413569" s="12"/>
    </row>
    <row r="413570" spans="8:8">
      <c r="H413570" s="12"/>
    </row>
    <row r="413571" spans="8:8">
      <c r="H413571" s="12"/>
    </row>
    <row r="413572" spans="8:8">
      <c r="H413572" s="12"/>
    </row>
    <row r="413573" spans="8:8">
      <c r="H413573" s="12"/>
    </row>
    <row r="413574" spans="8:8">
      <c r="H413574" s="12"/>
    </row>
    <row r="413575" spans="8:8">
      <c r="H413575" s="12"/>
    </row>
    <row r="413576" spans="8:8">
      <c r="H413576" s="12"/>
    </row>
    <row r="413577" spans="8:8">
      <c r="H413577" s="12"/>
    </row>
    <row r="413578" spans="8:8">
      <c r="H413578" s="12"/>
    </row>
    <row r="413579" spans="8:8">
      <c r="H413579" s="12"/>
    </row>
    <row r="413580" spans="8:8">
      <c r="H413580" s="12"/>
    </row>
    <row r="413581" spans="8:8">
      <c r="H413581" s="12"/>
    </row>
    <row r="413582" spans="8:8">
      <c r="H413582" s="12"/>
    </row>
    <row r="413583" spans="8:8">
      <c r="H413583" s="12"/>
    </row>
    <row r="413584" spans="8:8">
      <c r="H413584" s="12"/>
    </row>
    <row r="413585" spans="8:8">
      <c r="H413585" s="12"/>
    </row>
    <row r="413586" spans="8:8">
      <c r="H413586" s="12"/>
    </row>
    <row r="413587" spans="8:8">
      <c r="H413587" s="12"/>
    </row>
    <row r="413588" spans="8:8">
      <c r="H413588" s="12"/>
    </row>
    <row r="413589" spans="8:8">
      <c r="H413589" s="12"/>
    </row>
    <row r="413590" spans="8:8">
      <c r="H413590" s="12"/>
    </row>
    <row r="413591" spans="8:8">
      <c r="H413591" s="12"/>
    </row>
    <row r="413592" spans="8:8">
      <c r="H413592" s="12"/>
    </row>
    <row r="413593" spans="8:8">
      <c r="H413593" s="12"/>
    </row>
    <row r="413594" spans="8:8">
      <c r="H413594" s="12"/>
    </row>
    <row r="413595" spans="8:8">
      <c r="H413595" s="12"/>
    </row>
    <row r="413596" spans="8:8">
      <c r="H413596" s="12"/>
    </row>
    <row r="413597" spans="8:8">
      <c r="H413597" s="12"/>
    </row>
    <row r="413598" spans="8:8">
      <c r="H413598" s="12"/>
    </row>
    <row r="413599" spans="8:8">
      <c r="H413599" s="12"/>
    </row>
    <row r="413600" spans="8:8">
      <c r="H413600" s="12"/>
    </row>
    <row r="413601" spans="8:8">
      <c r="H413601" s="12"/>
    </row>
    <row r="413602" spans="8:8">
      <c r="H413602" s="12"/>
    </row>
    <row r="413603" spans="8:8">
      <c r="H413603" s="12"/>
    </row>
    <row r="413604" spans="8:8">
      <c r="H413604" s="12"/>
    </row>
    <row r="413605" spans="8:8">
      <c r="H413605" s="12"/>
    </row>
    <row r="413606" spans="8:8">
      <c r="H413606" s="12"/>
    </row>
    <row r="413607" spans="8:8">
      <c r="H413607" s="12"/>
    </row>
    <row r="413608" spans="8:8">
      <c r="H413608" s="12"/>
    </row>
    <row r="413609" spans="8:8">
      <c r="H413609" s="12"/>
    </row>
    <row r="413610" spans="8:8">
      <c r="H413610" s="12"/>
    </row>
    <row r="413611" spans="8:8">
      <c r="H413611" s="12"/>
    </row>
    <row r="413612" spans="8:8">
      <c r="H413612" s="12"/>
    </row>
    <row r="413613" spans="8:8">
      <c r="H413613" s="12"/>
    </row>
    <row r="413614" spans="8:8">
      <c r="H413614" s="12"/>
    </row>
    <row r="413615" spans="8:8">
      <c r="H413615" s="12"/>
    </row>
    <row r="413616" spans="8:8">
      <c r="H413616" s="12"/>
    </row>
    <row r="413617" spans="8:8">
      <c r="H413617" s="12"/>
    </row>
    <row r="413618" spans="8:8">
      <c r="H413618" s="12"/>
    </row>
    <row r="413619" spans="8:8">
      <c r="H413619" s="12"/>
    </row>
    <row r="413620" spans="8:8">
      <c r="H413620" s="12"/>
    </row>
    <row r="413621" spans="8:8">
      <c r="H413621" s="12"/>
    </row>
    <row r="413622" spans="8:8">
      <c r="H413622" s="12"/>
    </row>
    <row r="413623" spans="8:8">
      <c r="H413623" s="12"/>
    </row>
    <row r="413624" spans="8:8">
      <c r="H413624" s="12"/>
    </row>
    <row r="413625" spans="8:8">
      <c r="H413625" s="12"/>
    </row>
    <row r="413626" spans="8:8">
      <c r="H413626" s="12"/>
    </row>
    <row r="413627" spans="8:8">
      <c r="H413627" s="12"/>
    </row>
    <row r="413628" spans="8:8">
      <c r="H413628" s="12"/>
    </row>
    <row r="413629" spans="8:8">
      <c r="H413629" s="12"/>
    </row>
    <row r="413630" spans="8:8">
      <c r="H413630" s="12"/>
    </row>
    <row r="413631" spans="8:8">
      <c r="H413631" s="12"/>
    </row>
    <row r="413632" spans="8:8">
      <c r="H413632" s="12"/>
    </row>
    <row r="413633" spans="8:8">
      <c r="H413633" s="12"/>
    </row>
    <row r="413634" spans="8:8">
      <c r="H413634" s="12"/>
    </row>
    <row r="413635" spans="8:8">
      <c r="H413635" s="12"/>
    </row>
    <row r="413636" spans="8:8">
      <c r="H413636" s="12"/>
    </row>
    <row r="413637" spans="8:8">
      <c r="H413637" s="12"/>
    </row>
    <row r="413638" spans="8:8">
      <c r="H413638" s="12"/>
    </row>
    <row r="413639" spans="8:8">
      <c r="H413639" s="12"/>
    </row>
    <row r="413640" spans="8:8">
      <c r="H413640" s="12"/>
    </row>
    <row r="413641" spans="8:8">
      <c r="H413641" s="12"/>
    </row>
    <row r="413642" spans="8:8">
      <c r="H413642" s="12"/>
    </row>
    <row r="413643" spans="8:8">
      <c r="H413643" s="12"/>
    </row>
    <row r="413644" spans="8:8">
      <c r="H413644" s="12"/>
    </row>
    <row r="413645" spans="8:8">
      <c r="H413645" s="12"/>
    </row>
    <row r="413646" spans="8:8">
      <c r="H413646" s="12"/>
    </row>
    <row r="413647" spans="8:8">
      <c r="H413647" s="12"/>
    </row>
    <row r="413648" spans="8:8">
      <c r="H413648" s="12"/>
    </row>
    <row r="413649" spans="8:8">
      <c r="H413649" s="12"/>
    </row>
    <row r="413650" spans="8:8">
      <c r="H413650" s="12"/>
    </row>
    <row r="413651" spans="8:8">
      <c r="H413651" s="12"/>
    </row>
    <row r="413652" spans="8:8">
      <c r="H413652" s="12"/>
    </row>
    <row r="413653" spans="8:8">
      <c r="H413653" s="12"/>
    </row>
    <row r="413654" spans="8:8">
      <c r="H413654" s="12"/>
    </row>
    <row r="413655" spans="8:8">
      <c r="H413655" s="12"/>
    </row>
    <row r="413656" spans="8:8">
      <c r="H413656" s="12"/>
    </row>
    <row r="413657" spans="8:8">
      <c r="H413657" s="12"/>
    </row>
    <row r="413658" spans="8:8">
      <c r="H413658" s="12"/>
    </row>
    <row r="413659" spans="8:8">
      <c r="H413659" s="12"/>
    </row>
    <row r="413660" spans="8:8">
      <c r="H413660" s="12"/>
    </row>
    <row r="413661" spans="8:8">
      <c r="H413661" s="12"/>
    </row>
    <row r="413662" spans="8:8">
      <c r="H413662" s="12"/>
    </row>
    <row r="413663" spans="8:8">
      <c r="H413663" s="12"/>
    </row>
    <row r="413664" spans="8:8">
      <c r="H413664" s="12"/>
    </row>
    <row r="413665" spans="8:8">
      <c r="H413665" s="12"/>
    </row>
    <row r="413666" spans="8:8">
      <c r="H413666" s="12"/>
    </row>
    <row r="413667" spans="8:8">
      <c r="H413667" s="12"/>
    </row>
    <row r="413668" spans="8:8">
      <c r="H413668" s="12"/>
    </row>
    <row r="413669" spans="8:8">
      <c r="H413669" s="12"/>
    </row>
    <row r="413670" spans="8:8">
      <c r="H413670" s="12"/>
    </row>
    <row r="413671" spans="8:8">
      <c r="H413671" s="12"/>
    </row>
    <row r="413672" spans="8:8">
      <c r="H413672" s="12"/>
    </row>
    <row r="413673" spans="8:8">
      <c r="H413673" s="12"/>
    </row>
    <row r="413674" spans="8:8">
      <c r="H413674" s="12"/>
    </row>
    <row r="413675" spans="8:8">
      <c r="H413675" s="12"/>
    </row>
    <row r="413676" spans="8:8">
      <c r="H413676" s="12"/>
    </row>
    <row r="413677" spans="8:8">
      <c r="H413677" s="12"/>
    </row>
    <row r="413678" spans="8:8">
      <c r="H413678" s="12"/>
    </row>
    <row r="413679" spans="8:8">
      <c r="H413679" s="12"/>
    </row>
    <row r="413680" spans="8:8">
      <c r="H413680" s="12"/>
    </row>
    <row r="413681" spans="8:8">
      <c r="H413681" s="12"/>
    </row>
    <row r="413682" spans="8:8">
      <c r="H413682" s="12"/>
    </row>
    <row r="413683" spans="8:8">
      <c r="H413683" s="12"/>
    </row>
    <row r="413684" spans="8:8">
      <c r="H413684" s="12"/>
    </row>
    <row r="413685" spans="8:8">
      <c r="H413685" s="12"/>
    </row>
    <row r="413686" spans="8:8">
      <c r="H413686" s="12"/>
    </row>
    <row r="413687" spans="8:8">
      <c r="H413687" s="12"/>
    </row>
    <row r="413688" spans="8:8">
      <c r="H413688" s="12"/>
    </row>
    <row r="413689" spans="8:8">
      <c r="H413689" s="12"/>
    </row>
    <row r="413690" spans="8:8">
      <c r="H413690" s="12"/>
    </row>
    <row r="413691" spans="8:8">
      <c r="H413691" s="12"/>
    </row>
    <row r="413692" spans="8:8">
      <c r="H413692" s="12"/>
    </row>
    <row r="413693" spans="8:8">
      <c r="H413693" s="12"/>
    </row>
    <row r="413694" spans="8:8">
      <c r="H413694" s="12"/>
    </row>
    <row r="413695" spans="8:8">
      <c r="H413695" s="12"/>
    </row>
    <row r="413696" spans="8:8">
      <c r="H413696" s="12"/>
    </row>
    <row r="413697" spans="8:8">
      <c r="H413697" s="12"/>
    </row>
    <row r="413698" spans="8:8">
      <c r="H413698" s="12"/>
    </row>
    <row r="413699" spans="8:8">
      <c r="H413699" s="12"/>
    </row>
    <row r="413700" spans="8:8">
      <c r="H413700" s="12"/>
    </row>
    <row r="413701" spans="8:8">
      <c r="H413701" s="12"/>
    </row>
    <row r="413702" spans="8:8">
      <c r="H413702" s="12"/>
    </row>
    <row r="413703" spans="8:8">
      <c r="H413703" s="12"/>
    </row>
    <row r="413704" spans="8:8">
      <c r="H413704" s="12"/>
    </row>
    <row r="413705" spans="8:8">
      <c r="H413705" s="12"/>
    </row>
    <row r="413706" spans="8:8">
      <c r="H413706" s="12"/>
    </row>
    <row r="413707" spans="8:8">
      <c r="H413707" s="12"/>
    </row>
    <row r="413708" spans="8:8">
      <c r="H413708" s="12"/>
    </row>
    <row r="413709" spans="8:8">
      <c r="H413709" s="12"/>
    </row>
    <row r="413710" spans="8:8">
      <c r="H413710" s="12"/>
    </row>
    <row r="413711" spans="8:8">
      <c r="H413711" s="12"/>
    </row>
    <row r="413712" spans="8:8">
      <c r="H413712" s="12"/>
    </row>
    <row r="413713" spans="8:8">
      <c r="H413713" s="12"/>
    </row>
    <row r="413714" spans="8:8">
      <c r="H413714" s="12"/>
    </row>
    <row r="413715" spans="8:8">
      <c r="H413715" s="12"/>
    </row>
    <row r="413716" spans="8:8">
      <c r="H413716" s="12"/>
    </row>
    <row r="413717" spans="8:8">
      <c r="H413717" s="12"/>
    </row>
    <row r="413718" spans="8:8">
      <c r="H413718" s="12"/>
    </row>
    <row r="413719" spans="8:8">
      <c r="H413719" s="12"/>
    </row>
    <row r="413720" spans="8:8">
      <c r="H413720" s="12"/>
    </row>
    <row r="413721" spans="8:8">
      <c r="H413721" s="12"/>
    </row>
    <row r="413722" spans="8:8">
      <c r="H413722" s="12"/>
    </row>
    <row r="413723" spans="8:8">
      <c r="H413723" s="12"/>
    </row>
    <row r="413724" spans="8:8">
      <c r="H413724" s="12"/>
    </row>
    <row r="413725" spans="8:8">
      <c r="H413725" s="12"/>
    </row>
    <row r="413726" spans="8:8">
      <c r="H413726" s="12"/>
    </row>
    <row r="413727" spans="8:8">
      <c r="H413727" s="12"/>
    </row>
    <row r="413728" spans="8:8">
      <c r="H413728" s="12"/>
    </row>
    <row r="413729" spans="8:8">
      <c r="H413729" s="12"/>
    </row>
    <row r="413730" spans="8:8">
      <c r="H413730" s="12"/>
    </row>
    <row r="413731" spans="8:8">
      <c r="H413731" s="12"/>
    </row>
    <row r="413732" spans="8:8">
      <c r="H413732" s="12"/>
    </row>
    <row r="413733" spans="8:8">
      <c r="H413733" s="12"/>
    </row>
    <row r="413734" spans="8:8">
      <c r="H413734" s="12"/>
    </row>
    <row r="413735" spans="8:8">
      <c r="H413735" s="12"/>
    </row>
    <row r="413736" spans="8:8">
      <c r="H413736" s="12"/>
    </row>
    <row r="413737" spans="8:8">
      <c r="H413737" s="12"/>
    </row>
    <row r="413738" spans="8:8">
      <c r="H413738" s="12"/>
    </row>
    <row r="413739" spans="8:8">
      <c r="H413739" s="12"/>
    </row>
    <row r="413740" spans="8:8">
      <c r="H413740" s="12"/>
    </row>
    <row r="413741" spans="8:8">
      <c r="H413741" s="12"/>
    </row>
    <row r="413742" spans="8:8">
      <c r="H413742" s="12"/>
    </row>
    <row r="413743" spans="8:8">
      <c r="H413743" s="12"/>
    </row>
    <row r="413744" spans="8:8">
      <c r="H413744" s="12"/>
    </row>
    <row r="413745" spans="8:8">
      <c r="H413745" s="12"/>
    </row>
    <row r="413746" spans="8:8">
      <c r="H413746" s="12"/>
    </row>
    <row r="413747" spans="8:8">
      <c r="H413747" s="12"/>
    </row>
    <row r="413748" spans="8:8">
      <c r="H413748" s="12"/>
    </row>
    <row r="413749" spans="8:8">
      <c r="H413749" s="12"/>
    </row>
    <row r="413750" spans="8:8">
      <c r="H413750" s="12"/>
    </row>
    <row r="413751" spans="8:8">
      <c r="H413751" s="12"/>
    </row>
    <row r="413752" spans="8:8">
      <c r="H413752" s="12"/>
    </row>
    <row r="413753" spans="8:8">
      <c r="H413753" s="12"/>
    </row>
    <row r="413754" spans="8:8">
      <c r="H413754" s="12"/>
    </row>
    <row r="413755" spans="8:8">
      <c r="H413755" s="12"/>
    </row>
    <row r="413756" spans="8:8">
      <c r="H413756" s="12"/>
    </row>
    <row r="413757" spans="8:8">
      <c r="H413757" s="12"/>
    </row>
    <row r="413758" spans="8:8">
      <c r="H413758" s="12"/>
    </row>
    <row r="413759" spans="8:8">
      <c r="H413759" s="12"/>
    </row>
    <row r="413760" spans="8:8">
      <c r="H413760" s="12"/>
    </row>
    <row r="413761" spans="8:8">
      <c r="H413761" s="12"/>
    </row>
    <row r="413762" spans="8:8">
      <c r="H413762" s="12"/>
    </row>
    <row r="413763" spans="8:8">
      <c r="H413763" s="12"/>
    </row>
    <row r="413764" spans="8:8">
      <c r="H413764" s="12"/>
    </row>
    <row r="413765" spans="8:8">
      <c r="H413765" s="12"/>
    </row>
    <row r="413766" spans="8:8">
      <c r="H413766" s="12"/>
    </row>
    <row r="413767" spans="8:8">
      <c r="H413767" s="12"/>
    </row>
    <row r="413768" spans="8:8">
      <c r="H413768" s="12"/>
    </row>
    <row r="413769" spans="8:8">
      <c r="H413769" s="12"/>
    </row>
    <row r="413770" spans="8:8">
      <c r="H413770" s="12"/>
    </row>
    <row r="413771" spans="8:8">
      <c r="H413771" s="12"/>
    </row>
    <row r="413772" spans="8:8">
      <c r="H413772" s="12"/>
    </row>
    <row r="413773" spans="8:8">
      <c r="H413773" s="12"/>
    </row>
    <row r="413774" spans="8:8">
      <c r="H413774" s="12"/>
    </row>
    <row r="413775" spans="8:8">
      <c r="H413775" s="12"/>
    </row>
    <row r="413776" spans="8:8">
      <c r="H413776" s="12"/>
    </row>
    <row r="413777" spans="8:8">
      <c r="H413777" s="12"/>
    </row>
    <row r="413778" spans="8:8">
      <c r="H413778" s="12"/>
    </row>
    <row r="413779" spans="8:8">
      <c r="H413779" s="12"/>
    </row>
    <row r="413780" spans="8:8">
      <c r="H413780" s="12"/>
    </row>
    <row r="413781" spans="8:8">
      <c r="H413781" s="12"/>
    </row>
    <row r="413782" spans="8:8">
      <c r="H413782" s="12"/>
    </row>
    <row r="413783" spans="8:8">
      <c r="H413783" s="12"/>
    </row>
    <row r="413784" spans="8:8">
      <c r="H413784" s="12"/>
    </row>
    <row r="413785" spans="8:8">
      <c r="H413785" s="12"/>
    </row>
    <row r="413786" spans="8:8">
      <c r="H413786" s="12"/>
    </row>
    <row r="413787" spans="8:8">
      <c r="H413787" s="12"/>
    </row>
    <row r="413788" spans="8:8">
      <c r="H413788" s="12"/>
    </row>
    <row r="413789" spans="8:8">
      <c r="H413789" s="12"/>
    </row>
    <row r="413790" spans="8:8">
      <c r="H413790" s="12"/>
    </row>
    <row r="413791" spans="8:8">
      <c r="H413791" s="12"/>
    </row>
    <row r="413792" spans="8:8">
      <c r="H413792" s="12"/>
    </row>
    <row r="413793" spans="8:8">
      <c r="H413793" s="12"/>
    </row>
    <row r="413794" spans="8:8">
      <c r="H413794" s="12"/>
    </row>
    <row r="413795" spans="8:8">
      <c r="H413795" s="12"/>
    </row>
    <row r="413796" spans="8:8">
      <c r="H413796" s="12"/>
    </row>
    <row r="413797" spans="8:8">
      <c r="H413797" s="12"/>
    </row>
    <row r="413798" spans="8:8">
      <c r="H413798" s="12"/>
    </row>
    <row r="413799" spans="8:8">
      <c r="H413799" s="12"/>
    </row>
    <row r="413800" spans="8:8">
      <c r="H413800" s="12"/>
    </row>
    <row r="413801" spans="8:8">
      <c r="H413801" s="12"/>
    </row>
    <row r="413802" spans="8:8">
      <c r="H413802" s="12"/>
    </row>
    <row r="413803" spans="8:8">
      <c r="H413803" s="12"/>
    </row>
    <row r="413804" spans="8:8">
      <c r="H413804" s="12"/>
    </row>
    <row r="413805" spans="8:8">
      <c r="H413805" s="12"/>
    </row>
    <row r="413806" spans="8:8">
      <c r="H413806" s="12"/>
    </row>
    <row r="413807" spans="8:8">
      <c r="H413807" s="12"/>
    </row>
    <row r="413808" spans="8:8">
      <c r="H413808" s="12"/>
    </row>
    <row r="413809" spans="8:8">
      <c r="H413809" s="12"/>
    </row>
    <row r="413810" spans="8:8">
      <c r="H413810" s="12"/>
    </row>
    <row r="413811" spans="8:8">
      <c r="H413811" s="12"/>
    </row>
    <row r="413812" spans="8:8">
      <c r="H413812" s="12"/>
    </row>
    <row r="413813" spans="8:8">
      <c r="H413813" s="12"/>
    </row>
    <row r="413814" spans="8:8">
      <c r="H413814" s="12"/>
    </row>
    <row r="413815" spans="8:8">
      <c r="H413815" s="12"/>
    </row>
    <row r="413816" spans="8:8">
      <c r="H413816" s="12"/>
    </row>
    <row r="413817" spans="8:8">
      <c r="H413817" s="12"/>
    </row>
    <row r="413818" spans="8:8">
      <c r="H413818" s="12"/>
    </row>
    <row r="413819" spans="8:8">
      <c r="H413819" s="12"/>
    </row>
    <row r="413820" spans="8:8">
      <c r="H413820" s="12"/>
    </row>
    <row r="413821" spans="8:8">
      <c r="H413821" s="12"/>
    </row>
    <row r="413822" spans="8:8">
      <c r="H413822" s="12"/>
    </row>
    <row r="413823" spans="8:8">
      <c r="H413823" s="12"/>
    </row>
    <row r="413824" spans="8:8">
      <c r="H413824" s="12"/>
    </row>
    <row r="413825" spans="8:8">
      <c r="H413825" s="12"/>
    </row>
    <row r="413826" spans="8:8">
      <c r="H413826" s="12"/>
    </row>
    <row r="413827" spans="8:8">
      <c r="H413827" s="12"/>
    </row>
    <row r="413828" spans="8:8">
      <c r="H413828" s="12"/>
    </row>
    <row r="413829" spans="8:8">
      <c r="H413829" s="12"/>
    </row>
    <row r="413830" spans="8:8">
      <c r="H413830" s="12"/>
    </row>
    <row r="413831" spans="8:8">
      <c r="H413831" s="12"/>
    </row>
    <row r="413832" spans="8:8">
      <c r="H413832" s="12"/>
    </row>
    <row r="413833" spans="8:8">
      <c r="H413833" s="12"/>
    </row>
    <row r="413834" spans="8:8">
      <c r="H413834" s="12"/>
    </row>
    <row r="413835" spans="8:8">
      <c r="H413835" s="12"/>
    </row>
    <row r="413836" spans="8:8">
      <c r="H413836" s="12"/>
    </row>
    <row r="413837" spans="8:8">
      <c r="H413837" s="12"/>
    </row>
    <row r="413838" spans="8:8">
      <c r="H413838" s="12"/>
    </row>
    <row r="413839" spans="8:8">
      <c r="H413839" s="12"/>
    </row>
    <row r="413840" spans="8:8">
      <c r="H413840" s="12"/>
    </row>
    <row r="413841" spans="8:8">
      <c r="H413841" s="12"/>
    </row>
    <row r="413842" spans="8:8">
      <c r="H413842" s="12"/>
    </row>
    <row r="413843" spans="8:8">
      <c r="H413843" s="12"/>
    </row>
    <row r="413844" spans="8:8">
      <c r="H413844" s="12"/>
    </row>
    <row r="413845" spans="8:8">
      <c r="H413845" s="12"/>
    </row>
    <row r="413846" spans="8:8">
      <c r="H413846" s="12"/>
    </row>
    <row r="413847" spans="8:8">
      <c r="H413847" s="12"/>
    </row>
    <row r="413848" spans="8:8">
      <c r="H413848" s="12"/>
    </row>
    <row r="413849" spans="8:8">
      <c r="H413849" s="12"/>
    </row>
    <row r="413850" spans="8:8">
      <c r="H413850" s="12"/>
    </row>
    <row r="413851" spans="8:8">
      <c r="H413851" s="12"/>
    </row>
    <row r="413852" spans="8:8">
      <c r="H413852" s="12"/>
    </row>
    <row r="413853" spans="8:8">
      <c r="H413853" s="12"/>
    </row>
    <row r="413854" spans="8:8">
      <c r="H413854" s="12"/>
    </row>
    <row r="413855" spans="8:8">
      <c r="H413855" s="12"/>
    </row>
    <row r="413856" spans="8:8">
      <c r="H413856" s="12"/>
    </row>
    <row r="413857" spans="8:8">
      <c r="H413857" s="12"/>
    </row>
    <row r="413858" spans="8:8">
      <c r="H413858" s="12"/>
    </row>
    <row r="413859" spans="8:8">
      <c r="H413859" s="12"/>
    </row>
    <row r="413860" spans="8:8">
      <c r="H413860" s="12"/>
    </row>
    <row r="413861" spans="8:8">
      <c r="H413861" s="12"/>
    </row>
    <row r="413862" spans="8:8">
      <c r="H413862" s="12"/>
    </row>
    <row r="413863" spans="8:8">
      <c r="H413863" s="12"/>
    </row>
    <row r="413864" spans="8:8">
      <c r="H413864" s="12"/>
    </row>
    <row r="413865" spans="8:8">
      <c r="H413865" s="12"/>
    </row>
    <row r="413866" spans="8:8">
      <c r="H413866" s="12"/>
    </row>
    <row r="413867" spans="8:8">
      <c r="H413867" s="12"/>
    </row>
    <row r="413868" spans="8:8">
      <c r="H413868" s="12"/>
    </row>
    <row r="413869" spans="8:8">
      <c r="H413869" s="12"/>
    </row>
    <row r="413870" spans="8:8">
      <c r="H413870" s="12"/>
    </row>
    <row r="413871" spans="8:8">
      <c r="H413871" s="12"/>
    </row>
    <row r="413872" spans="8:8">
      <c r="H413872" s="12"/>
    </row>
    <row r="413873" spans="8:8">
      <c r="H413873" s="12"/>
    </row>
    <row r="413874" spans="8:8">
      <c r="H413874" s="12"/>
    </row>
    <row r="413875" spans="8:8">
      <c r="H413875" s="12"/>
    </row>
    <row r="413876" spans="8:8">
      <c r="H413876" s="12"/>
    </row>
    <row r="413877" spans="8:8">
      <c r="H413877" s="12"/>
    </row>
    <row r="413878" spans="8:8">
      <c r="H413878" s="12"/>
    </row>
    <row r="413879" spans="8:8">
      <c r="H413879" s="12"/>
    </row>
    <row r="413880" spans="8:8">
      <c r="H413880" s="12"/>
    </row>
    <row r="413881" spans="8:8">
      <c r="H413881" s="12"/>
    </row>
    <row r="413882" spans="8:8">
      <c r="H413882" s="12"/>
    </row>
    <row r="413883" spans="8:8">
      <c r="H413883" s="12"/>
    </row>
    <row r="413884" spans="8:8">
      <c r="H413884" s="12"/>
    </row>
    <row r="413885" spans="8:8">
      <c r="H413885" s="12"/>
    </row>
    <row r="413886" spans="8:8">
      <c r="H413886" s="12"/>
    </row>
    <row r="413887" spans="8:8">
      <c r="H413887" s="12"/>
    </row>
    <row r="413888" spans="8:8">
      <c r="H413888" s="12"/>
    </row>
    <row r="413889" spans="8:8">
      <c r="H413889" s="12"/>
    </row>
    <row r="413890" spans="8:8">
      <c r="H413890" s="12"/>
    </row>
    <row r="413891" spans="8:8">
      <c r="H413891" s="12"/>
    </row>
    <row r="413892" spans="8:8">
      <c r="H413892" s="12"/>
    </row>
    <row r="413893" spans="8:8">
      <c r="H413893" s="12"/>
    </row>
    <row r="413894" spans="8:8">
      <c r="H413894" s="12"/>
    </row>
    <row r="413895" spans="8:8">
      <c r="H413895" s="12"/>
    </row>
    <row r="413896" spans="8:8">
      <c r="H413896" s="12"/>
    </row>
    <row r="413897" spans="8:8">
      <c r="H413897" s="12"/>
    </row>
    <row r="413898" spans="8:8">
      <c r="H413898" s="12"/>
    </row>
    <row r="413899" spans="8:8">
      <c r="H413899" s="12"/>
    </row>
    <row r="413900" spans="8:8">
      <c r="H413900" s="12"/>
    </row>
    <row r="413901" spans="8:8">
      <c r="H413901" s="12"/>
    </row>
    <row r="413902" spans="8:8">
      <c r="H413902" s="12"/>
    </row>
    <row r="413903" spans="8:8">
      <c r="H413903" s="12"/>
    </row>
    <row r="413904" spans="8:8">
      <c r="H413904" s="12"/>
    </row>
    <row r="413905" spans="8:8">
      <c r="H413905" s="12"/>
    </row>
    <row r="413906" spans="8:8">
      <c r="H413906" s="12"/>
    </row>
    <row r="413907" spans="8:8">
      <c r="H413907" s="12"/>
    </row>
    <row r="413908" spans="8:8">
      <c r="H413908" s="12"/>
    </row>
    <row r="413909" spans="8:8">
      <c r="H413909" s="12"/>
    </row>
    <row r="413910" spans="8:8">
      <c r="H413910" s="12"/>
    </row>
    <row r="413911" spans="8:8">
      <c r="H413911" s="12"/>
    </row>
    <row r="413912" spans="8:8">
      <c r="H413912" s="12"/>
    </row>
    <row r="413913" spans="8:8">
      <c r="H413913" s="12"/>
    </row>
    <row r="413914" spans="8:8">
      <c r="H413914" s="12"/>
    </row>
    <row r="413915" spans="8:8">
      <c r="H413915" s="12"/>
    </row>
    <row r="413916" spans="8:8">
      <c r="H413916" s="12"/>
    </row>
    <row r="413917" spans="8:8">
      <c r="H413917" s="12"/>
    </row>
    <row r="413918" spans="8:8">
      <c r="H413918" s="12"/>
    </row>
    <row r="413919" spans="8:8">
      <c r="H413919" s="12"/>
    </row>
    <row r="413920" spans="8:8">
      <c r="H413920" s="12"/>
    </row>
    <row r="413921" spans="8:8">
      <c r="H413921" s="12"/>
    </row>
    <row r="413922" spans="8:8">
      <c r="H413922" s="12"/>
    </row>
    <row r="413923" spans="8:8">
      <c r="H413923" s="12"/>
    </row>
    <row r="413924" spans="8:8">
      <c r="H413924" s="12"/>
    </row>
    <row r="413925" spans="8:8">
      <c r="H413925" s="12"/>
    </row>
    <row r="413926" spans="8:8">
      <c r="H413926" s="12"/>
    </row>
    <row r="413927" spans="8:8">
      <c r="H413927" s="12"/>
    </row>
    <row r="413928" spans="8:8">
      <c r="H413928" s="12"/>
    </row>
    <row r="413929" spans="8:8">
      <c r="H413929" s="12"/>
    </row>
    <row r="413930" spans="8:8">
      <c r="H413930" s="12"/>
    </row>
    <row r="413931" spans="8:8">
      <c r="H413931" s="12"/>
    </row>
    <row r="413932" spans="8:8">
      <c r="H413932" s="12"/>
    </row>
    <row r="413933" spans="8:8">
      <c r="H413933" s="12"/>
    </row>
    <row r="413934" spans="8:8">
      <c r="H413934" s="12"/>
    </row>
    <row r="413935" spans="8:8">
      <c r="H413935" s="12"/>
    </row>
    <row r="413936" spans="8:8">
      <c r="H413936" s="12"/>
    </row>
    <row r="413937" spans="8:8">
      <c r="H413937" s="12"/>
    </row>
    <row r="413938" spans="8:8">
      <c r="H413938" s="12"/>
    </row>
    <row r="413939" spans="8:8">
      <c r="H413939" s="12"/>
    </row>
    <row r="413940" spans="8:8">
      <c r="H413940" s="12"/>
    </row>
    <row r="413941" spans="8:8">
      <c r="H413941" s="12"/>
    </row>
    <row r="413942" spans="8:8">
      <c r="H413942" s="12"/>
    </row>
    <row r="413943" spans="8:8">
      <c r="H413943" s="12"/>
    </row>
    <row r="413944" spans="8:8">
      <c r="H413944" s="12"/>
    </row>
    <row r="413945" spans="8:8">
      <c r="H413945" s="12"/>
    </row>
    <row r="413946" spans="8:8">
      <c r="H413946" s="12"/>
    </row>
    <row r="413947" spans="8:8">
      <c r="H413947" s="12"/>
    </row>
    <row r="413948" spans="8:8">
      <c r="H413948" s="12"/>
    </row>
    <row r="413949" spans="8:8">
      <c r="H413949" s="12"/>
    </row>
    <row r="413950" spans="8:8">
      <c r="H413950" s="12"/>
    </row>
    <row r="413951" spans="8:8">
      <c r="H413951" s="12"/>
    </row>
    <row r="413952" spans="8:8">
      <c r="H413952" s="12"/>
    </row>
    <row r="413953" spans="8:8">
      <c r="H413953" s="12"/>
    </row>
    <row r="413954" spans="8:8">
      <c r="H413954" s="12"/>
    </row>
    <row r="413955" spans="8:8">
      <c r="H413955" s="12"/>
    </row>
    <row r="413956" spans="8:8">
      <c r="H413956" s="12"/>
    </row>
    <row r="413957" spans="8:8">
      <c r="H413957" s="12"/>
    </row>
    <row r="413958" spans="8:8">
      <c r="H413958" s="12"/>
    </row>
    <row r="413959" spans="8:8">
      <c r="H413959" s="12"/>
    </row>
    <row r="413960" spans="8:8">
      <c r="H413960" s="12"/>
    </row>
    <row r="413961" spans="8:8">
      <c r="H413961" s="12"/>
    </row>
    <row r="413962" spans="8:8">
      <c r="H413962" s="12"/>
    </row>
    <row r="413963" spans="8:8">
      <c r="H413963" s="12"/>
    </row>
    <row r="413964" spans="8:8">
      <c r="H413964" s="12"/>
    </row>
    <row r="413965" spans="8:8">
      <c r="H413965" s="12"/>
    </row>
    <row r="413966" spans="8:8">
      <c r="H413966" s="12"/>
    </row>
    <row r="413967" spans="8:8">
      <c r="H413967" s="12"/>
    </row>
    <row r="413968" spans="8:8">
      <c r="H413968" s="12"/>
    </row>
    <row r="413969" spans="8:8">
      <c r="H413969" s="12"/>
    </row>
    <row r="413970" spans="8:8">
      <c r="H413970" s="12"/>
    </row>
    <row r="413971" spans="8:8">
      <c r="H413971" s="12"/>
    </row>
    <row r="413972" spans="8:8">
      <c r="H413972" s="12"/>
    </row>
    <row r="413973" spans="8:8">
      <c r="H413973" s="12"/>
    </row>
    <row r="413974" spans="8:8">
      <c r="H413974" s="12"/>
    </row>
    <row r="413975" spans="8:8">
      <c r="H413975" s="12"/>
    </row>
    <row r="413976" spans="8:8">
      <c r="H413976" s="12"/>
    </row>
    <row r="413977" spans="8:8">
      <c r="H413977" s="12"/>
    </row>
    <row r="413978" spans="8:8">
      <c r="H413978" s="12"/>
    </row>
    <row r="413979" spans="8:8">
      <c r="H413979" s="12"/>
    </row>
    <row r="413980" spans="8:8">
      <c r="H413980" s="12"/>
    </row>
    <row r="413981" spans="8:8">
      <c r="H413981" s="12"/>
    </row>
    <row r="413982" spans="8:8">
      <c r="H413982" s="12"/>
    </row>
    <row r="413983" spans="8:8">
      <c r="H413983" s="12"/>
    </row>
    <row r="413984" spans="8:8">
      <c r="H413984" s="12"/>
    </row>
    <row r="413985" spans="8:8">
      <c r="H413985" s="12"/>
    </row>
    <row r="413986" spans="8:8">
      <c r="H413986" s="12"/>
    </row>
    <row r="413987" spans="8:8">
      <c r="H413987" s="12"/>
    </row>
    <row r="413988" spans="8:8">
      <c r="H413988" s="12"/>
    </row>
    <row r="413989" spans="8:8">
      <c r="H413989" s="12"/>
    </row>
    <row r="413990" spans="8:8">
      <c r="H413990" s="12"/>
    </row>
    <row r="413991" spans="8:8">
      <c r="H413991" s="12"/>
    </row>
    <row r="413992" spans="8:8">
      <c r="H413992" s="12"/>
    </row>
    <row r="413993" spans="8:8">
      <c r="H413993" s="12"/>
    </row>
    <row r="413994" spans="8:8">
      <c r="H413994" s="12"/>
    </row>
    <row r="413995" spans="8:8">
      <c r="H413995" s="12"/>
    </row>
    <row r="413996" spans="8:8">
      <c r="H413996" s="12"/>
    </row>
    <row r="413997" spans="8:8">
      <c r="H413997" s="12"/>
    </row>
    <row r="413998" spans="8:8">
      <c r="H413998" s="12"/>
    </row>
    <row r="413999" spans="8:8">
      <c r="H413999" s="12"/>
    </row>
    <row r="414000" spans="8:8">
      <c r="H414000" s="12"/>
    </row>
    <row r="414001" spans="8:8">
      <c r="H414001" s="12"/>
    </row>
    <row r="414002" spans="8:8">
      <c r="H414002" s="12"/>
    </row>
    <row r="414003" spans="8:8">
      <c r="H414003" s="12"/>
    </row>
    <row r="414004" spans="8:8">
      <c r="H414004" s="12"/>
    </row>
    <row r="414005" spans="8:8">
      <c r="H414005" s="12"/>
    </row>
    <row r="414006" spans="8:8">
      <c r="H414006" s="12"/>
    </row>
    <row r="414007" spans="8:8">
      <c r="H414007" s="12"/>
    </row>
    <row r="414008" spans="8:8">
      <c r="H414008" s="12"/>
    </row>
    <row r="414009" spans="8:8">
      <c r="H414009" s="12"/>
    </row>
    <row r="414010" spans="8:8">
      <c r="H414010" s="12"/>
    </row>
    <row r="414011" spans="8:8">
      <c r="H414011" s="12"/>
    </row>
    <row r="414012" spans="8:8">
      <c r="H414012" s="12"/>
    </row>
    <row r="414013" spans="8:8">
      <c r="H414013" s="12"/>
    </row>
    <row r="414014" spans="8:8">
      <c r="H414014" s="12"/>
    </row>
    <row r="414015" spans="8:8">
      <c r="H414015" s="12"/>
    </row>
    <row r="414016" spans="8:8">
      <c r="H414016" s="12"/>
    </row>
    <row r="414017" spans="8:8">
      <c r="H414017" s="12"/>
    </row>
    <row r="414018" spans="8:8">
      <c r="H414018" s="12"/>
    </row>
    <row r="414019" spans="8:8">
      <c r="H414019" s="12"/>
    </row>
    <row r="414020" spans="8:8">
      <c r="H414020" s="12"/>
    </row>
    <row r="414021" spans="8:8">
      <c r="H414021" s="12"/>
    </row>
    <row r="414022" spans="8:8">
      <c r="H414022" s="12"/>
    </row>
    <row r="414023" spans="8:8">
      <c r="H414023" s="12"/>
    </row>
    <row r="414024" spans="8:8">
      <c r="H414024" s="12"/>
    </row>
    <row r="414025" spans="8:8">
      <c r="H414025" s="12"/>
    </row>
    <row r="414026" spans="8:8">
      <c r="H414026" s="12"/>
    </row>
    <row r="414027" spans="8:8">
      <c r="H414027" s="12"/>
    </row>
    <row r="414028" spans="8:8">
      <c r="H414028" s="12"/>
    </row>
    <row r="414029" spans="8:8">
      <c r="H414029" s="12"/>
    </row>
    <row r="414030" spans="8:8">
      <c r="H414030" s="12"/>
    </row>
    <row r="414031" spans="8:8">
      <c r="H414031" s="12"/>
    </row>
    <row r="414032" spans="8:8">
      <c r="H414032" s="12"/>
    </row>
    <row r="414033" spans="8:8">
      <c r="H414033" s="12"/>
    </row>
    <row r="414034" spans="8:8">
      <c r="H414034" s="12"/>
    </row>
    <row r="414035" spans="8:8">
      <c r="H414035" s="12"/>
    </row>
    <row r="414036" spans="8:8">
      <c r="H414036" s="12"/>
    </row>
    <row r="414037" spans="8:8">
      <c r="H414037" s="12"/>
    </row>
    <row r="414038" spans="8:8">
      <c r="H414038" s="12"/>
    </row>
    <row r="414039" spans="8:8">
      <c r="H414039" s="12"/>
    </row>
    <row r="414040" spans="8:8">
      <c r="H414040" s="12"/>
    </row>
    <row r="414041" spans="8:8">
      <c r="H414041" s="12"/>
    </row>
    <row r="414042" spans="8:8">
      <c r="H414042" s="12"/>
    </row>
    <row r="414043" spans="8:8">
      <c r="H414043" s="12"/>
    </row>
    <row r="414044" spans="8:8">
      <c r="H414044" s="12"/>
    </row>
    <row r="414045" spans="8:8">
      <c r="H414045" s="12"/>
    </row>
    <row r="414046" spans="8:8">
      <c r="H414046" s="12"/>
    </row>
    <row r="414047" spans="8:8">
      <c r="H414047" s="12"/>
    </row>
    <row r="414048" spans="8:8">
      <c r="H414048" s="12"/>
    </row>
    <row r="414049" spans="8:8">
      <c r="H414049" s="12"/>
    </row>
    <row r="414050" spans="8:8">
      <c r="H414050" s="12"/>
    </row>
    <row r="414051" spans="8:8">
      <c r="H414051" s="12"/>
    </row>
    <row r="414052" spans="8:8">
      <c r="H414052" s="12"/>
    </row>
    <row r="414053" spans="8:8">
      <c r="H414053" s="12"/>
    </row>
    <row r="414054" spans="8:8">
      <c r="H414054" s="12"/>
    </row>
    <row r="414055" spans="8:8">
      <c r="H414055" s="12"/>
    </row>
    <row r="414056" spans="8:8">
      <c r="H414056" s="12"/>
    </row>
    <row r="414057" spans="8:8">
      <c r="H414057" s="12"/>
    </row>
    <row r="414058" spans="8:8">
      <c r="H414058" s="12"/>
    </row>
    <row r="414059" spans="8:8">
      <c r="H414059" s="12"/>
    </row>
    <row r="414060" spans="8:8">
      <c r="H414060" s="12"/>
    </row>
    <row r="414061" spans="8:8">
      <c r="H414061" s="12"/>
    </row>
    <row r="414062" spans="8:8">
      <c r="H414062" s="12"/>
    </row>
    <row r="414063" spans="8:8">
      <c r="H414063" s="12"/>
    </row>
    <row r="414064" spans="8:8">
      <c r="H414064" s="12"/>
    </row>
    <row r="414065" spans="8:8">
      <c r="H414065" s="12"/>
    </row>
    <row r="414066" spans="8:8">
      <c r="H414066" s="12"/>
    </row>
    <row r="414067" spans="8:8">
      <c r="H414067" s="12"/>
    </row>
    <row r="414068" spans="8:8">
      <c r="H414068" s="12"/>
    </row>
    <row r="414069" spans="8:8">
      <c r="H414069" s="12"/>
    </row>
    <row r="414070" spans="8:8">
      <c r="H414070" s="12"/>
    </row>
    <row r="414071" spans="8:8">
      <c r="H414071" s="12"/>
    </row>
    <row r="414072" spans="8:8">
      <c r="H414072" s="12"/>
    </row>
    <row r="414073" spans="8:8">
      <c r="H414073" s="12"/>
    </row>
    <row r="414074" spans="8:8">
      <c r="H414074" s="12"/>
    </row>
    <row r="414075" spans="8:8">
      <c r="H414075" s="12"/>
    </row>
    <row r="414076" spans="8:8">
      <c r="H414076" s="12"/>
    </row>
    <row r="414077" spans="8:8">
      <c r="H414077" s="12"/>
    </row>
    <row r="414078" spans="8:8">
      <c r="H414078" s="12"/>
    </row>
    <row r="414079" spans="8:8">
      <c r="H414079" s="12"/>
    </row>
    <row r="414080" spans="8:8">
      <c r="H414080" s="12"/>
    </row>
    <row r="414081" spans="8:8">
      <c r="H414081" s="12"/>
    </row>
    <row r="414082" spans="8:8">
      <c r="H414082" s="12"/>
    </row>
    <row r="414083" spans="8:8">
      <c r="H414083" s="12"/>
    </row>
    <row r="414084" spans="8:8">
      <c r="H414084" s="12"/>
    </row>
    <row r="414085" spans="8:8">
      <c r="H414085" s="12"/>
    </row>
    <row r="414086" spans="8:8">
      <c r="H414086" s="12"/>
    </row>
    <row r="414087" spans="8:8">
      <c r="H414087" s="12"/>
    </row>
    <row r="414088" spans="8:8">
      <c r="H414088" s="12"/>
    </row>
    <row r="414089" spans="8:8">
      <c r="H414089" s="12"/>
    </row>
    <row r="414090" spans="8:8">
      <c r="H414090" s="12"/>
    </row>
    <row r="414091" spans="8:8">
      <c r="H414091" s="12"/>
    </row>
    <row r="414092" spans="8:8">
      <c r="H414092" s="12"/>
    </row>
    <row r="414093" spans="8:8">
      <c r="H414093" s="12"/>
    </row>
    <row r="414094" spans="8:8">
      <c r="H414094" s="12"/>
    </row>
    <row r="414095" spans="8:8">
      <c r="H414095" s="12"/>
    </row>
    <row r="414096" spans="8:8">
      <c r="H414096" s="12"/>
    </row>
    <row r="414097" spans="8:8">
      <c r="H414097" s="12"/>
    </row>
    <row r="414098" spans="8:8">
      <c r="H414098" s="12"/>
    </row>
    <row r="414099" spans="8:8">
      <c r="H414099" s="12"/>
    </row>
    <row r="414100" spans="8:8">
      <c r="H414100" s="12"/>
    </row>
    <row r="414101" spans="8:8">
      <c r="H414101" s="12"/>
    </row>
    <row r="414102" spans="8:8">
      <c r="H414102" s="12"/>
    </row>
    <row r="414103" spans="8:8">
      <c r="H414103" s="12"/>
    </row>
    <row r="414104" spans="8:8">
      <c r="H414104" s="12"/>
    </row>
    <row r="414105" spans="8:8">
      <c r="H414105" s="12"/>
    </row>
    <row r="414106" spans="8:8">
      <c r="H414106" s="12"/>
    </row>
    <row r="414107" spans="8:8">
      <c r="H414107" s="12"/>
    </row>
    <row r="414108" spans="8:8">
      <c r="H414108" s="12"/>
    </row>
    <row r="414109" spans="8:8">
      <c r="H414109" s="12"/>
    </row>
    <row r="414110" spans="8:8">
      <c r="H414110" s="12"/>
    </row>
    <row r="414111" spans="8:8">
      <c r="H414111" s="12"/>
    </row>
    <row r="414112" spans="8:8">
      <c r="H414112" s="12"/>
    </row>
    <row r="414113" spans="8:8">
      <c r="H414113" s="12"/>
    </row>
    <row r="414114" spans="8:8">
      <c r="H414114" s="12"/>
    </row>
    <row r="414115" spans="8:8">
      <c r="H414115" s="12"/>
    </row>
    <row r="414116" spans="8:8">
      <c r="H414116" s="12"/>
    </row>
    <row r="414117" spans="8:8">
      <c r="H414117" s="12"/>
    </row>
    <row r="414118" spans="8:8">
      <c r="H414118" s="12"/>
    </row>
    <row r="414119" spans="8:8">
      <c r="H414119" s="12"/>
    </row>
    <row r="414120" spans="8:8">
      <c r="H414120" s="12"/>
    </row>
    <row r="414121" spans="8:8">
      <c r="H414121" s="12"/>
    </row>
    <row r="414122" spans="8:8">
      <c r="H414122" s="12"/>
    </row>
    <row r="414123" spans="8:8">
      <c r="H414123" s="12"/>
    </row>
    <row r="414124" spans="8:8">
      <c r="H414124" s="12"/>
    </row>
    <row r="414125" spans="8:8">
      <c r="H414125" s="12"/>
    </row>
    <row r="414126" spans="8:8">
      <c r="H414126" s="12"/>
    </row>
    <row r="414127" spans="8:8">
      <c r="H414127" s="12"/>
    </row>
    <row r="414128" spans="8:8">
      <c r="H414128" s="12"/>
    </row>
    <row r="414129" spans="8:8">
      <c r="H414129" s="12"/>
    </row>
    <row r="414130" spans="8:8">
      <c r="H414130" s="12"/>
    </row>
    <row r="414131" spans="8:8">
      <c r="H414131" s="12"/>
    </row>
    <row r="414132" spans="8:8">
      <c r="H414132" s="12"/>
    </row>
    <row r="414133" spans="8:8">
      <c r="H414133" s="12"/>
    </row>
    <row r="414134" spans="8:8">
      <c r="H414134" s="12"/>
    </row>
    <row r="414135" spans="8:8">
      <c r="H414135" s="12"/>
    </row>
    <row r="414136" spans="8:8">
      <c r="H414136" s="12"/>
    </row>
    <row r="414137" spans="8:8">
      <c r="H414137" s="12"/>
    </row>
    <row r="414138" spans="8:8">
      <c r="H414138" s="12"/>
    </row>
    <row r="414139" spans="8:8">
      <c r="H414139" s="12"/>
    </row>
    <row r="414140" spans="8:8">
      <c r="H414140" s="12"/>
    </row>
    <row r="414141" spans="8:8">
      <c r="H414141" s="12"/>
    </row>
    <row r="414142" spans="8:8">
      <c r="H414142" s="12"/>
    </row>
    <row r="414143" spans="8:8">
      <c r="H414143" s="12"/>
    </row>
    <row r="414144" spans="8:8">
      <c r="H414144" s="12"/>
    </row>
    <row r="414145" spans="8:8">
      <c r="H414145" s="12"/>
    </row>
    <row r="414146" spans="8:8">
      <c r="H414146" s="12"/>
    </row>
    <row r="414147" spans="8:8">
      <c r="H414147" s="12"/>
    </row>
    <row r="414148" spans="8:8">
      <c r="H414148" s="12"/>
    </row>
    <row r="414149" spans="8:8">
      <c r="H414149" s="12"/>
    </row>
    <row r="414150" spans="8:8">
      <c r="H414150" s="12"/>
    </row>
    <row r="414151" spans="8:8">
      <c r="H414151" s="12"/>
    </row>
    <row r="414152" spans="8:8">
      <c r="H414152" s="12"/>
    </row>
    <row r="414153" spans="8:8">
      <c r="H414153" s="12"/>
    </row>
    <row r="414154" spans="8:8">
      <c r="H414154" s="12"/>
    </row>
    <row r="414155" spans="8:8">
      <c r="H414155" s="12"/>
    </row>
    <row r="414156" spans="8:8">
      <c r="H414156" s="12"/>
    </row>
    <row r="414157" spans="8:8">
      <c r="H414157" s="12"/>
    </row>
    <row r="414158" spans="8:8">
      <c r="H414158" s="12"/>
    </row>
    <row r="414159" spans="8:8">
      <c r="H414159" s="12"/>
    </row>
    <row r="414160" spans="8:8">
      <c r="H414160" s="12"/>
    </row>
    <row r="414161" spans="8:8">
      <c r="H414161" s="12"/>
    </row>
    <row r="414162" spans="8:8">
      <c r="H414162" s="12"/>
    </row>
    <row r="414163" spans="8:8">
      <c r="H414163" s="12"/>
    </row>
    <row r="414164" spans="8:8">
      <c r="H414164" s="12"/>
    </row>
    <row r="414165" spans="8:8">
      <c r="H414165" s="12"/>
    </row>
    <row r="414166" spans="8:8">
      <c r="H414166" s="12"/>
    </row>
    <row r="414167" spans="8:8">
      <c r="H414167" s="12"/>
    </row>
    <row r="414168" spans="8:8">
      <c r="H414168" s="12"/>
    </row>
    <row r="414169" spans="8:8">
      <c r="H414169" s="12"/>
    </row>
    <row r="414170" spans="8:8">
      <c r="H414170" s="12"/>
    </row>
    <row r="414171" spans="8:8">
      <c r="H414171" s="12"/>
    </row>
    <row r="414172" spans="8:8">
      <c r="H414172" s="12"/>
    </row>
    <row r="414173" spans="8:8">
      <c r="H414173" s="12"/>
    </row>
    <row r="414174" spans="8:8">
      <c r="H414174" s="12"/>
    </row>
    <row r="414175" spans="8:8">
      <c r="H414175" s="12"/>
    </row>
    <row r="414176" spans="8:8">
      <c r="H414176" s="12"/>
    </row>
    <row r="414177" spans="8:8">
      <c r="H414177" s="12"/>
    </row>
    <row r="414178" spans="8:8">
      <c r="H414178" s="12"/>
    </row>
    <row r="414179" spans="8:8">
      <c r="H414179" s="12"/>
    </row>
    <row r="414180" spans="8:8">
      <c r="H414180" s="12"/>
    </row>
    <row r="414181" spans="8:8">
      <c r="H414181" s="12"/>
    </row>
    <row r="414182" spans="8:8">
      <c r="H414182" s="12"/>
    </row>
    <row r="414183" spans="8:8">
      <c r="H414183" s="12"/>
    </row>
    <row r="414184" spans="8:8">
      <c r="H414184" s="12"/>
    </row>
    <row r="414185" spans="8:8">
      <c r="H414185" s="12"/>
    </row>
    <row r="414186" spans="8:8">
      <c r="H414186" s="12"/>
    </row>
    <row r="414187" spans="8:8">
      <c r="H414187" s="12"/>
    </row>
    <row r="414188" spans="8:8">
      <c r="H414188" s="12"/>
    </row>
    <row r="414189" spans="8:8">
      <c r="H414189" s="12"/>
    </row>
    <row r="414190" spans="8:8">
      <c r="H414190" s="12"/>
    </row>
    <row r="414191" spans="8:8">
      <c r="H414191" s="12"/>
    </row>
    <row r="414192" spans="8:8">
      <c r="H414192" s="12"/>
    </row>
    <row r="414193" spans="8:8">
      <c r="H414193" s="12"/>
    </row>
    <row r="414194" spans="8:8">
      <c r="H414194" s="12"/>
    </row>
    <row r="414195" spans="8:8">
      <c r="H414195" s="12"/>
    </row>
    <row r="414196" spans="8:8">
      <c r="H414196" s="12"/>
    </row>
    <row r="414197" spans="8:8">
      <c r="H414197" s="12"/>
    </row>
    <row r="414198" spans="8:8">
      <c r="H414198" s="12"/>
    </row>
    <row r="414199" spans="8:8">
      <c r="H414199" s="12"/>
    </row>
    <row r="414200" spans="8:8">
      <c r="H414200" s="12"/>
    </row>
    <row r="414201" spans="8:8">
      <c r="H414201" s="12"/>
    </row>
    <row r="414202" spans="8:8">
      <c r="H414202" s="12"/>
    </row>
    <row r="414203" spans="8:8">
      <c r="H414203" s="12"/>
    </row>
    <row r="414204" spans="8:8">
      <c r="H414204" s="12"/>
    </row>
    <row r="414205" spans="8:8">
      <c r="H414205" s="12"/>
    </row>
    <row r="414206" spans="8:8">
      <c r="H414206" s="12"/>
    </row>
    <row r="414207" spans="8:8">
      <c r="H414207" s="12"/>
    </row>
    <row r="414208" spans="8:8">
      <c r="H414208" s="12"/>
    </row>
    <row r="414209" spans="8:8">
      <c r="H414209" s="12"/>
    </row>
    <row r="414210" spans="8:8">
      <c r="H414210" s="12"/>
    </row>
    <row r="414211" spans="8:8">
      <c r="H414211" s="12"/>
    </row>
    <row r="414212" spans="8:8">
      <c r="H414212" s="12"/>
    </row>
    <row r="414213" spans="8:8">
      <c r="H414213" s="12"/>
    </row>
    <row r="414214" spans="8:8">
      <c r="H414214" s="12"/>
    </row>
    <row r="414215" spans="8:8">
      <c r="H414215" s="12"/>
    </row>
    <row r="414216" spans="8:8">
      <c r="H414216" s="12"/>
    </row>
    <row r="414217" spans="8:8">
      <c r="H414217" s="12"/>
    </row>
    <row r="414218" spans="8:8">
      <c r="H414218" s="12"/>
    </row>
    <row r="414219" spans="8:8">
      <c r="H414219" s="12"/>
    </row>
    <row r="414220" spans="8:8">
      <c r="H414220" s="12"/>
    </row>
    <row r="414221" spans="8:8">
      <c r="H414221" s="12"/>
    </row>
    <row r="414222" spans="8:8">
      <c r="H414222" s="12"/>
    </row>
    <row r="414223" spans="8:8">
      <c r="H414223" s="12"/>
    </row>
    <row r="414224" spans="8:8">
      <c r="H414224" s="12"/>
    </row>
    <row r="414225" spans="8:8">
      <c r="H414225" s="12"/>
    </row>
    <row r="414226" spans="8:8">
      <c r="H414226" s="12"/>
    </row>
    <row r="414227" spans="8:8">
      <c r="H414227" s="12"/>
    </row>
    <row r="414228" spans="8:8">
      <c r="H414228" s="12"/>
    </row>
    <row r="414229" spans="8:8">
      <c r="H414229" s="12"/>
    </row>
    <row r="414230" spans="8:8">
      <c r="H414230" s="12"/>
    </row>
    <row r="414231" spans="8:8">
      <c r="H414231" s="12"/>
    </row>
    <row r="414232" spans="8:8">
      <c r="H414232" s="12"/>
    </row>
    <row r="414233" spans="8:8">
      <c r="H414233" s="12"/>
    </row>
    <row r="414234" spans="8:8">
      <c r="H414234" s="12"/>
    </row>
    <row r="414235" spans="8:8">
      <c r="H414235" s="12"/>
    </row>
    <row r="414236" spans="8:8">
      <c r="H414236" s="12"/>
    </row>
    <row r="414237" spans="8:8">
      <c r="H414237" s="12"/>
    </row>
    <row r="414238" spans="8:8">
      <c r="H414238" s="12"/>
    </row>
    <row r="414239" spans="8:8">
      <c r="H414239" s="12"/>
    </row>
    <row r="414240" spans="8:8">
      <c r="H414240" s="12"/>
    </row>
    <row r="414241" spans="8:8">
      <c r="H414241" s="12"/>
    </row>
    <row r="414242" spans="8:8">
      <c r="H414242" s="12"/>
    </row>
    <row r="414243" spans="8:8">
      <c r="H414243" s="12"/>
    </row>
    <row r="414244" spans="8:8">
      <c r="H414244" s="12"/>
    </row>
    <row r="414245" spans="8:8">
      <c r="H414245" s="12"/>
    </row>
    <row r="414246" spans="8:8">
      <c r="H414246" s="12"/>
    </row>
    <row r="414247" spans="8:8">
      <c r="H414247" s="12"/>
    </row>
    <row r="414248" spans="8:8">
      <c r="H414248" s="12"/>
    </row>
    <row r="414249" spans="8:8">
      <c r="H414249" s="12"/>
    </row>
    <row r="414250" spans="8:8">
      <c r="H414250" s="12"/>
    </row>
    <row r="414251" spans="8:8">
      <c r="H414251" s="12"/>
    </row>
    <row r="414252" spans="8:8">
      <c r="H414252" s="12"/>
    </row>
    <row r="414253" spans="8:8">
      <c r="H414253" s="12"/>
    </row>
    <row r="414254" spans="8:8">
      <c r="H414254" s="12"/>
    </row>
    <row r="414255" spans="8:8">
      <c r="H414255" s="12"/>
    </row>
    <row r="414256" spans="8:8">
      <c r="H414256" s="12"/>
    </row>
    <row r="414257" spans="8:8">
      <c r="H414257" s="12"/>
    </row>
    <row r="414258" spans="8:8">
      <c r="H414258" s="12"/>
    </row>
    <row r="414259" spans="8:8">
      <c r="H414259" s="12"/>
    </row>
    <row r="414260" spans="8:8">
      <c r="H414260" s="12"/>
    </row>
    <row r="414261" spans="8:8">
      <c r="H414261" s="12"/>
    </row>
    <row r="414262" spans="8:8">
      <c r="H414262" s="12"/>
    </row>
    <row r="414263" spans="8:8">
      <c r="H414263" s="12"/>
    </row>
    <row r="414264" spans="8:8">
      <c r="H414264" s="12"/>
    </row>
    <row r="414265" spans="8:8">
      <c r="H414265" s="12"/>
    </row>
    <row r="414266" spans="8:8">
      <c r="H414266" s="12"/>
    </row>
    <row r="414267" spans="8:8">
      <c r="H414267" s="12"/>
    </row>
    <row r="414268" spans="8:8">
      <c r="H414268" s="12"/>
    </row>
    <row r="414269" spans="8:8">
      <c r="H414269" s="12"/>
    </row>
    <row r="414270" spans="8:8">
      <c r="H414270" s="12"/>
    </row>
    <row r="414271" spans="8:8">
      <c r="H414271" s="12"/>
    </row>
    <row r="414272" spans="8:8">
      <c r="H414272" s="12"/>
    </row>
    <row r="414273" spans="8:8">
      <c r="H414273" s="12"/>
    </row>
    <row r="414274" spans="8:8">
      <c r="H414274" s="12"/>
    </row>
    <row r="414275" spans="8:8">
      <c r="H414275" s="12"/>
    </row>
    <row r="414276" spans="8:8">
      <c r="H414276" s="12"/>
    </row>
    <row r="414277" spans="8:8">
      <c r="H414277" s="12"/>
    </row>
    <row r="414278" spans="8:8">
      <c r="H414278" s="12"/>
    </row>
    <row r="414279" spans="8:8">
      <c r="H414279" s="12"/>
    </row>
    <row r="414280" spans="8:8">
      <c r="H414280" s="12"/>
    </row>
    <row r="414281" spans="8:8">
      <c r="H414281" s="12"/>
    </row>
    <row r="414282" spans="8:8">
      <c r="H414282" s="12"/>
    </row>
    <row r="414283" spans="8:8">
      <c r="H414283" s="12"/>
    </row>
    <row r="414284" spans="8:8">
      <c r="H414284" s="12"/>
    </row>
    <row r="414285" spans="8:8">
      <c r="H414285" s="12"/>
    </row>
    <row r="414286" spans="8:8">
      <c r="H414286" s="12"/>
    </row>
    <row r="414287" spans="8:8">
      <c r="H414287" s="12"/>
    </row>
    <row r="414288" spans="8:8">
      <c r="H414288" s="12"/>
    </row>
    <row r="414289" spans="8:8">
      <c r="H414289" s="12"/>
    </row>
    <row r="414290" spans="8:8">
      <c r="H414290" s="12"/>
    </row>
    <row r="414291" spans="8:8">
      <c r="H414291" s="12"/>
    </row>
    <row r="414292" spans="8:8">
      <c r="H414292" s="12"/>
    </row>
    <row r="414293" spans="8:8">
      <c r="H414293" s="12"/>
    </row>
    <row r="414294" spans="8:8">
      <c r="H414294" s="12"/>
    </row>
    <row r="414295" spans="8:8">
      <c r="H414295" s="12"/>
    </row>
    <row r="414296" spans="8:8">
      <c r="H414296" s="12"/>
    </row>
    <row r="414297" spans="8:8">
      <c r="H414297" s="12"/>
    </row>
    <row r="414298" spans="8:8">
      <c r="H414298" s="12"/>
    </row>
    <row r="414299" spans="8:8">
      <c r="H414299" s="12"/>
    </row>
    <row r="414300" spans="8:8">
      <c r="H414300" s="12"/>
    </row>
    <row r="414301" spans="8:8">
      <c r="H414301" s="12"/>
    </row>
    <row r="414302" spans="8:8">
      <c r="H414302" s="12"/>
    </row>
    <row r="414303" spans="8:8">
      <c r="H414303" s="12"/>
    </row>
    <row r="414304" spans="8:8">
      <c r="H414304" s="12"/>
    </row>
    <row r="414305" spans="8:8">
      <c r="H414305" s="12"/>
    </row>
    <row r="414306" spans="8:8">
      <c r="H414306" s="12"/>
    </row>
    <row r="414307" spans="8:8">
      <c r="H414307" s="12"/>
    </row>
    <row r="414308" spans="8:8">
      <c r="H414308" s="12"/>
    </row>
    <row r="414309" spans="8:8">
      <c r="H414309" s="12"/>
    </row>
    <row r="414310" spans="8:8">
      <c r="H414310" s="12"/>
    </row>
    <row r="414311" spans="8:8">
      <c r="H414311" s="12"/>
    </row>
    <row r="414312" spans="8:8">
      <c r="H414312" s="12"/>
    </row>
    <row r="414313" spans="8:8">
      <c r="H414313" s="12"/>
    </row>
    <row r="414314" spans="8:8">
      <c r="H414314" s="12"/>
    </row>
    <row r="414315" spans="8:8">
      <c r="H414315" s="12"/>
    </row>
    <row r="414316" spans="8:8">
      <c r="H414316" s="12"/>
    </row>
    <row r="414317" spans="8:8">
      <c r="H414317" s="12"/>
    </row>
    <row r="414318" spans="8:8">
      <c r="H414318" s="12"/>
    </row>
    <row r="414319" spans="8:8">
      <c r="H414319" s="12"/>
    </row>
    <row r="414320" spans="8:8">
      <c r="H414320" s="12"/>
    </row>
    <row r="414321" spans="8:8">
      <c r="H414321" s="12"/>
    </row>
    <row r="414322" spans="8:8">
      <c r="H414322" s="12"/>
    </row>
    <row r="414323" spans="8:8">
      <c r="H414323" s="12"/>
    </row>
    <row r="414324" spans="8:8">
      <c r="H414324" s="12"/>
    </row>
    <row r="414325" spans="8:8">
      <c r="H414325" s="12"/>
    </row>
    <row r="414326" spans="8:8">
      <c r="H414326" s="12"/>
    </row>
    <row r="414327" spans="8:8">
      <c r="H414327" s="12"/>
    </row>
    <row r="414328" spans="8:8">
      <c r="H414328" s="12"/>
    </row>
    <row r="414329" spans="8:8">
      <c r="H414329" s="12"/>
    </row>
    <row r="414330" spans="8:8">
      <c r="H414330" s="12"/>
    </row>
    <row r="414331" spans="8:8">
      <c r="H414331" s="12"/>
    </row>
    <row r="414332" spans="8:8">
      <c r="H414332" s="12"/>
    </row>
    <row r="414333" spans="8:8">
      <c r="H414333" s="12"/>
    </row>
    <row r="414334" spans="8:8">
      <c r="H414334" s="12"/>
    </row>
    <row r="414335" spans="8:8">
      <c r="H414335" s="12"/>
    </row>
    <row r="414336" spans="8:8">
      <c r="H414336" s="12"/>
    </row>
    <row r="414337" spans="8:8">
      <c r="H414337" s="12"/>
    </row>
    <row r="414338" spans="8:8">
      <c r="H414338" s="12"/>
    </row>
    <row r="414339" spans="8:8">
      <c r="H414339" s="12"/>
    </row>
    <row r="414340" spans="8:8">
      <c r="H414340" s="12"/>
    </row>
    <row r="414341" spans="8:8">
      <c r="H414341" s="12"/>
    </row>
    <row r="414342" spans="8:8">
      <c r="H414342" s="12"/>
    </row>
    <row r="414343" spans="8:8">
      <c r="H414343" s="12"/>
    </row>
    <row r="414344" spans="8:8">
      <c r="H414344" s="12"/>
    </row>
    <row r="414345" spans="8:8">
      <c r="H414345" s="12"/>
    </row>
    <row r="414346" spans="8:8">
      <c r="H414346" s="12"/>
    </row>
    <row r="414347" spans="8:8">
      <c r="H414347" s="12"/>
    </row>
    <row r="414348" spans="8:8">
      <c r="H414348" s="12"/>
    </row>
    <row r="414349" spans="8:8">
      <c r="H414349" s="12"/>
    </row>
    <row r="414350" spans="8:8">
      <c r="H414350" s="12"/>
    </row>
    <row r="414351" spans="8:8">
      <c r="H414351" s="12"/>
    </row>
    <row r="414352" spans="8:8">
      <c r="H414352" s="12"/>
    </row>
    <row r="414353" spans="8:8">
      <c r="H414353" s="12"/>
    </row>
    <row r="414354" spans="8:8">
      <c r="H414354" s="12"/>
    </row>
    <row r="414355" spans="8:8">
      <c r="H414355" s="12"/>
    </row>
    <row r="414356" spans="8:8">
      <c r="H414356" s="12"/>
    </row>
    <row r="414357" spans="8:8">
      <c r="H414357" s="12"/>
    </row>
    <row r="414358" spans="8:8">
      <c r="H414358" s="12"/>
    </row>
    <row r="414359" spans="8:8">
      <c r="H414359" s="12"/>
    </row>
    <row r="414360" spans="8:8">
      <c r="H414360" s="12"/>
    </row>
    <row r="414361" spans="8:8">
      <c r="H414361" s="12"/>
    </row>
    <row r="414362" spans="8:8">
      <c r="H414362" s="12"/>
    </row>
    <row r="414363" spans="8:8">
      <c r="H414363" s="12"/>
    </row>
    <row r="414364" spans="8:8">
      <c r="H414364" s="12"/>
    </row>
    <row r="414365" spans="8:8">
      <c r="H414365" s="12"/>
    </row>
    <row r="414366" spans="8:8">
      <c r="H414366" s="12"/>
    </row>
    <row r="414367" spans="8:8">
      <c r="H414367" s="12"/>
    </row>
    <row r="414368" spans="8:8">
      <c r="H414368" s="12"/>
    </row>
    <row r="414369" spans="8:8">
      <c r="H414369" s="12"/>
    </row>
    <row r="414370" spans="8:8">
      <c r="H414370" s="12"/>
    </row>
    <row r="414371" spans="8:8">
      <c r="H414371" s="12"/>
    </row>
    <row r="414372" spans="8:8">
      <c r="H414372" s="12"/>
    </row>
    <row r="414373" spans="8:8">
      <c r="H414373" s="12"/>
    </row>
    <row r="414374" spans="8:8">
      <c r="H414374" s="12"/>
    </row>
    <row r="414375" spans="8:8">
      <c r="H414375" s="12"/>
    </row>
    <row r="414376" spans="8:8">
      <c r="H414376" s="12"/>
    </row>
    <row r="414377" spans="8:8">
      <c r="H414377" s="12"/>
    </row>
    <row r="414378" spans="8:8">
      <c r="H414378" s="12"/>
    </row>
    <row r="414379" spans="8:8">
      <c r="H414379" s="12"/>
    </row>
    <row r="414380" spans="8:8">
      <c r="H414380" s="12"/>
    </row>
    <row r="414381" spans="8:8">
      <c r="H414381" s="12"/>
    </row>
    <row r="414382" spans="8:8">
      <c r="H414382" s="12"/>
    </row>
    <row r="414383" spans="8:8">
      <c r="H414383" s="12"/>
    </row>
    <row r="414384" spans="8:8">
      <c r="H414384" s="12"/>
    </row>
    <row r="414385" spans="8:8">
      <c r="H414385" s="12"/>
    </row>
    <row r="414386" spans="8:8">
      <c r="H414386" s="12"/>
    </row>
    <row r="414387" spans="8:8">
      <c r="H414387" s="12"/>
    </row>
    <row r="414388" spans="8:8">
      <c r="H414388" s="12"/>
    </row>
    <row r="414389" spans="8:8">
      <c r="H414389" s="12"/>
    </row>
    <row r="414390" spans="8:8">
      <c r="H414390" s="12"/>
    </row>
    <row r="414391" spans="8:8">
      <c r="H414391" s="12"/>
    </row>
    <row r="414392" spans="8:8">
      <c r="H414392" s="12"/>
    </row>
    <row r="414393" spans="8:8">
      <c r="H414393" s="12"/>
    </row>
    <row r="414394" spans="8:8">
      <c r="H414394" s="12"/>
    </row>
    <row r="414395" spans="8:8">
      <c r="H414395" s="12"/>
    </row>
    <row r="414396" spans="8:8">
      <c r="H414396" s="12"/>
    </row>
    <row r="414397" spans="8:8">
      <c r="H414397" s="12"/>
    </row>
    <row r="414398" spans="8:8">
      <c r="H414398" s="12"/>
    </row>
    <row r="414399" spans="8:8">
      <c r="H414399" s="12"/>
    </row>
    <row r="414400" spans="8:8">
      <c r="H414400" s="12"/>
    </row>
    <row r="414401" spans="8:8">
      <c r="H414401" s="12"/>
    </row>
    <row r="414402" spans="8:8">
      <c r="H414402" s="12"/>
    </row>
    <row r="414403" spans="8:8">
      <c r="H414403" s="12"/>
    </row>
    <row r="414404" spans="8:8">
      <c r="H414404" s="12"/>
    </row>
    <row r="414405" spans="8:8">
      <c r="H414405" s="12"/>
    </row>
    <row r="414406" spans="8:8">
      <c r="H414406" s="12"/>
    </row>
    <row r="414407" spans="8:8">
      <c r="H414407" s="12"/>
    </row>
    <row r="414408" spans="8:8">
      <c r="H414408" s="12"/>
    </row>
    <row r="414409" spans="8:8">
      <c r="H414409" s="12"/>
    </row>
    <row r="414410" spans="8:8">
      <c r="H414410" s="12"/>
    </row>
    <row r="414411" spans="8:8">
      <c r="H414411" s="12"/>
    </row>
    <row r="414412" spans="8:8">
      <c r="H414412" s="12"/>
    </row>
    <row r="414413" spans="8:8">
      <c r="H414413" s="12"/>
    </row>
    <row r="414414" spans="8:8">
      <c r="H414414" s="12"/>
    </row>
    <row r="414415" spans="8:8">
      <c r="H414415" s="12"/>
    </row>
    <row r="414416" spans="8:8">
      <c r="H414416" s="12"/>
    </row>
    <row r="414417" spans="8:8">
      <c r="H414417" s="12"/>
    </row>
    <row r="414418" spans="8:8">
      <c r="H414418" s="12"/>
    </row>
    <row r="414419" spans="8:8">
      <c r="H414419" s="12"/>
    </row>
    <row r="414420" spans="8:8">
      <c r="H414420" s="12"/>
    </row>
    <row r="414421" spans="8:8">
      <c r="H414421" s="12"/>
    </row>
    <row r="414422" spans="8:8">
      <c r="H414422" s="12"/>
    </row>
    <row r="414423" spans="8:8">
      <c r="H414423" s="12"/>
    </row>
    <row r="414424" spans="8:8">
      <c r="H414424" s="12"/>
    </row>
    <row r="414425" spans="8:8">
      <c r="H414425" s="12"/>
    </row>
    <row r="414426" spans="8:8">
      <c r="H414426" s="12"/>
    </row>
    <row r="414427" spans="8:8">
      <c r="H414427" s="12"/>
    </row>
    <row r="414428" spans="8:8">
      <c r="H414428" s="12"/>
    </row>
    <row r="414429" spans="8:8">
      <c r="H414429" s="12"/>
    </row>
    <row r="414430" spans="8:8">
      <c r="H414430" s="12"/>
    </row>
    <row r="414431" spans="8:8">
      <c r="H414431" s="12"/>
    </row>
    <row r="414432" spans="8:8">
      <c r="H414432" s="12"/>
    </row>
    <row r="414433" spans="8:8">
      <c r="H414433" s="12"/>
    </row>
    <row r="414434" spans="8:8">
      <c r="H414434" s="12"/>
    </row>
    <row r="414435" spans="8:8">
      <c r="H414435" s="12"/>
    </row>
    <row r="414436" spans="8:8">
      <c r="H414436" s="12"/>
    </row>
    <row r="414437" spans="8:8">
      <c r="H414437" s="12"/>
    </row>
    <row r="414438" spans="8:8">
      <c r="H414438" s="12"/>
    </row>
    <row r="414439" spans="8:8">
      <c r="H414439" s="12"/>
    </row>
    <row r="414440" spans="8:8">
      <c r="H414440" s="12"/>
    </row>
    <row r="414441" spans="8:8">
      <c r="H414441" s="12"/>
    </row>
    <row r="414442" spans="8:8">
      <c r="H414442" s="12"/>
    </row>
    <row r="414443" spans="8:8">
      <c r="H414443" s="12"/>
    </row>
    <row r="414444" spans="8:8">
      <c r="H414444" s="12"/>
    </row>
    <row r="414445" spans="8:8">
      <c r="H414445" s="12"/>
    </row>
    <row r="414446" spans="8:8">
      <c r="H414446" s="12"/>
    </row>
    <row r="414447" spans="8:8">
      <c r="H414447" s="12"/>
    </row>
    <row r="414448" spans="8:8">
      <c r="H414448" s="12"/>
    </row>
    <row r="414449" spans="8:8">
      <c r="H414449" s="12"/>
    </row>
    <row r="414450" spans="8:8">
      <c r="H414450" s="12"/>
    </row>
    <row r="414451" spans="8:8">
      <c r="H414451" s="12"/>
    </row>
    <row r="414452" spans="8:8">
      <c r="H414452" s="12"/>
    </row>
    <row r="414453" spans="8:8">
      <c r="H414453" s="12"/>
    </row>
    <row r="414454" spans="8:8">
      <c r="H414454" s="12"/>
    </row>
    <row r="414455" spans="8:8">
      <c r="H414455" s="12"/>
    </row>
    <row r="414456" spans="8:8">
      <c r="H414456" s="12"/>
    </row>
    <row r="414457" spans="8:8">
      <c r="H414457" s="12"/>
    </row>
    <row r="414458" spans="8:8">
      <c r="H414458" s="12"/>
    </row>
    <row r="414459" spans="8:8">
      <c r="H414459" s="12"/>
    </row>
    <row r="414460" spans="8:8">
      <c r="H414460" s="12"/>
    </row>
    <row r="414461" spans="8:8">
      <c r="H414461" s="12"/>
    </row>
    <row r="414462" spans="8:8">
      <c r="H414462" s="12"/>
    </row>
    <row r="414463" spans="8:8">
      <c r="H414463" s="12"/>
    </row>
    <row r="414464" spans="8:8">
      <c r="H414464" s="12"/>
    </row>
    <row r="414465" spans="8:8">
      <c r="H414465" s="12"/>
    </row>
    <row r="414466" spans="8:8">
      <c r="H414466" s="12"/>
    </row>
    <row r="414467" spans="8:8">
      <c r="H414467" s="12"/>
    </row>
    <row r="414468" spans="8:8">
      <c r="H414468" s="12"/>
    </row>
    <row r="414469" spans="8:8">
      <c r="H414469" s="12"/>
    </row>
    <row r="414470" spans="8:8">
      <c r="H414470" s="12"/>
    </row>
    <row r="414471" spans="8:8">
      <c r="H414471" s="12"/>
    </row>
    <row r="414472" spans="8:8">
      <c r="H414472" s="12"/>
    </row>
    <row r="414473" spans="8:8">
      <c r="H414473" s="12"/>
    </row>
    <row r="414474" spans="8:8">
      <c r="H414474" s="12"/>
    </row>
    <row r="414475" spans="8:8">
      <c r="H414475" s="12"/>
    </row>
    <row r="414476" spans="8:8">
      <c r="H414476" s="12"/>
    </row>
    <row r="414477" spans="8:8">
      <c r="H414477" s="12"/>
    </row>
    <row r="414478" spans="8:8">
      <c r="H414478" s="12"/>
    </row>
    <row r="414479" spans="8:8">
      <c r="H414479" s="12"/>
    </row>
    <row r="414480" spans="8:8">
      <c r="H414480" s="12"/>
    </row>
    <row r="414481" spans="8:8">
      <c r="H414481" s="12"/>
    </row>
    <row r="414482" spans="8:8">
      <c r="H414482" s="12"/>
    </row>
    <row r="414483" spans="8:8">
      <c r="H414483" s="12"/>
    </row>
    <row r="414484" spans="8:8">
      <c r="H414484" s="12"/>
    </row>
    <row r="414485" spans="8:8">
      <c r="H414485" s="12"/>
    </row>
    <row r="414486" spans="8:8">
      <c r="H414486" s="12"/>
    </row>
    <row r="414487" spans="8:8">
      <c r="H414487" s="12"/>
    </row>
    <row r="414488" spans="8:8">
      <c r="H414488" s="12"/>
    </row>
    <row r="414489" spans="8:8">
      <c r="H414489" s="12"/>
    </row>
    <row r="414490" spans="8:8">
      <c r="H414490" s="12"/>
    </row>
    <row r="414491" spans="8:8">
      <c r="H414491" s="12"/>
    </row>
    <row r="414492" spans="8:8">
      <c r="H414492" s="12"/>
    </row>
    <row r="414493" spans="8:8">
      <c r="H414493" s="12"/>
    </row>
    <row r="414494" spans="8:8">
      <c r="H414494" s="12"/>
    </row>
    <row r="414495" spans="8:8">
      <c r="H414495" s="12"/>
    </row>
    <row r="414496" spans="8:8">
      <c r="H414496" s="12"/>
    </row>
    <row r="414497" spans="8:8">
      <c r="H414497" s="12"/>
    </row>
    <row r="414498" spans="8:8">
      <c r="H414498" s="12"/>
    </row>
    <row r="414499" spans="8:8">
      <c r="H414499" s="12"/>
    </row>
    <row r="414500" spans="8:8">
      <c r="H414500" s="12"/>
    </row>
    <row r="414501" spans="8:8">
      <c r="H414501" s="12"/>
    </row>
    <row r="414502" spans="8:8">
      <c r="H414502" s="12"/>
    </row>
    <row r="414503" spans="8:8">
      <c r="H414503" s="12"/>
    </row>
    <row r="414504" spans="8:8">
      <c r="H414504" s="12"/>
    </row>
    <row r="414505" spans="8:8">
      <c r="H414505" s="12"/>
    </row>
    <row r="414506" spans="8:8">
      <c r="H414506" s="12"/>
    </row>
    <row r="414507" spans="8:8">
      <c r="H414507" s="12"/>
    </row>
    <row r="414508" spans="8:8">
      <c r="H414508" s="12"/>
    </row>
    <row r="414509" spans="8:8">
      <c r="H414509" s="12"/>
    </row>
    <row r="414510" spans="8:8">
      <c r="H414510" s="12"/>
    </row>
    <row r="414511" spans="8:8">
      <c r="H414511" s="12"/>
    </row>
    <row r="414512" spans="8:8">
      <c r="H414512" s="12"/>
    </row>
    <row r="414513" spans="8:8">
      <c r="H414513" s="12"/>
    </row>
    <row r="414514" spans="8:8">
      <c r="H414514" s="12"/>
    </row>
    <row r="414515" spans="8:8">
      <c r="H414515" s="12"/>
    </row>
    <row r="414516" spans="8:8">
      <c r="H414516" s="12"/>
    </row>
    <row r="414517" spans="8:8">
      <c r="H414517" s="12"/>
    </row>
    <row r="414518" spans="8:8">
      <c r="H414518" s="12"/>
    </row>
    <row r="414519" spans="8:8">
      <c r="H414519" s="12"/>
    </row>
    <row r="414520" spans="8:8">
      <c r="H414520" s="12"/>
    </row>
    <row r="414521" spans="8:8">
      <c r="H414521" s="12"/>
    </row>
    <row r="414522" spans="8:8">
      <c r="H414522" s="12"/>
    </row>
    <row r="414523" spans="8:8">
      <c r="H414523" s="12"/>
    </row>
    <row r="414524" spans="8:8">
      <c r="H414524" s="12"/>
    </row>
    <row r="414525" spans="8:8">
      <c r="H414525" s="12"/>
    </row>
    <row r="414526" spans="8:8">
      <c r="H414526" s="12"/>
    </row>
    <row r="414527" spans="8:8">
      <c r="H414527" s="12"/>
    </row>
    <row r="414528" spans="8:8">
      <c r="H414528" s="12"/>
    </row>
    <row r="414529" spans="8:8">
      <c r="H414529" s="12"/>
    </row>
    <row r="414530" spans="8:8">
      <c r="H414530" s="12"/>
    </row>
    <row r="414531" spans="8:8">
      <c r="H414531" s="12"/>
    </row>
    <row r="414532" spans="8:8">
      <c r="H414532" s="12"/>
    </row>
    <row r="414533" spans="8:8">
      <c r="H414533" s="12"/>
    </row>
    <row r="414534" spans="8:8">
      <c r="H414534" s="12"/>
    </row>
    <row r="414535" spans="8:8">
      <c r="H414535" s="12"/>
    </row>
    <row r="414536" spans="8:8">
      <c r="H414536" s="12"/>
    </row>
    <row r="414537" spans="8:8">
      <c r="H414537" s="12"/>
    </row>
    <row r="414538" spans="8:8">
      <c r="H414538" s="12"/>
    </row>
    <row r="414539" spans="8:8">
      <c r="H414539" s="12"/>
    </row>
    <row r="414540" spans="8:8">
      <c r="H414540" s="12"/>
    </row>
    <row r="414541" spans="8:8">
      <c r="H414541" s="12"/>
    </row>
    <row r="414542" spans="8:8">
      <c r="H414542" s="12"/>
    </row>
    <row r="414543" spans="8:8">
      <c r="H414543" s="12"/>
    </row>
    <row r="414544" spans="8:8">
      <c r="H414544" s="12"/>
    </row>
    <row r="414545" spans="8:8">
      <c r="H414545" s="12"/>
    </row>
    <row r="414546" spans="8:8">
      <c r="H414546" s="12"/>
    </row>
    <row r="414547" spans="8:8">
      <c r="H414547" s="12"/>
    </row>
    <row r="414548" spans="8:8">
      <c r="H414548" s="12"/>
    </row>
    <row r="414549" spans="8:8">
      <c r="H414549" s="12"/>
    </row>
    <row r="414550" spans="8:8">
      <c r="H414550" s="12"/>
    </row>
    <row r="414551" spans="8:8">
      <c r="H414551" s="12"/>
    </row>
    <row r="414552" spans="8:8">
      <c r="H414552" s="12"/>
    </row>
    <row r="414553" spans="8:8">
      <c r="H414553" s="12"/>
    </row>
    <row r="414554" spans="8:8">
      <c r="H414554" s="12"/>
    </row>
    <row r="414555" spans="8:8">
      <c r="H414555" s="12"/>
    </row>
    <row r="414556" spans="8:8">
      <c r="H414556" s="12"/>
    </row>
    <row r="414557" spans="8:8">
      <c r="H414557" s="12"/>
    </row>
    <row r="414558" spans="8:8">
      <c r="H414558" s="12"/>
    </row>
    <row r="414559" spans="8:8">
      <c r="H414559" s="12"/>
    </row>
    <row r="414560" spans="8:8">
      <c r="H414560" s="12"/>
    </row>
    <row r="414561" spans="8:8">
      <c r="H414561" s="12"/>
    </row>
    <row r="414562" spans="8:8">
      <c r="H414562" s="12"/>
    </row>
    <row r="414563" spans="8:8">
      <c r="H414563" s="12"/>
    </row>
    <row r="414564" spans="8:8">
      <c r="H414564" s="12"/>
    </row>
    <row r="414565" spans="8:8">
      <c r="H414565" s="12"/>
    </row>
    <row r="414566" spans="8:8">
      <c r="H414566" s="12"/>
    </row>
    <row r="414567" spans="8:8">
      <c r="H414567" s="12"/>
    </row>
    <row r="414568" spans="8:8">
      <c r="H414568" s="12"/>
    </row>
    <row r="414569" spans="8:8">
      <c r="H414569" s="12"/>
    </row>
    <row r="414570" spans="8:8">
      <c r="H414570" s="12"/>
    </row>
    <row r="414571" spans="8:8">
      <c r="H414571" s="12"/>
    </row>
    <row r="414572" spans="8:8">
      <c r="H414572" s="12"/>
    </row>
    <row r="414573" spans="8:8">
      <c r="H414573" s="12"/>
    </row>
    <row r="414574" spans="8:8">
      <c r="H414574" s="12"/>
    </row>
    <row r="414575" spans="8:8">
      <c r="H414575" s="12"/>
    </row>
    <row r="414576" spans="8:8">
      <c r="H414576" s="12"/>
    </row>
    <row r="414577" spans="8:8">
      <c r="H414577" s="12"/>
    </row>
    <row r="414578" spans="8:8">
      <c r="H414578" s="12"/>
    </row>
    <row r="414579" spans="8:8">
      <c r="H414579" s="12"/>
    </row>
    <row r="414580" spans="8:8">
      <c r="H414580" s="12"/>
    </row>
    <row r="414581" spans="8:8">
      <c r="H414581" s="12"/>
    </row>
    <row r="414582" spans="8:8">
      <c r="H414582" s="12"/>
    </row>
    <row r="414583" spans="8:8">
      <c r="H414583" s="12"/>
    </row>
    <row r="414584" spans="8:8">
      <c r="H414584" s="12"/>
    </row>
    <row r="414585" spans="8:8">
      <c r="H414585" s="12"/>
    </row>
    <row r="414586" spans="8:8">
      <c r="H414586" s="12"/>
    </row>
    <row r="414587" spans="8:8">
      <c r="H414587" s="12"/>
    </row>
    <row r="414588" spans="8:8">
      <c r="H414588" s="12"/>
    </row>
    <row r="414589" spans="8:8">
      <c r="H414589" s="12"/>
    </row>
    <row r="414590" spans="8:8">
      <c r="H414590" s="12"/>
    </row>
    <row r="414591" spans="8:8">
      <c r="H414591" s="12"/>
    </row>
    <row r="414592" spans="8:8">
      <c r="H414592" s="12"/>
    </row>
    <row r="414593" spans="8:8">
      <c r="H414593" s="12"/>
    </row>
    <row r="414594" spans="8:8">
      <c r="H414594" s="12"/>
    </row>
    <row r="414595" spans="8:8">
      <c r="H414595" s="12"/>
    </row>
    <row r="414596" spans="8:8">
      <c r="H414596" s="12"/>
    </row>
    <row r="414597" spans="8:8">
      <c r="H414597" s="12"/>
    </row>
    <row r="414598" spans="8:8">
      <c r="H414598" s="12"/>
    </row>
    <row r="414599" spans="8:8">
      <c r="H414599" s="12"/>
    </row>
    <row r="414600" spans="8:8">
      <c r="H414600" s="12"/>
    </row>
    <row r="414601" spans="8:8">
      <c r="H414601" s="12"/>
    </row>
    <row r="414602" spans="8:8">
      <c r="H414602" s="12"/>
    </row>
    <row r="414603" spans="8:8">
      <c r="H414603" s="12"/>
    </row>
    <row r="414604" spans="8:8">
      <c r="H414604" s="12"/>
    </row>
    <row r="414605" spans="8:8">
      <c r="H414605" s="12"/>
    </row>
    <row r="414606" spans="8:8">
      <c r="H414606" s="12"/>
    </row>
    <row r="414607" spans="8:8">
      <c r="H414607" s="12"/>
    </row>
    <row r="414608" spans="8:8">
      <c r="H414608" s="12"/>
    </row>
    <row r="414609" spans="8:8">
      <c r="H414609" s="12"/>
    </row>
    <row r="414610" spans="8:8">
      <c r="H414610" s="12"/>
    </row>
    <row r="414611" spans="8:8">
      <c r="H414611" s="12"/>
    </row>
    <row r="414612" spans="8:8">
      <c r="H414612" s="12"/>
    </row>
    <row r="414613" spans="8:8">
      <c r="H414613" s="12"/>
    </row>
    <row r="414614" spans="8:8">
      <c r="H414614" s="12"/>
    </row>
    <row r="414615" spans="8:8">
      <c r="H414615" s="12"/>
    </row>
    <row r="414616" spans="8:8">
      <c r="H414616" s="12"/>
    </row>
    <row r="414617" spans="8:8">
      <c r="H414617" s="12"/>
    </row>
    <row r="414618" spans="8:8">
      <c r="H414618" s="12"/>
    </row>
    <row r="414619" spans="8:8">
      <c r="H414619" s="12"/>
    </row>
    <row r="414620" spans="8:8">
      <c r="H414620" s="12"/>
    </row>
    <row r="414621" spans="8:8">
      <c r="H414621" s="12"/>
    </row>
    <row r="414622" spans="8:8">
      <c r="H414622" s="12"/>
    </row>
    <row r="414623" spans="8:8">
      <c r="H414623" s="12"/>
    </row>
    <row r="414624" spans="8:8">
      <c r="H414624" s="12"/>
    </row>
    <row r="414625" spans="8:8">
      <c r="H414625" s="12"/>
    </row>
    <row r="414626" spans="8:8">
      <c r="H414626" s="12"/>
    </row>
    <row r="414627" spans="8:8">
      <c r="H414627" s="12"/>
    </row>
    <row r="414628" spans="8:8">
      <c r="H414628" s="12"/>
    </row>
    <row r="414629" spans="8:8">
      <c r="H414629" s="12"/>
    </row>
    <row r="414630" spans="8:8">
      <c r="H414630" s="12"/>
    </row>
    <row r="414631" spans="8:8">
      <c r="H414631" s="12"/>
    </row>
    <row r="414632" spans="8:8">
      <c r="H414632" s="12"/>
    </row>
    <row r="414633" spans="8:8">
      <c r="H414633" s="12"/>
    </row>
    <row r="414634" spans="8:8">
      <c r="H414634" s="12"/>
    </row>
    <row r="414635" spans="8:8">
      <c r="H414635" s="12"/>
    </row>
    <row r="414636" spans="8:8">
      <c r="H414636" s="12"/>
    </row>
    <row r="414637" spans="8:8">
      <c r="H414637" s="12"/>
    </row>
    <row r="414638" spans="8:8">
      <c r="H414638" s="12"/>
    </row>
    <row r="414639" spans="8:8">
      <c r="H414639" s="12"/>
    </row>
    <row r="414640" spans="8:8">
      <c r="H414640" s="12"/>
    </row>
    <row r="414641" spans="8:8">
      <c r="H414641" s="12"/>
    </row>
    <row r="414642" spans="8:8">
      <c r="H414642" s="12"/>
    </row>
    <row r="414643" spans="8:8">
      <c r="H414643" s="12"/>
    </row>
    <row r="414644" spans="8:8">
      <c r="H414644" s="12"/>
    </row>
    <row r="414645" spans="8:8">
      <c r="H414645" s="12"/>
    </row>
    <row r="414646" spans="8:8">
      <c r="H414646" s="12"/>
    </row>
    <row r="414647" spans="8:8">
      <c r="H414647" s="12"/>
    </row>
    <row r="414648" spans="8:8">
      <c r="H414648" s="12"/>
    </row>
    <row r="414649" spans="8:8">
      <c r="H414649" s="12"/>
    </row>
    <row r="414650" spans="8:8">
      <c r="H414650" s="12"/>
    </row>
    <row r="414651" spans="8:8">
      <c r="H414651" s="12"/>
    </row>
    <row r="414652" spans="8:8">
      <c r="H414652" s="12"/>
    </row>
    <row r="414653" spans="8:8">
      <c r="H414653" s="12"/>
    </row>
    <row r="414654" spans="8:8">
      <c r="H414654" s="12"/>
    </row>
    <row r="414655" spans="8:8">
      <c r="H414655" s="12"/>
    </row>
    <row r="414656" spans="8:8">
      <c r="H414656" s="12"/>
    </row>
    <row r="414657" spans="8:8">
      <c r="H414657" s="12"/>
    </row>
    <row r="414658" spans="8:8">
      <c r="H414658" s="12"/>
    </row>
    <row r="414659" spans="8:8">
      <c r="H414659" s="12"/>
    </row>
    <row r="414660" spans="8:8">
      <c r="H414660" s="12"/>
    </row>
    <row r="414661" spans="8:8">
      <c r="H414661" s="12"/>
    </row>
    <row r="414662" spans="8:8">
      <c r="H414662" s="12"/>
    </row>
    <row r="414663" spans="8:8">
      <c r="H414663" s="12"/>
    </row>
    <row r="414664" spans="8:8">
      <c r="H414664" s="12"/>
    </row>
    <row r="414665" spans="8:8">
      <c r="H414665" s="12"/>
    </row>
    <row r="414666" spans="8:8">
      <c r="H414666" s="12"/>
    </row>
    <row r="414667" spans="8:8">
      <c r="H414667" s="12"/>
    </row>
    <row r="414668" spans="8:8">
      <c r="H414668" s="12"/>
    </row>
    <row r="414669" spans="8:8">
      <c r="H414669" s="12"/>
    </row>
    <row r="414670" spans="8:8">
      <c r="H414670" s="12"/>
    </row>
    <row r="414671" spans="8:8">
      <c r="H414671" s="12"/>
    </row>
    <row r="414672" spans="8:8">
      <c r="H414672" s="12"/>
    </row>
    <row r="414673" spans="8:8">
      <c r="H414673" s="12"/>
    </row>
    <row r="414674" spans="8:8">
      <c r="H414674" s="12"/>
    </row>
    <row r="414675" spans="8:8">
      <c r="H414675" s="12"/>
    </row>
    <row r="414676" spans="8:8">
      <c r="H414676" s="12"/>
    </row>
    <row r="414677" spans="8:8">
      <c r="H414677" s="12"/>
    </row>
    <row r="414678" spans="8:8">
      <c r="H414678" s="12"/>
    </row>
    <row r="414679" spans="8:8">
      <c r="H414679" s="12"/>
    </row>
    <row r="414680" spans="8:8">
      <c r="H414680" s="12"/>
    </row>
    <row r="414681" spans="8:8">
      <c r="H414681" s="12"/>
    </row>
    <row r="414682" spans="8:8">
      <c r="H414682" s="12"/>
    </row>
    <row r="414683" spans="8:8">
      <c r="H414683" s="12"/>
    </row>
    <row r="414684" spans="8:8">
      <c r="H414684" s="12"/>
    </row>
    <row r="414685" spans="8:8">
      <c r="H414685" s="12"/>
    </row>
    <row r="414686" spans="8:8">
      <c r="H414686" s="12"/>
    </row>
    <row r="414687" spans="8:8">
      <c r="H414687" s="12"/>
    </row>
    <row r="414688" spans="8:8">
      <c r="H414688" s="12"/>
    </row>
    <row r="414689" spans="8:8">
      <c r="H414689" s="12"/>
    </row>
    <row r="414690" spans="8:8">
      <c r="H414690" s="12"/>
    </row>
    <row r="414691" spans="8:8">
      <c r="H414691" s="12"/>
    </row>
    <row r="414692" spans="8:8">
      <c r="H414692" s="12"/>
    </row>
    <row r="414693" spans="8:8">
      <c r="H414693" s="12"/>
    </row>
    <row r="414694" spans="8:8">
      <c r="H414694" s="12"/>
    </row>
    <row r="414695" spans="8:8">
      <c r="H414695" s="12"/>
    </row>
    <row r="414696" spans="8:8">
      <c r="H414696" s="12"/>
    </row>
    <row r="414697" spans="8:8">
      <c r="H414697" s="12"/>
    </row>
    <row r="414698" spans="8:8">
      <c r="H414698" s="12"/>
    </row>
    <row r="414699" spans="8:8">
      <c r="H414699" s="12"/>
    </row>
    <row r="414700" spans="8:8">
      <c r="H414700" s="12"/>
    </row>
    <row r="414701" spans="8:8">
      <c r="H414701" s="12"/>
    </row>
    <row r="414702" spans="8:8">
      <c r="H414702" s="12"/>
    </row>
    <row r="414703" spans="8:8">
      <c r="H414703" s="12"/>
    </row>
    <row r="414704" spans="8:8">
      <c r="H414704" s="12"/>
    </row>
    <row r="414705" spans="8:8">
      <c r="H414705" s="12"/>
    </row>
    <row r="414706" spans="8:8">
      <c r="H414706" s="12"/>
    </row>
    <row r="414707" spans="8:8">
      <c r="H414707" s="12"/>
    </row>
    <row r="414708" spans="8:8">
      <c r="H414708" s="12"/>
    </row>
    <row r="414709" spans="8:8">
      <c r="H414709" s="12"/>
    </row>
    <row r="414710" spans="8:8">
      <c r="H414710" s="12"/>
    </row>
    <row r="414711" spans="8:8">
      <c r="H414711" s="12"/>
    </row>
    <row r="414712" spans="8:8">
      <c r="H414712" s="12"/>
    </row>
    <row r="414713" spans="8:8">
      <c r="H414713" s="12"/>
    </row>
    <row r="414714" spans="8:8">
      <c r="H414714" s="12"/>
    </row>
    <row r="414715" spans="8:8">
      <c r="H414715" s="12"/>
    </row>
    <row r="414716" spans="8:8">
      <c r="H414716" s="12"/>
    </row>
    <row r="414717" spans="8:8">
      <c r="H414717" s="12"/>
    </row>
    <row r="414718" spans="8:8">
      <c r="H414718" s="12"/>
    </row>
    <row r="414719" spans="8:8">
      <c r="H414719" s="12"/>
    </row>
    <row r="414720" spans="8:8">
      <c r="H414720" s="12"/>
    </row>
    <row r="414721" spans="8:8">
      <c r="H414721" s="12"/>
    </row>
    <row r="414722" spans="8:8">
      <c r="H414722" s="12"/>
    </row>
    <row r="414723" spans="8:8">
      <c r="H414723" s="12"/>
    </row>
    <row r="414724" spans="8:8">
      <c r="H414724" s="12"/>
    </row>
    <row r="414725" spans="8:8">
      <c r="H414725" s="12"/>
    </row>
    <row r="414726" spans="8:8">
      <c r="H414726" s="12"/>
    </row>
    <row r="414727" spans="8:8">
      <c r="H414727" s="12"/>
    </row>
    <row r="414728" spans="8:8">
      <c r="H414728" s="12"/>
    </row>
    <row r="414729" spans="8:8">
      <c r="H414729" s="12"/>
    </row>
    <row r="414730" spans="8:8">
      <c r="H414730" s="12"/>
    </row>
    <row r="414731" spans="8:8">
      <c r="H414731" s="12"/>
    </row>
    <row r="414732" spans="8:8">
      <c r="H414732" s="12"/>
    </row>
    <row r="414733" spans="8:8">
      <c r="H414733" s="12"/>
    </row>
    <row r="414734" spans="8:8">
      <c r="H414734" s="12"/>
    </row>
    <row r="414735" spans="8:8">
      <c r="H414735" s="12"/>
    </row>
    <row r="414736" spans="8:8">
      <c r="H414736" s="12"/>
    </row>
    <row r="414737" spans="8:8">
      <c r="H414737" s="12"/>
    </row>
    <row r="414738" spans="8:8">
      <c r="H414738" s="12"/>
    </row>
    <row r="414739" spans="8:8">
      <c r="H414739" s="12"/>
    </row>
    <row r="414740" spans="8:8">
      <c r="H414740" s="12"/>
    </row>
    <row r="414741" spans="8:8">
      <c r="H414741" s="12"/>
    </row>
    <row r="414742" spans="8:8">
      <c r="H414742" s="12"/>
    </row>
    <row r="414743" spans="8:8">
      <c r="H414743" s="12"/>
    </row>
    <row r="414744" spans="8:8">
      <c r="H414744" s="12"/>
    </row>
    <row r="414745" spans="8:8">
      <c r="H414745" s="12"/>
    </row>
    <row r="414746" spans="8:8">
      <c r="H414746" s="12"/>
    </row>
    <row r="414747" spans="8:8">
      <c r="H414747" s="12"/>
    </row>
    <row r="414748" spans="8:8">
      <c r="H414748" s="12"/>
    </row>
    <row r="414749" spans="8:8">
      <c r="H414749" s="12"/>
    </row>
    <row r="414750" spans="8:8">
      <c r="H414750" s="12"/>
    </row>
    <row r="414751" spans="8:8">
      <c r="H414751" s="12"/>
    </row>
    <row r="414752" spans="8:8">
      <c r="H414752" s="12"/>
    </row>
    <row r="414753" spans="8:8">
      <c r="H414753" s="12"/>
    </row>
    <row r="414754" spans="8:8">
      <c r="H414754" s="12"/>
    </row>
    <row r="414755" spans="8:8">
      <c r="H414755" s="12"/>
    </row>
    <row r="414756" spans="8:8">
      <c r="H414756" s="12"/>
    </row>
    <row r="414757" spans="8:8">
      <c r="H414757" s="12"/>
    </row>
    <row r="414758" spans="8:8">
      <c r="H414758" s="12"/>
    </row>
    <row r="414759" spans="8:8">
      <c r="H414759" s="12"/>
    </row>
    <row r="414760" spans="8:8">
      <c r="H414760" s="12"/>
    </row>
    <row r="414761" spans="8:8">
      <c r="H414761" s="12"/>
    </row>
    <row r="414762" spans="8:8">
      <c r="H414762" s="12"/>
    </row>
    <row r="414763" spans="8:8">
      <c r="H414763" s="12"/>
    </row>
    <row r="414764" spans="8:8">
      <c r="H414764" s="12"/>
    </row>
    <row r="414765" spans="8:8">
      <c r="H414765" s="12"/>
    </row>
    <row r="414766" spans="8:8">
      <c r="H414766" s="12"/>
    </row>
    <row r="414767" spans="8:8">
      <c r="H414767" s="12"/>
    </row>
    <row r="414768" spans="8:8">
      <c r="H414768" s="12"/>
    </row>
    <row r="414769" spans="8:8">
      <c r="H414769" s="12"/>
    </row>
    <row r="414770" spans="8:8">
      <c r="H414770" s="12"/>
    </row>
    <row r="414771" spans="8:8">
      <c r="H414771" s="12"/>
    </row>
    <row r="414772" spans="8:8">
      <c r="H414772" s="12"/>
    </row>
    <row r="414773" spans="8:8">
      <c r="H414773" s="12"/>
    </row>
    <row r="414774" spans="8:8">
      <c r="H414774" s="12"/>
    </row>
    <row r="414775" spans="8:8">
      <c r="H414775" s="12"/>
    </row>
    <row r="414776" spans="8:8">
      <c r="H414776" s="12"/>
    </row>
    <row r="414777" spans="8:8">
      <c r="H414777" s="12"/>
    </row>
    <row r="414778" spans="8:8">
      <c r="H414778" s="12"/>
    </row>
    <row r="414779" spans="8:8">
      <c r="H414779" s="12"/>
    </row>
    <row r="414780" spans="8:8">
      <c r="H414780" s="12"/>
    </row>
    <row r="414781" spans="8:8">
      <c r="H414781" s="12"/>
    </row>
    <row r="414782" spans="8:8">
      <c r="H414782" s="12"/>
    </row>
    <row r="414783" spans="8:8">
      <c r="H414783" s="12"/>
    </row>
    <row r="414784" spans="8:8">
      <c r="H414784" s="12"/>
    </row>
    <row r="414785" spans="8:8">
      <c r="H414785" s="12"/>
    </row>
    <row r="414786" spans="8:8">
      <c r="H414786" s="12"/>
    </row>
    <row r="414787" spans="8:8">
      <c r="H414787" s="12"/>
    </row>
    <row r="414788" spans="8:8">
      <c r="H414788" s="12"/>
    </row>
    <row r="414789" spans="8:8">
      <c r="H414789" s="12"/>
    </row>
    <row r="414790" spans="8:8">
      <c r="H414790" s="12"/>
    </row>
    <row r="414791" spans="8:8">
      <c r="H414791" s="12"/>
    </row>
    <row r="414792" spans="8:8">
      <c r="H414792" s="12"/>
    </row>
    <row r="414793" spans="8:8">
      <c r="H414793" s="12"/>
    </row>
    <row r="414794" spans="8:8">
      <c r="H414794" s="12"/>
    </row>
    <row r="414795" spans="8:8">
      <c r="H414795" s="12"/>
    </row>
    <row r="414796" spans="8:8">
      <c r="H414796" s="12"/>
    </row>
    <row r="414797" spans="8:8">
      <c r="H414797" s="12"/>
    </row>
    <row r="414798" spans="8:8">
      <c r="H414798" s="12"/>
    </row>
    <row r="414799" spans="8:8">
      <c r="H414799" s="12"/>
    </row>
    <row r="414800" spans="8:8">
      <c r="H414800" s="12"/>
    </row>
    <row r="414801" spans="8:8">
      <c r="H414801" s="12"/>
    </row>
    <row r="414802" spans="8:8">
      <c r="H414802" s="12"/>
    </row>
    <row r="414803" spans="8:8">
      <c r="H414803" s="12"/>
    </row>
    <row r="414804" spans="8:8">
      <c r="H414804" s="12"/>
    </row>
    <row r="414805" spans="8:8">
      <c r="H414805" s="12"/>
    </row>
    <row r="414806" spans="8:8">
      <c r="H414806" s="12"/>
    </row>
    <row r="414807" spans="8:8">
      <c r="H414807" s="12"/>
    </row>
    <row r="414808" spans="8:8">
      <c r="H414808" s="12"/>
    </row>
    <row r="414809" spans="8:8">
      <c r="H414809" s="12"/>
    </row>
    <row r="414810" spans="8:8">
      <c r="H414810" s="12"/>
    </row>
    <row r="414811" spans="8:8">
      <c r="H414811" s="12"/>
    </row>
    <row r="414812" spans="8:8">
      <c r="H414812" s="12"/>
    </row>
    <row r="414813" spans="8:8">
      <c r="H414813" s="12"/>
    </row>
    <row r="414814" spans="8:8">
      <c r="H414814" s="12"/>
    </row>
    <row r="414815" spans="8:8">
      <c r="H414815" s="12"/>
    </row>
    <row r="414816" spans="8:8">
      <c r="H414816" s="12"/>
    </row>
    <row r="414817" spans="8:8">
      <c r="H414817" s="12"/>
    </row>
    <row r="414818" spans="8:8">
      <c r="H414818" s="12"/>
    </row>
    <row r="414819" spans="8:8">
      <c r="H414819" s="12"/>
    </row>
    <row r="414820" spans="8:8">
      <c r="H414820" s="12"/>
    </row>
    <row r="414821" spans="8:8">
      <c r="H414821" s="12"/>
    </row>
    <row r="414822" spans="8:8">
      <c r="H414822" s="12"/>
    </row>
    <row r="414823" spans="8:8">
      <c r="H414823" s="12"/>
    </row>
    <row r="414824" spans="8:8">
      <c r="H414824" s="12"/>
    </row>
    <row r="414825" spans="8:8">
      <c r="H414825" s="12"/>
    </row>
    <row r="414826" spans="8:8">
      <c r="H414826" s="12"/>
    </row>
    <row r="414827" spans="8:8">
      <c r="H414827" s="12"/>
    </row>
    <row r="414828" spans="8:8">
      <c r="H414828" s="12"/>
    </row>
    <row r="414829" spans="8:8">
      <c r="H414829" s="12"/>
    </row>
    <row r="414830" spans="8:8">
      <c r="H414830" s="12"/>
    </row>
    <row r="414831" spans="8:8">
      <c r="H414831" s="12"/>
    </row>
    <row r="414832" spans="8:8">
      <c r="H414832" s="12"/>
    </row>
    <row r="414833" spans="8:8">
      <c r="H414833" s="12"/>
    </row>
    <row r="414834" spans="8:8">
      <c r="H414834" s="12"/>
    </row>
    <row r="414835" spans="8:8">
      <c r="H414835" s="12"/>
    </row>
    <row r="414836" spans="8:8">
      <c r="H414836" s="12"/>
    </row>
    <row r="414837" spans="8:8">
      <c r="H414837" s="12"/>
    </row>
    <row r="414838" spans="8:8">
      <c r="H414838" s="12"/>
    </row>
    <row r="414839" spans="8:8">
      <c r="H414839" s="12"/>
    </row>
    <row r="414840" spans="8:8">
      <c r="H414840" s="12"/>
    </row>
    <row r="414841" spans="8:8">
      <c r="H414841" s="12"/>
    </row>
    <row r="414842" spans="8:8">
      <c r="H414842" s="12"/>
    </row>
    <row r="414843" spans="8:8">
      <c r="H414843" s="12"/>
    </row>
    <row r="414844" spans="8:8">
      <c r="H414844" s="12"/>
    </row>
    <row r="414845" spans="8:8">
      <c r="H414845" s="12"/>
    </row>
    <row r="414846" spans="8:8">
      <c r="H414846" s="12"/>
    </row>
    <row r="414847" spans="8:8">
      <c r="H414847" s="12"/>
    </row>
    <row r="414848" spans="8:8">
      <c r="H414848" s="12"/>
    </row>
    <row r="414849" spans="8:8">
      <c r="H414849" s="12"/>
    </row>
    <row r="414850" spans="8:8">
      <c r="H414850" s="12"/>
    </row>
    <row r="414851" spans="8:8">
      <c r="H414851" s="12"/>
    </row>
    <row r="414852" spans="8:8">
      <c r="H414852" s="12"/>
    </row>
    <row r="414853" spans="8:8">
      <c r="H414853" s="12"/>
    </row>
    <row r="414854" spans="8:8">
      <c r="H414854" s="12"/>
    </row>
    <row r="414855" spans="8:8">
      <c r="H414855" s="12"/>
    </row>
    <row r="414856" spans="8:8">
      <c r="H414856" s="12"/>
    </row>
    <row r="414857" spans="8:8">
      <c r="H414857" s="12"/>
    </row>
    <row r="414858" spans="8:8">
      <c r="H414858" s="12"/>
    </row>
    <row r="414859" spans="8:8">
      <c r="H414859" s="12"/>
    </row>
    <row r="414860" spans="8:8">
      <c r="H414860" s="12"/>
    </row>
    <row r="414861" spans="8:8">
      <c r="H414861" s="12"/>
    </row>
    <row r="414862" spans="8:8">
      <c r="H414862" s="12"/>
    </row>
    <row r="414863" spans="8:8">
      <c r="H414863" s="12"/>
    </row>
    <row r="414864" spans="8:8">
      <c r="H414864" s="12"/>
    </row>
    <row r="414865" spans="8:8">
      <c r="H414865" s="12"/>
    </row>
    <row r="414866" spans="8:8">
      <c r="H414866" s="12"/>
    </row>
    <row r="414867" spans="8:8">
      <c r="H414867" s="12"/>
    </row>
    <row r="414868" spans="8:8">
      <c r="H414868" s="12"/>
    </row>
    <row r="414869" spans="8:8">
      <c r="H414869" s="12"/>
    </row>
    <row r="414870" spans="8:8">
      <c r="H414870" s="12"/>
    </row>
    <row r="414871" spans="8:8">
      <c r="H414871" s="12"/>
    </row>
    <row r="414872" spans="8:8">
      <c r="H414872" s="12"/>
    </row>
    <row r="414873" spans="8:8">
      <c r="H414873" s="12"/>
    </row>
    <row r="414874" spans="8:8">
      <c r="H414874" s="12"/>
    </row>
    <row r="414875" spans="8:8">
      <c r="H414875" s="12"/>
    </row>
    <row r="414876" spans="8:8">
      <c r="H414876" s="12"/>
    </row>
    <row r="414877" spans="8:8">
      <c r="H414877" s="12"/>
    </row>
    <row r="414878" spans="8:8">
      <c r="H414878" s="12"/>
    </row>
    <row r="414879" spans="8:8">
      <c r="H414879" s="12"/>
    </row>
    <row r="414880" spans="8:8">
      <c r="H414880" s="12"/>
    </row>
    <row r="414881" spans="8:8">
      <c r="H414881" s="12"/>
    </row>
    <row r="414882" spans="8:8">
      <c r="H414882" s="12"/>
    </row>
    <row r="414883" spans="8:8">
      <c r="H414883" s="12"/>
    </row>
    <row r="414884" spans="8:8">
      <c r="H414884" s="12"/>
    </row>
    <row r="414885" spans="8:8">
      <c r="H414885" s="12"/>
    </row>
    <row r="414886" spans="8:8">
      <c r="H414886" s="12"/>
    </row>
    <row r="414887" spans="8:8">
      <c r="H414887" s="12"/>
    </row>
    <row r="414888" spans="8:8">
      <c r="H414888" s="12"/>
    </row>
    <row r="414889" spans="8:8">
      <c r="H414889" s="12"/>
    </row>
    <row r="414890" spans="8:8">
      <c r="H414890" s="12"/>
    </row>
    <row r="414891" spans="8:8">
      <c r="H414891" s="12"/>
    </row>
    <row r="414892" spans="8:8">
      <c r="H414892" s="12"/>
    </row>
    <row r="414893" spans="8:8">
      <c r="H414893" s="12"/>
    </row>
    <row r="414894" spans="8:8">
      <c r="H414894" s="12"/>
    </row>
    <row r="414895" spans="8:8">
      <c r="H414895" s="12"/>
    </row>
    <row r="414896" spans="8:8">
      <c r="H414896" s="12"/>
    </row>
    <row r="414897" spans="8:8">
      <c r="H414897" s="12"/>
    </row>
    <row r="414898" spans="8:8">
      <c r="H414898" s="12"/>
    </row>
    <row r="414899" spans="8:8">
      <c r="H414899" s="12"/>
    </row>
    <row r="414900" spans="8:8">
      <c r="H414900" s="12"/>
    </row>
    <row r="414901" spans="8:8">
      <c r="H414901" s="12"/>
    </row>
    <row r="414902" spans="8:8">
      <c r="H414902" s="12"/>
    </row>
    <row r="414903" spans="8:8">
      <c r="H414903" s="12"/>
    </row>
    <row r="414904" spans="8:8">
      <c r="H414904" s="12"/>
    </row>
    <row r="414905" spans="8:8">
      <c r="H414905" s="12"/>
    </row>
    <row r="414906" spans="8:8">
      <c r="H414906" s="12"/>
    </row>
    <row r="414907" spans="8:8">
      <c r="H414907" s="12"/>
    </row>
    <row r="414908" spans="8:8">
      <c r="H414908" s="12"/>
    </row>
    <row r="414909" spans="8:8">
      <c r="H414909" s="12"/>
    </row>
    <row r="414910" spans="8:8">
      <c r="H414910" s="12"/>
    </row>
    <row r="414911" spans="8:8">
      <c r="H414911" s="12"/>
    </row>
    <row r="414912" spans="8:8">
      <c r="H414912" s="12"/>
    </row>
    <row r="414913" spans="8:8">
      <c r="H414913" s="12"/>
    </row>
    <row r="414914" spans="8:8">
      <c r="H414914" s="12"/>
    </row>
    <row r="414915" spans="8:8">
      <c r="H414915" s="12"/>
    </row>
    <row r="414916" spans="8:8">
      <c r="H414916" s="12"/>
    </row>
    <row r="414917" spans="8:8">
      <c r="H414917" s="12"/>
    </row>
    <row r="414918" spans="8:8">
      <c r="H414918" s="12"/>
    </row>
    <row r="414919" spans="8:8">
      <c r="H414919" s="12"/>
    </row>
    <row r="414920" spans="8:8">
      <c r="H414920" s="12"/>
    </row>
    <row r="414921" spans="8:8">
      <c r="H414921" s="12"/>
    </row>
    <row r="414922" spans="8:8">
      <c r="H414922" s="12"/>
    </row>
    <row r="414923" spans="8:8">
      <c r="H414923" s="12"/>
    </row>
    <row r="414924" spans="8:8">
      <c r="H414924" s="12"/>
    </row>
    <row r="414925" spans="8:8">
      <c r="H414925" s="12"/>
    </row>
    <row r="414926" spans="8:8">
      <c r="H414926" s="12"/>
    </row>
    <row r="414927" spans="8:8">
      <c r="H414927" s="12"/>
    </row>
    <row r="414928" spans="8:8">
      <c r="H414928" s="12"/>
    </row>
    <row r="414929" spans="8:8">
      <c r="H414929" s="12"/>
    </row>
    <row r="414930" spans="8:8">
      <c r="H414930" s="12"/>
    </row>
    <row r="414931" spans="8:8">
      <c r="H414931" s="12"/>
    </row>
    <row r="414932" spans="8:8">
      <c r="H414932" s="12"/>
    </row>
    <row r="414933" spans="8:8">
      <c r="H414933" s="12"/>
    </row>
    <row r="414934" spans="8:8">
      <c r="H414934" s="12"/>
    </row>
    <row r="414935" spans="8:8">
      <c r="H414935" s="12"/>
    </row>
    <row r="414936" spans="8:8">
      <c r="H414936" s="12"/>
    </row>
    <row r="414937" spans="8:8">
      <c r="H414937" s="12"/>
    </row>
    <row r="414938" spans="8:8">
      <c r="H414938" s="12"/>
    </row>
    <row r="414939" spans="8:8">
      <c r="H414939" s="12"/>
    </row>
    <row r="414940" spans="8:8">
      <c r="H414940" s="12"/>
    </row>
    <row r="414941" spans="8:8">
      <c r="H414941" s="12"/>
    </row>
    <row r="414942" spans="8:8">
      <c r="H414942" s="12"/>
    </row>
    <row r="414943" spans="8:8">
      <c r="H414943" s="12"/>
    </row>
    <row r="414944" spans="8:8">
      <c r="H414944" s="12"/>
    </row>
    <row r="414945" spans="8:8">
      <c r="H414945" s="12"/>
    </row>
    <row r="414946" spans="8:8">
      <c r="H414946" s="12"/>
    </row>
    <row r="414947" spans="8:8">
      <c r="H414947" s="12"/>
    </row>
    <row r="414948" spans="8:8">
      <c r="H414948" s="12"/>
    </row>
    <row r="414949" spans="8:8">
      <c r="H414949" s="12"/>
    </row>
    <row r="414950" spans="8:8">
      <c r="H414950" s="12"/>
    </row>
    <row r="414951" spans="8:8">
      <c r="H414951" s="12"/>
    </row>
    <row r="414952" spans="8:8">
      <c r="H414952" s="12"/>
    </row>
    <row r="414953" spans="8:8">
      <c r="H414953" s="12"/>
    </row>
    <row r="414954" spans="8:8">
      <c r="H414954" s="12"/>
    </row>
    <row r="414955" spans="8:8">
      <c r="H414955" s="12"/>
    </row>
    <row r="414956" spans="8:8">
      <c r="H414956" s="12"/>
    </row>
    <row r="414957" spans="8:8">
      <c r="H414957" s="12"/>
    </row>
    <row r="414958" spans="8:8">
      <c r="H414958" s="12"/>
    </row>
    <row r="414959" spans="8:8">
      <c r="H414959" s="12"/>
    </row>
    <row r="414960" spans="8:8">
      <c r="H414960" s="12"/>
    </row>
    <row r="414961" spans="8:8">
      <c r="H414961" s="12"/>
    </row>
    <row r="414962" spans="8:8">
      <c r="H414962" s="12"/>
    </row>
    <row r="414963" spans="8:8">
      <c r="H414963" s="12"/>
    </row>
    <row r="414964" spans="8:8">
      <c r="H414964" s="12"/>
    </row>
    <row r="414965" spans="8:8">
      <c r="H414965" s="12"/>
    </row>
    <row r="414966" spans="8:8">
      <c r="H414966" s="12"/>
    </row>
    <row r="414967" spans="8:8">
      <c r="H414967" s="12"/>
    </row>
    <row r="414968" spans="8:8">
      <c r="H414968" s="12"/>
    </row>
    <row r="414969" spans="8:8">
      <c r="H414969" s="12"/>
    </row>
    <row r="414970" spans="8:8">
      <c r="H414970" s="12"/>
    </row>
    <row r="414971" spans="8:8">
      <c r="H414971" s="12"/>
    </row>
    <row r="414972" spans="8:8">
      <c r="H414972" s="12"/>
    </row>
    <row r="414973" spans="8:8">
      <c r="H414973" s="12"/>
    </row>
    <row r="414974" spans="8:8">
      <c r="H414974" s="12"/>
    </row>
    <row r="414975" spans="8:8">
      <c r="H414975" s="12"/>
    </row>
    <row r="414976" spans="8:8">
      <c r="H414976" s="12"/>
    </row>
    <row r="414977" spans="8:8">
      <c r="H414977" s="12"/>
    </row>
    <row r="414978" spans="8:8">
      <c r="H414978" s="12"/>
    </row>
    <row r="414979" spans="8:8">
      <c r="H414979" s="12"/>
    </row>
    <row r="414980" spans="8:8">
      <c r="H414980" s="12"/>
    </row>
    <row r="414981" spans="8:8">
      <c r="H414981" s="12"/>
    </row>
    <row r="414982" spans="8:8">
      <c r="H414982" s="12"/>
    </row>
    <row r="414983" spans="8:8">
      <c r="H414983" s="12"/>
    </row>
    <row r="414984" spans="8:8">
      <c r="H414984" s="12"/>
    </row>
    <row r="414985" spans="8:8">
      <c r="H414985" s="12"/>
    </row>
    <row r="414986" spans="8:8">
      <c r="H414986" s="12"/>
    </row>
    <row r="414987" spans="8:8">
      <c r="H414987" s="12"/>
    </row>
    <row r="414988" spans="8:8">
      <c r="H414988" s="12"/>
    </row>
    <row r="414989" spans="8:8">
      <c r="H414989" s="12"/>
    </row>
    <row r="414990" spans="8:8">
      <c r="H414990" s="12"/>
    </row>
    <row r="414991" spans="8:8">
      <c r="H414991" s="12"/>
    </row>
    <row r="414992" spans="8:8">
      <c r="H414992" s="12"/>
    </row>
    <row r="414993" spans="8:8">
      <c r="H414993" s="12"/>
    </row>
    <row r="414994" spans="8:8">
      <c r="H414994" s="12"/>
    </row>
    <row r="414995" spans="8:8">
      <c r="H414995" s="12"/>
    </row>
    <row r="414996" spans="8:8">
      <c r="H414996" s="12"/>
    </row>
    <row r="414997" spans="8:8">
      <c r="H414997" s="12"/>
    </row>
    <row r="414998" spans="8:8">
      <c r="H414998" s="12"/>
    </row>
    <row r="414999" spans="8:8">
      <c r="H414999" s="12"/>
    </row>
    <row r="415000" spans="8:8">
      <c r="H415000" s="12"/>
    </row>
    <row r="415001" spans="8:8">
      <c r="H415001" s="12"/>
    </row>
    <row r="415002" spans="8:8">
      <c r="H415002" s="12"/>
    </row>
    <row r="415003" spans="8:8">
      <c r="H415003" s="12"/>
    </row>
    <row r="415004" spans="8:8">
      <c r="H415004" s="12"/>
    </row>
    <row r="415005" spans="8:8">
      <c r="H415005" s="12"/>
    </row>
    <row r="415006" spans="8:8">
      <c r="H415006" s="12"/>
    </row>
    <row r="415007" spans="8:8">
      <c r="H415007" s="12"/>
    </row>
    <row r="415008" spans="8:8">
      <c r="H415008" s="12"/>
    </row>
    <row r="415009" spans="8:8">
      <c r="H415009" s="12"/>
    </row>
    <row r="415010" spans="8:8">
      <c r="H415010" s="12"/>
    </row>
    <row r="415011" spans="8:8">
      <c r="H415011" s="12"/>
    </row>
    <row r="415012" spans="8:8">
      <c r="H415012" s="12"/>
    </row>
    <row r="415013" spans="8:8">
      <c r="H415013" s="12"/>
    </row>
    <row r="415014" spans="8:8">
      <c r="H415014" s="12"/>
    </row>
    <row r="415015" spans="8:8">
      <c r="H415015" s="12"/>
    </row>
    <row r="415016" spans="8:8">
      <c r="H415016" s="12"/>
    </row>
    <row r="415017" spans="8:8">
      <c r="H415017" s="12"/>
    </row>
    <row r="415018" spans="8:8">
      <c r="H415018" s="12"/>
    </row>
    <row r="415019" spans="8:8">
      <c r="H415019" s="12"/>
    </row>
    <row r="415020" spans="8:8">
      <c r="H415020" s="12"/>
    </row>
    <row r="415021" spans="8:8">
      <c r="H415021" s="12"/>
    </row>
    <row r="415022" spans="8:8">
      <c r="H415022" s="12"/>
    </row>
    <row r="415023" spans="8:8">
      <c r="H415023" s="12"/>
    </row>
    <row r="415024" spans="8:8">
      <c r="H415024" s="12"/>
    </row>
    <row r="415025" spans="8:8">
      <c r="H415025" s="12"/>
    </row>
    <row r="415026" spans="8:8">
      <c r="H415026" s="12"/>
    </row>
    <row r="415027" spans="8:8">
      <c r="H415027" s="12"/>
    </row>
    <row r="415028" spans="8:8">
      <c r="H415028" s="12"/>
    </row>
    <row r="415029" spans="8:8">
      <c r="H415029" s="12"/>
    </row>
    <row r="415030" spans="8:8">
      <c r="H415030" s="12"/>
    </row>
    <row r="415031" spans="8:8">
      <c r="H415031" s="12"/>
    </row>
    <row r="415032" spans="8:8">
      <c r="H415032" s="12"/>
    </row>
    <row r="415033" spans="8:8">
      <c r="H415033" s="12"/>
    </row>
    <row r="415034" spans="8:8">
      <c r="H415034" s="12"/>
    </row>
    <row r="415035" spans="8:8">
      <c r="H415035" s="12"/>
    </row>
    <row r="415036" spans="8:8">
      <c r="H415036" s="12"/>
    </row>
    <row r="415037" spans="8:8">
      <c r="H415037" s="12"/>
    </row>
    <row r="415038" spans="8:8">
      <c r="H415038" s="12"/>
    </row>
    <row r="415039" spans="8:8">
      <c r="H415039" s="12"/>
    </row>
    <row r="415040" spans="8:8">
      <c r="H415040" s="12"/>
    </row>
    <row r="415041" spans="8:8">
      <c r="H415041" s="12"/>
    </row>
    <row r="415042" spans="8:8">
      <c r="H415042" s="12"/>
    </row>
    <row r="415043" spans="8:8">
      <c r="H415043" s="12"/>
    </row>
    <row r="415044" spans="8:8">
      <c r="H415044" s="12"/>
    </row>
    <row r="415045" spans="8:8">
      <c r="H415045" s="12"/>
    </row>
    <row r="415046" spans="8:8">
      <c r="H415046" s="12"/>
    </row>
    <row r="415047" spans="8:8">
      <c r="H415047" s="12"/>
    </row>
    <row r="415048" spans="8:8">
      <c r="H415048" s="12"/>
    </row>
    <row r="415049" spans="8:8">
      <c r="H415049" s="12"/>
    </row>
    <row r="415050" spans="8:8">
      <c r="H415050" s="12"/>
    </row>
    <row r="415051" spans="8:8">
      <c r="H415051" s="12"/>
    </row>
    <row r="415052" spans="8:8">
      <c r="H415052" s="12"/>
    </row>
    <row r="415053" spans="8:8">
      <c r="H415053" s="12"/>
    </row>
    <row r="415054" spans="8:8">
      <c r="H415054" s="12"/>
    </row>
    <row r="415055" spans="8:8">
      <c r="H415055" s="12"/>
    </row>
    <row r="415056" spans="8:8">
      <c r="H415056" s="12"/>
    </row>
    <row r="415057" spans="8:8">
      <c r="H415057" s="12"/>
    </row>
    <row r="415058" spans="8:8">
      <c r="H415058" s="12"/>
    </row>
    <row r="415059" spans="8:8">
      <c r="H415059" s="12"/>
    </row>
    <row r="415060" spans="8:8">
      <c r="H415060" s="12"/>
    </row>
    <row r="415061" spans="8:8">
      <c r="H415061" s="12"/>
    </row>
    <row r="415062" spans="8:8">
      <c r="H415062" s="12"/>
    </row>
    <row r="415063" spans="8:8">
      <c r="H415063" s="12"/>
    </row>
    <row r="415064" spans="8:8">
      <c r="H415064" s="12"/>
    </row>
    <row r="415065" spans="8:8">
      <c r="H415065" s="12"/>
    </row>
    <row r="415066" spans="8:8">
      <c r="H415066" s="12"/>
    </row>
    <row r="415067" spans="8:8">
      <c r="H415067" s="12"/>
    </row>
    <row r="415068" spans="8:8">
      <c r="H415068" s="12"/>
    </row>
    <row r="415069" spans="8:8">
      <c r="H415069" s="12"/>
    </row>
    <row r="415070" spans="8:8">
      <c r="H415070" s="12"/>
    </row>
    <row r="415071" spans="8:8">
      <c r="H415071" s="12"/>
    </row>
    <row r="415072" spans="8:8">
      <c r="H415072" s="12"/>
    </row>
    <row r="415073" spans="8:8">
      <c r="H415073" s="12"/>
    </row>
    <row r="415074" spans="8:8">
      <c r="H415074" s="12"/>
    </row>
    <row r="415075" spans="8:8">
      <c r="H415075" s="12"/>
    </row>
    <row r="415076" spans="8:8">
      <c r="H415076" s="12"/>
    </row>
    <row r="415077" spans="8:8">
      <c r="H415077" s="12"/>
    </row>
    <row r="415078" spans="8:8">
      <c r="H415078" s="12"/>
    </row>
    <row r="415079" spans="8:8">
      <c r="H415079" s="12"/>
    </row>
    <row r="415080" spans="8:8">
      <c r="H415080" s="12"/>
    </row>
    <row r="415081" spans="8:8">
      <c r="H415081" s="12"/>
    </row>
    <row r="415082" spans="8:8">
      <c r="H415082" s="12"/>
    </row>
    <row r="415083" spans="8:8">
      <c r="H415083" s="12"/>
    </row>
    <row r="415084" spans="8:8">
      <c r="H415084" s="12"/>
    </row>
    <row r="415085" spans="8:8">
      <c r="H415085" s="12"/>
    </row>
    <row r="415086" spans="8:8">
      <c r="H415086" s="12"/>
    </row>
    <row r="415087" spans="8:8">
      <c r="H415087" s="12"/>
    </row>
    <row r="415088" spans="8:8">
      <c r="H415088" s="12"/>
    </row>
    <row r="415089" spans="8:8">
      <c r="H415089" s="12"/>
    </row>
    <row r="415090" spans="8:8">
      <c r="H415090" s="12"/>
    </row>
    <row r="415091" spans="8:8">
      <c r="H415091" s="12"/>
    </row>
    <row r="415092" spans="8:8">
      <c r="H415092" s="12"/>
    </row>
    <row r="415093" spans="8:8">
      <c r="H415093" s="12"/>
    </row>
    <row r="415094" spans="8:8">
      <c r="H415094" s="12"/>
    </row>
    <row r="415095" spans="8:8">
      <c r="H415095" s="12"/>
    </row>
    <row r="415096" spans="8:8">
      <c r="H415096" s="12"/>
    </row>
    <row r="415097" spans="8:8">
      <c r="H415097" s="12"/>
    </row>
    <row r="415098" spans="8:8">
      <c r="H415098" s="12"/>
    </row>
    <row r="415099" spans="8:8">
      <c r="H415099" s="12"/>
    </row>
    <row r="415100" spans="8:8">
      <c r="H415100" s="12"/>
    </row>
    <row r="415101" spans="8:8">
      <c r="H415101" s="12"/>
    </row>
    <row r="415102" spans="8:8">
      <c r="H415102" s="12"/>
    </row>
    <row r="415103" spans="8:8">
      <c r="H415103" s="12"/>
    </row>
    <row r="415104" spans="8:8">
      <c r="H415104" s="12"/>
    </row>
    <row r="415105" spans="8:8">
      <c r="H415105" s="12"/>
    </row>
    <row r="415106" spans="8:8">
      <c r="H415106" s="12"/>
    </row>
    <row r="415107" spans="8:8">
      <c r="H415107" s="12"/>
    </row>
    <row r="415108" spans="8:8">
      <c r="H415108" s="12"/>
    </row>
    <row r="415109" spans="8:8">
      <c r="H415109" s="12"/>
    </row>
    <row r="415110" spans="8:8">
      <c r="H415110" s="12"/>
    </row>
    <row r="415111" spans="8:8">
      <c r="H415111" s="12"/>
    </row>
    <row r="415112" spans="8:8">
      <c r="H415112" s="12"/>
    </row>
    <row r="415113" spans="8:8">
      <c r="H415113" s="12"/>
    </row>
    <row r="415114" spans="8:8">
      <c r="H415114" s="12"/>
    </row>
    <row r="415115" spans="8:8">
      <c r="H415115" s="12"/>
    </row>
    <row r="415116" spans="8:8">
      <c r="H415116" s="12"/>
    </row>
    <row r="415117" spans="8:8">
      <c r="H415117" s="12"/>
    </row>
    <row r="415118" spans="8:8">
      <c r="H415118" s="12"/>
    </row>
    <row r="415119" spans="8:8">
      <c r="H415119" s="12"/>
    </row>
    <row r="415120" spans="8:8">
      <c r="H415120" s="12"/>
    </row>
    <row r="415121" spans="8:8">
      <c r="H415121" s="12"/>
    </row>
    <row r="415122" spans="8:8">
      <c r="H415122" s="12"/>
    </row>
    <row r="415123" spans="8:8">
      <c r="H415123" s="12"/>
    </row>
    <row r="415124" spans="8:8">
      <c r="H415124" s="12"/>
    </row>
    <row r="415125" spans="8:8">
      <c r="H415125" s="12"/>
    </row>
    <row r="415126" spans="8:8">
      <c r="H415126" s="12"/>
    </row>
    <row r="415127" spans="8:8">
      <c r="H415127" s="12"/>
    </row>
    <row r="415128" spans="8:8">
      <c r="H415128" s="12"/>
    </row>
    <row r="415129" spans="8:8">
      <c r="H415129" s="12"/>
    </row>
    <row r="415130" spans="8:8">
      <c r="H415130" s="12"/>
    </row>
    <row r="415131" spans="8:8">
      <c r="H415131" s="12"/>
    </row>
    <row r="415132" spans="8:8">
      <c r="H415132" s="12"/>
    </row>
    <row r="415133" spans="8:8">
      <c r="H415133" s="12"/>
    </row>
    <row r="415134" spans="8:8">
      <c r="H415134" s="12"/>
    </row>
    <row r="415135" spans="8:8">
      <c r="H415135" s="12"/>
    </row>
    <row r="415136" spans="8:8">
      <c r="H415136" s="12"/>
    </row>
    <row r="415137" spans="8:8">
      <c r="H415137" s="12"/>
    </row>
    <row r="415138" spans="8:8">
      <c r="H415138" s="12"/>
    </row>
    <row r="415139" spans="8:8">
      <c r="H415139" s="12"/>
    </row>
    <row r="415140" spans="8:8">
      <c r="H415140" s="12"/>
    </row>
    <row r="415141" spans="8:8">
      <c r="H415141" s="12"/>
    </row>
    <row r="415142" spans="8:8">
      <c r="H415142" s="12"/>
    </row>
    <row r="415143" spans="8:8">
      <c r="H415143" s="12"/>
    </row>
    <row r="415144" spans="8:8">
      <c r="H415144" s="12"/>
    </row>
    <row r="415145" spans="8:8">
      <c r="H415145" s="12"/>
    </row>
    <row r="415146" spans="8:8">
      <c r="H415146" s="12"/>
    </row>
    <row r="415147" spans="8:8">
      <c r="H415147" s="12"/>
    </row>
    <row r="415148" spans="8:8">
      <c r="H415148" s="12"/>
    </row>
    <row r="415149" spans="8:8">
      <c r="H415149" s="12"/>
    </row>
    <row r="415150" spans="8:8">
      <c r="H415150" s="12"/>
    </row>
    <row r="415151" spans="8:8">
      <c r="H415151" s="12"/>
    </row>
    <row r="415152" spans="8:8">
      <c r="H415152" s="12"/>
    </row>
    <row r="415153" spans="8:8">
      <c r="H415153" s="12"/>
    </row>
    <row r="415154" spans="8:8">
      <c r="H415154" s="12"/>
    </row>
    <row r="415155" spans="8:8">
      <c r="H415155" s="12"/>
    </row>
    <row r="415156" spans="8:8">
      <c r="H415156" s="12"/>
    </row>
    <row r="415157" spans="8:8">
      <c r="H415157" s="12"/>
    </row>
    <row r="415158" spans="8:8">
      <c r="H415158" s="12"/>
    </row>
    <row r="415159" spans="8:8">
      <c r="H415159" s="12"/>
    </row>
    <row r="415160" spans="8:8">
      <c r="H415160" s="12"/>
    </row>
    <row r="415161" spans="8:8">
      <c r="H415161" s="12"/>
    </row>
    <row r="415162" spans="8:8">
      <c r="H415162" s="12"/>
    </row>
    <row r="415163" spans="8:8">
      <c r="H415163" s="12"/>
    </row>
    <row r="415164" spans="8:8">
      <c r="H415164" s="12"/>
    </row>
    <row r="415165" spans="8:8">
      <c r="H415165" s="12"/>
    </row>
    <row r="415166" spans="8:8">
      <c r="H415166" s="12"/>
    </row>
    <row r="415167" spans="8:8">
      <c r="H415167" s="12"/>
    </row>
    <row r="415168" spans="8:8">
      <c r="H415168" s="12"/>
    </row>
    <row r="415169" spans="8:8">
      <c r="H415169" s="12"/>
    </row>
    <row r="415170" spans="8:8">
      <c r="H415170" s="12"/>
    </row>
    <row r="415171" spans="8:8">
      <c r="H415171" s="12"/>
    </row>
    <row r="415172" spans="8:8">
      <c r="H415172" s="12"/>
    </row>
    <row r="415173" spans="8:8">
      <c r="H415173" s="12"/>
    </row>
    <row r="415174" spans="8:8">
      <c r="H415174" s="12"/>
    </row>
    <row r="415175" spans="8:8">
      <c r="H415175" s="12"/>
    </row>
    <row r="415176" spans="8:8">
      <c r="H415176" s="12"/>
    </row>
    <row r="415177" spans="8:8">
      <c r="H415177" s="12"/>
    </row>
    <row r="415178" spans="8:8">
      <c r="H415178" s="12"/>
    </row>
    <row r="415179" spans="8:8">
      <c r="H415179" s="12"/>
    </row>
    <row r="415180" spans="8:8">
      <c r="H415180" s="12"/>
    </row>
    <row r="415181" spans="8:8">
      <c r="H415181" s="12"/>
    </row>
    <row r="415182" spans="8:8">
      <c r="H415182" s="12"/>
    </row>
    <row r="415183" spans="8:8">
      <c r="H415183" s="12"/>
    </row>
    <row r="415184" spans="8:8">
      <c r="H415184" s="12"/>
    </row>
    <row r="415185" spans="8:8">
      <c r="H415185" s="12"/>
    </row>
    <row r="415186" spans="8:8">
      <c r="H415186" s="12"/>
    </row>
    <row r="415187" spans="8:8">
      <c r="H415187" s="12"/>
    </row>
    <row r="415188" spans="8:8">
      <c r="H415188" s="12"/>
    </row>
    <row r="415189" spans="8:8">
      <c r="H415189" s="12"/>
    </row>
    <row r="415190" spans="8:8">
      <c r="H415190" s="12"/>
    </row>
    <row r="415191" spans="8:8">
      <c r="H415191" s="12"/>
    </row>
    <row r="415192" spans="8:8">
      <c r="H415192" s="12"/>
    </row>
    <row r="415193" spans="8:8">
      <c r="H415193" s="12"/>
    </row>
    <row r="415194" spans="8:8">
      <c r="H415194" s="12"/>
    </row>
    <row r="415195" spans="8:8">
      <c r="H415195" s="12"/>
    </row>
    <row r="415196" spans="8:8">
      <c r="H415196" s="12"/>
    </row>
    <row r="415197" spans="8:8">
      <c r="H415197" s="12"/>
    </row>
    <row r="415198" spans="8:8">
      <c r="H415198" s="12"/>
    </row>
    <row r="415199" spans="8:8">
      <c r="H415199" s="12"/>
    </row>
    <row r="415200" spans="8:8">
      <c r="H415200" s="12"/>
    </row>
    <row r="415201" spans="8:8">
      <c r="H415201" s="12"/>
    </row>
    <row r="415202" spans="8:8">
      <c r="H415202" s="12"/>
    </row>
    <row r="415203" spans="8:8">
      <c r="H415203" s="12"/>
    </row>
    <row r="415204" spans="8:8">
      <c r="H415204" s="12"/>
    </row>
    <row r="415205" spans="8:8">
      <c r="H415205" s="12"/>
    </row>
    <row r="415206" spans="8:8">
      <c r="H415206" s="12"/>
    </row>
    <row r="415207" spans="8:8">
      <c r="H415207" s="12"/>
    </row>
    <row r="415208" spans="8:8">
      <c r="H415208" s="12"/>
    </row>
    <row r="415209" spans="8:8">
      <c r="H415209" s="12"/>
    </row>
    <row r="415210" spans="8:8">
      <c r="H415210" s="12"/>
    </row>
    <row r="415211" spans="8:8">
      <c r="H415211" s="12"/>
    </row>
    <row r="415212" spans="8:8">
      <c r="H415212" s="12"/>
    </row>
    <row r="415213" spans="8:8">
      <c r="H415213" s="12"/>
    </row>
    <row r="415214" spans="8:8">
      <c r="H415214" s="12"/>
    </row>
    <row r="415215" spans="8:8">
      <c r="H415215" s="12"/>
    </row>
    <row r="415216" spans="8:8">
      <c r="H415216" s="12"/>
    </row>
    <row r="415217" spans="8:8">
      <c r="H415217" s="12"/>
    </row>
    <row r="415218" spans="8:8">
      <c r="H415218" s="12"/>
    </row>
    <row r="415219" spans="8:8">
      <c r="H415219" s="12"/>
    </row>
    <row r="415220" spans="8:8">
      <c r="H415220" s="12"/>
    </row>
    <row r="415221" spans="8:8">
      <c r="H415221" s="12"/>
    </row>
    <row r="415222" spans="8:8">
      <c r="H415222" s="12"/>
    </row>
    <row r="415223" spans="8:8">
      <c r="H415223" s="12"/>
    </row>
    <row r="415224" spans="8:8">
      <c r="H415224" s="12"/>
    </row>
    <row r="415225" spans="8:8">
      <c r="H415225" s="12"/>
    </row>
    <row r="415226" spans="8:8">
      <c r="H415226" s="12"/>
    </row>
    <row r="415227" spans="8:8">
      <c r="H415227" s="12"/>
    </row>
    <row r="415228" spans="8:8">
      <c r="H415228" s="12"/>
    </row>
    <row r="415229" spans="8:8">
      <c r="H415229" s="12"/>
    </row>
    <row r="415230" spans="8:8">
      <c r="H415230" s="12"/>
    </row>
    <row r="415231" spans="8:8">
      <c r="H415231" s="12"/>
    </row>
    <row r="415232" spans="8:8">
      <c r="H415232" s="12"/>
    </row>
    <row r="415233" spans="8:8">
      <c r="H415233" s="12"/>
    </row>
    <row r="415234" spans="8:8">
      <c r="H415234" s="12"/>
    </row>
    <row r="415235" spans="8:8">
      <c r="H415235" s="12"/>
    </row>
    <row r="415236" spans="8:8">
      <c r="H415236" s="12"/>
    </row>
    <row r="415237" spans="8:8">
      <c r="H415237" s="12"/>
    </row>
    <row r="415238" spans="8:8">
      <c r="H415238" s="12"/>
    </row>
    <row r="415239" spans="8:8">
      <c r="H415239" s="12"/>
    </row>
    <row r="415240" spans="8:8">
      <c r="H415240" s="12"/>
    </row>
    <row r="415241" spans="8:8">
      <c r="H415241" s="12"/>
    </row>
    <row r="415242" spans="8:8">
      <c r="H415242" s="12"/>
    </row>
    <row r="415243" spans="8:8">
      <c r="H415243" s="12"/>
    </row>
    <row r="415244" spans="8:8">
      <c r="H415244" s="12"/>
    </row>
    <row r="415245" spans="8:8">
      <c r="H415245" s="12"/>
    </row>
    <row r="415246" spans="8:8">
      <c r="H415246" s="12"/>
    </row>
    <row r="415247" spans="8:8">
      <c r="H415247" s="12"/>
    </row>
    <row r="415248" spans="8:8">
      <c r="H415248" s="12"/>
    </row>
    <row r="415249" spans="8:8">
      <c r="H415249" s="12"/>
    </row>
    <row r="415250" spans="8:8">
      <c r="H415250" s="12"/>
    </row>
    <row r="415251" spans="8:8">
      <c r="H415251" s="12"/>
    </row>
    <row r="415252" spans="8:8">
      <c r="H415252" s="12"/>
    </row>
    <row r="415253" spans="8:8">
      <c r="H415253" s="12"/>
    </row>
    <row r="415254" spans="8:8">
      <c r="H415254" s="12"/>
    </row>
    <row r="415255" spans="8:8">
      <c r="H415255" s="12"/>
    </row>
    <row r="415256" spans="8:8">
      <c r="H415256" s="12"/>
    </row>
    <row r="415257" spans="8:8">
      <c r="H415257" s="12"/>
    </row>
    <row r="415258" spans="8:8">
      <c r="H415258" s="12"/>
    </row>
    <row r="415259" spans="8:8">
      <c r="H415259" s="12"/>
    </row>
    <row r="415260" spans="8:8">
      <c r="H415260" s="12"/>
    </row>
    <row r="415261" spans="8:8">
      <c r="H415261" s="12"/>
    </row>
    <row r="415262" spans="8:8">
      <c r="H415262" s="12"/>
    </row>
    <row r="415263" spans="8:8">
      <c r="H415263" s="12"/>
    </row>
    <row r="415264" spans="8:8">
      <c r="H415264" s="12"/>
    </row>
    <row r="415265" spans="8:8">
      <c r="H415265" s="12"/>
    </row>
    <row r="415266" spans="8:8">
      <c r="H415266" s="12"/>
    </row>
    <row r="415267" spans="8:8">
      <c r="H415267" s="12"/>
    </row>
    <row r="415268" spans="8:8">
      <c r="H415268" s="12"/>
    </row>
    <row r="415269" spans="8:8">
      <c r="H415269" s="12"/>
    </row>
    <row r="415270" spans="8:8">
      <c r="H415270" s="12"/>
    </row>
    <row r="415271" spans="8:8">
      <c r="H415271" s="12"/>
    </row>
    <row r="415272" spans="8:8">
      <c r="H415272" s="12"/>
    </row>
    <row r="415273" spans="8:8">
      <c r="H415273" s="12"/>
    </row>
    <row r="415274" spans="8:8">
      <c r="H415274" s="12"/>
    </row>
    <row r="415275" spans="8:8">
      <c r="H415275" s="12"/>
    </row>
    <row r="415276" spans="8:8">
      <c r="H415276" s="12"/>
    </row>
    <row r="415277" spans="8:8">
      <c r="H415277" s="12"/>
    </row>
    <row r="415278" spans="8:8">
      <c r="H415278" s="12"/>
    </row>
    <row r="415279" spans="8:8">
      <c r="H415279" s="12"/>
    </row>
    <row r="415280" spans="8:8">
      <c r="H415280" s="12"/>
    </row>
    <row r="415281" spans="8:8">
      <c r="H415281" s="12"/>
    </row>
    <row r="415282" spans="8:8">
      <c r="H415282" s="12"/>
    </row>
    <row r="415283" spans="8:8">
      <c r="H415283" s="12"/>
    </row>
    <row r="415284" spans="8:8">
      <c r="H415284" s="12"/>
    </row>
    <row r="415285" spans="8:8">
      <c r="H415285" s="12"/>
    </row>
    <row r="415286" spans="8:8">
      <c r="H415286" s="12"/>
    </row>
    <row r="415287" spans="8:8">
      <c r="H415287" s="12"/>
    </row>
    <row r="415288" spans="8:8">
      <c r="H415288" s="12"/>
    </row>
    <row r="415289" spans="8:8">
      <c r="H415289" s="12"/>
    </row>
    <row r="415290" spans="8:8">
      <c r="H415290" s="12"/>
    </row>
    <row r="415291" spans="8:8">
      <c r="H415291" s="12"/>
    </row>
    <row r="415292" spans="8:8">
      <c r="H415292" s="12"/>
    </row>
    <row r="415293" spans="8:8">
      <c r="H415293" s="12"/>
    </row>
    <row r="415294" spans="8:8">
      <c r="H415294" s="12"/>
    </row>
    <row r="415295" spans="8:8">
      <c r="H415295" s="12"/>
    </row>
    <row r="415296" spans="8:8">
      <c r="H415296" s="12"/>
    </row>
    <row r="415297" spans="8:8">
      <c r="H415297" s="12"/>
    </row>
    <row r="415298" spans="8:8">
      <c r="H415298" s="12"/>
    </row>
    <row r="415299" spans="8:8">
      <c r="H415299" s="12"/>
    </row>
    <row r="415300" spans="8:8">
      <c r="H415300" s="12"/>
    </row>
    <row r="415301" spans="8:8">
      <c r="H415301" s="12"/>
    </row>
    <row r="415302" spans="8:8">
      <c r="H415302" s="12"/>
    </row>
    <row r="415303" spans="8:8">
      <c r="H415303" s="12"/>
    </row>
    <row r="415304" spans="8:8">
      <c r="H415304" s="12"/>
    </row>
    <row r="415305" spans="8:8">
      <c r="H415305" s="12"/>
    </row>
    <row r="415306" spans="8:8">
      <c r="H415306" s="12"/>
    </row>
    <row r="415307" spans="8:8">
      <c r="H415307" s="12"/>
    </row>
    <row r="415308" spans="8:8">
      <c r="H415308" s="12"/>
    </row>
    <row r="415309" spans="8:8">
      <c r="H415309" s="12"/>
    </row>
    <row r="415310" spans="8:8">
      <c r="H415310" s="12"/>
    </row>
    <row r="415311" spans="8:8">
      <c r="H415311" s="12"/>
    </row>
    <row r="415312" spans="8:8">
      <c r="H415312" s="12"/>
    </row>
    <row r="415313" spans="8:8">
      <c r="H415313" s="12"/>
    </row>
    <row r="415314" spans="8:8">
      <c r="H415314" s="12"/>
    </row>
    <row r="415315" spans="8:8">
      <c r="H415315" s="12"/>
    </row>
    <row r="415316" spans="8:8">
      <c r="H415316" s="12"/>
    </row>
    <row r="415317" spans="8:8">
      <c r="H415317" s="12"/>
    </row>
    <row r="415318" spans="8:8">
      <c r="H415318" s="12"/>
    </row>
    <row r="415319" spans="8:8">
      <c r="H415319" s="12"/>
    </row>
    <row r="415320" spans="8:8">
      <c r="H415320" s="12"/>
    </row>
    <row r="415321" spans="8:8">
      <c r="H415321" s="12"/>
    </row>
    <row r="415322" spans="8:8">
      <c r="H415322" s="12"/>
    </row>
    <row r="415323" spans="8:8">
      <c r="H415323" s="12"/>
    </row>
    <row r="415324" spans="8:8">
      <c r="H415324" s="12"/>
    </row>
    <row r="415325" spans="8:8">
      <c r="H415325" s="12"/>
    </row>
    <row r="415326" spans="8:8">
      <c r="H415326" s="12"/>
    </row>
    <row r="415327" spans="8:8">
      <c r="H415327" s="12"/>
    </row>
    <row r="415328" spans="8:8">
      <c r="H415328" s="12"/>
    </row>
    <row r="415329" spans="8:8">
      <c r="H415329" s="12"/>
    </row>
    <row r="415330" spans="8:8">
      <c r="H415330" s="12"/>
    </row>
    <row r="415331" spans="8:8">
      <c r="H415331" s="12"/>
    </row>
    <row r="415332" spans="8:8">
      <c r="H415332" s="12"/>
    </row>
    <row r="415333" spans="8:8">
      <c r="H415333" s="12"/>
    </row>
    <row r="415334" spans="8:8">
      <c r="H415334" s="12"/>
    </row>
    <row r="415335" spans="8:8">
      <c r="H415335" s="12"/>
    </row>
    <row r="415336" spans="8:8">
      <c r="H415336" s="12"/>
    </row>
    <row r="415337" spans="8:8">
      <c r="H415337" s="12"/>
    </row>
    <row r="415338" spans="8:8">
      <c r="H415338" s="12"/>
    </row>
    <row r="415339" spans="8:8">
      <c r="H415339" s="12"/>
    </row>
    <row r="415340" spans="8:8">
      <c r="H415340" s="12"/>
    </row>
    <row r="415341" spans="8:8">
      <c r="H415341" s="12"/>
    </row>
    <row r="415342" spans="8:8">
      <c r="H415342" s="12"/>
    </row>
    <row r="415343" spans="8:8">
      <c r="H415343" s="12"/>
    </row>
    <row r="415344" spans="8:8">
      <c r="H415344" s="12"/>
    </row>
    <row r="415345" spans="8:8">
      <c r="H415345" s="12"/>
    </row>
    <row r="415346" spans="8:8">
      <c r="H415346" s="12"/>
    </row>
    <row r="415347" spans="8:8">
      <c r="H415347" s="12"/>
    </row>
    <row r="415348" spans="8:8">
      <c r="H415348" s="12"/>
    </row>
    <row r="415349" spans="8:8">
      <c r="H415349" s="12"/>
    </row>
    <row r="415350" spans="8:8">
      <c r="H415350" s="12"/>
    </row>
    <row r="415351" spans="8:8">
      <c r="H415351" s="12"/>
    </row>
    <row r="415352" spans="8:8">
      <c r="H415352" s="12"/>
    </row>
    <row r="415353" spans="8:8">
      <c r="H415353" s="12"/>
    </row>
    <row r="415354" spans="8:8">
      <c r="H415354" s="12"/>
    </row>
    <row r="415355" spans="8:8">
      <c r="H415355" s="12"/>
    </row>
    <row r="415356" spans="8:8">
      <c r="H415356" s="12"/>
    </row>
    <row r="415357" spans="8:8">
      <c r="H415357" s="12"/>
    </row>
    <row r="415358" spans="8:8">
      <c r="H415358" s="12"/>
    </row>
    <row r="415359" spans="8:8">
      <c r="H415359" s="12"/>
    </row>
    <row r="415360" spans="8:8">
      <c r="H415360" s="12"/>
    </row>
    <row r="415361" spans="8:8">
      <c r="H415361" s="12"/>
    </row>
    <row r="415362" spans="8:8">
      <c r="H415362" s="12"/>
    </row>
    <row r="415363" spans="8:8">
      <c r="H415363" s="12"/>
    </row>
    <row r="415364" spans="8:8">
      <c r="H415364" s="12"/>
    </row>
    <row r="415365" spans="8:8">
      <c r="H415365" s="12"/>
    </row>
    <row r="415366" spans="8:8">
      <c r="H415366" s="12"/>
    </row>
    <row r="415367" spans="8:8">
      <c r="H415367" s="12"/>
    </row>
    <row r="415368" spans="8:8">
      <c r="H415368" s="12"/>
    </row>
    <row r="415369" spans="8:8">
      <c r="H415369" s="12"/>
    </row>
    <row r="415370" spans="8:8">
      <c r="H415370" s="12"/>
    </row>
    <row r="415371" spans="8:8">
      <c r="H415371" s="12"/>
    </row>
    <row r="415372" spans="8:8">
      <c r="H415372" s="12"/>
    </row>
    <row r="415373" spans="8:8">
      <c r="H415373" s="12"/>
    </row>
    <row r="415374" spans="8:8">
      <c r="H415374" s="12"/>
    </row>
    <row r="415375" spans="8:8">
      <c r="H415375" s="12"/>
    </row>
    <row r="415376" spans="8:8">
      <c r="H415376" s="12"/>
    </row>
    <row r="415377" spans="8:8">
      <c r="H415377" s="12"/>
    </row>
    <row r="415378" spans="8:8">
      <c r="H415378" s="12"/>
    </row>
    <row r="415379" spans="8:8">
      <c r="H415379" s="12"/>
    </row>
    <row r="415380" spans="8:8">
      <c r="H415380" s="12"/>
    </row>
    <row r="415381" spans="8:8">
      <c r="H415381" s="12"/>
    </row>
    <row r="415382" spans="8:8">
      <c r="H415382" s="12"/>
    </row>
    <row r="415383" spans="8:8">
      <c r="H415383" s="12"/>
    </row>
    <row r="415384" spans="8:8">
      <c r="H415384" s="12"/>
    </row>
    <row r="415385" spans="8:8">
      <c r="H415385" s="12"/>
    </row>
    <row r="415386" spans="8:8">
      <c r="H415386" s="12"/>
    </row>
    <row r="415387" spans="8:8">
      <c r="H415387" s="12"/>
    </row>
    <row r="415388" spans="8:8">
      <c r="H415388" s="12"/>
    </row>
    <row r="415389" spans="8:8">
      <c r="H415389" s="12"/>
    </row>
    <row r="415390" spans="8:8">
      <c r="H415390" s="12"/>
    </row>
    <row r="415391" spans="8:8">
      <c r="H415391" s="12"/>
    </row>
    <row r="415392" spans="8:8">
      <c r="H415392" s="12"/>
    </row>
    <row r="415393" spans="8:8">
      <c r="H415393" s="12"/>
    </row>
    <row r="415394" spans="8:8">
      <c r="H415394" s="12"/>
    </row>
    <row r="415395" spans="8:8">
      <c r="H415395" s="12"/>
    </row>
    <row r="415396" spans="8:8">
      <c r="H415396" s="12"/>
    </row>
    <row r="415397" spans="8:8">
      <c r="H415397" s="12"/>
    </row>
    <row r="415398" spans="8:8">
      <c r="H415398" s="12"/>
    </row>
    <row r="415399" spans="8:8">
      <c r="H415399" s="12"/>
    </row>
    <row r="415400" spans="8:8">
      <c r="H415400" s="12"/>
    </row>
    <row r="415401" spans="8:8">
      <c r="H415401" s="12"/>
    </row>
    <row r="415402" spans="8:8">
      <c r="H415402" s="12"/>
    </row>
    <row r="415403" spans="8:8">
      <c r="H415403" s="12"/>
    </row>
    <row r="415404" spans="8:8">
      <c r="H415404" s="12"/>
    </row>
    <row r="415405" spans="8:8">
      <c r="H415405" s="12"/>
    </row>
    <row r="415406" spans="8:8">
      <c r="H415406" s="12"/>
    </row>
    <row r="415407" spans="8:8">
      <c r="H415407" s="12"/>
    </row>
    <row r="415408" spans="8:8">
      <c r="H415408" s="12"/>
    </row>
    <row r="415409" spans="8:8">
      <c r="H415409" s="12"/>
    </row>
    <row r="415410" spans="8:8">
      <c r="H415410" s="12"/>
    </row>
    <row r="415411" spans="8:8">
      <c r="H415411" s="12"/>
    </row>
    <row r="415412" spans="8:8">
      <c r="H415412" s="12"/>
    </row>
    <row r="415413" spans="8:8">
      <c r="H415413" s="12"/>
    </row>
    <row r="415414" spans="8:8">
      <c r="H415414" s="12"/>
    </row>
    <row r="415415" spans="8:8">
      <c r="H415415" s="12"/>
    </row>
    <row r="415416" spans="8:8">
      <c r="H415416" s="12"/>
    </row>
    <row r="415417" spans="8:8">
      <c r="H415417" s="12"/>
    </row>
    <row r="415418" spans="8:8">
      <c r="H415418" s="12"/>
    </row>
    <row r="415419" spans="8:8">
      <c r="H415419" s="12"/>
    </row>
    <row r="415420" spans="8:8">
      <c r="H415420" s="12"/>
    </row>
    <row r="415421" spans="8:8">
      <c r="H415421" s="12"/>
    </row>
    <row r="415422" spans="8:8">
      <c r="H415422" s="12"/>
    </row>
    <row r="415423" spans="8:8">
      <c r="H415423" s="12"/>
    </row>
    <row r="415424" spans="8:8">
      <c r="H415424" s="12"/>
    </row>
    <row r="415425" spans="8:8">
      <c r="H415425" s="12"/>
    </row>
    <row r="415426" spans="8:8">
      <c r="H415426" s="12"/>
    </row>
    <row r="415427" spans="8:8">
      <c r="H415427" s="12"/>
    </row>
    <row r="415428" spans="8:8">
      <c r="H415428" s="12"/>
    </row>
    <row r="415429" spans="8:8">
      <c r="H415429" s="12"/>
    </row>
    <row r="415430" spans="8:8">
      <c r="H415430" s="12"/>
    </row>
    <row r="415431" spans="8:8">
      <c r="H415431" s="12"/>
    </row>
    <row r="415432" spans="8:8">
      <c r="H415432" s="12"/>
    </row>
    <row r="415433" spans="8:8">
      <c r="H415433" s="12"/>
    </row>
    <row r="415434" spans="8:8">
      <c r="H415434" s="12"/>
    </row>
    <row r="415435" spans="8:8">
      <c r="H415435" s="12"/>
    </row>
    <row r="415436" spans="8:8">
      <c r="H415436" s="12"/>
    </row>
    <row r="415437" spans="8:8">
      <c r="H415437" s="12"/>
    </row>
    <row r="415438" spans="8:8">
      <c r="H415438" s="12"/>
    </row>
    <row r="415439" spans="8:8">
      <c r="H415439" s="12"/>
    </row>
    <row r="415440" spans="8:8">
      <c r="H415440" s="12"/>
    </row>
    <row r="415441" spans="8:8">
      <c r="H415441" s="12"/>
    </row>
    <row r="415442" spans="8:8">
      <c r="H415442" s="12"/>
    </row>
    <row r="415443" spans="8:8">
      <c r="H415443" s="12"/>
    </row>
    <row r="415444" spans="8:8">
      <c r="H415444" s="12"/>
    </row>
    <row r="415445" spans="8:8">
      <c r="H415445" s="12"/>
    </row>
    <row r="415446" spans="8:8">
      <c r="H415446" s="12"/>
    </row>
    <row r="415447" spans="8:8">
      <c r="H415447" s="12"/>
    </row>
    <row r="415448" spans="8:8">
      <c r="H415448" s="12"/>
    </row>
    <row r="415449" spans="8:8">
      <c r="H415449" s="12"/>
    </row>
    <row r="415450" spans="8:8">
      <c r="H415450" s="12"/>
    </row>
    <row r="415451" spans="8:8">
      <c r="H415451" s="12"/>
    </row>
    <row r="415452" spans="8:8">
      <c r="H415452" s="12"/>
    </row>
    <row r="415453" spans="8:8">
      <c r="H415453" s="12"/>
    </row>
    <row r="415454" spans="8:8">
      <c r="H415454" s="12"/>
    </row>
    <row r="415455" spans="8:8">
      <c r="H415455" s="12"/>
    </row>
    <row r="415456" spans="8:8">
      <c r="H415456" s="12"/>
    </row>
    <row r="415457" spans="8:8">
      <c r="H415457" s="12"/>
    </row>
    <row r="415458" spans="8:8">
      <c r="H415458" s="12"/>
    </row>
    <row r="415459" spans="8:8">
      <c r="H415459" s="12"/>
    </row>
    <row r="415460" spans="8:8">
      <c r="H415460" s="12"/>
    </row>
    <row r="415461" spans="8:8">
      <c r="H415461" s="12"/>
    </row>
    <row r="415462" spans="8:8">
      <c r="H415462" s="12"/>
    </row>
    <row r="415463" spans="8:8">
      <c r="H415463" s="12"/>
    </row>
    <row r="415464" spans="8:8">
      <c r="H415464" s="12"/>
    </row>
    <row r="415465" spans="8:8">
      <c r="H415465" s="12"/>
    </row>
    <row r="415466" spans="8:8">
      <c r="H415466" s="12"/>
    </row>
    <row r="415467" spans="8:8">
      <c r="H415467" s="12"/>
    </row>
    <row r="415468" spans="8:8">
      <c r="H415468" s="12"/>
    </row>
    <row r="415469" spans="8:8">
      <c r="H415469" s="12"/>
    </row>
    <row r="415470" spans="8:8">
      <c r="H415470" s="12"/>
    </row>
    <row r="415471" spans="8:8">
      <c r="H415471" s="12"/>
    </row>
    <row r="415472" spans="8:8">
      <c r="H415472" s="12"/>
    </row>
    <row r="415473" spans="8:8">
      <c r="H415473" s="12"/>
    </row>
    <row r="415474" spans="8:8">
      <c r="H415474" s="12"/>
    </row>
    <row r="415475" spans="8:8">
      <c r="H415475" s="12"/>
    </row>
    <row r="415476" spans="8:8">
      <c r="H415476" s="12"/>
    </row>
    <row r="415477" spans="8:8">
      <c r="H415477" s="12"/>
    </row>
    <row r="415478" spans="8:8">
      <c r="H415478" s="12"/>
    </row>
    <row r="415479" spans="8:8">
      <c r="H415479" s="12"/>
    </row>
    <row r="415480" spans="8:8">
      <c r="H415480" s="12"/>
    </row>
    <row r="415481" spans="8:8">
      <c r="H415481" s="12"/>
    </row>
    <row r="415482" spans="8:8">
      <c r="H415482" s="12"/>
    </row>
    <row r="415483" spans="8:8">
      <c r="H415483" s="12"/>
    </row>
    <row r="415484" spans="8:8">
      <c r="H415484" s="12"/>
    </row>
    <row r="415485" spans="8:8">
      <c r="H415485" s="12"/>
    </row>
    <row r="415486" spans="8:8">
      <c r="H415486" s="12"/>
    </row>
    <row r="415487" spans="8:8">
      <c r="H415487" s="12"/>
    </row>
    <row r="415488" spans="8:8">
      <c r="H415488" s="12"/>
    </row>
    <row r="415489" spans="8:8">
      <c r="H415489" s="12"/>
    </row>
    <row r="415490" spans="8:8">
      <c r="H415490" s="12"/>
    </row>
    <row r="415491" spans="8:8">
      <c r="H415491" s="12"/>
    </row>
    <row r="415492" spans="8:8">
      <c r="H415492" s="12"/>
    </row>
    <row r="415493" spans="8:8">
      <c r="H415493" s="12"/>
    </row>
    <row r="415494" spans="8:8">
      <c r="H415494" s="12"/>
    </row>
    <row r="415495" spans="8:8">
      <c r="H415495" s="12"/>
    </row>
    <row r="415496" spans="8:8">
      <c r="H415496" s="12"/>
    </row>
    <row r="415497" spans="8:8">
      <c r="H415497" s="12"/>
    </row>
    <row r="415498" spans="8:8">
      <c r="H415498" s="12"/>
    </row>
    <row r="415499" spans="8:8">
      <c r="H415499" s="12"/>
    </row>
    <row r="415500" spans="8:8">
      <c r="H415500" s="12"/>
    </row>
    <row r="415501" spans="8:8">
      <c r="H415501" s="12"/>
    </row>
    <row r="415502" spans="8:8">
      <c r="H415502" s="12"/>
    </row>
    <row r="415503" spans="8:8">
      <c r="H415503" s="12"/>
    </row>
    <row r="415504" spans="8:8">
      <c r="H415504" s="12"/>
    </row>
    <row r="415505" spans="8:8">
      <c r="H415505" s="12"/>
    </row>
    <row r="415506" spans="8:8">
      <c r="H415506" s="12"/>
    </row>
    <row r="415507" spans="8:8">
      <c r="H415507" s="12"/>
    </row>
    <row r="415508" spans="8:8">
      <c r="H415508" s="12"/>
    </row>
    <row r="415509" spans="8:8">
      <c r="H415509" s="12"/>
    </row>
    <row r="415510" spans="8:8">
      <c r="H415510" s="12"/>
    </row>
    <row r="415511" spans="8:8">
      <c r="H415511" s="12"/>
    </row>
    <row r="415512" spans="8:8">
      <c r="H415512" s="12"/>
    </row>
    <row r="415513" spans="8:8">
      <c r="H415513" s="12"/>
    </row>
    <row r="415514" spans="8:8">
      <c r="H415514" s="12"/>
    </row>
    <row r="415515" spans="8:8">
      <c r="H415515" s="12"/>
    </row>
    <row r="415516" spans="8:8">
      <c r="H415516" s="12"/>
    </row>
    <row r="415517" spans="8:8">
      <c r="H415517" s="12"/>
    </row>
    <row r="415518" spans="8:8">
      <c r="H415518" s="12"/>
    </row>
    <row r="415519" spans="8:8">
      <c r="H415519" s="12"/>
    </row>
    <row r="415520" spans="8:8">
      <c r="H415520" s="12"/>
    </row>
    <row r="415521" spans="8:8">
      <c r="H415521" s="12"/>
    </row>
    <row r="415522" spans="8:8">
      <c r="H415522" s="12"/>
    </row>
    <row r="415523" spans="8:8">
      <c r="H415523" s="12"/>
    </row>
    <row r="415524" spans="8:8">
      <c r="H415524" s="12"/>
    </row>
    <row r="415525" spans="8:8">
      <c r="H415525" s="12"/>
    </row>
    <row r="415526" spans="8:8">
      <c r="H415526" s="12"/>
    </row>
    <row r="415527" spans="8:8">
      <c r="H415527" s="12"/>
    </row>
    <row r="415528" spans="8:8">
      <c r="H415528" s="12"/>
    </row>
    <row r="415529" spans="8:8">
      <c r="H415529" s="12"/>
    </row>
    <row r="415530" spans="8:8">
      <c r="H415530" s="12"/>
    </row>
    <row r="415531" spans="8:8">
      <c r="H415531" s="12"/>
    </row>
    <row r="415532" spans="8:8">
      <c r="H415532" s="12"/>
    </row>
    <row r="415533" spans="8:8">
      <c r="H415533" s="12"/>
    </row>
    <row r="415534" spans="8:8">
      <c r="H415534" s="12"/>
    </row>
    <row r="415535" spans="8:8">
      <c r="H415535" s="12"/>
    </row>
    <row r="415536" spans="8:8">
      <c r="H415536" s="12"/>
    </row>
    <row r="415537" spans="8:8">
      <c r="H415537" s="12"/>
    </row>
    <row r="415538" spans="8:8">
      <c r="H415538" s="12"/>
    </row>
    <row r="415539" spans="8:8">
      <c r="H415539" s="12"/>
    </row>
    <row r="415540" spans="8:8">
      <c r="H415540" s="12"/>
    </row>
    <row r="415541" spans="8:8">
      <c r="H415541" s="12"/>
    </row>
    <row r="415542" spans="8:8">
      <c r="H415542" s="12"/>
    </row>
    <row r="415543" spans="8:8">
      <c r="H415543" s="12"/>
    </row>
    <row r="415544" spans="8:8">
      <c r="H415544" s="12"/>
    </row>
    <row r="415545" spans="8:8">
      <c r="H415545" s="12"/>
    </row>
    <row r="415546" spans="8:8">
      <c r="H415546" s="12"/>
    </row>
    <row r="415547" spans="8:8">
      <c r="H415547" s="12"/>
    </row>
    <row r="415548" spans="8:8">
      <c r="H415548" s="12"/>
    </row>
    <row r="415549" spans="8:8">
      <c r="H415549" s="12"/>
    </row>
    <row r="415550" spans="8:8">
      <c r="H415550" s="12"/>
    </row>
    <row r="415551" spans="8:8">
      <c r="H415551" s="12"/>
    </row>
    <row r="415552" spans="8:8">
      <c r="H415552" s="12"/>
    </row>
    <row r="415553" spans="8:8">
      <c r="H415553" s="12"/>
    </row>
    <row r="415554" spans="8:8">
      <c r="H415554" s="12"/>
    </row>
    <row r="415555" spans="8:8">
      <c r="H415555" s="12"/>
    </row>
    <row r="415556" spans="8:8">
      <c r="H415556" s="12"/>
    </row>
    <row r="415557" spans="8:8">
      <c r="H415557" s="12"/>
    </row>
    <row r="415558" spans="8:8">
      <c r="H415558" s="12"/>
    </row>
    <row r="415559" spans="8:8">
      <c r="H415559" s="12"/>
    </row>
    <row r="415560" spans="8:8">
      <c r="H415560" s="12"/>
    </row>
    <row r="415561" spans="8:8">
      <c r="H415561" s="12"/>
    </row>
    <row r="415562" spans="8:8">
      <c r="H415562" s="12"/>
    </row>
    <row r="415563" spans="8:8">
      <c r="H415563" s="12"/>
    </row>
    <row r="415564" spans="8:8">
      <c r="H415564" s="12"/>
    </row>
    <row r="415565" spans="8:8">
      <c r="H415565" s="12"/>
    </row>
    <row r="415566" spans="8:8">
      <c r="H415566" s="12"/>
    </row>
    <row r="415567" spans="8:8">
      <c r="H415567" s="12"/>
    </row>
    <row r="415568" spans="8:8">
      <c r="H415568" s="12"/>
    </row>
    <row r="415569" spans="8:8">
      <c r="H415569" s="12"/>
    </row>
    <row r="415570" spans="8:8">
      <c r="H415570" s="12"/>
    </row>
    <row r="415571" spans="8:8">
      <c r="H415571" s="12"/>
    </row>
    <row r="415572" spans="8:8">
      <c r="H415572" s="12"/>
    </row>
    <row r="415573" spans="8:8">
      <c r="H415573" s="12"/>
    </row>
    <row r="415574" spans="8:8">
      <c r="H415574" s="12"/>
    </row>
    <row r="415575" spans="8:8">
      <c r="H415575" s="12"/>
    </row>
    <row r="415576" spans="8:8">
      <c r="H415576" s="12"/>
    </row>
    <row r="415577" spans="8:8">
      <c r="H415577" s="12"/>
    </row>
    <row r="415578" spans="8:8">
      <c r="H415578" s="12"/>
    </row>
    <row r="415579" spans="8:8">
      <c r="H415579" s="12"/>
    </row>
    <row r="415580" spans="8:8">
      <c r="H415580" s="12"/>
    </row>
    <row r="415581" spans="8:8">
      <c r="H415581" s="12"/>
    </row>
    <row r="415582" spans="8:8">
      <c r="H415582" s="12"/>
    </row>
    <row r="415583" spans="8:8">
      <c r="H415583" s="12"/>
    </row>
    <row r="415584" spans="8:8">
      <c r="H415584" s="12"/>
    </row>
    <row r="415585" spans="8:8">
      <c r="H415585" s="12"/>
    </row>
    <row r="415586" spans="8:8">
      <c r="H415586" s="12"/>
    </row>
    <row r="415587" spans="8:8">
      <c r="H415587" s="12"/>
    </row>
    <row r="415588" spans="8:8">
      <c r="H415588" s="12"/>
    </row>
    <row r="415589" spans="8:8">
      <c r="H415589" s="12"/>
    </row>
    <row r="415590" spans="8:8">
      <c r="H415590" s="12"/>
    </row>
    <row r="415591" spans="8:8">
      <c r="H415591" s="12"/>
    </row>
    <row r="415592" spans="8:8">
      <c r="H415592" s="12"/>
    </row>
    <row r="415593" spans="8:8">
      <c r="H415593" s="12"/>
    </row>
    <row r="415594" spans="8:8">
      <c r="H415594" s="12"/>
    </row>
    <row r="415595" spans="8:8">
      <c r="H415595" s="12"/>
    </row>
    <row r="415596" spans="8:8">
      <c r="H415596" s="12"/>
    </row>
    <row r="415597" spans="8:8">
      <c r="H415597" s="12"/>
    </row>
    <row r="415598" spans="8:8">
      <c r="H415598" s="12"/>
    </row>
    <row r="415599" spans="8:8">
      <c r="H415599" s="12"/>
    </row>
    <row r="415600" spans="8:8">
      <c r="H415600" s="12"/>
    </row>
    <row r="415601" spans="8:8">
      <c r="H415601" s="12"/>
    </row>
    <row r="415602" spans="8:8">
      <c r="H415602" s="12"/>
    </row>
    <row r="415603" spans="8:8">
      <c r="H415603" s="12"/>
    </row>
    <row r="415604" spans="8:8">
      <c r="H415604" s="12"/>
    </row>
    <row r="415605" spans="8:8">
      <c r="H415605" s="12"/>
    </row>
    <row r="415606" spans="8:8">
      <c r="H415606" s="12"/>
    </row>
    <row r="415607" spans="8:8">
      <c r="H415607" s="12"/>
    </row>
    <row r="415608" spans="8:8">
      <c r="H415608" s="12"/>
    </row>
    <row r="415609" spans="8:8">
      <c r="H415609" s="12"/>
    </row>
    <row r="415610" spans="8:8">
      <c r="H415610" s="12"/>
    </row>
    <row r="415611" spans="8:8">
      <c r="H415611" s="12"/>
    </row>
    <row r="415612" spans="8:8">
      <c r="H415612" s="12"/>
    </row>
    <row r="415613" spans="8:8">
      <c r="H415613" s="12"/>
    </row>
    <row r="415614" spans="8:8">
      <c r="H415614" s="12"/>
    </row>
    <row r="415615" spans="8:8">
      <c r="H415615" s="12"/>
    </row>
    <row r="415616" spans="8:8">
      <c r="H415616" s="12"/>
    </row>
    <row r="415617" spans="8:8">
      <c r="H415617" s="12"/>
    </row>
    <row r="415618" spans="8:8">
      <c r="H415618" s="12"/>
    </row>
    <row r="415619" spans="8:8">
      <c r="H415619" s="12"/>
    </row>
    <row r="415620" spans="8:8">
      <c r="H415620" s="12"/>
    </row>
    <row r="415621" spans="8:8">
      <c r="H415621" s="12"/>
    </row>
    <row r="415622" spans="8:8">
      <c r="H415622" s="12"/>
    </row>
    <row r="415623" spans="8:8">
      <c r="H415623" s="12"/>
    </row>
    <row r="415624" spans="8:8">
      <c r="H415624" s="12"/>
    </row>
    <row r="415625" spans="8:8">
      <c r="H415625" s="12"/>
    </row>
    <row r="415626" spans="8:8">
      <c r="H415626" s="12"/>
    </row>
    <row r="415627" spans="8:8">
      <c r="H415627" s="12"/>
    </row>
    <row r="415628" spans="8:8">
      <c r="H415628" s="12"/>
    </row>
    <row r="415629" spans="8:8">
      <c r="H415629" s="12"/>
    </row>
    <row r="415630" spans="8:8">
      <c r="H415630" s="12"/>
    </row>
    <row r="415631" spans="8:8">
      <c r="H415631" s="12"/>
    </row>
    <row r="415632" spans="8:8">
      <c r="H415632" s="12"/>
    </row>
    <row r="415633" spans="8:8">
      <c r="H415633" s="12"/>
    </row>
    <row r="415634" spans="8:8">
      <c r="H415634" s="12"/>
    </row>
    <row r="415635" spans="8:8">
      <c r="H415635" s="12"/>
    </row>
    <row r="415636" spans="8:8">
      <c r="H415636" s="12"/>
    </row>
    <row r="415637" spans="8:8">
      <c r="H415637" s="12"/>
    </row>
    <row r="415638" spans="8:8">
      <c r="H415638" s="12"/>
    </row>
    <row r="415639" spans="8:8">
      <c r="H415639" s="12"/>
    </row>
    <row r="415640" spans="8:8">
      <c r="H415640" s="12"/>
    </row>
    <row r="415641" spans="8:8">
      <c r="H415641" s="12"/>
    </row>
    <row r="415642" spans="8:8">
      <c r="H415642" s="12"/>
    </row>
    <row r="415643" spans="8:8">
      <c r="H415643" s="12"/>
    </row>
    <row r="415644" spans="8:8">
      <c r="H415644" s="12"/>
    </row>
    <row r="415645" spans="8:8">
      <c r="H415645" s="12"/>
    </row>
    <row r="415646" spans="8:8">
      <c r="H415646" s="12"/>
    </row>
    <row r="415647" spans="8:8">
      <c r="H415647" s="12"/>
    </row>
    <row r="415648" spans="8:8">
      <c r="H415648" s="12"/>
    </row>
    <row r="415649" spans="8:8">
      <c r="H415649" s="12"/>
    </row>
    <row r="415650" spans="8:8">
      <c r="H415650" s="12"/>
    </row>
    <row r="415651" spans="8:8">
      <c r="H415651" s="12"/>
    </row>
    <row r="415652" spans="8:8">
      <c r="H415652" s="12"/>
    </row>
    <row r="415653" spans="8:8">
      <c r="H415653" s="12"/>
    </row>
    <row r="415654" spans="8:8">
      <c r="H415654" s="12"/>
    </row>
    <row r="415655" spans="8:8">
      <c r="H415655" s="12"/>
    </row>
    <row r="415656" spans="8:8">
      <c r="H415656" s="12"/>
    </row>
    <row r="415657" spans="8:8">
      <c r="H415657" s="12"/>
    </row>
    <row r="415658" spans="8:8">
      <c r="H415658" s="12"/>
    </row>
    <row r="415659" spans="8:8">
      <c r="H415659" s="12"/>
    </row>
    <row r="415660" spans="8:8">
      <c r="H415660" s="12"/>
    </row>
    <row r="415661" spans="8:8">
      <c r="H415661" s="12"/>
    </row>
    <row r="415662" spans="8:8">
      <c r="H415662" s="12"/>
    </row>
    <row r="415663" spans="8:8">
      <c r="H415663" s="12"/>
    </row>
    <row r="415664" spans="8:8">
      <c r="H415664" s="12"/>
    </row>
    <row r="415665" spans="8:8">
      <c r="H415665" s="12"/>
    </row>
    <row r="415666" spans="8:8">
      <c r="H415666" s="12"/>
    </row>
    <row r="415667" spans="8:8">
      <c r="H415667" s="12"/>
    </row>
    <row r="415668" spans="8:8">
      <c r="H415668" s="12"/>
    </row>
    <row r="415669" spans="8:8">
      <c r="H415669" s="12"/>
    </row>
    <row r="415670" spans="8:8">
      <c r="H415670" s="12"/>
    </row>
    <row r="415671" spans="8:8">
      <c r="H415671" s="12"/>
    </row>
    <row r="415672" spans="8:8">
      <c r="H415672" s="12"/>
    </row>
    <row r="415673" spans="8:8">
      <c r="H415673" s="12"/>
    </row>
    <row r="415674" spans="8:8">
      <c r="H415674" s="12"/>
    </row>
    <row r="415675" spans="8:8">
      <c r="H415675" s="12"/>
    </row>
    <row r="415676" spans="8:8">
      <c r="H415676" s="12"/>
    </row>
    <row r="415677" spans="8:8">
      <c r="H415677" s="12"/>
    </row>
    <row r="415678" spans="8:8">
      <c r="H415678" s="12"/>
    </row>
    <row r="415679" spans="8:8">
      <c r="H415679" s="12"/>
    </row>
    <row r="415680" spans="8:8">
      <c r="H415680" s="12"/>
    </row>
    <row r="415681" spans="8:8">
      <c r="H415681" s="12"/>
    </row>
    <row r="415682" spans="8:8">
      <c r="H415682" s="12"/>
    </row>
    <row r="415683" spans="8:8">
      <c r="H415683" s="12"/>
    </row>
    <row r="415684" spans="8:8">
      <c r="H415684" s="12"/>
    </row>
    <row r="415685" spans="8:8">
      <c r="H415685" s="12"/>
    </row>
    <row r="415686" spans="8:8">
      <c r="H415686" s="12"/>
    </row>
    <row r="415687" spans="8:8">
      <c r="H415687" s="12"/>
    </row>
    <row r="415688" spans="8:8">
      <c r="H415688" s="12"/>
    </row>
    <row r="415689" spans="8:8">
      <c r="H415689" s="12"/>
    </row>
    <row r="415690" spans="8:8">
      <c r="H415690" s="12"/>
    </row>
    <row r="415691" spans="8:8">
      <c r="H415691" s="12"/>
    </row>
    <row r="415692" spans="8:8">
      <c r="H415692" s="12"/>
    </row>
    <row r="415693" spans="8:8">
      <c r="H415693" s="12"/>
    </row>
    <row r="415694" spans="8:8">
      <c r="H415694" s="12"/>
    </row>
    <row r="415695" spans="8:8">
      <c r="H415695" s="12"/>
    </row>
    <row r="415696" spans="8:8">
      <c r="H415696" s="12"/>
    </row>
    <row r="415697" spans="8:8">
      <c r="H415697" s="12"/>
    </row>
    <row r="415698" spans="8:8">
      <c r="H415698" s="12"/>
    </row>
    <row r="415699" spans="8:8">
      <c r="H415699" s="12"/>
    </row>
    <row r="415700" spans="8:8">
      <c r="H415700" s="12"/>
    </row>
    <row r="415701" spans="8:8">
      <c r="H415701" s="12"/>
    </row>
    <row r="415702" spans="8:8">
      <c r="H415702" s="12"/>
    </row>
    <row r="415703" spans="8:8">
      <c r="H415703" s="12"/>
    </row>
    <row r="415704" spans="8:8">
      <c r="H415704" s="12"/>
    </row>
    <row r="415705" spans="8:8">
      <c r="H415705" s="12"/>
    </row>
    <row r="415706" spans="8:8">
      <c r="H415706" s="12"/>
    </row>
    <row r="415707" spans="8:8">
      <c r="H415707" s="12"/>
    </row>
    <row r="415708" spans="8:8">
      <c r="H415708" s="12"/>
    </row>
    <row r="415709" spans="8:8">
      <c r="H415709" s="12"/>
    </row>
    <row r="415710" spans="8:8">
      <c r="H415710" s="12"/>
    </row>
    <row r="415711" spans="8:8">
      <c r="H415711" s="12"/>
    </row>
    <row r="415712" spans="8:8">
      <c r="H415712" s="12"/>
    </row>
    <row r="415713" spans="8:8">
      <c r="H415713" s="12"/>
    </row>
    <row r="415714" spans="8:8">
      <c r="H415714" s="12"/>
    </row>
    <row r="415715" spans="8:8">
      <c r="H415715" s="12"/>
    </row>
    <row r="415716" spans="8:8">
      <c r="H415716" s="12"/>
    </row>
    <row r="415717" spans="8:8">
      <c r="H415717" s="12"/>
    </row>
    <row r="415718" spans="8:8">
      <c r="H415718" s="12"/>
    </row>
    <row r="415719" spans="8:8">
      <c r="H415719" s="12"/>
    </row>
    <row r="415720" spans="8:8">
      <c r="H415720" s="12"/>
    </row>
    <row r="415721" spans="8:8">
      <c r="H415721" s="12"/>
    </row>
    <row r="415722" spans="8:8">
      <c r="H415722" s="12"/>
    </row>
    <row r="415723" spans="8:8">
      <c r="H415723" s="12"/>
    </row>
    <row r="415724" spans="8:8">
      <c r="H415724" s="12"/>
    </row>
    <row r="415725" spans="8:8">
      <c r="H415725" s="12"/>
    </row>
    <row r="415726" spans="8:8">
      <c r="H415726" s="12"/>
    </row>
    <row r="415727" spans="8:8">
      <c r="H415727" s="12"/>
    </row>
    <row r="415728" spans="8:8">
      <c r="H415728" s="12"/>
    </row>
    <row r="415729" spans="8:8">
      <c r="H415729" s="12"/>
    </row>
    <row r="415730" spans="8:8">
      <c r="H415730" s="12"/>
    </row>
    <row r="415731" spans="8:8">
      <c r="H415731" s="12"/>
    </row>
    <row r="415732" spans="8:8">
      <c r="H415732" s="12"/>
    </row>
    <row r="415733" spans="8:8">
      <c r="H415733" s="12"/>
    </row>
    <row r="415734" spans="8:8">
      <c r="H415734" s="12"/>
    </row>
    <row r="415735" spans="8:8">
      <c r="H415735" s="12"/>
    </row>
    <row r="415736" spans="8:8">
      <c r="H415736" s="12"/>
    </row>
    <row r="415737" spans="8:8">
      <c r="H415737" s="12"/>
    </row>
    <row r="415738" spans="8:8">
      <c r="H415738" s="12"/>
    </row>
    <row r="415739" spans="8:8">
      <c r="H415739" s="12"/>
    </row>
    <row r="415740" spans="8:8">
      <c r="H415740" s="12"/>
    </row>
    <row r="415741" spans="8:8">
      <c r="H415741" s="12"/>
    </row>
    <row r="415742" spans="8:8">
      <c r="H415742" s="12"/>
    </row>
    <row r="415743" spans="8:8">
      <c r="H415743" s="12"/>
    </row>
    <row r="415744" spans="8:8">
      <c r="H415744" s="12"/>
    </row>
    <row r="415745" spans="8:8">
      <c r="H415745" s="12"/>
    </row>
    <row r="415746" spans="8:8">
      <c r="H415746" s="12"/>
    </row>
    <row r="415747" spans="8:8">
      <c r="H415747" s="12"/>
    </row>
    <row r="415748" spans="8:8">
      <c r="H415748" s="12"/>
    </row>
    <row r="415749" spans="8:8">
      <c r="H415749" s="12"/>
    </row>
    <row r="415750" spans="8:8">
      <c r="H415750" s="12"/>
    </row>
    <row r="415751" spans="8:8">
      <c r="H415751" s="12"/>
    </row>
    <row r="415752" spans="8:8">
      <c r="H415752" s="12"/>
    </row>
    <row r="415753" spans="8:8">
      <c r="H415753" s="12"/>
    </row>
    <row r="415754" spans="8:8">
      <c r="H415754" s="12"/>
    </row>
    <row r="415755" spans="8:8">
      <c r="H415755" s="12"/>
    </row>
    <row r="415756" spans="8:8">
      <c r="H415756" s="12"/>
    </row>
    <row r="415757" spans="8:8">
      <c r="H415757" s="12"/>
    </row>
    <row r="415758" spans="8:8">
      <c r="H415758" s="12"/>
    </row>
    <row r="415759" spans="8:8">
      <c r="H415759" s="12"/>
    </row>
    <row r="415760" spans="8:8">
      <c r="H415760" s="12"/>
    </row>
    <row r="415761" spans="8:8">
      <c r="H415761" s="12"/>
    </row>
    <row r="415762" spans="8:8">
      <c r="H415762" s="12"/>
    </row>
    <row r="415763" spans="8:8">
      <c r="H415763" s="12"/>
    </row>
    <row r="415764" spans="8:8">
      <c r="H415764" s="12"/>
    </row>
    <row r="415765" spans="8:8">
      <c r="H415765" s="12"/>
    </row>
    <row r="415766" spans="8:8">
      <c r="H415766" s="12"/>
    </row>
    <row r="415767" spans="8:8">
      <c r="H415767" s="12"/>
    </row>
    <row r="415768" spans="8:8">
      <c r="H415768" s="12"/>
    </row>
    <row r="415769" spans="8:8">
      <c r="H415769" s="12"/>
    </row>
    <row r="415770" spans="8:8">
      <c r="H415770" s="12"/>
    </row>
    <row r="415771" spans="8:8">
      <c r="H415771" s="12"/>
    </row>
    <row r="415772" spans="8:8">
      <c r="H415772" s="12"/>
    </row>
    <row r="415773" spans="8:8">
      <c r="H415773" s="12"/>
    </row>
    <row r="415774" spans="8:8">
      <c r="H415774" s="12"/>
    </row>
    <row r="415775" spans="8:8">
      <c r="H415775" s="12"/>
    </row>
    <row r="415776" spans="8:8">
      <c r="H415776" s="12"/>
    </row>
    <row r="415777" spans="8:8">
      <c r="H415777" s="12"/>
    </row>
    <row r="415778" spans="8:8">
      <c r="H415778" s="12"/>
    </row>
    <row r="415779" spans="8:8">
      <c r="H415779" s="12"/>
    </row>
    <row r="415780" spans="8:8">
      <c r="H415780" s="12"/>
    </row>
    <row r="415781" spans="8:8">
      <c r="H415781" s="12"/>
    </row>
    <row r="415782" spans="8:8">
      <c r="H415782" s="12"/>
    </row>
    <row r="415783" spans="8:8">
      <c r="H415783" s="12"/>
    </row>
    <row r="415784" spans="8:8">
      <c r="H415784" s="12"/>
    </row>
    <row r="415785" spans="8:8">
      <c r="H415785" s="12"/>
    </row>
    <row r="415786" spans="8:8">
      <c r="H415786" s="12"/>
    </row>
    <row r="415787" spans="8:8">
      <c r="H415787" s="12"/>
    </row>
    <row r="415788" spans="8:8">
      <c r="H415788" s="12"/>
    </row>
    <row r="415789" spans="8:8">
      <c r="H415789" s="12"/>
    </row>
    <row r="415790" spans="8:8">
      <c r="H415790" s="12"/>
    </row>
    <row r="415791" spans="8:8">
      <c r="H415791" s="12"/>
    </row>
    <row r="415792" spans="8:8">
      <c r="H415792" s="12"/>
    </row>
    <row r="415793" spans="8:8">
      <c r="H415793" s="12"/>
    </row>
    <row r="415794" spans="8:8">
      <c r="H415794" s="12"/>
    </row>
    <row r="415795" spans="8:8">
      <c r="H415795" s="12"/>
    </row>
    <row r="415796" spans="8:8">
      <c r="H415796" s="12"/>
    </row>
    <row r="415797" spans="8:8">
      <c r="H415797" s="12"/>
    </row>
    <row r="415798" spans="8:8">
      <c r="H415798" s="12"/>
    </row>
    <row r="415799" spans="8:8">
      <c r="H415799" s="12"/>
    </row>
    <row r="415800" spans="8:8">
      <c r="H415800" s="12"/>
    </row>
    <row r="415801" spans="8:8">
      <c r="H415801" s="12"/>
    </row>
    <row r="415802" spans="8:8">
      <c r="H415802" s="12"/>
    </row>
    <row r="415803" spans="8:8">
      <c r="H415803" s="12"/>
    </row>
    <row r="415804" spans="8:8">
      <c r="H415804" s="12"/>
    </row>
    <row r="415805" spans="8:8">
      <c r="H415805" s="12"/>
    </row>
    <row r="415806" spans="8:8">
      <c r="H415806" s="12"/>
    </row>
    <row r="415807" spans="8:8">
      <c r="H415807" s="12"/>
    </row>
    <row r="415808" spans="8:8">
      <c r="H415808" s="12"/>
    </row>
    <row r="415809" spans="8:8">
      <c r="H415809" s="12"/>
    </row>
    <row r="415810" spans="8:8">
      <c r="H415810" s="12"/>
    </row>
    <row r="415811" spans="8:8">
      <c r="H415811" s="12"/>
    </row>
    <row r="415812" spans="8:8">
      <c r="H415812" s="12"/>
    </row>
    <row r="415813" spans="8:8">
      <c r="H415813" s="12"/>
    </row>
    <row r="415814" spans="8:8">
      <c r="H415814" s="12"/>
    </row>
    <row r="415815" spans="8:8">
      <c r="H415815" s="12"/>
    </row>
    <row r="415816" spans="8:8">
      <c r="H415816" s="12"/>
    </row>
    <row r="415817" spans="8:8">
      <c r="H415817" s="12"/>
    </row>
    <row r="415818" spans="8:8">
      <c r="H415818" s="12"/>
    </row>
    <row r="415819" spans="8:8">
      <c r="H415819" s="12"/>
    </row>
    <row r="415820" spans="8:8">
      <c r="H415820" s="12"/>
    </row>
    <row r="415821" spans="8:8">
      <c r="H415821" s="12"/>
    </row>
    <row r="415822" spans="8:8">
      <c r="H415822" s="12"/>
    </row>
    <row r="415823" spans="8:8">
      <c r="H415823" s="12"/>
    </row>
    <row r="415824" spans="8:8">
      <c r="H415824" s="12"/>
    </row>
    <row r="415825" spans="8:8">
      <c r="H415825" s="12"/>
    </row>
    <row r="415826" spans="8:8">
      <c r="H415826" s="12"/>
    </row>
    <row r="415827" spans="8:8">
      <c r="H415827" s="12"/>
    </row>
    <row r="415828" spans="8:8">
      <c r="H415828" s="12"/>
    </row>
    <row r="415829" spans="8:8">
      <c r="H415829" s="12"/>
    </row>
    <row r="415830" spans="8:8">
      <c r="H415830" s="12"/>
    </row>
    <row r="415831" spans="8:8">
      <c r="H415831" s="12"/>
    </row>
    <row r="415832" spans="8:8">
      <c r="H415832" s="12"/>
    </row>
    <row r="415833" spans="8:8">
      <c r="H415833" s="12"/>
    </row>
    <row r="415834" spans="8:8">
      <c r="H415834" s="12"/>
    </row>
    <row r="415835" spans="8:8">
      <c r="H415835" s="12"/>
    </row>
    <row r="415836" spans="8:8">
      <c r="H415836" s="12"/>
    </row>
    <row r="415837" spans="8:8">
      <c r="H415837" s="12"/>
    </row>
    <row r="415838" spans="8:8">
      <c r="H415838" s="12"/>
    </row>
    <row r="415839" spans="8:8">
      <c r="H415839" s="12"/>
    </row>
    <row r="415840" spans="8:8">
      <c r="H415840" s="12"/>
    </row>
    <row r="415841" spans="8:8">
      <c r="H415841" s="12"/>
    </row>
    <row r="415842" spans="8:8">
      <c r="H415842" s="12"/>
    </row>
    <row r="415843" spans="8:8">
      <c r="H415843" s="12"/>
    </row>
    <row r="415844" spans="8:8">
      <c r="H415844" s="12"/>
    </row>
    <row r="415845" spans="8:8">
      <c r="H415845" s="12"/>
    </row>
    <row r="415846" spans="8:8">
      <c r="H415846" s="12"/>
    </row>
    <row r="415847" spans="8:8">
      <c r="H415847" s="12"/>
    </row>
    <row r="415848" spans="8:8">
      <c r="H415848" s="12"/>
    </row>
    <row r="415849" spans="8:8">
      <c r="H415849" s="12"/>
    </row>
    <row r="415850" spans="8:8">
      <c r="H415850" s="12"/>
    </row>
    <row r="415851" spans="8:8">
      <c r="H415851" s="12"/>
    </row>
    <row r="415852" spans="8:8">
      <c r="H415852" s="12"/>
    </row>
    <row r="415853" spans="8:8">
      <c r="H415853" s="12"/>
    </row>
    <row r="415854" spans="8:8">
      <c r="H415854" s="12"/>
    </row>
    <row r="415855" spans="8:8">
      <c r="H415855" s="12"/>
    </row>
    <row r="415856" spans="8:8">
      <c r="H415856" s="12"/>
    </row>
    <row r="415857" spans="8:8">
      <c r="H415857" s="12"/>
    </row>
    <row r="415858" spans="8:8">
      <c r="H415858" s="12"/>
    </row>
    <row r="415859" spans="8:8">
      <c r="H415859" s="12"/>
    </row>
    <row r="415860" spans="8:8">
      <c r="H415860" s="12"/>
    </row>
    <row r="415861" spans="8:8">
      <c r="H415861" s="12"/>
    </row>
    <row r="415862" spans="8:8">
      <c r="H415862" s="12"/>
    </row>
    <row r="415863" spans="8:8">
      <c r="H415863" s="12"/>
    </row>
    <row r="415864" spans="8:8">
      <c r="H415864" s="12"/>
    </row>
    <row r="415865" spans="8:8">
      <c r="H415865" s="12"/>
    </row>
    <row r="415866" spans="8:8">
      <c r="H415866" s="12"/>
    </row>
    <row r="415867" spans="8:8">
      <c r="H415867" s="12"/>
    </row>
    <row r="415868" spans="8:8">
      <c r="H415868" s="12"/>
    </row>
    <row r="415869" spans="8:8">
      <c r="H415869" s="12"/>
    </row>
    <row r="415870" spans="8:8">
      <c r="H415870" s="12"/>
    </row>
    <row r="415871" spans="8:8">
      <c r="H415871" s="12"/>
    </row>
    <row r="415872" spans="8:8">
      <c r="H415872" s="12"/>
    </row>
    <row r="415873" spans="8:8">
      <c r="H415873" s="12"/>
    </row>
    <row r="415874" spans="8:8">
      <c r="H415874" s="12"/>
    </row>
    <row r="415875" spans="8:8">
      <c r="H415875" s="12"/>
    </row>
    <row r="415876" spans="8:8">
      <c r="H415876" s="12"/>
    </row>
    <row r="415877" spans="8:8">
      <c r="H415877" s="12"/>
    </row>
    <row r="415878" spans="8:8">
      <c r="H415878" s="12"/>
    </row>
    <row r="415879" spans="8:8">
      <c r="H415879" s="12"/>
    </row>
    <row r="415880" spans="8:8">
      <c r="H415880" s="12"/>
    </row>
    <row r="415881" spans="8:8">
      <c r="H415881" s="12"/>
    </row>
    <row r="415882" spans="8:8">
      <c r="H415882" s="12"/>
    </row>
    <row r="415883" spans="8:8">
      <c r="H415883" s="12"/>
    </row>
    <row r="415884" spans="8:8">
      <c r="H415884" s="12"/>
    </row>
    <row r="415885" spans="8:8">
      <c r="H415885" s="12"/>
    </row>
    <row r="415886" spans="8:8">
      <c r="H415886" s="12"/>
    </row>
    <row r="415887" spans="8:8">
      <c r="H415887" s="12"/>
    </row>
    <row r="415888" spans="8:8">
      <c r="H415888" s="12"/>
    </row>
    <row r="415889" spans="8:8">
      <c r="H415889" s="12"/>
    </row>
    <row r="415890" spans="8:8">
      <c r="H415890" s="12"/>
    </row>
    <row r="415891" spans="8:8">
      <c r="H415891" s="12"/>
    </row>
    <row r="415892" spans="8:8">
      <c r="H415892" s="12"/>
    </row>
    <row r="415893" spans="8:8">
      <c r="H415893" s="12"/>
    </row>
    <row r="415894" spans="8:8">
      <c r="H415894" s="12"/>
    </row>
    <row r="415895" spans="8:8">
      <c r="H415895" s="12"/>
    </row>
    <row r="415896" spans="8:8">
      <c r="H415896" s="12"/>
    </row>
    <row r="415897" spans="8:8">
      <c r="H415897" s="12"/>
    </row>
    <row r="415898" spans="8:8">
      <c r="H415898" s="12"/>
    </row>
    <row r="415899" spans="8:8">
      <c r="H415899" s="12"/>
    </row>
    <row r="415900" spans="8:8">
      <c r="H415900" s="12"/>
    </row>
    <row r="415901" spans="8:8">
      <c r="H415901" s="12"/>
    </row>
    <row r="415902" spans="8:8">
      <c r="H415902" s="12"/>
    </row>
    <row r="415903" spans="8:8">
      <c r="H415903" s="12"/>
    </row>
    <row r="415904" spans="8:8">
      <c r="H415904" s="12"/>
    </row>
    <row r="415905" spans="8:8">
      <c r="H415905" s="12"/>
    </row>
    <row r="415906" spans="8:8">
      <c r="H415906" s="12"/>
    </row>
    <row r="415907" spans="8:8">
      <c r="H415907" s="12"/>
    </row>
    <row r="415908" spans="8:8">
      <c r="H415908" s="12"/>
    </row>
    <row r="415909" spans="8:8">
      <c r="H415909" s="12"/>
    </row>
    <row r="415910" spans="8:8">
      <c r="H415910" s="12"/>
    </row>
    <row r="415911" spans="8:8">
      <c r="H415911" s="12"/>
    </row>
    <row r="415912" spans="8:8">
      <c r="H415912" s="12"/>
    </row>
    <row r="415913" spans="8:8">
      <c r="H415913" s="12"/>
    </row>
    <row r="415914" spans="8:8">
      <c r="H415914" s="12"/>
    </row>
    <row r="415915" spans="8:8">
      <c r="H415915" s="12"/>
    </row>
    <row r="415916" spans="8:8">
      <c r="H415916" s="12"/>
    </row>
    <row r="415917" spans="8:8">
      <c r="H415917" s="12"/>
    </row>
    <row r="415918" spans="8:8">
      <c r="H415918" s="12"/>
    </row>
    <row r="415919" spans="8:8">
      <c r="H415919" s="12"/>
    </row>
    <row r="415920" spans="8:8">
      <c r="H415920" s="12"/>
    </row>
    <row r="415921" spans="8:8">
      <c r="H415921" s="12"/>
    </row>
    <row r="415922" spans="8:8">
      <c r="H415922" s="12"/>
    </row>
    <row r="415923" spans="8:8">
      <c r="H415923" s="12"/>
    </row>
    <row r="415924" spans="8:8">
      <c r="H415924" s="12"/>
    </row>
    <row r="415925" spans="8:8">
      <c r="H415925" s="12"/>
    </row>
    <row r="415926" spans="8:8">
      <c r="H415926" s="12"/>
    </row>
    <row r="415927" spans="8:8">
      <c r="H415927" s="12"/>
    </row>
    <row r="415928" spans="8:8">
      <c r="H415928" s="12"/>
    </row>
    <row r="415929" spans="8:8">
      <c r="H415929" s="12"/>
    </row>
    <row r="415930" spans="8:8">
      <c r="H415930" s="12"/>
    </row>
    <row r="415931" spans="8:8">
      <c r="H415931" s="12"/>
    </row>
    <row r="415932" spans="8:8">
      <c r="H415932" s="12"/>
    </row>
    <row r="415933" spans="8:8">
      <c r="H415933" s="12"/>
    </row>
    <row r="415934" spans="8:8">
      <c r="H415934" s="12"/>
    </row>
    <row r="415935" spans="8:8">
      <c r="H415935" s="12"/>
    </row>
    <row r="415936" spans="8:8">
      <c r="H415936" s="12"/>
    </row>
    <row r="415937" spans="8:8">
      <c r="H415937" s="12"/>
    </row>
    <row r="415938" spans="8:8">
      <c r="H415938" s="12"/>
    </row>
    <row r="415939" spans="8:8">
      <c r="H415939" s="12"/>
    </row>
    <row r="415940" spans="8:8">
      <c r="H415940" s="12"/>
    </row>
    <row r="415941" spans="8:8">
      <c r="H415941" s="12"/>
    </row>
    <row r="415942" spans="8:8">
      <c r="H415942" s="12"/>
    </row>
    <row r="415943" spans="8:8">
      <c r="H415943" s="12"/>
    </row>
    <row r="415944" spans="8:8">
      <c r="H415944" s="12"/>
    </row>
    <row r="415945" spans="8:8">
      <c r="H415945" s="12"/>
    </row>
    <row r="415946" spans="8:8">
      <c r="H415946" s="12"/>
    </row>
    <row r="415947" spans="8:8">
      <c r="H415947" s="12"/>
    </row>
    <row r="415948" spans="8:8">
      <c r="H415948" s="12"/>
    </row>
    <row r="415949" spans="8:8">
      <c r="H415949" s="12"/>
    </row>
    <row r="415950" spans="8:8">
      <c r="H415950" s="12"/>
    </row>
    <row r="415951" spans="8:8">
      <c r="H415951" s="12"/>
    </row>
    <row r="415952" spans="8:8">
      <c r="H415952" s="12"/>
    </row>
    <row r="415953" spans="8:8">
      <c r="H415953" s="12"/>
    </row>
    <row r="415954" spans="8:8">
      <c r="H415954" s="12"/>
    </row>
    <row r="415955" spans="8:8">
      <c r="H415955" s="12"/>
    </row>
    <row r="415956" spans="8:8">
      <c r="H415956" s="12"/>
    </row>
    <row r="415957" spans="8:8">
      <c r="H415957" s="12"/>
    </row>
    <row r="415958" spans="8:8">
      <c r="H415958" s="12"/>
    </row>
    <row r="415959" spans="8:8">
      <c r="H415959" s="12"/>
    </row>
    <row r="415960" spans="8:8">
      <c r="H415960" s="12"/>
    </row>
    <row r="415961" spans="8:8">
      <c r="H415961" s="12"/>
    </row>
    <row r="415962" spans="8:8">
      <c r="H415962" s="12"/>
    </row>
    <row r="415963" spans="8:8">
      <c r="H415963" s="12"/>
    </row>
    <row r="415964" spans="8:8">
      <c r="H415964" s="12"/>
    </row>
    <row r="415965" spans="8:8">
      <c r="H415965" s="12"/>
    </row>
    <row r="415966" spans="8:8">
      <c r="H415966" s="12"/>
    </row>
    <row r="415967" spans="8:8">
      <c r="H415967" s="12"/>
    </row>
    <row r="415968" spans="8:8">
      <c r="H415968" s="12"/>
    </row>
    <row r="415969" spans="8:8">
      <c r="H415969" s="12"/>
    </row>
    <row r="415970" spans="8:8">
      <c r="H415970" s="12"/>
    </row>
    <row r="415971" spans="8:8">
      <c r="H415971" s="12"/>
    </row>
    <row r="415972" spans="8:8">
      <c r="H415972" s="12"/>
    </row>
    <row r="415973" spans="8:8">
      <c r="H415973" s="12"/>
    </row>
    <row r="415974" spans="8:8">
      <c r="H415974" s="12"/>
    </row>
    <row r="415975" spans="8:8">
      <c r="H415975" s="12"/>
    </row>
    <row r="415976" spans="8:8">
      <c r="H415976" s="12"/>
    </row>
    <row r="415977" spans="8:8">
      <c r="H415977" s="12"/>
    </row>
    <row r="415978" spans="8:8">
      <c r="H415978" s="12"/>
    </row>
    <row r="415979" spans="8:8">
      <c r="H415979" s="12"/>
    </row>
    <row r="415980" spans="8:8">
      <c r="H415980" s="12"/>
    </row>
    <row r="415981" spans="8:8">
      <c r="H415981" s="12"/>
    </row>
    <row r="415982" spans="8:8">
      <c r="H415982" s="12"/>
    </row>
    <row r="415983" spans="8:8">
      <c r="H415983" s="12"/>
    </row>
    <row r="415984" spans="8:8">
      <c r="H415984" s="12"/>
    </row>
    <row r="415985" spans="8:8">
      <c r="H415985" s="12"/>
    </row>
    <row r="415986" spans="8:8">
      <c r="H415986" s="12"/>
    </row>
    <row r="415987" spans="8:8">
      <c r="H415987" s="12"/>
    </row>
    <row r="415988" spans="8:8">
      <c r="H415988" s="12"/>
    </row>
    <row r="415989" spans="8:8">
      <c r="H415989" s="12"/>
    </row>
    <row r="415990" spans="8:8">
      <c r="H415990" s="12"/>
    </row>
    <row r="415991" spans="8:8">
      <c r="H415991" s="12"/>
    </row>
    <row r="415992" spans="8:8">
      <c r="H415992" s="12"/>
    </row>
    <row r="415993" spans="8:8">
      <c r="H415993" s="12"/>
    </row>
    <row r="415994" spans="8:8">
      <c r="H415994" s="12"/>
    </row>
    <row r="415995" spans="8:8">
      <c r="H415995" s="12"/>
    </row>
    <row r="415996" spans="8:8">
      <c r="H415996" s="12"/>
    </row>
    <row r="415997" spans="8:8">
      <c r="H415997" s="12"/>
    </row>
    <row r="415998" spans="8:8">
      <c r="H415998" s="12"/>
    </row>
    <row r="415999" spans="8:8">
      <c r="H415999" s="12"/>
    </row>
    <row r="416000" spans="8:8">
      <c r="H416000" s="12"/>
    </row>
    <row r="416001" spans="8:8">
      <c r="H416001" s="12"/>
    </row>
    <row r="416002" spans="8:8">
      <c r="H416002" s="12"/>
    </row>
    <row r="416003" spans="8:8">
      <c r="H416003" s="12"/>
    </row>
    <row r="416004" spans="8:8">
      <c r="H416004" s="12"/>
    </row>
    <row r="416005" spans="8:8">
      <c r="H416005" s="12"/>
    </row>
    <row r="416006" spans="8:8">
      <c r="H416006" s="12"/>
    </row>
    <row r="416007" spans="8:8">
      <c r="H416007" s="12"/>
    </row>
    <row r="416008" spans="8:8">
      <c r="H416008" s="12"/>
    </row>
    <row r="416009" spans="8:8">
      <c r="H416009" s="12"/>
    </row>
    <row r="416010" spans="8:8">
      <c r="H416010" s="12"/>
    </row>
    <row r="416011" spans="8:8">
      <c r="H416011" s="12"/>
    </row>
    <row r="416012" spans="8:8">
      <c r="H416012" s="12"/>
    </row>
    <row r="416013" spans="8:8">
      <c r="H416013" s="12"/>
    </row>
    <row r="416014" spans="8:8">
      <c r="H416014" s="12"/>
    </row>
    <row r="416015" spans="8:8">
      <c r="H416015" s="12"/>
    </row>
    <row r="416016" spans="8:8">
      <c r="H416016" s="12"/>
    </row>
    <row r="416017" spans="8:8">
      <c r="H416017" s="12"/>
    </row>
    <row r="416018" spans="8:8">
      <c r="H416018" s="12"/>
    </row>
    <row r="416019" spans="8:8">
      <c r="H416019" s="12"/>
    </row>
    <row r="416020" spans="8:8">
      <c r="H416020" s="12"/>
    </row>
    <row r="416021" spans="8:8">
      <c r="H416021" s="12"/>
    </row>
    <row r="416022" spans="8:8">
      <c r="H416022" s="12"/>
    </row>
    <row r="416023" spans="8:8">
      <c r="H416023" s="12"/>
    </row>
    <row r="416024" spans="8:8">
      <c r="H416024" s="12"/>
    </row>
    <row r="416025" spans="8:8">
      <c r="H416025" s="12"/>
    </row>
    <row r="416026" spans="8:8">
      <c r="H416026" s="12"/>
    </row>
    <row r="416027" spans="8:8">
      <c r="H416027" s="12"/>
    </row>
    <row r="416028" spans="8:8">
      <c r="H416028" s="12"/>
    </row>
    <row r="416029" spans="8:8">
      <c r="H416029" s="12"/>
    </row>
    <row r="416030" spans="8:8">
      <c r="H416030" s="12"/>
    </row>
    <row r="416031" spans="8:8">
      <c r="H416031" s="12"/>
    </row>
    <row r="416032" spans="8:8">
      <c r="H416032" s="12"/>
    </row>
    <row r="416033" spans="8:8">
      <c r="H416033" s="12"/>
    </row>
    <row r="416034" spans="8:8">
      <c r="H416034" s="12"/>
    </row>
    <row r="416035" spans="8:8">
      <c r="H416035" s="12"/>
    </row>
    <row r="416036" spans="8:8">
      <c r="H416036" s="12"/>
    </row>
    <row r="416037" spans="8:8">
      <c r="H416037" s="12"/>
    </row>
    <row r="416038" spans="8:8">
      <c r="H416038" s="12"/>
    </row>
    <row r="416039" spans="8:8">
      <c r="H416039" s="12"/>
    </row>
    <row r="416040" spans="8:8">
      <c r="H416040" s="12"/>
    </row>
    <row r="416041" spans="8:8">
      <c r="H416041" s="12"/>
    </row>
    <row r="416042" spans="8:8">
      <c r="H416042" s="12"/>
    </row>
    <row r="416043" spans="8:8">
      <c r="H416043" s="12"/>
    </row>
    <row r="416044" spans="8:8">
      <c r="H416044" s="12"/>
    </row>
    <row r="416045" spans="8:8">
      <c r="H416045" s="12"/>
    </row>
    <row r="416046" spans="8:8">
      <c r="H416046" s="12"/>
    </row>
    <row r="416047" spans="8:8">
      <c r="H416047" s="12"/>
    </row>
    <row r="416048" spans="8:8">
      <c r="H416048" s="12"/>
    </row>
    <row r="416049" spans="8:8">
      <c r="H416049" s="12"/>
    </row>
    <row r="416050" spans="8:8">
      <c r="H416050" s="12"/>
    </row>
    <row r="416051" spans="8:8">
      <c r="H416051" s="12"/>
    </row>
    <row r="416052" spans="8:8">
      <c r="H416052" s="12"/>
    </row>
    <row r="416053" spans="8:8">
      <c r="H416053" s="12"/>
    </row>
    <row r="416054" spans="8:8">
      <c r="H416054" s="12"/>
    </row>
    <row r="416055" spans="8:8">
      <c r="H416055" s="12"/>
    </row>
    <row r="416056" spans="8:8">
      <c r="H416056" s="12"/>
    </row>
    <row r="416057" spans="8:8">
      <c r="H416057" s="12"/>
    </row>
    <row r="416058" spans="8:8">
      <c r="H416058" s="12"/>
    </row>
    <row r="416059" spans="8:8">
      <c r="H416059" s="12"/>
    </row>
    <row r="416060" spans="8:8">
      <c r="H416060" s="12"/>
    </row>
    <row r="416061" spans="8:8">
      <c r="H416061" s="12"/>
    </row>
    <row r="416062" spans="8:8">
      <c r="H416062" s="12"/>
    </row>
    <row r="416063" spans="8:8">
      <c r="H416063" s="12"/>
    </row>
    <row r="416064" spans="8:8">
      <c r="H416064" s="12"/>
    </row>
    <row r="416065" spans="8:8">
      <c r="H416065" s="12"/>
    </row>
    <row r="416066" spans="8:8">
      <c r="H416066" s="12"/>
    </row>
    <row r="416067" spans="8:8">
      <c r="H416067" s="12"/>
    </row>
    <row r="416068" spans="8:8">
      <c r="H416068" s="12"/>
    </row>
    <row r="416069" spans="8:8">
      <c r="H416069" s="12"/>
    </row>
    <row r="416070" spans="8:8">
      <c r="H416070" s="12"/>
    </row>
    <row r="416071" spans="8:8">
      <c r="H416071" s="12"/>
    </row>
    <row r="416072" spans="8:8">
      <c r="H416072" s="12"/>
    </row>
    <row r="416073" spans="8:8">
      <c r="H416073" s="12"/>
    </row>
    <row r="416074" spans="8:8">
      <c r="H416074" s="12"/>
    </row>
    <row r="416075" spans="8:8">
      <c r="H416075" s="12"/>
    </row>
    <row r="416076" spans="8:8">
      <c r="H416076" s="12"/>
    </row>
    <row r="416077" spans="8:8">
      <c r="H416077" s="12"/>
    </row>
    <row r="416078" spans="8:8">
      <c r="H416078" s="12"/>
    </row>
    <row r="416079" spans="8:8">
      <c r="H416079" s="12"/>
    </row>
    <row r="416080" spans="8:8">
      <c r="H416080" s="12"/>
    </row>
    <row r="416081" spans="8:8">
      <c r="H416081" s="12"/>
    </row>
    <row r="416082" spans="8:8">
      <c r="H416082" s="12"/>
    </row>
    <row r="416083" spans="8:8">
      <c r="H416083" s="12"/>
    </row>
    <row r="416084" spans="8:8">
      <c r="H416084" s="12"/>
    </row>
    <row r="416085" spans="8:8">
      <c r="H416085" s="12"/>
    </row>
    <row r="416086" spans="8:8">
      <c r="H416086" s="12"/>
    </row>
    <row r="416087" spans="8:8">
      <c r="H416087" s="12"/>
    </row>
    <row r="416088" spans="8:8">
      <c r="H416088" s="12"/>
    </row>
    <row r="416089" spans="8:8">
      <c r="H416089" s="12"/>
    </row>
    <row r="416090" spans="8:8">
      <c r="H416090" s="12"/>
    </row>
    <row r="416091" spans="8:8">
      <c r="H416091" s="12"/>
    </row>
    <row r="416092" spans="8:8">
      <c r="H416092" s="12"/>
    </row>
    <row r="416093" spans="8:8">
      <c r="H416093" s="12"/>
    </row>
    <row r="416094" spans="8:8">
      <c r="H416094" s="12"/>
    </row>
    <row r="416095" spans="8:8">
      <c r="H416095" s="12"/>
    </row>
    <row r="416096" spans="8:8">
      <c r="H416096" s="12"/>
    </row>
    <row r="416097" spans="8:8">
      <c r="H416097" s="12"/>
    </row>
    <row r="416098" spans="8:8">
      <c r="H416098" s="12"/>
    </row>
    <row r="416099" spans="8:8">
      <c r="H416099" s="12"/>
    </row>
    <row r="416100" spans="8:8">
      <c r="H416100" s="12"/>
    </row>
    <row r="416101" spans="8:8">
      <c r="H416101" s="12"/>
    </row>
    <row r="416102" spans="8:8">
      <c r="H416102" s="12"/>
    </row>
    <row r="416103" spans="8:8">
      <c r="H416103" s="12"/>
    </row>
    <row r="416104" spans="8:8">
      <c r="H416104" s="12"/>
    </row>
    <row r="416105" spans="8:8">
      <c r="H416105" s="12"/>
    </row>
    <row r="416106" spans="8:8">
      <c r="H416106" s="12"/>
    </row>
    <row r="416107" spans="8:8">
      <c r="H416107" s="12"/>
    </row>
    <row r="416108" spans="8:8">
      <c r="H416108" s="12"/>
    </row>
    <row r="416109" spans="8:8">
      <c r="H416109" s="12"/>
    </row>
    <row r="416110" spans="8:8">
      <c r="H416110" s="12"/>
    </row>
    <row r="416111" spans="8:8">
      <c r="H416111" s="12"/>
    </row>
    <row r="416112" spans="8:8">
      <c r="H416112" s="12"/>
    </row>
    <row r="416113" spans="8:8">
      <c r="H416113" s="12"/>
    </row>
    <row r="416114" spans="8:8">
      <c r="H416114" s="12"/>
    </row>
    <row r="416115" spans="8:8">
      <c r="H416115" s="12"/>
    </row>
    <row r="416116" spans="8:8">
      <c r="H416116" s="12"/>
    </row>
    <row r="416117" spans="8:8">
      <c r="H416117" s="12"/>
    </row>
    <row r="416118" spans="8:8">
      <c r="H416118" s="12"/>
    </row>
    <row r="416119" spans="8:8">
      <c r="H416119" s="12"/>
    </row>
    <row r="416120" spans="8:8">
      <c r="H416120" s="12"/>
    </row>
    <row r="416121" spans="8:8">
      <c r="H416121" s="12"/>
    </row>
    <row r="416122" spans="8:8">
      <c r="H416122" s="12"/>
    </row>
    <row r="416123" spans="8:8">
      <c r="H416123" s="12"/>
    </row>
    <row r="416124" spans="8:8">
      <c r="H416124" s="12"/>
    </row>
    <row r="416125" spans="8:8">
      <c r="H416125" s="12"/>
    </row>
    <row r="416126" spans="8:8">
      <c r="H416126" s="12"/>
    </row>
    <row r="416127" spans="8:8">
      <c r="H416127" s="12"/>
    </row>
    <row r="416128" spans="8:8">
      <c r="H416128" s="12"/>
    </row>
    <row r="416129" spans="8:8">
      <c r="H416129" s="12"/>
    </row>
    <row r="416130" spans="8:8">
      <c r="H416130" s="12"/>
    </row>
    <row r="416131" spans="8:8">
      <c r="H416131" s="12"/>
    </row>
    <row r="416132" spans="8:8">
      <c r="H416132" s="12"/>
    </row>
    <row r="416133" spans="8:8">
      <c r="H416133" s="12"/>
    </row>
    <row r="416134" spans="8:8">
      <c r="H416134" s="12"/>
    </row>
    <row r="416135" spans="8:8">
      <c r="H416135" s="12"/>
    </row>
    <row r="416136" spans="8:8">
      <c r="H416136" s="12"/>
    </row>
    <row r="416137" spans="8:8">
      <c r="H416137" s="12"/>
    </row>
    <row r="416138" spans="8:8">
      <c r="H416138" s="12"/>
    </row>
    <row r="416139" spans="8:8">
      <c r="H416139" s="12"/>
    </row>
    <row r="416140" spans="8:8">
      <c r="H416140" s="12"/>
    </row>
    <row r="416141" spans="8:8">
      <c r="H416141" s="12"/>
    </row>
    <row r="416142" spans="8:8">
      <c r="H416142" s="12"/>
    </row>
    <row r="416143" spans="8:8">
      <c r="H416143" s="12"/>
    </row>
    <row r="416144" spans="8:8">
      <c r="H416144" s="12"/>
    </row>
    <row r="416145" spans="8:8">
      <c r="H416145" s="12"/>
    </row>
    <row r="416146" spans="8:8">
      <c r="H416146" s="12"/>
    </row>
    <row r="416147" spans="8:8">
      <c r="H416147" s="12"/>
    </row>
    <row r="416148" spans="8:8">
      <c r="H416148" s="12"/>
    </row>
    <row r="416149" spans="8:8">
      <c r="H416149" s="12"/>
    </row>
    <row r="416150" spans="8:8">
      <c r="H416150" s="12"/>
    </row>
    <row r="416151" spans="8:8">
      <c r="H416151" s="12"/>
    </row>
    <row r="416152" spans="8:8">
      <c r="H416152" s="12"/>
    </row>
    <row r="416153" spans="8:8">
      <c r="H416153" s="12"/>
    </row>
    <row r="416154" spans="8:8">
      <c r="H416154" s="12"/>
    </row>
    <row r="416155" spans="8:8">
      <c r="H416155" s="12"/>
    </row>
    <row r="416156" spans="8:8">
      <c r="H416156" s="12"/>
    </row>
    <row r="416157" spans="8:8">
      <c r="H416157" s="12"/>
    </row>
    <row r="416158" spans="8:8">
      <c r="H416158" s="12"/>
    </row>
    <row r="416159" spans="8:8">
      <c r="H416159" s="12"/>
    </row>
    <row r="416160" spans="8:8">
      <c r="H416160" s="12"/>
    </row>
    <row r="416161" spans="8:8">
      <c r="H416161" s="12"/>
    </row>
    <row r="416162" spans="8:8">
      <c r="H416162" s="12"/>
    </row>
    <row r="416163" spans="8:8">
      <c r="H416163" s="12"/>
    </row>
    <row r="416164" spans="8:8">
      <c r="H416164" s="12"/>
    </row>
    <row r="416165" spans="8:8">
      <c r="H416165" s="12"/>
    </row>
    <row r="416166" spans="8:8">
      <c r="H416166" s="12"/>
    </row>
    <row r="416167" spans="8:8">
      <c r="H416167" s="12"/>
    </row>
    <row r="416168" spans="8:8">
      <c r="H416168" s="12"/>
    </row>
    <row r="416169" spans="8:8">
      <c r="H416169" s="12"/>
    </row>
    <row r="416170" spans="8:8">
      <c r="H416170" s="12"/>
    </row>
    <row r="416171" spans="8:8">
      <c r="H416171" s="12"/>
    </row>
    <row r="416172" spans="8:8">
      <c r="H416172" s="12"/>
    </row>
    <row r="416173" spans="8:8">
      <c r="H416173" s="12"/>
    </row>
    <row r="416174" spans="8:8">
      <c r="H416174" s="12"/>
    </row>
    <row r="416175" spans="8:8">
      <c r="H416175" s="12"/>
    </row>
    <row r="416176" spans="8:8">
      <c r="H416176" s="12"/>
    </row>
    <row r="416177" spans="8:8">
      <c r="H416177" s="12"/>
    </row>
    <row r="416178" spans="8:8">
      <c r="H416178" s="12"/>
    </row>
    <row r="416179" spans="8:8">
      <c r="H416179" s="12"/>
    </row>
    <row r="416180" spans="8:8">
      <c r="H416180" s="12"/>
    </row>
    <row r="416181" spans="8:8">
      <c r="H416181" s="12"/>
    </row>
    <row r="416182" spans="8:8">
      <c r="H416182" s="12"/>
    </row>
    <row r="416183" spans="8:8">
      <c r="H416183" s="12"/>
    </row>
    <row r="416184" spans="8:8">
      <c r="H416184" s="12"/>
    </row>
    <row r="416185" spans="8:8">
      <c r="H416185" s="12"/>
    </row>
    <row r="416186" spans="8:8">
      <c r="H416186" s="12"/>
    </row>
    <row r="416187" spans="8:8">
      <c r="H416187" s="12"/>
    </row>
    <row r="416188" spans="8:8">
      <c r="H416188" s="12"/>
    </row>
    <row r="416189" spans="8:8">
      <c r="H416189" s="12"/>
    </row>
    <row r="416190" spans="8:8">
      <c r="H416190" s="12"/>
    </row>
    <row r="416191" spans="8:8">
      <c r="H416191" s="12"/>
    </row>
    <row r="416192" spans="8:8">
      <c r="H416192" s="12"/>
    </row>
    <row r="416193" spans="8:8">
      <c r="H416193" s="12"/>
    </row>
    <row r="416194" spans="8:8">
      <c r="H416194" s="12"/>
    </row>
    <row r="416195" spans="8:8">
      <c r="H416195" s="12"/>
    </row>
    <row r="416196" spans="8:8">
      <c r="H416196" s="12"/>
    </row>
    <row r="416197" spans="8:8">
      <c r="H416197" s="12"/>
    </row>
    <row r="416198" spans="8:8">
      <c r="H416198" s="12"/>
    </row>
    <row r="416199" spans="8:8">
      <c r="H416199" s="12"/>
    </row>
    <row r="416200" spans="8:8">
      <c r="H416200" s="12"/>
    </row>
    <row r="416201" spans="8:8">
      <c r="H416201" s="12"/>
    </row>
    <row r="416202" spans="8:8">
      <c r="H416202" s="12"/>
    </row>
    <row r="416203" spans="8:8">
      <c r="H416203" s="12"/>
    </row>
    <row r="416204" spans="8:8">
      <c r="H416204" s="12"/>
    </row>
    <row r="416205" spans="8:8">
      <c r="H416205" s="12"/>
    </row>
    <row r="416206" spans="8:8">
      <c r="H416206" s="12"/>
    </row>
    <row r="416207" spans="8:8">
      <c r="H416207" s="12"/>
    </row>
    <row r="416208" spans="8:8">
      <c r="H416208" s="12"/>
    </row>
    <row r="416209" spans="8:8">
      <c r="H416209" s="12"/>
    </row>
    <row r="416210" spans="8:8">
      <c r="H416210" s="12"/>
    </row>
    <row r="416211" spans="8:8">
      <c r="H416211" s="12"/>
    </row>
    <row r="416212" spans="8:8">
      <c r="H416212" s="12"/>
    </row>
    <row r="416213" spans="8:8">
      <c r="H416213" s="12"/>
    </row>
    <row r="416214" spans="8:8">
      <c r="H416214" s="12"/>
    </row>
    <row r="416215" spans="8:8">
      <c r="H416215" s="12"/>
    </row>
    <row r="416216" spans="8:8">
      <c r="H416216" s="12"/>
    </row>
    <row r="416217" spans="8:8">
      <c r="H416217" s="12"/>
    </row>
    <row r="416218" spans="8:8">
      <c r="H416218" s="12"/>
    </row>
    <row r="416219" spans="8:8">
      <c r="H416219" s="12"/>
    </row>
    <row r="416220" spans="8:8">
      <c r="H416220" s="12"/>
    </row>
    <row r="416221" spans="8:8">
      <c r="H416221" s="12"/>
    </row>
    <row r="416222" spans="8:8">
      <c r="H416222" s="12"/>
    </row>
    <row r="416223" spans="8:8">
      <c r="H416223" s="12"/>
    </row>
    <row r="416224" spans="8:8">
      <c r="H416224" s="12"/>
    </row>
    <row r="416225" spans="8:8">
      <c r="H416225" s="12"/>
    </row>
    <row r="416226" spans="8:8">
      <c r="H416226" s="12"/>
    </row>
    <row r="416227" spans="8:8">
      <c r="H416227" s="12"/>
    </row>
    <row r="416228" spans="8:8">
      <c r="H416228" s="12"/>
    </row>
    <row r="416229" spans="8:8">
      <c r="H416229" s="12"/>
    </row>
    <row r="416230" spans="8:8">
      <c r="H416230" s="12"/>
    </row>
    <row r="416231" spans="8:8">
      <c r="H416231" s="12"/>
    </row>
    <row r="416232" spans="8:8">
      <c r="H416232" s="12"/>
    </row>
    <row r="416233" spans="8:8">
      <c r="H416233" s="12"/>
    </row>
    <row r="416234" spans="8:8">
      <c r="H416234" s="12"/>
    </row>
    <row r="416235" spans="8:8">
      <c r="H416235" s="12"/>
    </row>
    <row r="416236" spans="8:8">
      <c r="H416236" s="12"/>
    </row>
    <row r="416237" spans="8:8">
      <c r="H416237" s="12"/>
    </row>
    <row r="416238" spans="8:8">
      <c r="H416238" s="12"/>
    </row>
    <row r="416239" spans="8:8">
      <c r="H416239" s="12"/>
    </row>
    <row r="416240" spans="8:8">
      <c r="H416240" s="12"/>
    </row>
    <row r="416241" spans="8:8">
      <c r="H416241" s="12"/>
    </row>
    <row r="416242" spans="8:8">
      <c r="H416242" s="12"/>
    </row>
    <row r="416243" spans="8:8">
      <c r="H416243" s="12"/>
    </row>
    <row r="416244" spans="8:8">
      <c r="H416244" s="12"/>
    </row>
    <row r="416245" spans="8:8">
      <c r="H416245" s="12"/>
    </row>
    <row r="416246" spans="8:8">
      <c r="H416246" s="12"/>
    </row>
    <row r="416247" spans="8:8">
      <c r="H416247" s="12"/>
    </row>
    <row r="416248" spans="8:8">
      <c r="H416248" s="12"/>
    </row>
    <row r="416249" spans="8:8">
      <c r="H416249" s="12"/>
    </row>
    <row r="416250" spans="8:8">
      <c r="H416250" s="12"/>
    </row>
    <row r="416251" spans="8:8">
      <c r="H416251" s="12"/>
    </row>
    <row r="416252" spans="8:8">
      <c r="H416252" s="12"/>
    </row>
    <row r="416253" spans="8:8">
      <c r="H416253" s="12"/>
    </row>
    <row r="416254" spans="8:8">
      <c r="H416254" s="12"/>
    </row>
    <row r="416255" spans="8:8">
      <c r="H416255" s="12"/>
    </row>
    <row r="416256" spans="8:8">
      <c r="H416256" s="12"/>
    </row>
    <row r="416257" spans="8:8">
      <c r="H416257" s="12"/>
    </row>
    <row r="416258" spans="8:8">
      <c r="H416258" s="12"/>
    </row>
    <row r="416259" spans="8:8">
      <c r="H416259" s="12"/>
    </row>
    <row r="416260" spans="8:8">
      <c r="H416260" s="12"/>
    </row>
    <row r="416261" spans="8:8">
      <c r="H416261" s="12"/>
    </row>
    <row r="416262" spans="8:8">
      <c r="H416262" s="12"/>
    </row>
    <row r="416263" spans="8:8">
      <c r="H416263" s="12"/>
    </row>
    <row r="416264" spans="8:8">
      <c r="H416264" s="12"/>
    </row>
    <row r="416265" spans="8:8">
      <c r="H416265" s="12"/>
    </row>
    <row r="416266" spans="8:8">
      <c r="H416266" s="12"/>
    </row>
    <row r="416267" spans="8:8">
      <c r="H416267" s="12"/>
    </row>
    <row r="416268" spans="8:8">
      <c r="H416268" s="12"/>
    </row>
    <row r="416269" spans="8:8">
      <c r="H416269" s="12"/>
    </row>
    <row r="416270" spans="8:8">
      <c r="H416270" s="12"/>
    </row>
    <row r="416271" spans="8:8">
      <c r="H416271" s="12"/>
    </row>
    <row r="416272" spans="8:8">
      <c r="H416272" s="12"/>
    </row>
    <row r="416273" spans="8:8">
      <c r="H416273" s="12"/>
    </row>
    <row r="416274" spans="8:8">
      <c r="H416274" s="12"/>
    </row>
    <row r="416275" spans="8:8">
      <c r="H416275" s="12"/>
    </row>
    <row r="416276" spans="8:8">
      <c r="H416276" s="12"/>
    </row>
    <row r="416277" spans="8:8">
      <c r="H416277" s="12"/>
    </row>
    <row r="416278" spans="8:8">
      <c r="H416278" s="12"/>
    </row>
    <row r="416279" spans="8:8">
      <c r="H416279" s="12"/>
    </row>
    <row r="416280" spans="8:8">
      <c r="H416280" s="12"/>
    </row>
    <row r="416281" spans="8:8">
      <c r="H416281" s="12"/>
    </row>
    <row r="416282" spans="8:8">
      <c r="H416282" s="12"/>
    </row>
    <row r="416283" spans="8:8">
      <c r="H416283" s="12"/>
    </row>
    <row r="416284" spans="8:8">
      <c r="H416284" s="12"/>
    </row>
    <row r="416285" spans="8:8">
      <c r="H416285" s="12"/>
    </row>
    <row r="416286" spans="8:8">
      <c r="H416286" s="12"/>
    </row>
    <row r="416287" spans="8:8">
      <c r="H416287" s="12"/>
    </row>
    <row r="416288" spans="8:8">
      <c r="H416288" s="12"/>
    </row>
    <row r="416289" spans="8:8">
      <c r="H416289" s="12"/>
    </row>
    <row r="416290" spans="8:8">
      <c r="H416290" s="12"/>
    </row>
    <row r="416291" spans="8:8">
      <c r="H416291" s="12"/>
    </row>
    <row r="416292" spans="8:8">
      <c r="H416292" s="12"/>
    </row>
    <row r="416293" spans="8:8">
      <c r="H416293" s="12"/>
    </row>
    <row r="416294" spans="8:8">
      <c r="H416294" s="12"/>
    </row>
    <row r="416295" spans="8:8">
      <c r="H416295" s="12"/>
    </row>
    <row r="416296" spans="8:8">
      <c r="H416296" s="12"/>
    </row>
    <row r="416297" spans="8:8">
      <c r="H416297" s="12"/>
    </row>
    <row r="416298" spans="8:8">
      <c r="H416298" s="12"/>
    </row>
    <row r="416299" spans="8:8">
      <c r="H416299" s="12"/>
    </row>
    <row r="416300" spans="8:8">
      <c r="H416300" s="12"/>
    </row>
    <row r="416301" spans="8:8">
      <c r="H416301" s="12"/>
    </row>
    <row r="416302" spans="8:8">
      <c r="H416302" s="12"/>
    </row>
    <row r="416303" spans="8:8">
      <c r="H416303" s="12"/>
    </row>
    <row r="416304" spans="8:8">
      <c r="H416304" s="12"/>
    </row>
    <row r="416305" spans="8:8">
      <c r="H416305" s="12"/>
    </row>
    <row r="416306" spans="8:8">
      <c r="H416306" s="12"/>
    </row>
    <row r="416307" spans="8:8">
      <c r="H416307" s="12"/>
    </row>
    <row r="416308" spans="8:8">
      <c r="H416308" s="12"/>
    </row>
    <row r="416309" spans="8:8">
      <c r="H416309" s="12"/>
    </row>
    <row r="416310" spans="8:8">
      <c r="H416310" s="12"/>
    </row>
    <row r="416311" spans="8:8">
      <c r="H416311" s="12"/>
    </row>
    <row r="416312" spans="8:8">
      <c r="H416312" s="12"/>
    </row>
    <row r="416313" spans="8:8">
      <c r="H416313" s="12"/>
    </row>
    <row r="416314" spans="8:8">
      <c r="H416314" s="12"/>
    </row>
    <row r="416315" spans="8:8">
      <c r="H416315" s="12"/>
    </row>
    <row r="416316" spans="8:8">
      <c r="H416316" s="12"/>
    </row>
    <row r="416317" spans="8:8">
      <c r="H416317" s="12"/>
    </row>
    <row r="416318" spans="8:8">
      <c r="H416318" s="12"/>
    </row>
    <row r="416319" spans="8:8">
      <c r="H416319" s="12"/>
    </row>
    <row r="416320" spans="8:8">
      <c r="H416320" s="12"/>
    </row>
    <row r="416321" spans="8:8">
      <c r="H416321" s="12"/>
    </row>
    <row r="416322" spans="8:8">
      <c r="H416322" s="12"/>
    </row>
    <row r="416323" spans="8:8">
      <c r="H416323" s="12"/>
    </row>
    <row r="416324" spans="8:8">
      <c r="H416324" s="12"/>
    </row>
    <row r="416325" spans="8:8">
      <c r="H416325" s="12"/>
    </row>
    <row r="416326" spans="8:8">
      <c r="H416326" s="12"/>
    </row>
    <row r="416327" spans="8:8">
      <c r="H416327" s="12"/>
    </row>
    <row r="416328" spans="8:8">
      <c r="H416328" s="12"/>
    </row>
    <row r="416329" spans="8:8">
      <c r="H416329" s="12"/>
    </row>
    <row r="416330" spans="8:8">
      <c r="H416330" s="12"/>
    </row>
    <row r="416331" spans="8:8">
      <c r="H416331" s="12"/>
    </row>
    <row r="416332" spans="8:8">
      <c r="H416332" s="12"/>
    </row>
    <row r="416333" spans="8:8">
      <c r="H416333" s="12"/>
    </row>
    <row r="416334" spans="8:8">
      <c r="H416334" s="12"/>
    </row>
    <row r="416335" spans="8:8">
      <c r="H416335" s="12"/>
    </row>
    <row r="416336" spans="8:8">
      <c r="H416336" s="12"/>
    </row>
    <row r="416337" spans="8:8">
      <c r="H416337" s="12"/>
    </row>
    <row r="416338" spans="8:8">
      <c r="H416338" s="12"/>
    </row>
    <row r="416339" spans="8:8">
      <c r="H416339" s="12"/>
    </row>
    <row r="416340" spans="8:8">
      <c r="H416340" s="12"/>
    </row>
    <row r="416341" spans="8:8">
      <c r="H416341" s="12"/>
    </row>
    <row r="416342" spans="8:8">
      <c r="H416342" s="12"/>
    </row>
    <row r="416343" spans="8:8">
      <c r="H416343" s="12"/>
    </row>
    <row r="416344" spans="8:8">
      <c r="H416344" s="12"/>
    </row>
    <row r="416345" spans="8:8">
      <c r="H416345" s="12"/>
    </row>
    <row r="416346" spans="8:8">
      <c r="H416346" s="12"/>
    </row>
    <row r="416347" spans="8:8">
      <c r="H416347" s="12"/>
    </row>
    <row r="416348" spans="8:8">
      <c r="H416348" s="12"/>
    </row>
    <row r="416349" spans="8:8">
      <c r="H416349" s="12"/>
    </row>
    <row r="416350" spans="8:8">
      <c r="H416350" s="12"/>
    </row>
    <row r="416351" spans="8:8">
      <c r="H416351" s="12"/>
    </row>
    <row r="416352" spans="8:8">
      <c r="H416352" s="12"/>
    </row>
    <row r="416353" spans="8:8">
      <c r="H416353" s="12"/>
    </row>
    <row r="416354" spans="8:8">
      <c r="H416354" s="12"/>
    </row>
    <row r="416355" spans="8:8">
      <c r="H416355" s="12"/>
    </row>
    <row r="416356" spans="8:8">
      <c r="H416356" s="12"/>
    </row>
    <row r="416357" spans="8:8">
      <c r="H416357" s="12"/>
    </row>
    <row r="416358" spans="8:8">
      <c r="H416358" s="12"/>
    </row>
    <row r="416359" spans="8:8">
      <c r="H416359" s="12"/>
    </row>
    <row r="416360" spans="8:8">
      <c r="H416360" s="12"/>
    </row>
    <row r="416361" spans="8:8">
      <c r="H416361" s="12"/>
    </row>
    <row r="416362" spans="8:8">
      <c r="H416362" s="12"/>
    </row>
    <row r="416363" spans="8:8">
      <c r="H416363" s="12"/>
    </row>
    <row r="416364" spans="8:8">
      <c r="H416364" s="12"/>
    </row>
    <row r="416365" spans="8:8">
      <c r="H416365" s="12"/>
    </row>
    <row r="416366" spans="8:8">
      <c r="H416366" s="12"/>
    </row>
    <row r="416367" spans="8:8">
      <c r="H416367" s="12"/>
    </row>
    <row r="416368" spans="8:8">
      <c r="H416368" s="12"/>
    </row>
    <row r="416369" spans="8:8">
      <c r="H416369" s="12"/>
    </row>
    <row r="416370" spans="8:8">
      <c r="H416370" s="12"/>
    </row>
    <row r="416371" spans="8:8">
      <c r="H416371" s="12"/>
    </row>
    <row r="416372" spans="8:8">
      <c r="H416372" s="12"/>
    </row>
    <row r="416373" spans="8:8">
      <c r="H416373" s="12"/>
    </row>
    <row r="416374" spans="8:8">
      <c r="H416374" s="12"/>
    </row>
    <row r="416375" spans="8:8">
      <c r="H416375" s="12"/>
    </row>
    <row r="416376" spans="8:8">
      <c r="H416376" s="12"/>
    </row>
    <row r="416377" spans="8:8">
      <c r="H416377" s="12"/>
    </row>
    <row r="416378" spans="8:8">
      <c r="H416378" s="12"/>
    </row>
    <row r="416379" spans="8:8">
      <c r="H416379" s="12"/>
    </row>
    <row r="416380" spans="8:8">
      <c r="H416380" s="12"/>
    </row>
    <row r="416381" spans="8:8">
      <c r="H416381" s="12"/>
    </row>
    <row r="416382" spans="8:8">
      <c r="H416382" s="12"/>
    </row>
    <row r="416383" spans="8:8">
      <c r="H416383" s="12"/>
    </row>
    <row r="416384" spans="8:8">
      <c r="H416384" s="12"/>
    </row>
    <row r="416385" spans="8:8">
      <c r="H416385" s="12"/>
    </row>
    <row r="416386" spans="8:8">
      <c r="H416386" s="12"/>
    </row>
    <row r="416387" spans="8:8">
      <c r="H416387" s="12"/>
    </row>
    <row r="416388" spans="8:8">
      <c r="H416388" s="12"/>
    </row>
    <row r="416389" spans="8:8">
      <c r="H416389" s="12"/>
    </row>
    <row r="416390" spans="8:8">
      <c r="H416390" s="12"/>
    </row>
    <row r="416391" spans="8:8">
      <c r="H416391" s="12"/>
    </row>
    <row r="416392" spans="8:8">
      <c r="H416392" s="12"/>
    </row>
    <row r="416393" spans="8:8">
      <c r="H416393" s="12"/>
    </row>
    <row r="416394" spans="8:8">
      <c r="H416394" s="12"/>
    </row>
    <row r="416395" spans="8:8">
      <c r="H416395" s="12"/>
    </row>
    <row r="416396" spans="8:8">
      <c r="H416396" s="12"/>
    </row>
    <row r="416397" spans="8:8">
      <c r="H416397" s="12"/>
    </row>
    <row r="416398" spans="8:8">
      <c r="H416398" s="12"/>
    </row>
    <row r="416399" spans="8:8">
      <c r="H416399" s="12"/>
    </row>
    <row r="416400" spans="8:8">
      <c r="H416400" s="12"/>
    </row>
    <row r="416401" spans="8:8">
      <c r="H416401" s="12"/>
    </row>
    <row r="416402" spans="8:8">
      <c r="H416402" s="12"/>
    </row>
    <row r="416403" spans="8:8">
      <c r="H416403" s="12"/>
    </row>
    <row r="416404" spans="8:8">
      <c r="H416404" s="12"/>
    </row>
    <row r="416405" spans="8:8">
      <c r="H416405" s="12"/>
    </row>
    <row r="416406" spans="8:8">
      <c r="H416406" s="12"/>
    </row>
    <row r="416407" spans="8:8">
      <c r="H416407" s="12"/>
    </row>
    <row r="416408" spans="8:8">
      <c r="H416408" s="12"/>
    </row>
    <row r="416409" spans="8:8">
      <c r="H416409" s="12"/>
    </row>
    <row r="416410" spans="8:8">
      <c r="H416410" s="12"/>
    </row>
    <row r="416411" spans="8:8">
      <c r="H416411" s="12"/>
    </row>
    <row r="416412" spans="8:8">
      <c r="H416412" s="12"/>
    </row>
    <row r="416413" spans="8:8">
      <c r="H416413" s="12"/>
    </row>
    <row r="416414" spans="8:8">
      <c r="H416414" s="12"/>
    </row>
    <row r="416415" spans="8:8">
      <c r="H416415" s="12"/>
    </row>
    <row r="416416" spans="8:8">
      <c r="H416416" s="12"/>
    </row>
    <row r="416417" spans="8:8">
      <c r="H416417" s="12"/>
    </row>
    <row r="416418" spans="8:8">
      <c r="H416418" s="12"/>
    </row>
    <row r="416419" spans="8:8">
      <c r="H416419" s="12"/>
    </row>
    <row r="416420" spans="8:8">
      <c r="H416420" s="12"/>
    </row>
    <row r="416421" spans="8:8">
      <c r="H416421" s="12"/>
    </row>
    <row r="416422" spans="8:8">
      <c r="H416422" s="12"/>
    </row>
    <row r="416423" spans="8:8">
      <c r="H416423" s="12"/>
    </row>
    <row r="416424" spans="8:8">
      <c r="H416424" s="12"/>
    </row>
    <row r="416425" spans="8:8">
      <c r="H416425" s="12"/>
    </row>
    <row r="416426" spans="8:8">
      <c r="H416426" s="12"/>
    </row>
    <row r="416427" spans="8:8">
      <c r="H416427" s="12"/>
    </row>
    <row r="416428" spans="8:8">
      <c r="H416428" s="12"/>
    </row>
    <row r="416429" spans="8:8">
      <c r="H416429" s="12"/>
    </row>
    <row r="416430" spans="8:8">
      <c r="H416430" s="12"/>
    </row>
    <row r="416431" spans="8:8">
      <c r="H416431" s="12"/>
    </row>
    <row r="416432" spans="8:8">
      <c r="H416432" s="12"/>
    </row>
    <row r="416433" spans="8:8">
      <c r="H416433" s="12"/>
    </row>
    <row r="416434" spans="8:8">
      <c r="H416434" s="12"/>
    </row>
    <row r="416435" spans="8:8">
      <c r="H416435" s="12"/>
    </row>
    <row r="416436" spans="8:8">
      <c r="H416436" s="12"/>
    </row>
    <row r="416437" spans="8:8">
      <c r="H416437" s="12"/>
    </row>
    <row r="416438" spans="8:8">
      <c r="H416438" s="12"/>
    </row>
    <row r="416439" spans="8:8">
      <c r="H416439" s="12"/>
    </row>
    <row r="416440" spans="8:8">
      <c r="H416440" s="12"/>
    </row>
    <row r="416441" spans="8:8">
      <c r="H416441" s="12"/>
    </row>
    <row r="416442" spans="8:8">
      <c r="H416442" s="12"/>
    </row>
    <row r="416443" spans="8:8">
      <c r="H416443" s="12"/>
    </row>
    <row r="416444" spans="8:8">
      <c r="H416444" s="12"/>
    </row>
    <row r="416445" spans="8:8">
      <c r="H416445" s="12"/>
    </row>
    <row r="416446" spans="8:8">
      <c r="H416446" s="12"/>
    </row>
    <row r="416447" spans="8:8">
      <c r="H416447" s="12"/>
    </row>
    <row r="416448" spans="8:8">
      <c r="H416448" s="12"/>
    </row>
    <row r="416449" spans="8:8">
      <c r="H416449" s="12"/>
    </row>
    <row r="416450" spans="8:8">
      <c r="H416450" s="12"/>
    </row>
    <row r="416451" spans="8:8">
      <c r="H416451" s="12"/>
    </row>
    <row r="416452" spans="8:8">
      <c r="H416452" s="12"/>
    </row>
    <row r="416453" spans="8:8">
      <c r="H416453" s="12"/>
    </row>
    <row r="416454" spans="8:8">
      <c r="H416454" s="12"/>
    </row>
    <row r="416455" spans="8:8">
      <c r="H416455" s="12"/>
    </row>
    <row r="416456" spans="8:8">
      <c r="H416456" s="12"/>
    </row>
    <row r="416457" spans="8:8">
      <c r="H416457" s="12"/>
    </row>
    <row r="416458" spans="8:8">
      <c r="H416458" s="12"/>
    </row>
    <row r="416459" spans="8:8">
      <c r="H416459" s="12"/>
    </row>
    <row r="416460" spans="8:8">
      <c r="H416460" s="12"/>
    </row>
    <row r="416461" spans="8:8">
      <c r="H416461" s="12"/>
    </row>
    <row r="416462" spans="8:8">
      <c r="H416462" s="12"/>
    </row>
    <row r="416463" spans="8:8">
      <c r="H416463" s="12"/>
    </row>
    <row r="416464" spans="8:8">
      <c r="H416464" s="12"/>
    </row>
    <row r="416465" spans="8:8">
      <c r="H416465" s="12"/>
    </row>
    <row r="416466" spans="8:8">
      <c r="H416466" s="12"/>
    </row>
    <row r="416467" spans="8:8">
      <c r="H416467" s="12"/>
    </row>
    <row r="416468" spans="8:8">
      <c r="H416468" s="12"/>
    </row>
    <row r="416469" spans="8:8">
      <c r="H416469" s="12"/>
    </row>
    <row r="416470" spans="8:8">
      <c r="H416470" s="12"/>
    </row>
    <row r="416471" spans="8:8">
      <c r="H416471" s="12"/>
    </row>
    <row r="416472" spans="8:8">
      <c r="H416472" s="12"/>
    </row>
    <row r="416473" spans="8:8">
      <c r="H416473" s="12"/>
    </row>
    <row r="416474" spans="8:8">
      <c r="H416474" s="12"/>
    </row>
    <row r="416475" spans="8:8">
      <c r="H416475" s="12"/>
    </row>
    <row r="416476" spans="8:8">
      <c r="H416476" s="12"/>
    </row>
    <row r="416477" spans="8:8">
      <c r="H416477" s="12"/>
    </row>
    <row r="416478" spans="8:8">
      <c r="H416478" s="12"/>
    </row>
    <row r="416479" spans="8:8">
      <c r="H416479" s="12"/>
    </row>
    <row r="416480" spans="8:8">
      <c r="H416480" s="12"/>
    </row>
    <row r="416481" spans="8:8">
      <c r="H416481" s="12"/>
    </row>
    <row r="416482" spans="8:8">
      <c r="H416482" s="12"/>
    </row>
    <row r="416483" spans="8:8">
      <c r="H416483" s="12"/>
    </row>
    <row r="416484" spans="8:8">
      <c r="H416484" s="12"/>
    </row>
    <row r="416485" spans="8:8">
      <c r="H416485" s="12"/>
    </row>
    <row r="416486" spans="8:8">
      <c r="H416486" s="12"/>
    </row>
    <row r="416487" spans="8:8">
      <c r="H416487" s="12"/>
    </row>
    <row r="416488" spans="8:8">
      <c r="H416488" s="12"/>
    </row>
    <row r="416489" spans="8:8">
      <c r="H416489" s="12"/>
    </row>
    <row r="416490" spans="8:8">
      <c r="H416490" s="12"/>
    </row>
    <row r="416491" spans="8:8">
      <c r="H416491" s="12"/>
    </row>
    <row r="416492" spans="8:8">
      <c r="H416492" s="12"/>
    </row>
    <row r="416493" spans="8:8">
      <c r="H416493" s="12"/>
    </row>
    <row r="416494" spans="8:8">
      <c r="H416494" s="12"/>
    </row>
    <row r="416495" spans="8:8">
      <c r="H416495" s="12"/>
    </row>
    <row r="416496" spans="8:8">
      <c r="H416496" s="12"/>
    </row>
    <row r="416497" spans="8:8">
      <c r="H416497" s="12"/>
    </row>
    <row r="416498" spans="8:8">
      <c r="H416498" s="12"/>
    </row>
    <row r="416499" spans="8:8">
      <c r="H416499" s="12"/>
    </row>
    <row r="416500" spans="8:8">
      <c r="H416500" s="12"/>
    </row>
    <row r="416501" spans="8:8">
      <c r="H416501" s="12"/>
    </row>
    <row r="416502" spans="8:8">
      <c r="H416502" s="12"/>
    </row>
    <row r="416503" spans="8:8">
      <c r="H416503" s="12"/>
    </row>
    <row r="416504" spans="8:8">
      <c r="H416504" s="12"/>
    </row>
    <row r="416505" spans="8:8">
      <c r="H416505" s="12"/>
    </row>
    <row r="416506" spans="8:8">
      <c r="H416506" s="12"/>
    </row>
    <row r="416507" spans="8:8">
      <c r="H416507" s="12"/>
    </row>
    <row r="416508" spans="8:8">
      <c r="H416508" s="12"/>
    </row>
    <row r="416509" spans="8:8">
      <c r="H416509" s="12"/>
    </row>
    <row r="416510" spans="8:8">
      <c r="H416510" s="12"/>
    </row>
    <row r="416511" spans="8:8">
      <c r="H416511" s="12"/>
    </row>
    <row r="416512" spans="8:8">
      <c r="H416512" s="12"/>
    </row>
    <row r="416513" spans="8:8">
      <c r="H416513" s="12"/>
    </row>
    <row r="416514" spans="8:8">
      <c r="H416514" s="12"/>
    </row>
    <row r="416515" spans="8:8">
      <c r="H416515" s="12"/>
    </row>
    <row r="416516" spans="8:8">
      <c r="H416516" s="12"/>
    </row>
    <row r="416517" spans="8:8">
      <c r="H416517" s="12"/>
    </row>
    <row r="416518" spans="8:8">
      <c r="H416518" s="12"/>
    </row>
    <row r="416519" spans="8:8">
      <c r="H416519" s="12"/>
    </row>
    <row r="416520" spans="8:8">
      <c r="H416520" s="12"/>
    </row>
    <row r="416521" spans="8:8">
      <c r="H416521" s="12"/>
    </row>
    <row r="416522" spans="8:8">
      <c r="H416522" s="12"/>
    </row>
    <row r="416523" spans="8:8">
      <c r="H416523" s="12"/>
    </row>
    <row r="416524" spans="8:8">
      <c r="H416524" s="12"/>
    </row>
    <row r="416525" spans="8:8">
      <c r="H416525" s="12"/>
    </row>
    <row r="416526" spans="8:8">
      <c r="H416526" s="12"/>
    </row>
    <row r="416527" spans="8:8">
      <c r="H416527" s="12"/>
    </row>
    <row r="416528" spans="8:8">
      <c r="H416528" s="12"/>
    </row>
    <row r="416529" spans="8:8">
      <c r="H416529" s="12"/>
    </row>
    <row r="416530" spans="8:8">
      <c r="H416530" s="12"/>
    </row>
    <row r="416531" spans="8:8">
      <c r="H416531" s="12"/>
    </row>
    <row r="416532" spans="8:8">
      <c r="H416532" s="12"/>
    </row>
    <row r="416533" spans="8:8">
      <c r="H416533" s="12"/>
    </row>
    <row r="416534" spans="8:8">
      <c r="H416534" s="12"/>
    </row>
    <row r="416535" spans="8:8">
      <c r="H416535" s="12"/>
    </row>
    <row r="416536" spans="8:8">
      <c r="H416536" s="12"/>
    </row>
    <row r="416537" spans="8:8">
      <c r="H416537" s="12"/>
    </row>
    <row r="416538" spans="8:8">
      <c r="H416538" s="12"/>
    </row>
    <row r="416539" spans="8:8">
      <c r="H416539" s="12"/>
    </row>
    <row r="416540" spans="8:8">
      <c r="H416540" s="12"/>
    </row>
    <row r="416541" spans="8:8">
      <c r="H416541" s="12"/>
    </row>
    <row r="416542" spans="8:8">
      <c r="H416542" s="12"/>
    </row>
    <row r="416543" spans="8:8">
      <c r="H416543" s="12"/>
    </row>
    <row r="416544" spans="8:8">
      <c r="H416544" s="12"/>
    </row>
    <row r="416545" spans="8:8">
      <c r="H416545" s="12"/>
    </row>
    <row r="416546" spans="8:8">
      <c r="H416546" s="12"/>
    </row>
    <row r="416547" spans="8:8">
      <c r="H416547" s="12"/>
    </row>
    <row r="416548" spans="8:8">
      <c r="H416548" s="12"/>
    </row>
    <row r="416549" spans="8:8">
      <c r="H416549" s="12"/>
    </row>
    <row r="416550" spans="8:8">
      <c r="H416550" s="12"/>
    </row>
    <row r="416551" spans="8:8">
      <c r="H416551" s="12"/>
    </row>
    <row r="416552" spans="8:8">
      <c r="H416552" s="12"/>
    </row>
    <row r="416553" spans="8:8">
      <c r="H416553" s="12"/>
    </row>
    <row r="416554" spans="8:8">
      <c r="H416554" s="12"/>
    </row>
    <row r="416555" spans="8:8">
      <c r="H416555" s="12"/>
    </row>
    <row r="416556" spans="8:8">
      <c r="H416556" s="12"/>
    </row>
    <row r="416557" spans="8:8">
      <c r="H416557" s="12"/>
    </row>
    <row r="416558" spans="8:8">
      <c r="H416558" s="12"/>
    </row>
    <row r="416559" spans="8:8">
      <c r="H416559" s="12"/>
    </row>
    <row r="416560" spans="8:8">
      <c r="H416560" s="12"/>
    </row>
    <row r="416561" spans="8:8">
      <c r="H416561" s="12"/>
    </row>
    <row r="416562" spans="8:8">
      <c r="H416562" s="12"/>
    </row>
    <row r="416563" spans="8:8">
      <c r="H416563" s="12"/>
    </row>
    <row r="416564" spans="8:8">
      <c r="H416564" s="12"/>
    </row>
    <row r="416565" spans="8:8">
      <c r="H416565" s="12"/>
    </row>
    <row r="416566" spans="8:8">
      <c r="H416566" s="12"/>
    </row>
    <row r="416567" spans="8:8">
      <c r="H416567" s="12"/>
    </row>
    <row r="416568" spans="8:8">
      <c r="H416568" s="12"/>
    </row>
    <row r="416569" spans="8:8">
      <c r="H416569" s="12"/>
    </row>
    <row r="416570" spans="8:8">
      <c r="H416570" s="12"/>
    </row>
    <row r="416571" spans="8:8">
      <c r="H416571" s="12"/>
    </row>
    <row r="416572" spans="8:8">
      <c r="H416572" s="12"/>
    </row>
    <row r="416573" spans="8:8">
      <c r="H416573" s="12"/>
    </row>
    <row r="416574" spans="8:8">
      <c r="H416574" s="12"/>
    </row>
    <row r="416575" spans="8:8">
      <c r="H416575" s="12"/>
    </row>
    <row r="416576" spans="8:8">
      <c r="H416576" s="12"/>
    </row>
    <row r="416577" spans="8:8">
      <c r="H416577" s="12"/>
    </row>
    <row r="416578" spans="8:8">
      <c r="H416578" s="12"/>
    </row>
    <row r="416579" spans="8:8">
      <c r="H416579" s="12"/>
    </row>
    <row r="416580" spans="8:8">
      <c r="H416580" s="12"/>
    </row>
    <row r="416581" spans="8:8">
      <c r="H416581" s="12"/>
    </row>
    <row r="416582" spans="8:8">
      <c r="H416582" s="12"/>
    </row>
    <row r="416583" spans="8:8">
      <c r="H416583" s="12"/>
    </row>
    <row r="416584" spans="8:8">
      <c r="H416584" s="12"/>
    </row>
    <row r="416585" spans="8:8">
      <c r="H416585" s="12"/>
    </row>
    <row r="416586" spans="8:8">
      <c r="H416586" s="12"/>
    </row>
    <row r="416587" spans="8:8">
      <c r="H416587" s="12"/>
    </row>
    <row r="416588" spans="8:8">
      <c r="H416588" s="12"/>
    </row>
    <row r="416589" spans="8:8">
      <c r="H416589" s="12"/>
    </row>
    <row r="416590" spans="8:8">
      <c r="H416590" s="12"/>
    </row>
    <row r="416591" spans="8:8">
      <c r="H416591" s="12"/>
    </row>
    <row r="416592" spans="8:8">
      <c r="H416592" s="12"/>
    </row>
    <row r="416593" spans="8:8">
      <c r="H416593" s="12"/>
    </row>
    <row r="416594" spans="8:8">
      <c r="H416594" s="12"/>
    </row>
    <row r="416595" spans="8:8">
      <c r="H416595" s="12"/>
    </row>
    <row r="416596" spans="8:8">
      <c r="H416596" s="12"/>
    </row>
    <row r="416597" spans="8:8">
      <c r="H416597" s="12"/>
    </row>
    <row r="416598" spans="8:8">
      <c r="H416598" s="12"/>
    </row>
    <row r="416599" spans="8:8">
      <c r="H416599" s="12"/>
    </row>
    <row r="416600" spans="8:8">
      <c r="H416600" s="12"/>
    </row>
    <row r="416601" spans="8:8">
      <c r="H416601" s="12"/>
    </row>
    <row r="416602" spans="8:8">
      <c r="H416602" s="12"/>
    </row>
    <row r="416603" spans="8:8">
      <c r="H416603" s="12"/>
    </row>
    <row r="416604" spans="8:8">
      <c r="H416604" s="12"/>
    </row>
    <row r="416605" spans="8:8">
      <c r="H416605" s="12"/>
    </row>
    <row r="416606" spans="8:8">
      <c r="H416606" s="12"/>
    </row>
    <row r="416607" spans="8:8">
      <c r="H416607" s="12"/>
    </row>
    <row r="416608" spans="8:8">
      <c r="H416608" s="12"/>
    </row>
    <row r="416609" spans="8:8">
      <c r="H416609" s="12"/>
    </row>
    <row r="416610" spans="8:8">
      <c r="H416610" s="12"/>
    </row>
    <row r="416611" spans="8:8">
      <c r="H416611" s="12"/>
    </row>
    <row r="416612" spans="8:8">
      <c r="H416612" s="12"/>
    </row>
    <row r="416613" spans="8:8">
      <c r="H416613" s="12"/>
    </row>
    <row r="416614" spans="8:8">
      <c r="H416614" s="12"/>
    </row>
    <row r="416615" spans="8:8">
      <c r="H416615" s="12"/>
    </row>
    <row r="416616" spans="8:8">
      <c r="H416616" s="12"/>
    </row>
    <row r="416617" spans="8:8">
      <c r="H416617" s="12"/>
    </row>
    <row r="416618" spans="8:8">
      <c r="H416618" s="12"/>
    </row>
    <row r="416619" spans="8:8">
      <c r="H416619" s="12"/>
    </row>
    <row r="416620" spans="8:8">
      <c r="H416620" s="12"/>
    </row>
    <row r="416621" spans="8:8">
      <c r="H416621" s="12"/>
    </row>
    <row r="416622" spans="8:8">
      <c r="H416622" s="12"/>
    </row>
    <row r="416623" spans="8:8">
      <c r="H416623" s="12"/>
    </row>
    <row r="416624" spans="8:8">
      <c r="H416624" s="12"/>
    </row>
    <row r="416625" spans="8:8">
      <c r="H416625" s="12"/>
    </row>
    <row r="416626" spans="8:8">
      <c r="H416626" s="12"/>
    </row>
    <row r="416627" spans="8:8">
      <c r="H416627" s="12"/>
    </row>
    <row r="416628" spans="8:8">
      <c r="H416628" s="12"/>
    </row>
    <row r="416629" spans="8:8">
      <c r="H416629" s="12"/>
    </row>
    <row r="416630" spans="8:8">
      <c r="H416630" s="12"/>
    </row>
    <row r="416631" spans="8:8">
      <c r="H416631" s="12"/>
    </row>
    <row r="416632" spans="8:8">
      <c r="H416632" s="12"/>
    </row>
    <row r="416633" spans="8:8">
      <c r="H416633" s="12"/>
    </row>
    <row r="416634" spans="8:8">
      <c r="H416634" s="12"/>
    </row>
    <row r="416635" spans="8:8">
      <c r="H416635" s="12"/>
    </row>
    <row r="416636" spans="8:8">
      <c r="H416636" s="12"/>
    </row>
    <row r="416637" spans="8:8">
      <c r="H416637" s="12"/>
    </row>
    <row r="416638" spans="8:8">
      <c r="H416638" s="12"/>
    </row>
    <row r="416639" spans="8:8">
      <c r="H416639" s="12"/>
    </row>
    <row r="416640" spans="8:8">
      <c r="H416640" s="12"/>
    </row>
    <row r="416641" spans="8:8">
      <c r="H416641" s="12"/>
    </row>
    <row r="416642" spans="8:8">
      <c r="H416642" s="12"/>
    </row>
    <row r="416643" spans="8:8">
      <c r="H416643" s="12"/>
    </row>
    <row r="416644" spans="8:8">
      <c r="H416644" s="12"/>
    </row>
    <row r="416645" spans="8:8">
      <c r="H416645" s="12"/>
    </row>
    <row r="416646" spans="8:8">
      <c r="H416646" s="12"/>
    </row>
    <row r="416647" spans="8:8">
      <c r="H416647" s="12"/>
    </row>
    <row r="416648" spans="8:8">
      <c r="H416648" s="12"/>
    </row>
    <row r="416649" spans="8:8">
      <c r="H416649" s="12"/>
    </row>
    <row r="416650" spans="8:8">
      <c r="H416650" s="12"/>
    </row>
    <row r="416651" spans="8:8">
      <c r="H416651" s="12"/>
    </row>
    <row r="416652" spans="8:8">
      <c r="H416652" s="12"/>
    </row>
    <row r="416653" spans="8:8">
      <c r="H416653" s="12"/>
    </row>
    <row r="416654" spans="8:8">
      <c r="H416654" s="12"/>
    </row>
    <row r="416655" spans="8:8">
      <c r="H416655" s="12"/>
    </row>
    <row r="416656" spans="8:8">
      <c r="H416656" s="12"/>
    </row>
    <row r="416657" spans="8:8">
      <c r="H416657" s="12"/>
    </row>
    <row r="416658" spans="8:8">
      <c r="H416658" s="12"/>
    </row>
    <row r="416659" spans="8:8">
      <c r="H416659" s="12"/>
    </row>
    <row r="416660" spans="8:8">
      <c r="H416660" s="12"/>
    </row>
    <row r="416661" spans="8:8">
      <c r="H416661" s="12"/>
    </row>
    <row r="416662" spans="8:8">
      <c r="H416662" s="12"/>
    </row>
    <row r="416663" spans="8:8">
      <c r="H416663" s="12"/>
    </row>
    <row r="416664" spans="8:8">
      <c r="H416664" s="12"/>
    </row>
    <row r="416665" spans="8:8">
      <c r="H416665" s="12"/>
    </row>
    <row r="416666" spans="8:8">
      <c r="H416666" s="12"/>
    </row>
    <row r="416667" spans="8:8">
      <c r="H416667" s="12"/>
    </row>
    <row r="416668" spans="8:8">
      <c r="H416668" s="12"/>
    </row>
    <row r="416669" spans="8:8">
      <c r="H416669" s="12"/>
    </row>
    <row r="416670" spans="8:8">
      <c r="H416670" s="12"/>
    </row>
    <row r="416671" spans="8:8">
      <c r="H416671" s="12"/>
    </row>
    <row r="416672" spans="8:8">
      <c r="H416672" s="12"/>
    </row>
    <row r="416673" spans="8:8">
      <c r="H416673" s="12"/>
    </row>
    <row r="416674" spans="8:8">
      <c r="H416674" s="12"/>
    </row>
    <row r="416675" spans="8:8">
      <c r="H416675" s="12"/>
    </row>
    <row r="416676" spans="8:8">
      <c r="H416676" s="12"/>
    </row>
    <row r="416677" spans="8:8">
      <c r="H416677" s="12"/>
    </row>
    <row r="416678" spans="8:8">
      <c r="H416678" s="12"/>
    </row>
    <row r="416679" spans="8:8">
      <c r="H416679" s="12"/>
    </row>
    <row r="416680" spans="8:8">
      <c r="H416680" s="12"/>
    </row>
    <row r="416681" spans="8:8">
      <c r="H416681" s="12"/>
    </row>
    <row r="416682" spans="8:8">
      <c r="H416682" s="12"/>
    </row>
    <row r="416683" spans="8:8">
      <c r="H416683" s="12"/>
    </row>
    <row r="416684" spans="8:8">
      <c r="H416684" s="12"/>
    </row>
    <row r="416685" spans="8:8">
      <c r="H416685" s="12"/>
    </row>
    <row r="416686" spans="8:8">
      <c r="H416686" s="12"/>
    </row>
    <row r="416687" spans="8:8">
      <c r="H416687" s="12"/>
    </row>
    <row r="416688" spans="8:8">
      <c r="H416688" s="12"/>
    </row>
    <row r="416689" spans="8:8">
      <c r="H416689" s="12"/>
    </row>
    <row r="416690" spans="8:8">
      <c r="H416690" s="12"/>
    </row>
    <row r="416691" spans="8:8">
      <c r="H416691" s="12"/>
    </row>
    <row r="416692" spans="8:8">
      <c r="H416692" s="12"/>
    </row>
    <row r="416693" spans="8:8">
      <c r="H416693" s="12"/>
    </row>
    <row r="416694" spans="8:8">
      <c r="H416694" s="12"/>
    </row>
    <row r="416695" spans="8:8">
      <c r="H416695" s="12"/>
    </row>
    <row r="416696" spans="8:8">
      <c r="H416696" s="12"/>
    </row>
    <row r="416697" spans="8:8">
      <c r="H416697" s="12"/>
    </row>
    <row r="416698" spans="8:8">
      <c r="H416698" s="12"/>
    </row>
    <row r="416699" spans="8:8">
      <c r="H416699" s="12"/>
    </row>
    <row r="416700" spans="8:8">
      <c r="H416700" s="12"/>
    </row>
    <row r="416701" spans="8:8">
      <c r="H416701" s="12"/>
    </row>
    <row r="416702" spans="8:8">
      <c r="H416702" s="12"/>
    </row>
    <row r="416703" spans="8:8">
      <c r="H416703" s="12"/>
    </row>
    <row r="416704" spans="8:8">
      <c r="H416704" s="12"/>
    </row>
    <row r="416705" spans="8:8">
      <c r="H416705" s="12"/>
    </row>
    <row r="416706" spans="8:8">
      <c r="H416706" s="12"/>
    </row>
    <row r="416707" spans="8:8">
      <c r="H416707" s="12"/>
    </row>
    <row r="416708" spans="8:8">
      <c r="H416708" s="12"/>
    </row>
    <row r="416709" spans="8:8">
      <c r="H416709" s="12"/>
    </row>
    <row r="416710" spans="8:8">
      <c r="H416710" s="12"/>
    </row>
    <row r="416711" spans="8:8">
      <c r="H416711" s="12"/>
    </row>
    <row r="416712" spans="8:8">
      <c r="H416712" s="12"/>
    </row>
    <row r="416713" spans="8:8">
      <c r="H416713" s="12"/>
    </row>
    <row r="416714" spans="8:8">
      <c r="H416714" s="12"/>
    </row>
    <row r="416715" spans="8:8">
      <c r="H416715" s="12"/>
    </row>
    <row r="416716" spans="8:8">
      <c r="H416716" s="12"/>
    </row>
    <row r="416717" spans="8:8">
      <c r="H416717" s="12"/>
    </row>
    <row r="416718" spans="8:8">
      <c r="H416718" s="12"/>
    </row>
    <row r="416719" spans="8:8">
      <c r="H416719" s="12"/>
    </row>
    <row r="416720" spans="8:8">
      <c r="H416720" s="12"/>
    </row>
    <row r="416721" spans="8:8">
      <c r="H416721" s="12"/>
    </row>
    <row r="416722" spans="8:8">
      <c r="H416722" s="12"/>
    </row>
    <row r="416723" spans="8:8">
      <c r="H416723" s="12"/>
    </row>
    <row r="416724" spans="8:8">
      <c r="H416724" s="12"/>
    </row>
    <row r="416725" spans="8:8">
      <c r="H416725" s="12"/>
    </row>
    <row r="416726" spans="8:8">
      <c r="H416726" s="12"/>
    </row>
    <row r="416727" spans="8:8">
      <c r="H416727" s="12"/>
    </row>
    <row r="416728" spans="8:8">
      <c r="H416728" s="12"/>
    </row>
    <row r="416729" spans="8:8">
      <c r="H416729" s="12"/>
    </row>
    <row r="416730" spans="8:8">
      <c r="H416730" s="12"/>
    </row>
    <row r="416731" spans="8:8">
      <c r="H416731" s="12"/>
    </row>
    <row r="416732" spans="8:8">
      <c r="H416732" s="12"/>
    </row>
    <row r="416733" spans="8:8">
      <c r="H416733" s="12"/>
    </row>
    <row r="416734" spans="8:8">
      <c r="H416734" s="12"/>
    </row>
    <row r="416735" spans="8:8">
      <c r="H416735" s="12"/>
    </row>
    <row r="416736" spans="8:8">
      <c r="H416736" s="12"/>
    </row>
    <row r="416737" spans="8:8">
      <c r="H416737" s="12"/>
    </row>
    <row r="416738" spans="8:8">
      <c r="H416738" s="12"/>
    </row>
    <row r="416739" spans="8:8">
      <c r="H416739" s="12"/>
    </row>
    <row r="416740" spans="8:8">
      <c r="H416740" s="12"/>
    </row>
    <row r="416741" spans="8:8">
      <c r="H416741" s="12"/>
    </row>
    <row r="416742" spans="8:8">
      <c r="H416742" s="12"/>
    </row>
    <row r="416743" spans="8:8">
      <c r="H416743" s="12"/>
    </row>
    <row r="416744" spans="8:8">
      <c r="H416744" s="12"/>
    </row>
    <row r="416745" spans="8:8">
      <c r="H416745" s="12"/>
    </row>
    <row r="416746" spans="8:8">
      <c r="H416746" s="12"/>
    </row>
    <row r="416747" spans="8:8">
      <c r="H416747" s="12"/>
    </row>
    <row r="416748" spans="8:8">
      <c r="H416748" s="12"/>
    </row>
    <row r="416749" spans="8:8">
      <c r="H416749" s="12"/>
    </row>
    <row r="416750" spans="8:8">
      <c r="H416750" s="12"/>
    </row>
    <row r="416751" spans="8:8">
      <c r="H416751" s="12"/>
    </row>
    <row r="416752" spans="8:8">
      <c r="H416752" s="12"/>
    </row>
    <row r="416753" spans="8:8">
      <c r="H416753" s="12"/>
    </row>
    <row r="416754" spans="8:8">
      <c r="H416754" s="12"/>
    </row>
    <row r="416755" spans="8:8">
      <c r="H416755" s="12"/>
    </row>
    <row r="416756" spans="8:8">
      <c r="H416756" s="12"/>
    </row>
    <row r="416757" spans="8:8">
      <c r="H416757" s="12"/>
    </row>
    <row r="416758" spans="8:8">
      <c r="H416758" s="12"/>
    </row>
    <row r="416759" spans="8:8">
      <c r="H416759" s="12"/>
    </row>
    <row r="416760" spans="8:8">
      <c r="H416760" s="12"/>
    </row>
    <row r="416761" spans="8:8">
      <c r="H416761" s="12"/>
    </row>
    <row r="416762" spans="8:8">
      <c r="H416762" s="12"/>
    </row>
    <row r="416763" spans="8:8">
      <c r="H416763" s="12"/>
    </row>
    <row r="416764" spans="8:8">
      <c r="H416764" s="12"/>
    </row>
    <row r="416765" spans="8:8">
      <c r="H416765" s="12"/>
    </row>
    <row r="416766" spans="8:8">
      <c r="H416766" s="12"/>
    </row>
    <row r="416767" spans="8:8">
      <c r="H416767" s="12"/>
    </row>
    <row r="416768" spans="8:8">
      <c r="H416768" s="12"/>
    </row>
    <row r="416769" spans="8:8">
      <c r="H416769" s="12"/>
    </row>
    <row r="416770" spans="8:8">
      <c r="H416770" s="12"/>
    </row>
    <row r="416771" spans="8:8">
      <c r="H416771" s="12"/>
    </row>
    <row r="416772" spans="8:8">
      <c r="H416772" s="12"/>
    </row>
    <row r="416773" spans="8:8">
      <c r="H416773" s="12"/>
    </row>
    <row r="416774" spans="8:8">
      <c r="H416774" s="12"/>
    </row>
    <row r="416775" spans="8:8">
      <c r="H416775" s="12"/>
    </row>
    <row r="416776" spans="8:8">
      <c r="H416776" s="12"/>
    </row>
    <row r="416777" spans="8:8">
      <c r="H416777" s="12"/>
    </row>
    <row r="416778" spans="8:8">
      <c r="H416778" s="12"/>
    </row>
    <row r="416779" spans="8:8">
      <c r="H416779" s="12"/>
    </row>
    <row r="416780" spans="8:8">
      <c r="H416780" s="12"/>
    </row>
    <row r="416781" spans="8:8">
      <c r="H416781" s="12"/>
    </row>
    <row r="416782" spans="8:8">
      <c r="H416782" s="12"/>
    </row>
    <row r="416783" spans="8:8">
      <c r="H416783" s="12"/>
    </row>
    <row r="416784" spans="8:8">
      <c r="H416784" s="12"/>
    </row>
    <row r="416785" spans="8:8">
      <c r="H416785" s="12"/>
    </row>
    <row r="416786" spans="8:8">
      <c r="H416786" s="12"/>
    </row>
    <row r="416787" spans="8:8">
      <c r="H416787" s="12"/>
    </row>
    <row r="416788" spans="8:8">
      <c r="H416788" s="12"/>
    </row>
    <row r="416789" spans="8:8">
      <c r="H416789" s="12"/>
    </row>
    <row r="416790" spans="8:8">
      <c r="H416790" s="12"/>
    </row>
    <row r="416791" spans="8:8">
      <c r="H416791" s="12"/>
    </row>
    <row r="416792" spans="8:8">
      <c r="H416792" s="12"/>
    </row>
    <row r="416793" spans="8:8">
      <c r="H416793" s="12"/>
    </row>
    <row r="416794" spans="8:8">
      <c r="H416794" s="12"/>
    </row>
    <row r="416795" spans="8:8">
      <c r="H416795" s="12"/>
    </row>
    <row r="416796" spans="8:8">
      <c r="H416796" s="12"/>
    </row>
    <row r="416797" spans="8:8">
      <c r="H416797" s="12"/>
    </row>
    <row r="416798" spans="8:8">
      <c r="H416798" s="12"/>
    </row>
    <row r="416799" spans="8:8">
      <c r="H416799" s="12"/>
    </row>
    <row r="416800" spans="8:8">
      <c r="H416800" s="12"/>
    </row>
    <row r="416801" spans="8:8">
      <c r="H416801" s="12"/>
    </row>
    <row r="416802" spans="8:8">
      <c r="H416802" s="12"/>
    </row>
    <row r="416803" spans="8:8">
      <c r="H416803" s="12"/>
    </row>
    <row r="416804" spans="8:8">
      <c r="H416804" s="12"/>
    </row>
    <row r="416805" spans="8:8">
      <c r="H416805" s="12"/>
    </row>
    <row r="416806" spans="8:8">
      <c r="H416806" s="12"/>
    </row>
    <row r="416807" spans="8:8">
      <c r="H416807" s="12"/>
    </row>
    <row r="416808" spans="8:8">
      <c r="H416808" s="12"/>
    </row>
    <row r="416809" spans="8:8">
      <c r="H416809" s="12"/>
    </row>
    <row r="416810" spans="8:8">
      <c r="H416810" s="12"/>
    </row>
    <row r="416811" spans="8:8">
      <c r="H416811" s="12"/>
    </row>
    <row r="416812" spans="8:8">
      <c r="H416812" s="12"/>
    </row>
    <row r="416813" spans="8:8">
      <c r="H416813" s="12"/>
    </row>
    <row r="416814" spans="8:8">
      <c r="H416814" s="12"/>
    </row>
    <row r="416815" spans="8:8">
      <c r="H416815" s="12"/>
    </row>
    <row r="416816" spans="8:8">
      <c r="H416816" s="12"/>
    </row>
    <row r="416817" spans="8:8">
      <c r="H416817" s="12"/>
    </row>
    <row r="416818" spans="8:8">
      <c r="H416818" s="12"/>
    </row>
    <row r="416819" spans="8:8">
      <c r="H416819" s="12"/>
    </row>
    <row r="416820" spans="8:8">
      <c r="H416820" s="12"/>
    </row>
    <row r="416821" spans="8:8">
      <c r="H416821" s="12"/>
    </row>
    <row r="416822" spans="8:8">
      <c r="H416822" s="12"/>
    </row>
    <row r="416823" spans="8:8">
      <c r="H416823" s="12"/>
    </row>
    <row r="416824" spans="8:8">
      <c r="H416824" s="12"/>
    </row>
    <row r="416825" spans="8:8">
      <c r="H416825" s="12"/>
    </row>
    <row r="416826" spans="8:8">
      <c r="H416826" s="12"/>
    </row>
    <row r="416827" spans="8:8">
      <c r="H416827" s="12"/>
    </row>
    <row r="416828" spans="8:8">
      <c r="H416828" s="12"/>
    </row>
    <row r="416829" spans="8:8">
      <c r="H416829" s="12"/>
    </row>
    <row r="416830" spans="8:8">
      <c r="H416830" s="12"/>
    </row>
    <row r="416831" spans="8:8">
      <c r="H416831" s="12"/>
    </row>
    <row r="416832" spans="8:8">
      <c r="H416832" s="12"/>
    </row>
    <row r="416833" spans="8:8">
      <c r="H416833" s="12"/>
    </row>
    <row r="416834" spans="8:8">
      <c r="H416834" s="12"/>
    </row>
    <row r="416835" spans="8:8">
      <c r="H416835" s="12"/>
    </row>
    <row r="416836" spans="8:8">
      <c r="H416836" s="12"/>
    </row>
    <row r="416837" spans="8:8">
      <c r="H416837" s="12"/>
    </row>
    <row r="416838" spans="8:8">
      <c r="H416838" s="12"/>
    </row>
    <row r="416839" spans="8:8">
      <c r="H416839" s="12"/>
    </row>
    <row r="416840" spans="8:8">
      <c r="H416840" s="12"/>
    </row>
    <row r="416841" spans="8:8">
      <c r="H416841" s="12"/>
    </row>
    <row r="416842" spans="8:8">
      <c r="H416842" s="12"/>
    </row>
    <row r="416843" spans="8:8">
      <c r="H416843" s="12"/>
    </row>
    <row r="416844" spans="8:8">
      <c r="H416844" s="12"/>
    </row>
    <row r="416845" spans="8:8">
      <c r="H416845" s="12"/>
    </row>
    <row r="416846" spans="8:8">
      <c r="H416846" s="12"/>
    </row>
    <row r="416847" spans="8:8">
      <c r="H416847" s="12"/>
    </row>
    <row r="416848" spans="8:8">
      <c r="H416848" s="12"/>
    </row>
    <row r="416849" spans="8:8">
      <c r="H416849" s="12"/>
    </row>
    <row r="416850" spans="8:8">
      <c r="H416850" s="12"/>
    </row>
    <row r="416851" spans="8:8">
      <c r="H416851" s="12"/>
    </row>
    <row r="416852" spans="8:8">
      <c r="H416852" s="12"/>
    </row>
    <row r="416853" spans="8:8">
      <c r="H416853" s="12"/>
    </row>
    <row r="416854" spans="8:8">
      <c r="H416854" s="12"/>
    </row>
    <row r="416855" spans="8:8">
      <c r="H416855" s="12"/>
    </row>
    <row r="416856" spans="8:8">
      <c r="H416856" s="12"/>
    </row>
    <row r="416857" spans="8:8">
      <c r="H416857" s="12"/>
    </row>
    <row r="416858" spans="8:8">
      <c r="H416858" s="12"/>
    </row>
    <row r="416859" spans="8:8">
      <c r="H416859" s="12"/>
    </row>
    <row r="416860" spans="8:8">
      <c r="H416860" s="12"/>
    </row>
    <row r="416861" spans="8:8">
      <c r="H416861" s="12"/>
    </row>
    <row r="416862" spans="8:8">
      <c r="H416862" s="12"/>
    </row>
    <row r="416863" spans="8:8">
      <c r="H416863" s="12"/>
    </row>
    <row r="416864" spans="8:8">
      <c r="H416864" s="12"/>
    </row>
    <row r="416865" spans="8:8">
      <c r="H416865" s="12"/>
    </row>
    <row r="416866" spans="8:8">
      <c r="H416866" s="12"/>
    </row>
    <row r="416867" spans="8:8">
      <c r="H416867" s="12"/>
    </row>
    <row r="416868" spans="8:8">
      <c r="H416868" s="12"/>
    </row>
    <row r="416869" spans="8:8">
      <c r="H416869" s="12"/>
    </row>
    <row r="416870" spans="8:8">
      <c r="H416870" s="12"/>
    </row>
    <row r="416871" spans="8:8">
      <c r="H416871" s="12"/>
    </row>
    <row r="416872" spans="8:8">
      <c r="H416872" s="12"/>
    </row>
    <row r="416873" spans="8:8">
      <c r="H416873" s="12"/>
    </row>
    <row r="416874" spans="8:8">
      <c r="H416874" s="12"/>
    </row>
    <row r="416875" spans="8:8">
      <c r="H416875" s="12"/>
    </row>
    <row r="416876" spans="8:8">
      <c r="H416876" s="12"/>
    </row>
    <row r="416877" spans="8:8">
      <c r="H416877" s="12"/>
    </row>
    <row r="416878" spans="8:8">
      <c r="H416878" s="12"/>
    </row>
    <row r="416879" spans="8:8">
      <c r="H416879" s="12"/>
    </row>
    <row r="416880" spans="8:8">
      <c r="H416880" s="12"/>
    </row>
    <row r="416881" spans="8:8">
      <c r="H416881" s="12"/>
    </row>
    <row r="416882" spans="8:8">
      <c r="H416882" s="12"/>
    </row>
    <row r="416883" spans="8:8">
      <c r="H416883" s="12"/>
    </row>
    <row r="416884" spans="8:8">
      <c r="H416884" s="12"/>
    </row>
    <row r="416885" spans="8:8">
      <c r="H416885" s="12"/>
    </row>
    <row r="416886" spans="8:8">
      <c r="H416886" s="12"/>
    </row>
    <row r="416887" spans="8:8">
      <c r="H416887" s="12"/>
    </row>
    <row r="416888" spans="8:8">
      <c r="H416888" s="12"/>
    </row>
    <row r="416889" spans="8:8">
      <c r="H416889" s="12"/>
    </row>
    <row r="416890" spans="8:8">
      <c r="H416890" s="12"/>
    </row>
    <row r="416891" spans="8:8">
      <c r="H416891" s="12"/>
    </row>
    <row r="416892" spans="8:8">
      <c r="H416892" s="12"/>
    </row>
    <row r="416893" spans="8:8">
      <c r="H416893" s="12"/>
    </row>
    <row r="416894" spans="8:8">
      <c r="H416894" s="12"/>
    </row>
    <row r="416895" spans="8:8">
      <c r="H416895" s="12"/>
    </row>
    <row r="416896" spans="8:8">
      <c r="H416896" s="12"/>
    </row>
    <row r="416897" spans="8:8">
      <c r="H416897" s="12"/>
    </row>
    <row r="416898" spans="8:8">
      <c r="H416898" s="12"/>
    </row>
    <row r="416899" spans="8:8">
      <c r="H416899" s="12"/>
    </row>
    <row r="416900" spans="8:8">
      <c r="H416900" s="12"/>
    </row>
    <row r="416901" spans="8:8">
      <c r="H416901" s="12"/>
    </row>
    <row r="416902" spans="8:8">
      <c r="H416902" s="12"/>
    </row>
    <row r="416903" spans="8:8">
      <c r="H416903" s="12"/>
    </row>
    <row r="416904" spans="8:8">
      <c r="H416904" s="12"/>
    </row>
    <row r="416905" spans="8:8">
      <c r="H416905" s="12"/>
    </row>
    <row r="416906" spans="8:8">
      <c r="H416906" s="12"/>
    </row>
    <row r="416907" spans="8:8">
      <c r="H416907" s="12"/>
    </row>
    <row r="416908" spans="8:8">
      <c r="H416908" s="12"/>
    </row>
    <row r="416909" spans="8:8">
      <c r="H416909" s="12"/>
    </row>
    <row r="416910" spans="8:8">
      <c r="H416910" s="12"/>
    </row>
    <row r="416911" spans="8:8">
      <c r="H416911" s="12"/>
    </row>
    <row r="416912" spans="8:8">
      <c r="H416912" s="12"/>
    </row>
    <row r="416913" spans="8:8">
      <c r="H416913" s="12"/>
    </row>
    <row r="416914" spans="8:8">
      <c r="H416914" s="12"/>
    </row>
    <row r="416915" spans="8:8">
      <c r="H416915" s="12"/>
    </row>
    <row r="416916" spans="8:8">
      <c r="H416916" s="12"/>
    </row>
    <row r="416917" spans="8:8">
      <c r="H416917" s="12"/>
    </row>
    <row r="416918" spans="8:8">
      <c r="H416918" s="12"/>
    </row>
    <row r="416919" spans="8:8">
      <c r="H416919" s="12"/>
    </row>
    <row r="416920" spans="8:8">
      <c r="H416920" s="12"/>
    </row>
    <row r="416921" spans="8:8">
      <c r="H416921" s="12"/>
    </row>
    <row r="416922" spans="8:8">
      <c r="H416922" s="12"/>
    </row>
    <row r="416923" spans="8:8">
      <c r="H416923" s="12"/>
    </row>
    <row r="416924" spans="8:8">
      <c r="H416924" s="12"/>
    </row>
    <row r="416925" spans="8:8">
      <c r="H416925" s="12"/>
    </row>
    <row r="416926" spans="8:8">
      <c r="H416926" s="12"/>
    </row>
    <row r="416927" spans="8:8">
      <c r="H416927" s="12"/>
    </row>
    <row r="416928" spans="8:8">
      <c r="H416928" s="12"/>
    </row>
    <row r="416929" spans="8:8">
      <c r="H416929" s="12"/>
    </row>
    <row r="416930" spans="8:8">
      <c r="H416930" s="12"/>
    </row>
    <row r="416931" spans="8:8">
      <c r="H416931" s="12"/>
    </row>
    <row r="416932" spans="8:8">
      <c r="H416932" s="12"/>
    </row>
    <row r="416933" spans="8:8">
      <c r="H416933" s="12"/>
    </row>
    <row r="416934" spans="8:8">
      <c r="H416934" s="12"/>
    </row>
    <row r="416935" spans="8:8">
      <c r="H416935" s="12"/>
    </row>
    <row r="416936" spans="8:8">
      <c r="H416936" s="12"/>
    </row>
    <row r="416937" spans="8:8">
      <c r="H416937" s="12"/>
    </row>
    <row r="416938" spans="8:8">
      <c r="H416938" s="12"/>
    </row>
    <row r="416939" spans="8:8">
      <c r="H416939" s="12"/>
    </row>
    <row r="416940" spans="8:8">
      <c r="H416940" s="12"/>
    </row>
    <row r="416941" spans="8:8">
      <c r="H416941" s="12"/>
    </row>
    <row r="416942" spans="8:8">
      <c r="H416942" s="12"/>
    </row>
    <row r="416943" spans="8:8">
      <c r="H416943" s="12"/>
    </row>
    <row r="416944" spans="8:8">
      <c r="H416944" s="12"/>
    </row>
    <row r="416945" spans="8:8">
      <c r="H416945" s="12"/>
    </row>
    <row r="416946" spans="8:8">
      <c r="H416946" s="12"/>
    </row>
    <row r="416947" spans="8:8">
      <c r="H416947" s="12"/>
    </row>
    <row r="416948" spans="8:8">
      <c r="H416948" s="12"/>
    </row>
    <row r="416949" spans="8:8">
      <c r="H416949" s="12"/>
    </row>
    <row r="416950" spans="8:8">
      <c r="H416950" s="12"/>
    </row>
    <row r="416951" spans="8:8">
      <c r="H416951" s="12"/>
    </row>
    <row r="416952" spans="8:8">
      <c r="H416952" s="12"/>
    </row>
    <row r="416953" spans="8:8">
      <c r="H416953" s="12"/>
    </row>
    <row r="416954" spans="8:8">
      <c r="H416954" s="12"/>
    </row>
    <row r="416955" spans="8:8">
      <c r="H416955" s="12"/>
    </row>
    <row r="416956" spans="8:8">
      <c r="H416956" s="12"/>
    </row>
    <row r="416957" spans="8:8">
      <c r="H416957" s="12"/>
    </row>
    <row r="416958" spans="8:8">
      <c r="H416958" s="12"/>
    </row>
    <row r="416959" spans="8:8">
      <c r="H416959" s="12"/>
    </row>
    <row r="416960" spans="8:8">
      <c r="H416960" s="12"/>
    </row>
    <row r="416961" spans="8:8">
      <c r="H416961" s="12"/>
    </row>
    <row r="416962" spans="8:8">
      <c r="H416962" s="12"/>
    </row>
    <row r="416963" spans="8:8">
      <c r="H416963" s="12"/>
    </row>
    <row r="416964" spans="8:8">
      <c r="H416964" s="12"/>
    </row>
    <row r="416965" spans="8:8">
      <c r="H416965" s="12"/>
    </row>
    <row r="416966" spans="8:8">
      <c r="H416966" s="12"/>
    </row>
    <row r="416967" spans="8:8">
      <c r="H416967" s="12"/>
    </row>
    <row r="416968" spans="8:8">
      <c r="H416968" s="12"/>
    </row>
    <row r="416969" spans="8:8">
      <c r="H416969" s="12"/>
    </row>
    <row r="416970" spans="8:8">
      <c r="H416970" s="12"/>
    </row>
    <row r="416971" spans="8:8">
      <c r="H416971" s="12"/>
    </row>
    <row r="416972" spans="8:8">
      <c r="H416972" s="12"/>
    </row>
    <row r="416973" spans="8:8">
      <c r="H416973" s="12"/>
    </row>
    <row r="416974" spans="8:8">
      <c r="H416974" s="12"/>
    </row>
    <row r="416975" spans="8:8">
      <c r="H416975" s="12"/>
    </row>
    <row r="416976" spans="8:8">
      <c r="H416976" s="12"/>
    </row>
    <row r="416977" spans="8:8">
      <c r="H416977" s="12"/>
    </row>
    <row r="416978" spans="8:8">
      <c r="H416978" s="12"/>
    </row>
    <row r="416979" spans="8:8">
      <c r="H416979" s="12"/>
    </row>
    <row r="416980" spans="8:8">
      <c r="H416980" s="12"/>
    </row>
    <row r="416981" spans="8:8">
      <c r="H416981" s="12"/>
    </row>
    <row r="416982" spans="8:8">
      <c r="H416982" s="12"/>
    </row>
    <row r="416983" spans="8:8">
      <c r="H416983" s="12"/>
    </row>
    <row r="416984" spans="8:8">
      <c r="H416984" s="12"/>
    </row>
    <row r="416985" spans="8:8">
      <c r="H416985" s="12"/>
    </row>
    <row r="416986" spans="8:8">
      <c r="H416986" s="12"/>
    </row>
    <row r="416987" spans="8:8">
      <c r="H416987" s="12"/>
    </row>
    <row r="416988" spans="8:8">
      <c r="H416988" s="12"/>
    </row>
    <row r="416989" spans="8:8">
      <c r="H416989" s="12"/>
    </row>
    <row r="416990" spans="8:8">
      <c r="H416990" s="12"/>
    </row>
    <row r="416991" spans="8:8">
      <c r="H416991" s="12"/>
    </row>
    <row r="416992" spans="8:8">
      <c r="H416992" s="12"/>
    </row>
    <row r="416993" spans="8:8">
      <c r="H416993" s="12"/>
    </row>
    <row r="416994" spans="8:8">
      <c r="H416994" s="12"/>
    </row>
    <row r="416995" spans="8:8">
      <c r="H416995" s="12"/>
    </row>
    <row r="416996" spans="8:8">
      <c r="H416996" s="12"/>
    </row>
    <row r="416997" spans="8:8">
      <c r="H416997" s="12"/>
    </row>
    <row r="416998" spans="8:8">
      <c r="H416998" s="12"/>
    </row>
    <row r="416999" spans="8:8">
      <c r="H416999" s="12"/>
    </row>
    <row r="417000" spans="8:8">
      <c r="H417000" s="12"/>
    </row>
    <row r="417001" spans="8:8">
      <c r="H417001" s="12"/>
    </row>
    <row r="417002" spans="8:8">
      <c r="H417002" s="12"/>
    </row>
    <row r="417003" spans="8:8">
      <c r="H417003" s="12"/>
    </row>
    <row r="417004" spans="8:8">
      <c r="H417004" s="12"/>
    </row>
    <row r="417005" spans="8:8">
      <c r="H417005" s="12"/>
    </row>
    <row r="417006" spans="8:8">
      <c r="H417006" s="12"/>
    </row>
    <row r="417007" spans="8:8">
      <c r="H417007" s="12"/>
    </row>
    <row r="417008" spans="8:8">
      <c r="H417008" s="12"/>
    </row>
    <row r="417009" spans="8:8">
      <c r="H417009" s="12"/>
    </row>
    <row r="417010" spans="8:8">
      <c r="H417010" s="12"/>
    </row>
    <row r="417011" spans="8:8">
      <c r="H417011" s="12"/>
    </row>
    <row r="417012" spans="8:8">
      <c r="H417012" s="12"/>
    </row>
    <row r="417013" spans="8:8">
      <c r="H417013" s="12"/>
    </row>
    <row r="417014" spans="8:8">
      <c r="H417014" s="12"/>
    </row>
    <row r="417015" spans="8:8">
      <c r="H417015" s="12"/>
    </row>
    <row r="417016" spans="8:8">
      <c r="H417016" s="12"/>
    </row>
    <row r="417017" spans="8:8">
      <c r="H417017" s="12"/>
    </row>
    <row r="417018" spans="8:8">
      <c r="H417018" s="12"/>
    </row>
    <row r="417019" spans="8:8">
      <c r="H417019" s="12"/>
    </row>
    <row r="417020" spans="8:8">
      <c r="H417020" s="12"/>
    </row>
    <row r="417021" spans="8:8">
      <c r="H417021" s="12"/>
    </row>
    <row r="417022" spans="8:8">
      <c r="H417022" s="12"/>
    </row>
    <row r="417023" spans="8:8">
      <c r="H417023" s="12"/>
    </row>
    <row r="417024" spans="8:8">
      <c r="H417024" s="12"/>
    </row>
    <row r="417025" spans="8:8">
      <c r="H417025" s="12"/>
    </row>
    <row r="417026" spans="8:8">
      <c r="H417026" s="12"/>
    </row>
    <row r="417027" spans="8:8">
      <c r="H417027" s="12"/>
    </row>
    <row r="417028" spans="8:8">
      <c r="H417028" s="12"/>
    </row>
    <row r="417029" spans="8:8">
      <c r="H417029" s="12"/>
    </row>
    <row r="417030" spans="8:8">
      <c r="H417030" s="12"/>
    </row>
    <row r="417031" spans="8:8">
      <c r="H417031" s="12"/>
    </row>
    <row r="417032" spans="8:8">
      <c r="H417032" s="12"/>
    </row>
    <row r="417033" spans="8:8">
      <c r="H417033" s="12"/>
    </row>
    <row r="417034" spans="8:8">
      <c r="H417034" s="12"/>
    </row>
    <row r="417035" spans="8:8">
      <c r="H417035" s="12"/>
    </row>
    <row r="417036" spans="8:8">
      <c r="H417036" s="12"/>
    </row>
    <row r="417037" spans="8:8">
      <c r="H417037" s="12"/>
    </row>
    <row r="417038" spans="8:8">
      <c r="H417038" s="12"/>
    </row>
    <row r="417039" spans="8:8">
      <c r="H417039" s="12"/>
    </row>
    <row r="417040" spans="8:8">
      <c r="H417040" s="12"/>
    </row>
    <row r="417041" spans="8:8">
      <c r="H417041" s="12"/>
    </row>
    <row r="417042" spans="8:8">
      <c r="H417042" s="12"/>
    </row>
    <row r="417043" spans="8:8">
      <c r="H417043" s="12"/>
    </row>
    <row r="417044" spans="8:8">
      <c r="H417044" s="12"/>
    </row>
    <row r="417045" spans="8:8">
      <c r="H417045" s="12"/>
    </row>
    <row r="417046" spans="8:8">
      <c r="H417046" s="12"/>
    </row>
    <row r="417047" spans="8:8">
      <c r="H417047" s="12"/>
    </row>
    <row r="417048" spans="8:8">
      <c r="H417048" s="12"/>
    </row>
    <row r="417049" spans="8:8">
      <c r="H417049" s="12"/>
    </row>
    <row r="417050" spans="8:8">
      <c r="H417050" s="12"/>
    </row>
    <row r="417051" spans="8:8">
      <c r="H417051" s="12"/>
    </row>
    <row r="417052" spans="8:8">
      <c r="H417052" s="12"/>
    </row>
    <row r="417053" spans="8:8">
      <c r="H417053" s="12"/>
    </row>
    <row r="417054" spans="8:8">
      <c r="H417054" s="12"/>
    </row>
    <row r="417055" spans="8:8">
      <c r="H417055" s="12"/>
    </row>
    <row r="417056" spans="8:8">
      <c r="H417056" s="12"/>
    </row>
    <row r="417057" spans="8:8">
      <c r="H417057" s="12"/>
    </row>
    <row r="417058" spans="8:8">
      <c r="H417058" s="12"/>
    </row>
    <row r="417059" spans="8:8">
      <c r="H417059" s="12"/>
    </row>
    <row r="417060" spans="8:8">
      <c r="H417060" s="12"/>
    </row>
    <row r="417061" spans="8:8">
      <c r="H417061" s="12"/>
    </row>
    <row r="417062" spans="8:8">
      <c r="H417062" s="12"/>
    </row>
    <row r="417063" spans="8:8">
      <c r="H417063" s="12"/>
    </row>
    <row r="417064" spans="8:8">
      <c r="H417064" s="12"/>
    </row>
    <row r="417065" spans="8:8">
      <c r="H417065" s="12"/>
    </row>
    <row r="417066" spans="8:8">
      <c r="H417066" s="12"/>
    </row>
    <row r="417067" spans="8:8">
      <c r="H417067" s="12"/>
    </row>
    <row r="417068" spans="8:8">
      <c r="H417068" s="12"/>
    </row>
    <row r="417069" spans="8:8">
      <c r="H417069" s="12"/>
    </row>
    <row r="417070" spans="8:8">
      <c r="H417070" s="12"/>
    </row>
    <row r="417071" spans="8:8">
      <c r="H417071" s="12"/>
    </row>
    <row r="417072" spans="8:8">
      <c r="H417072" s="12"/>
    </row>
    <row r="417073" spans="8:8">
      <c r="H417073" s="12"/>
    </row>
    <row r="417074" spans="8:8">
      <c r="H417074" s="12"/>
    </row>
    <row r="417075" spans="8:8">
      <c r="H417075" s="12"/>
    </row>
    <row r="417076" spans="8:8">
      <c r="H417076" s="12"/>
    </row>
    <row r="417077" spans="8:8">
      <c r="H417077" s="12"/>
    </row>
    <row r="417078" spans="8:8">
      <c r="H417078" s="12"/>
    </row>
    <row r="417079" spans="8:8">
      <c r="H417079" s="12"/>
    </row>
    <row r="417080" spans="8:8">
      <c r="H417080" s="12"/>
    </row>
    <row r="417081" spans="8:8">
      <c r="H417081" s="12"/>
    </row>
    <row r="417082" spans="8:8">
      <c r="H417082" s="12"/>
    </row>
    <row r="417083" spans="8:8">
      <c r="H417083" s="12"/>
    </row>
    <row r="417084" spans="8:8">
      <c r="H417084" s="12"/>
    </row>
    <row r="417085" spans="8:8">
      <c r="H417085" s="12"/>
    </row>
    <row r="417086" spans="8:8">
      <c r="H417086" s="12"/>
    </row>
    <row r="417087" spans="8:8">
      <c r="H417087" s="12"/>
    </row>
    <row r="417088" spans="8:8">
      <c r="H417088" s="12"/>
    </row>
    <row r="417089" spans="8:8">
      <c r="H417089" s="12"/>
    </row>
    <row r="417090" spans="8:8">
      <c r="H417090" s="12"/>
    </row>
    <row r="417091" spans="8:8">
      <c r="H417091" s="12"/>
    </row>
    <row r="417092" spans="8:8">
      <c r="H417092" s="12"/>
    </row>
    <row r="417093" spans="8:8">
      <c r="H417093" s="12"/>
    </row>
    <row r="417094" spans="8:8">
      <c r="H417094" s="12"/>
    </row>
    <row r="417095" spans="8:8">
      <c r="H417095" s="12"/>
    </row>
    <row r="417096" spans="8:8">
      <c r="H417096" s="12"/>
    </row>
    <row r="417097" spans="8:8">
      <c r="H417097" s="12"/>
    </row>
    <row r="417098" spans="8:8">
      <c r="H417098" s="12"/>
    </row>
    <row r="417099" spans="8:8">
      <c r="H417099" s="12"/>
    </row>
    <row r="417100" spans="8:8">
      <c r="H417100" s="12"/>
    </row>
    <row r="417101" spans="8:8">
      <c r="H417101" s="12"/>
    </row>
    <row r="417102" spans="8:8">
      <c r="H417102" s="12"/>
    </row>
    <row r="417103" spans="8:8">
      <c r="H417103" s="12"/>
    </row>
    <row r="417104" spans="8:8">
      <c r="H417104" s="12"/>
    </row>
    <row r="417105" spans="8:8">
      <c r="H417105" s="12"/>
    </row>
    <row r="417106" spans="8:8">
      <c r="H417106" s="12"/>
    </row>
    <row r="417107" spans="8:8">
      <c r="H417107" s="12"/>
    </row>
    <row r="417108" spans="8:8">
      <c r="H417108" s="12"/>
    </row>
    <row r="417109" spans="8:8">
      <c r="H417109" s="12"/>
    </row>
    <row r="417110" spans="8:8">
      <c r="H417110" s="12"/>
    </row>
    <row r="417111" spans="8:8">
      <c r="H417111" s="12"/>
    </row>
    <row r="417112" spans="8:8">
      <c r="H417112" s="12"/>
    </row>
    <row r="417113" spans="8:8">
      <c r="H417113" s="12"/>
    </row>
    <row r="417114" spans="8:8">
      <c r="H417114" s="12"/>
    </row>
    <row r="417115" spans="8:8">
      <c r="H417115" s="12"/>
    </row>
    <row r="417116" spans="8:8">
      <c r="H417116" s="12"/>
    </row>
    <row r="417117" spans="8:8">
      <c r="H417117" s="12"/>
    </row>
    <row r="417118" spans="8:8">
      <c r="H417118" s="12"/>
    </row>
    <row r="417119" spans="8:8">
      <c r="H417119" s="12"/>
    </row>
    <row r="417120" spans="8:8">
      <c r="H417120" s="12"/>
    </row>
    <row r="417121" spans="8:8">
      <c r="H417121" s="12"/>
    </row>
    <row r="417122" spans="8:8">
      <c r="H417122" s="12"/>
    </row>
    <row r="417123" spans="8:8">
      <c r="H417123" s="12"/>
    </row>
    <row r="417124" spans="8:8">
      <c r="H417124" s="12"/>
    </row>
    <row r="417125" spans="8:8">
      <c r="H417125" s="12"/>
    </row>
    <row r="417126" spans="8:8">
      <c r="H417126" s="12"/>
    </row>
    <row r="417127" spans="8:8">
      <c r="H417127" s="12"/>
    </row>
    <row r="417128" spans="8:8">
      <c r="H417128" s="12"/>
    </row>
    <row r="417129" spans="8:8">
      <c r="H417129" s="12"/>
    </row>
    <row r="417130" spans="8:8">
      <c r="H417130" s="12"/>
    </row>
    <row r="417131" spans="8:8">
      <c r="H417131" s="12"/>
    </row>
    <row r="417132" spans="8:8">
      <c r="H417132" s="12"/>
    </row>
    <row r="417133" spans="8:8">
      <c r="H417133" s="12"/>
    </row>
    <row r="417134" spans="8:8">
      <c r="H417134" s="12"/>
    </row>
    <row r="417135" spans="8:8">
      <c r="H417135" s="12"/>
    </row>
    <row r="417136" spans="8:8">
      <c r="H417136" s="12"/>
    </row>
    <row r="417137" spans="8:8">
      <c r="H417137" s="12"/>
    </row>
    <row r="417138" spans="8:8">
      <c r="H417138" s="12"/>
    </row>
    <row r="417139" spans="8:8">
      <c r="H417139" s="12"/>
    </row>
    <row r="417140" spans="8:8">
      <c r="H417140" s="12"/>
    </row>
    <row r="417141" spans="8:8">
      <c r="H417141" s="12"/>
    </row>
    <row r="417142" spans="8:8">
      <c r="H417142" s="12"/>
    </row>
    <row r="417143" spans="8:8">
      <c r="H417143" s="12"/>
    </row>
    <row r="417144" spans="8:8">
      <c r="H417144" s="12"/>
    </row>
    <row r="417145" spans="8:8">
      <c r="H417145" s="12"/>
    </row>
    <row r="417146" spans="8:8">
      <c r="H417146" s="12"/>
    </row>
    <row r="417147" spans="8:8">
      <c r="H417147" s="12"/>
    </row>
    <row r="417148" spans="8:8">
      <c r="H417148" s="12"/>
    </row>
    <row r="417149" spans="8:8">
      <c r="H417149" s="12"/>
    </row>
    <row r="417150" spans="8:8">
      <c r="H417150" s="12"/>
    </row>
    <row r="417151" spans="8:8">
      <c r="H417151" s="12"/>
    </row>
    <row r="417152" spans="8:8">
      <c r="H417152" s="12"/>
    </row>
    <row r="417153" spans="8:8">
      <c r="H417153" s="12"/>
    </row>
    <row r="417154" spans="8:8">
      <c r="H417154" s="12"/>
    </row>
    <row r="417155" spans="8:8">
      <c r="H417155" s="12"/>
    </row>
    <row r="417156" spans="8:8">
      <c r="H417156" s="12"/>
    </row>
    <row r="417157" spans="8:8">
      <c r="H417157" s="12"/>
    </row>
    <row r="417158" spans="8:8">
      <c r="H417158" s="12"/>
    </row>
    <row r="417159" spans="8:8">
      <c r="H417159" s="12"/>
    </row>
    <row r="417160" spans="8:8">
      <c r="H417160" s="12"/>
    </row>
    <row r="417161" spans="8:8">
      <c r="H417161" s="12"/>
    </row>
    <row r="417162" spans="8:8">
      <c r="H417162" s="12"/>
    </row>
    <row r="417163" spans="8:8">
      <c r="H417163" s="12"/>
    </row>
    <row r="417164" spans="8:8">
      <c r="H417164" s="12"/>
    </row>
    <row r="417165" spans="8:8">
      <c r="H417165" s="12"/>
    </row>
    <row r="417166" spans="8:8">
      <c r="H417166" s="12"/>
    </row>
    <row r="417167" spans="8:8">
      <c r="H417167" s="12"/>
    </row>
    <row r="417168" spans="8:8">
      <c r="H417168" s="12"/>
    </row>
    <row r="417169" spans="8:8">
      <c r="H417169" s="12"/>
    </row>
    <row r="417170" spans="8:8">
      <c r="H417170" s="12"/>
    </row>
    <row r="417171" spans="8:8">
      <c r="H417171" s="12"/>
    </row>
    <row r="417172" spans="8:8">
      <c r="H417172" s="12"/>
    </row>
    <row r="417173" spans="8:8">
      <c r="H417173" s="12"/>
    </row>
    <row r="417174" spans="8:8">
      <c r="H417174" s="12"/>
    </row>
    <row r="417175" spans="8:8">
      <c r="H417175" s="12"/>
    </row>
    <row r="417176" spans="8:8">
      <c r="H417176" s="12"/>
    </row>
    <row r="417177" spans="8:8">
      <c r="H417177" s="12"/>
    </row>
    <row r="417178" spans="8:8">
      <c r="H417178" s="12"/>
    </row>
    <row r="417179" spans="8:8">
      <c r="H417179" s="12"/>
    </row>
    <row r="417180" spans="8:8">
      <c r="H417180" s="12"/>
    </row>
    <row r="417181" spans="8:8">
      <c r="H417181" s="12"/>
    </row>
    <row r="417182" spans="8:8">
      <c r="H417182" s="12"/>
    </row>
    <row r="417183" spans="8:8">
      <c r="H417183" s="12"/>
    </row>
    <row r="417184" spans="8:8">
      <c r="H417184" s="12"/>
    </row>
    <row r="417185" spans="8:8">
      <c r="H417185" s="12"/>
    </row>
    <row r="417186" spans="8:8">
      <c r="H417186" s="12"/>
    </row>
    <row r="417187" spans="8:8">
      <c r="H417187" s="12"/>
    </row>
    <row r="417188" spans="8:8">
      <c r="H417188" s="12"/>
    </row>
    <row r="417189" spans="8:8">
      <c r="H417189" s="12"/>
    </row>
    <row r="417190" spans="8:8">
      <c r="H417190" s="12"/>
    </row>
    <row r="417191" spans="8:8">
      <c r="H417191" s="12"/>
    </row>
    <row r="417192" spans="8:8">
      <c r="H417192" s="12"/>
    </row>
    <row r="417193" spans="8:8">
      <c r="H417193" s="12"/>
    </row>
    <row r="417194" spans="8:8">
      <c r="H417194" s="12"/>
    </row>
    <row r="417195" spans="8:8">
      <c r="H417195" s="12"/>
    </row>
    <row r="417196" spans="8:8">
      <c r="H417196" s="12"/>
    </row>
    <row r="417197" spans="8:8">
      <c r="H417197" s="12"/>
    </row>
    <row r="417198" spans="8:8">
      <c r="H417198" s="12"/>
    </row>
    <row r="417199" spans="8:8">
      <c r="H417199" s="12"/>
    </row>
    <row r="417200" spans="8:8">
      <c r="H417200" s="12"/>
    </row>
    <row r="417201" spans="8:8">
      <c r="H417201" s="12"/>
    </row>
    <row r="417202" spans="8:8">
      <c r="H417202" s="12"/>
    </row>
    <row r="417203" spans="8:8">
      <c r="H417203" s="12"/>
    </row>
    <row r="417204" spans="8:8">
      <c r="H417204" s="12"/>
    </row>
    <row r="417205" spans="8:8">
      <c r="H417205" s="12"/>
    </row>
    <row r="417206" spans="8:8">
      <c r="H417206" s="12"/>
    </row>
    <row r="417207" spans="8:8">
      <c r="H417207" s="12"/>
    </row>
    <row r="417208" spans="8:8">
      <c r="H417208" s="12"/>
    </row>
    <row r="417209" spans="8:8">
      <c r="H417209" s="12"/>
    </row>
    <row r="417210" spans="8:8">
      <c r="H417210" s="12"/>
    </row>
    <row r="417211" spans="8:8">
      <c r="H417211" s="12"/>
    </row>
    <row r="417212" spans="8:8">
      <c r="H417212" s="12"/>
    </row>
    <row r="417213" spans="8:8">
      <c r="H417213" s="12"/>
    </row>
    <row r="417214" spans="8:8">
      <c r="H417214" s="12"/>
    </row>
    <row r="417215" spans="8:8">
      <c r="H417215" s="12"/>
    </row>
    <row r="417216" spans="8:8">
      <c r="H417216" s="12"/>
    </row>
    <row r="417217" spans="8:8">
      <c r="H417217" s="12"/>
    </row>
    <row r="417218" spans="8:8">
      <c r="H417218" s="12"/>
    </row>
    <row r="417219" spans="8:8">
      <c r="H417219" s="12"/>
    </row>
    <row r="417220" spans="8:8">
      <c r="H417220" s="12"/>
    </row>
    <row r="417221" spans="8:8">
      <c r="H417221" s="12"/>
    </row>
    <row r="417222" spans="8:8">
      <c r="H417222" s="12"/>
    </row>
    <row r="417223" spans="8:8">
      <c r="H417223" s="12"/>
    </row>
    <row r="417224" spans="8:8">
      <c r="H417224" s="12"/>
    </row>
    <row r="417225" spans="8:8">
      <c r="H417225" s="12"/>
    </row>
    <row r="417226" spans="8:8">
      <c r="H417226" s="12"/>
    </row>
    <row r="417227" spans="8:8">
      <c r="H417227" s="12"/>
    </row>
    <row r="417228" spans="8:8">
      <c r="H417228" s="12"/>
    </row>
    <row r="417229" spans="8:8">
      <c r="H417229" s="12"/>
    </row>
    <row r="417230" spans="8:8">
      <c r="H417230" s="12"/>
    </row>
    <row r="417231" spans="8:8">
      <c r="H417231" s="12"/>
    </row>
    <row r="417232" spans="8:8">
      <c r="H417232" s="12"/>
    </row>
    <row r="417233" spans="8:8">
      <c r="H417233" s="12"/>
    </row>
    <row r="417234" spans="8:8">
      <c r="H417234" s="12"/>
    </row>
    <row r="417235" spans="8:8">
      <c r="H417235" s="12"/>
    </row>
    <row r="417236" spans="8:8">
      <c r="H417236" s="12"/>
    </row>
    <row r="417237" spans="8:8">
      <c r="H417237" s="12"/>
    </row>
    <row r="417238" spans="8:8">
      <c r="H417238" s="12"/>
    </row>
    <row r="417239" spans="8:8">
      <c r="H417239" s="12"/>
    </row>
    <row r="417240" spans="8:8">
      <c r="H417240" s="12"/>
    </row>
    <row r="417241" spans="8:8">
      <c r="H417241" s="12"/>
    </row>
    <row r="417242" spans="8:8">
      <c r="H417242" s="12"/>
    </row>
    <row r="417243" spans="8:8">
      <c r="H417243" s="12"/>
    </row>
    <row r="417244" spans="8:8">
      <c r="H417244" s="12"/>
    </row>
    <row r="417245" spans="8:8">
      <c r="H417245" s="12"/>
    </row>
    <row r="417246" spans="8:8">
      <c r="H417246" s="12"/>
    </row>
    <row r="417247" spans="8:8">
      <c r="H417247" s="12"/>
    </row>
    <row r="417248" spans="8:8">
      <c r="H417248" s="12"/>
    </row>
    <row r="417249" spans="8:8">
      <c r="H417249" s="12"/>
    </row>
    <row r="417250" spans="8:8">
      <c r="H417250" s="12"/>
    </row>
    <row r="417251" spans="8:8">
      <c r="H417251" s="12"/>
    </row>
    <row r="417252" spans="8:8">
      <c r="H417252" s="12"/>
    </row>
    <row r="417253" spans="8:8">
      <c r="H417253" s="12"/>
    </row>
    <row r="417254" spans="8:8">
      <c r="H417254" s="12"/>
    </row>
    <row r="417255" spans="8:8">
      <c r="H417255" s="12"/>
    </row>
    <row r="417256" spans="8:8">
      <c r="H417256" s="12"/>
    </row>
    <row r="417257" spans="8:8">
      <c r="H417257" s="12"/>
    </row>
    <row r="417258" spans="8:8">
      <c r="H417258" s="12"/>
    </row>
    <row r="417259" spans="8:8">
      <c r="H417259" s="12"/>
    </row>
    <row r="417260" spans="8:8">
      <c r="H417260" s="12"/>
    </row>
    <row r="417261" spans="8:8">
      <c r="H417261" s="12"/>
    </row>
    <row r="417262" spans="8:8">
      <c r="H417262" s="12"/>
    </row>
    <row r="417263" spans="8:8">
      <c r="H417263" s="12"/>
    </row>
    <row r="417264" spans="8:8">
      <c r="H417264" s="12"/>
    </row>
    <row r="417265" spans="8:8">
      <c r="H417265" s="12"/>
    </row>
    <row r="417266" spans="8:8">
      <c r="H417266" s="12"/>
    </row>
    <row r="417267" spans="8:8">
      <c r="H417267" s="12"/>
    </row>
    <row r="417268" spans="8:8">
      <c r="H417268" s="12"/>
    </row>
    <row r="417269" spans="8:8">
      <c r="H417269" s="12"/>
    </row>
    <row r="417270" spans="8:8">
      <c r="H417270" s="12"/>
    </row>
    <row r="417271" spans="8:8">
      <c r="H417271" s="12"/>
    </row>
    <row r="417272" spans="8:8">
      <c r="H417272" s="12"/>
    </row>
    <row r="417273" spans="8:8">
      <c r="H417273" s="12"/>
    </row>
    <row r="417274" spans="8:8">
      <c r="H417274" s="12"/>
    </row>
    <row r="417275" spans="8:8">
      <c r="H417275" s="12"/>
    </row>
    <row r="417276" spans="8:8">
      <c r="H417276" s="12"/>
    </row>
    <row r="417277" spans="8:8">
      <c r="H417277" s="12"/>
    </row>
    <row r="417278" spans="8:8">
      <c r="H417278" s="12"/>
    </row>
    <row r="417279" spans="8:8">
      <c r="H417279" s="12"/>
    </row>
    <row r="417280" spans="8:8">
      <c r="H417280" s="12"/>
    </row>
    <row r="417281" spans="8:8">
      <c r="H417281" s="12"/>
    </row>
    <row r="417282" spans="8:8">
      <c r="H417282" s="12"/>
    </row>
    <row r="417283" spans="8:8">
      <c r="H417283" s="12"/>
    </row>
    <row r="417284" spans="8:8">
      <c r="H417284" s="12"/>
    </row>
    <row r="417285" spans="8:8">
      <c r="H417285" s="12"/>
    </row>
    <row r="417286" spans="8:8">
      <c r="H417286" s="12"/>
    </row>
    <row r="417287" spans="8:8">
      <c r="H417287" s="12"/>
    </row>
    <row r="417288" spans="8:8">
      <c r="H417288" s="12"/>
    </row>
    <row r="417289" spans="8:8">
      <c r="H417289" s="12"/>
    </row>
    <row r="417290" spans="8:8">
      <c r="H417290" s="12"/>
    </row>
    <row r="417291" spans="8:8">
      <c r="H417291" s="12"/>
    </row>
    <row r="417292" spans="8:8">
      <c r="H417292" s="12"/>
    </row>
    <row r="417293" spans="8:8">
      <c r="H417293" s="12"/>
    </row>
    <row r="417294" spans="8:8">
      <c r="H417294" s="12"/>
    </row>
    <row r="417295" spans="8:8">
      <c r="H417295" s="12"/>
    </row>
    <row r="417296" spans="8:8">
      <c r="H417296" s="12"/>
    </row>
    <row r="417297" spans="8:8">
      <c r="H417297" s="12"/>
    </row>
    <row r="417298" spans="8:8">
      <c r="H417298" s="12"/>
    </row>
    <row r="417299" spans="8:8">
      <c r="H417299" s="12"/>
    </row>
    <row r="417300" spans="8:8">
      <c r="H417300" s="12"/>
    </row>
    <row r="417301" spans="8:8">
      <c r="H417301" s="12"/>
    </row>
    <row r="417302" spans="8:8">
      <c r="H417302" s="12"/>
    </row>
    <row r="417303" spans="8:8">
      <c r="H417303" s="12"/>
    </row>
    <row r="417304" spans="8:8">
      <c r="H417304" s="12"/>
    </row>
    <row r="417305" spans="8:8">
      <c r="H417305" s="12"/>
    </row>
    <row r="417306" spans="8:8">
      <c r="H417306" s="12"/>
    </row>
    <row r="417307" spans="8:8">
      <c r="H417307" s="12"/>
    </row>
    <row r="417308" spans="8:8">
      <c r="H417308" s="12"/>
    </row>
    <row r="417309" spans="8:8">
      <c r="H417309" s="12"/>
    </row>
    <row r="417310" spans="8:8">
      <c r="H417310" s="12"/>
    </row>
    <row r="417311" spans="8:8">
      <c r="H417311" s="12"/>
    </row>
    <row r="417312" spans="8:8">
      <c r="H417312" s="12"/>
    </row>
    <row r="417313" spans="8:8">
      <c r="H417313" s="12"/>
    </row>
    <row r="417314" spans="8:8">
      <c r="H417314" s="12"/>
    </row>
    <row r="417315" spans="8:8">
      <c r="H417315" s="12"/>
    </row>
    <row r="417316" spans="8:8">
      <c r="H417316" s="12"/>
    </row>
    <row r="417317" spans="8:8">
      <c r="H417317" s="12"/>
    </row>
    <row r="417318" spans="8:8">
      <c r="H417318" s="12"/>
    </row>
    <row r="417319" spans="8:8">
      <c r="H417319" s="12"/>
    </row>
    <row r="417320" spans="8:8">
      <c r="H417320" s="12"/>
    </row>
    <row r="417321" spans="8:8">
      <c r="H417321" s="12"/>
    </row>
    <row r="417322" spans="8:8">
      <c r="H417322" s="12"/>
    </row>
    <row r="417323" spans="8:8">
      <c r="H417323" s="12"/>
    </row>
    <row r="417324" spans="8:8">
      <c r="H417324" s="12"/>
    </row>
    <row r="417325" spans="8:8">
      <c r="H417325" s="12"/>
    </row>
    <row r="417326" spans="8:8">
      <c r="H417326" s="12"/>
    </row>
    <row r="417327" spans="8:8">
      <c r="H417327" s="12"/>
    </row>
    <row r="417328" spans="8:8">
      <c r="H417328" s="12"/>
    </row>
    <row r="417329" spans="8:8">
      <c r="H417329" s="12"/>
    </row>
    <row r="417330" spans="8:8">
      <c r="H417330" s="12"/>
    </row>
    <row r="417331" spans="8:8">
      <c r="H417331" s="12"/>
    </row>
    <row r="417332" spans="8:8">
      <c r="H417332" s="12"/>
    </row>
    <row r="417333" spans="8:8">
      <c r="H417333" s="12"/>
    </row>
    <row r="417334" spans="8:8">
      <c r="H417334" s="12"/>
    </row>
    <row r="417335" spans="8:8">
      <c r="H417335" s="12"/>
    </row>
    <row r="417336" spans="8:8">
      <c r="H417336" s="12"/>
    </row>
    <row r="417337" spans="8:8">
      <c r="H417337" s="12"/>
    </row>
    <row r="417338" spans="8:8">
      <c r="H417338" s="12"/>
    </row>
    <row r="417339" spans="8:8">
      <c r="H417339" s="12"/>
    </row>
    <row r="417340" spans="8:8">
      <c r="H417340" s="12"/>
    </row>
    <row r="417341" spans="8:8">
      <c r="H417341" s="12"/>
    </row>
    <row r="417342" spans="8:8">
      <c r="H417342" s="12"/>
    </row>
    <row r="417343" spans="8:8">
      <c r="H417343" s="12"/>
    </row>
    <row r="417344" spans="8:8">
      <c r="H417344" s="12"/>
    </row>
    <row r="417345" spans="8:8">
      <c r="H417345" s="12"/>
    </row>
    <row r="417346" spans="8:8">
      <c r="H417346" s="12"/>
    </row>
    <row r="417347" spans="8:8">
      <c r="H417347" s="12"/>
    </row>
    <row r="417348" spans="8:8">
      <c r="H417348" s="12"/>
    </row>
    <row r="417349" spans="8:8">
      <c r="H417349" s="12"/>
    </row>
    <row r="417350" spans="8:8">
      <c r="H417350" s="12"/>
    </row>
    <row r="417351" spans="8:8">
      <c r="H417351" s="12"/>
    </row>
    <row r="417352" spans="8:8">
      <c r="H417352" s="12"/>
    </row>
    <row r="417353" spans="8:8">
      <c r="H417353" s="12"/>
    </row>
    <row r="417354" spans="8:8">
      <c r="H417354" s="12"/>
    </row>
    <row r="417355" spans="8:8">
      <c r="H417355" s="12"/>
    </row>
    <row r="417356" spans="8:8">
      <c r="H417356" s="12"/>
    </row>
    <row r="417357" spans="8:8">
      <c r="H417357" s="12"/>
    </row>
    <row r="417358" spans="8:8">
      <c r="H417358" s="12"/>
    </row>
    <row r="417359" spans="8:8">
      <c r="H417359" s="12"/>
    </row>
    <row r="417360" spans="8:8">
      <c r="H417360" s="12"/>
    </row>
    <row r="417361" spans="8:8">
      <c r="H417361" s="12"/>
    </row>
    <row r="417362" spans="8:8">
      <c r="H417362" s="12"/>
    </row>
    <row r="417363" spans="8:8">
      <c r="H417363" s="12"/>
    </row>
    <row r="417364" spans="8:8">
      <c r="H417364" s="12"/>
    </row>
    <row r="417365" spans="8:8">
      <c r="H417365" s="12"/>
    </row>
    <row r="417366" spans="8:8">
      <c r="H417366" s="12"/>
    </row>
    <row r="417367" spans="8:8">
      <c r="H417367" s="12"/>
    </row>
    <row r="417368" spans="8:8">
      <c r="H417368" s="12"/>
    </row>
    <row r="417369" spans="8:8">
      <c r="H417369" s="12"/>
    </row>
    <row r="417370" spans="8:8">
      <c r="H417370" s="12"/>
    </row>
    <row r="417371" spans="8:8">
      <c r="H417371" s="12"/>
    </row>
    <row r="417372" spans="8:8">
      <c r="H417372" s="12"/>
    </row>
    <row r="417373" spans="8:8">
      <c r="H417373" s="12"/>
    </row>
    <row r="417374" spans="8:8">
      <c r="H417374" s="12"/>
    </row>
    <row r="417375" spans="8:8">
      <c r="H417375" s="12"/>
    </row>
    <row r="417376" spans="8:8">
      <c r="H417376" s="12"/>
    </row>
    <row r="417377" spans="8:8">
      <c r="H417377" s="12"/>
    </row>
    <row r="417378" spans="8:8">
      <c r="H417378" s="12"/>
    </row>
    <row r="417379" spans="8:8">
      <c r="H417379" s="12"/>
    </row>
    <row r="417380" spans="8:8">
      <c r="H417380" s="12"/>
    </row>
    <row r="417381" spans="8:8">
      <c r="H417381" s="12"/>
    </row>
    <row r="417382" spans="8:8">
      <c r="H417382" s="12"/>
    </row>
    <row r="417383" spans="8:8">
      <c r="H417383" s="12"/>
    </row>
    <row r="417384" spans="8:8">
      <c r="H417384" s="12"/>
    </row>
    <row r="417385" spans="8:8">
      <c r="H417385" s="12"/>
    </row>
    <row r="417386" spans="8:8">
      <c r="H417386" s="12"/>
    </row>
    <row r="417387" spans="8:8">
      <c r="H417387" s="12"/>
    </row>
    <row r="417388" spans="8:8">
      <c r="H417388" s="12"/>
    </row>
    <row r="417389" spans="8:8">
      <c r="H417389" s="12"/>
    </row>
    <row r="417390" spans="8:8">
      <c r="H417390" s="12"/>
    </row>
    <row r="417391" spans="8:8">
      <c r="H417391" s="12"/>
    </row>
    <row r="417392" spans="8:8">
      <c r="H417392" s="12"/>
    </row>
    <row r="417393" spans="8:8">
      <c r="H417393" s="12"/>
    </row>
    <row r="417394" spans="8:8">
      <c r="H417394" s="12"/>
    </row>
    <row r="417395" spans="8:8">
      <c r="H417395" s="12"/>
    </row>
    <row r="417396" spans="8:8">
      <c r="H417396" s="12"/>
    </row>
    <row r="417397" spans="8:8">
      <c r="H417397" s="12"/>
    </row>
    <row r="417398" spans="8:8">
      <c r="H417398" s="12"/>
    </row>
    <row r="417399" spans="8:8">
      <c r="H417399" s="12"/>
    </row>
    <row r="417400" spans="8:8">
      <c r="H417400" s="12"/>
    </row>
    <row r="417401" spans="8:8">
      <c r="H417401" s="12"/>
    </row>
    <row r="417402" spans="8:8">
      <c r="H417402" s="12"/>
    </row>
    <row r="417403" spans="8:8">
      <c r="H417403" s="12"/>
    </row>
    <row r="417404" spans="8:8">
      <c r="H417404" s="12"/>
    </row>
    <row r="417405" spans="8:8">
      <c r="H417405" s="12"/>
    </row>
    <row r="417406" spans="8:8">
      <c r="H417406" s="12"/>
    </row>
    <row r="417407" spans="8:8">
      <c r="H417407" s="12"/>
    </row>
    <row r="417408" spans="8:8">
      <c r="H417408" s="12"/>
    </row>
    <row r="417409" spans="8:8">
      <c r="H417409" s="12"/>
    </row>
    <row r="417410" spans="8:8">
      <c r="H417410" s="12"/>
    </row>
    <row r="417411" spans="8:8">
      <c r="H417411" s="12"/>
    </row>
    <row r="417412" spans="8:8">
      <c r="H417412" s="12"/>
    </row>
    <row r="417413" spans="8:8">
      <c r="H417413" s="12"/>
    </row>
    <row r="417414" spans="8:8">
      <c r="H417414" s="12"/>
    </row>
    <row r="417415" spans="8:8">
      <c r="H417415" s="12"/>
    </row>
    <row r="417416" spans="8:8">
      <c r="H417416" s="12"/>
    </row>
    <row r="417417" spans="8:8">
      <c r="H417417" s="12"/>
    </row>
    <row r="417418" spans="8:8">
      <c r="H417418" s="12"/>
    </row>
    <row r="417419" spans="8:8">
      <c r="H417419" s="12"/>
    </row>
    <row r="417420" spans="8:8">
      <c r="H417420" s="12"/>
    </row>
    <row r="417421" spans="8:8">
      <c r="H417421" s="12"/>
    </row>
    <row r="417422" spans="8:8">
      <c r="H417422" s="12"/>
    </row>
    <row r="417423" spans="8:8">
      <c r="H417423" s="12"/>
    </row>
    <row r="417424" spans="8:8">
      <c r="H417424" s="12"/>
    </row>
    <row r="417425" spans="8:8">
      <c r="H417425" s="12"/>
    </row>
    <row r="417426" spans="8:8">
      <c r="H417426" s="12"/>
    </row>
    <row r="417427" spans="8:8">
      <c r="H417427" s="12"/>
    </row>
    <row r="417428" spans="8:8">
      <c r="H417428" s="12"/>
    </row>
    <row r="417429" spans="8:8">
      <c r="H417429" s="12"/>
    </row>
    <row r="417430" spans="8:8">
      <c r="H417430" s="12"/>
    </row>
    <row r="417431" spans="8:8">
      <c r="H417431" s="12"/>
    </row>
    <row r="417432" spans="8:8">
      <c r="H417432" s="12"/>
    </row>
    <row r="417433" spans="8:8">
      <c r="H417433" s="12"/>
    </row>
    <row r="417434" spans="8:8">
      <c r="H417434" s="12"/>
    </row>
    <row r="417435" spans="8:8">
      <c r="H417435" s="12"/>
    </row>
    <row r="417436" spans="8:8">
      <c r="H417436" s="12"/>
    </row>
    <row r="417437" spans="8:8">
      <c r="H417437" s="12"/>
    </row>
    <row r="417438" spans="8:8">
      <c r="H417438" s="12"/>
    </row>
    <row r="417439" spans="8:8">
      <c r="H417439" s="12"/>
    </row>
    <row r="417440" spans="8:8">
      <c r="H417440" s="12"/>
    </row>
    <row r="417441" spans="8:8">
      <c r="H417441" s="12"/>
    </row>
    <row r="417442" spans="8:8">
      <c r="H417442" s="12"/>
    </row>
    <row r="417443" spans="8:8">
      <c r="H417443" s="12"/>
    </row>
    <row r="417444" spans="8:8">
      <c r="H417444" s="12"/>
    </row>
    <row r="417445" spans="8:8">
      <c r="H417445" s="12"/>
    </row>
    <row r="417446" spans="8:8">
      <c r="H417446" s="12"/>
    </row>
    <row r="417447" spans="8:8">
      <c r="H417447" s="12"/>
    </row>
    <row r="417448" spans="8:8">
      <c r="H417448" s="12"/>
    </row>
    <row r="417449" spans="8:8">
      <c r="H417449" s="12"/>
    </row>
    <row r="417450" spans="8:8">
      <c r="H417450" s="12"/>
    </row>
    <row r="417451" spans="8:8">
      <c r="H417451" s="12"/>
    </row>
    <row r="417452" spans="8:8">
      <c r="H417452" s="12"/>
    </row>
    <row r="417453" spans="8:8">
      <c r="H417453" s="12"/>
    </row>
    <row r="417454" spans="8:8">
      <c r="H417454" s="12"/>
    </row>
    <row r="417455" spans="8:8">
      <c r="H417455" s="12"/>
    </row>
    <row r="417456" spans="8:8">
      <c r="H417456" s="12"/>
    </row>
    <row r="417457" spans="8:8">
      <c r="H417457" s="12"/>
    </row>
    <row r="417458" spans="8:8">
      <c r="H417458" s="12"/>
    </row>
    <row r="417459" spans="8:8">
      <c r="H417459" s="12"/>
    </row>
    <row r="417460" spans="8:8">
      <c r="H417460" s="12"/>
    </row>
    <row r="417461" spans="8:8">
      <c r="H417461" s="12"/>
    </row>
    <row r="417462" spans="8:8">
      <c r="H417462" s="12"/>
    </row>
    <row r="417463" spans="8:8">
      <c r="H417463" s="12"/>
    </row>
    <row r="417464" spans="8:8">
      <c r="H417464" s="12"/>
    </row>
    <row r="417465" spans="8:8">
      <c r="H417465" s="12"/>
    </row>
    <row r="417466" spans="8:8">
      <c r="H417466" s="12"/>
    </row>
    <row r="417467" spans="8:8">
      <c r="H417467" s="12"/>
    </row>
    <row r="417468" spans="8:8">
      <c r="H417468" s="12"/>
    </row>
    <row r="417469" spans="8:8">
      <c r="H417469" s="12"/>
    </row>
    <row r="417470" spans="8:8">
      <c r="H417470" s="12"/>
    </row>
    <row r="417471" spans="8:8">
      <c r="H417471" s="12"/>
    </row>
    <row r="417472" spans="8:8">
      <c r="H417472" s="12"/>
    </row>
    <row r="417473" spans="8:8">
      <c r="H417473" s="12"/>
    </row>
    <row r="417474" spans="8:8">
      <c r="H417474" s="12"/>
    </row>
    <row r="417475" spans="8:8">
      <c r="H417475" s="12"/>
    </row>
    <row r="417476" spans="8:8">
      <c r="H417476" s="12"/>
    </row>
    <row r="417477" spans="8:8">
      <c r="H417477" s="12"/>
    </row>
    <row r="417478" spans="8:8">
      <c r="H417478" s="12"/>
    </row>
    <row r="417479" spans="8:8">
      <c r="H417479" s="12"/>
    </row>
    <row r="417480" spans="8:8">
      <c r="H417480" s="12"/>
    </row>
    <row r="417481" spans="8:8">
      <c r="H417481" s="12"/>
    </row>
    <row r="417482" spans="8:8">
      <c r="H417482" s="12"/>
    </row>
    <row r="417483" spans="8:8">
      <c r="H417483" s="12"/>
    </row>
    <row r="417484" spans="8:8">
      <c r="H417484" s="12"/>
    </row>
    <row r="417485" spans="8:8">
      <c r="H417485" s="12"/>
    </row>
    <row r="417486" spans="8:8">
      <c r="H417486" s="12"/>
    </row>
    <row r="417487" spans="8:8">
      <c r="H417487" s="12"/>
    </row>
    <row r="417488" spans="8:8">
      <c r="H417488" s="12"/>
    </row>
    <row r="417489" spans="8:8">
      <c r="H417489" s="12"/>
    </row>
    <row r="417490" spans="8:8">
      <c r="H417490" s="12"/>
    </row>
    <row r="417491" spans="8:8">
      <c r="H417491" s="12"/>
    </row>
    <row r="417492" spans="8:8">
      <c r="H417492" s="12"/>
    </row>
    <row r="417493" spans="8:8">
      <c r="H417493" s="12"/>
    </row>
    <row r="417494" spans="8:8">
      <c r="H417494" s="12"/>
    </row>
    <row r="417495" spans="8:8">
      <c r="H417495" s="12"/>
    </row>
    <row r="417496" spans="8:8">
      <c r="H417496" s="12"/>
    </row>
    <row r="417497" spans="8:8">
      <c r="H417497" s="12"/>
    </row>
    <row r="417498" spans="8:8">
      <c r="H417498" s="12"/>
    </row>
    <row r="417499" spans="8:8">
      <c r="H417499" s="12"/>
    </row>
    <row r="417500" spans="8:8">
      <c r="H417500" s="12"/>
    </row>
    <row r="417501" spans="8:8">
      <c r="H417501" s="12"/>
    </row>
    <row r="417502" spans="8:8">
      <c r="H417502" s="12"/>
    </row>
    <row r="417503" spans="8:8">
      <c r="H417503" s="12"/>
    </row>
    <row r="417504" spans="8:8">
      <c r="H417504" s="12"/>
    </row>
    <row r="417505" spans="8:8">
      <c r="H417505" s="12"/>
    </row>
    <row r="417506" spans="8:8">
      <c r="H417506" s="12"/>
    </row>
    <row r="417507" spans="8:8">
      <c r="H417507" s="12"/>
    </row>
    <row r="417508" spans="8:8">
      <c r="H417508" s="12"/>
    </row>
    <row r="417509" spans="8:8">
      <c r="H417509" s="12"/>
    </row>
    <row r="417510" spans="8:8">
      <c r="H417510" s="12"/>
    </row>
    <row r="417511" spans="8:8">
      <c r="H417511" s="12"/>
    </row>
    <row r="417512" spans="8:8">
      <c r="H417512" s="12"/>
    </row>
    <row r="417513" spans="8:8">
      <c r="H417513" s="12"/>
    </row>
    <row r="417514" spans="8:8">
      <c r="H417514" s="12"/>
    </row>
    <row r="417515" spans="8:8">
      <c r="H417515" s="12"/>
    </row>
    <row r="417516" spans="8:8">
      <c r="H417516" s="12"/>
    </row>
    <row r="417517" spans="8:8">
      <c r="H417517" s="12"/>
    </row>
    <row r="417518" spans="8:8">
      <c r="H417518" s="12"/>
    </row>
    <row r="417519" spans="8:8">
      <c r="H417519" s="12"/>
    </row>
    <row r="417520" spans="8:8">
      <c r="H417520" s="12"/>
    </row>
    <row r="417521" spans="8:8">
      <c r="H417521" s="12"/>
    </row>
    <row r="417522" spans="8:8">
      <c r="H417522" s="12"/>
    </row>
    <row r="417523" spans="8:8">
      <c r="H417523" s="12"/>
    </row>
    <row r="417524" spans="8:8">
      <c r="H417524" s="12"/>
    </row>
    <row r="417525" spans="8:8">
      <c r="H417525" s="12"/>
    </row>
    <row r="417526" spans="8:8">
      <c r="H417526" s="12"/>
    </row>
    <row r="417527" spans="8:8">
      <c r="H417527" s="12"/>
    </row>
    <row r="417528" spans="8:8">
      <c r="H417528" s="12"/>
    </row>
    <row r="417529" spans="8:8">
      <c r="H417529" s="12"/>
    </row>
    <row r="417530" spans="8:8">
      <c r="H417530" s="12"/>
    </row>
    <row r="417531" spans="8:8">
      <c r="H417531" s="12"/>
    </row>
    <row r="417532" spans="8:8">
      <c r="H417532" s="12"/>
    </row>
    <row r="417533" spans="8:8">
      <c r="H417533" s="12"/>
    </row>
    <row r="417534" spans="8:8">
      <c r="H417534" s="12"/>
    </row>
    <row r="417535" spans="8:8">
      <c r="H417535" s="12"/>
    </row>
    <row r="417536" spans="8:8">
      <c r="H417536" s="12"/>
    </row>
    <row r="417537" spans="8:8">
      <c r="H417537" s="12"/>
    </row>
    <row r="417538" spans="8:8">
      <c r="H417538" s="12"/>
    </row>
    <row r="417539" spans="8:8">
      <c r="H417539" s="12"/>
    </row>
    <row r="417540" spans="8:8">
      <c r="H417540" s="12"/>
    </row>
    <row r="417541" spans="8:8">
      <c r="H417541" s="12"/>
    </row>
    <row r="417542" spans="8:8">
      <c r="H417542" s="12"/>
    </row>
    <row r="417543" spans="8:8">
      <c r="H417543" s="12"/>
    </row>
    <row r="417544" spans="8:8">
      <c r="H417544" s="12"/>
    </row>
    <row r="417545" spans="8:8">
      <c r="H417545" s="12"/>
    </row>
    <row r="417546" spans="8:8">
      <c r="H417546" s="12"/>
    </row>
    <row r="417547" spans="8:8">
      <c r="H417547" s="12"/>
    </row>
    <row r="417548" spans="8:8">
      <c r="H417548" s="12"/>
    </row>
    <row r="417549" spans="8:8">
      <c r="H417549" s="12"/>
    </row>
    <row r="417550" spans="8:8">
      <c r="H417550" s="12"/>
    </row>
    <row r="417551" spans="8:8">
      <c r="H417551" s="12"/>
    </row>
    <row r="417552" spans="8:8">
      <c r="H417552" s="12"/>
    </row>
    <row r="417553" spans="8:8">
      <c r="H417553" s="12"/>
    </row>
    <row r="417554" spans="8:8">
      <c r="H417554" s="12"/>
    </row>
    <row r="417555" spans="8:8">
      <c r="H417555" s="12"/>
    </row>
    <row r="417556" spans="8:8">
      <c r="H417556" s="12"/>
    </row>
    <row r="417557" spans="8:8">
      <c r="H417557" s="12"/>
    </row>
    <row r="417558" spans="8:8">
      <c r="H417558" s="12"/>
    </row>
    <row r="417559" spans="8:8">
      <c r="H417559" s="12"/>
    </row>
    <row r="417560" spans="8:8">
      <c r="H417560" s="12"/>
    </row>
    <row r="417561" spans="8:8">
      <c r="H417561" s="12"/>
    </row>
    <row r="417562" spans="8:8">
      <c r="H417562" s="12"/>
    </row>
    <row r="417563" spans="8:8">
      <c r="H417563" s="12"/>
    </row>
    <row r="417564" spans="8:8">
      <c r="H417564" s="12"/>
    </row>
    <row r="417565" spans="8:8">
      <c r="H417565" s="12"/>
    </row>
    <row r="417566" spans="8:8">
      <c r="H417566" s="12"/>
    </row>
    <row r="417567" spans="8:8">
      <c r="H417567" s="12"/>
    </row>
    <row r="417568" spans="8:8">
      <c r="H417568" s="12"/>
    </row>
    <row r="417569" spans="8:8">
      <c r="H417569" s="12"/>
    </row>
    <row r="417570" spans="8:8">
      <c r="H417570" s="12"/>
    </row>
    <row r="417571" spans="8:8">
      <c r="H417571" s="12"/>
    </row>
    <row r="417572" spans="8:8">
      <c r="H417572" s="12"/>
    </row>
    <row r="417573" spans="8:8">
      <c r="H417573" s="12"/>
    </row>
    <row r="417574" spans="8:8">
      <c r="H417574" s="12"/>
    </row>
    <row r="417575" spans="8:8">
      <c r="H417575" s="12"/>
    </row>
    <row r="417576" spans="8:8">
      <c r="H417576" s="12"/>
    </row>
    <row r="417577" spans="8:8">
      <c r="H417577" s="12"/>
    </row>
    <row r="417578" spans="8:8">
      <c r="H417578" s="12"/>
    </row>
    <row r="417579" spans="8:8">
      <c r="H417579" s="12"/>
    </row>
    <row r="417580" spans="8:8">
      <c r="H417580" s="12"/>
    </row>
    <row r="417581" spans="8:8">
      <c r="H417581" s="12"/>
    </row>
    <row r="417582" spans="8:8">
      <c r="H417582" s="12"/>
    </row>
    <row r="417583" spans="8:8">
      <c r="H417583" s="12"/>
    </row>
    <row r="417584" spans="8:8">
      <c r="H417584" s="12"/>
    </row>
    <row r="417585" spans="8:8">
      <c r="H417585" s="12"/>
    </row>
    <row r="417586" spans="8:8">
      <c r="H417586" s="12"/>
    </row>
    <row r="417587" spans="8:8">
      <c r="H417587" s="12"/>
    </row>
    <row r="417588" spans="8:8">
      <c r="H417588" s="12"/>
    </row>
    <row r="417589" spans="8:8">
      <c r="H417589" s="12"/>
    </row>
    <row r="417590" spans="8:8">
      <c r="H417590" s="12"/>
    </row>
    <row r="417591" spans="8:8">
      <c r="H417591" s="12"/>
    </row>
    <row r="417592" spans="8:8">
      <c r="H417592" s="12"/>
    </row>
    <row r="417593" spans="8:8">
      <c r="H417593" s="12"/>
    </row>
    <row r="417594" spans="8:8">
      <c r="H417594" s="12"/>
    </row>
    <row r="417595" spans="8:8">
      <c r="H417595" s="12"/>
    </row>
    <row r="417596" spans="8:8">
      <c r="H417596" s="12"/>
    </row>
    <row r="417597" spans="8:8">
      <c r="H417597" s="12"/>
    </row>
    <row r="417598" spans="8:8">
      <c r="H417598" s="12"/>
    </row>
    <row r="417599" spans="8:8">
      <c r="H417599" s="12"/>
    </row>
    <row r="417600" spans="8:8">
      <c r="H417600" s="12"/>
    </row>
    <row r="417601" spans="8:8">
      <c r="H417601" s="12"/>
    </row>
    <row r="417602" spans="8:8">
      <c r="H417602" s="12"/>
    </row>
    <row r="417603" spans="8:8">
      <c r="H417603" s="12"/>
    </row>
    <row r="417604" spans="8:8">
      <c r="H417604" s="12"/>
    </row>
    <row r="417605" spans="8:8">
      <c r="H417605" s="12"/>
    </row>
    <row r="417606" spans="8:8">
      <c r="H417606" s="12"/>
    </row>
    <row r="417607" spans="8:8">
      <c r="H417607" s="12"/>
    </row>
    <row r="417608" spans="8:8">
      <c r="H417608" s="12"/>
    </row>
    <row r="417609" spans="8:8">
      <c r="H417609" s="12"/>
    </row>
    <row r="417610" spans="8:8">
      <c r="H417610" s="12"/>
    </row>
    <row r="417611" spans="8:8">
      <c r="H417611" s="12"/>
    </row>
    <row r="417612" spans="8:8">
      <c r="H417612" s="12"/>
    </row>
    <row r="417613" spans="8:8">
      <c r="H417613" s="12"/>
    </row>
    <row r="417614" spans="8:8">
      <c r="H417614" s="12"/>
    </row>
    <row r="417615" spans="8:8">
      <c r="H417615" s="12"/>
    </row>
    <row r="417616" spans="8:8">
      <c r="H417616" s="12"/>
    </row>
    <row r="417617" spans="8:8">
      <c r="H417617" s="12"/>
    </row>
    <row r="417618" spans="8:8">
      <c r="H417618" s="12"/>
    </row>
    <row r="417619" spans="8:8">
      <c r="H417619" s="12"/>
    </row>
    <row r="417620" spans="8:8">
      <c r="H417620" s="12"/>
    </row>
    <row r="417621" spans="8:8">
      <c r="H417621" s="12"/>
    </row>
    <row r="417622" spans="8:8">
      <c r="H417622" s="12"/>
    </row>
    <row r="417623" spans="8:8">
      <c r="H417623" s="12"/>
    </row>
    <row r="417624" spans="8:8">
      <c r="H417624" s="12"/>
    </row>
    <row r="417625" spans="8:8">
      <c r="H417625" s="12"/>
    </row>
    <row r="417626" spans="8:8">
      <c r="H417626" s="12"/>
    </row>
    <row r="417627" spans="8:8">
      <c r="H417627" s="12"/>
    </row>
    <row r="417628" spans="8:8">
      <c r="H417628" s="12"/>
    </row>
    <row r="417629" spans="8:8">
      <c r="H417629" s="12"/>
    </row>
    <row r="417630" spans="8:8">
      <c r="H417630" s="12"/>
    </row>
    <row r="417631" spans="8:8">
      <c r="H417631" s="12"/>
    </row>
    <row r="417632" spans="8:8">
      <c r="H417632" s="12"/>
    </row>
    <row r="417633" spans="8:8">
      <c r="H417633" s="12"/>
    </row>
    <row r="417634" spans="8:8">
      <c r="H417634" s="12"/>
    </row>
    <row r="417635" spans="8:8">
      <c r="H417635" s="12"/>
    </row>
    <row r="417636" spans="8:8">
      <c r="H417636" s="12"/>
    </row>
    <row r="417637" spans="8:8">
      <c r="H417637" s="12"/>
    </row>
    <row r="417638" spans="8:8">
      <c r="H417638" s="12"/>
    </row>
    <row r="417639" spans="8:8">
      <c r="H417639" s="12"/>
    </row>
    <row r="417640" spans="8:8">
      <c r="H417640" s="12"/>
    </row>
    <row r="417641" spans="8:8">
      <c r="H417641" s="12"/>
    </row>
    <row r="417642" spans="8:8">
      <c r="H417642" s="12"/>
    </row>
    <row r="417643" spans="8:8">
      <c r="H417643" s="12"/>
    </row>
    <row r="417644" spans="8:8">
      <c r="H417644" s="12"/>
    </row>
    <row r="417645" spans="8:8">
      <c r="H417645" s="12"/>
    </row>
    <row r="417646" spans="8:8">
      <c r="H417646" s="12"/>
    </row>
    <row r="417647" spans="8:8">
      <c r="H417647" s="12"/>
    </row>
    <row r="417648" spans="8:8">
      <c r="H417648" s="12"/>
    </row>
    <row r="417649" spans="8:8">
      <c r="H417649" s="12"/>
    </row>
    <row r="417650" spans="8:8">
      <c r="H417650" s="12"/>
    </row>
    <row r="417651" spans="8:8">
      <c r="H417651" s="12"/>
    </row>
    <row r="417652" spans="8:8">
      <c r="H417652" s="12"/>
    </row>
    <row r="417653" spans="8:8">
      <c r="H417653" s="12"/>
    </row>
    <row r="417654" spans="8:8">
      <c r="H417654" s="12"/>
    </row>
    <row r="417655" spans="8:8">
      <c r="H417655" s="12"/>
    </row>
    <row r="417656" spans="8:8">
      <c r="H417656" s="12"/>
    </row>
    <row r="417657" spans="8:8">
      <c r="H417657" s="12"/>
    </row>
    <row r="417658" spans="8:8">
      <c r="H417658" s="12"/>
    </row>
    <row r="417659" spans="8:8">
      <c r="H417659" s="12"/>
    </row>
    <row r="417660" spans="8:8">
      <c r="H417660" s="12"/>
    </row>
    <row r="417661" spans="8:8">
      <c r="H417661" s="12"/>
    </row>
    <row r="417662" spans="8:8">
      <c r="H417662" s="12"/>
    </row>
    <row r="417663" spans="8:8">
      <c r="H417663" s="12"/>
    </row>
    <row r="417664" spans="8:8">
      <c r="H417664" s="12"/>
    </row>
    <row r="417665" spans="8:8">
      <c r="H417665" s="12"/>
    </row>
    <row r="417666" spans="8:8">
      <c r="H417666" s="12"/>
    </row>
    <row r="417667" spans="8:8">
      <c r="H417667" s="12"/>
    </row>
    <row r="417668" spans="8:8">
      <c r="H417668" s="12"/>
    </row>
    <row r="417669" spans="8:8">
      <c r="H417669" s="12"/>
    </row>
    <row r="417670" spans="8:8">
      <c r="H417670" s="12"/>
    </row>
    <row r="417671" spans="8:8">
      <c r="H417671" s="12"/>
    </row>
    <row r="417672" spans="8:8">
      <c r="H417672" s="12"/>
    </row>
    <row r="417673" spans="8:8">
      <c r="H417673" s="12"/>
    </row>
    <row r="417674" spans="8:8">
      <c r="H417674" s="12"/>
    </row>
    <row r="417675" spans="8:8">
      <c r="H417675" s="12"/>
    </row>
    <row r="417676" spans="8:8">
      <c r="H417676" s="12"/>
    </row>
    <row r="417677" spans="8:8">
      <c r="H417677" s="12"/>
    </row>
    <row r="417678" spans="8:8">
      <c r="H417678" s="12"/>
    </row>
    <row r="417679" spans="8:8">
      <c r="H417679" s="12"/>
    </row>
    <row r="417680" spans="8:8">
      <c r="H417680" s="12"/>
    </row>
    <row r="417681" spans="8:8">
      <c r="H417681" s="12"/>
    </row>
    <row r="417682" spans="8:8">
      <c r="H417682" s="12"/>
    </row>
    <row r="417683" spans="8:8">
      <c r="H417683" s="12"/>
    </row>
    <row r="417684" spans="8:8">
      <c r="H417684" s="12"/>
    </row>
    <row r="417685" spans="8:8">
      <c r="H417685" s="12"/>
    </row>
    <row r="417686" spans="8:8">
      <c r="H417686" s="12"/>
    </row>
    <row r="417687" spans="8:8">
      <c r="H417687" s="12"/>
    </row>
    <row r="417688" spans="8:8">
      <c r="H417688" s="12"/>
    </row>
    <row r="417689" spans="8:8">
      <c r="H417689" s="12"/>
    </row>
    <row r="417690" spans="8:8">
      <c r="H417690" s="12"/>
    </row>
    <row r="417691" spans="8:8">
      <c r="H417691" s="12"/>
    </row>
    <row r="417692" spans="8:8">
      <c r="H417692" s="12"/>
    </row>
    <row r="417693" spans="8:8">
      <c r="H417693" s="12"/>
    </row>
    <row r="417694" spans="8:8">
      <c r="H417694" s="12"/>
    </row>
    <row r="417695" spans="8:8">
      <c r="H417695" s="12"/>
    </row>
    <row r="417696" spans="8:8">
      <c r="H417696" s="12"/>
    </row>
    <row r="417697" spans="8:8">
      <c r="H417697" s="12"/>
    </row>
    <row r="417698" spans="8:8">
      <c r="H417698" s="12"/>
    </row>
    <row r="417699" spans="8:8">
      <c r="H417699" s="12"/>
    </row>
    <row r="417700" spans="8:8">
      <c r="H417700" s="12"/>
    </row>
    <row r="417701" spans="8:8">
      <c r="H417701" s="12"/>
    </row>
    <row r="417702" spans="8:8">
      <c r="H417702" s="12"/>
    </row>
    <row r="417703" spans="8:8">
      <c r="H417703" s="12"/>
    </row>
    <row r="417704" spans="8:8">
      <c r="H417704" s="12"/>
    </row>
    <row r="417705" spans="8:8">
      <c r="H417705" s="12"/>
    </row>
    <row r="417706" spans="8:8">
      <c r="H417706" s="12"/>
    </row>
    <row r="417707" spans="8:8">
      <c r="H417707" s="12"/>
    </row>
    <row r="417708" spans="8:8">
      <c r="H417708" s="12"/>
    </row>
    <row r="417709" spans="8:8">
      <c r="H417709" s="12"/>
    </row>
    <row r="417710" spans="8:8">
      <c r="H417710" s="12"/>
    </row>
    <row r="417711" spans="8:8">
      <c r="H417711" s="12"/>
    </row>
    <row r="417712" spans="8:8">
      <c r="H417712" s="12"/>
    </row>
    <row r="417713" spans="8:8">
      <c r="H417713" s="12"/>
    </row>
    <row r="417714" spans="8:8">
      <c r="H417714" s="12"/>
    </row>
    <row r="417715" spans="8:8">
      <c r="H417715" s="12"/>
    </row>
    <row r="417716" spans="8:8">
      <c r="H417716" s="12"/>
    </row>
    <row r="417717" spans="8:8">
      <c r="H417717" s="12"/>
    </row>
    <row r="417718" spans="8:8">
      <c r="H417718" s="12"/>
    </row>
    <row r="417719" spans="8:8">
      <c r="H417719" s="12"/>
    </row>
    <row r="417720" spans="8:8">
      <c r="H417720" s="12"/>
    </row>
    <row r="417721" spans="8:8">
      <c r="H417721" s="12"/>
    </row>
    <row r="417722" spans="8:8">
      <c r="H417722" s="12"/>
    </row>
    <row r="417723" spans="8:8">
      <c r="H417723" s="12"/>
    </row>
    <row r="417724" spans="8:8">
      <c r="H417724" s="12"/>
    </row>
    <row r="417725" spans="8:8">
      <c r="H417725" s="12"/>
    </row>
    <row r="417726" spans="8:8">
      <c r="H417726" s="12"/>
    </row>
    <row r="417727" spans="8:8">
      <c r="H417727" s="12"/>
    </row>
    <row r="417728" spans="8:8">
      <c r="H417728" s="12"/>
    </row>
    <row r="417729" spans="8:8">
      <c r="H417729" s="12"/>
    </row>
    <row r="417730" spans="8:8">
      <c r="H417730" s="12"/>
    </row>
    <row r="417731" spans="8:8">
      <c r="H417731" s="12"/>
    </row>
    <row r="417732" spans="8:8">
      <c r="H417732" s="12"/>
    </row>
    <row r="417733" spans="8:8">
      <c r="H417733" s="12"/>
    </row>
    <row r="417734" spans="8:8">
      <c r="H417734" s="12"/>
    </row>
    <row r="417735" spans="8:8">
      <c r="H417735" s="12"/>
    </row>
    <row r="417736" spans="8:8">
      <c r="H417736" s="12"/>
    </row>
    <row r="417737" spans="8:8">
      <c r="H417737" s="12"/>
    </row>
    <row r="417738" spans="8:8">
      <c r="H417738" s="12"/>
    </row>
    <row r="417739" spans="8:8">
      <c r="H417739" s="12"/>
    </row>
    <row r="417740" spans="8:8">
      <c r="H417740" s="12"/>
    </row>
    <row r="417741" spans="8:8">
      <c r="H417741" s="12"/>
    </row>
    <row r="417742" spans="8:8">
      <c r="H417742" s="12"/>
    </row>
    <row r="417743" spans="8:8">
      <c r="H417743" s="12"/>
    </row>
    <row r="417744" spans="8:8">
      <c r="H417744" s="12"/>
    </row>
    <row r="417745" spans="8:8">
      <c r="H417745" s="12"/>
    </row>
    <row r="417746" spans="8:8">
      <c r="H417746" s="12"/>
    </row>
    <row r="417747" spans="8:8">
      <c r="H417747" s="12"/>
    </row>
    <row r="417748" spans="8:8">
      <c r="H417748" s="12"/>
    </row>
    <row r="417749" spans="8:8">
      <c r="H417749" s="12"/>
    </row>
    <row r="417750" spans="8:8">
      <c r="H417750" s="12"/>
    </row>
    <row r="417751" spans="8:8">
      <c r="H417751" s="12"/>
    </row>
    <row r="417752" spans="8:8">
      <c r="H417752" s="12"/>
    </row>
    <row r="417753" spans="8:8">
      <c r="H417753" s="12"/>
    </row>
    <row r="417754" spans="8:8">
      <c r="H417754" s="12"/>
    </row>
    <row r="417755" spans="8:8">
      <c r="H417755" s="12"/>
    </row>
    <row r="417756" spans="8:8">
      <c r="H417756" s="12"/>
    </row>
    <row r="417757" spans="8:8">
      <c r="H417757" s="12"/>
    </row>
    <row r="417758" spans="8:8">
      <c r="H417758" s="12"/>
    </row>
    <row r="417759" spans="8:8">
      <c r="H417759" s="12"/>
    </row>
    <row r="417760" spans="8:8">
      <c r="H417760" s="12"/>
    </row>
    <row r="417761" spans="8:8">
      <c r="H417761" s="12"/>
    </row>
    <row r="417762" spans="8:8">
      <c r="H417762" s="12"/>
    </row>
    <row r="417763" spans="8:8">
      <c r="H417763" s="12"/>
    </row>
    <row r="417764" spans="8:8">
      <c r="H417764" s="12"/>
    </row>
    <row r="417765" spans="8:8">
      <c r="H417765" s="12"/>
    </row>
    <row r="417766" spans="8:8">
      <c r="H417766" s="12"/>
    </row>
    <row r="417767" spans="8:8">
      <c r="H417767" s="12"/>
    </row>
    <row r="417768" spans="8:8">
      <c r="H417768" s="12"/>
    </row>
    <row r="417769" spans="8:8">
      <c r="H417769" s="12"/>
    </row>
    <row r="417770" spans="8:8">
      <c r="H417770" s="12"/>
    </row>
    <row r="417771" spans="8:8">
      <c r="H417771" s="12"/>
    </row>
    <row r="417772" spans="8:8">
      <c r="H417772" s="12"/>
    </row>
    <row r="417773" spans="8:8">
      <c r="H417773" s="12"/>
    </row>
    <row r="417774" spans="8:8">
      <c r="H417774" s="12"/>
    </row>
    <row r="417775" spans="8:8">
      <c r="H417775" s="12"/>
    </row>
    <row r="417776" spans="8:8">
      <c r="H417776" s="12"/>
    </row>
    <row r="417777" spans="8:8">
      <c r="H417777" s="12"/>
    </row>
    <row r="417778" spans="8:8">
      <c r="H417778" s="12"/>
    </row>
    <row r="417779" spans="8:8">
      <c r="H417779" s="12"/>
    </row>
    <row r="417780" spans="8:8">
      <c r="H417780" s="12"/>
    </row>
    <row r="417781" spans="8:8">
      <c r="H417781" s="12"/>
    </row>
    <row r="417782" spans="8:8">
      <c r="H417782" s="12"/>
    </row>
    <row r="417783" spans="8:8">
      <c r="H417783" s="12"/>
    </row>
    <row r="417784" spans="8:8">
      <c r="H417784" s="12"/>
    </row>
    <row r="417785" spans="8:8">
      <c r="H417785" s="12"/>
    </row>
    <row r="417786" spans="8:8">
      <c r="H417786" s="12"/>
    </row>
    <row r="417787" spans="8:8">
      <c r="H417787" s="12"/>
    </row>
    <row r="417788" spans="8:8">
      <c r="H417788" s="12"/>
    </row>
    <row r="417789" spans="8:8">
      <c r="H417789" s="12"/>
    </row>
    <row r="417790" spans="8:8">
      <c r="H417790" s="12"/>
    </row>
    <row r="417791" spans="8:8">
      <c r="H417791" s="12"/>
    </row>
    <row r="417792" spans="8:8">
      <c r="H417792" s="12"/>
    </row>
    <row r="417793" spans="8:8">
      <c r="H417793" s="12"/>
    </row>
    <row r="417794" spans="8:8">
      <c r="H417794" s="12"/>
    </row>
    <row r="417795" spans="8:8">
      <c r="H417795" s="12"/>
    </row>
    <row r="417796" spans="8:8">
      <c r="H417796" s="12"/>
    </row>
    <row r="417797" spans="8:8">
      <c r="H417797" s="12"/>
    </row>
    <row r="417798" spans="8:8">
      <c r="H417798" s="12"/>
    </row>
    <row r="417799" spans="8:8">
      <c r="H417799" s="12"/>
    </row>
    <row r="417800" spans="8:8">
      <c r="H417800" s="12"/>
    </row>
    <row r="417801" spans="8:8">
      <c r="H417801" s="12"/>
    </row>
    <row r="417802" spans="8:8">
      <c r="H417802" s="12"/>
    </row>
    <row r="417803" spans="8:8">
      <c r="H417803" s="12"/>
    </row>
    <row r="417804" spans="8:8">
      <c r="H417804" s="12"/>
    </row>
    <row r="417805" spans="8:8">
      <c r="H417805" s="12"/>
    </row>
    <row r="417806" spans="8:8">
      <c r="H417806" s="12"/>
    </row>
    <row r="417807" spans="8:8">
      <c r="H417807" s="12"/>
    </row>
    <row r="417808" spans="8:8">
      <c r="H417808" s="12"/>
    </row>
    <row r="417809" spans="8:8">
      <c r="H417809" s="12"/>
    </row>
    <row r="417810" spans="8:8">
      <c r="H417810" s="12"/>
    </row>
    <row r="417811" spans="8:8">
      <c r="H417811" s="12"/>
    </row>
    <row r="417812" spans="8:8">
      <c r="H417812" s="12"/>
    </row>
    <row r="417813" spans="8:8">
      <c r="H417813" s="12"/>
    </row>
    <row r="417814" spans="8:8">
      <c r="H417814" s="12"/>
    </row>
    <row r="417815" spans="8:8">
      <c r="H417815" s="12"/>
    </row>
    <row r="417816" spans="8:8">
      <c r="H417816" s="12"/>
    </row>
    <row r="417817" spans="8:8">
      <c r="H417817" s="12"/>
    </row>
    <row r="417818" spans="8:8">
      <c r="H417818" s="12"/>
    </row>
    <row r="417819" spans="8:8">
      <c r="H417819" s="12"/>
    </row>
    <row r="417820" spans="8:8">
      <c r="H417820" s="12"/>
    </row>
    <row r="417821" spans="8:8">
      <c r="H417821" s="12"/>
    </row>
    <row r="417822" spans="8:8">
      <c r="H417822" s="12"/>
    </row>
    <row r="417823" spans="8:8">
      <c r="H417823" s="12"/>
    </row>
    <row r="417824" spans="8:8">
      <c r="H417824" s="12"/>
    </row>
    <row r="417825" spans="8:8">
      <c r="H417825" s="12"/>
    </row>
    <row r="417826" spans="8:8">
      <c r="H417826" s="12"/>
    </row>
    <row r="417827" spans="8:8">
      <c r="H417827" s="12"/>
    </row>
    <row r="417828" spans="8:8">
      <c r="H417828" s="12"/>
    </row>
    <row r="417829" spans="8:8">
      <c r="H417829" s="12"/>
    </row>
    <row r="417830" spans="8:8">
      <c r="H417830" s="12"/>
    </row>
    <row r="417831" spans="8:8">
      <c r="H417831" s="12"/>
    </row>
    <row r="417832" spans="8:8">
      <c r="H417832" s="12"/>
    </row>
    <row r="417833" spans="8:8">
      <c r="H417833" s="12"/>
    </row>
    <row r="417834" spans="8:8">
      <c r="H417834" s="12"/>
    </row>
    <row r="417835" spans="8:8">
      <c r="H417835" s="12"/>
    </row>
    <row r="417836" spans="8:8">
      <c r="H417836" s="12"/>
    </row>
    <row r="417837" spans="8:8">
      <c r="H417837" s="12"/>
    </row>
    <row r="417838" spans="8:8">
      <c r="H417838" s="12"/>
    </row>
    <row r="417839" spans="8:8">
      <c r="H417839" s="12"/>
    </row>
    <row r="417840" spans="8:8">
      <c r="H417840" s="12"/>
    </row>
    <row r="417841" spans="8:8">
      <c r="H417841" s="12"/>
    </row>
    <row r="417842" spans="8:8">
      <c r="H417842" s="12"/>
    </row>
    <row r="417843" spans="8:8">
      <c r="H417843" s="12"/>
    </row>
    <row r="417844" spans="8:8">
      <c r="H417844" s="12"/>
    </row>
    <row r="417845" spans="8:8">
      <c r="H417845" s="12"/>
    </row>
    <row r="417846" spans="8:8">
      <c r="H417846" s="12"/>
    </row>
    <row r="417847" spans="8:8">
      <c r="H417847" s="12"/>
    </row>
    <row r="417848" spans="8:8">
      <c r="H417848" s="12"/>
    </row>
    <row r="417849" spans="8:8">
      <c r="H417849" s="12"/>
    </row>
    <row r="417850" spans="8:8">
      <c r="H417850" s="12"/>
    </row>
    <row r="417851" spans="8:8">
      <c r="H417851" s="12"/>
    </row>
    <row r="417852" spans="8:8">
      <c r="H417852" s="12"/>
    </row>
    <row r="417853" spans="8:8">
      <c r="H417853" s="12"/>
    </row>
    <row r="417854" spans="8:8">
      <c r="H417854" s="12"/>
    </row>
    <row r="417855" spans="8:8">
      <c r="H417855" s="12"/>
    </row>
    <row r="417856" spans="8:8">
      <c r="H417856" s="12"/>
    </row>
    <row r="417857" spans="8:8">
      <c r="H417857" s="12"/>
    </row>
    <row r="417858" spans="8:8">
      <c r="H417858" s="12"/>
    </row>
    <row r="417859" spans="8:8">
      <c r="H417859" s="12"/>
    </row>
    <row r="417860" spans="8:8">
      <c r="H417860" s="12"/>
    </row>
    <row r="417861" spans="8:8">
      <c r="H417861" s="12"/>
    </row>
    <row r="417862" spans="8:8">
      <c r="H417862" s="12"/>
    </row>
    <row r="417863" spans="8:8">
      <c r="H417863" s="12"/>
    </row>
    <row r="417864" spans="8:8">
      <c r="H417864" s="12"/>
    </row>
    <row r="417865" spans="8:8">
      <c r="H417865" s="12"/>
    </row>
    <row r="417866" spans="8:8">
      <c r="H417866" s="12"/>
    </row>
    <row r="417867" spans="8:8">
      <c r="H417867" s="12"/>
    </row>
    <row r="417868" spans="8:8">
      <c r="H417868" s="12"/>
    </row>
    <row r="417869" spans="8:8">
      <c r="H417869" s="12"/>
    </row>
    <row r="417870" spans="8:8">
      <c r="H417870" s="12"/>
    </row>
    <row r="417871" spans="8:8">
      <c r="H417871" s="12"/>
    </row>
    <row r="417872" spans="8:8">
      <c r="H417872" s="12"/>
    </row>
    <row r="417873" spans="8:8">
      <c r="H417873" s="12"/>
    </row>
    <row r="417874" spans="8:8">
      <c r="H417874" s="12"/>
    </row>
    <row r="417875" spans="8:8">
      <c r="H417875" s="12"/>
    </row>
    <row r="417876" spans="8:8">
      <c r="H417876" s="12"/>
    </row>
    <row r="417877" spans="8:8">
      <c r="H417877" s="12"/>
    </row>
    <row r="417878" spans="8:8">
      <c r="H417878" s="12"/>
    </row>
    <row r="417879" spans="8:8">
      <c r="H417879" s="12"/>
    </row>
    <row r="417880" spans="8:8">
      <c r="H417880" s="12"/>
    </row>
    <row r="417881" spans="8:8">
      <c r="H417881" s="12"/>
    </row>
    <row r="417882" spans="8:8">
      <c r="H417882" s="12"/>
    </row>
    <row r="417883" spans="8:8">
      <c r="H417883" s="12"/>
    </row>
    <row r="417884" spans="8:8">
      <c r="H417884" s="12"/>
    </row>
    <row r="417885" spans="8:8">
      <c r="H417885" s="12"/>
    </row>
    <row r="417886" spans="8:8">
      <c r="H417886" s="12"/>
    </row>
    <row r="417887" spans="8:8">
      <c r="H417887" s="12"/>
    </row>
    <row r="417888" spans="8:8">
      <c r="H417888" s="12"/>
    </row>
    <row r="417889" spans="8:8">
      <c r="H417889" s="12"/>
    </row>
    <row r="417890" spans="8:8">
      <c r="H417890" s="12"/>
    </row>
    <row r="417891" spans="8:8">
      <c r="H417891" s="12"/>
    </row>
    <row r="417892" spans="8:8">
      <c r="H417892" s="12"/>
    </row>
    <row r="417893" spans="8:8">
      <c r="H417893" s="12"/>
    </row>
    <row r="417894" spans="8:8">
      <c r="H417894" s="12"/>
    </row>
    <row r="417895" spans="8:8">
      <c r="H417895" s="12"/>
    </row>
    <row r="417896" spans="8:8">
      <c r="H417896" s="12"/>
    </row>
    <row r="417897" spans="8:8">
      <c r="H417897" s="12"/>
    </row>
    <row r="417898" spans="8:8">
      <c r="H417898" s="12"/>
    </row>
    <row r="417899" spans="8:8">
      <c r="H417899" s="12"/>
    </row>
    <row r="417900" spans="8:8">
      <c r="H417900" s="12"/>
    </row>
    <row r="417901" spans="8:8">
      <c r="H417901" s="12"/>
    </row>
    <row r="417902" spans="8:8">
      <c r="H417902" s="12"/>
    </row>
    <row r="417903" spans="8:8">
      <c r="H417903" s="12"/>
    </row>
    <row r="417904" spans="8:8">
      <c r="H417904" s="12"/>
    </row>
    <row r="417905" spans="8:8">
      <c r="H417905" s="12"/>
    </row>
    <row r="417906" spans="8:8">
      <c r="H417906" s="12"/>
    </row>
    <row r="417907" spans="8:8">
      <c r="H417907" s="12"/>
    </row>
    <row r="417908" spans="8:8">
      <c r="H417908" s="12"/>
    </row>
    <row r="417909" spans="8:8">
      <c r="H417909" s="12"/>
    </row>
    <row r="417910" spans="8:8">
      <c r="H417910" s="12"/>
    </row>
    <row r="417911" spans="8:8">
      <c r="H417911" s="12"/>
    </row>
    <row r="417912" spans="8:8">
      <c r="H417912" s="12"/>
    </row>
    <row r="417913" spans="8:8">
      <c r="H417913" s="12"/>
    </row>
    <row r="417914" spans="8:8">
      <c r="H417914" s="12"/>
    </row>
    <row r="417915" spans="8:8">
      <c r="H417915" s="12"/>
    </row>
    <row r="417916" spans="8:8">
      <c r="H417916" s="12"/>
    </row>
    <row r="417917" spans="8:8">
      <c r="H417917" s="12"/>
    </row>
    <row r="417918" spans="8:8">
      <c r="H417918" s="12"/>
    </row>
    <row r="417919" spans="8:8">
      <c r="H417919" s="12"/>
    </row>
    <row r="417920" spans="8:8">
      <c r="H417920" s="12"/>
    </row>
    <row r="417921" spans="8:8">
      <c r="H417921" s="12"/>
    </row>
    <row r="417922" spans="8:8">
      <c r="H417922" s="12"/>
    </row>
    <row r="417923" spans="8:8">
      <c r="H417923" s="12"/>
    </row>
    <row r="417924" spans="8:8">
      <c r="H417924" s="12"/>
    </row>
    <row r="417925" spans="8:8">
      <c r="H417925" s="12"/>
    </row>
    <row r="417926" spans="8:8">
      <c r="H417926" s="12"/>
    </row>
    <row r="417927" spans="8:8">
      <c r="H417927" s="12"/>
    </row>
    <row r="417928" spans="8:8">
      <c r="H417928" s="12"/>
    </row>
    <row r="417929" spans="8:8">
      <c r="H417929" s="12"/>
    </row>
    <row r="417930" spans="8:8">
      <c r="H417930" s="12"/>
    </row>
    <row r="417931" spans="8:8">
      <c r="H417931" s="12"/>
    </row>
    <row r="417932" spans="8:8">
      <c r="H417932" s="12"/>
    </row>
    <row r="417933" spans="8:8">
      <c r="H417933" s="12"/>
    </row>
    <row r="417934" spans="8:8">
      <c r="H417934" s="12"/>
    </row>
    <row r="417935" spans="8:8">
      <c r="H417935" s="12"/>
    </row>
    <row r="417936" spans="8:8">
      <c r="H417936" s="12"/>
    </row>
    <row r="417937" spans="8:8">
      <c r="H417937" s="12"/>
    </row>
    <row r="417938" spans="8:8">
      <c r="H417938" s="12"/>
    </row>
    <row r="417939" spans="8:8">
      <c r="H417939" s="12"/>
    </row>
    <row r="417940" spans="8:8">
      <c r="H417940" s="12"/>
    </row>
    <row r="417941" spans="8:8">
      <c r="H417941" s="12"/>
    </row>
    <row r="417942" spans="8:8">
      <c r="H417942" s="12"/>
    </row>
    <row r="417943" spans="8:8">
      <c r="H417943" s="12"/>
    </row>
    <row r="417944" spans="8:8">
      <c r="H417944" s="12"/>
    </row>
    <row r="417945" spans="8:8">
      <c r="H417945" s="12"/>
    </row>
    <row r="417946" spans="8:8">
      <c r="H417946" s="12"/>
    </row>
    <row r="417947" spans="8:8">
      <c r="H417947" s="12"/>
    </row>
    <row r="417948" spans="8:8">
      <c r="H417948" s="12"/>
    </row>
    <row r="417949" spans="8:8">
      <c r="H417949" s="12"/>
    </row>
    <row r="417950" spans="8:8">
      <c r="H417950" s="12"/>
    </row>
    <row r="417951" spans="8:8">
      <c r="H417951" s="12"/>
    </row>
    <row r="417952" spans="8:8">
      <c r="H417952" s="12"/>
    </row>
    <row r="417953" spans="8:8">
      <c r="H417953" s="12"/>
    </row>
    <row r="417954" spans="8:8">
      <c r="H417954" s="12"/>
    </row>
    <row r="417955" spans="8:8">
      <c r="H417955" s="12"/>
    </row>
    <row r="417956" spans="8:8">
      <c r="H417956" s="12"/>
    </row>
    <row r="417957" spans="8:8">
      <c r="H417957" s="12"/>
    </row>
    <row r="417958" spans="8:8">
      <c r="H417958" s="12"/>
    </row>
    <row r="417959" spans="8:8">
      <c r="H417959" s="12"/>
    </row>
    <row r="417960" spans="8:8">
      <c r="H417960" s="12"/>
    </row>
    <row r="417961" spans="8:8">
      <c r="H417961" s="12"/>
    </row>
    <row r="417962" spans="8:8">
      <c r="H417962" s="12"/>
    </row>
    <row r="417963" spans="8:8">
      <c r="H417963" s="12"/>
    </row>
    <row r="417964" spans="8:8">
      <c r="H417964" s="12"/>
    </row>
    <row r="417965" spans="8:8">
      <c r="H417965" s="12"/>
    </row>
    <row r="417966" spans="8:8">
      <c r="H417966" s="12"/>
    </row>
    <row r="417967" spans="8:8">
      <c r="H417967" s="12"/>
    </row>
    <row r="417968" spans="8:8">
      <c r="H417968" s="12"/>
    </row>
    <row r="417969" spans="8:8">
      <c r="H417969" s="12"/>
    </row>
    <row r="417970" spans="8:8">
      <c r="H417970" s="12"/>
    </row>
    <row r="417971" spans="8:8">
      <c r="H417971" s="12"/>
    </row>
    <row r="417972" spans="8:8">
      <c r="H417972" s="12"/>
    </row>
    <row r="417973" spans="8:8">
      <c r="H417973" s="12"/>
    </row>
    <row r="417974" spans="8:8">
      <c r="H417974" s="12"/>
    </row>
    <row r="417975" spans="8:8">
      <c r="H417975" s="12"/>
    </row>
    <row r="417976" spans="8:8">
      <c r="H417976" s="12"/>
    </row>
    <row r="417977" spans="8:8">
      <c r="H417977" s="12"/>
    </row>
    <row r="417978" spans="8:8">
      <c r="H417978" s="12"/>
    </row>
    <row r="417979" spans="8:8">
      <c r="H417979" s="12"/>
    </row>
    <row r="417980" spans="8:8">
      <c r="H417980" s="12"/>
    </row>
    <row r="417981" spans="8:8">
      <c r="H417981" s="12"/>
    </row>
    <row r="417982" spans="8:8">
      <c r="H417982" s="12"/>
    </row>
    <row r="417983" spans="8:8">
      <c r="H417983" s="12"/>
    </row>
    <row r="417984" spans="8:8">
      <c r="H417984" s="12"/>
    </row>
    <row r="417985" spans="8:8">
      <c r="H417985" s="12"/>
    </row>
    <row r="417986" spans="8:8">
      <c r="H417986" s="12"/>
    </row>
    <row r="417987" spans="8:8">
      <c r="H417987" s="12"/>
    </row>
    <row r="417988" spans="8:8">
      <c r="H417988" s="12"/>
    </row>
    <row r="417989" spans="8:8">
      <c r="H417989" s="12"/>
    </row>
    <row r="417990" spans="8:8">
      <c r="H417990" s="12"/>
    </row>
    <row r="417991" spans="8:8">
      <c r="H417991" s="12"/>
    </row>
    <row r="417992" spans="8:8">
      <c r="H417992" s="12"/>
    </row>
    <row r="417993" spans="8:8">
      <c r="H417993" s="12"/>
    </row>
    <row r="417994" spans="8:8">
      <c r="H417994" s="12"/>
    </row>
    <row r="417995" spans="8:8">
      <c r="H417995" s="12"/>
    </row>
    <row r="417996" spans="8:8">
      <c r="H417996" s="12"/>
    </row>
    <row r="417997" spans="8:8">
      <c r="H417997" s="12"/>
    </row>
    <row r="417998" spans="8:8">
      <c r="H417998" s="12"/>
    </row>
    <row r="417999" spans="8:8">
      <c r="H417999" s="12"/>
    </row>
    <row r="418000" spans="8:8">
      <c r="H418000" s="12"/>
    </row>
    <row r="418001" spans="8:8">
      <c r="H418001" s="12"/>
    </row>
    <row r="418002" spans="8:8">
      <c r="H418002" s="12"/>
    </row>
    <row r="418003" spans="8:8">
      <c r="H418003" s="12"/>
    </row>
    <row r="418004" spans="8:8">
      <c r="H418004" s="12"/>
    </row>
    <row r="418005" spans="8:8">
      <c r="H418005" s="12"/>
    </row>
    <row r="418006" spans="8:8">
      <c r="H418006" s="12"/>
    </row>
    <row r="418007" spans="8:8">
      <c r="H418007" s="12"/>
    </row>
    <row r="418008" spans="8:8">
      <c r="H418008" s="12"/>
    </row>
    <row r="418009" spans="8:8">
      <c r="H418009" s="12"/>
    </row>
    <row r="418010" spans="8:8">
      <c r="H418010" s="12"/>
    </row>
    <row r="418011" spans="8:8">
      <c r="H418011" s="12"/>
    </row>
    <row r="418012" spans="8:8">
      <c r="H418012" s="12"/>
    </row>
    <row r="418013" spans="8:8">
      <c r="H418013" s="12"/>
    </row>
    <row r="418014" spans="8:8">
      <c r="H418014" s="12"/>
    </row>
    <row r="418015" spans="8:8">
      <c r="H418015" s="12"/>
    </row>
    <row r="418016" spans="8:8">
      <c r="H418016" s="12"/>
    </row>
    <row r="418017" spans="8:8">
      <c r="H418017" s="12"/>
    </row>
    <row r="418018" spans="8:8">
      <c r="H418018" s="12"/>
    </row>
    <row r="418019" spans="8:8">
      <c r="H418019" s="12"/>
    </row>
    <row r="418020" spans="8:8">
      <c r="H418020" s="12"/>
    </row>
    <row r="418021" spans="8:8">
      <c r="H418021" s="12"/>
    </row>
    <row r="418022" spans="8:8">
      <c r="H418022" s="12"/>
    </row>
    <row r="418023" spans="8:8">
      <c r="H418023" s="12"/>
    </row>
    <row r="418024" spans="8:8">
      <c r="H418024" s="12"/>
    </row>
    <row r="418025" spans="8:8">
      <c r="H418025" s="12"/>
    </row>
    <row r="418026" spans="8:8">
      <c r="H418026" s="12"/>
    </row>
    <row r="418027" spans="8:8">
      <c r="H418027" s="12"/>
    </row>
    <row r="418028" spans="8:8">
      <c r="H418028" s="12"/>
    </row>
    <row r="418029" spans="8:8">
      <c r="H418029" s="12"/>
    </row>
    <row r="418030" spans="8:8">
      <c r="H418030" s="12"/>
    </row>
    <row r="418031" spans="8:8">
      <c r="H418031" s="12"/>
    </row>
    <row r="418032" spans="8:8">
      <c r="H418032" s="12"/>
    </row>
    <row r="418033" spans="8:8">
      <c r="H418033" s="12"/>
    </row>
    <row r="418034" spans="8:8">
      <c r="H418034" s="12"/>
    </row>
    <row r="418035" spans="8:8">
      <c r="H418035" s="12"/>
    </row>
    <row r="418036" spans="8:8">
      <c r="H418036" s="12"/>
    </row>
    <row r="418037" spans="8:8">
      <c r="H418037" s="12"/>
    </row>
    <row r="418038" spans="8:8">
      <c r="H418038" s="12"/>
    </row>
    <row r="418039" spans="8:8">
      <c r="H418039" s="12"/>
    </row>
    <row r="418040" spans="8:8">
      <c r="H418040" s="12"/>
    </row>
    <row r="418041" spans="8:8">
      <c r="H418041" s="12"/>
    </row>
    <row r="418042" spans="8:8">
      <c r="H418042" s="12"/>
    </row>
    <row r="418043" spans="8:8">
      <c r="H418043" s="12"/>
    </row>
    <row r="418044" spans="8:8">
      <c r="H418044" s="12"/>
    </row>
    <row r="418045" spans="8:8">
      <c r="H418045" s="12"/>
    </row>
    <row r="418046" spans="8:8">
      <c r="H418046" s="12"/>
    </row>
    <row r="418047" spans="8:8">
      <c r="H418047" s="12"/>
    </row>
    <row r="418048" spans="8:8">
      <c r="H418048" s="12"/>
    </row>
    <row r="418049" spans="8:8">
      <c r="H418049" s="12"/>
    </row>
    <row r="418050" spans="8:8">
      <c r="H418050" s="12"/>
    </row>
    <row r="418051" spans="8:8">
      <c r="H418051" s="12"/>
    </row>
    <row r="418052" spans="8:8">
      <c r="H418052" s="12"/>
    </row>
    <row r="418053" spans="8:8">
      <c r="H418053" s="12"/>
    </row>
    <row r="418054" spans="8:8">
      <c r="H418054" s="12"/>
    </row>
    <row r="418055" spans="8:8">
      <c r="H418055" s="12"/>
    </row>
    <row r="418056" spans="8:8">
      <c r="H418056" s="12"/>
    </row>
    <row r="418057" spans="8:8">
      <c r="H418057" s="12"/>
    </row>
    <row r="418058" spans="8:8">
      <c r="H418058" s="12"/>
    </row>
    <row r="418059" spans="8:8">
      <c r="H418059" s="12"/>
    </row>
    <row r="418060" spans="8:8">
      <c r="H418060" s="12"/>
    </row>
    <row r="418061" spans="8:8">
      <c r="H418061" s="12"/>
    </row>
    <row r="418062" spans="8:8">
      <c r="H418062" s="12"/>
    </row>
    <row r="418063" spans="8:8">
      <c r="H418063" s="12"/>
    </row>
    <row r="418064" spans="8:8">
      <c r="H418064" s="12"/>
    </row>
    <row r="418065" spans="8:8">
      <c r="H418065" s="12"/>
    </row>
    <row r="418066" spans="8:8">
      <c r="H418066" s="12"/>
    </row>
    <row r="418067" spans="8:8">
      <c r="H418067" s="12"/>
    </row>
    <row r="418068" spans="8:8">
      <c r="H418068" s="12"/>
    </row>
    <row r="418069" spans="8:8">
      <c r="H418069" s="12"/>
    </row>
    <row r="418070" spans="8:8">
      <c r="H418070" s="12"/>
    </row>
    <row r="418071" spans="8:8">
      <c r="H418071" s="12"/>
    </row>
    <row r="418072" spans="8:8">
      <c r="H418072" s="12"/>
    </row>
    <row r="418073" spans="8:8">
      <c r="H418073" s="12"/>
    </row>
    <row r="418074" spans="8:8">
      <c r="H418074" s="12"/>
    </row>
    <row r="418075" spans="8:8">
      <c r="H418075" s="12"/>
    </row>
    <row r="418076" spans="8:8">
      <c r="H418076" s="12"/>
    </row>
    <row r="418077" spans="8:8">
      <c r="H418077" s="12"/>
    </row>
    <row r="418078" spans="8:8">
      <c r="H418078" s="12"/>
    </row>
    <row r="418079" spans="8:8">
      <c r="H418079" s="12"/>
    </row>
    <row r="418080" spans="8:8">
      <c r="H418080" s="12"/>
    </row>
    <row r="418081" spans="8:8">
      <c r="H418081" s="12"/>
    </row>
    <row r="418082" spans="8:8">
      <c r="H418082" s="12"/>
    </row>
    <row r="418083" spans="8:8">
      <c r="H418083" s="12"/>
    </row>
    <row r="418084" spans="8:8">
      <c r="H418084" s="12"/>
    </row>
    <row r="418085" spans="8:8">
      <c r="H418085" s="12"/>
    </row>
    <row r="418086" spans="8:8">
      <c r="H418086" s="12"/>
    </row>
    <row r="418087" spans="8:8">
      <c r="H418087" s="12"/>
    </row>
    <row r="418088" spans="8:8">
      <c r="H418088" s="12"/>
    </row>
    <row r="418089" spans="8:8">
      <c r="H418089" s="12"/>
    </row>
    <row r="418090" spans="8:8">
      <c r="H418090" s="12"/>
    </row>
    <row r="418091" spans="8:8">
      <c r="H418091" s="12"/>
    </row>
    <row r="418092" spans="8:8">
      <c r="H418092" s="12"/>
    </row>
    <row r="418093" spans="8:8">
      <c r="H418093" s="12"/>
    </row>
    <row r="418094" spans="8:8">
      <c r="H418094" s="12"/>
    </row>
    <row r="418095" spans="8:8">
      <c r="H418095" s="12"/>
    </row>
    <row r="418096" spans="8:8">
      <c r="H418096" s="12"/>
    </row>
    <row r="418097" spans="8:8">
      <c r="H418097" s="12"/>
    </row>
    <row r="418098" spans="8:8">
      <c r="H418098" s="12"/>
    </row>
    <row r="418099" spans="8:8">
      <c r="H418099" s="12"/>
    </row>
    <row r="418100" spans="8:8">
      <c r="H418100" s="12"/>
    </row>
    <row r="418101" spans="8:8">
      <c r="H418101" s="12"/>
    </row>
    <row r="418102" spans="8:8">
      <c r="H418102" s="12"/>
    </row>
    <row r="418103" spans="8:8">
      <c r="H418103" s="12"/>
    </row>
    <row r="418104" spans="8:8">
      <c r="H418104" s="12"/>
    </row>
    <row r="418105" spans="8:8">
      <c r="H418105" s="12"/>
    </row>
    <row r="418106" spans="8:8">
      <c r="H418106" s="12"/>
    </row>
    <row r="418107" spans="8:8">
      <c r="H418107" s="12"/>
    </row>
    <row r="418108" spans="8:8">
      <c r="H418108" s="12"/>
    </row>
    <row r="418109" spans="8:8">
      <c r="H418109" s="12"/>
    </row>
    <row r="418110" spans="8:8">
      <c r="H418110" s="12"/>
    </row>
    <row r="418111" spans="8:8">
      <c r="H418111" s="12"/>
    </row>
    <row r="418112" spans="8:8">
      <c r="H418112" s="12"/>
    </row>
    <row r="418113" spans="8:8">
      <c r="H418113" s="12"/>
    </row>
    <row r="418114" spans="8:8">
      <c r="H418114" s="12"/>
    </row>
    <row r="418115" spans="8:8">
      <c r="H418115" s="12"/>
    </row>
    <row r="418116" spans="8:8">
      <c r="H418116" s="12"/>
    </row>
    <row r="418117" spans="8:8">
      <c r="H418117" s="12"/>
    </row>
    <row r="418118" spans="8:8">
      <c r="H418118" s="12"/>
    </row>
    <row r="418119" spans="8:8">
      <c r="H418119" s="12"/>
    </row>
    <row r="418120" spans="8:8">
      <c r="H418120" s="12"/>
    </row>
    <row r="418121" spans="8:8">
      <c r="H418121" s="12"/>
    </row>
    <row r="418122" spans="8:8">
      <c r="H418122" s="12"/>
    </row>
    <row r="418123" spans="8:8">
      <c r="H418123" s="12"/>
    </row>
    <row r="418124" spans="8:8">
      <c r="H418124" s="12"/>
    </row>
    <row r="418125" spans="8:8">
      <c r="H418125" s="12"/>
    </row>
    <row r="418126" spans="8:8">
      <c r="H418126" s="12"/>
    </row>
    <row r="418127" spans="8:8">
      <c r="H418127" s="12"/>
    </row>
    <row r="418128" spans="8:8">
      <c r="H418128" s="12"/>
    </row>
    <row r="418129" spans="8:8">
      <c r="H418129" s="12"/>
    </row>
    <row r="418130" spans="8:8">
      <c r="H418130" s="12"/>
    </row>
    <row r="418131" spans="8:8">
      <c r="H418131" s="12"/>
    </row>
    <row r="418132" spans="8:8">
      <c r="H418132" s="12"/>
    </row>
    <row r="418133" spans="8:8">
      <c r="H418133" s="12"/>
    </row>
    <row r="418134" spans="8:8">
      <c r="H418134" s="12"/>
    </row>
    <row r="418135" spans="8:8">
      <c r="H418135" s="12"/>
    </row>
    <row r="418136" spans="8:8">
      <c r="H418136" s="12"/>
    </row>
    <row r="418137" spans="8:8">
      <c r="H418137" s="12"/>
    </row>
    <row r="418138" spans="8:8">
      <c r="H418138" s="12"/>
    </row>
    <row r="418139" spans="8:8">
      <c r="H418139" s="12"/>
    </row>
    <row r="418140" spans="8:8">
      <c r="H418140" s="12"/>
    </row>
    <row r="418141" spans="8:8">
      <c r="H418141" s="12"/>
    </row>
    <row r="418142" spans="8:8">
      <c r="H418142" s="12"/>
    </row>
    <row r="418143" spans="8:8">
      <c r="H418143" s="12"/>
    </row>
    <row r="418144" spans="8:8">
      <c r="H418144" s="12"/>
    </row>
    <row r="418145" spans="8:8">
      <c r="H418145" s="12"/>
    </row>
    <row r="418146" spans="8:8">
      <c r="H418146" s="12"/>
    </row>
    <row r="418147" spans="8:8">
      <c r="H418147" s="12"/>
    </row>
    <row r="418148" spans="8:8">
      <c r="H418148" s="12"/>
    </row>
    <row r="418149" spans="8:8">
      <c r="H418149" s="12"/>
    </row>
    <row r="418150" spans="8:8">
      <c r="H418150" s="12"/>
    </row>
    <row r="418151" spans="8:8">
      <c r="H418151" s="12"/>
    </row>
    <row r="418152" spans="8:8">
      <c r="H418152" s="12"/>
    </row>
    <row r="418153" spans="8:8">
      <c r="H418153" s="12"/>
    </row>
    <row r="418154" spans="8:8">
      <c r="H418154" s="12"/>
    </row>
    <row r="418155" spans="8:8">
      <c r="H418155" s="12"/>
    </row>
    <row r="418156" spans="8:8">
      <c r="H418156" s="12"/>
    </row>
    <row r="418157" spans="8:8">
      <c r="H418157" s="12"/>
    </row>
    <row r="418158" spans="8:8">
      <c r="H418158" s="12"/>
    </row>
    <row r="418159" spans="8:8">
      <c r="H418159" s="12"/>
    </row>
    <row r="418160" spans="8:8">
      <c r="H418160" s="12"/>
    </row>
    <row r="418161" spans="8:8">
      <c r="H418161" s="12"/>
    </row>
    <row r="418162" spans="8:8">
      <c r="H418162" s="12"/>
    </row>
    <row r="418163" spans="8:8">
      <c r="H418163" s="12"/>
    </row>
    <row r="418164" spans="8:8">
      <c r="H418164" s="12"/>
    </row>
    <row r="418165" spans="8:8">
      <c r="H418165" s="12"/>
    </row>
    <row r="418166" spans="8:8">
      <c r="H418166" s="12"/>
    </row>
    <row r="418167" spans="8:8">
      <c r="H418167" s="12"/>
    </row>
    <row r="418168" spans="8:8">
      <c r="H418168" s="12"/>
    </row>
    <row r="418169" spans="8:8">
      <c r="H418169" s="12"/>
    </row>
    <row r="418170" spans="8:8">
      <c r="H418170" s="12"/>
    </row>
    <row r="418171" spans="8:8">
      <c r="H418171" s="12"/>
    </row>
    <row r="418172" spans="8:8">
      <c r="H418172" s="12"/>
    </row>
    <row r="418173" spans="8:8">
      <c r="H418173" s="12"/>
    </row>
    <row r="418174" spans="8:8">
      <c r="H418174" s="12"/>
    </row>
    <row r="418175" spans="8:8">
      <c r="H418175" s="12"/>
    </row>
    <row r="418176" spans="8:8">
      <c r="H418176" s="12"/>
    </row>
    <row r="418177" spans="8:8">
      <c r="H418177" s="12"/>
    </row>
    <row r="418178" spans="8:8">
      <c r="H418178" s="12"/>
    </row>
    <row r="418179" spans="8:8">
      <c r="H418179" s="12"/>
    </row>
    <row r="418180" spans="8:8">
      <c r="H418180" s="12"/>
    </row>
    <row r="418181" spans="8:8">
      <c r="H418181" s="12"/>
    </row>
    <row r="418182" spans="8:8">
      <c r="H418182" s="12"/>
    </row>
    <row r="418183" spans="8:8">
      <c r="H418183" s="12"/>
    </row>
    <row r="418184" spans="8:8">
      <c r="H418184" s="12"/>
    </row>
    <row r="418185" spans="8:8">
      <c r="H418185" s="12"/>
    </row>
    <row r="418186" spans="8:8">
      <c r="H418186" s="12"/>
    </row>
    <row r="418187" spans="8:8">
      <c r="H418187" s="12"/>
    </row>
    <row r="418188" spans="8:8">
      <c r="H418188" s="12"/>
    </row>
    <row r="418189" spans="8:8">
      <c r="H418189" s="12"/>
    </row>
    <row r="418190" spans="8:8">
      <c r="H418190" s="12"/>
    </row>
    <row r="418191" spans="8:8">
      <c r="H418191" s="12"/>
    </row>
    <row r="418192" spans="8:8">
      <c r="H418192" s="12"/>
    </row>
    <row r="418193" spans="8:8">
      <c r="H418193" s="12"/>
    </row>
    <row r="418194" spans="8:8">
      <c r="H418194" s="12"/>
    </row>
    <row r="418195" spans="8:8">
      <c r="H418195" s="12"/>
    </row>
    <row r="418196" spans="8:8">
      <c r="H418196" s="12"/>
    </row>
    <row r="418197" spans="8:8">
      <c r="H418197" s="12"/>
    </row>
    <row r="418198" spans="8:8">
      <c r="H418198" s="12"/>
    </row>
    <row r="418199" spans="8:8">
      <c r="H418199" s="12"/>
    </row>
    <row r="418200" spans="8:8">
      <c r="H418200" s="12"/>
    </row>
    <row r="418201" spans="8:8">
      <c r="H418201" s="12"/>
    </row>
    <row r="418202" spans="8:8">
      <c r="H418202" s="12"/>
    </row>
    <row r="418203" spans="8:8">
      <c r="H418203" s="12"/>
    </row>
    <row r="418204" spans="8:8">
      <c r="H418204" s="12"/>
    </row>
    <row r="418205" spans="8:8">
      <c r="H418205" s="12"/>
    </row>
    <row r="418206" spans="8:8">
      <c r="H418206" s="12"/>
    </row>
    <row r="418207" spans="8:8">
      <c r="H418207" s="12"/>
    </row>
    <row r="418208" spans="8:8">
      <c r="H418208" s="12"/>
    </row>
    <row r="418209" spans="8:8">
      <c r="H418209" s="12"/>
    </row>
    <row r="418210" spans="8:8">
      <c r="H418210" s="12"/>
    </row>
    <row r="418211" spans="8:8">
      <c r="H418211" s="12"/>
    </row>
    <row r="418212" spans="8:8">
      <c r="H418212" s="12"/>
    </row>
    <row r="418213" spans="8:8">
      <c r="H418213" s="12"/>
    </row>
    <row r="418214" spans="8:8">
      <c r="H418214" s="12"/>
    </row>
    <row r="418215" spans="8:8">
      <c r="H418215" s="12"/>
    </row>
    <row r="418216" spans="8:8">
      <c r="H418216" s="12"/>
    </row>
    <row r="418217" spans="8:8">
      <c r="H418217" s="12"/>
    </row>
    <row r="418218" spans="8:8">
      <c r="H418218" s="12"/>
    </row>
    <row r="418219" spans="8:8">
      <c r="H418219" s="12"/>
    </row>
    <row r="418220" spans="8:8">
      <c r="H418220" s="12"/>
    </row>
    <row r="418221" spans="8:8">
      <c r="H418221" s="12"/>
    </row>
    <row r="418222" spans="8:8">
      <c r="H418222" s="12"/>
    </row>
    <row r="418223" spans="8:8">
      <c r="H418223" s="12"/>
    </row>
    <row r="418224" spans="8:8">
      <c r="H418224" s="12"/>
    </row>
    <row r="418225" spans="8:8">
      <c r="H418225" s="12"/>
    </row>
    <row r="418226" spans="8:8">
      <c r="H418226" s="12"/>
    </row>
    <row r="418227" spans="8:8">
      <c r="H418227" s="12"/>
    </row>
    <row r="418228" spans="8:8">
      <c r="H418228" s="12"/>
    </row>
    <row r="418229" spans="8:8">
      <c r="H418229" s="12"/>
    </row>
    <row r="418230" spans="8:8">
      <c r="H418230" s="12"/>
    </row>
    <row r="418231" spans="8:8">
      <c r="H418231" s="12"/>
    </row>
    <row r="418232" spans="8:8">
      <c r="H418232" s="12"/>
    </row>
    <row r="418233" spans="8:8">
      <c r="H418233" s="12"/>
    </row>
    <row r="418234" spans="8:8">
      <c r="H418234" s="12"/>
    </row>
    <row r="418235" spans="8:8">
      <c r="H418235" s="12"/>
    </row>
    <row r="418236" spans="8:8">
      <c r="H418236" s="12"/>
    </row>
    <row r="418237" spans="8:8">
      <c r="H418237" s="12"/>
    </row>
    <row r="418238" spans="8:8">
      <c r="H418238" s="12"/>
    </row>
    <row r="418239" spans="8:8">
      <c r="H418239" s="12"/>
    </row>
    <row r="418240" spans="8:8">
      <c r="H418240" s="12"/>
    </row>
    <row r="418241" spans="8:8">
      <c r="H418241" s="12"/>
    </row>
    <row r="418242" spans="8:8">
      <c r="H418242" s="12"/>
    </row>
    <row r="418243" spans="8:8">
      <c r="H418243" s="12"/>
    </row>
    <row r="418244" spans="8:8">
      <c r="H418244" s="12"/>
    </row>
    <row r="418245" spans="8:8">
      <c r="H418245" s="12"/>
    </row>
    <row r="418246" spans="8:8">
      <c r="H418246" s="12"/>
    </row>
    <row r="418247" spans="8:8">
      <c r="H418247" s="12"/>
    </row>
    <row r="418248" spans="8:8">
      <c r="H418248" s="12"/>
    </row>
    <row r="418249" spans="8:8">
      <c r="H418249" s="12"/>
    </row>
    <row r="418250" spans="8:8">
      <c r="H418250" s="12"/>
    </row>
    <row r="418251" spans="8:8">
      <c r="H418251" s="12"/>
    </row>
    <row r="418252" spans="8:8">
      <c r="H418252" s="12"/>
    </row>
    <row r="418253" spans="8:8">
      <c r="H418253" s="12"/>
    </row>
    <row r="418254" spans="8:8">
      <c r="H418254" s="12"/>
    </row>
    <row r="418255" spans="8:8">
      <c r="H418255" s="12"/>
    </row>
    <row r="418256" spans="8:8">
      <c r="H418256" s="12"/>
    </row>
    <row r="418257" spans="8:8">
      <c r="H418257" s="12"/>
    </row>
    <row r="418258" spans="8:8">
      <c r="H418258" s="12"/>
    </row>
    <row r="418259" spans="8:8">
      <c r="H418259" s="12"/>
    </row>
    <row r="418260" spans="8:8">
      <c r="H418260" s="12"/>
    </row>
    <row r="418261" spans="8:8">
      <c r="H418261" s="12"/>
    </row>
    <row r="418262" spans="8:8">
      <c r="H418262" s="12"/>
    </row>
    <row r="418263" spans="8:8">
      <c r="H418263" s="12"/>
    </row>
    <row r="418264" spans="8:8">
      <c r="H418264" s="12"/>
    </row>
    <row r="418265" spans="8:8">
      <c r="H418265" s="12"/>
    </row>
    <row r="418266" spans="8:8">
      <c r="H418266" s="12"/>
    </row>
    <row r="418267" spans="8:8">
      <c r="H418267" s="12"/>
    </row>
    <row r="418268" spans="8:8">
      <c r="H418268" s="12"/>
    </row>
    <row r="418269" spans="8:8">
      <c r="H418269" s="12"/>
    </row>
    <row r="418270" spans="8:8">
      <c r="H418270" s="12"/>
    </row>
    <row r="418271" spans="8:8">
      <c r="H418271" s="12"/>
    </row>
    <row r="418272" spans="8:8">
      <c r="H418272" s="12"/>
    </row>
    <row r="418273" spans="8:8">
      <c r="H418273" s="12"/>
    </row>
    <row r="418274" spans="8:8">
      <c r="H418274" s="12"/>
    </row>
    <row r="418275" spans="8:8">
      <c r="H418275" s="12"/>
    </row>
    <row r="418276" spans="8:8">
      <c r="H418276" s="12"/>
    </row>
    <row r="418277" spans="8:8">
      <c r="H418277" s="12"/>
    </row>
    <row r="418278" spans="8:8">
      <c r="H418278" s="12"/>
    </row>
    <row r="418279" spans="8:8">
      <c r="H418279" s="12"/>
    </row>
    <row r="418280" spans="8:8">
      <c r="H418280" s="12"/>
    </row>
    <row r="418281" spans="8:8">
      <c r="H418281" s="12"/>
    </row>
    <row r="418282" spans="8:8">
      <c r="H418282" s="12"/>
    </row>
    <row r="418283" spans="8:8">
      <c r="H418283" s="12"/>
    </row>
    <row r="418284" spans="8:8">
      <c r="H418284" s="12"/>
    </row>
    <row r="418285" spans="8:8">
      <c r="H418285" s="12"/>
    </row>
    <row r="418286" spans="8:8">
      <c r="H418286" s="12"/>
    </row>
    <row r="418287" spans="8:8">
      <c r="H418287" s="12"/>
    </row>
    <row r="418288" spans="8:8">
      <c r="H418288" s="12"/>
    </row>
    <row r="418289" spans="8:8">
      <c r="H418289" s="12"/>
    </row>
    <row r="418290" spans="8:8">
      <c r="H418290" s="12"/>
    </row>
    <row r="418291" spans="8:8">
      <c r="H418291" s="12"/>
    </row>
    <row r="418292" spans="8:8">
      <c r="H418292" s="12"/>
    </row>
    <row r="418293" spans="8:8">
      <c r="H418293" s="12"/>
    </row>
    <row r="418294" spans="8:8">
      <c r="H418294" s="12"/>
    </row>
    <row r="418295" spans="8:8">
      <c r="H418295" s="12"/>
    </row>
    <row r="418296" spans="8:8">
      <c r="H418296" s="12"/>
    </row>
    <row r="418297" spans="8:8">
      <c r="H418297" s="12"/>
    </row>
    <row r="418298" spans="8:8">
      <c r="H418298" s="12"/>
    </row>
    <row r="418299" spans="8:8">
      <c r="H418299" s="12"/>
    </row>
    <row r="418300" spans="8:8">
      <c r="H418300" s="12"/>
    </row>
    <row r="418301" spans="8:8">
      <c r="H418301" s="12"/>
    </row>
    <row r="418302" spans="8:8">
      <c r="H418302" s="12"/>
    </row>
    <row r="418303" spans="8:8">
      <c r="H418303" s="12"/>
    </row>
    <row r="418304" spans="8:8">
      <c r="H418304" s="12"/>
    </row>
    <row r="418305" spans="8:8">
      <c r="H418305" s="12"/>
    </row>
    <row r="418306" spans="8:8">
      <c r="H418306" s="12"/>
    </row>
    <row r="418307" spans="8:8">
      <c r="H418307" s="12"/>
    </row>
    <row r="418308" spans="8:8">
      <c r="H418308" s="12"/>
    </row>
    <row r="418309" spans="8:8">
      <c r="H418309" s="12"/>
    </row>
    <row r="418310" spans="8:8">
      <c r="H418310" s="12"/>
    </row>
    <row r="418311" spans="8:8">
      <c r="H418311" s="12"/>
    </row>
    <row r="418312" spans="8:8">
      <c r="H418312" s="12"/>
    </row>
    <row r="418313" spans="8:8">
      <c r="H418313" s="12"/>
    </row>
    <row r="418314" spans="8:8">
      <c r="H418314" s="12"/>
    </row>
    <row r="418315" spans="8:8">
      <c r="H418315" s="12"/>
    </row>
    <row r="418316" spans="8:8">
      <c r="H418316" s="12"/>
    </row>
    <row r="418317" spans="8:8">
      <c r="H418317" s="12"/>
    </row>
    <row r="418318" spans="8:8">
      <c r="H418318" s="12"/>
    </row>
    <row r="418319" spans="8:8">
      <c r="H418319" s="12"/>
    </row>
    <row r="418320" spans="8:8">
      <c r="H418320" s="12"/>
    </row>
    <row r="418321" spans="8:8">
      <c r="H418321" s="12"/>
    </row>
    <row r="418322" spans="8:8">
      <c r="H418322" s="12"/>
    </row>
    <row r="418323" spans="8:8">
      <c r="H418323" s="12"/>
    </row>
    <row r="418324" spans="8:8">
      <c r="H418324" s="12"/>
    </row>
    <row r="418325" spans="8:8">
      <c r="H418325" s="12"/>
    </row>
    <row r="418326" spans="8:8">
      <c r="H418326" s="12"/>
    </row>
    <row r="418327" spans="8:8">
      <c r="H418327" s="12"/>
    </row>
    <row r="418328" spans="8:8">
      <c r="H418328" s="12"/>
    </row>
    <row r="418329" spans="8:8">
      <c r="H418329" s="12"/>
    </row>
    <row r="418330" spans="8:8">
      <c r="H418330" s="12"/>
    </row>
    <row r="418331" spans="8:8">
      <c r="H418331" s="12"/>
    </row>
    <row r="418332" spans="8:8">
      <c r="H418332" s="12"/>
    </row>
    <row r="418333" spans="8:8">
      <c r="H418333" s="12"/>
    </row>
    <row r="418334" spans="8:8">
      <c r="H418334" s="12"/>
    </row>
    <row r="418335" spans="8:8">
      <c r="H418335" s="12"/>
    </row>
    <row r="418336" spans="8:8">
      <c r="H418336" s="12"/>
    </row>
    <row r="418337" spans="8:8">
      <c r="H418337" s="12"/>
    </row>
    <row r="418338" spans="8:8">
      <c r="H418338" s="12"/>
    </row>
    <row r="418339" spans="8:8">
      <c r="H418339" s="12"/>
    </row>
    <row r="418340" spans="8:8">
      <c r="H418340" s="12"/>
    </row>
    <row r="418341" spans="8:8">
      <c r="H418341" s="12"/>
    </row>
    <row r="418342" spans="8:8">
      <c r="H418342" s="12"/>
    </row>
    <row r="418343" spans="8:8">
      <c r="H418343" s="12"/>
    </row>
    <row r="418344" spans="8:8">
      <c r="H418344" s="12"/>
    </row>
    <row r="418345" spans="8:8">
      <c r="H418345" s="12"/>
    </row>
    <row r="418346" spans="8:8">
      <c r="H418346" s="12"/>
    </row>
    <row r="418347" spans="8:8">
      <c r="H418347" s="12"/>
    </row>
    <row r="418348" spans="8:8">
      <c r="H418348" s="12"/>
    </row>
    <row r="418349" spans="8:8">
      <c r="H418349" s="12"/>
    </row>
    <row r="418350" spans="8:8">
      <c r="H418350" s="12"/>
    </row>
    <row r="418351" spans="8:8">
      <c r="H418351" s="12"/>
    </row>
    <row r="418352" spans="8:8">
      <c r="H418352" s="12"/>
    </row>
    <row r="418353" spans="8:8">
      <c r="H418353" s="12"/>
    </row>
    <row r="418354" spans="8:8">
      <c r="H418354" s="12"/>
    </row>
    <row r="418355" spans="8:8">
      <c r="H418355" s="12"/>
    </row>
    <row r="418356" spans="8:8">
      <c r="H418356" s="12"/>
    </row>
    <row r="418357" spans="8:8">
      <c r="H418357" s="12"/>
    </row>
    <row r="418358" spans="8:8">
      <c r="H418358" s="12"/>
    </row>
    <row r="418359" spans="8:8">
      <c r="H418359" s="12"/>
    </row>
    <row r="418360" spans="8:8">
      <c r="H418360" s="12"/>
    </row>
    <row r="418361" spans="8:8">
      <c r="H418361" s="12"/>
    </row>
    <row r="418362" spans="8:8">
      <c r="H418362" s="12"/>
    </row>
    <row r="418363" spans="8:8">
      <c r="H418363" s="12"/>
    </row>
    <row r="418364" spans="8:8">
      <c r="H418364" s="12"/>
    </row>
    <row r="418365" spans="8:8">
      <c r="H418365" s="12"/>
    </row>
    <row r="418366" spans="8:8">
      <c r="H418366" s="12"/>
    </row>
    <row r="418367" spans="8:8">
      <c r="H418367" s="12"/>
    </row>
    <row r="418368" spans="8:8">
      <c r="H418368" s="12"/>
    </row>
    <row r="418369" spans="8:8">
      <c r="H418369" s="12"/>
    </row>
    <row r="418370" spans="8:8">
      <c r="H418370" s="12"/>
    </row>
    <row r="418371" spans="8:8">
      <c r="H418371" s="12"/>
    </row>
    <row r="418372" spans="8:8">
      <c r="H418372" s="12"/>
    </row>
    <row r="418373" spans="8:8">
      <c r="H418373" s="12"/>
    </row>
    <row r="418374" spans="8:8">
      <c r="H418374" s="12"/>
    </row>
    <row r="418375" spans="8:8">
      <c r="H418375" s="12"/>
    </row>
    <row r="418376" spans="8:8">
      <c r="H418376" s="12"/>
    </row>
    <row r="418377" spans="8:8">
      <c r="H418377" s="12"/>
    </row>
    <row r="418378" spans="8:8">
      <c r="H418378" s="12"/>
    </row>
    <row r="418379" spans="8:8">
      <c r="H418379" s="12"/>
    </row>
    <row r="418380" spans="8:8">
      <c r="H418380" s="12"/>
    </row>
    <row r="418381" spans="8:8">
      <c r="H418381" s="12"/>
    </row>
    <row r="418382" spans="8:8">
      <c r="H418382" s="12"/>
    </row>
    <row r="418383" spans="8:8">
      <c r="H418383" s="12"/>
    </row>
    <row r="418384" spans="8:8">
      <c r="H418384" s="12"/>
    </row>
    <row r="418385" spans="8:8">
      <c r="H418385" s="12"/>
    </row>
    <row r="418386" spans="8:8">
      <c r="H418386" s="12"/>
    </row>
    <row r="418387" spans="8:8">
      <c r="H418387" s="12"/>
    </row>
    <row r="418388" spans="8:8">
      <c r="H418388" s="12"/>
    </row>
    <row r="418389" spans="8:8">
      <c r="H418389" s="12"/>
    </row>
    <row r="418390" spans="8:8">
      <c r="H418390" s="12"/>
    </row>
    <row r="418391" spans="8:8">
      <c r="H418391" s="12"/>
    </row>
    <row r="418392" spans="8:8">
      <c r="H418392" s="12"/>
    </row>
    <row r="418393" spans="8:8">
      <c r="H418393" s="12"/>
    </row>
    <row r="418394" spans="8:8">
      <c r="H418394" s="12"/>
    </row>
    <row r="418395" spans="8:8">
      <c r="H418395" s="12"/>
    </row>
    <row r="418396" spans="8:8">
      <c r="H418396" s="12"/>
    </row>
    <row r="418397" spans="8:8">
      <c r="H418397" s="12"/>
    </row>
    <row r="418398" spans="8:8">
      <c r="H418398" s="12"/>
    </row>
    <row r="418399" spans="8:8">
      <c r="H418399" s="12"/>
    </row>
    <row r="418400" spans="8:8">
      <c r="H418400" s="12"/>
    </row>
    <row r="418401" spans="8:8">
      <c r="H418401" s="12"/>
    </row>
    <row r="418402" spans="8:8">
      <c r="H418402" s="12"/>
    </row>
    <row r="418403" spans="8:8">
      <c r="H418403" s="12"/>
    </row>
    <row r="418404" spans="8:8">
      <c r="H418404" s="12"/>
    </row>
    <row r="418405" spans="8:8">
      <c r="H418405" s="12"/>
    </row>
    <row r="418406" spans="8:8">
      <c r="H418406" s="12"/>
    </row>
    <row r="418407" spans="8:8">
      <c r="H418407" s="12"/>
    </row>
    <row r="418408" spans="8:8">
      <c r="H418408" s="12"/>
    </row>
    <row r="418409" spans="8:8">
      <c r="H418409" s="12"/>
    </row>
    <row r="418410" spans="8:8">
      <c r="H418410" s="12"/>
    </row>
    <row r="418411" spans="8:8">
      <c r="H418411" s="12"/>
    </row>
    <row r="418412" spans="8:8">
      <c r="H418412" s="12"/>
    </row>
    <row r="418413" spans="8:8">
      <c r="H418413" s="12"/>
    </row>
    <row r="418414" spans="8:8">
      <c r="H418414" s="12"/>
    </row>
    <row r="418415" spans="8:8">
      <c r="H418415" s="12"/>
    </row>
    <row r="418416" spans="8:8">
      <c r="H418416" s="12"/>
    </row>
    <row r="418417" spans="8:8">
      <c r="H418417" s="12"/>
    </row>
    <row r="418418" spans="8:8">
      <c r="H418418" s="12"/>
    </row>
    <row r="418419" spans="8:8">
      <c r="H418419" s="12"/>
    </row>
    <row r="418420" spans="8:8">
      <c r="H418420" s="12"/>
    </row>
    <row r="418421" spans="8:8">
      <c r="H418421" s="12"/>
    </row>
    <row r="418422" spans="8:8">
      <c r="H418422" s="12"/>
    </row>
    <row r="418423" spans="8:8">
      <c r="H418423" s="12"/>
    </row>
    <row r="418424" spans="8:8">
      <c r="H418424" s="12"/>
    </row>
    <row r="418425" spans="8:8">
      <c r="H418425" s="12"/>
    </row>
    <row r="418426" spans="8:8">
      <c r="H418426" s="12"/>
    </row>
    <row r="418427" spans="8:8">
      <c r="H418427" s="12"/>
    </row>
    <row r="418428" spans="8:8">
      <c r="H418428" s="12"/>
    </row>
    <row r="418429" spans="8:8">
      <c r="H418429" s="12"/>
    </row>
    <row r="418430" spans="8:8">
      <c r="H418430" s="12"/>
    </row>
    <row r="418431" spans="8:8">
      <c r="H418431" s="12"/>
    </row>
    <row r="418432" spans="8:8">
      <c r="H418432" s="12"/>
    </row>
    <row r="418433" spans="8:8">
      <c r="H418433" s="12"/>
    </row>
    <row r="418434" spans="8:8">
      <c r="H418434" s="12"/>
    </row>
    <row r="418435" spans="8:8">
      <c r="H418435" s="12"/>
    </row>
    <row r="418436" spans="8:8">
      <c r="H418436" s="12"/>
    </row>
    <row r="418437" spans="8:8">
      <c r="H418437" s="12"/>
    </row>
    <row r="418438" spans="8:8">
      <c r="H418438" s="12"/>
    </row>
    <row r="418439" spans="8:8">
      <c r="H418439" s="12"/>
    </row>
    <row r="418440" spans="8:8">
      <c r="H418440" s="12"/>
    </row>
    <row r="418441" spans="8:8">
      <c r="H418441" s="12"/>
    </row>
    <row r="418442" spans="8:8">
      <c r="H418442" s="12"/>
    </row>
    <row r="418443" spans="8:8">
      <c r="H418443" s="12"/>
    </row>
    <row r="418444" spans="8:8">
      <c r="H418444" s="12"/>
    </row>
    <row r="418445" spans="8:8">
      <c r="H418445" s="12"/>
    </row>
    <row r="418446" spans="8:8">
      <c r="H418446" s="12"/>
    </row>
    <row r="418447" spans="8:8">
      <c r="H418447" s="12"/>
    </row>
    <row r="418448" spans="8:8">
      <c r="H418448" s="12"/>
    </row>
    <row r="418449" spans="8:8">
      <c r="H418449" s="12"/>
    </row>
    <row r="418450" spans="8:8">
      <c r="H418450" s="12"/>
    </row>
    <row r="418451" spans="8:8">
      <c r="H418451" s="12"/>
    </row>
    <row r="418452" spans="8:8">
      <c r="H418452" s="12"/>
    </row>
    <row r="418453" spans="8:8">
      <c r="H418453" s="12"/>
    </row>
    <row r="418454" spans="8:8">
      <c r="H418454" s="12"/>
    </row>
    <row r="418455" spans="8:8">
      <c r="H418455" s="12"/>
    </row>
    <row r="418456" spans="8:8">
      <c r="H418456" s="12"/>
    </row>
    <row r="418457" spans="8:8">
      <c r="H418457" s="12"/>
    </row>
    <row r="418458" spans="8:8">
      <c r="H418458" s="12"/>
    </row>
    <row r="418459" spans="8:8">
      <c r="H418459" s="12"/>
    </row>
    <row r="418460" spans="8:8">
      <c r="H418460" s="12"/>
    </row>
    <row r="418461" spans="8:8">
      <c r="H418461" s="12"/>
    </row>
    <row r="418462" spans="8:8">
      <c r="H418462" s="12"/>
    </row>
    <row r="418463" spans="8:8">
      <c r="H418463" s="12"/>
    </row>
    <row r="418464" spans="8:8">
      <c r="H418464" s="12"/>
    </row>
    <row r="418465" spans="8:8">
      <c r="H418465" s="12"/>
    </row>
    <row r="418466" spans="8:8">
      <c r="H418466" s="12"/>
    </row>
    <row r="418467" spans="8:8">
      <c r="H418467" s="12"/>
    </row>
    <row r="418468" spans="8:8">
      <c r="H418468" s="12"/>
    </row>
    <row r="418469" spans="8:8">
      <c r="H418469" s="12"/>
    </row>
    <row r="418470" spans="8:8">
      <c r="H418470" s="12"/>
    </row>
    <row r="418471" spans="8:8">
      <c r="H418471" s="12"/>
    </row>
    <row r="418472" spans="8:8">
      <c r="H418472" s="12"/>
    </row>
    <row r="418473" spans="8:8">
      <c r="H418473" s="12"/>
    </row>
    <row r="418474" spans="8:8">
      <c r="H418474" s="12"/>
    </row>
    <row r="418475" spans="8:8">
      <c r="H418475" s="12"/>
    </row>
    <row r="418476" spans="8:8">
      <c r="H418476" s="12"/>
    </row>
    <row r="418477" spans="8:8">
      <c r="H418477" s="12"/>
    </row>
    <row r="418478" spans="8:8">
      <c r="H418478" s="12"/>
    </row>
    <row r="418479" spans="8:8">
      <c r="H418479" s="12"/>
    </row>
    <row r="418480" spans="8:8">
      <c r="H418480" s="12"/>
    </row>
    <row r="418481" spans="8:8">
      <c r="H418481" s="12"/>
    </row>
    <row r="418482" spans="8:8">
      <c r="H418482" s="12"/>
    </row>
    <row r="418483" spans="8:8">
      <c r="H418483" s="12"/>
    </row>
    <row r="418484" spans="8:8">
      <c r="H418484" s="12"/>
    </row>
    <row r="418485" spans="8:8">
      <c r="H418485" s="12"/>
    </row>
    <row r="418486" spans="8:8">
      <c r="H418486" s="12"/>
    </row>
    <row r="418487" spans="8:8">
      <c r="H418487" s="12"/>
    </row>
    <row r="418488" spans="8:8">
      <c r="H418488" s="12"/>
    </row>
    <row r="418489" spans="8:8">
      <c r="H418489" s="12"/>
    </row>
    <row r="418490" spans="8:8">
      <c r="H418490" s="12"/>
    </row>
    <row r="418491" spans="8:8">
      <c r="H418491" s="12"/>
    </row>
    <row r="418492" spans="8:8">
      <c r="H418492" s="12"/>
    </row>
    <row r="418493" spans="8:8">
      <c r="H418493" s="12"/>
    </row>
    <row r="418494" spans="8:8">
      <c r="H418494" s="12"/>
    </row>
    <row r="418495" spans="8:8">
      <c r="H418495" s="12"/>
    </row>
    <row r="418496" spans="8:8">
      <c r="H418496" s="12"/>
    </row>
    <row r="418497" spans="8:8">
      <c r="H418497" s="12"/>
    </row>
    <row r="418498" spans="8:8">
      <c r="H418498" s="12"/>
    </row>
    <row r="418499" spans="8:8">
      <c r="H418499" s="12"/>
    </row>
    <row r="418500" spans="8:8">
      <c r="H418500" s="12"/>
    </row>
    <row r="418501" spans="8:8">
      <c r="H418501" s="12"/>
    </row>
    <row r="418502" spans="8:8">
      <c r="H418502" s="12"/>
    </row>
    <row r="418503" spans="8:8">
      <c r="H418503" s="12"/>
    </row>
    <row r="418504" spans="8:8">
      <c r="H418504" s="12"/>
    </row>
    <row r="418505" spans="8:8">
      <c r="H418505" s="12"/>
    </row>
    <row r="418506" spans="8:8">
      <c r="H418506" s="12"/>
    </row>
    <row r="418507" spans="8:8">
      <c r="H418507" s="12"/>
    </row>
    <row r="418508" spans="8:8">
      <c r="H418508" s="12"/>
    </row>
    <row r="418509" spans="8:8">
      <c r="H418509" s="12"/>
    </row>
    <row r="418510" spans="8:8">
      <c r="H418510" s="12"/>
    </row>
    <row r="418511" spans="8:8">
      <c r="H418511" s="12"/>
    </row>
    <row r="418512" spans="8:8">
      <c r="H418512" s="12"/>
    </row>
    <row r="418513" spans="8:8">
      <c r="H418513" s="12"/>
    </row>
    <row r="418514" spans="8:8">
      <c r="H418514" s="12"/>
    </row>
    <row r="418515" spans="8:8">
      <c r="H418515" s="12"/>
    </row>
    <row r="418516" spans="8:8">
      <c r="H418516" s="12"/>
    </row>
    <row r="418517" spans="8:8">
      <c r="H418517" s="12"/>
    </row>
    <row r="418518" spans="8:8">
      <c r="H418518" s="12"/>
    </row>
    <row r="418519" spans="8:8">
      <c r="H418519" s="12"/>
    </row>
    <row r="418520" spans="8:8">
      <c r="H418520" s="12"/>
    </row>
    <row r="418521" spans="8:8">
      <c r="H418521" s="12"/>
    </row>
    <row r="418522" spans="8:8">
      <c r="H418522" s="12"/>
    </row>
    <row r="418523" spans="8:8">
      <c r="H418523" s="12"/>
    </row>
    <row r="418524" spans="8:8">
      <c r="H418524" s="12"/>
    </row>
    <row r="418525" spans="8:8">
      <c r="H418525" s="12"/>
    </row>
    <row r="418526" spans="8:8">
      <c r="H418526" s="12"/>
    </row>
    <row r="418527" spans="8:8">
      <c r="H418527" s="12"/>
    </row>
    <row r="418528" spans="8:8">
      <c r="H418528" s="12"/>
    </row>
    <row r="418529" spans="8:8">
      <c r="H418529" s="12"/>
    </row>
    <row r="418530" spans="8:8">
      <c r="H418530" s="12"/>
    </row>
    <row r="418531" spans="8:8">
      <c r="H418531" s="12"/>
    </row>
    <row r="418532" spans="8:8">
      <c r="H418532" s="12"/>
    </row>
    <row r="418533" spans="8:8">
      <c r="H418533" s="12"/>
    </row>
    <row r="418534" spans="8:8">
      <c r="H418534" s="12"/>
    </row>
    <row r="418535" spans="8:8">
      <c r="H418535" s="12"/>
    </row>
    <row r="418536" spans="8:8">
      <c r="H418536" s="12"/>
    </row>
    <row r="418537" spans="8:8">
      <c r="H418537" s="12"/>
    </row>
    <row r="418538" spans="8:8">
      <c r="H418538" s="12"/>
    </row>
    <row r="418539" spans="8:8">
      <c r="H418539" s="12"/>
    </row>
    <row r="418540" spans="8:8">
      <c r="H418540" s="12"/>
    </row>
    <row r="418541" spans="8:8">
      <c r="H418541" s="12"/>
    </row>
    <row r="418542" spans="8:8">
      <c r="H418542" s="12"/>
    </row>
    <row r="418543" spans="8:8">
      <c r="H418543" s="12"/>
    </row>
    <row r="418544" spans="8:8">
      <c r="H418544" s="12"/>
    </row>
    <row r="418545" spans="8:8">
      <c r="H418545" s="12"/>
    </row>
    <row r="418546" spans="8:8">
      <c r="H418546" s="12"/>
    </row>
    <row r="418547" spans="8:8">
      <c r="H418547" s="12"/>
    </row>
    <row r="418548" spans="8:8">
      <c r="H418548" s="12"/>
    </row>
    <row r="418549" spans="8:8">
      <c r="H418549" s="12"/>
    </row>
    <row r="418550" spans="8:8">
      <c r="H418550" s="12"/>
    </row>
    <row r="418551" spans="8:8">
      <c r="H418551" s="12"/>
    </row>
    <row r="418552" spans="8:8">
      <c r="H418552" s="12"/>
    </row>
    <row r="418553" spans="8:8">
      <c r="H418553" s="12"/>
    </row>
    <row r="418554" spans="8:8">
      <c r="H418554" s="12"/>
    </row>
    <row r="418555" spans="8:8">
      <c r="H418555" s="12"/>
    </row>
    <row r="418556" spans="8:8">
      <c r="H418556" s="12"/>
    </row>
    <row r="418557" spans="8:8">
      <c r="H418557" s="12"/>
    </row>
    <row r="418558" spans="8:8">
      <c r="H418558" s="12"/>
    </row>
    <row r="418559" spans="8:8">
      <c r="H418559" s="12"/>
    </row>
    <row r="418560" spans="8:8">
      <c r="H418560" s="12"/>
    </row>
    <row r="418561" spans="8:8">
      <c r="H418561" s="12"/>
    </row>
    <row r="418562" spans="8:8">
      <c r="H418562" s="12"/>
    </row>
    <row r="418563" spans="8:8">
      <c r="H418563" s="12"/>
    </row>
    <row r="418564" spans="8:8">
      <c r="H418564" s="12"/>
    </row>
    <row r="418565" spans="8:8">
      <c r="H418565" s="12"/>
    </row>
    <row r="418566" spans="8:8">
      <c r="H418566" s="12"/>
    </row>
    <row r="418567" spans="8:8">
      <c r="H418567" s="12"/>
    </row>
    <row r="418568" spans="8:8">
      <c r="H418568" s="12"/>
    </row>
    <row r="418569" spans="8:8">
      <c r="H418569" s="12"/>
    </row>
    <row r="418570" spans="8:8">
      <c r="H418570" s="12"/>
    </row>
    <row r="418571" spans="8:8">
      <c r="H418571" s="12"/>
    </row>
    <row r="418572" spans="8:8">
      <c r="H418572" s="12"/>
    </row>
    <row r="418573" spans="8:8">
      <c r="H418573" s="12"/>
    </row>
    <row r="418574" spans="8:8">
      <c r="H418574" s="12"/>
    </row>
    <row r="418575" spans="8:8">
      <c r="H418575" s="12"/>
    </row>
    <row r="418576" spans="8:8">
      <c r="H418576" s="12"/>
    </row>
    <row r="418577" spans="8:8">
      <c r="H418577" s="12"/>
    </row>
    <row r="418578" spans="8:8">
      <c r="H418578" s="12"/>
    </row>
    <row r="418579" spans="8:8">
      <c r="H418579" s="12"/>
    </row>
    <row r="418580" spans="8:8">
      <c r="H418580" s="12"/>
    </row>
    <row r="418581" spans="8:8">
      <c r="H418581" s="12"/>
    </row>
    <row r="418582" spans="8:8">
      <c r="H418582" s="12"/>
    </row>
    <row r="418583" spans="8:8">
      <c r="H418583" s="12"/>
    </row>
    <row r="418584" spans="8:8">
      <c r="H418584" s="12"/>
    </row>
    <row r="418585" spans="8:8">
      <c r="H418585" s="12"/>
    </row>
    <row r="418586" spans="8:8">
      <c r="H418586" s="12"/>
    </row>
    <row r="418587" spans="8:8">
      <c r="H418587" s="12"/>
    </row>
    <row r="418588" spans="8:8">
      <c r="H418588" s="12"/>
    </row>
    <row r="418589" spans="8:8">
      <c r="H418589" s="12"/>
    </row>
    <row r="418590" spans="8:8">
      <c r="H418590" s="12"/>
    </row>
    <row r="418591" spans="8:8">
      <c r="H418591" s="12"/>
    </row>
    <row r="418592" spans="8:8">
      <c r="H418592" s="12"/>
    </row>
    <row r="418593" spans="8:8">
      <c r="H418593" s="12"/>
    </row>
    <row r="418594" spans="8:8">
      <c r="H418594" s="12"/>
    </row>
    <row r="418595" spans="8:8">
      <c r="H418595" s="12"/>
    </row>
    <row r="418596" spans="8:8">
      <c r="H418596" s="12"/>
    </row>
    <row r="418597" spans="8:8">
      <c r="H418597" s="12"/>
    </row>
    <row r="418598" spans="8:8">
      <c r="H418598" s="12"/>
    </row>
    <row r="418599" spans="8:8">
      <c r="H418599" s="12"/>
    </row>
    <row r="418600" spans="8:8">
      <c r="H418600" s="12"/>
    </row>
    <row r="418601" spans="8:8">
      <c r="H418601" s="12"/>
    </row>
    <row r="418602" spans="8:8">
      <c r="H418602" s="12"/>
    </row>
    <row r="418603" spans="8:8">
      <c r="H418603" s="12"/>
    </row>
    <row r="418604" spans="8:8">
      <c r="H418604" s="12"/>
    </row>
    <row r="418605" spans="8:8">
      <c r="H418605" s="12"/>
    </row>
    <row r="418606" spans="8:8">
      <c r="H418606" s="12"/>
    </row>
    <row r="418607" spans="8:8">
      <c r="H418607" s="12"/>
    </row>
    <row r="418608" spans="8:8">
      <c r="H418608" s="12"/>
    </row>
    <row r="418609" spans="8:8">
      <c r="H418609" s="12"/>
    </row>
    <row r="418610" spans="8:8">
      <c r="H418610" s="12"/>
    </row>
    <row r="418611" spans="8:8">
      <c r="H418611" s="12"/>
    </row>
    <row r="418612" spans="8:8">
      <c r="H418612" s="12"/>
    </row>
    <row r="418613" spans="8:8">
      <c r="H418613" s="12"/>
    </row>
    <row r="418614" spans="8:8">
      <c r="H418614" s="12"/>
    </row>
    <row r="418615" spans="8:8">
      <c r="H418615" s="12"/>
    </row>
    <row r="418616" spans="8:8">
      <c r="H418616" s="12"/>
    </row>
    <row r="418617" spans="8:8">
      <c r="H418617" s="12"/>
    </row>
    <row r="418618" spans="8:8">
      <c r="H418618" s="12"/>
    </row>
    <row r="418619" spans="8:8">
      <c r="H418619" s="12"/>
    </row>
    <row r="418620" spans="8:8">
      <c r="H418620" s="12"/>
    </row>
    <row r="418621" spans="8:8">
      <c r="H418621" s="12"/>
    </row>
    <row r="418622" spans="8:8">
      <c r="H418622" s="12"/>
    </row>
    <row r="418623" spans="8:8">
      <c r="H418623" s="12"/>
    </row>
    <row r="418624" spans="8:8">
      <c r="H418624" s="12"/>
    </row>
    <row r="418625" spans="8:8">
      <c r="H418625" s="12"/>
    </row>
    <row r="418626" spans="8:8">
      <c r="H418626" s="12"/>
    </row>
    <row r="418627" spans="8:8">
      <c r="H418627" s="12"/>
    </row>
    <row r="418628" spans="8:8">
      <c r="H418628" s="12"/>
    </row>
    <row r="418629" spans="8:8">
      <c r="H418629" s="12"/>
    </row>
    <row r="418630" spans="8:8">
      <c r="H418630" s="12"/>
    </row>
    <row r="418631" spans="8:8">
      <c r="H418631" s="12"/>
    </row>
    <row r="418632" spans="8:8">
      <c r="H418632" s="12"/>
    </row>
    <row r="418633" spans="8:8">
      <c r="H418633" s="12"/>
    </row>
    <row r="418634" spans="8:8">
      <c r="H418634" s="12"/>
    </row>
    <row r="418635" spans="8:8">
      <c r="H418635" s="12"/>
    </row>
    <row r="418636" spans="8:8">
      <c r="H418636" s="12"/>
    </row>
    <row r="418637" spans="8:8">
      <c r="H418637" s="12"/>
    </row>
    <row r="418638" spans="8:8">
      <c r="H418638" s="12"/>
    </row>
    <row r="418639" spans="8:8">
      <c r="H418639" s="12"/>
    </row>
    <row r="418640" spans="8:8">
      <c r="H418640" s="12"/>
    </row>
    <row r="418641" spans="8:8">
      <c r="H418641" s="12"/>
    </row>
    <row r="418642" spans="8:8">
      <c r="H418642" s="12"/>
    </row>
    <row r="418643" spans="8:8">
      <c r="H418643" s="12"/>
    </row>
    <row r="418644" spans="8:8">
      <c r="H418644" s="12"/>
    </row>
    <row r="418645" spans="8:8">
      <c r="H418645" s="12"/>
    </row>
    <row r="418646" spans="8:8">
      <c r="H418646" s="12"/>
    </row>
    <row r="418647" spans="8:8">
      <c r="H418647" s="12"/>
    </row>
    <row r="418648" spans="8:8">
      <c r="H418648" s="12"/>
    </row>
    <row r="418649" spans="8:8">
      <c r="H418649" s="12"/>
    </row>
    <row r="418650" spans="8:8">
      <c r="H418650" s="12"/>
    </row>
    <row r="418651" spans="8:8">
      <c r="H418651" s="12"/>
    </row>
    <row r="418652" spans="8:8">
      <c r="H418652" s="12"/>
    </row>
    <row r="418653" spans="8:8">
      <c r="H418653" s="12"/>
    </row>
    <row r="418654" spans="8:8">
      <c r="H418654" s="12"/>
    </row>
    <row r="418655" spans="8:8">
      <c r="H418655" s="12"/>
    </row>
    <row r="418656" spans="8:8">
      <c r="H418656" s="12"/>
    </row>
    <row r="418657" spans="8:8">
      <c r="H418657" s="12"/>
    </row>
    <row r="418658" spans="8:8">
      <c r="H418658" s="12"/>
    </row>
    <row r="418659" spans="8:8">
      <c r="H418659" s="12"/>
    </row>
    <row r="418660" spans="8:8">
      <c r="H418660" s="12"/>
    </row>
    <row r="418661" spans="8:8">
      <c r="H418661" s="12"/>
    </row>
    <row r="418662" spans="8:8">
      <c r="H418662" s="12"/>
    </row>
    <row r="418663" spans="8:8">
      <c r="H418663" s="12"/>
    </row>
    <row r="418664" spans="8:8">
      <c r="H418664" s="12"/>
    </row>
    <row r="418665" spans="8:8">
      <c r="H418665" s="12"/>
    </row>
    <row r="418666" spans="8:8">
      <c r="H418666" s="12"/>
    </row>
    <row r="418667" spans="8:8">
      <c r="H418667" s="12"/>
    </row>
    <row r="418668" spans="8:8">
      <c r="H418668" s="12"/>
    </row>
    <row r="418669" spans="8:8">
      <c r="H418669" s="12"/>
    </row>
    <row r="418670" spans="8:8">
      <c r="H418670" s="12"/>
    </row>
    <row r="418671" spans="8:8">
      <c r="H418671" s="12"/>
    </row>
    <row r="418672" spans="8:8">
      <c r="H418672" s="12"/>
    </row>
    <row r="418673" spans="8:8">
      <c r="H418673" s="12"/>
    </row>
    <row r="418674" spans="8:8">
      <c r="H418674" s="12"/>
    </row>
    <row r="418675" spans="8:8">
      <c r="H418675" s="12"/>
    </row>
    <row r="418676" spans="8:8">
      <c r="H418676" s="12"/>
    </row>
    <row r="418677" spans="8:8">
      <c r="H418677" s="12"/>
    </row>
    <row r="418678" spans="8:8">
      <c r="H418678" s="12"/>
    </row>
    <row r="418679" spans="8:8">
      <c r="H418679" s="12"/>
    </row>
    <row r="418680" spans="8:8">
      <c r="H418680" s="12"/>
    </row>
    <row r="418681" spans="8:8">
      <c r="H418681" s="12"/>
    </row>
    <row r="418682" spans="8:8">
      <c r="H418682" s="12"/>
    </row>
    <row r="418683" spans="8:8">
      <c r="H418683" s="12"/>
    </row>
    <row r="418684" spans="8:8">
      <c r="H418684" s="12"/>
    </row>
    <row r="418685" spans="8:8">
      <c r="H418685" s="12"/>
    </row>
    <row r="418686" spans="8:8">
      <c r="H418686" s="12"/>
    </row>
    <row r="418687" spans="8:8">
      <c r="H418687" s="12"/>
    </row>
    <row r="418688" spans="8:8">
      <c r="H418688" s="12"/>
    </row>
    <row r="418689" spans="8:8">
      <c r="H418689" s="12"/>
    </row>
    <row r="418690" spans="8:8">
      <c r="H418690" s="12"/>
    </row>
    <row r="418691" spans="8:8">
      <c r="H418691" s="12"/>
    </row>
    <row r="418692" spans="8:8">
      <c r="H418692" s="12"/>
    </row>
    <row r="418693" spans="8:8">
      <c r="H418693" s="12"/>
    </row>
    <row r="418694" spans="8:8">
      <c r="H418694" s="12"/>
    </row>
    <row r="418695" spans="8:8">
      <c r="H418695" s="12"/>
    </row>
    <row r="418696" spans="8:8">
      <c r="H418696" s="12"/>
    </row>
    <row r="418697" spans="8:8">
      <c r="H418697" s="12"/>
    </row>
    <row r="418698" spans="8:8">
      <c r="H418698" s="12"/>
    </row>
    <row r="418699" spans="8:8">
      <c r="H418699" s="12"/>
    </row>
    <row r="418700" spans="8:8">
      <c r="H418700" s="12"/>
    </row>
    <row r="418701" spans="8:8">
      <c r="H418701" s="12"/>
    </row>
    <row r="418702" spans="8:8">
      <c r="H418702" s="12"/>
    </row>
    <row r="418703" spans="8:8">
      <c r="H418703" s="12"/>
    </row>
    <row r="418704" spans="8:8">
      <c r="H418704" s="12"/>
    </row>
    <row r="418705" spans="8:8">
      <c r="H418705" s="12"/>
    </row>
    <row r="418706" spans="8:8">
      <c r="H418706" s="12"/>
    </row>
    <row r="418707" spans="8:8">
      <c r="H418707" s="12"/>
    </row>
    <row r="418708" spans="8:8">
      <c r="H418708" s="12"/>
    </row>
    <row r="418709" spans="8:8">
      <c r="H418709" s="12"/>
    </row>
    <row r="418710" spans="8:8">
      <c r="H418710" s="12"/>
    </row>
    <row r="418711" spans="8:8">
      <c r="H418711" s="12"/>
    </row>
    <row r="418712" spans="8:8">
      <c r="H418712" s="12"/>
    </row>
    <row r="418713" spans="8:8">
      <c r="H418713" s="12"/>
    </row>
    <row r="418714" spans="8:8">
      <c r="H418714" s="12"/>
    </row>
    <row r="418715" spans="8:8">
      <c r="H418715" s="12"/>
    </row>
    <row r="418716" spans="8:8">
      <c r="H418716" s="12"/>
    </row>
    <row r="418717" spans="8:8">
      <c r="H418717" s="12"/>
    </row>
    <row r="418718" spans="8:8">
      <c r="H418718" s="12"/>
    </row>
    <row r="418719" spans="8:8">
      <c r="H418719" s="12"/>
    </row>
    <row r="418720" spans="8:8">
      <c r="H418720" s="12"/>
    </row>
    <row r="418721" spans="8:8">
      <c r="H418721" s="12"/>
    </row>
    <row r="418722" spans="8:8">
      <c r="H418722" s="12"/>
    </row>
    <row r="418723" spans="8:8">
      <c r="H418723" s="12"/>
    </row>
    <row r="418724" spans="8:8">
      <c r="H418724" s="12"/>
    </row>
    <row r="418725" spans="8:8">
      <c r="H418725" s="12"/>
    </row>
    <row r="418726" spans="8:8">
      <c r="H418726" s="12"/>
    </row>
    <row r="418727" spans="8:8">
      <c r="H418727" s="12"/>
    </row>
    <row r="418728" spans="8:8">
      <c r="H418728" s="12"/>
    </row>
    <row r="418729" spans="8:8">
      <c r="H418729" s="12"/>
    </row>
    <row r="418730" spans="8:8">
      <c r="H418730" s="12"/>
    </row>
    <row r="418731" spans="8:8">
      <c r="H418731" s="12"/>
    </row>
    <row r="418732" spans="8:8">
      <c r="H418732" s="12"/>
    </row>
    <row r="418733" spans="8:8">
      <c r="H418733" s="12"/>
    </row>
    <row r="418734" spans="8:8">
      <c r="H418734" s="12"/>
    </row>
    <row r="418735" spans="8:8">
      <c r="H418735" s="12"/>
    </row>
    <row r="418736" spans="8:8">
      <c r="H418736" s="12"/>
    </row>
    <row r="418737" spans="8:8">
      <c r="H418737" s="12"/>
    </row>
    <row r="418738" spans="8:8">
      <c r="H418738" s="12"/>
    </row>
    <row r="418739" spans="8:8">
      <c r="H418739" s="12"/>
    </row>
    <row r="418740" spans="8:8">
      <c r="H418740" s="12"/>
    </row>
    <row r="418741" spans="8:8">
      <c r="H418741" s="12"/>
    </row>
    <row r="418742" spans="8:8">
      <c r="H418742" s="12"/>
    </row>
    <row r="418743" spans="8:8">
      <c r="H418743" s="12"/>
    </row>
    <row r="418744" spans="8:8">
      <c r="H418744" s="12"/>
    </row>
    <row r="418745" spans="8:8">
      <c r="H418745" s="12"/>
    </row>
    <row r="418746" spans="8:8">
      <c r="H418746" s="12"/>
    </row>
    <row r="418747" spans="8:8">
      <c r="H418747" s="12"/>
    </row>
    <row r="418748" spans="8:8">
      <c r="H418748" s="12"/>
    </row>
    <row r="418749" spans="8:8">
      <c r="H418749" s="12"/>
    </row>
    <row r="418750" spans="8:8">
      <c r="H418750" s="12"/>
    </row>
    <row r="418751" spans="8:8">
      <c r="H418751" s="12"/>
    </row>
    <row r="418752" spans="8:8">
      <c r="H418752" s="12"/>
    </row>
    <row r="418753" spans="8:8">
      <c r="H418753" s="12"/>
    </row>
    <row r="418754" spans="8:8">
      <c r="H418754" s="12"/>
    </row>
    <row r="418755" spans="8:8">
      <c r="H418755" s="12"/>
    </row>
    <row r="418756" spans="8:8">
      <c r="H418756" s="12"/>
    </row>
    <row r="418757" spans="8:8">
      <c r="H418757" s="12"/>
    </row>
    <row r="418758" spans="8:8">
      <c r="H418758" s="12"/>
    </row>
    <row r="418759" spans="8:8">
      <c r="H418759" s="12"/>
    </row>
    <row r="418760" spans="8:8">
      <c r="H418760" s="12"/>
    </row>
    <row r="418761" spans="8:8">
      <c r="H418761" s="12"/>
    </row>
    <row r="418762" spans="8:8">
      <c r="H418762" s="12"/>
    </row>
    <row r="418763" spans="8:8">
      <c r="H418763" s="12"/>
    </row>
    <row r="418764" spans="8:8">
      <c r="H418764" s="12"/>
    </row>
    <row r="418765" spans="8:8">
      <c r="H418765" s="12"/>
    </row>
    <row r="418766" spans="8:8">
      <c r="H418766" s="12"/>
    </row>
    <row r="418767" spans="8:8">
      <c r="H418767" s="12"/>
    </row>
    <row r="418768" spans="8:8">
      <c r="H418768" s="12"/>
    </row>
    <row r="418769" spans="8:8">
      <c r="H418769" s="12"/>
    </row>
    <row r="418770" spans="8:8">
      <c r="H418770" s="12"/>
    </row>
    <row r="418771" spans="8:8">
      <c r="H418771" s="12"/>
    </row>
    <row r="418772" spans="8:8">
      <c r="H418772" s="12"/>
    </row>
    <row r="418773" spans="8:8">
      <c r="H418773" s="12"/>
    </row>
    <row r="418774" spans="8:8">
      <c r="H418774" s="12"/>
    </row>
    <row r="418775" spans="8:8">
      <c r="H418775" s="12"/>
    </row>
    <row r="418776" spans="8:8">
      <c r="H418776" s="12"/>
    </row>
    <row r="418777" spans="8:8">
      <c r="H418777" s="12"/>
    </row>
    <row r="418778" spans="8:8">
      <c r="H418778" s="12"/>
    </row>
    <row r="418779" spans="8:8">
      <c r="H418779" s="12"/>
    </row>
    <row r="418780" spans="8:8">
      <c r="H418780" s="12"/>
    </row>
    <row r="418781" spans="8:8">
      <c r="H418781" s="12"/>
    </row>
    <row r="418782" spans="8:8">
      <c r="H418782" s="12"/>
    </row>
    <row r="418783" spans="8:8">
      <c r="H418783" s="12"/>
    </row>
    <row r="418784" spans="8:8">
      <c r="H418784" s="12"/>
    </row>
    <row r="418785" spans="8:8">
      <c r="H418785" s="12"/>
    </row>
    <row r="418786" spans="8:8">
      <c r="H418786" s="12"/>
    </row>
    <row r="418787" spans="8:8">
      <c r="H418787" s="12"/>
    </row>
    <row r="418788" spans="8:8">
      <c r="H418788" s="12"/>
    </row>
    <row r="418789" spans="8:8">
      <c r="H418789" s="12"/>
    </row>
    <row r="418790" spans="8:8">
      <c r="H418790" s="12"/>
    </row>
    <row r="418791" spans="8:8">
      <c r="H418791" s="12"/>
    </row>
    <row r="418792" spans="8:8">
      <c r="H418792" s="12"/>
    </row>
    <row r="418793" spans="8:8">
      <c r="H418793" s="12"/>
    </row>
    <row r="418794" spans="8:8">
      <c r="H418794" s="12"/>
    </row>
    <row r="418795" spans="8:8">
      <c r="H418795" s="12"/>
    </row>
    <row r="418796" spans="8:8">
      <c r="H418796" s="12"/>
    </row>
    <row r="418797" spans="8:8">
      <c r="H418797" s="12"/>
    </row>
    <row r="418798" spans="8:8">
      <c r="H418798" s="12"/>
    </row>
    <row r="418799" spans="8:8">
      <c r="H418799" s="12"/>
    </row>
    <row r="418800" spans="8:8">
      <c r="H418800" s="12"/>
    </row>
    <row r="418801" spans="8:8">
      <c r="H418801" s="12"/>
    </row>
    <row r="418802" spans="8:8">
      <c r="H418802" s="12"/>
    </row>
    <row r="418803" spans="8:8">
      <c r="H418803" s="12"/>
    </row>
    <row r="418804" spans="8:8">
      <c r="H418804" s="12"/>
    </row>
    <row r="418805" spans="8:8">
      <c r="H418805" s="12"/>
    </row>
    <row r="418806" spans="8:8">
      <c r="H418806" s="12"/>
    </row>
    <row r="418807" spans="8:8">
      <c r="H418807" s="12"/>
    </row>
    <row r="418808" spans="8:8">
      <c r="H418808" s="12"/>
    </row>
    <row r="418809" spans="8:8">
      <c r="H418809" s="12"/>
    </row>
    <row r="418810" spans="8:8">
      <c r="H418810" s="12"/>
    </row>
    <row r="418811" spans="8:8">
      <c r="H418811" s="12"/>
    </row>
    <row r="418812" spans="8:8">
      <c r="H418812" s="12"/>
    </row>
    <row r="418813" spans="8:8">
      <c r="H418813" s="12"/>
    </row>
    <row r="418814" spans="8:8">
      <c r="H418814" s="12"/>
    </row>
    <row r="418815" spans="8:8">
      <c r="H418815" s="12"/>
    </row>
    <row r="418816" spans="8:8">
      <c r="H418816" s="12"/>
    </row>
    <row r="418817" spans="8:8">
      <c r="H418817" s="12"/>
    </row>
    <row r="418818" spans="8:8">
      <c r="H418818" s="12"/>
    </row>
    <row r="418819" spans="8:8">
      <c r="H418819" s="12"/>
    </row>
    <row r="418820" spans="8:8">
      <c r="H418820" s="12"/>
    </row>
    <row r="418821" spans="8:8">
      <c r="H418821" s="12"/>
    </row>
    <row r="418822" spans="8:8">
      <c r="H418822" s="12"/>
    </row>
    <row r="418823" spans="8:8">
      <c r="H418823" s="12"/>
    </row>
    <row r="418824" spans="8:8">
      <c r="H418824" s="12"/>
    </row>
    <row r="418825" spans="8:8">
      <c r="H418825" s="12"/>
    </row>
    <row r="418826" spans="8:8">
      <c r="H418826" s="12"/>
    </row>
    <row r="418827" spans="8:8">
      <c r="H418827" s="12"/>
    </row>
    <row r="418828" spans="8:8">
      <c r="H418828" s="12"/>
    </row>
    <row r="418829" spans="8:8">
      <c r="H418829" s="12"/>
    </row>
    <row r="418830" spans="8:8">
      <c r="H418830" s="12"/>
    </row>
    <row r="418831" spans="8:8">
      <c r="H418831" s="12"/>
    </row>
    <row r="418832" spans="8:8">
      <c r="H418832" s="12"/>
    </row>
    <row r="418833" spans="8:8">
      <c r="H418833" s="12"/>
    </row>
    <row r="418834" spans="8:8">
      <c r="H418834" s="12"/>
    </row>
    <row r="418835" spans="8:8">
      <c r="H418835" s="12"/>
    </row>
    <row r="418836" spans="8:8">
      <c r="H418836" s="12"/>
    </row>
    <row r="418837" spans="8:8">
      <c r="H418837" s="12"/>
    </row>
    <row r="418838" spans="8:8">
      <c r="H418838" s="12"/>
    </row>
    <row r="418839" spans="8:8">
      <c r="H418839" s="12"/>
    </row>
    <row r="418840" spans="8:8">
      <c r="H418840" s="12"/>
    </row>
    <row r="418841" spans="8:8">
      <c r="H418841" s="12"/>
    </row>
    <row r="418842" spans="8:8">
      <c r="H418842" s="12"/>
    </row>
    <row r="418843" spans="8:8">
      <c r="H418843" s="12"/>
    </row>
    <row r="418844" spans="8:8">
      <c r="H418844" s="12"/>
    </row>
    <row r="418845" spans="8:8">
      <c r="H418845" s="12"/>
    </row>
    <row r="418846" spans="8:8">
      <c r="H418846" s="12"/>
    </row>
    <row r="418847" spans="8:8">
      <c r="H418847" s="12"/>
    </row>
    <row r="418848" spans="8:8">
      <c r="H418848" s="12"/>
    </row>
    <row r="418849" spans="8:8">
      <c r="H418849" s="12"/>
    </row>
    <row r="418850" spans="8:8">
      <c r="H418850" s="12"/>
    </row>
    <row r="418851" spans="8:8">
      <c r="H418851" s="12"/>
    </row>
    <row r="418852" spans="8:8">
      <c r="H418852" s="12"/>
    </row>
    <row r="418853" spans="8:8">
      <c r="H418853" s="12"/>
    </row>
    <row r="418854" spans="8:8">
      <c r="H418854" s="12"/>
    </row>
    <row r="418855" spans="8:8">
      <c r="H418855" s="12"/>
    </row>
    <row r="418856" spans="8:8">
      <c r="H418856" s="12"/>
    </row>
    <row r="418857" spans="8:8">
      <c r="H418857" s="12"/>
    </row>
    <row r="418858" spans="8:8">
      <c r="H418858" s="12"/>
    </row>
    <row r="418859" spans="8:8">
      <c r="H418859" s="12"/>
    </row>
    <row r="418860" spans="8:8">
      <c r="H418860" s="12"/>
    </row>
    <row r="418861" spans="8:8">
      <c r="H418861" s="12"/>
    </row>
    <row r="418862" spans="8:8">
      <c r="H418862" s="12"/>
    </row>
    <row r="418863" spans="8:8">
      <c r="H418863" s="12"/>
    </row>
    <row r="418864" spans="8:8">
      <c r="H418864" s="12"/>
    </row>
    <row r="418865" spans="8:8">
      <c r="H418865" s="12"/>
    </row>
    <row r="418866" spans="8:8">
      <c r="H418866" s="12"/>
    </row>
    <row r="418867" spans="8:8">
      <c r="H418867" s="12"/>
    </row>
    <row r="418868" spans="8:8">
      <c r="H418868" s="12"/>
    </row>
    <row r="418869" spans="8:8">
      <c r="H418869" s="12"/>
    </row>
    <row r="418870" spans="8:8">
      <c r="H418870" s="12"/>
    </row>
    <row r="418871" spans="8:8">
      <c r="H418871" s="12"/>
    </row>
    <row r="418872" spans="8:8">
      <c r="H418872" s="12"/>
    </row>
    <row r="418873" spans="8:8">
      <c r="H418873" s="12"/>
    </row>
    <row r="418874" spans="8:8">
      <c r="H418874" s="12"/>
    </row>
    <row r="418875" spans="8:8">
      <c r="H418875" s="12"/>
    </row>
    <row r="418876" spans="8:8">
      <c r="H418876" s="12"/>
    </row>
    <row r="418877" spans="8:8">
      <c r="H418877" s="12"/>
    </row>
    <row r="418878" spans="8:8">
      <c r="H418878" s="12"/>
    </row>
    <row r="418879" spans="8:8">
      <c r="H418879" s="12"/>
    </row>
    <row r="418880" spans="8:8">
      <c r="H418880" s="12"/>
    </row>
    <row r="418881" spans="8:8">
      <c r="H418881" s="12"/>
    </row>
    <row r="418882" spans="8:8">
      <c r="H418882" s="12"/>
    </row>
    <row r="418883" spans="8:8">
      <c r="H418883" s="12"/>
    </row>
    <row r="418884" spans="8:8">
      <c r="H418884" s="12"/>
    </row>
    <row r="418885" spans="8:8">
      <c r="H418885" s="12"/>
    </row>
    <row r="418886" spans="8:8">
      <c r="H418886" s="12"/>
    </row>
    <row r="418887" spans="8:8">
      <c r="H418887" s="12"/>
    </row>
    <row r="418888" spans="8:8">
      <c r="H418888" s="12"/>
    </row>
    <row r="418889" spans="8:8">
      <c r="H418889" s="12"/>
    </row>
    <row r="418890" spans="8:8">
      <c r="H418890" s="12"/>
    </row>
    <row r="418891" spans="8:8">
      <c r="H418891" s="12"/>
    </row>
    <row r="418892" spans="8:8">
      <c r="H418892" s="12"/>
    </row>
    <row r="418893" spans="8:8">
      <c r="H418893" s="12"/>
    </row>
    <row r="418894" spans="8:8">
      <c r="H418894" s="12"/>
    </row>
    <row r="418895" spans="8:8">
      <c r="H418895" s="12"/>
    </row>
    <row r="418896" spans="8:8">
      <c r="H418896" s="12"/>
    </row>
    <row r="418897" spans="8:8">
      <c r="H418897" s="12"/>
    </row>
    <row r="418898" spans="8:8">
      <c r="H418898" s="12"/>
    </row>
    <row r="418899" spans="8:8">
      <c r="H418899" s="12"/>
    </row>
    <row r="418900" spans="8:8">
      <c r="H418900" s="12"/>
    </row>
    <row r="418901" spans="8:8">
      <c r="H418901" s="12"/>
    </row>
    <row r="418902" spans="8:8">
      <c r="H418902" s="12"/>
    </row>
    <row r="418903" spans="8:8">
      <c r="H418903" s="12"/>
    </row>
    <row r="418904" spans="8:8">
      <c r="H418904" s="12"/>
    </row>
    <row r="418905" spans="8:8">
      <c r="H418905" s="12"/>
    </row>
    <row r="418906" spans="8:8">
      <c r="H418906" s="12"/>
    </row>
    <row r="418907" spans="8:8">
      <c r="H418907" s="12"/>
    </row>
    <row r="418908" spans="8:8">
      <c r="H418908" s="12"/>
    </row>
    <row r="418909" spans="8:8">
      <c r="H418909" s="12"/>
    </row>
    <row r="418910" spans="8:8">
      <c r="H418910" s="12"/>
    </row>
    <row r="418911" spans="8:8">
      <c r="H418911" s="12"/>
    </row>
    <row r="418912" spans="8:8">
      <c r="H418912" s="12"/>
    </row>
    <row r="418913" spans="8:8">
      <c r="H418913" s="12"/>
    </row>
    <row r="418914" spans="8:8">
      <c r="H418914" s="12"/>
    </row>
    <row r="418915" spans="8:8">
      <c r="H418915" s="12"/>
    </row>
    <row r="418916" spans="8:8">
      <c r="H418916" s="12"/>
    </row>
    <row r="418917" spans="8:8">
      <c r="H418917" s="12"/>
    </row>
    <row r="418918" spans="8:8">
      <c r="H418918" s="12"/>
    </row>
    <row r="418919" spans="8:8">
      <c r="H418919" s="12"/>
    </row>
    <row r="418920" spans="8:8">
      <c r="H418920" s="12"/>
    </row>
    <row r="418921" spans="8:8">
      <c r="H418921" s="12"/>
    </row>
    <row r="418922" spans="8:8">
      <c r="H418922" s="12"/>
    </row>
    <row r="418923" spans="8:8">
      <c r="H418923" s="12"/>
    </row>
    <row r="418924" spans="8:8">
      <c r="H418924" s="12"/>
    </row>
    <row r="418925" spans="8:8">
      <c r="H418925" s="12"/>
    </row>
    <row r="418926" spans="8:8">
      <c r="H418926" s="12"/>
    </row>
    <row r="418927" spans="8:8">
      <c r="H418927" s="12"/>
    </row>
    <row r="418928" spans="8:8">
      <c r="H418928" s="12"/>
    </row>
    <row r="418929" spans="8:8">
      <c r="H418929" s="12"/>
    </row>
    <row r="418930" spans="8:8">
      <c r="H418930" s="12"/>
    </row>
    <row r="418931" spans="8:8">
      <c r="H418931" s="12"/>
    </row>
    <row r="418932" spans="8:8">
      <c r="H418932" s="12"/>
    </row>
    <row r="418933" spans="8:8">
      <c r="H418933" s="12"/>
    </row>
    <row r="418934" spans="8:8">
      <c r="H418934" s="12"/>
    </row>
    <row r="418935" spans="8:8">
      <c r="H418935" s="12"/>
    </row>
    <row r="418936" spans="8:8">
      <c r="H418936" s="12"/>
    </row>
    <row r="418937" spans="8:8">
      <c r="H418937" s="12"/>
    </row>
    <row r="418938" spans="8:8">
      <c r="H418938" s="12"/>
    </row>
    <row r="418939" spans="8:8">
      <c r="H418939" s="12"/>
    </row>
    <row r="418940" spans="8:8">
      <c r="H418940" s="12"/>
    </row>
    <row r="418941" spans="8:8">
      <c r="H418941" s="12"/>
    </row>
    <row r="418942" spans="8:8">
      <c r="H418942" s="12"/>
    </row>
    <row r="418943" spans="8:8">
      <c r="H418943" s="12"/>
    </row>
    <row r="418944" spans="8:8">
      <c r="H418944" s="12"/>
    </row>
    <row r="418945" spans="8:8">
      <c r="H418945" s="12"/>
    </row>
    <row r="418946" spans="8:8">
      <c r="H418946" s="12"/>
    </row>
    <row r="418947" spans="8:8">
      <c r="H418947" s="12"/>
    </row>
    <row r="418948" spans="8:8">
      <c r="H418948" s="12"/>
    </row>
    <row r="418949" spans="8:8">
      <c r="H418949" s="12"/>
    </row>
    <row r="418950" spans="8:8">
      <c r="H418950" s="12"/>
    </row>
    <row r="418951" spans="8:8">
      <c r="H418951" s="12"/>
    </row>
    <row r="418952" spans="8:8">
      <c r="H418952" s="12"/>
    </row>
    <row r="418953" spans="8:8">
      <c r="H418953" s="12"/>
    </row>
    <row r="418954" spans="8:8">
      <c r="H418954" s="12"/>
    </row>
    <row r="418955" spans="8:8">
      <c r="H418955" s="12"/>
    </row>
    <row r="418956" spans="8:8">
      <c r="H418956" s="12"/>
    </row>
    <row r="418957" spans="8:8">
      <c r="H418957" s="12"/>
    </row>
    <row r="418958" spans="8:8">
      <c r="H418958" s="12"/>
    </row>
    <row r="418959" spans="8:8">
      <c r="H418959" s="12"/>
    </row>
    <row r="418960" spans="8:8">
      <c r="H418960" s="12"/>
    </row>
    <row r="418961" spans="8:8">
      <c r="H418961" s="12"/>
    </row>
    <row r="418962" spans="8:8">
      <c r="H418962" s="12"/>
    </row>
    <row r="418963" spans="8:8">
      <c r="H418963" s="12"/>
    </row>
    <row r="418964" spans="8:8">
      <c r="H418964" s="12"/>
    </row>
    <row r="418965" spans="8:8">
      <c r="H418965" s="12"/>
    </row>
    <row r="418966" spans="8:8">
      <c r="H418966" s="12"/>
    </row>
    <row r="418967" spans="8:8">
      <c r="H418967" s="12"/>
    </row>
    <row r="418968" spans="8:8">
      <c r="H418968" s="12"/>
    </row>
    <row r="418969" spans="8:8">
      <c r="H418969" s="12"/>
    </row>
    <row r="418970" spans="8:8">
      <c r="H418970" s="12"/>
    </row>
    <row r="418971" spans="8:8">
      <c r="H418971" s="12"/>
    </row>
    <row r="418972" spans="8:8">
      <c r="H418972" s="12"/>
    </row>
    <row r="418973" spans="8:8">
      <c r="H418973" s="12"/>
    </row>
    <row r="418974" spans="8:8">
      <c r="H418974" s="12"/>
    </row>
    <row r="418975" spans="8:8">
      <c r="H418975" s="12"/>
    </row>
    <row r="418976" spans="8:8">
      <c r="H418976" s="12"/>
    </row>
    <row r="418977" spans="8:8">
      <c r="H418977" s="12"/>
    </row>
    <row r="418978" spans="8:8">
      <c r="H418978" s="12"/>
    </row>
    <row r="418979" spans="8:8">
      <c r="H418979" s="12"/>
    </row>
    <row r="418980" spans="8:8">
      <c r="H418980" s="12"/>
    </row>
    <row r="418981" spans="8:8">
      <c r="H418981" s="12"/>
    </row>
    <row r="418982" spans="8:8">
      <c r="H418982" s="12"/>
    </row>
    <row r="418983" spans="8:8">
      <c r="H418983" s="12"/>
    </row>
    <row r="418984" spans="8:8">
      <c r="H418984" s="12"/>
    </row>
    <row r="418985" spans="8:8">
      <c r="H418985" s="12"/>
    </row>
    <row r="418986" spans="8:8">
      <c r="H418986" s="12"/>
    </row>
    <row r="418987" spans="8:8">
      <c r="H418987" s="12"/>
    </row>
    <row r="418988" spans="8:8">
      <c r="H418988" s="12"/>
    </row>
    <row r="418989" spans="8:8">
      <c r="H418989" s="12"/>
    </row>
    <row r="418990" spans="8:8">
      <c r="H418990" s="12"/>
    </row>
    <row r="418991" spans="8:8">
      <c r="H418991" s="12"/>
    </row>
    <row r="418992" spans="8:8">
      <c r="H418992" s="12"/>
    </row>
    <row r="418993" spans="8:8">
      <c r="H418993" s="12"/>
    </row>
    <row r="418994" spans="8:8">
      <c r="H418994" s="12"/>
    </row>
    <row r="418995" spans="8:8">
      <c r="H418995" s="12"/>
    </row>
    <row r="418996" spans="8:8">
      <c r="H418996" s="12"/>
    </row>
    <row r="418997" spans="8:8">
      <c r="H418997" s="12"/>
    </row>
    <row r="418998" spans="8:8">
      <c r="H418998" s="12"/>
    </row>
    <row r="418999" spans="8:8">
      <c r="H418999" s="12"/>
    </row>
    <row r="419000" spans="8:8">
      <c r="H419000" s="12"/>
    </row>
    <row r="419001" spans="8:8">
      <c r="H419001" s="12"/>
    </row>
    <row r="419002" spans="8:8">
      <c r="H419002" s="12"/>
    </row>
    <row r="419003" spans="8:8">
      <c r="H419003" s="12"/>
    </row>
    <row r="419004" spans="8:8">
      <c r="H419004" s="12"/>
    </row>
    <row r="419005" spans="8:8">
      <c r="H419005" s="12"/>
    </row>
    <row r="419006" spans="8:8">
      <c r="H419006" s="12"/>
    </row>
    <row r="419007" spans="8:8">
      <c r="H419007" s="12"/>
    </row>
    <row r="419008" spans="8:8">
      <c r="H419008" s="12"/>
    </row>
    <row r="419009" spans="8:8">
      <c r="H419009" s="12"/>
    </row>
    <row r="419010" spans="8:8">
      <c r="H419010" s="12"/>
    </row>
    <row r="419011" spans="8:8">
      <c r="H419011" s="12"/>
    </row>
    <row r="419012" spans="8:8">
      <c r="H419012" s="12"/>
    </row>
    <row r="419013" spans="8:8">
      <c r="H419013" s="12"/>
    </row>
    <row r="419014" spans="8:8">
      <c r="H419014" s="12"/>
    </row>
    <row r="419015" spans="8:8">
      <c r="H419015" s="12"/>
    </row>
    <row r="419016" spans="8:8">
      <c r="H419016" s="12"/>
    </row>
    <row r="419017" spans="8:8">
      <c r="H419017" s="12"/>
    </row>
    <row r="419018" spans="8:8">
      <c r="H419018" s="12"/>
    </row>
    <row r="419019" spans="8:8">
      <c r="H419019" s="12"/>
    </row>
    <row r="419020" spans="8:8">
      <c r="H419020" s="12"/>
    </row>
    <row r="419021" spans="8:8">
      <c r="H419021" s="12"/>
    </row>
    <row r="419022" spans="8:8">
      <c r="H419022" s="12"/>
    </row>
    <row r="419023" spans="8:8">
      <c r="H419023" s="12"/>
    </row>
    <row r="419024" spans="8:8">
      <c r="H419024" s="12"/>
    </row>
    <row r="419025" spans="8:8">
      <c r="H419025" s="12"/>
    </row>
    <row r="419026" spans="8:8">
      <c r="H419026" s="12"/>
    </row>
    <row r="419027" spans="8:8">
      <c r="H419027" s="12"/>
    </row>
    <row r="419028" spans="8:8">
      <c r="H419028" s="12"/>
    </row>
    <row r="419029" spans="8:8">
      <c r="H419029" s="12"/>
    </row>
    <row r="419030" spans="8:8">
      <c r="H419030" s="12"/>
    </row>
    <row r="419031" spans="8:8">
      <c r="H419031" s="12"/>
    </row>
    <row r="419032" spans="8:8">
      <c r="H419032" s="12"/>
    </row>
    <row r="419033" spans="8:8">
      <c r="H419033" s="12"/>
    </row>
    <row r="419034" spans="8:8">
      <c r="H419034" s="12"/>
    </row>
    <row r="419035" spans="8:8">
      <c r="H419035" s="12"/>
    </row>
    <row r="419036" spans="8:8">
      <c r="H419036" s="12"/>
    </row>
    <row r="419037" spans="8:8">
      <c r="H419037" s="12"/>
    </row>
    <row r="419038" spans="8:8">
      <c r="H419038" s="12"/>
    </row>
    <row r="419039" spans="8:8">
      <c r="H419039" s="12"/>
    </row>
    <row r="419040" spans="8:8">
      <c r="H419040" s="12"/>
    </row>
    <row r="419041" spans="8:8">
      <c r="H419041" s="12"/>
    </row>
    <row r="419042" spans="8:8">
      <c r="H419042" s="12"/>
    </row>
    <row r="419043" spans="8:8">
      <c r="H419043" s="12"/>
    </row>
    <row r="419044" spans="8:8">
      <c r="H419044" s="12"/>
    </row>
    <row r="419045" spans="8:8">
      <c r="H419045" s="12"/>
    </row>
    <row r="419046" spans="8:8">
      <c r="H419046" s="12"/>
    </row>
    <row r="419047" spans="8:8">
      <c r="H419047" s="12"/>
    </row>
    <row r="419048" spans="8:8">
      <c r="H419048" s="12"/>
    </row>
    <row r="419049" spans="8:8">
      <c r="H419049" s="12"/>
    </row>
    <row r="419050" spans="8:8">
      <c r="H419050" s="12"/>
    </row>
    <row r="419051" spans="8:8">
      <c r="H419051" s="12"/>
    </row>
    <row r="419052" spans="8:8">
      <c r="H419052" s="12"/>
    </row>
    <row r="419053" spans="8:8">
      <c r="H419053" s="12"/>
    </row>
    <row r="419054" spans="8:8">
      <c r="H419054" s="12"/>
    </row>
    <row r="419055" spans="8:8">
      <c r="H419055" s="12"/>
    </row>
    <row r="419056" spans="8:8">
      <c r="H419056" s="12"/>
    </row>
    <row r="419057" spans="8:8">
      <c r="H419057" s="12"/>
    </row>
    <row r="419058" spans="8:8">
      <c r="H419058" s="12"/>
    </row>
    <row r="419059" spans="8:8">
      <c r="H419059" s="12"/>
    </row>
    <row r="419060" spans="8:8">
      <c r="H419060" s="12"/>
    </row>
    <row r="419061" spans="8:8">
      <c r="H419061" s="12"/>
    </row>
    <row r="419062" spans="8:8">
      <c r="H419062" s="12"/>
    </row>
    <row r="419063" spans="8:8">
      <c r="H419063" s="12"/>
    </row>
    <row r="419064" spans="8:8">
      <c r="H419064" s="12"/>
    </row>
    <row r="419065" spans="8:8">
      <c r="H419065" s="12"/>
    </row>
    <row r="419066" spans="8:8">
      <c r="H419066" s="12"/>
    </row>
    <row r="419067" spans="8:8">
      <c r="H419067" s="12"/>
    </row>
    <row r="419068" spans="8:8">
      <c r="H419068" s="12"/>
    </row>
    <row r="419069" spans="8:8">
      <c r="H419069" s="12"/>
    </row>
    <row r="419070" spans="8:8">
      <c r="H419070" s="12"/>
    </row>
    <row r="419071" spans="8:8">
      <c r="H419071" s="12"/>
    </row>
    <row r="419072" spans="8:8">
      <c r="H419072" s="12"/>
    </row>
    <row r="419073" spans="8:8">
      <c r="H419073" s="12"/>
    </row>
    <row r="419074" spans="8:8">
      <c r="H419074" s="12"/>
    </row>
    <row r="419075" spans="8:8">
      <c r="H419075" s="12"/>
    </row>
    <row r="419076" spans="8:8">
      <c r="H419076" s="12"/>
    </row>
    <row r="419077" spans="8:8">
      <c r="H419077" s="12"/>
    </row>
    <row r="419078" spans="8:8">
      <c r="H419078" s="12"/>
    </row>
    <row r="419079" spans="8:8">
      <c r="H419079" s="12"/>
    </row>
    <row r="419080" spans="8:8">
      <c r="H419080" s="12"/>
    </row>
    <row r="419081" spans="8:8">
      <c r="H419081" s="12"/>
    </row>
    <row r="419082" spans="8:8">
      <c r="H419082" s="12"/>
    </row>
    <row r="419083" spans="8:8">
      <c r="H419083" s="12"/>
    </row>
    <row r="419084" spans="8:8">
      <c r="H419084" s="12"/>
    </row>
    <row r="419085" spans="8:8">
      <c r="H419085" s="12"/>
    </row>
    <row r="419086" spans="8:8">
      <c r="H419086" s="12"/>
    </row>
    <row r="419087" spans="8:8">
      <c r="H419087" s="12"/>
    </row>
    <row r="419088" spans="8:8">
      <c r="H419088" s="12"/>
    </row>
    <row r="419089" spans="8:8">
      <c r="H419089" s="12"/>
    </row>
    <row r="419090" spans="8:8">
      <c r="H419090" s="12"/>
    </row>
    <row r="419091" spans="8:8">
      <c r="H419091" s="12"/>
    </row>
    <row r="419092" spans="8:8">
      <c r="H419092" s="12"/>
    </row>
    <row r="419093" spans="8:8">
      <c r="H419093" s="12"/>
    </row>
    <row r="419094" spans="8:8">
      <c r="H419094" s="12"/>
    </row>
    <row r="419095" spans="8:8">
      <c r="H419095" s="12"/>
    </row>
    <row r="419096" spans="8:8">
      <c r="H419096" s="12"/>
    </row>
    <row r="419097" spans="8:8">
      <c r="H419097" s="12"/>
    </row>
    <row r="419098" spans="8:8">
      <c r="H419098" s="12"/>
    </row>
    <row r="419099" spans="8:8">
      <c r="H419099" s="12"/>
    </row>
    <row r="419100" spans="8:8">
      <c r="H419100" s="12"/>
    </row>
    <row r="419101" spans="8:8">
      <c r="H419101" s="12"/>
    </row>
    <row r="419102" spans="8:8">
      <c r="H419102" s="12"/>
    </row>
    <row r="419103" spans="8:8">
      <c r="H419103" s="12"/>
    </row>
    <row r="419104" spans="8:8">
      <c r="H419104" s="12"/>
    </row>
    <row r="419105" spans="8:8">
      <c r="H419105" s="12"/>
    </row>
    <row r="419106" spans="8:8">
      <c r="H419106" s="12"/>
    </row>
    <row r="419107" spans="8:8">
      <c r="H419107" s="12"/>
    </row>
    <row r="419108" spans="8:8">
      <c r="H419108" s="12"/>
    </row>
    <row r="419109" spans="8:8">
      <c r="H419109" s="12"/>
    </row>
    <row r="419110" spans="8:8">
      <c r="H419110" s="12"/>
    </row>
    <row r="419111" spans="8:8">
      <c r="H419111" s="12"/>
    </row>
    <row r="419112" spans="8:8">
      <c r="H419112" s="12"/>
    </row>
    <row r="419113" spans="8:8">
      <c r="H419113" s="12"/>
    </row>
    <row r="419114" spans="8:8">
      <c r="H419114" s="12"/>
    </row>
    <row r="419115" spans="8:8">
      <c r="H419115" s="12"/>
    </row>
    <row r="419116" spans="8:8">
      <c r="H419116" s="12"/>
    </row>
    <row r="419117" spans="8:8">
      <c r="H419117" s="12"/>
    </row>
    <row r="419118" spans="8:8">
      <c r="H419118" s="12"/>
    </row>
    <row r="419119" spans="8:8">
      <c r="H419119" s="12"/>
    </row>
    <row r="419120" spans="8:8">
      <c r="H419120" s="12"/>
    </row>
    <row r="419121" spans="8:8">
      <c r="H419121" s="12"/>
    </row>
    <row r="419122" spans="8:8">
      <c r="H419122" s="12"/>
    </row>
    <row r="419123" spans="8:8">
      <c r="H419123" s="12"/>
    </row>
    <row r="419124" spans="8:8">
      <c r="H419124" s="12"/>
    </row>
    <row r="419125" spans="8:8">
      <c r="H419125" s="12"/>
    </row>
    <row r="419126" spans="8:8">
      <c r="H419126" s="12"/>
    </row>
    <row r="419127" spans="8:8">
      <c r="H419127" s="12"/>
    </row>
    <row r="419128" spans="8:8">
      <c r="H419128" s="12"/>
    </row>
    <row r="419129" spans="8:8">
      <c r="H419129" s="12"/>
    </row>
    <row r="419130" spans="8:8">
      <c r="H419130" s="12"/>
    </row>
    <row r="419131" spans="8:8">
      <c r="H419131" s="12"/>
    </row>
    <row r="419132" spans="8:8">
      <c r="H419132" s="12"/>
    </row>
    <row r="419133" spans="8:8">
      <c r="H419133" s="12"/>
    </row>
    <row r="419134" spans="8:8">
      <c r="H419134" s="12"/>
    </row>
    <row r="419135" spans="8:8">
      <c r="H419135" s="12"/>
    </row>
    <row r="419136" spans="8:8">
      <c r="H419136" s="12"/>
    </row>
    <row r="419137" spans="8:8">
      <c r="H419137" s="12"/>
    </row>
    <row r="419138" spans="8:8">
      <c r="H419138" s="12"/>
    </row>
    <row r="419139" spans="8:8">
      <c r="H419139" s="12"/>
    </row>
    <row r="419140" spans="8:8">
      <c r="H419140" s="12"/>
    </row>
    <row r="419141" spans="8:8">
      <c r="H419141" s="12"/>
    </row>
    <row r="419142" spans="8:8">
      <c r="H419142" s="12"/>
    </row>
    <row r="419143" spans="8:8">
      <c r="H419143" s="12"/>
    </row>
    <row r="419144" spans="8:8">
      <c r="H419144" s="12"/>
    </row>
    <row r="419145" spans="8:8">
      <c r="H419145" s="12"/>
    </row>
    <row r="419146" spans="8:8">
      <c r="H419146" s="12"/>
    </row>
    <row r="419147" spans="8:8">
      <c r="H419147" s="12"/>
    </row>
    <row r="419148" spans="8:8">
      <c r="H419148" s="12"/>
    </row>
    <row r="419149" spans="8:8">
      <c r="H419149" s="12"/>
    </row>
    <row r="419150" spans="8:8">
      <c r="H419150" s="12"/>
    </row>
    <row r="419151" spans="8:8">
      <c r="H419151" s="12"/>
    </row>
    <row r="419152" spans="8:8">
      <c r="H419152" s="12"/>
    </row>
    <row r="419153" spans="8:8">
      <c r="H419153" s="12"/>
    </row>
    <row r="419154" spans="8:8">
      <c r="H419154" s="12"/>
    </row>
    <row r="419155" spans="8:8">
      <c r="H419155" s="12"/>
    </row>
    <row r="419156" spans="8:8">
      <c r="H419156" s="12"/>
    </row>
    <row r="419157" spans="8:8">
      <c r="H419157" s="12"/>
    </row>
    <row r="419158" spans="8:8">
      <c r="H419158" s="12"/>
    </row>
    <row r="419159" spans="8:8">
      <c r="H419159" s="12"/>
    </row>
    <row r="419160" spans="8:8">
      <c r="H419160" s="12"/>
    </row>
    <row r="419161" spans="8:8">
      <c r="H419161" s="12"/>
    </row>
    <row r="419162" spans="8:8">
      <c r="H419162" s="12"/>
    </row>
    <row r="419163" spans="8:8">
      <c r="H419163" s="12"/>
    </row>
    <row r="419164" spans="8:8">
      <c r="H419164" s="12"/>
    </row>
    <row r="419165" spans="8:8">
      <c r="H419165" s="12"/>
    </row>
    <row r="419166" spans="8:8">
      <c r="H419166" s="12"/>
    </row>
    <row r="419167" spans="8:8">
      <c r="H419167" s="12"/>
    </row>
    <row r="419168" spans="8:8">
      <c r="H419168" s="12"/>
    </row>
    <row r="419169" spans="8:8">
      <c r="H419169" s="12"/>
    </row>
    <row r="419170" spans="8:8">
      <c r="H419170" s="12"/>
    </row>
    <row r="419171" spans="8:8">
      <c r="H419171" s="12"/>
    </row>
    <row r="419172" spans="8:8">
      <c r="H419172" s="12"/>
    </row>
    <row r="419173" spans="8:8">
      <c r="H419173" s="12"/>
    </row>
    <row r="419174" spans="8:8">
      <c r="H419174" s="12"/>
    </row>
    <row r="419175" spans="8:8">
      <c r="H419175" s="12"/>
    </row>
    <row r="419176" spans="8:8">
      <c r="H419176" s="12"/>
    </row>
    <row r="419177" spans="8:8">
      <c r="H419177" s="12"/>
    </row>
    <row r="419178" spans="8:8">
      <c r="H419178" s="12"/>
    </row>
    <row r="419179" spans="8:8">
      <c r="H419179" s="12"/>
    </row>
    <row r="419180" spans="8:8">
      <c r="H419180" s="12"/>
    </row>
    <row r="419181" spans="8:8">
      <c r="H419181" s="12"/>
    </row>
    <row r="419182" spans="8:8">
      <c r="H419182" s="12"/>
    </row>
    <row r="419183" spans="8:8">
      <c r="H419183" s="12"/>
    </row>
    <row r="419184" spans="8:8">
      <c r="H419184" s="12"/>
    </row>
    <row r="419185" spans="8:8">
      <c r="H419185" s="12"/>
    </row>
    <row r="419186" spans="8:8">
      <c r="H419186" s="12"/>
    </row>
    <row r="419187" spans="8:8">
      <c r="H419187" s="12"/>
    </row>
    <row r="419188" spans="8:8">
      <c r="H419188" s="12"/>
    </row>
    <row r="419189" spans="8:8">
      <c r="H419189" s="12"/>
    </row>
    <row r="419190" spans="8:8">
      <c r="H419190" s="12"/>
    </row>
    <row r="419191" spans="8:8">
      <c r="H419191" s="12"/>
    </row>
    <row r="419192" spans="8:8">
      <c r="H419192" s="12"/>
    </row>
    <row r="419193" spans="8:8">
      <c r="H419193" s="12"/>
    </row>
    <row r="419194" spans="8:8">
      <c r="H419194" s="12"/>
    </row>
    <row r="419195" spans="8:8">
      <c r="H419195" s="12"/>
    </row>
    <row r="419196" spans="8:8">
      <c r="H419196" s="12"/>
    </row>
    <row r="419197" spans="8:8">
      <c r="H419197" s="12"/>
    </row>
    <row r="419198" spans="8:8">
      <c r="H419198" s="12"/>
    </row>
    <row r="419199" spans="8:8">
      <c r="H419199" s="12"/>
    </row>
    <row r="419200" spans="8:8">
      <c r="H419200" s="12"/>
    </row>
    <row r="419201" spans="8:8">
      <c r="H419201" s="12"/>
    </row>
    <row r="419202" spans="8:8">
      <c r="H419202" s="12"/>
    </row>
    <row r="419203" spans="8:8">
      <c r="H419203" s="12"/>
    </row>
    <row r="419204" spans="8:8">
      <c r="H419204" s="12"/>
    </row>
    <row r="419205" spans="8:8">
      <c r="H419205" s="12"/>
    </row>
    <row r="419206" spans="8:8">
      <c r="H419206" s="12"/>
    </row>
    <row r="419207" spans="8:8">
      <c r="H419207" s="12"/>
    </row>
    <row r="419208" spans="8:8">
      <c r="H419208" s="12"/>
    </row>
    <row r="419209" spans="8:8">
      <c r="H419209" s="12"/>
    </row>
    <row r="419210" spans="8:8">
      <c r="H419210" s="12"/>
    </row>
    <row r="419211" spans="8:8">
      <c r="H419211" s="12"/>
    </row>
    <row r="419212" spans="8:8">
      <c r="H419212" s="12"/>
    </row>
    <row r="419213" spans="8:8">
      <c r="H419213" s="12"/>
    </row>
    <row r="419214" spans="8:8">
      <c r="H419214" s="12"/>
    </row>
    <row r="419215" spans="8:8">
      <c r="H419215" s="12"/>
    </row>
    <row r="419216" spans="8:8">
      <c r="H419216" s="12"/>
    </row>
    <row r="419217" spans="8:8">
      <c r="H419217" s="12"/>
    </row>
    <row r="419218" spans="8:8">
      <c r="H419218" s="12"/>
    </row>
    <row r="419219" spans="8:8">
      <c r="H419219" s="12"/>
    </row>
    <row r="419220" spans="8:8">
      <c r="H419220" s="12"/>
    </row>
    <row r="419221" spans="8:8">
      <c r="H419221" s="12"/>
    </row>
    <row r="419222" spans="8:8">
      <c r="H419222" s="12"/>
    </row>
    <row r="419223" spans="8:8">
      <c r="H419223" s="12"/>
    </row>
    <row r="419224" spans="8:8">
      <c r="H419224" s="12"/>
    </row>
    <row r="419225" spans="8:8">
      <c r="H419225" s="12"/>
    </row>
    <row r="419226" spans="8:8">
      <c r="H419226" s="12"/>
    </row>
    <row r="419227" spans="8:8">
      <c r="H419227" s="12"/>
    </row>
    <row r="419228" spans="8:8">
      <c r="H419228" s="12"/>
    </row>
    <row r="419229" spans="8:8">
      <c r="H419229" s="12"/>
    </row>
    <row r="419230" spans="8:8">
      <c r="H419230" s="12"/>
    </row>
    <row r="419231" spans="8:8">
      <c r="H419231" s="12"/>
    </row>
    <row r="419232" spans="8:8">
      <c r="H419232" s="12"/>
    </row>
    <row r="419233" spans="8:8">
      <c r="H419233" s="12"/>
    </row>
    <row r="419234" spans="8:8">
      <c r="H419234" s="12"/>
    </row>
    <row r="419235" spans="8:8">
      <c r="H419235" s="12"/>
    </row>
    <row r="419236" spans="8:8">
      <c r="H419236" s="12"/>
    </row>
    <row r="419237" spans="8:8">
      <c r="H419237" s="12"/>
    </row>
    <row r="419238" spans="8:8">
      <c r="H419238" s="12"/>
    </row>
    <row r="419239" spans="8:8">
      <c r="H419239" s="12"/>
    </row>
    <row r="419240" spans="8:8">
      <c r="H419240" s="12"/>
    </row>
    <row r="419241" spans="8:8">
      <c r="H419241" s="12"/>
    </row>
    <row r="419242" spans="8:8">
      <c r="H419242" s="12"/>
    </row>
    <row r="419243" spans="8:8">
      <c r="H419243" s="12"/>
    </row>
    <row r="419244" spans="8:8">
      <c r="H419244" s="12"/>
    </row>
    <row r="419245" spans="8:8">
      <c r="H419245" s="12"/>
    </row>
    <row r="419246" spans="8:8">
      <c r="H419246" s="12"/>
    </row>
    <row r="419247" spans="8:8">
      <c r="H419247" s="12"/>
    </row>
    <row r="419248" spans="8:8">
      <c r="H419248" s="12"/>
    </row>
    <row r="419249" spans="8:8">
      <c r="H419249" s="12"/>
    </row>
    <row r="419250" spans="8:8">
      <c r="H419250" s="12"/>
    </row>
    <row r="419251" spans="8:8">
      <c r="H419251" s="12"/>
    </row>
    <row r="419252" spans="8:8">
      <c r="H419252" s="12"/>
    </row>
    <row r="419253" spans="8:8">
      <c r="H419253" s="12"/>
    </row>
    <row r="419254" spans="8:8">
      <c r="H419254" s="12"/>
    </row>
    <row r="419255" spans="8:8">
      <c r="H419255" s="12"/>
    </row>
    <row r="419256" spans="8:8">
      <c r="H419256" s="12"/>
    </row>
    <row r="419257" spans="8:8">
      <c r="H419257" s="12"/>
    </row>
    <row r="419258" spans="8:8">
      <c r="H419258" s="12"/>
    </row>
    <row r="419259" spans="8:8">
      <c r="H419259" s="12"/>
    </row>
    <row r="419260" spans="8:8">
      <c r="H419260" s="12"/>
    </row>
    <row r="419261" spans="8:8">
      <c r="H419261" s="12"/>
    </row>
    <row r="419262" spans="8:8">
      <c r="H419262" s="12"/>
    </row>
    <row r="419263" spans="8:8">
      <c r="H419263" s="12"/>
    </row>
    <row r="419264" spans="8:8">
      <c r="H419264" s="12"/>
    </row>
    <row r="419265" spans="8:8">
      <c r="H419265" s="12"/>
    </row>
    <row r="419266" spans="8:8">
      <c r="H419266" s="12"/>
    </row>
    <row r="419267" spans="8:8">
      <c r="H419267" s="12"/>
    </row>
    <row r="419268" spans="8:8">
      <c r="H419268" s="12"/>
    </row>
    <row r="419269" spans="8:8">
      <c r="H419269" s="12"/>
    </row>
    <row r="419270" spans="8:8">
      <c r="H419270" s="12"/>
    </row>
    <row r="419271" spans="8:8">
      <c r="H419271" s="12"/>
    </row>
    <row r="419272" spans="8:8">
      <c r="H419272" s="12"/>
    </row>
    <row r="419273" spans="8:8">
      <c r="H419273" s="12"/>
    </row>
    <row r="419274" spans="8:8">
      <c r="H419274" s="12"/>
    </row>
    <row r="419275" spans="8:8">
      <c r="H419275" s="12"/>
    </row>
    <row r="419276" spans="8:8">
      <c r="H419276" s="12"/>
    </row>
    <row r="419277" spans="8:8">
      <c r="H419277" s="12"/>
    </row>
    <row r="419278" spans="8:8">
      <c r="H419278" s="12"/>
    </row>
    <row r="419279" spans="8:8">
      <c r="H419279" s="12"/>
    </row>
    <row r="419280" spans="8:8">
      <c r="H419280" s="12"/>
    </row>
    <row r="419281" spans="8:8">
      <c r="H419281" s="12"/>
    </row>
    <row r="419282" spans="8:8">
      <c r="H419282" s="12"/>
    </row>
    <row r="419283" spans="8:8">
      <c r="H419283" s="12"/>
    </row>
    <row r="419284" spans="8:8">
      <c r="H419284" s="12"/>
    </row>
    <row r="419285" spans="8:8">
      <c r="H419285" s="12"/>
    </row>
    <row r="419286" spans="8:8">
      <c r="H419286" s="12"/>
    </row>
    <row r="419287" spans="8:8">
      <c r="H419287" s="12"/>
    </row>
    <row r="419288" spans="8:8">
      <c r="H419288" s="12"/>
    </row>
    <row r="419289" spans="8:8">
      <c r="H419289" s="12"/>
    </row>
    <row r="419290" spans="8:8">
      <c r="H419290" s="12"/>
    </row>
    <row r="419291" spans="8:8">
      <c r="H419291" s="12"/>
    </row>
    <row r="419292" spans="8:8">
      <c r="H419292" s="12"/>
    </row>
    <row r="419293" spans="8:8">
      <c r="H419293" s="12"/>
    </row>
    <row r="419294" spans="8:8">
      <c r="H419294" s="12"/>
    </row>
    <row r="419295" spans="8:8">
      <c r="H419295" s="12"/>
    </row>
    <row r="419296" spans="8:8">
      <c r="H419296" s="12"/>
    </row>
    <row r="419297" spans="8:8">
      <c r="H419297" s="12"/>
    </row>
    <row r="419298" spans="8:8">
      <c r="H419298" s="12"/>
    </row>
    <row r="419299" spans="8:8">
      <c r="H419299" s="12"/>
    </row>
    <row r="419300" spans="8:8">
      <c r="H419300" s="12"/>
    </row>
    <row r="419301" spans="8:8">
      <c r="H419301" s="12"/>
    </row>
    <row r="419302" spans="8:8">
      <c r="H419302" s="12"/>
    </row>
    <row r="419303" spans="8:8">
      <c r="H419303" s="12"/>
    </row>
    <row r="419304" spans="8:8">
      <c r="H419304" s="12"/>
    </row>
    <row r="419305" spans="8:8">
      <c r="H419305" s="12"/>
    </row>
    <row r="419306" spans="8:8">
      <c r="H419306" s="12"/>
    </row>
    <row r="419307" spans="8:8">
      <c r="H419307" s="12"/>
    </row>
    <row r="419308" spans="8:8">
      <c r="H419308" s="12"/>
    </row>
    <row r="419309" spans="8:8">
      <c r="H419309" s="12"/>
    </row>
    <row r="419310" spans="8:8">
      <c r="H419310" s="12"/>
    </row>
    <row r="419311" spans="8:8">
      <c r="H419311" s="12"/>
    </row>
    <row r="419312" spans="8:8">
      <c r="H419312" s="12"/>
    </row>
    <row r="419313" spans="8:8">
      <c r="H419313" s="12"/>
    </row>
    <row r="419314" spans="8:8">
      <c r="H419314" s="12"/>
    </row>
    <row r="419315" spans="8:8">
      <c r="H419315" s="12"/>
    </row>
    <row r="419316" spans="8:8">
      <c r="H419316" s="12"/>
    </row>
    <row r="419317" spans="8:8">
      <c r="H419317" s="12"/>
    </row>
    <row r="419318" spans="8:8">
      <c r="H419318" s="12"/>
    </row>
    <row r="419319" spans="8:8">
      <c r="H419319" s="12"/>
    </row>
    <row r="419320" spans="8:8">
      <c r="H419320" s="12"/>
    </row>
    <row r="419321" spans="8:8">
      <c r="H419321" s="12"/>
    </row>
    <row r="419322" spans="8:8">
      <c r="H419322" s="12"/>
    </row>
    <row r="419323" spans="8:8">
      <c r="H419323" s="12"/>
    </row>
    <row r="419324" spans="8:8">
      <c r="H419324" s="12"/>
    </row>
    <row r="419325" spans="8:8">
      <c r="H419325" s="12"/>
    </row>
    <row r="419326" spans="8:8">
      <c r="H419326" s="12"/>
    </row>
    <row r="419327" spans="8:8">
      <c r="H419327" s="12"/>
    </row>
    <row r="419328" spans="8:8">
      <c r="H419328" s="12"/>
    </row>
    <row r="419329" spans="8:8">
      <c r="H419329" s="12"/>
    </row>
    <row r="419330" spans="8:8">
      <c r="H419330" s="12"/>
    </row>
    <row r="419331" spans="8:8">
      <c r="H419331" s="12"/>
    </row>
    <row r="419332" spans="8:8">
      <c r="H419332" s="12"/>
    </row>
    <row r="419333" spans="8:8">
      <c r="H419333" s="12"/>
    </row>
    <row r="419334" spans="8:8">
      <c r="H419334" s="12"/>
    </row>
    <row r="419335" spans="8:8">
      <c r="H419335" s="12"/>
    </row>
    <row r="419336" spans="8:8">
      <c r="H419336" s="12"/>
    </row>
    <row r="419337" spans="8:8">
      <c r="H419337" s="12"/>
    </row>
    <row r="419338" spans="8:8">
      <c r="H419338" s="12"/>
    </row>
    <row r="419339" spans="8:8">
      <c r="H419339" s="12"/>
    </row>
    <row r="419340" spans="8:8">
      <c r="H419340" s="12"/>
    </row>
    <row r="419341" spans="8:8">
      <c r="H419341" s="12"/>
    </row>
    <row r="419342" spans="8:8">
      <c r="H419342" s="12"/>
    </row>
    <row r="419343" spans="8:8">
      <c r="H419343" s="12"/>
    </row>
    <row r="419344" spans="8:8">
      <c r="H419344" s="12"/>
    </row>
    <row r="419345" spans="8:8">
      <c r="H419345" s="12"/>
    </row>
    <row r="419346" spans="8:8">
      <c r="H419346" s="12"/>
    </row>
    <row r="419347" spans="8:8">
      <c r="H419347" s="12"/>
    </row>
    <row r="419348" spans="8:8">
      <c r="H419348" s="12"/>
    </row>
    <row r="419349" spans="8:8">
      <c r="H419349" s="12"/>
    </row>
    <row r="419350" spans="8:8">
      <c r="H419350" s="12"/>
    </row>
    <row r="419351" spans="8:8">
      <c r="H419351" s="12"/>
    </row>
    <row r="419352" spans="8:8">
      <c r="H419352" s="12"/>
    </row>
    <row r="419353" spans="8:8">
      <c r="H419353" s="12"/>
    </row>
    <row r="419354" spans="8:8">
      <c r="H419354" s="12"/>
    </row>
    <row r="419355" spans="8:8">
      <c r="H419355" s="12"/>
    </row>
    <row r="419356" spans="8:8">
      <c r="H419356" s="12"/>
    </row>
    <row r="419357" spans="8:8">
      <c r="H419357" s="12"/>
    </row>
    <row r="419358" spans="8:8">
      <c r="H419358" s="12"/>
    </row>
    <row r="419359" spans="8:8">
      <c r="H419359" s="12"/>
    </row>
    <row r="419360" spans="8:8">
      <c r="H419360" s="12"/>
    </row>
    <row r="419361" spans="8:8">
      <c r="H419361" s="12"/>
    </row>
    <row r="419362" spans="8:8">
      <c r="H419362" s="12"/>
    </row>
    <row r="419363" spans="8:8">
      <c r="H419363" s="12"/>
    </row>
    <row r="419364" spans="8:8">
      <c r="H419364" s="12"/>
    </row>
    <row r="419365" spans="8:8">
      <c r="H419365" s="12"/>
    </row>
    <row r="419366" spans="8:8">
      <c r="H419366" s="12"/>
    </row>
    <row r="419367" spans="8:8">
      <c r="H419367" s="12"/>
    </row>
    <row r="419368" spans="8:8">
      <c r="H419368" s="12"/>
    </row>
    <row r="419369" spans="8:8">
      <c r="H419369" s="12"/>
    </row>
    <row r="419370" spans="8:8">
      <c r="H419370" s="12"/>
    </row>
    <row r="419371" spans="8:8">
      <c r="H419371" s="12"/>
    </row>
    <row r="419372" spans="8:8">
      <c r="H419372" s="12"/>
    </row>
    <row r="419373" spans="8:8">
      <c r="H419373" s="12"/>
    </row>
    <row r="419374" spans="8:8">
      <c r="H419374" s="12"/>
    </row>
    <row r="419375" spans="8:8">
      <c r="H419375" s="12"/>
    </row>
    <row r="419376" spans="8:8">
      <c r="H419376" s="12"/>
    </row>
    <row r="419377" spans="8:8">
      <c r="H419377" s="12"/>
    </row>
    <row r="419378" spans="8:8">
      <c r="H419378" s="12"/>
    </row>
    <row r="419379" spans="8:8">
      <c r="H419379" s="12"/>
    </row>
    <row r="419380" spans="8:8">
      <c r="H419380" s="12"/>
    </row>
    <row r="419381" spans="8:8">
      <c r="H419381" s="12"/>
    </row>
    <row r="419382" spans="8:8">
      <c r="H419382" s="12"/>
    </row>
    <row r="419383" spans="8:8">
      <c r="H419383" s="12"/>
    </row>
    <row r="419384" spans="8:8">
      <c r="H419384" s="12"/>
    </row>
    <row r="419385" spans="8:8">
      <c r="H419385" s="12"/>
    </row>
    <row r="419386" spans="8:8">
      <c r="H419386" s="12"/>
    </row>
    <row r="419387" spans="8:8">
      <c r="H419387" s="12"/>
    </row>
    <row r="419388" spans="8:8">
      <c r="H419388" s="12"/>
    </row>
    <row r="419389" spans="8:8">
      <c r="H419389" s="12"/>
    </row>
    <row r="419390" spans="8:8">
      <c r="H419390" s="12"/>
    </row>
    <row r="419391" spans="8:8">
      <c r="H419391" s="12"/>
    </row>
    <row r="419392" spans="8:8">
      <c r="H419392" s="12"/>
    </row>
    <row r="419393" spans="8:8">
      <c r="H419393" s="12"/>
    </row>
    <row r="419394" spans="8:8">
      <c r="H419394" s="12"/>
    </row>
    <row r="419395" spans="8:8">
      <c r="H419395" s="12"/>
    </row>
    <row r="419396" spans="8:8">
      <c r="H419396" s="12"/>
    </row>
    <row r="419397" spans="8:8">
      <c r="H419397" s="12"/>
    </row>
    <row r="419398" spans="8:8">
      <c r="H419398" s="12"/>
    </row>
    <row r="419399" spans="8:8">
      <c r="H419399" s="12"/>
    </row>
    <row r="419400" spans="8:8">
      <c r="H419400" s="12"/>
    </row>
    <row r="419401" spans="8:8">
      <c r="H419401" s="12"/>
    </row>
    <row r="419402" spans="8:8">
      <c r="H419402" s="12"/>
    </row>
    <row r="419403" spans="8:8">
      <c r="H419403" s="12"/>
    </row>
    <row r="419404" spans="8:8">
      <c r="H419404" s="12"/>
    </row>
    <row r="419405" spans="8:8">
      <c r="H419405" s="12"/>
    </row>
    <row r="419406" spans="8:8">
      <c r="H419406" s="12"/>
    </row>
    <row r="419407" spans="8:8">
      <c r="H419407" s="12"/>
    </row>
    <row r="419408" spans="8:8">
      <c r="H419408" s="12"/>
    </row>
    <row r="419409" spans="8:8">
      <c r="H419409" s="12"/>
    </row>
    <row r="419410" spans="8:8">
      <c r="H419410" s="12"/>
    </row>
    <row r="419411" spans="8:8">
      <c r="H419411" s="12"/>
    </row>
    <row r="419412" spans="8:8">
      <c r="H419412" s="12"/>
    </row>
    <row r="419413" spans="8:8">
      <c r="H419413" s="12"/>
    </row>
    <row r="419414" spans="8:8">
      <c r="H419414" s="12"/>
    </row>
    <row r="419415" spans="8:8">
      <c r="H419415" s="12"/>
    </row>
    <row r="419416" spans="8:8">
      <c r="H419416" s="12"/>
    </row>
    <row r="419417" spans="8:8">
      <c r="H419417" s="12"/>
    </row>
    <row r="419418" spans="8:8">
      <c r="H419418" s="12"/>
    </row>
    <row r="419419" spans="8:8">
      <c r="H419419" s="12"/>
    </row>
    <row r="419420" spans="8:8">
      <c r="H419420" s="12"/>
    </row>
    <row r="419421" spans="8:8">
      <c r="H419421" s="12"/>
    </row>
    <row r="419422" spans="8:8">
      <c r="H419422" s="12"/>
    </row>
    <row r="419423" spans="8:8">
      <c r="H419423" s="12"/>
    </row>
    <row r="419424" spans="8:8">
      <c r="H419424" s="12"/>
    </row>
    <row r="419425" spans="8:8">
      <c r="H419425" s="12"/>
    </row>
    <row r="419426" spans="8:8">
      <c r="H419426" s="12"/>
    </row>
    <row r="419427" spans="8:8">
      <c r="H419427" s="12"/>
    </row>
    <row r="419428" spans="8:8">
      <c r="H419428" s="12"/>
    </row>
    <row r="419429" spans="8:8">
      <c r="H419429" s="12"/>
    </row>
    <row r="419430" spans="8:8">
      <c r="H419430" s="12"/>
    </row>
    <row r="419431" spans="8:8">
      <c r="H419431" s="12"/>
    </row>
    <row r="419432" spans="8:8">
      <c r="H419432" s="12"/>
    </row>
    <row r="419433" spans="8:8">
      <c r="H419433" s="12"/>
    </row>
    <row r="419434" spans="8:8">
      <c r="H419434" s="12"/>
    </row>
    <row r="419435" spans="8:8">
      <c r="H419435" s="12"/>
    </row>
    <row r="419436" spans="8:8">
      <c r="H419436" s="12"/>
    </row>
    <row r="419437" spans="8:8">
      <c r="H419437" s="12"/>
    </row>
    <row r="419438" spans="8:8">
      <c r="H419438" s="12"/>
    </row>
    <row r="419439" spans="8:8">
      <c r="H419439" s="12"/>
    </row>
    <row r="419440" spans="8:8">
      <c r="H419440" s="12"/>
    </row>
    <row r="419441" spans="8:8">
      <c r="H419441" s="12"/>
    </row>
    <row r="419442" spans="8:8">
      <c r="H419442" s="12"/>
    </row>
    <row r="419443" spans="8:8">
      <c r="H419443" s="12"/>
    </row>
    <row r="419444" spans="8:8">
      <c r="H419444" s="12"/>
    </row>
    <row r="419445" spans="8:8">
      <c r="H419445" s="12"/>
    </row>
    <row r="419446" spans="8:8">
      <c r="H419446" s="12"/>
    </row>
    <row r="419447" spans="8:8">
      <c r="H419447" s="12"/>
    </row>
    <row r="419448" spans="8:8">
      <c r="H419448" s="12"/>
    </row>
    <row r="419449" spans="8:8">
      <c r="H419449" s="12"/>
    </row>
    <row r="419450" spans="8:8">
      <c r="H419450" s="12"/>
    </row>
    <row r="419451" spans="8:8">
      <c r="H419451" s="12"/>
    </row>
    <row r="419452" spans="8:8">
      <c r="H419452" s="12"/>
    </row>
    <row r="419453" spans="8:8">
      <c r="H419453" s="12"/>
    </row>
    <row r="419454" spans="8:8">
      <c r="H419454" s="12"/>
    </row>
    <row r="419455" spans="8:8">
      <c r="H419455" s="12"/>
    </row>
    <row r="419456" spans="8:8">
      <c r="H419456" s="12"/>
    </row>
    <row r="419457" spans="8:8">
      <c r="H419457" s="12"/>
    </row>
    <row r="419458" spans="8:8">
      <c r="H419458" s="12"/>
    </row>
    <row r="419459" spans="8:8">
      <c r="H419459" s="12"/>
    </row>
    <row r="419460" spans="8:8">
      <c r="H419460" s="12"/>
    </row>
    <row r="419461" spans="8:8">
      <c r="H419461" s="12"/>
    </row>
    <row r="419462" spans="8:8">
      <c r="H419462" s="12"/>
    </row>
    <row r="419463" spans="8:8">
      <c r="H419463" s="12"/>
    </row>
    <row r="419464" spans="8:8">
      <c r="H419464" s="12"/>
    </row>
    <row r="419465" spans="8:8">
      <c r="H419465" s="12"/>
    </row>
    <row r="419466" spans="8:8">
      <c r="H419466" s="12"/>
    </row>
    <row r="419467" spans="8:8">
      <c r="H419467" s="12"/>
    </row>
    <row r="419468" spans="8:8">
      <c r="H419468" s="12"/>
    </row>
    <row r="419469" spans="8:8">
      <c r="H419469" s="12"/>
    </row>
    <row r="419470" spans="8:8">
      <c r="H419470" s="12"/>
    </row>
    <row r="419471" spans="8:8">
      <c r="H419471" s="12"/>
    </row>
    <row r="419472" spans="8:8">
      <c r="H419472" s="12"/>
    </row>
    <row r="419473" spans="8:8">
      <c r="H419473" s="12"/>
    </row>
    <row r="419474" spans="8:8">
      <c r="H419474" s="12"/>
    </row>
    <row r="419475" spans="8:8">
      <c r="H419475" s="12"/>
    </row>
    <row r="419476" spans="8:8">
      <c r="H419476" s="12"/>
    </row>
    <row r="419477" spans="8:8">
      <c r="H419477" s="12"/>
    </row>
    <row r="419478" spans="8:8">
      <c r="H419478" s="12"/>
    </row>
    <row r="419479" spans="8:8">
      <c r="H419479" s="12"/>
    </row>
    <row r="419480" spans="8:8">
      <c r="H419480" s="12"/>
    </row>
    <row r="419481" spans="8:8">
      <c r="H419481" s="12"/>
    </row>
    <row r="419482" spans="8:8">
      <c r="H419482" s="12"/>
    </row>
    <row r="419483" spans="8:8">
      <c r="H419483" s="12"/>
    </row>
    <row r="419484" spans="8:8">
      <c r="H419484" s="12"/>
    </row>
    <row r="419485" spans="8:8">
      <c r="H419485" s="12"/>
    </row>
    <row r="419486" spans="8:8">
      <c r="H419486" s="12"/>
    </row>
    <row r="419487" spans="8:8">
      <c r="H419487" s="12"/>
    </row>
    <row r="419488" spans="8:8">
      <c r="H419488" s="12"/>
    </row>
    <row r="419489" spans="8:8">
      <c r="H419489" s="12"/>
    </row>
    <row r="419490" spans="8:8">
      <c r="H419490" s="12"/>
    </row>
    <row r="419491" spans="8:8">
      <c r="H419491" s="12"/>
    </row>
    <row r="419492" spans="8:8">
      <c r="H419492" s="12"/>
    </row>
    <row r="419493" spans="8:8">
      <c r="H419493" s="12"/>
    </row>
    <row r="419494" spans="8:8">
      <c r="H419494" s="12"/>
    </row>
    <row r="419495" spans="8:8">
      <c r="H419495" s="12"/>
    </row>
    <row r="419496" spans="8:8">
      <c r="H419496" s="12"/>
    </row>
    <row r="419497" spans="8:8">
      <c r="H419497" s="12"/>
    </row>
    <row r="419498" spans="8:8">
      <c r="H419498" s="12"/>
    </row>
    <row r="419499" spans="8:8">
      <c r="H419499" s="12"/>
    </row>
    <row r="419500" spans="8:8">
      <c r="H419500" s="12"/>
    </row>
    <row r="419501" spans="8:8">
      <c r="H419501" s="12"/>
    </row>
    <row r="419502" spans="8:8">
      <c r="H419502" s="12"/>
    </row>
    <row r="419503" spans="8:8">
      <c r="H419503" s="12"/>
    </row>
    <row r="419504" spans="8:8">
      <c r="H419504" s="12"/>
    </row>
    <row r="419505" spans="8:8">
      <c r="H419505" s="12"/>
    </row>
    <row r="419506" spans="8:8">
      <c r="H419506" s="12"/>
    </row>
    <row r="419507" spans="8:8">
      <c r="H419507" s="12"/>
    </row>
    <row r="419508" spans="8:8">
      <c r="H419508" s="12"/>
    </row>
    <row r="419509" spans="8:8">
      <c r="H419509" s="12"/>
    </row>
    <row r="419510" spans="8:8">
      <c r="H419510" s="12"/>
    </row>
    <row r="419511" spans="8:8">
      <c r="H419511" s="12"/>
    </row>
    <row r="419512" spans="8:8">
      <c r="H419512" s="12"/>
    </row>
    <row r="419513" spans="8:8">
      <c r="H419513" s="12"/>
    </row>
    <row r="419514" spans="8:8">
      <c r="H419514" s="12"/>
    </row>
    <row r="419515" spans="8:8">
      <c r="H419515" s="12"/>
    </row>
    <row r="419516" spans="8:8">
      <c r="H419516" s="12"/>
    </row>
    <row r="419517" spans="8:8">
      <c r="H419517" s="12"/>
    </row>
    <row r="419518" spans="8:8">
      <c r="H419518" s="12"/>
    </row>
    <row r="419519" spans="8:8">
      <c r="H419519" s="12"/>
    </row>
    <row r="419520" spans="8:8">
      <c r="H419520" s="12"/>
    </row>
    <row r="419521" spans="8:8">
      <c r="H419521" s="12"/>
    </row>
    <row r="419522" spans="8:8">
      <c r="H419522" s="12"/>
    </row>
    <row r="419523" spans="8:8">
      <c r="H419523" s="12"/>
    </row>
    <row r="419524" spans="8:8">
      <c r="H419524" s="12"/>
    </row>
    <row r="419525" spans="8:8">
      <c r="H419525" s="12"/>
    </row>
    <row r="419526" spans="8:8">
      <c r="H419526" s="12"/>
    </row>
    <row r="419527" spans="8:8">
      <c r="H419527" s="12"/>
    </row>
    <row r="419528" spans="8:8">
      <c r="H419528" s="12"/>
    </row>
    <row r="419529" spans="8:8">
      <c r="H419529" s="12"/>
    </row>
    <row r="419530" spans="8:8">
      <c r="H419530" s="12"/>
    </row>
    <row r="419531" spans="8:8">
      <c r="H419531" s="12"/>
    </row>
    <row r="419532" spans="8:8">
      <c r="H419532" s="12"/>
    </row>
    <row r="419533" spans="8:8">
      <c r="H419533" s="12"/>
    </row>
    <row r="419534" spans="8:8">
      <c r="H419534" s="12"/>
    </row>
    <row r="419535" spans="8:8">
      <c r="H419535" s="12"/>
    </row>
    <row r="419536" spans="8:8">
      <c r="H419536" s="12"/>
    </row>
    <row r="419537" spans="8:8">
      <c r="H419537" s="12"/>
    </row>
    <row r="419538" spans="8:8">
      <c r="H419538" s="12"/>
    </row>
    <row r="419539" spans="8:8">
      <c r="H419539" s="12"/>
    </row>
    <row r="419540" spans="8:8">
      <c r="H419540" s="12"/>
    </row>
    <row r="419541" spans="8:8">
      <c r="H419541" s="12"/>
    </row>
    <row r="419542" spans="8:8">
      <c r="H419542" s="12"/>
    </row>
    <row r="419543" spans="8:8">
      <c r="H419543" s="12"/>
    </row>
    <row r="419544" spans="8:8">
      <c r="H419544" s="12"/>
    </row>
    <row r="419545" spans="8:8">
      <c r="H419545" s="12"/>
    </row>
    <row r="419546" spans="8:8">
      <c r="H419546" s="12"/>
    </row>
    <row r="419547" spans="8:8">
      <c r="H419547" s="12"/>
    </row>
    <row r="419548" spans="8:8">
      <c r="H419548" s="12"/>
    </row>
    <row r="419549" spans="8:8">
      <c r="H419549" s="12"/>
    </row>
    <row r="419550" spans="8:8">
      <c r="H419550" s="12"/>
    </row>
    <row r="419551" spans="8:8">
      <c r="H419551" s="12"/>
    </row>
    <row r="419552" spans="8:8">
      <c r="H419552" s="12"/>
    </row>
    <row r="419553" spans="8:8">
      <c r="H419553" s="12"/>
    </row>
    <row r="419554" spans="8:8">
      <c r="H419554" s="12"/>
    </row>
    <row r="419555" spans="8:8">
      <c r="H419555" s="12"/>
    </row>
    <row r="419556" spans="8:8">
      <c r="H419556" s="12"/>
    </row>
    <row r="419557" spans="8:8">
      <c r="H419557" s="12"/>
    </row>
    <row r="419558" spans="8:8">
      <c r="H419558" s="12"/>
    </row>
    <row r="419559" spans="8:8">
      <c r="H419559" s="12"/>
    </row>
    <row r="419560" spans="8:8">
      <c r="H419560" s="12"/>
    </row>
    <row r="419561" spans="8:8">
      <c r="H419561" s="12"/>
    </row>
    <row r="419562" spans="8:8">
      <c r="H419562" s="12"/>
    </row>
    <row r="419563" spans="8:8">
      <c r="H419563" s="12"/>
    </row>
    <row r="419564" spans="8:8">
      <c r="H419564" s="12"/>
    </row>
    <row r="419565" spans="8:8">
      <c r="H419565" s="12"/>
    </row>
    <row r="419566" spans="8:8">
      <c r="H419566" s="12"/>
    </row>
    <row r="419567" spans="8:8">
      <c r="H419567" s="12"/>
    </row>
    <row r="419568" spans="8:8">
      <c r="H419568" s="12"/>
    </row>
    <row r="419569" spans="8:8">
      <c r="H419569" s="12"/>
    </row>
    <row r="419570" spans="8:8">
      <c r="H419570" s="12"/>
    </row>
    <row r="419571" spans="8:8">
      <c r="H419571" s="12"/>
    </row>
    <row r="419572" spans="8:8">
      <c r="H419572" s="12"/>
    </row>
    <row r="419573" spans="8:8">
      <c r="H419573" s="12"/>
    </row>
    <row r="419574" spans="8:8">
      <c r="H419574" s="12"/>
    </row>
    <row r="419575" spans="8:8">
      <c r="H419575" s="12"/>
    </row>
    <row r="419576" spans="8:8">
      <c r="H419576" s="12"/>
    </row>
    <row r="419577" spans="8:8">
      <c r="H419577" s="12"/>
    </row>
    <row r="419578" spans="8:8">
      <c r="H419578" s="12"/>
    </row>
    <row r="419579" spans="8:8">
      <c r="H419579" s="12"/>
    </row>
    <row r="419580" spans="8:8">
      <c r="H419580" s="12"/>
    </row>
    <row r="419581" spans="8:8">
      <c r="H419581" s="12"/>
    </row>
    <row r="419582" spans="8:8">
      <c r="H419582" s="12"/>
    </row>
    <row r="419583" spans="8:8">
      <c r="H419583" s="12"/>
    </row>
    <row r="419584" spans="8:8">
      <c r="H419584" s="12"/>
    </row>
    <row r="419585" spans="8:8">
      <c r="H419585" s="12"/>
    </row>
    <row r="419586" spans="8:8">
      <c r="H419586" s="12"/>
    </row>
    <row r="419587" spans="8:8">
      <c r="H419587" s="12"/>
    </row>
    <row r="419588" spans="8:8">
      <c r="H419588" s="12"/>
    </row>
    <row r="419589" spans="8:8">
      <c r="H419589" s="12"/>
    </row>
    <row r="419590" spans="8:8">
      <c r="H419590" s="12"/>
    </row>
    <row r="419591" spans="8:8">
      <c r="H419591" s="12"/>
    </row>
    <row r="419592" spans="8:8">
      <c r="H419592" s="12"/>
    </row>
    <row r="419593" spans="8:8">
      <c r="H419593" s="12"/>
    </row>
    <row r="419594" spans="8:8">
      <c r="H419594" s="12"/>
    </row>
    <row r="419595" spans="8:8">
      <c r="H419595" s="12"/>
    </row>
    <row r="419596" spans="8:8">
      <c r="H419596" s="12"/>
    </row>
    <row r="419597" spans="8:8">
      <c r="H419597" s="12"/>
    </row>
    <row r="419598" spans="8:8">
      <c r="H419598" s="12"/>
    </row>
    <row r="419599" spans="8:8">
      <c r="H419599" s="12"/>
    </row>
    <row r="419600" spans="8:8">
      <c r="H419600" s="12"/>
    </row>
    <row r="419601" spans="8:8">
      <c r="H419601" s="12"/>
    </row>
    <row r="419602" spans="8:8">
      <c r="H419602" s="12"/>
    </row>
    <row r="419603" spans="8:8">
      <c r="H419603" s="12"/>
    </row>
    <row r="419604" spans="8:8">
      <c r="H419604" s="12"/>
    </row>
    <row r="419605" spans="8:8">
      <c r="H419605" s="12"/>
    </row>
    <row r="419606" spans="8:8">
      <c r="H419606" s="12"/>
    </row>
    <row r="419607" spans="8:8">
      <c r="H419607" s="12"/>
    </row>
    <row r="419608" spans="8:8">
      <c r="H419608" s="12"/>
    </row>
    <row r="419609" spans="8:8">
      <c r="H419609" s="12"/>
    </row>
    <row r="419610" spans="8:8">
      <c r="H419610" s="12"/>
    </row>
    <row r="419611" spans="8:8">
      <c r="H419611" s="12"/>
    </row>
    <row r="419612" spans="8:8">
      <c r="H419612" s="12"/>
    </row>
    <row r="419613" spans="8:8">
      <c r="H419613" s="12"/>
    </row>
    <row r="419614" spans="8:8">
      <c r="H419614" s="12"/>
    </row>
    <row r="419615" spans="8:8">
      <c r="H419615" s="12"/>
    </row>
    <row r="419616" spans="8:8">
      <c r="H419616" s="12"/>
    </row>
    <row r="419617" spans="8:8">
      <c r="H419617" s="12"/>
    </row>
    <row r="419618" spans="8:8">
      <c r="H419618" s="12"/>
    </row>
    <row r="419619" spans="8:8">
      <c r="H419619" s="12"/>
    </row>
    <row r="419620" spans="8:8">
      <c r="H419620" s="12"/>
    </row>
    <row r="419621" spans="8:8">
      <c r="H419621" s="12"/>
    </row>
    <row r="419622" spans="8:8">
      <c r="H419622" s="12"/>
    </row>
    <row r="419623" spans="8:8">
      <c r="H419623" s="12"/>
    </row>
    <row r="419624" spans="8:8">
      <c r="H419624" s="12"/>
    </row>
    <row r="419625" spans="8:8">
      <c r="H419625" s="12"/>
    </row>
    <row r="419626" spans="8:8">
      <c r="H419626" s="12"/>
    </row>
    <row r="419627" spans="8:8">
      <c r="H419627" s="12"/>
    </row>
    <row r="419628" spans="8:8">
      <c r="H419628" s="12"/>
    </row>
    <row r="419629" spans="8:8">
      <c r="H419629" s="12"/>
    </row>
    <row r="419630" spans="8:8">
      <c r="H419630" s="12"/>
    </row>
    <row r="419631" spans="8:8">
      <c r="H419631" s="12"/>
    </row>
    <row r="419632" spans="8:8">
      <c r="H419632" s="12"/>
    </row>
    <row r="419633" spans="8:8">
      <c r="H419633" s="12"/>
    </row>
    <row r="419634" spans="8:8">
      <c r="H419634" s="12"/>
    </row>
    <row r="419635" spans="8:8">
      <c r="H419635" s="12"/>
    </row>
    <row r="419636" spans="8:8">
      <c r="H419636" s="12"/>
    </row>
    <row r="419637" spans="8:8">
      <c r="H419637" s="12"/>
    </row>
    <row r="419638" spans="8:8">
      <c r="H419638" s="12"/>
    </row>
    <row r="419639" spans="8:8">
      <c r="H419639" s="12"/>
    </row>
    <row r="419640" spans="8:8">
      <c r="H419640" s="12"/>
    </row>
    <row r="419641" spans="8:8">
      <c r="H419641" s="12"/>
    </row>
    <row r="419642" spans="8:8">
      <c r="H419642" s="12"/>
    </row>
    <row r="419643" spans="8:8">
      <c r="H419643" s="12"/>
    </row>
    <row r="419644" spans="8:8">
      <c r="H419644" s="12"/>
    </row>
    <row r="419645" spans="8:8">
      <c r="H419645" s="12"/>
    </row>
    <row r="419646" spans="8:8">
      <c r="H419646" s="12"/>
    </row>
    <row r="419647" spans="8:8">
      <c r="H419647" s="12"/>
    </row>
    <row r="419648" spans="8:8">
      <c r="H419648" s="12"/>
    </row>
    <row r="419649" spans="8:8">
      <c r="H419649" s="12"/>
    </row>
    <row r="419650" spans="8:8">
      <c r="H419650" s="12"/>
    </row>
    <row r="419651" spans="8:8">
      <c r="H419651" s="12"/>
    </row>
    <row r="419652" spans="8:8">
      <c r="H419652" s="12"/>
    </row>
    <row r="419653" spans="8:8">
      <c r="H419653" s="12"/>
    </row>
    <row r="419654" spans="8:8">
      <c r="H419654" s="12"/>
    </row>
    <row r="419655" spans="8:8">
      <c r="H419655" s="12"/>
    </row>
    <row r="419656" spans="8:8">
      <c r="H419656" s="12"/>
    </row>
    <row r="419657" spans="8:8">
      <c r="H419657" s="12"/>
    </row>
    <row r="419658" spans="8:8">
      <c r="H419658" s="12"/>
    </row>
    <row r="419659" spans="8:8">
      <c r="H419659" s="12"/>
    </row>
    <row r="419660" spans="8:8">
      <c r="H419660" s="12"/>
    </row>
    <row r="419661" spans="8:8">
      <c r="H419661" s="12"/>
    </row>
    <row r="419662" spans="8:8">
      <c r="H419662" s="12"/>
    </row>
    <row r="419663" spans="8:8">
      <c r="H419663" s="12"/>
    </row>
    <row r="419664" spans="8:8">
      <c r="H419664" s="12"/>
    </row>
    <row r="419665" spans="8:8">
      <c r="H419665" s="12"/>
    </row>
    <row r="419666" spans="8:8">
      <c r="H419666" s="12"/>
    </row>
    <row r="419667" spans="8:8">
      <c r="H419667" s="12"/>
    </row>
    <row r="419668" spans="8:8">
      <c r="H419668" s="12"/>
    </row>
    <row r="419669" spans="8:8">
      <c r="H419669" s="12"/>
    </row>
    <row r="419670" spans="8:8">
      <c r="H419670" s="12"/>
    </row>
    <row r="419671" spans="8:8">
      <c r="H419671" s="12"/>
    </row>
    <row r="419672" spans="8:8">
      <c r="H419672" s="12"/>
    </row>
    <row r="419673" spans="8:8">
      <c r="H419673" s="12"/>
    </row>
    <row r="419674" spans="8:8">
      <c r="H419674" s="12"/>
    </row>
    <row r="419675" spans="8:8">
      <c r="H419675" s="12"/>
    </row>
    <row r="419676" spans="8:8">
      <c r="H419676" s="12"/>
    </row>
    <row r="419677" spans="8:8">
      <c r="H419677" s="12"/>
    </row>
    <row r="419678" spans="8:8">
      <c r="H419678" s="12"/>
    </row>
    <row r="419679" spans="8:8">
      <c r="H419679" s="12"/>
    </row>
    <row r="419680" spans="8:8">
      <c r="H419680" s="12"/>
    </row>
    <row r="419681" spans="8:8">
      <c r="H419681" s="12"/>
    </row>
    <row r="419682" spans="8:8">
      <c r="H419682" s="12"/>
    </row>
    <row r="419683" spans="8:8">
      <c r="H419683" s="12"/>
    </row>
    <row r="419684" spans="8:8">
      <c r="H419684" s="12"/>
    </row>
    <row r="419685" spans="8:8">
      <c r="H419685" s="12"/>
    </row>
    <row r="419686" spans="8:8">
      <c r="H419686" s="12"/>
    </row>
    <row r="419687" spans="8:8">
      <c r="H419687" s="12"/>
    </row>
    <row r="419688" spans="8:8">
      <c r="H419688" s="12"/>
    </row>
    <row r="419689" spans="8:8">
      <c r="H419689" s="12"/>
    </row>
    <row r="419690" spans="8:8">
      <c r="H419690" s="12"/>
    </row>
    <row r="419691" spans="8:8">
      <c r="H419691" s="12"/>
    </row>
    <row r="419692" spans="8:8">
      <c r="H419692" s="12"/>
    </row>
    <row r="419693" spans="8:8">
      <c r="H419693" s="12"/>
    </row>
    <row r="419694" spans="8:8">
      <c r="H419694" s="12"/>
    </row>
    <row r="419695" spans="8:8">
      <c r="H419695" s="12"/>
    </row>
    <row r="419696" spans="8:8">
      <c r="H419696" s="12"/>
    </row>
    <row r="419697" spans="8:8">
      <c r="H419697" s="12"/>
    </row>
    <row r="419698" spans="8:8">
      <c r="H419698" s="12"/>
    </row>
    <row r="419699" spans="8:8">
      <c r="H419699" s="12"/>
    </row>
    <row r="419700" spans="8:8">
      <c r="H419700" s="12"/>
    </row>
    <row r="419701" spans="8:8">
      <c r="H419701" s="12"/>
    </row>
    <row r="419702" spans="8:8">
      <c r="H419702" s="12"/>
    </row>
    <row r="419703" spans="8:8">
      <c r="H419703" s="12"/>
    </row>
    <row r="419704" spans="8:8">
      <c r="H419704" s="12"/>
    </row>
    <row r="419705" spans="8:8">
      <c r="H419705" s="12"/>
    </row>
    <row r="419706" spans="8:8">
      <c r="H419706" s="12"/>
    </row>
    <row r="419707" spans="8:8">
      <c r="H419707" s="12"/>
    </row>
    <row r="419708" spans="8:8">
      <c r="H419708" s="12"/>
    </row>
    <row r="419709" spans="8:8">
      <c r="H419709" s="12"/>
    </row>
    <row r="419710" spans="8:8">
      <c r="H419710" s="12"/>
    </row>
    <row r="419711" spans="8:8">
      <c r="H419711" s="12"/>
    </row>
    <row r="419712" spans="8:8">
      <c r="H419712" s="12"/>
    </row>
    <row r="419713" spans="8:8">
      <c r="H419713" s="12"/>
    </row>
    <row r="419714" spans="8:8">
      <c r="H419714" s="12"/>
    </row>
    <row r="419715" spans="8:8">
      <c r="H419715" s="12"/>
    </row>
    <row r="419716" spans="8:8">
      <c r="H419716" s="12"/>
    </row>
    <row r="419717" spans="8:8">
      <c r="H419717" s="12"/>
    </row>
    <row r="419718" spans="8:8">
      <c r="H419718" s="12"/>
    </row>
    <row r="419719" spans="8:8">
      <c r="H419719" s="12"/>
    </row>
    <row r="419720" spans="8:8">
      <c r="H419720" s="12"/>
    </row>
    <row r="419721" spans="8:8">
      <c r="H419721" s="12"/>
    </row>
    <row r="419722" spans="8:8">
      <c r="H419722" s="12"/>
    </row>
    <row r="419723" spans="8:8">
      <c r="H419723" s="12"/>
    </row>
    <row r="419724" spans="8:8">
      <c r="H419724" s="12"/>
    </row>
    <row r="419725" spans="8:8">
      <c r="H419725" s="12"/>
    </row>
    <row r="419726" spans="8:8">
      <c r="H419726" s="12"/>
    </row>
    <row r="419727" spans="8:8">
      <c r="H419727" s="12"/>
    </row>
    <row r="419728" spans="8:8">
      <c r="H419728" s="12"/>
    </row>
    <row r="419729" spans="8:8">
      <c r="H419729" s="12"/>
    </row>
    <row r="419730" spans="8:8">
      <c r="H419730" s="12"/>
    </row>
    <row r="419731" spans="8:8">
      <c r="H419731" s="12"/>
    </row>
    <row r="419732" spans="8:8">
      <c r="H419732" s="12"/>
    </row>
    <row r="419733" spans="8:8">
      <c r="H419733" s="12"/>
    </row>
    <row r="419734" spans="8:8">
      <c r="H419734" s="12"/>
    </row>
    <row r="419735" spans="8:8">
      <c r="H419735" s="12"/>
    </row>
    <row r="419736" spans="8:8">
      <c r="H419736" s="12"/>
    </row>
    <row r="419737" spans="8:8">
      <c r="H419737" s="12"/>
    </row>
    <row r="419738" spans="8:8">
      <c r="H419738" s="12"/>
    </row>
    <row r="419739" spans="8:8">
      <c r="H419739" s="12"/>
    </row>
    <row r="419740" spans="8:8">
      <c r="H419740" s="12"/>
    </row>
    <row r="419741" spans="8:8">
      <c r="H419741" s="12"/>
    </row>
    <row r="419742" spans="8:8">
      <c r="H419742" s="12"/>
    </row>
    <row r="419743" spans="8:8">
      <c r="H419743" s="12"/>
    </row>
    <row r="419744" spans="8:8">
      <c r="H419744" s="12"/>
    </row>
    <row r="419745" spans="8:8">
      <c r="H419745" s="12"/>
    </row>
    <row r="419746" spans="8:8">
      <c r="H419746" s="12"/>
    </row>
    <row r="419747" spans="8:8">
      <c r="H419747" s="12"/>
    </row>
    <row r="419748" spans="8:8">
      <c r="H419748" s="12"/>
    </row>
    <row r="419749" spans="8:8">
      <c r="H419749" s="12"/>
    </row>
    <row r="419750" spans="8:8">
      <c r="H419750" s="12"/>
    </row>
    <row r="419751" spans="8:8">
      <c r="H419751" s="12"/>
    </row>
    <row r="419752" spans="8:8">
      <c r="H419752" s="12"/>
    </row>
    <row r="419753" spans="8:8">
      <c r="H419753" s="12"/>
    </row>
    <row r="419754" spans="8:8">
      <c r="H419754" s="12"/>
    </row>
    <row r="419755" spans="8:8">
      <c r="H419755" s="12"/>
    </row>
    <row r="419756" spans="8:8">
      <c r="H419756" s="12"/>
    </row>
    <row r="419757" spans="8:8">
      <c r="H419757" s="12"/>
    </row>
    <row r="419758" spans="8:8">
      <c r="H419758" s="12"/>
    </row>
    <row r="419759" spans="8:8">
      <c r="H419759" s="12"/>
    </row>
    <row r="419760" spans="8:8">
      <c r="H419760" s="12"/>
    </row>
    <row r="419761" spans="8:8">
      <c r="H419761" s="12"/>
    </row>
    <row r="419762" spans="8:8">
      <c r="H419762" s="12"/>
    </row>
    <row r="419763" spans="8:8">
      <c r="H419763" s="12"/>
    </row>
    <row r="419764" spans="8:8">
      <c r="H419764" s="12"/>
    </row>
    <row r="419765" spans="8:8">
      <c r="H419765" s="12"/>
    </row>
    <row r="419766" spans="8:8">
      <c r="H419766" s="12"/>
    </row>
    <row r="419767" spans="8:8">
      <c r="H419767" s="12"/>
    </row>
    <row r="419768" spans="8:8">
      <c r="H419768" s="12"/>
    </row>
    <row r="419769" spans="8:8">
      <c r="H419769" s="12"/>
    </row>
    <row r="419770" spans="8:8">
      <c r="H419770" s="12"/>
    </row>
    <row r="419771" spans="8:8">
      <c r="H419771" s="12"/>
    </row>
    <row r="419772" spans="8:8">
      <c r="H419772" s="12"/>
    </row>
    <row r="419773" spans="8:8">
      <c r="H419773" s="12"/>
    </row>
    <row r="419774" spans="8:8">
      <c r="H419774" s="12"/>
    </row>
    <row r="419775" spans="8:8">
      <c r="H419775" s="12"/>
    </row>
    <row r="419776" spans="8:8">
      <c r="H419776" s="12"/>
    </row>
    <row r="419777" spans="8:8">
      <c r="H419777" s="12"/>
    </row>
    <row r="419778" spans="8:8">
      <c r="H419778" s="12"/>
    </row>
    <row r="419779" spans="8:8">
      <c r="H419779" s="12"/>
    </row>
    <row r="419780" spans="8:8">
      <c r="H419780" s="12"/>
    </row>
    <row r="419781" spans="8:8">
      <c r="H419781" s="12"/>
    </row>
    <row r="419782" spans="8:8">
      <c r="H419782" s="12"/>
    </row>
    <row r="419783" spans="8:8">
      <c r="H419783" s="12"/>
    </row>
    <row r="419784" spans="8:8">
      <c r="H419784" s="12"/>
    </row>
    <row r="419785" spans="8:8">
      <c r="H419785" s="12"/>
    </row>
    <row r="419786" spans="8:8">
      <c r="H419786" s="12"/>
    </row>
    <row r="419787" spans="8:8">
      <c r="H419787" s="12"/>
    </row>
    <row r="419788" spans="8:8">
      <c r="H419788" s="12"/>
    </row>
    <row r="419789" spans="8:8">
      <c r="H419789" s="12"/>
    </row>
    <row r="419790" spans="8:8">
      <c r="H419790" s="12"/>
    </row>
    <row r="419791" spans="8:8">
      <c r="H419791" s="12"/>
    </row>
    <row r="419792" spans="8:8">
      <c r="H419792" s="12"/>
    </row>
    <row r="419793" spans="8:8">
      <c r="H419793" s="12"/>
    </row>
    <row r="419794" spans="8:8">
      <c r="H419794" s="12"/>
    </row>
    <row r="419795" spans="8:8">
      <c r="H419795" s="12"/>
    </row>
    <row r="419796" spans="8:8">
      <c r="H419796" s="12"/>
    </row>
    <row r="419797" spans="8:8">
      <c r="H419797" s="12"/>
    </row>
    <row r="419798" spans="8:8">
      <c r="H419798" s="12"/>
    </row>
    <row r="419799" spans="8:8">
      <c r="H419799" s="12"/>
    </row>
    <row r="419800" spans="8:8">
      <c r="H419800" s="12"/>
    </row>
    <row r="419801" spans="8:8">
      <c r="H419801" s="12"/>
    </row>
    <row r="419802" spans="8:8">
      <c r="H419802" s="12"/>
    </row>
    <row r="419803" spans="8:8">
      <c r="H419803" s="12"/>
    </row>
    <row r="419804" spans="8:8">
      <c r="H419804" s="12"/>
    </row>
    <row r="419805" spans="8:8">
      <c r="H419805" s="12"/>
    </row>
    <row r="419806" spans="8:8">
      <c r="H419806" s="12"/>
    </row>
    <row r="419807" spans="8:8">
      <c r="H419807" s="12"/>
    </row>
    <row r="419808" spans="8:8">
      <c r="H419808" s="12"/>
    </row>
    <row r="419809" spans="8:8">
      <c r="H419809" s="12"/>
    </row>
    <row r="419810" spans="8:8">
      <c r="H419810" s="12"/>
    </row>
    <row r="419811" spans="8:8">
      <c r="H419811" s="12"/>
    </row>
    <row r="419812" spans="8:8">
      <c r="H419812" s="12"/>
    </row>
    <row r="419813" spans="8:8">
      <c r="H419813" s="12"/>
    </row>
    <row r="419814" spans="8:8">
      <c r="H419814" s="12"/>
    </row>
    <row r="419815" spans="8:8">
      <c r="H419815" s="12"/>
    </row>
    <row r="419816" spans="8:8">
      <c r="H419816" s="12"/>
    </row>
    <row r="419817" spans="8:8">
      <c r="H419817" s="12"/>
    </row>
    <row r="419818" spans="8:8">
      <c r="H419818" s="12"/>
    </row>
    <row r="419819" spans="8:8">
      <c r="H419819" s="12"/>
    </row>
    <row r="419820" spans="8:8">
      <c r="H419820" s="12"/>
    </row>
    <row r="419821" spans="8:8">
      <c r="H419821" s="12"/>
    </row>
    <row r="419822" spans="8:8">
      <c r="H419822" s="12"/>
    </row>
    <row r="419823" spans="8:8">
      <c r="H419823" s="12"/>
    </row>
    <row r="419824" spans="8:8">
      <c r="H419824" s="12"/>
    </row>
    <row r="419825" spans="8:8">
      <c r="H419825" s="12"/>
    </row>
    <row r="419826" spans="8:8">
      <c r="H419826" s="12"/>
    </row>
    <row r="419827" spans="8:8">
      <c r="H419827" s="12"/>
    </row>
    <row r="419828" spans="8:8">
      <c r="H419828" s="12"/>
    </row>
    <row r="419829" spans="8:8">
      <c r="H419829" s="12"/>
    </row>
    <row r="419830" spans="8:8">
      <c r="H419830" s="12"/>
    </row>
    <row r="419831" spans="8:8">
      <c r="H419831" s="12"/>
    </row>
    <row r="419832" spans="8:8">
      <c r="H419832" s="12"/>
    </row>
    <row r="419833" spans="8:8">
      <c r="H419833" s="12"/>
    </row>
    <row r="419834" spans="8:8">
      <c r="H419834" s="12"/>
    </row>
    <row r="419835" spans="8:8">
      <c r="H419835" s="12"/>
    </row>
    <row r="419836" spans="8:8">
      <c r="H419836" s="12"/>
    </row>
    <row r="419837" spans="8:8">
      <c r="H419837" s="12"/>
    </row>
    <row r="419838" spans="8:8">
      <c r="H419838" s="12"/>
    </row>
    <row r="419839" spans="8:8">
      <c r="H419839" s="12"/>
    </row>
    <row r="419840" spans="8:8">
      <c r="H419840" s="12"/>
    </row>
    <row r="419841" spans="8:8">
      <c r="H419841" s="12"/>
    </row>
    <row r="419842" spans="8:8">
      <c r="H419842" s="12"/>
    </row>
    <row r="419843" spans="8:8">
      <c r="H419843" s="12"/>
    </row>
    <row r="419844" spans="8:8">
      <c r="H419844" s="12"/>
    </row>
    <row r="419845" spans="8:8">
      <c r="H419845" s="12"/>
    </row>
    <row r="419846" spans="8:8">
      <c r="H419846" s="12"/>
    </row>
    <row r="419847" spans="8:8">
      <c r="H419847" s="12"/>
    </row>
    <row r="419848" spans="8:8">
      <c r="H419848" s="12"/>
    </row>
    <row r="419849" spans="8:8">
      <c r="H419849" s="12"/>
    </row>
    <row r="419850" spans="8:8">
      <c r="H419850" s="12"/>
    </row>
    <row r="419851" spans="8:8">
      <c r="H419851" s="12"/>
    </row>
    <row r="419852" spans="8:8">
      <c r="H419852" s="12"/>
    </row>
    <row r="419853" spans="8:8">
      <c r="H419853" s="12"/>
    </row>
    <row r="419854" spans="8:8">
      <c r="H419854" s="12"/>
    </row>
    <row r="419855" spans="8:8">
      <c r="H419855" s="12"/>
    </row>
    <row r="419856" spans="8:8">
      <c r="H419856" s="12"/>
    </row>
    <row r="419857" spans="8:8">
      <c r="H419857" s="12"/>
    </row>
    <row r="419858" spans="8:8">
      <c r="H419858" s="12"/>
    </row>
    <row r="419859" spans="8:8">
      <c r="H419859" s="12"/>
    </row>
    <row r="419860" spans="8:8">
      <c r="H419860" s="12"/>
    </row>
    <row r="419861" spans="8:8">
      <c r="H419861" s="12"/>
    </row>
    <row r="419862" spans="8:8">
      <c r="H419862" s="12"/>
    </row>
    <row r="419863" spans="8:8">
      <c r="H419863" s="12"/>
    </row>
    <row r="419864" spans="8:8">
      <c r="H419864" s="12"/>
    </row>
    <row r="419865" spans="8:8">
      <c r="H419865" s="12"/>
    </row>
    <row r="419866" spans="8:8">
      <c r="H419866" s="12"/>
    </row>
    <row r="419867" spans="8:8">
      <c r="H419867" s="12"/>
    </row>
    <row r="419868" spans="8:8">
      <c r="H419868" s="12"/>
    </row>
    <row r="419869" spans="8:8">
      <c r="H419869" s="12"/>
    </row>
    <row r="419870" spans="8:8">
      <c r="H419870" s="12"/>
    </row>
    <row r="419871" spans="8:8">
      <c r="H419871" s="12"/>
    </row>
    <row r="419872" spans="8:8">
      <c r="H419872" s="12"/>
    </row>
    <row r="419873" spans="8:8">
      <c r="H419873" s="12"/>
    </row>
    <row r="419874" spans="8:8">
      <c r="H419874" s="12"/>
    </row>
    <row r="419875" spans="8:8">
      <c r="H419875" s="12"/>
    </row>
    <row r="419876" spans="8:8">
      <c r="H419876" s="12"/>
    </row>
    <row r="419877" spans="8:8">
      <c r="H419877" s="12"/>
    </row>
    <row r="419878" spans="8:8">
      <c r="H419878" s="12"/>
    </row>
    <row r="419879" spans="8:8">
      <c r="H419879" s="12"/>
    </row>
    <row r="419880" spans="8:8">
      <c r="H419880" s="12"/>
    </row>
    <row r="419881" spans="8:8">
      <c r="H419881" s="12"/>
    </row>
    <row r="419882" spans="8:8">
      <c r="H419882" s="12"/>
    </row>
    <row r="419883" spans="8:8">
      <c r="H419883" s="12"/>
    </row>
    <row r="419884" spans="8:8">
      <c r="H419884" s="12"/>
    </row>
    <row r="419885" spans="8:8">
      <c r="H419885" s="12"/>
    </row>
    <row r="419886" spans="8:8">
      <c r="H419886" s="12"/>
    </row>
    <row r="419887" spans="8:8">
      <c r="H419887" s="12"/>
    </row>
    <row r="419888" spans="8:8">
      <c r="H419888" s="12"/>
    </row>
    <row r="419889" spans="8:8">
      <c r="H419889" s="12"/>
    </row>
    <row r="419890" spans="8:8">
      <c r="H419890" s="12"/>
    </row>
    <row r="419891" spans="8:8">
      <c r="H419891" s="12"/>
    </row>
    <row r="419892" spans="8:8">
      <c r="H419892" s="12"/>
    </row>
    <row r="419893" spans="8:8">
      <c r="H419893" s="12"/>
    </row>
    <row r="419894" spans="8:8">
      <c r="H419894" s="12"/>
    </row>
    <row r="419895" spans="8:8">
      <c r="H419895" s="12"/>
    </row>
    <row r="419896" spans="8:8">
      <c r="H419896" s="12"/>
    </row>
    <row r="419897" spans="8:8">
      <c r="H419897" s="12"/>
    </row>
    <row r="419898" spans="8:8">
      <c r="H419898" s="12"/>
    </row>
    <row r="419899" spans="8:8">
      <c r="H419899" s="12"/>
    </row>
    <row r="419900" spans="8:8">
      <c r="H419900" s="12"/>
    </row>
    <row r="419901" spans="8:8">
      <c r="H419901" s="12"/>
    </row>
    <row r="419902" spans="8:8">
      <c r="H419902" s="12"/>
    </row>
    <row r="419903" spans="8:8">
      <c r="H419903" s="12"/>
    </row>
    <row r="419904" spans="8:8">
      <c r="H419904" s="12"/>
    </row>
    <row r="419905" spans="8:8">
      <c r="H419905" s="12"/>
    </row>
    <row r="419906" spans="8:8">
      <c r="H419906" s="12"/>
    </row>
    <row r="419907" spans="8:8">
      <c r="H419907" s="12"/>
    </row>
    <row r="419908" spans="8:8">
      <c r="H419908" s="12"/>
    </row>
    <row r="419909" spans="8:8">
      <c r="H419909" s="12"/>
    </row>
    <row r="419910" spans="8:8">
      <c r="H419910" s="12"/>
    </row>
    <row r="419911" spans="8:8">
      <c r="H419911" s="12"/>
    </row>
    <row r="419912" spans="8:8">
      <c r="H419912" s="12"/>
    </row>
    <row r="419913" spans="8:8">
      <c r="H419913" s="12"/>
    </row>
    <row r="419914" spans="8:8">
      <c r="H419914" s="12"/>
    </row>
    <row r="419915" spans="8:8">
      <c r="H419915" s="12"/>
    </row>
    <row r="419916" spans="8:8">
      <c r="H419916" s="12"/>
    </row>
    <row r="419917" spans="8:8">
      <c r="H419917" s="12"/>
    </row>
    <row r="419918" spans="8:8">
      <c r="H419918" s="12"/>
    </row>
    <row r="419919" spans="8:8">
      <c r="H419919" s="12"/>
    </row>
    <row r="419920" spans="8:8">
      <c r="H419920" s="12"/>
    </row>
    <row r="419921" spans="8:8">
      <c r="H419921" s="12"/>
    </row>
    <row r="419922" spans="8:8">
      <c r="H419922" s="12"/>
    </row>
    <row r="419923" spans="8:8">
      <c r="H419923" s="12"/>
    </row>
    <row r="419924" spans="8:8">
      <c r="H419924" s="12"/>
    </row>
    <row r="419925" spans="8:8">
      <c r="H419925" s="12"/>
    </row>
    <row r="419926" spans="8:8">
      <c r="H419926" s="12"/>
    </row>
    <row r="419927" spans="8:8">
      <c r="H419927" s="12"/>
    </row>
    <row r="419928" spans="8:8">
      <c r="H419928" s="12"/>
    </row>
    <row r="419929" spans="8:8">
      <c r="H419929" s="12"/>
    </row>
    <row r="419930" spans="8:8">
      <c r="H419930" s="12"/>
    </row>
    <row r="419931" spans="8:8">
      <c r="H419931" s="12"/>
    </row>
    <row r="419932" spans="8:8">
      <c r="H419932" s="12"/>
    </row>
    <row r="419933" spans="8:8">
      <c r="H419933" s="12"/>
    </row>
    <row r="419934" spans="8:8">
      <c r="H419934" s="12"/>
    </row>
    <row r="419935" spans="8:8">
      <c r="H419935" s="12"/>
    </row>
    <row r="419936" spans="8:8">
      <c r="H419936" s="12"/>
    </row>
    <row r="419937" spans="8:8">
      <c r="H419937" s="12"/>
    </row>
    <row r="419938" spans="8:8">
      <c r="H419938" s="12"/>
    </row>
    <row r="419939" spans="8:8">
      <c r="H419939" s="12"/>
    </row>
    <row r="419940" spans="8:8">
      <c r="H419940" s="12"/>
    </row>
    <row r="419941" spans="8:8">
      <c r="H419941" s="12"/>
    </row>
    <row r="419942" spans="8:8">
      <c r="H419942" s="12"/>
    </row>
    <row r="419943" spans="8:8">
      <c r="H419943" s="12"/>
    </row>
    <row r="419944" spans="8:8">
      <c r="H419944" s="12"/>
    </row>
    <row r="419945" spans="8:8">
      <c r="H419945" s="12"/>
    </row>
    <row r="419946" spans="8:8">
      <c r="H419946" s="12"/>
    </row>
    <row r="419947" spans="8:8">
      <c r="H419947" s="12"/>
    </row>
    <row r="419948" spans="8:8">
      <c r="H419948" s="12"/>
    </row>
    <row r="419949" spans="8:8">
      <c r="H419949" s="12"/>
    </row>
    <row r="419950" spans="8:8">
      <c r="H419950" s="12"/>
    </row>
    <row r="419951" spans="8:8">
      <c r="H419951" s="12"/>
    </row>
    <row r="419952" spans="8:8">
      <c r="H419952" s="12"/>
    </row>
    <row r="419953" spans="8:8">
      <c r="H419953" s="12"/>
    </row>
    <row r="419954" spans="8:8">
      <c r="H419954" s="12"/>
    </row>
    <row r="419955" spans="8:8">
      <c r="H419955" s="12"/>
    </row>
    <row r="419956" spans="8:8">
      <c r="H419956" s="12"/>
    </row>
    <row r="419957" spans="8:8">
      <c r="H419957" s="12"/>
    </row>
    <row r="419958" spans="8:8">
      <c r="H419958" s="12"/>
    </row>
    <row r="419959" spans="8:8">
      <c r="H419959" s="12"/>
    </row>
    <row r="419960" spans="8:8">
      <c r="H419960" s="12"/>
    </row>
    <row r="419961" spans="8:8">
      <c r="H419961" s="12"/>
    </row>
    <row r="419962" spans="8:8">
      <c r="H419962" s="12"/>
    </row>
    <row r="419963" spans="8:8">
      <c r="H419963" s="12"/>
    </row>
    <row r="419964" spans="8:8">
      <c r="H419964" s="12"/>
    </row>
    <row r="419965" spans="8:8">
      <c r="H419965" s="12"/>
    </row>
    <row r="419966" spans="8:8">
      <c r="H419966" s="12"/>
    </row>
    <row r="419967" spans="8:8">
      <c r="H419967" s="12"/>
    </row>
    <row r="419968" spans="8:8">
      <c r="H419968" s="12"/>
    </row>
    <row r="419969" spans="8:8">
      <c r="H419969" s="12"/>
    </row>
    <row r="419970" spans="8:8">
      <c r="H419970" s="12"/>
    </row>
    <row r="419971" spans="8:8">
      <c r="H419971" s="12"/>
    </row>
    <row r="419972" spans="8:8">
      <c r="H419972" s="12"/>
    </row>
    <row r="419973" spans="8:8">
      <c r="H419973" s="12"/>
    </row>
    <row r="419974" spans="8:8">
      <c r="H419974" s="12"/>
    </row>
    <row r="419975" spans="8:8">
      <c r="H419975" s="12"/>
    </row>
    <row r="419976" spans="8:8">
      <c r="H419976" s="12"/>
    </row>
    <row r="419977" spans="8:8">
      <c r="H419977" s="12"/>
    </row>
    <row r="419978" spans="8:8">
      <c r="H419978" s="12"/>
    </row>
    <row r="419979" spans="8:8">
      <c r="H419979" s="12"/>
    </row>
    <row r="419980" spans="8:8">
      <c r="H419980" s="12"/>
    </row>
    <row r="419981" spans="8:8">
      <c r="H419981" s="12"/>
    </row>
    <row r="419982" spans="8:8">
      <c r="H419982" s="12"/>
    </row>
    <row r="419983" spans="8:8">
      <c r="H419983" s="12"/>
    </row>
    <row r="419984" spans="8:8">
      <c r="H419984" s="12"/>
    </row>
    <row r="419985" spans="8:8">
      <c r="H419985" s="12"/>
    </row>
    <row r="419986" spans="8:8">
      <c r="H419986" s="12"/>
    </row>
    <row r="419987" spans="8:8">
      <c r="H419987" s="12"/>
    </row>
    <row r="419988" spans="8:8">
      <c r="H419988" s="12"/>
    </row>
    <row r="419989" spans="8:8">
      <c r="H419989" s="12"/>
    </row>
    <row r="419990" spans="8:8">
      <c r="H419990" s="12"/>
    </row>
    <row r="419991" spans="8:8">
      <c r="H419991" s="12"/>
    </row>
    <row r="419992" spans="8:8">
      <c r="H419992" s="12"/>
    </row>
    <row r="419993" spans="8:8">
      <c r="H419993" s="12"/>
    </row>
    <row r="419994" spans="8:8">
      <c r="H419994" s="12"/>
    </row>
    <row r="419995" spans="8:8">
      <c r="H419995" s="12"/>
    </row>
    <row r="419996" spans="8:8">
      <c r="H419996" s="12"/>
    </row>
    <row r="419997" spans="8:8">
      <c r="H419997" s="12"/>
    </row>
    <row r="419998" spans="8:8">
      <c r="H419998" s="12"/>
    </row>
    <row r="419999" spans="8:8">
      <c r="H419999" s="12"/>
    </row>
    <row r="420000" spans="8:8">
      <c r="H420000" s="12"/>
    </row>
    <row r="420001" spans="8:8">
      <c r="H420001" s="12"/>
    </row>
    <row r="420002" spans="8:8">
      <c r="H420002" s="12"/>
    </row>
    <row r="420003" spans="8:8">
      <c r="H420003" s="12"/>
    </row>
    <row r="420004" spans="8:8">
      <c r="H420004" s="12"/>
    </row>
    <row r="420005" spans="8:8">
      <c r="H420005" s="12"/>
    </row>
    <row r="420006" spans="8:8">
      <c r="H420006" s="12"/>
    </row>
    <row r="420007" spans="8:8">
      <c r="H420007" s="12"/>
    </row>
    <row r="420008" spans="8:8">
      <c r="H420008" s="12"/>
    </row>
    <row r="420009" spans="8:8">
      <c r="H420009" s="12"/>
    </row>
    <row r="420010" spans="8:8">
      <c r="H420010" s="12"/>
    </row>
    <row r="420011" spans="8:8">
      <c r="H420011" s="12"/>
    </row>
    <row r="420012" spans="8:8">
      <c r="H420012" s="12"/>
    </row>
    <row r="420013" spans="8:8">
      <c r="H420013" s="12"/>
    </row>
    <row r="420014" spans="8:8">
      <c r="H420014" s="12"/>
    </row>
    <row r="420015" spans="8:8">
      <c r="H420015" s="12"/>
    </row>
    <row r="420016" spans="8:8">
      <c r="H420016" s="12"/>
    </row>
    <row r="420017" spans="8:8">
      <c r="H420017" s="12"/>
    </row>
    <row r="420018" spans="8:8">
      <c r="H420018" s="12"/>
    </row>
    <row r="420019" spans="8:8">
      <c r="H420019" s="12"/>
    </row>
    <row r="420020" spans="8:8">
      <c r="H420020" s="12"/>
    </row>
    <row r="420021" spans="8:8">
      <c r="H420021" s="12"/>
    </row>
    <row r="420022" spans="8:8">
      <c r="H420022" s="12"/>
    </row>
    <row r="420023" spans="8:8">
      <c r="H420023" s="12"/>
    </row>
    <row r="420024" spans="8:8">
      <c r="H420024" s="12"/>
    </row>
    <row r="420025" spans="8:8">
      <c r="H420025" s="12"/>
    </row>
    <row r="420026" spans="8:8">
      <c r="H420026" s="12"/>
    </row>
    <row r="420027" spans="8:8">
      <c r="H420027" s="12"/>
    </row>
    <row r="420028" spans="8:8">
      <c r="H420028" s="12"/>
    </row>
    <row r="420029" spans="8:8">
      <c r="H420029" s="12"/>
    </row>
    <row r="420030" spans="8:8">
      <c r="H420030" s="12"/>
    </row>
    <row r="420031" spans="8:8">
      <c r="H420031" s="12"/>
    </row>
    <row r="420032" spans="8:8">
      <c r="H420032" s="12"/>
    </row>
    <row r="420033" spans="8:8">
      <c r="H420033" s="12"/>
    </row>
    <row r="420034" spans="8:8">
      <c r="H420034" s="12"/>
    </row>
    <row r="420035" spans="8:8">
      <c r="H420035" s="12"/>
    </row>
    <row r="420036" spans="8:8">
      <c r="H420036" s="12"/>
    </row>
    <row r="420037" spans="8:8">
      <c r="H420037" s="12"/>
    </row>
    <row r="420038" spans="8:8">
      <c r="H420038" s="12"/>
    </row>
    <row r="420039" spans="8:8">
      <c r="H420039" s="12"/>
    </row>
    <row r="420040" spans="8:8">
      <c r="H420040" s="12"/>
    </row>
    <row r="420041" spans="8:8">
      <c r="H420041" s="12"/>
    </row>
    <row r="420042" spans="8:8">
      <c r="H420042" s="12"/>
    </row>
    <row r="420043" spans="8:8">
      <c r="H420043" s="12"/>
    </row>
    <row r="420044" spans="8:8">
      <c r="H420044" s="12"/>
    </row>
    <row r="420045" spans="8:8">
      <c r="H420045" s="12"/>
    </row>
    <row r="420046" spans="8:8">
      <c r="H420046" s="12"/>
    </row>
    <row r="420047" spans="8:8">
      <c r="H420047" s="12"/>
    </row>
    <row r="420048" spans="8:8">
      <c r="H420048" s="12"/>
    </row>
    <row r="420049" spans="8:8">
      <c r="H420049" s="12"/>
    </row>
    <row r="420050" spans="8:8">
      <c r="H420050" s="12"/>
    </row>
    <row r="420051" spans="8:8">
      <c r="H420051" s="12"/>
    </row>
    <row r="420052" spans="8:8">
      <c r="H420052" s="12"/>
    </row>
    <row r="420053" spans="8:8">
      <c r="H420053" s="12"/>
    </row>
    <row r="420054" spans="8:8">
      <c r="H420054" s="12"/>
    </row>
    <row r="420055" spans="8:8">
      <c r="H420055" s="12"/>
    </row>
    <row r="420056" spans="8:8">
      <c r="H420056" s="12"/>
    </row>
    <row r="420057" spans="8:8">
      <c r="H420057" s="12"/>
    </row>
    <row r="420058" spans="8:8">
      <c r="H420058" s="12"/>
    </row>
    <row r="420059" spans="8:8">
      <c r="H420059" s="12"/>
    </row>
    <row r="420060" spans="8:8">
      <c r="H420060" s="12"/>
    </row>
    <row r="420061" spans="8:8">
      <c r="H420061" s="12"/>
    </row>
    <row r="420062" spans="8:8">
      <c r="H420062" s="12"/>
    </row>
    <row r="420063" spans="8:8">
      <c r="H420063" s="12"/>
    </row>
    <row r="420064" spans="8:8">
      <c r="H420064" s="12"/>
    </row>
    <row r="420065" spans="8:8">
      <c r="H420065" s="12"/>
    </row>
    <row r="420066" spans="8:8">
      <c r="H420066" s="12"/>
    </row>
    <row r="420067" spans="8:8">
      <c r="H420067" s="12"/>
    </row>
    <row r="420068" spans="8:8">
      <c r="H420068" s="12"/>
    </row>
    <row r="420069" spans="8:8">
      <c r="H420069" s="12"/>
    </row>
    <row r="420070" spans="8:8">
      <c r="H420070" s="12"/>
    </row>
    <row r="420071" spans="8:8">
      <c r="H420071" s="12"/>
    </row>
    <row r="420072" spans="8:8">
      <c r="H420072" s="12"/>
    </row>
    <row r="420073" spans="8:8">
      <c r="H420073" s="12"/>
    </row>
    <row r="420074" spans="8:8">
      <c r="H420074" s="12"/>
    </row>
    <row r="420075" spans="8:8">
      <c r="H420075" s="12"/>
    </row>
    <row r="420076" spans="8:8">
      <c r="H420076" s="12"/>
    </row>
    <row r="420077" spans="8:8">
      <c r="H420077" s="12"/>
    </row>
    <row r="420078" spans="8:8">
      <c r="H420078" s="12"/>
    </row>
    <row r="420079" spans="8:8">
      <c r="H420079" s="12"/>
    </row>
    <row r="420080" spans="8:8">
      <c r="H420080" s="12"/>
    </row>
    <row r="420081" spans="8:8">
      <c r="H420081" s="12"/>
    </row>
    <row r="420082" spans="8:8">
      <c r="H420082" s="12"/>
    </row>
    <row r="420083" spans="8:8">
      <c r="H420083" s="12"/>
    </row>
    <row r="420084" spans="8:8">
      <c r="H420084" s="12"/>
    </row>
    <row r="420085" spans="8:8">
      <c r="H420085" s="12"/>
    </row>
    <row r="420086" spans="8:8">
      <c r="H420086" s="12"/>
    </row>
    <row r="420087" spans="8:8">
      <c r="H420087" s="12"/>
    </row>
    <row r="420088" spans="8:8">
      <c r="H420088" s="12"/>
    </row>
    <row r="420089" spans="8:8">
      <c r="H420089" s="12"/>
    </row>
    <row r="420090" spans="8:8">
      <c r="H420090" s="12"/>
    </row>
    <row r="420091" spans="8:8">
      <c r="H420091" s="12"/>
    </row>
    <row r="420092" spans="8:8">
      <c r="H420092" s="12"/>
    </row>
    <row r="420093" spans="8:8">
      <c r="H420093" s="12"/>
    </row>
    <row r="420094" spans="8:8">
      <c r="H420094" s="12"/>
    </row>
    <row r="420095" spans="8:8">
      <c r="H420095" s="12"/>
    </row>
    <row r="420096" spans="8:8">
      <c r="H420096" s="12"/>
    </row>
    <row r="420097" spans="8:8">
      <c r="H420097" s="12"/>
    </row>
    <row r="420098" spans="8:8">
      <c r="H420098" s="12"/>
    </row>
    <row r="420099" spans="8:8">
      <c r="H420099" s="12"/>
    </row>
    <row r="420100" spans="8:8">
      <c r="H420100" s="12"/>
    </row>
    <row r="420101" spans="8:8">
      <c r="H420101" s="12"/>
    </row>
    <row r="420102" spans="8:8">
      <c r="H420102" s="12"/>
    </row>
    <row r="420103" spans="8:8">
      <c r="H420103" s="12"/>
    </row>
    <row r="420104" spans="8:8">
      <c r="H420104" s="12"/>
    </row>
    <row r="420105" spans="8:8">
      <c r="H420105" s="12"/>
    </row>
    <row r="420106" spans="8:8">
      <c r="H420106" s="12"/>
    </row>
    <row r="420107" spans="8:8">
      <c r="H420107" s="12"/>
    </row>
    <row r="420108" spans="8:8">
      <c r="H420108" s="12"/>
    </row>
    <row r="420109" spans="8:8">
      <c r="H420109" s="12"/>
    </row>
    <row r="420110" spans="8:8">
      <c r="H420110" s="12"/>
    </row>
    <row r="420111" spans="8:8">
      <c r="H420111" s="12"/>
    </row>
    <row r="420112" spans="8:8">
      <c r="H420112" s="12"/>
    </row>
    <row r="420113" spans="8:8">
      <c r="H420113" s="12"/>
    </row>
    <row r="420114" spans="8:8">
      <c r="H420114" s="12"/>
    </row>
    <row r="420115" spans="8:8">
      <c r="H420115" s="12"/>
    </row>
    <row r="420116" spans="8:8">
      <c r="H420116" s="12"/>
    </row>
    <row r="420117" spans="8:8">
      <c r="H420117" s="12"/>
    </row>
    <row r="420118" spans="8:8">
      <c r="H420118" s="12"/>
    </row>
    <row r="420119" spans="8:8">
      <c r="H420119" s="12"/>
    </row>
    <row r="420120" spans="8:8">
      <c r="H420120" s="12"/>
    </row>
    <row r="420121" spans="8:8">
      <c r="H420121" s="12"/>
    </row>
    <row r="420122" spans="8:8">
      <c r="H420122" s="12"/>
    </row>
    <row r="420123" spans="8:8">
      <c r="H420123" s="12"/>
    </row>
    <row r="420124" spans="8:8">
      <c r="H420124" s="12"/>
    </row>
    <row r="420125" spans="8:8">
      <c r="H420125" s="12"/>
    </row>
    <row r="420126" spans="8:8">
      <c r="H420126" s="12"/>
    </row>
    <row r="420127" spans="8:8">
      <c r="H420127" s="12"/>
    </row>
    <row r="420128" spans="8:8">
      <c r="H420128" s="12"/>
    </row>
    <row r="420129" spans="8:8">
      <c r="H420129" s="12"/>
    </row>
    <row r="420130" spans="8:8">
      <c r="H420130" s="12"/>
    </row>
    <row r="420131" spans="8:8">
      <c r="H420131" s="12"/>
    </row>
    <row r="420132" spans="8:8">
      <c r="H420132" s="12"/>
    </row>
    <row r="420133" spans="8:8">
      <c r="H420133" s="12"/>
    </row>
    <row r="420134" spans="8:8">
      <c r="H420134" s="12"/>
    </row>
    <row r="420135" spans="8:8">
      <c r="H420135" s="12"/>
    </row>
    <row r="420136" spans="8:8">
      <c r="H420136" s="12"/>
    </row>
    <row r="420137" spans="8:8">
      <c r="H420137" s="12"/>
    </row>
    <row r="420138" spans="8:8">
      <c r="H420138" s="12"/>
    </row>
    <row r="420139" spans="8:8">
      <c r="H420139" s="12"/>
    </row>
    <row r="420140" spans="8:8">
      <c r="H420140" s="12"/>
    </row>
    <row r="420141" spans="8:8">
      <c r="H420141" s="12"/>
    </row>
    <row r="420142" spans="8:8">
      <c r="H420142" s="12"/>
    </row>
    <row r="420143" spans="8:8">
      <c r="H420143" s="12"/>
    </row>
    <row r="420144" spans="8:8">
      <c r="H420144" s="12"/>
    </row>
    <row r="420145" spans="8:8">
      <c r="H420145" s="12"/>
    </row>
    <row r="420146" spans="8:8">
      <c r="H420146" s="12"/>
    </row>
    <row r="420147" spans="8:8">
      <c r="H420147" s="12"/>
    </row>
    <row r="420148" spans="8:8">
      <c r="H420148" s="12"/>
    </row>
    <row r="420149" spans="8:8">
      <c r="H420149" s="12"/>
    </row>
    <row r="420150" spans="8:8">
      <c r="H420150" s="12"/>
    </row>
    <row r="420151" spans="8:8">
      <c r="H420151" s="12"/>
    </row>
    <row r="420152" spans="8:8">
      <c r="H420152" s="12"/>
    </row>
    <row r="420153" spans="8:8">
      <c r="H420153" s="12"/>
    </row>
    <row r="420154" spans="8:8">
      <c r="H420154" s="12"/>
    </row>
    <row r="420155" spans="8:8">
      <c r="H420155" s="12"/>
    </row>
    <row r="420156" spans="8:8">
      <c r="H420156" s="12"/>
    </row>
    <row r="420157" spans="8:8">
      <c r="H420157" s="12"/>
    </row>
    <row r="420158" spans="8:8">
      <c r="H420158" s="12"/>
    </row>
    <row r="420159" spans="8:8">
      <c r="H420159" s="12"/>
    </row>
    <row r="420160" spans="8:8">
      <c r="H420160" s="12"/>
    </row>
    <row r="420161" spans="8:8">
      <c r="H420161" s="12"/>
    </row>
    <row r="420162" spans="8:8">
      <c r="H420162" s="12"/>
    </row>
    <row r="420163" spans="8:8">
      <c r="H420163" s="12"/>
    </row>
    <row r="420164" spans="8:8">
      <c r="H420164" s="12"/>
    </row>
    <row r="420165" spans="8:8">
      <c r="H420165" s="12"/>
    </row>
    <row r="420166" spans="8:8">
      <c r="H420166" s="12"/>
    </row>
    <row r="420167" spans="8:8">
      <c r="H420167" s="12"/>
    </row>
    <row r="420168" spans="8:8">
      <c r="H420168" s="12"/>
    </row>
    <row r="420169" spans="8:8">
      <c r="H420169" s="12"/>
    </row>
    <row r="420170" spans="8:8">
      <c r="H420170" s="12"/>
    </row>
    <row r="420171" spans="8:8">
      <c r="H420171" s="12"/>
    </row>
    <row r="420172" spans="8:8">
      <c r="H420172" s="12"/>
    </row>
    <row r="420173" spans="8:8">
      <c r="H420173" s="12"/>
    </row>
    <row r="420174" spans="8:8">
      <c r="H420174" s="12"/>
    </row>
    <row r="420175" spans="8:8">
      <c r="H420175" s="12"/>
    </row>
    <row r="420176" spans="8:8">
      <c r="H420176" s="12"/>
    </row>
    <row r="420177" spans="8:8">
      <c r="H420177" s="12"/>
    </row>
    <row r="420178" spans="8:8">
      <c r="H420178" s="12"/>
    </row>
    <row r="420179" spans="8:8">
      <c r="H420179" s="12"/>
    </row>
    <row r="420180" spans="8:8">
      <c r="H420180" s="12"/>
    </row>
    <row r="420181" spans="8:8">
      <c r="H420181" s="12"/>
    </row>
    <row r="420182" spans="8:8">
      <c r="H420182" s="12"/>
    </row>
    <row r="420183" spans="8:8">
      <c r="H420183" s="12"/>
    </row>
    <row r="420184" spans="8:8">
      <c r="H420184" s="12"/>
    </row>
    <row r="420185" spans="8:8">
      <c r="H420185" s="12"/>
    </row>
    <row r="420186" spans="8:8">
      <c r="H420186" s="12"/>
    </row>
    <row r="420187" spans="8:8">
      <c r="H420187" s="12"/>
    </row>
    <row r="420188" spans="8:8">
      <c r="H420188" s="12"/>
    </row>
    <row r="420189" spans="8:8">
      <c r="H420189" s="12"/>
    </row>
    <row r="420190" spans="8:8">
      <c r="H420190" s="12"/>
    </row>
    <row r="420191" spans="8:8">
      <c r="H420191" s="12"/>
    </row>
    <row r="420192" spans="8:8">
      <c r="H420192" s="12"/>
    </row>
    <row r="420193" spans="8:8">
      <c r="H420193" s="12"/>
    </row>
    <row r="420194" spans="8:8">
      <c r="H420194" s="12"/>
    </row>
    <row r="420195" spans="8:8">
      <c r="H420195" s="12"/>
    </row>
    <row r="420196" spans="8:8">
      <c r="H420196" s="12"/>
    </row>
    <row r="420197" spans="8:8">
      <c r="H420197" s="12"/>
    </row>
    <row r="420198" spans="8:8">
      <c r="H420198" s="12"/>
    </row>
    <row r="420199" spans="8:8">
      <c r="H420199" s="12"/>
    </row>
    <row r="420200" spans="8:8">
      <c r="H420200" s="12"/>
    </row>
    <row r="420201" spans="8:8">
      <c r="H420201" s="12"/>
    </row>
    <row r="420202" spans="8:8">
      <c r="H420202" s="12"/>
    </row>
    <row r="420203" spans="8:8">
      <c r="H420203" s="12"/>
    </row>
    <row r="420204" spans="8:8">
      <c r="H420204" s="12"/>
    </row>
    <row r="420205" spans="8:8">
      <c r="H420205" s="12"/>
    </row>
    <row r="420206" spans="8:8">
      <c r="H420206" s="12"/>
    </row>
    <row r="420207" spans="8:8">
      <c r="H420207" s="12"/>
    </row>
    <row r="420208" spans="8:8">
      <c r="H420208" s="12"/>
    </row>
    <row r="420209" spans="8:8">
      <c r="H420209" s="12"/>
    </row>
    <row r="420210" spans="8:8">
      <c r="H420210" s="12"/>
    </row>
    <row r="420211" spans="8:8">
      <c r="H420211" s="12"/>
    </row>
    <row r="420212" spans="8:8">
      <c r="H420212" s="12"/>
    </row>
    <row r="420213" spans="8:8">
      <c r="H420213" s="12"/>
    </row>
    <row r="420214" spans="8:8">
      <c r="H420214" s="12"/>
    </row>
    <row r="420215" spans="8:8">
      <c r="H420215" s="12"/>
    </row>
    <row r="420216" spans="8:8">
      <c r="H420216" s="12"/>
    </row>
    <row r="420217" spans="8:8">
      <c r="H420217" s="12"/>
    </row>
    <row r="420218" spans="8:8">
      <c r="H420218" s="12"/>
    </row>
    <row r="420219" spans="8:8">
      <c r="H420219" s="12"/>
    </row>
    <row r="420220" spans="8:8">
      <c r="H420220" s="12"/>
    </row>
    <row r="420221" spans="8:8">
      <c r="H420221" s="12"/>
    </row>
    <row r="420222" spans="8:8">
      <c r="H420222" s="12"/>
    </row>
    <row r="420223" spans="8:8">
      <c r="H420223" s="12"/>
    </row>
    <row r="420224" spans="8:8">
      <c r="H420224" s="12"/>
    </row>
    <row r="420225" spans="8:8">
      <c r="H420225" s="12"/>
    </row>
    <row r="420226" spans="8:8">
      <c r="H420226" s="12"/>
    </row>
    <row r="420227" spans="8:8">
      <c r="H420227" s="12"/>
    </row>
    <row r="420228" spans="8:8">
      <c r="H420228" s="12"/>
    </row>
    <row r="420229" spans="8:8">
      <c r="H420229" s="12"/>
    </row>
    <row r="420230" spans="8:8">
      <c r="H420230" s="12"/>
    </row>
    <row r="420231" spans="8:8">
      <c r="H420231" s="12"/>
    </row>
    <row r="420232" spans="8:8">
      <c r="H420232" s="12"/>
    </row>
    <row r="420233" spans="8:8">
      <c r="H420233" s="12"/>
    </row>
    <row r="420234" spans="8:8">
      <c r="H420234" s="12"/>
    </row>
    <row r="420235" spans="8:8">
      <c r="H420235" s="12"/>
    </row>
    <row r="420236" spans="8:8">
      <c r="H420236" s="12"/>
    </row>
    <row r="420237" spans="8:8">
      <c r="H420237" s="12"/>
    </row>
    <row r="420238" spans="8:8">
      <c r="H420238" s="12"/>
    </row>
    <row r="420239" spans="8:8">
      <c r="H420239" s="12"/>
    </row>
    <row r="420240" spans="8:8">
      <c r="H420240" s="12"/>
    </row>
    <row r="420241" spans="8:8">
      <c r="H420241" s="12"/>
    </row>
    <row r="420242" spans="8:8">
      <c r="H420242" s="12"/>
    </row>
    <row r="420243" spans="8:8">
      <c r="H420243" s="12"/>
    </row>
    <row r="420244" spans="8:8">
      <c r="H420244" s="12"/>
    </row>
    <row r="420245" spans="8:8">
      <c r="H420245" s="12"/>
    </row>
    <row r="420246" spans="8:8">
      <c r="H420246" s="12"/>
    </row>
    <row r="420247" spans="8:8">
      <c r="H420247" s="12"/>
    </row>
    <row r="420248" spans="8:8">
      <c r="H420248" s="12"/>
    </row>
    <row r="420249" spans="8:8">
      <c r="H420249" s="12"/>
    </row>
    <row r="420250" spans="8:8">
      <c r="H420250" s="12"/>
    </row>
    <row r="420251" spans="8:8">
      <c r="H420251" s="12"/>
    </row>
    <row r="420252" spans="8:8">
      <c r="H420252" s="12"/>
    </row>
    <row r="420253" spans="8:8">
      <c r="H420253" s="12"/>
    </row>
    <row r="420254" spans="8:8">
      <c r="H420254" s="12"/>
    </row>
    <row r="420255" spans="8:8">
      <c r="H420255" s="12"/>
    </row>
    <row r="420256" spans="8:8">
      <c r="H420256" s="12"/>
    </row>
    <row r="420257" spans="8:8">
      <c r="H420257" s="12"/>
    </row>
    <row r="420258" spans="8:8">
      <c r="H420258" s="12"/>
    </row>
    <row r="420259" spans="8:8">
      <c r="H420259" s="12"/>
    </row>
    <row r="420260" spans="8:8">
      <c r="H420260" s="12"/>
    </row>
    <row r="420261" spans="8:8">
      <c r="H420261" s="12"/>
    </row>
    <row r="420262" spans="8:8">
      <c r="H420262" s="12"/>
    </row>
    <row r="420263" spans="8:8">
      <c r="H420263" s="12"/>
    </row>
    <row r="420264" spans="8:8">
      <c r="H420264" s="12"/>
    </row>
    <row r="420265" spans="8:8">
      <c r="H420265" s="12"/>
    </row>
    <row r="420266" spans="8:8">
      <c r="H420266" s="12"/>
    </row>
    <row r="420267" spans="8:8">
      <c r="H420267" s="12"/>
    </row>
    <row r="420268" spans="8:8">
      <c r="H420268" s="12"/>
    </row>
    <row r="420269" spans="8:8">
      <c r="H420269" s="12"/>
    </row>
    <row r="420270" spans="8:8">
      <c r="H420270" s="12"/>
    </row>
    <row r="420271" spans="8:8">
      <c r="H420271" s="12"/>
    </row>
    <row r="420272" spans="8:8">
      <c r="H420272" s="12"/>
    </row>
    <row r="420273" spans="8:8">
      <c r="H420273" s="12"/>
    </row>
    <row r="420274" spans="8:8">
      <c r="H420274" s="12"/>
    </row>
    <row r="420275" spans="8:8">
      <c r="H420275" s="12"/>
    </row>
    <row r="420276" spans="8:8">
      <c r="H420276" s="12"/>
    </row>
    <row r="420277" spans="8:8">
      <c r="H420277" s="12"/>
    </row>
    <row r="420278" spans="8:8">
      <c r="H420278" s="12"/>
    </row>
    <row r="420279" spans="8:8">
      <c r="H420279" s="12"/>
    </row>
    <row r="420280" spans="8:8">
      <c r="H420280" s="12"/>
    </row>
    <row r="420281" spans="8:8">
      <c r="H420281" s="12"/>
    </row>
    <row r="420282" spans="8:8">
      <c r="H420282" s="12"/>
    </row>
    <row r="420283" spans="8:8">
      <c r="H420283" s="12"/>
    </row>
    <row r="420284" spans="8:8">
      <c r="H420284" s="12"/>
    </row>
    <row r="420285" spans="8:8">
      <c r="H420285" s="12"/>
    </row>
    <row r="420286" spans="8:8">
      <c r="H420286" s="12"/>
    </row>
    <row r="420287" spans="8:8">
      <c r="H420287" s="12"/>
    </row>
    <row r="420288" spans="8:8">
      <c r="H420288" s="12"/>
    </row>
    <row r="420289" spans="8:8">
      <c r="H420289" s="12"/>
    </row>
    <row r="420290" spans="8:8">
      <c r="H420290" s="12"/>
    </row>
    <row r="420291" spans="8:8">
      <c r="H420291" s="12"/>
    </row>
    <row r="420292" spans="8:8">
      <c r="H420292" s="12"/>
    </row>
    <row r="420293" spans="8:8">
      <c r="H420293" s="12"/>
    </row>
    <row r="420294" spans="8:8">
      <c r="H420294" s="12"/>
    </row>
    <row r="420295" spans="8:8">
      <c r="H420295" s="12"/>
    </row>
    <row r="420296" spans="8:8">
      <c r="H420296" s="12"/>
    </row>
    <row r="420297" spans="8:8">
      <c r="H420297" s="12"/>
    </row>
    <row r="420298" spans="8:8">
      <c r="H420298" s="12"/>
    </row>
    <row r="420299" spans="8:8">
      <c r="H420299" s="12"/>
    </row>
    <row r="420300" spans="8:8">
      <c r="H420300" s="12"/>
    </row>
    <row r="420301" spans="8:8">
      <c r="H420301" s="12"/>
    </row>
    <row r="420302" spans="8:8">
      <c r="H420302" s="12"/>
    </row>
    <row r="420303" spans="8:8">
      <c r="H420303" s="12"/>
    </row>
    <row r="420304" spans="8:8">
      <c r="H420304" s="12"/>
    </row>
    <row r="420305" spans="8:8">
      <c r="H420305" s="12"/>
    </row>
    <row r="420306" spans="8:8">
      <c r="H420306" s="12"/>
    </row>
    <row r="420307" spans="8:8">
      <c r="H420307" s="12"/>
    </row>
    <row r="420308" spans="8:8">
      <c r="H420308" s="12"/>
    </row>
    <row r="420309" spans="8:8">
      <c r="H420309" s="12"/>
    </row>
    <row r="420310" spans="8:8">
      <c r="H420310" s="12"/>
    </row>
    <row r="420311" spans="8:8">
      <c r="H420311" s="12"/>
    </row>
    <row r="420312" spans="8:8">
      <c r="H420312" s="12"/>
    </row>
    <row r="420313" spans="8:8">
      <c r="H420313" s="12"/>
    </row>
    <row r="420314" spans="8:8">
      <c r="H420314" s="12"/>
    </row>
    <row r="420315" spans="8:8">
      <c r="H420315" s="12"/>
    </row>
    <row r="420316" spans="8:8">
      <c r="H420316" s="12"/>
    </row>
    <row r="420317" spans="8:8">
      <c r="H420317" s="12"/>
    </row>
    <row r="420318" spans="8:8">
      <c r="H420318" s="12"/>
    </row>
    <row r="420319" spans="8:8">
      <c r="H420319" s="12"/>
    </row>
    <row r="420320" spans="8:8">
      <c r="H420320" s="12"/>
    </row>
    <row r="420321" spans="8:8">
      <c r="H420321" s="12"/>
    </row>
    <row r="420322" spans="8:8">
      <c r="H420322" s="12"/>
    </row>
    <row r="420323" spans="8:8">
      <c r="H420323" s="12"/>
    </row>
    <row r="420324" spans="8:8">
      <c r="H420324" s="12"/>
    </row>
    <row r="420325" spans="8:8">
      <c r="H420325" s="12"/>
    </row>
    <row r="420326" spans="8:8">
      <c r="H420326" s="12"/>
    </row>
    <row r="420327" spans="8:8">
      <c r="H420327" s="12"/>
    </row>
    <row r="420328" spans="8:8">
      <c r="H420328" s="12"/>
    </row>
    <row r="420329" spans="8:8">
      <c r="H420329" s="12"/>
    </row>
    <row r="420330" spans="8:8">
      <c r="H420330" s="12"/>
    </row>
    <row r="420331" spans="8:8">
      <c r="H420331" s="12"/>
    </row>
    <row r="420332" spans="8:8">
      <c r="H420332" s="12"/>
    </row>
    <row r="420333" spans="8:8">
      <c r="H420333" s="12"/>
    </row>
    <row r="420334" spans="8:8">
      <c r="H420334" s="12"/>
    </row>
    <row r="420335" spans="8:8">
      <c r="H420335" s="12"/>
    </row>
    <row r="420336" spans="8:8">
      <c r="H420336" s="12"/>
    </row>
    <row r="420337" spans="8:8">
      <c r="H420337" s="12"/>
    </row>
    <row r="420338" spans="8:8">
      <c r="H420338" s="12"/>
    </row>
    <row r="420339" spans="8:8">
      <c r="H420339" s="12"/>
    </row>
    <row r="420340" spans="8:8">
      <c r="H420340" s="12"/>
    </row>
    <row r="420341" spans="8:8">
      <c r="H420341" s="12"/>
    </row>
    <row r="420342" spans="8:8">
      <c r="H420342" s="12"/>
    </row>
    <row r="420343" spans="8:8">
      <c r="H420343" s="12"/>
    </row>
    <row r="420344" spans="8:8">
      <c r="H420344" s="12"/>
    </row>
    <row r="420345" spans="8:8">
      <c r="H420345" s="12"/>
    </row>
    <row r="420346" spans="8:8">
      <c r="H420346" s="12"/>
    </row>
    <row r="420347" spans="8:8">
      <c r="H420347" s="12"/>
    </row>
    <row r="420348" spans="8:8">
      <c r="H420348" s="12"/>
    </row>
    <row r="420349" spans="8:8">
      <c r="H420349" s="12"/>
    </row>
    <row r="420350" spans="8:8">
      <c r="H420350" s="12"/>
    </row>
    <row r="420351" spans="8:8">
      <c r="H420351" s="12"/>
    </row>
    <row r="420352" spans="8:8">
      <c r="H420352" s="12"/>
    </row>
    <row r="420353" spans="8:8">
      <c r="H420353" s="12"/>
    </row>
    <row r="420354" spans="8:8">
      <c r="H420354" s="12"/>
    </row>
    <row r="420355" spans="8:8">
      <c r="H420355" s="12"/>
    </row>
    <row r="420356" spans="8:8">
      <c r="H420356" s="12"/>
    </row>
    <row r="420357" spans="8:8">
      <c r="H420357" s="12"/>
    </row>
    <row r="420358" spans="8:8">
      <c r="H420358" s="12"/>
    </row>
    <row r="420359" spans="8:8">
      <c r="H420359" s="12"/>
    </row>
    <row r="420360" spans="8:8">
      <c r="H420360" s="12"/>
    </row>
    <row r="420361" spans="8:8">
      <c r="H420361" s="12"/>
    </row>
    <row r="420362" spans="8:8">
      <c r="H420362" s="12"/>
    </row>
    <row r="420363" spans="8:8">
      <c r="H420363" s="12"/>
    </row>
    <row r="420364" spans="8:8">
      <c r="H420364" s="12"/>
    </row>
    <row r="420365" spans="8:8">
      <c r="H420365" s="12"/>
    </row>
    <row r="420366" spans="8:8">
      <c r="H420366" s="12"/>
    </row>
    <row r="420367" spans="8:8">
      <c r="H420367" s="12"/>
    </row>
    <row r="420368" spans="8:8">
      <c r="H420368" s="12"/>
    </row>
    <row r="420369" spans="8:8">
      <c r="H420369" s="12"/>
    </row>
    <row r="420370" spans="8:8">
      <c r="H420370" s="12"/>
    </row>
    <row r="420371" spans="8:8">
      <c r="H420371" s="12"/>
    </row>
    <row r="420372" spans="8:8">
      <c r="H420372" s="12"/>
    </row>
    <row r="420373" spans="8:8">
      <c r="H420373" s="12"/>
    </row>
    <row r="420374" spans="8:8">
      <c r="H420374" s="12"/>
    </row>
    <row r="420375" spans="8:8">
      <c r="H420375" s="12"/>
    </row>
    <row r="420376" spans="8:8">
      <c r="H420376" s="12"/>
    </row>
    <row r="420377" spans="8:8">
      <c r="H420377" s="12"/>
    </row>
    <row r="420378" spans="8:8">
      <c r="H420378" s="12"/>
    </row>
    <row r="420379" spans="8:8">
      <c r="H420379" s="12"/>
    </row>
    <row r="420380" spans="8:8">
      <c r="H420380" s="12"/>
    </row>
    <row r="420381" spans="8:8">
      <c r="H420381" s="12"/>
    </row>
    <row r="420382" spans="8:8">
      <c r="H420382" s="12"/>
    </row>
    <row r="420383" spans="8:8">
      <c r="H420383" s="12"/>
    </row>
    <row r="420384" spans="8:8">
      <c r="H420384" s="12"/>
    </row>
    <row r="420385" spans="8:8">
      <c r="H420385" s="12"/>
    </row>
    <row r="420386" spans="8:8">
      <c r="H420386" s="12"/>
    </row>
    <row r="420387" spans="8:8">
      <c r="H420387" s="12"/>
    </row>
    <row r="420388" spans="8:8">
      <c r="H420388" s="12"/>
    </row>
    <row r="420389" spans="8:8">
      <c r="H420389" s="12"/>
    </row>
    <row r="420390" spans="8:8">
      <c r="H420390" s="12"/>
    </row>
    <row r="420391" spans="8:8">
      <c r="H420391" s="12"/>
    </row>
    <row r="420392" spans="8:8">
      <c r="H420392" s="12"/>
    </row>
    <row r="420393" spans="8:8">
      <c r="H420393" s="12"/>
    </row>
    <row r="420394" spans="8:8">
      <c r="H420394" s="12"/>
    </row>
    <row r="420395" spans="8:8">
      <c r="H420395" s="12"/>
    </row>
    <row r="420396" spans="8:8">
      <c r="H420396" s="12"/>
    </row>
    <row r="420397" spans="8:8">
      <c r="H420397" s="12"/>
    </row>
    <row r="420398" spans="8:8">
      <c r="H420398" s="12"/>
    </row>
    <row r="420399" spans="8:8">
      <c r="H420399" s="12"/>
    </row>
    <row r="420400" spans="8:8">
      <c r="H420400" s="12"/>
    </row>
    <row r="420401" spans="8:8">
      <c r="H420401" s="12"/>
    </row>
    <row r="420402" spans="8:8">
      <c r="H420402" s="12"/>
    </row>
    <row r="420403" spans="8:8">
      <c r="H420403" s="12"/>
    </row>
    <row r="420404" spans="8:8">
      <c r="H420404" s="12"/>
    </row>
    <row r="420405" spans="8:8">
      <c r="H420405" s="12"/>
    </row>
    <row r="420406" spans="8:8">
      <c r="H420406" s="12"/>
    </row>
    <row r="420407" spans="8:8">
      <c r="H420407" s="12"/>
    </row>
    <row r="420408" spans="8:8">
      <c r="H420408" s="12"/>
    </row>
    <row r="420409" spans="8:8">
      <c r="H420409" s="12"/>
    </row>
    <row r="420410" spans="8:8">
      <c r="H420410" s="12"/>
    </row>
    <row r="420411" spans="8:8">
      <c r="H420411" s="12"/>
    </row>
    <row r="420412" spans="8:8">
      <c r="H420412" s="12"/>
    </row>
    <row r="420413" spans="8:8">
      <c r="H420413" s="12"/>
    </row>
    <row r="420414" spans="8:8">
      <c r="H420414" s="12"/>
    </row>
    <row r="420415" spans="8:8">
      <c r="H420415" s="12"/>
    </row>
    <row r="420416" spans="8:8">
      <c r="H420416" s="12"/>
    </row>
    <row r="420417" spans="8:8">
      <c r="H420417" s="12"/>
    </row>
    <row r="420418" spans="8:8">
      <c r="H420418" s="12"/>
    </row>
    <row r="420419" spans="8:8">
      <c r="H420419" s="12"/>
    </row>
    <row r="420420" spans="8:8">
      <c r="H420420" s="12"/>
    </row>
    <row r="420421" spans="8:8">
      <c r="H420421" s="12"/>
    </row>
    <row r="420422" spans="8:8">
      <c r="H420422" s="12"/>
    </row>
    <row r="420423" spans="8:8">
      <c r="H420423" s="12"/>
    </row>
    <row r="420424" spans="8:8">
      <c r="H420424" s="12"/>
    </row>
    <row r="420425" spans="8:8">
      <c r="H420425" s="12"/>
    </row>
    <row r="420426" spans="8:8">
      <c r="H420426" s="12"/>
    </row>
    <row r="420427" spans="8:8">
      <c r="H420427" s="12"/>
    </row>
    <row r="420428" spans="8:8">
      <c r="H420428" s="12"/>
    </row>
    <row r="420429" spans="8:8">
      <c r="H420429" s="12"/>
    </row>
    <row r="420430" spans="8:8">
      <c r="H420430" s="12"/>
    </row>
    <row r="420431" spans="8:8">
      <c r="H420431" s="12"/>
    </row>
    <row r="420432" spans="8:8">
      <c r="H420432" s="12"/>
    </row>
    <row r="420433" spans="8:8">
      <c r="H420433" s="12"/>
    </row>
    <row r="420434" spans="8:8">
      <c r="H420434" s="12"/>
    </row>
    <row r="420435" spans="8:8">
      <c r="H420435" s="12"/>
    </row>
    <row r="420436" spans="8:8">
      <c r="H420436" s="12"/>
    </row>
    <row r="420437" spans="8:8">
      <c r="H420437" s="12"/>
    </row>
    <row r="420438" spans="8:8">
      <c r="H420438" s="12"/>
    </row>
    <row r="420439" spans="8:8">
      <c r="H420439" s="12"/>
    </row>
    <row r="420440" spans="8:8">
      <c r="H420440" s="12"/>
    </row>
    <row r="420441" spans="8:8">
      <c r="H420441" s="12"/>
    </row>
    <row r="420442" spans="8:8">
      <c r="H420442" s="12"/>
    </row>
    <row r="420443" spans="8:8">
      <c r="H420443" s="12"/>
    </row>
    <row r="420444" spans="8:8">
      <c r="H420444" s="12"/>
    </row>
    <row r="420445" spans="8:8">
      <c r="H420445" s="12"/>
    </row>
    <row r="420446" spans="8:8">
      <c r="H420446" s="12"/>
    </row>
    <row r="420447" spans="8:8">
      <c r="H420447" s="12"/>
    </row>
    <row r="420448" spans="8:8">
      <c r="H420448" s="12"/>
    </row>
    <row r="420449" spans="8:8">
      <c r="H420449" s="12"/>
    </row>
    <row r="420450" spans="8:8">
      <c r="H420450" s="12"/>
    </row>
    <row r="420451" spans="8:8">
      <c r="H420451" s="12"/>
    </row>
    <row r="420452" spans="8:8">
      <c r="H420452" s="12"/>
    </row>
    <row r="420453" spans="8:8">
      <c r="H420453" s="12"/>
    </row>
    <row r="420454" spans="8:8">
      <c r="H420454" s="12"/>
    </row>
    <row r="420455" spans="8:8">
      <c r="H420455" s="12"/>
    </row>
    <row r="420456" spans="8:8">
      <c r="H420456" s="12"/>
    </row>
    <row r="420457" spans="8:8">
      <c r="H420457" s="12"/>
    </row>
    <row r="420458" spans="8:8">
      <c r="H420458" s="12"/>
    </row>
    <row r="420459" spans="8:8">
      <c r="H420459" s="12"/>
    </row>
    <row r="420460" spans="8:8">
      <c r="H420460" s="12"/>
    </row>
    <row r="420461" spans="8:8">
      <c r="H420461" s="12"/>
    </row>
    <row r="420462" spans="8:8">
      <c r="H420462" s="12"/>
    </row>
    <row r="420463" spans="8:8">
      <c r="H420463" s="12"/>
    </row>
    <row r="420464" spans="8:8">
      <c r="H420464" s="12"/>
    </row>
    <row r="420465" spans="8:8">
      <c r="H420465" s="12"/>
    </row>
    <row r="420466" spans="8:8">
      <c r="H420466" s="12"/>
    </row>
    <row r="420467" spans="8:8">
      <c r="H420467" s="12"/>
    </row>
    <row r="420468" spans="8:8">
      <c r="H420468" s="12"/>
    </row>
    <row r="420469" spans="8:8">
      <c r="H420469" s="12"/>
    </row>
    <row r="420470" spans="8:8">
      <c r="H420470" s="12"/>
    </row>
    <row r="420471" spans="8:8">
      <c r="H420471" s="12"/>
    </row>
    <row r="420472" spans="8:8">
      <c r="H420472" s="12"/>
    </row>
    <row r="420473" spans="8:8">
      <c r="H420473" s="12"/>
    </row>
    <row r="420474" spans="8:8">
      <c r="H420474" s="12"/>
    </row>
    <row r="420475" spans="8:8">
      <c r="H420475" s="12"/>
    </row>
    <row r="420476" spans="8:8">
      <c r="H420476" s="12"/>
    </row>
    <row r="420477" spans="8:8">
      <c r="H420477" s="12"/>
    </row>
    <row r="420478" spans="8:8">
      <c r="H420478" s="12"/>
    </row>
    <row r="420479" spans="8:8">
      <c r="H420479" s="12"/>
    </row>
    <row r="420480" spans="8:8">
      <c r="H420480" s="12"/>
    </row>
    <row r="420481" spans="8:8">
      <c r="H420481" s="12"/>
    </row>
    <row r="420482" spans="8:8">
      <c r="H420482" s="12"/>
    </row>
    <row r="420483" spans="8:8">
      <c r="H420483" s="12"/>
    </row>
    <row r="420484" spans="8:8">
      <c r="H420484" s="12"/>
    </row>
    <row r="420485" spans="8:8">
      <c r="H420485" s="12"/>
    </row>
    <row r="420486" spans="8:8">
      <c r="H420486" s="12"/>
    </row>
    <row r="420487" spans="8:8">
      <c r="H420487" s="12"/>
    </row>
    <row r="420488" spans="8:8">
      <c r="H420488" s="12"/>
    </row>
    <row r="420489" spans="8:8">
      <c r="H420489" s="12"/>
    </row>
    <row r="420490" spans="8:8">
      <c r="H420490" s="12"/>
    </row>
    <row r="420491" spans="8:8">
      <c r="H420491" s="12"/>
    </row>
    <row r="420492" spans="8:8">
      <c r="H420492" s="12"/>
    </row>
    <row r="420493" spans="8:8">
      <c r="H420493" s="12"/>
    </row>
    <row r="420494" spans="8:8">
      <c r="H420494" s="12"/>
    </row>
    <row r="420495" spans="8:8">
      <c r="H420495" s="12"/>
    </row>
    <row r="420496" spans="8:8">
      <c r="H420496" s="12"/>
    </row>
    <row r="420497" spans="8:8">
      <c r="H420497" s="12"/>
    </row>
    <row r="420498" spans="8:8">
      <c r="H420498" s="12"/>
    </row>
    <row r="420499" spans="8:8">
      <c r="H420499" s="12"/>
    </row>
    <row r="420500" spans="8:8">
      <c r="H420500" s="12"/>
    </row>
    <row r="420501" spans="8:8">
      <c r="H420501" s="12"/>
    </row>
    <row r="420502" spans="8:8">
      <c r="H420502" s="12"/>
    </row>
    <row r="420503" spans="8:8">
      <c r="H420503" s="12"/>
    </row>
    <row r="420504" spans="8:8">
      <c r="H420504" s="12"/>
    </row>
    <row r="420505" spans="8:8">
      <c r="H420505" s="12"/>
    </row>
    <row r="420506" spans="8:8">
      <c r="H420506" s="12"/>
    </row>
    <row r="420507" spans="8:8">
      <c r="H420507" s="12"/>
    </row>
    <row r="420508" spans="8:8">
      <c r="H420508" s="12"/>
    </row>
    <row r="420509" spans="8:8">
      <c r="H420509" s="12"/>
    </row>
    <row r="420510" spans="8:8">
      <c r="H420510" s="12"/>
    </row>
    <row r="420511" spans="8:8">
      <c r="H420511" s="12"/>
    </row>
    <row r="420512" spans="8:8">
      <c r="H420512" s="12"/>
    </row>
    <row r="420513" spans="8:8">
      <c r="H420513" s="12"/>
    </row>
    <row r="420514" spans="8:8">
      <c r="H420514" s="12"/>
    </row>
    <row r="420515" spans="8:8">
      <c r="H420515" s="12"/>
    </row>
    <row r="420516" spans="8:8">
      <c r="H420516" s="12"/>
    </row>
    <row r="420517" spans="8:8">
      <c r="H420517" s="12"/>
    </row>
    <row r="420518" spans="8:8">
      <c r="H420518" s="12"/>
    </row>
    <row r="420519" spans="8:8">
      <c r="H420519" s="12"/>
    </row>
    <row r="420520" spans="8:8">
      <c r="H420520" s="12"/>
    </row>
    <row r="420521" spans="8:8">
      <c r="H420521" s="12"/>
    </row>
    <row r="420522" spans="8:8">
      <c r="H420522" s="12"/>
    </row>
    <row r="420523" spans="8:8">
      <c r="H420523" s="12"/>
    </row>
    <row r="420524" spans="8:8">
      <c r="H420524" s="12"/>
    </row>
    <row r="420525" spans="8:8">
      <c r="H420525" s="12"/>
    </row>
    <row r="420526" spans="8:8">
      <c r="H420526" s="12"/>
    </row>
    <row r="420527" spans="8:8">
      <c r="H420527" s="12"/>
    </row>
    <row r="420528" spans="8:8">
      <c r="H420528" s="12"/>
    </row>
    <row r="420529" spans="8:8">
      <c r="H420529" s="12"/>
    </row>
    <row r="420530" spans="8:8">
      <c r="H420530" s="12"/>
    </row>
    <row r="420531" spans="8:8">
      <c r="H420531" s="12"/>
    </row>
    <row r="420532" spans="8:8">
      <c r="H420532" s="12"/>
    </row>
    <row r="420533" spans="8:8">
      <c r="H420533" s="12"/>
    </row>
    <row r="420534" spans="8:8">
      <c r="H420534" s="12"/>
    </row>
    <row r="420535" spans="8:8">
      <c r="H420535" s="12"/>
    </row>
    <row r="420536" spans="8:8">
      <c r="H420536" s="12"/>
    </row>
    <row r="420537" spans="8:8">
      <c r="H420537" s="12"/>
    </row>
    <row r="420538" spans="8:8">
      <c r="H420538" s="12"/>
    </row>
    <row r="420539" spans="8:8">
      <c r="H420539" s="12"/>
    </row>
    <row r="420540" spans="8:8">
      <c r="H420540" s="12"/>
    </row>
    <row r="420541" spans="8:8">
      <c r="H420541" s="12"/>
    </row>
    <row r="420542" spans="8:8">
      <c r="H420542" s="12"/>
    </row>
    <row r="420543" spans="8:8">
      <c r="H420543" s="12"/>
    </row>
    <row r="420544" spans="8:8">
      <c r="H420544" s="12"/>
    </row>
    <row r="420545" spans="8:8">
      <c r="H420545" s="12"/>
    </row>
    <row r="420546" spans="8:8">
      <c r="H420546" s="12"/>
    </row>
    <row r="420547" spans="8:8">
      <c r="H420547" s="12"/>
    </row>
    <row r="420548" spans="8:8">
      <c r="H420548" s="12"/>
    </row>
    <row r="420549" spans="8:8">
      <c r="H420549" s="12"/>
    </row>
    <row r="420550" spans="8:8">
      <c r="H420550" s="12"/>
    </row>
    <row r="420551" spans="8:8">
      <c r="H420551" s="12"/>
    </row>
    <row r="420552" spans="8:8">
      <c r="H420552" s="12"/>
    </row>
    <row r="420553" spans="8:8">
      <c r="H420553" s="12"/>
    </row>
    <row r="420554" spans="8:8">
      <c r="H420554" s="12"/>
    </row>
    <row r="420555" spans="8:8">
      <c r="H420555" s="12"/>
    </row>
    <row r="420556" spans="8:8">
      <c r="H420556" s="12"/>
    </row>
    <row r="420557" spans="8:8">
      <c r="H420557" s="12"/>
    </row>
    <row r="420558" spans="8:8">
      <c r="H420558" s="12"/>
    </row>
    <row r="420559" spans="8:8">
      <c r="H420559" s="12"/>
    </row>
    <row r="420560" spans="8:8">
      <c r="H420560" s="12"/>
    </row>
    <row r="420561" spans="8:8">
      <c r="H420561" s="12"/>
    </row>
    <row r="420562" spans="8:8">
      <c r="H420562" s="12"/>
    </row>
    <row r="420563" spans="8:8">
      <c r="H420563" s="12"/>
    </row>
    <row r="420564" spans="8:8">
      <c r="H420564" s="12"/>
    </row>
    <row r="420565" spans="8:8">
      <c r="H420565" s="12"/>
    </row>
    <row r="420566" spans="8:8">
      <c r="H420566" s="12"/>
    </row>
    <row r="420567" spans="8:8">
      <c r="H420567" s="12"/>
    </row>
    <row r="420568" spans="8:8">
      <c r="H420568" s="12"/>
    </row>
    <row r="420569" spans="8:8">
      <c r="H420569" s="12"/>
    </row>
    <row r="420570" spans="8:8">
      <c r="H420570" s="12"/>
    </row>
    <row r="420571" spans="8:8">
      <c r="H420571" s="12"/>
    </row>
    <row r="420572" spans="8:8">
      <c r="H420572" s="12"/>
    </row>
    <row r="420573" spans="8:8">
      <c r="H420573" s="12"/>
    </row>
    <row r="420574" spans="8:8">
      <c r="H420574" s="12"/>
    </row>
    <row r="420575" spans="8:8">
      <c r="H420575" s="12"/>
    </row>
    <row r="420576" spans="8:8">
      <c r="H420576" s="12"/>
    </row>
    <row r="420577" spans="8:8">
      <c r="H420577" s="12"/>
    </row>
    <row r="420578" spans="8:8">
      <c r="H420578" s="12"/>
    </row>
    <row r="420579" spans="8:8">
      <c r="H420579" s="12"/>
    </row>
    <row r="420580" spans="8:8">
      <c r="H420580" s="12"/>
    </row>
    <row r="420581" spans="8:8">
      <c r="H420581" s="12"/>
    </row>
    <row r="420582" spans="8:8">
      <c r="H420582" s="12"/>
    </row>
    <row r="420583" spans="8:8">
      <c r="H420583" s="12"/>
    </row>
    <row r="420584" spans="8:8">
      <c r="H420584" s="12"/>
    </row>
    <row r="420585" spans="8:8">
      <c r="H420585" s="12"/>
    </row>
    <row r="420586" spans="8:8">
      <c r="H420586" s="12"/>
    </row>
    <row r="420587" spans="8:8">
      <c r="H420587" s="12"/>
    </row>
    <row r="420588" spans="8:8">
      <c r="H420588" s="12"/>
    </row>
    <row r="420589" spans="8:8">
      <c r="H420589" s="12"/>
    </row>
    <row r="420590" spans="8:8">
      <c r="H420590" s="12"/>
    </row>
    <row r="420591" spans="8:8">
      <c r="H420591" s="12"/>
    </row>
    <row r="420592" spans="8:8">
      <c r="H420592" s="12"/>
    </row>
    <row r="420593" spans="8:8">
      <c r="H420593" s="12"/>
    </row>
    <row r="420594" spans="8:8">
      <c r="H420594" s="12"/>
    </row>
    <row r="420595" spans="8:8">
      <c r="H420595" s="12"/>
    </row>
    <row r="420596" spans="8:8">
      <c r="H420596" s="12"/>
    </row>
    <row r="420597" spans="8:8">
      <c r="H420597" s="12"/>
    </row>
    <row r="420598" spans="8:8">
      <c r="H420598" s="12"/>
    </row>
    <row r="420599" spans="8:8">
      <c r="H420599" s="12"/>
    </row>
    <row r="420600" spans="8:8">
      <c r="H420600" s="12"/>
    </row>
    <row r="420601" spans="8:8">
      <c r="H420601" s="12"/>
    </row>
    <row r="420602" spans="8:8">
      <c r="H420602" s="12"/>
    </row>
    <row r="420603" spans="8:8">
      <c r="H420603" s="12"/>
    </row>
    <row r="420604" spans="8:8">
      <c r="H420604" s="12"/>
    </row>
    <row r="420605" spans="8:8">
      <c r="H420605" s="12"/>
    </row>
    <row r="420606" spans="8:8">
      <c r="H420606" s="12"/>
    </row>
    <row r="420607" spans="8:8">
      <c r="H420607" s="12"/>
    </row>
    <row r="420608" spans="8:8">
      <c r="H420608" s="12"/>
    </row>
    <row r="420609" spans="8:8">
      <c r="H420609" s="12"/>
    </row>
    <row r="420610" spans="8:8">
      <c r="H420610" s="12"/>
    </row>
    <row r="420611" spans="8:8">
      <c r="H420611" s="12"/>
    </row>
    <row r="420612" spans="8:8">
      <c r="H420612" s="12"/>
    </row>
    <row r="420613" spans="8:8">
      <c r="H420613" s="12"/>
    </row>
    <row r="420614" spans="8:8">
      <c r="H420614" s="12"/>
    </row>
    <row r="420615" spans="8:8">
      <c r="H420615" s="12"/>
    </row>
    <row r="420616" spans="8:8">
      <c r="H420616" s="12"/>
    </row>
    <row r="420617" spans="8:8">
      <c r="H420617" s="12"/>
    </row>
    <row r="420618" spans="8:8">
      <c r="H420618" s="12"/>
    </row>
    <row r="420619" spans="8:8">
      <c r="H420619" s="12"/>
    </row>
    <row r="420620" spans="8:8">
      <c r="H420620" s="12"/>
    </row>
    <row r="420621" spans="8:8">
      <c r="H420621" s="12"/>
    </row>
    <row r="420622" spans="8:8">
      <c r="H420622" s="12"/>
    </row>
    <row r="420623" spans="8:8">
      <c r="H420623" s="12"/>
    </row>
    <row r="420624" spans="8:8">
      <c r="H420624" s="12"/>
    </row>
    <row r="420625" spans="8:8">
      <c r="H420625" s="12"/>
    </row>
    <row r="420626" spans="8:8">
      <c r="H420626" s="12"/>
    </row>
    <row r="420627" spans="8:8">
      <c r="H420627" s="12"/>
    </row>
    <row r="420628" spans="8:8">
      <c r="H420628" s="12"/>
    </row>
    <row r="420629" spans="8:8">
      <c r="H420629" s="12"/>
    </row>
    <row r="420630" spans="8:8">
      <c r="H420630" s="12"/>
    </row>
    <row r="420631" spans="8:8">
      <c r="H420631" s="12"/>
    </row>
    <row r="420632" spans="8:8">
      <c r="H420632" s="12"/>
    </row>
    <row r="420633" spans="8:8">
      <c r="H420633" s="12"/>
    </row>
    <row r="420634" spans="8:8">
      <c r="H420634" s="12"/>
    </row>
    <row r="420635" spans="8:8">
      <c r="H420635" s="12"/>
    </row>
    <row r="420636" spans="8:8">
      <c r="H420636" s="12"/>
    </row>
    <row r="420637" spans="8:8">
      <c r="H420637" s="12"/>
    </row>
    <row r="420638" spans="8:8">
      <c r="H420638" s="12"/>
    </row>
    <row r="420639" spans="8:8">
      <c r="H420639" s="12"/>
    </row>
    <row r="420640" spans="8:8">
      <c r="H420640" s="12"/>
    </row>
    <row r="420641" spans="8:8">
      <c r="H420641" s="12"/>
    </row>
    <row r="420642" spans="8:8">
      <c r="H420642" s="12"/>
    </row>
    <row r="420643" spans="8:8">
      <c r="H420643" s="12"/>
    </row>
    <row r="420644" spans="8:8">
      <c r="H420644" s="12"/>
    </row>
    <row r="420645" spans="8:8">
      <c r="H420645" s="12"/>
    </row>
    <row r="420646" spans="8:8">
      <c r="H420646" s="12"/>
    </row>
    <row r="420647" spans="8:8">
      <c r="H420647" s="12"/>
    </row>
    <row r="420648" spans="8:8">
      <c r="H420648" s="12"/>
    </row>
    <row r="420649" spans="8:8">
      <c r="H420649" s="12"/>
    </row>
    <row r="420650" spans="8:8">
      <c r="H420650" s="12"/>
    </row>
    <row r="420651" spans="8:8">
      <c r="H420651" s="12"/>
    </row>
    <row r="420652" spans="8:8">
      <c r="H420652" s="12"/>
    </row>
    <row r="420653" spans="8:8">
      <c r="H420653" s="12"/>
    </row>
    <row r="420654" spans="8:8">
      <c r="H420654" s="12"/>
    </row>
    <row r="420655" spans="8:8">
      <c r="H420655" s="12"/>
    </row>
    <row r="420656" spans="8:8">
      <c r="H420656" s="12"/>
    </row>
    <row r="420657" spans="8:8">
      <c r="H420657" s="12"/>
    </row>
    <row r="420658" spans="8:8">
      <c r="H420658" s="12"/>
    </row>
    <row r="420659" spans="8:8">
      <c r="H420659" s="12"/>
    </row>
    <row r="420660" spans="8:8">
      <c r="H420660" s="12"/>
    </row>
    <row r="420661" spans="8:8">
      <c r="H420661" s="12"/>
    </row>
    <row r="420662" spans="8:8">
      <c r="H420662" s="12"/>
    </row>
    <row r="420663" spans="8:8">
      <c r="H420663" s="12"/>
    </row>
    <row r="420664" spans="8:8">
      <c r="H420664" s="12"/>
    </row>
    <row r="420665" spans="8:8">
      <c r="H420665" s="12"/>
    </row>
    <row r="420666" spans="8:8">
      <c r="H420666" s="12"/>
    </row>
    <row r="420667" spans="8:8">
      <c r="H420667" s="12"/>
    </row>
    <row r="420668" spans="8:8">
      <c r="H420668" s="12"/>
    </row>
    <row r="420669" spans="8:8">
      <c r="H420669" s="12"/>
    </row>
    <row r="420670" spans="8:8">
      <c r="H420670" s="12"/>
    </row>
    <row r="420671" spans="8:8">
      <c r="H420671" s="12"/>
    </row>
    <row r="420672" spans="8:8">
      <c r="H420672" s="12"/>
    </row>
    <row r="420673" spans="8:8">
      <c r="H420673" s="12"/>
    </row>
    <row r="420674" spans="8:8">
      <c r="H420674" s="12"/>
    </row>
    <row r="420675" spans="8:8">
      <c r="H420675" s="12"/>
    </row>
    <row r="420676" spans="8:8">
      <c r="H420676" s="12"/>
    </row>
    <row r="420677" spans="8:8">
      <c r="H420677" s="12"/>
    </row>
    <row r="420678" spans="8:8">
      <c r="H420678" s="12"/>
    </row>
    <row r="420679" spans="8:8">
      <c r="H420679" s="12"/>
    </row>
    <row r="420680" spans="8:8">
      <c r="H420680" s="12"/>
    </row>
    <row r="420681" spans="8:8">
      <c r="H420681" s="12"/>
    </row>
    <row r="420682" spans="8:8">
      <c r="H420682" s="12"/>
    </row>
    <row r="420683" spans="8:8">
      <c r="H420683" s="12"/>
    </row>
    <row r="420684" spans="8:8">
      <c r="H420684" s="12"/>
    </row>
    <row r="420685" spans="8:8">
      <c r="H420685" s="12"/>
    </row>
    <row r="420686" spans="8:8">
      <c r="H420686" s="12"/>
    </row>
    <row r="420687" spans="8:8">
      <c r="H420687" s="12"/>
    </row>
    <row r="420688" spans="8:8">
      <c r="H420688" s="12"/>
    </row>
    <row r="420689" spans="8:8">
      <c r="H420689" s="12"/>
    </row>
    <row r="420690" spans="8:8">
      <c r="H420690" s="12"/>
    </row>
    <row r="420691" spans="8:8">
      <c r="H420691" s="12"/>
    </row>
    <row r="420692" spans="8:8">
      <c r="H420692" s="12"/>
    </row>
    <row r="420693" spans="8:8">
      <c r="H420693" s="12"/>
    </row>
    <row r="420694" spans="8:8">
      <c r="H420694" s="12"/>
    </row>
    <row r="420695" spans="8:8">
      <c r="H420695" s="12"/>
    </row>
    <row r="420696" spans="8:8">
      <c r="H420696" s="12"/>
    </row>
    <row r="420697" spans="8:8">
      <c r="H420697" s="12"/>
    </row>
    <row r="420698" spans="8:8">
      <c r="H420698" s="12"/>
    </row>
    <row r="420699" spans="8:8">
      <c r="H420699" s="12"/>
    </row>
    <row r="420700" spans="8:8">
      <c r="H420700" s="12"/>
    </row>
    <row r="420701" spans="8:8">
      <c r="H420701" s="12"/>
    </row>
    <row r="420702" spans="8:8">
      <c r="H420702" s="12"/>
    </row>
    <row r="420703" spans="8:8">
      <c r="H420703" s="12"/>
    </row>
    <row r="420704" spans="8:8">
      <c r="H420704" s="12"/>
    </row>
    <row r="420705" spans="8:8">
      <c r="H420705" s="12"/>
    </row>
    <row r="420706" spans="8:8">
      <c r="H420706" s="12"/>
    </row>
    <row r="420707" spans="8:8">
      <c r="H420707" s="12"/>
    </row>
    <row r="420708" spans="8:8">
      <c r="H420708" s="12"/>
    </row>
    <row r="420709" spans="8:8">
      <c r="H420709" s="12"/>
    </row>
    <row r="420710" spans="8:8">
      <c r="H420710" s="12"/>
    </row>
    <row r="420711" spans="8:8">
      <c r="H420711" s="12"/>
    </row>
    <row r="420712" spans="8:8">
      <c r="H420712" s="12"/>
    </row>
    <row r="420713" spans="8:8">
      <c r="H420713" s="12"/>
    </row>
    <row r="420714" spans="8:8">
      <c r="H420714" s="12"/>
    </row>
    <row r="420715" spans="8:8">
      <c r="H420715" s="12"/>
    </row>
    <row r="420716" spans="8:8">
      <c r="H420716" s="12"/>
    </row>
    <row r="420717" spans="8:8">
      <c r="H420717" s="12"/>
    </row>
    <row r="420718" spans="8:8">
      <c r="H420718" s="12"/>
    </row>
    <row r="420719" spans="8:8">
      <c r="H420719" s="12"/>
    </row>
    <row r="420720" spans="8:8">
      <c r="H420720" s="12"/>
    </row>
    <row r="420721" spans="8:8">
      <c r="H420721" s="12"/>
    </row>
    <row r="420722" spans="8:8">
      <c r="H420722" s="12"/>
    </row>
    <row r="420723" spans="8:8">
      <c r="H420723" s="12"/>
    </row>
    <row r="420724" spans="8:8">
      <c r="H420724" s="12"/>
    </row>
    <row r="420725" spans="8:8">
      <c r="H420725" s="12"/>
    </row>
    <row r="420726" spans="8:8">
      <c r="H420726" s="12"/>
    </row>
    <row r="420727" spans="8:8">
      <c r="H420727" s="12"/>
    </row>
    <row r="420728" spans="8:8">
      <c r="H420728" s="12"/>
    </row>
    <row r="420729" spans="8:8">
      <c r="H420729" s="12"/>
    </row>
    <row r="420730" spans="8:8">
      <c r="H420730" s="12"/>
    </row>
    <row r="420731" spans="8:8">
      <c r="H420731" s="12"/>
    </row>
    <row r="420732" spans="8:8">
      <c r="H420732" s="12"/>
    </row>
    <row r="420733" spans="8:8">
      <c r="H420733" s="12"/>
    </row>
    <row r="420734" spans="8:8">
      <c r="H420734" s="12"/>
    </row>
    <row r="420735" spans="8:8">
      <c r="H420735" s="12"/>
    </row>
    <row r="420736" spans="8:8">
      <c r="H420736" s="12"/>
    </row>
    <row r="420737" spans="8:8">
      <c r="H420737" s="12"/>
    </row>
    <row r="420738" spans="8:8">
      <c r="H420738" s="12"/>
    </row>
    <row r="420739" spans="8:8">
      <c r="H420739" s="12"/>
    </row>
    <row r="420740" spans="8:8">
      <c r="H420740" s="12"/>
    </row>
    <row r="420741" spans="8:8">
      <c r="H420741" s="12"/>
    </row>
    <row r="420742" spans="8:8">
      <c r="H420742" s="12"/>
    </row>
    <row r="420743" spans="8:8">
      <c r="H420743" s="12"/>
    </row>
    <row r="420744" spans="8:8">
      <c r="H420744" s="12"/>
    </row>
    <row r="420745" spans="8:8">
      <c r="H420745" s="12"/>
    </row>
    <row r="420746" spans="8:8">
      <c r="H420746" s="12"/>
    </row>
    <row r="420747" spans="8:8">
      <c r="H420747" s="12"/>
    </row>
    <row r="420748" spans="8:8">
      <c r="H420748" s="12"/>
    </row>
    <row r="420749" spans="8:8">
      <c r="H420749" s="12"/>
    </row>
    <row r="420750" spans="8:8">
      <c r="H420750" s="12"/>
    </row>
    <row r="420751" spans="8:8">
      <c r="H420751" s="12"/>
    </row>
    <row r="420752" spans="8:8">
      <c r="H420752" s="12"/>
    </row>
    <row r="420753" spans="8:8">
      <c r="H420753" s="12"/>
    </row>
    <row r="420754" spans="8:8">
      <c r="H420754" s="12"/>
    </row>
    <row r="420755" spans="8:8">
      <c r="H420755" s="12"/>
    </row>
    <row r="420756" spans="8:8">
      <c r="H420756" s="12"/>
    </row>
    <row r="420757" spans="8:8">
      <c r="H420757" s="12"/>
    </row>
    <row r="420758" spans="8:8">
      <c r="H420758" s="12"/>
    </row>
    <row r="420759" spans="8:8">
      <c r="H420759" s="12"/>
    </row>
    <row r="420760" spans="8:8">
      <c r="H420760" s="12"/>
    </row>
    <row r="420761" spans="8:8">
      <c r="H420761" s="12"/>
    </row>
    <row r="420762" spans="8:8">
      <c r="H420762" s="12"/>
    </row>
    <row r="420763" spans="8:8">
      <c r="H420763" s="12"/>
    </row>
    <row r="420764" spans="8:8">
      <c r="H420764" s="12"/>
    </row>
    <row r="420765" spans="8:8">
      <c r="H420765" s="12"/>
    </row>
    <row r="420766" spans="8:8">
      <c r="H420766" s="12"/>
    </row>
    <row r="420767" spans="8:8">
      <c r="H420767" s="12"/>
    </row>
    <row r="420768" spans="8:8">
      <c r="H420768" s="12"/>
    </row>
    <row r="420769" spans="8:8">
      <c r="H420769" s="12"/>
    </row>
    <row r="420770" spans="8:8">
      <c r="H420770" s="12"/>
    </row>
    <row r="420771" spans="8:8">
      <c r="H420771" s="12"/>
    </row>
    <row r="420772" spans="8:8">
      <c r="H420772" s="12"/>
    </row>
    <row r="420773" spans="8:8">
      <c r="H420773" s="12"/>
    </row>
    <row r="420774" spans="8:8">
      <c r="H420774" s="12"/>
    </row>
    <row r="420775" spans="8:8">
      <c r="H420775" s="12"/>
    </row>
    <row r="420776" spans="8:8">
      <c r="H420776" s="12"/>
    </row>
    <row r="420777" spans="8:8">
      <c r="H420777" s="12"/>
    </row>
    <row r="420778" spans="8:8">
      <c r="H420778" s="12"/>
    </row>
    <row r="420779" spans="8:8">
      <c r="H420779" s="12"/>
    </row>
    <row r="420780" spans="8:8">
      <c r="H420780" s="12"/>
    </row>
    <row r="420781" spans="8:8">
      <c r="H420781" s="12"/>
    </row>
    <row r="420782" spans="8:8">
      <c r="H420782" s="12"/>
    </row>
    <row r="420783" spans="8:8">
      <c r="H420783" s="12"/>
    </row>
    <row r="420784" spans="8:8">
      <c r="H420784" s="12"/>
    </row>
    <row r="420785" spans="8:8">
      <c r="H420785" s="12"/>
    </row>
    <row r="420786" spans="8:8">
      <c r="H420786" s="12"/>
    </row>
    <row r="420787" spans="8:8">
      <c r="H420787" s="12"/>
    </row>
    <row r="420788" spans="8:8">
      <c r="H420788" s="12"/>
    </row>
    <row r="420789" spans="8:8">
      <c r="H420789" s="12"/>
    </row>
    <row r="420790" spans="8:8">
      <c r="H420790" s="12"/>
    </row>
    <row r="420791" spans="8:8">
      <c r="H420791" s="12"/>
    </row>
    <row r="420792" spans="8:8">
      <c r="H420792" s="12"/>
    </row>
    <row r="420793" spans="8:8">
      <c r="H420793" s="12"/>
    </row>
    <row r="420794" spans="8:8">
      <c r="H420794" s="12"/>
    </row>
    <row r="420795" spans="8:8">
      <c r="H420795" s="12"/>
    </row>
    <row r="420796" spans="8:8">
      <c r="H420796" s="12"/>
    </row>
    <row r="420797" spans="8:8">
      <c r="H420797" s="12"/>
    </row>
    <row r="420798" spans="8:8">
      <c r="H420798" s="12"/>
    </row>
    <row r="420799" spans="8:8">
      <c r="H420799" s="12"/>
    </row>
    <row r="420800" spans="8:8">
      <c r="H420800" s="12"/>
    </row>
    <row r="420801" spans="8:8">
      <c r="H420801" s="12"/>
    </row>
    <row r="420802" spans="8:8">
      <c r="H420802" s="12"/>
    </row>
    <row r="420803" spans="8:8">
      <c r="H420803" s="12"/>
    </row>
    <row r="420804" spans="8:8">
      <c r="H420804" s="12"/>
    </row>
    <row r="420805" spans="8:8">
      <c r="H420805" s="12"/>
    </row>
    <row r="420806" spans="8:8">
      <c r="H420806" s="12"/>
    </row>
    <row r="420807" spans="8:8">
      <c r="H420807" s="12"/>
    </row>
    <row r="420808" spans="8:8">
      <c r="H420808" s="12"/>
    </row>
    <row r="420809" spans="8:8">
      <c r="H420809" s="12"/>
    </row>
    <row r="420810" spans="8:8">
      <c r="H420810" s="12"/>
    </row>
    <row r="420811" spans="8:8">
      <c r="H420811" s="12"/>
    </row>
    <row r="420812" spans="8:8">
      <c r="H420812" s="12"/>
    </row>
    <row r="420813" spans="8:8">
      <c r="H420813" s="12"/>
    </row>
    <row r="420814" spans="8:8">
      <c r="H420814" s="12"/>
    </row>
    <row r="420815" spans="8:8">
      <c r="H420815" s="12"/>
    </row>
    <row r="420816" spans="8:8">
      <c r="H420816" s="12"/>
    </row>
    <row r="420817" spans="8:8">
      <c r="H420817" s="12"/>
    </row>
    <row r="420818" spans="8:8">
      <c r="H420818" s="12"/>
    </row>
    <row r="420819" spans="8:8">
      <c r="H420819" s="12"/>
    </row>
    <row r="420820" spans="8:8">
      <c r="H420820" s="12"/>
    </row>
    <row r="420821" spans="8:8">
      <c r="H420821" s="12"/>
    </row>
    <row r="420822" spans="8:8">
      <c r="H420822" s="12"/>
    </row>
    <row r="420823" spans="8:8">
      <c r="H420823" s="12"/>
    </row>
    <row r="420824" spans="8:8">
      <c r="H420824" s="12"/>
    </row>
    <row r="420825" spans="8:8">
      <c r="H420825" s="12"/>
    </row>
    <row r="420826" spans="8:8">
      <c r="H420826" s="12"/>
    </row>
    <row r="420827" spans="8:8">
      <c r="H420827" s="12"/>
    </row>
    <row r="420828" spans="8:8">
      <c r="H420828" s="12"/>
    </row>
    <row r="420829" spans="8:8">
      <c r="H420829" s="12"/>
    </row>
    <row r="420830" spans="8:8">
      <c r="H420830" s="12"/>
    </row>
    <row r="420831" spans="8:8">
      <c r="H420831" s="12"/>
    </row>
    <row r="420832" spans="8:8">
      <c r="H420832" s="12"/>
    </row>
    <row r="420833" spans="8:8">
      <c r="H420833" s="12"/>
    </row>
    <row r="420834" spans="8:8">
      <c r="H420834" s="12"/>
    </row>
    <row r="420835" spans="8:8">
      <c r="H420835" s="12"/>
    </row>
    <row r="420836" spans="8:8">
      <c r="H420836" s="12"/>
    </row>
    <row r="420837" spans="8:8">
      <c r="H420837" s="12"/>
    </row>
    <row r="420838" spans="8:8">
      <c r="H420838" s="12"/>
    </row>
    <row r="420839" spans="8:8">
      <c r="H420839" s="12"/>
    </row>
    <row r="420840" spans="8:8">
      <c r="H420840" s="12"/>
    </row>
    <row r="420841" spans="8:8">
      <c r="H420841" s="12"/>
    </row>
    <row r="420842" spans="8:8">
      <c r="H420842" s="12"/>
    </row>
    <row r="420843" spans="8:8">
      <c r="H420843" s="12"/>
    </row>
    <row r="420844" spans="8:8">
      <c r="H420844" s="12"/>
    </row>
    <row r="420845" spans="8:8">
      <c r="H420845" s="12"/>
    </row>
    <row r="420846" spans="8:8">
      <c r="H420846" s="12"/>
    </row>
    <row r="420847" spans="8:8">
      <c r="H420847" s="12"/>
    </row>
    <row r="420848" spans="8:8">
      <c r="H420848" s="12"/>
    </row>
    <row r="420849" spans="8:8">
      <c r="H420849" s="12"/>
    </row>
    <row r="420850" spans="8:8">
      <c r="H420850" s="12"/>
    </row>
    <row r="420851" spans="8:8">
      <c r="H420851" s="12"/>
    </row>
    <row r="420852" spans="8:8">
      <c r="H420852" s="12"/>
    </row>
    <row r="420853" spans="8:8">
      <c r="H420853" s="12"/>
    </row>
    <row r="420854" spans="8:8">
      <c r="H420854" s="12"/>
    </row>
    <row r="420855" spans="8:8">
      <c r="H420855" s="12"/>
    </row>
    <row r="420856" spans="8:8">
      <c r="H420856" s="12"/>
    </row>
    <row r="420857" spans="8:8">
      <c r="H420857" s="12"/>
    </row>
    <row r="420858" spans="8:8">
      <c r="H420858" s="12"/>
    </row>
    <row r="420859" spans="8:8">
      <c r="H420859" s="12"/>
    </row>
    <row r="420860" spans="8:8">
      <c r="H420860" s="12"/>
    </row>
    <row r="420861" spans="8:8">
      <c r="H420861" s="12"/>
    </row>
    <row r="420862" spans="8:8">
      <c r="H420862" s="12"/>
    </row>
    <row r="420863" spans="8:8">
      <c r="H420863" s="12"/>
    </row>
    <row r="420864" spans="8:8">
      <c r="H420864" s="12"/>
    </row>
    <row r="420865" spans="8:8">
      <c r="H420865" s="12"/>
    </row>
    <row r="420866" spans="8:8">
      <c r="H420866" s="12"/>
    </row>
    <row r="420867" spans="8:8">
      <c r="H420867" s="12"/>
    </row>
    <row r="420868" spans="8:8">
      <c r="H420868" s="12"/>
    </row>
    <row r="420869" spans="8:8">
      <c r="H420869" s="12"/>
    </row>
    <row r="420870" spans="8:8">
      <c r="H420870" s="12"/>
    </row>
    <row r="420871" spans="8:8">
      <c r="H420871" s="12"/>
    </row>
    <row r="420872" spans="8:8">
      <c r="H420872" s="12"/>
    </row>
    <row r="420873" spans="8:8">
      <c r="H420873" s="12"/>
    </row>
    <row r="420874" spans="8:8">
      <c r="H420874" s="12"/>
    </row>
    <row r="420875" spans="8:8">
      <c r="H420875" s="12"/>
    </row>
    <row r="420876" spans="8:8">
      <c r="H420876" s="12"/>
    </row>
    <row r="420877" spans="8:8">
      <c r="H420877" s="12"/>
    </row>
    <row r="420878" spans="8:8">
      <c r="H420878" s="12"/>
    </row>
    <row r="420879" spans="8:8">
      <c r="H420879" s="12"/>
    </row>
    <row r="420880" spans="8:8">
      <c r="H420880" s="12"/>
    </row>
    <row r="420881" spans="8:8">
      <c r="H420881" s="12"/>
    </row>
    <row r="420882" spans="8:8">
      <c r="H420882" s="12"/>
    </row>
    <row r="420883" spans="8:8">
      <c r="H420883" s="12"/>
    </row>
    <row r="420884" spans="8:8">
      <c r="H420884" s="12"/>
    </row>
    <row r="420885" spans="8:8">
      <c r="H420885" s="12"/>
    </row>
    <row r="420886" spans="8:8">
      <c r="H420886" s="12"/>
    </row>
    <row r="420887" spans="8:8">
      <c r="H420887" s="12"/>
    </row>
    <row r="420888" spans="8:8">
      <c r="H420888" s="12"/>
    </row>
    <row r="420889" spans="8:8">
      <c r="H420889" s="12"/>
    </row>
    <row r="420890" spans="8:8">
      <c r="H420890" s="12"/>
    </row>
    <row r="420891" spans="8:8">
      <c r="H420891" s="12"/>
    </row>
    <row r="420892" spans="8:8">
      <c r="H420892" s="12"/>
    </row>
    <row r="420893" spans="8:8">
      <c r="H420893" s="12"/>
    </row>
    <row r="420894" spans="8:8">
      <c r="H420894" s="12"/>
    </row>
    <row r="420895" spans="8:8">
      <c r="H420895" s="12"/>
    </row>
    <row r="420896" spans="8:8">
      <c r="H420896" s="12"/>
    </row>
    <row r="420897" spans="8:8">
      <c r="H420897" s="12"/>
    </row>
    <row r="420898" spans="8:8">
      <c r="H420898" s="12"/>
    </row>
    <row r="420899" spans="8:8">
      <c r="H420899" s="12"/>
    </row>
    <row r="420900" spans="8:8">
      <c r="H420900" s="12"/>
    </row>
    <row r="420901" spans="8:8">
      <c r="H420901" s="12"/>
    </row>
    <row r="420902" spans="8:8">
      <c r="H420902" s="12"/>
    </row>
    <row r="420903" spans="8:8">
      <c r="H420903" s="12"/>
    </row>
    <row r="420904" spans="8:8">
      <c r="H420904" s="12"/>
    </row>
    <row r="420905" spans="8:8">
      <c r="H420905" s="12"/>
    </row>
    <row r="420906" spans="8:8">
      <c r="H420906" s="12"/>
    </row>
    <row r="420907" spans="8:8">
      <c r="H420907" s="12"/>
    </row>
    <row r="420908" spans="8:8">
      <c r="H420908" s="12"/>
    </row>
    <row r="420909" spans="8:8">
      <c r="H420909" s="12"/>
    </row>
    <row r="420910" spans="8:8">
      <c r="H420910" s="12"/>
    </row>
    <row r="420911" spans="8:8">
      <c r="H420911" s="12"/>
    </row>
    <row r="420912" spans="8:8">
      <c r="H420912" s="12"/>
    </row>
    <row r="420913" spans="8:8">
      <c r="H420913" s="12"/>
    </row>
    <row r="420914" spans="8:8">
      <c r="H420914" s="12"/>
    </row>
    <row r="420915" spans="8:8">
      <c r="H420915" s="12"/>
    </row>
    <row r="420916" spans="8:8">
      <c r="H420916" s="12"/>
    </row>
    <row r="420917" spans="8:8">
      <c r="H420917" s="12"/>
    </row>
    <row r="420918" spans="8:8">
      <c r="H420918" s="12"/>
    </row>
    <row r="420919" spans="8:8">
      <c r="H420919" s="12"/>
    </row>
    <row r="420920" spans="8:8">
      <c r="H420920" s="12"/>
    </row>
    <row r="420921" spans="8:8">
      <c r="H420921" s="12"/>
    </row>
    <row r="420922" spans="8:8">
      <c r="H420922" s="12"/>
    </row>
    <row r="420923" spans="8:8">
      <c r="H420923" s="12"/>
    </row>
    <row r="420924" spans="8:8">
      <c r="H420924" s="12"/>
    </row>
    <row r="420925" spans="8:8">
      <c r="H420925" s="12"/>
    </row>
    <row r="420926" spans="8:8">
      <c r="H420926" s="12"/>
    </row>
    <row r="420927" spans="8:8">
      <c r="H420927" s="12"/>
    </row>
    <row r="420928" spans="8:8">
      <c r="H420928" s="12"/>
    </row>
    <row r="420929" spans="8:8">
      <c r="H420929" s="12"/>
    </row>
    <row r="420930" spans="8:8">
      <c r="H420930" s="12"/>
    </row>
    <row r="420931" spans="8:8">
      <c r="H420931" s="12"/>
    </row>
    <row r="420932" spans="8:8">
      <c r="H420932" s="12"/>
    </row>
    <row r="420933" spans="8:8">
      <c r="H420933" s="12"/>
    </row>
    <row r="420934" spans="8:8">
      <c r="H420934" s="12"/>
    </row>
    <row r="420935" spans="8:8">
      <c r="H420935" s="12"/>
    </row>
    <row r="420936" spans="8:8">
      <c r="H420936" s="12"/>
    </row>
    <row r="420937" spans="8:8">
      <c r="H420937" s="12"/>
    </row>
    <row r="420938" spans="8:8">
      <c r="H420938" s="12"/>
    </row>
    <row r="420939" spans="8:8">
      <c r="H420939" s="12"/>
    </row>
    <row r="420940" spans="8:8">
      <c r="H420940" s="12"/>
    </row>
    <row r="420941" spans="8:8">
      <c r="H420941" s="12"/>
    </row>
    <row r="420942" spans="8:8">
      <c r="H420942" s="12"/>
    </row>
    <row r="420943" spans="8:8">
      <c r="H420943" s="12"/>
    </row>
    <row r="420944" spans="8:8">
      <c r="H420944" s="12"/>
    </row>
    <row r="420945" spans="8:8">
      <c r="H420945" s="12"/>
    </row>
    <row r="420946" spans="8:8">
      <c r="H420946" s="12"/>
    </row>
    <row r="420947" spans="8:8">
      <c r="H420947" s="12"/>
    </row>
    <row r="420948" spans="8:8">
      <c r="H420948" s="12"/>
    </row>
    <row r="420949" spans="8:8">
      <c r="H420949" s="12"/>
    </row>
    <row r="420950" spans="8:8">
      <c r="H420950" s="12"/>
    </row>
    <row r="420951" spans="8:8">
      <c r="H420951" s="12"/>
    </row>
    <row r="420952" spans="8:8">
      <c r="H420952" s="12"/>
    </row>
    <row r="420953" spans="8:8">
      <c r="H420953" s="12"/>
    </row>
    <row r="420954" spans="8:8">
      <c r="H420954" s="12"/>
    </row>
    <row r="420955" spans="8:8">
      <c r="H420955" s="12"/>
    </row>
    <row r="420956" spans="8:8">
      <c r="H420956" s="12"/>
    </row>
    <row r="420957" spans="8:8">
      <c r="H420957" s="12"/>
    </row>
    <row r="420958" spans="8:8">
      <c r="H420958" s="12"/>
    </row>
    <row r="420959" spans="8:8">
      <c r="H420959" s="12"/>
    </row>
    <row r="420960" spans="8:8">
      <c r="H420960" s="12"/>
    </row>
    <row r="420961" spans="8:8">
      <c r="H420961" s="12"/>
    </row>
    <row r="420962" spans="8:8">
      <c r="H420962" s="12"/>
    </row>
    <row r="420963" spans="8:8">
      <c r="H420963" s="12"/>
    </row>
    <row r="420964" spans="8:8">
      <c r="H420964" s="12"/>
    </row>
    <row r="420965" spans="8:8">
      <c r="H420965" s="12"/>
    </row>
    <row r="420966" spans="8:8">
      <c r="H420966" s="12"/>
    </row>
    <row r="420967" spans="8:8">
      <c r="H420967" s="12"/>
    </row>
    <row r="420968" spans="8:8">
      <c r="H420968" s="12"/>
    </row>
    <row r="420969" spans="8:8">
      <c r="H420969" s="12"/>
    </row>
    <row r="420970" spans="8:8">
      <c r="H420970" s="12"/>
    </row>
    <row r="420971" spans="8:8">
      <c r="H420971" s="12"/>
    </row>
    <row r="420972" spans="8:8">
      <c r="H420972" s="12"/>
    </row>
    <row r="420973" spans="8:8">
      <c r="H420973" s="12"/>
    </row>
    <row r="420974" spans="8:8">
      <c r="H420974" s="12"/>
    </row>
    <row r="420975" spans="8:8">
      <c r="H420975" s="12"/>
    </row>
    <row r="420976" spans="8:8">
      <c r="H420976" s="12"/>
    </row>
    <row r="420977" spans="8:8">
      <c r="H420977" s="12"/>
    </row>
    <row r="420978" spans="8:8">
      <c r="H420978" s="12"/>
    </row>
    <row r="420979" spans="8:8">
      <c r="H420979" s="12"/>
    </row>
    <row r="420980" spans="8:8">
      <c r="H420980" s="12"/>
    </row>
    <row r="420981" spans="8:8">
      <c r="H420981" s="12"/>
    </row>
    <row r="420982" spans="8:8">
      <c r="H420982" s="12"/>
    </row>
    <row r="420983" spans="8:8">
      <c r="H420983" s="12"/>
    </row>
    <row r="420984" spans="8:8">
      <c r="H420984" s="12"/>
    </row>
    <row r="420985" spans="8:8">
      <c r="H420985" s="12"/>
    </row>
    <row r="420986" spans="8:8">
      <c r="H420986" s="12"/>
    </row>
    <row r="420987" spans="8:8">
      <c r="H420987" s="12"/>
    </row>
    <row r="420988" spans="8:8">
      <c r="H420988" s="12"/>
    </row>
    <row r="420989" spans="8:8">
      <c r="H420989" s="12"/>
    </row>
    <row r="420990" spans="8:8">
      <c r="H420990" s="12"/>
    </row>
    <row r="420991" spans="8:8">
      <c r="H420991" s="12"/>
    </row>
    <row r="420992" spans="8:8">
      <c r="H420992" s="12"/>
    </row>
    <row r="420993" spans="8:8">
      <c r="H420993" s="12"/>
    </row>
    <row r="420994" spans="8:8">
      <c r="H420994" s="12"/>
    </row>
    <row r="420995" spans="8:8">
      <c r="H420995" s="12"/>
    </row>
    <row r="420996" spans="8:8">
      <c r="H420996" s="12"/>
    </row>
    <row r="420997" spans="8:8">
      <c r="H420997" s="12"/>
    </row>
    <row r="420998" spans="8:8">
      <c r="H420998" s="12"/>
    </row>
    <row r="420999" spans="8:8">
      <c r="H420999" s="12"/>
    </row>
    <row r="421000" spans="8:8">
      <c r="H421000" s="12"/>
    </row>
    <row r="421001" spans="8:8">
      <c r="H421001" s="12"/>
    </row>
    <row r="421002" spans="8:8">
      <c r="H421002" s="12"/>
    </row>
    <row r="421003" spans="8:8">
      <c r="H421003" s="12"/>
    </row>
    <row r="421004" spans="8:8">
      <c r="H421004" s="12"/>
    </row>
    <row r="421005" spans="8:8">
      <c r="H421005" s="12"/>
    </row>
    <row r="421006" spans="8:8">
      <c r="H421006" s="12"/>
    </row>
    <row r="421007" spans="8:8">
      <c r="H421007" s="12"/>
    </row>
    <row r="421008" spans="8:8">
      <c r="H421008" s="12"/>
    </row>
    <row r="421009" spans="8:8">
      <c r="H421009" s="12"/>
    </row>
    <row r="421010" spans="8:8">
      <c r="H421010" s="12"/>
    </row>
    <row r="421011" spans="8:8">
      <c r="H421011" s="12"/>
    </row>
    <row r="421012" spans="8:8">
      <c r="H421012" s="12"/>
    </row>
    <row r="421013" spans="8:8">
      <c r="H421013" s="12"/>
    </row>
    <row r="421014" spans="8:8">
      <c r="H421014" s="12"/>
    </row>
    <row r="421015" spans="8:8">
      <c r="H421015" s="12"/>
    </row>
    <row r="421016" spans="8:8">
      <c r="H421016" s="12"/>
    </row>
    <row r="421017" spans="8:8">
      <c r="H421017" s="12"/>
    </row>
    <row r="421018" spans="8:8">
      <c r="H421018" s="12"/>
    </row>
    <row r="421019" spans="8:8">
      <c r="H421019" s="12"/>
    </row>
    <row r="421020" spans="8:8">
      <c r="H421020" s="12"/>
    </row>
    <row r="421021" spans="8:8">
      <c r="H421021" s="12"/>
    </row>
    <row r="421022" spans="8:8">
      <c r="H421022" s="12"/>
    </row>
    <row r="421023" spans="8:8">
      <c r="H421023" s="12"/>
    </row>
    <row r="421024" spans="8:8">
      <c r="H421024" s="12"/>
    </row>
    <row r="421025" spans="8:8">
      <c r="H421025" s="12"/>
    </row>
    <row r="421026" spans="8:8">
      <c r="H421026" s="12"/>
    </row>
    <row r="421027" spans="8:8">
      <c r="H421027" s="12"/>
    </row>
    <row r="421028" spans="8:8">
      <c r="H421028" s="12"/>
    </row>
    <row r="421029" spans="8:8">
      <c r="H421029" s="12"/>
    </row>
    <row r="421030" spans="8:8">
      <c r="H421030" s="12"/>
    </row>
    <row r="421031" spans="8:8">
      <c r="H421031" s="12"/>
    </row>
    <row r="421032" spans="8:8">
      <c r="H421032" s="12"/>
    </row>
    <row r="421033" spans="8:8">
      <c r="H421033" s="12"/>
    </row>
    <row r="421034" spans="8:8">
      <c r="H421034" s="12"/>
    </row>
    <row r="421035" spans="8:8">
      <c r="H421035" s="12"/>
    </row>
    <row r="421036" spans="8:8">
      <c r="H421036" s="12"/>
    </row>
    <row r="421037" spans="8:8">
      <c r="H421037" s="12"/>
    </row>
    <row r="421038" spans="8:8">
      <c r="H421038" s="12"/>
    </row>
    <row r="421039" spans="8:8">
      <c r="H421039" s="12"/>
    </row>
    <row r="421040" spans="8:8">
      <c r="H421040" s="12"/>
    </row>
    <row r="421041" spans="8:8">
      <c r="H421041" s="12"/>
    </row>
    <row r="421042" spans="8:8">
      <c r="H421042" s="12"/>
    </row>
    <row r="421043" spans="8:8">
      <c r="H421043" s="12"/>
    </row>
    <row r="421044" spans="8:8">
      <c r="H421044" s="12"/>
    </row>
    <row r="421045" spans="8:8">
      <c r="H421045" s="12"/>
    </row>
    <row r="421046" spans="8:8">
      <c r="H421046" s="12"/>
    </row>
    <row r="421047" spans="8:8">
      <c r="H421047" s="12"/>
    </row>
    <row r="421048" spans="8:8">
      <c r="H421048" s="12"/>
    </row>
    <row r="421049" spans="8:8">
      <c r="H421049" s="12"/>
    </row>
    <row r="421050" spans="8:8">
      <c r="H421050" s="12"/>
    </row>
    <row r="421051" spans="8:8">
      <c r="H421051" s="12"/>
    </row>
    <row r="421052" spans="8:8">
      <c r="H421052" s="12"/>
    </row>
    <row r="421053" spans="8:8">
      <c r="H421053" s="12"/>
    </row>
    <row r="421054" spans="8:8">
      <c r="H421054" s="12"/>
    </row>
    <row r="421055" spans="8:8">
      <c r="H421055" s="12"/>
    </row>
    <row r="421056" spans="8:8">
      <c r="H421056" s="12"/>
    </row>
    <row r="421057" spans="8:8">
      <c r="H421057" s="12"/>
    </row>
    <row r="421058" spans="8:8">
      <c r="H421058" s="12"/>
    </row>
    <row r="421059" spans="8:8">
      <c r="H421059" s="12"/>
    </row>
    <row r="421060" spans="8:8">
      <c r="H421060" s="12"/>
    </row>
    <row r="421061" spans="8:8">
      <c r="H421061" s="12"/>
    </row>
    <row r="421062" spans="8:8">
      <c r="H421062" s="12"/>
    </row>
    <row r="421063" spans="8:8">
      <c r="H421063" s="12"/>
    </row>
    <row r="421064" spans="8:8">
      <c r="H421064" s="12"/>
    </row>
    <row r="421065" spans="8:8">
      <c r="H421065" s="12"/>
    </row>
    <row r="421066" spans="8:8">
      <c r="H421066" s="12"/>
    </row>
    <row r="421067" spans="8:8">
      <c r="H421067" s="12"/>
    </row>
    <row r="421068" spans="8:8">
      <c r="H421068" s="12"/>
    </row>
    <row r="421069" spans="8:8">
      <c r="H421069" s="12"/>
    </row>
    <row r="421070" spans="8:8">
      <c r="H421070" s="12"/>
    </row>
    <row r="421071" spans="8:8">
      <c r="H421071" s="12"/>
    </row>
    <row r="421072" spans="8:8">
      <c r="H421072" s="12"/>
    </row>
    <row r="421073" spans="8:8">
      <c r="H421073" s="12"/>
    </row>
    <row r="421074" spans="8:8">
      <c r="H421074" s="12"/>
    </row>
    <row r="421075" spans="8:8">
      <c r="H421075" s="12"/>
    </row>
    <row r="421076" spans="8:8">
      <c r="H421076" s="12"/>
    </row>
    <row r="421077" spans="8:8">
      <c r="H421077" s="12"/>
    </row>
    <row r="421078" spans="8:8">
      <c r="H421078" s="12"/>
    </row>
    <row r="421079" spans="8:8">
      <c r="H421079" s="12"/>
    </row>
    <row r="421080" spans="8:8">
      <c r="H421080" s="12"/>
    </row>
    <row r="421081" spans="8:8">
      <c r="H421081" s="12"/>
    </row>
    <row r="421082" spans="8:8">
      <c r="H421082" s="12"/>
    </row>
    <row r="421083" spans="8:8">
      <c r="H421083" s="12"/>
    </row>
    <row r="421084" spans="8:8">
      <c r="H421084" s="12"/>
    </row>
    <row r="421085" spans="8:8">
      <c r="H421085" s="12"/>
    </row>
    <row r="421086" spans="8:8">
      <c r="H421086" s="12"/>
    </row>
    <row r="421087" spans="8:8">
      <c r="H421087" s="12"/>
    </row>
    <row r="421088" spans="8:8">
      <c r="H421088" s="12"/>
    </row>
    <row r="421089" spans="8:8">
      <c r="H421089" s="12"/>
    </row>
    <row r="421090" spans="8:8">
      <c r="H421090" s="12"/>
    </row>
    <row r="421091" spans="8:8">
      <c r="H421091" s="12"/>
    </row>
    <row r="421092" spans="8:8">
      <c r="H421092" s="12"/>
    </row>
    <row r="421093" spans="8:8">
      <c r="H421093" s="12"/>
    </row>
    <row r="421094" spans="8:8">
      <c r="H421094" s="12"/>
    </row>
    <row r="421095" spans="8:8">
      <c r="H421095" s="12"/>
    </row>
    <row r="421096" spans="8:8">
      <c r="H421096" s="12"/>
    </row>
    <row r="421097" spans="8:8">
      <c r="H421097" s="12"/>
    </row>
    <row r="421098" spans="8:8">
      <c r="H421098" s="12"/>
    </row>
    <row r="421099" spans="8:8">
      <c r="H421099" s="12"/>
    </row>
    <row r="421100" spans="8:8">
      <c r="H421100" s="12"/>
    </row>
    <row r="421101" spans="8:8">
      <c r="H421101" s="12"/>
    </row>
    <row r="421102" spans="8:8">
      <c r="H421102" s="12"/>
    </row>
    <row r="421103" spans="8:8">
      <c r="H421103" s="12"/>
    </row>
    <row r="421104" spans="8:8">
      <c r="H421104" s="12"/>
    </row>
    <row r="421105" spans="8:8">
      <c r="H421105" s="12"/>
    </row>
    <row r="421106" spans="8:8">
      <c r="H421106" s="12"/>
    </row>
    <row r="421107" spans="8:8">
      <c r="H421107" s="12"/>
    </row>
    <row r="421108" spans="8:8">
      <c r="H421108" s="12"/>
    </row>
    <row r="421109" spans="8:8">
      <c r="H421109" s="12"/>
    </row>
    <row r="421110" spans="8:8">
      <c r="H421110" s="12"/>
    </row>
    <row r="421111" spans="8:8">
      <c r="H421111" s="12"/>
    </row>
    <row r="421112" spans="8:8">
      <c r="H421112" s="12"/>
    </row>
    <row r="421113" spans="8:8">
      <c r="H421113" s="12"/>
    </row>
    <row r="421114" spans="8:8">
      <c r="H421114" s="12"/>
    </row>
    <row r="421115" spans="8:8">
      <c r="H421115" s="12"/>
    </row>
    <row r="421116" spans="8:8">
      <c r="H421116" s="12"/>
    </row>
    <row r="421117" spans="8:8">
      <c r="H421117" s="12"/>
    </row>
    <row r="421118" spans="8:8">
      <c r="H421118" s="12"/>
    </row>
    <row r="421119" spans="8:8">
      <c r="H421119" s="12"/>
    </row>
    <row r="421120" spans="8:8">
      <c r="H421120" s="12"/>
    </row>
    <row r="421121" spans="8:8">
      <c r="H421121" s="12"/>
    </row>
    <row r="421122" spans="8:8">
      <c r="H421122" s="12"/>
    </row>
    <row r="421123" spans="8:8">
      <c r="H421123" s="12"/>
    </row>
    <row r="421124" spans="8:8">
      <c r="H421124" s="12"/>
    </row>
    <row r="421125" spans="8:8">
      <c r="H421125" s="12"/>
    </row>
    <row r="421126" spans="8:8">
      <c r="H421126" s="12"/>
    </row>
    <row r="421127" spans="8:8">
      <c r="H421127" s="12"/>
    </row>
    <row r="421128" spans="8:8">
      <c r="H421128" s="12"/>
    </row>
    <row r="421129" spans="8:8">
      <c r="H421129" s="12"/>
    </row>
    <row r="421130" spans="8:8">
      <c r="H421130" s="12"/>
    </row>
    <row r="421131" spans="8:8">
      <c r="H421131" s="12"/>
    </row>
    <row r="421132" spans="8:8">
      <c r="H421132" s="12"/>
    </row>
    <row r="421133" spans="8:8">
      <c r="H421133" s="12"/>
    </row>
    <row r="421134" spans="8:8">
      <c r="H421134" s="12"/>
    </row>
    <row r="421135" spans="8:8">
      <c r="H421135" s="12"/>
    </row>
    <row r="421136" spans="8:8">
      <c r="H421136" s="12"/>
    </row>
    <row r="421137" spans="8:8">
      <c r="H421137" s="12"/>
    </row>
    <row r="421138" spans="8:8">
      <c r="H421138" s="12"/>
    </row>
    <row r="421139" spans="8:8">
      <c r="H421139" s="12"/>
    </row>
    <row r="421140" spans="8:8">
      <c r="H421140" s="12"/>
    </row>
    <row r="421141" spans="8:8">
      <c r="H421141" s="12"/>
    </row>
    <row r="421142" spans="8:8">
      <c r="H421142" s="12"/>
    </row>
    <row r="421143" spans="8:8">
      <c r="H421143" s="12"/>
    </row>
    <row r="421144" spans="8:8">
      <c r="H421144" s="12"/>
    </row>
    <row r="421145" spans="8:8">
      <c r="H421145" s="12"/>
    </row>
    <row r="421146" spans="8:8">
      <c r="H421146" s="12"/>
    </row>
    <row r="421147" spans="8:8">
      <c r="H421147" s="12"/>
    </row>
    <row r="421148" spans="8:8">
      <c r="H421148" s="12"/>
    </row>
    <row r="421149" spans="8:8">
      <c r="H421149" s="12"/>
    </row>
    <row r="421150" spans="8:8">
      <c r="H421150" s="12"/>
    </row>
    <row r="421151" spans="8:8">
      <c r="H421151" s="12"/>
    </row>
    <row r="421152" spans="8:8">
      <c r="H421152" s="12"/>
    </row>
    <row r="421153" spans="8:8">
      <c r="H421153" s="12"/>
    </row>
    <row r="421154" spans="8:8">
      <c r="H421154" s="12"/>
    </row>
    <row r="421155" spans="8:8">
      <c r="H421155" s="12"/>
    </row>
    <row r="421156" spans="8:8">
      <c r="H421156" s="12"/>
    </row>
    <row r="421157" spans="8:8">
      <c r="H421157" s="12"/>
    </row>
    <row r="421158" spans="8:8">
      <c r="H421158" s="12"/>
    </row>
    <row r="421159" spans="8:8">
      <c r="H421159" s="12"/>
    </row>
    <row r="421160" spans="8:8">
      <c r="H421160" s="12"/>
    </row>
    <row r="421161" spans="8:8">
      <c r="H421161" s="12"/>
    </row>
    <row r="421162" spans="8:8">
      <c r="H421162" s="12"/>
    </row>
    <row r="421163" spans="8:8">
      <c r="H421163" s="12"/>
    </row>
    <row r="421164" spans="8:8">
      <c r="H421164" s="12"/>
    </row>
    <row r="421165" spans="8:8">
      <c r="H421165" s="12"/>
    </row>
    <row r="421166" spans="8:8">
      <c r="H421166" s="12"/>
    </row>
    <row r="421167" spans="8:8">
      <c r="H421167" s="12"/>
    </row>
    <row r="421168" spans="8:8">
      <c r="H421168" s="12"/>
    </row>
    <row r="421169" spans="8:8">
      <c r="H421169" s="12"/>
    </row>
    <row r="421170" spans="8:8">
      <c r="H421170" s="12"/>
    </row>
    <row r="421171" spans="8:8">
      <c r="H421171" s="12"/>
    </row>
    <row r="421172" spans="8:8">
      <c r="H421172" s="12"/>
    </row>
    <row r="421173" spans="8:8">
      <c r="H421173" s="12"/>
    </row>
    <row r="421174" spans="8:8">
      <c r="H421174" s="12"/>
    </row>
    <row r="421175" spans="8:8">
      <c r="H421175" s="12"/>
    </row>
    <row r="421176" spans="8:8">
      <c r="H421176" s="12"/>
    </row>
    <row r="421177" spans="8:8">
      <c r="H421177" s="12"/>
    </row>
    <row r="421178" spans="8:8">
      <c r="H421178" s="12"/>
    </row>
    <row r="421179" spans="8:8">
      <c r="H421179" s="12"/>
    </row>
    <row r="421180" spans="8:8">
      <c r="H421180" s="12"/>
    </row>
    <row r="421181" spans="8:8">
      <c r="H421181" s="12"/>
    </row>
    <row r="421182" spans="8:8">
      <c r="H421182" s="12"/>
    </row>
    <row r="421183" spans="8:8">
      <c r="H421183" s="12"/>
    </row>
    <row r="421184" spans="8:8">
      <c r="H421184" s="12"/>
    </row>
    <row r="421185" spans="8:8">
      <c r="H421185" s="12"/>
    </row>
    <row r="421186" spans="8:8">
      <c r="H421186" s="12"/>
    </row>
    <row r="421187" spans="8:8">
      <c r="H421187" s="12"/>
    </row>
    <row r="421188" spans="8:8">
      <c r="H421188" s="12"/>
    </row>
    <row r="421189" spans="8:8">
      <c r="H421189" s="12"/>
    </row>
    <row r="421190" spans="8:8">
      <c r="H421190" s="12"/>
    </row>
    <row r="421191" spans="8:8">
      <c r="H421191" s="12"/>
    </row>
    <row r="421192" spans="8:8">
      <c r="H421192" s="12"/>
    </row>
    <row r="421193" spans="8:8">
      <c r="H421193" s="12"/>
    </row>
    <row r="421194" spans="8:8">
      <c r="H421194" s="12"/>
    </row>
    <row r="421195" spans="8:8">
      <c r="H421195" s="12"/>
    </row>
    <row r="421196" spans="8:8">
      <c r="H421196" s="12"/>
    </row>
    <row r="421197" spans="8:8">
      <c r="H421197" s="12"/>
    </row>
    <row r="421198" spans="8:8">
      <c r="H421198" s="12"/>
    </row>
    <row r="421199" spans="8:8">
      <c r="H421199" s="12"/>
    </row>
    <row r="421200" spans="8:8">
      <c r="H421200" s="12"/>
    </row>
    <row r="421201" spans="8:8">
      <c r="H421201" s="12"/>
    </row>
    <row r="421202" spans="8:8">
      <c r="H421202" s="12"/>
    </row>
    <row r="421203" spans="8:8">
      <c r="H421203" s="12"/>
    </row>
    <row r="421204" spans="8:8">
      <c r="H421204" s="12"/>
    </row>
    <row r="421205" spans="8:8">
      <c r="H421205" s="12"/>
    </row>
    <row r="421206" spans="8:8">
      <c r="H421206" s="12"/>
    </row>
    <row r="421207" spans="8:8">
      <c r="H421207" s="12"/>
    </row>
    <row r="421208" spans="8:8">
      <c r="H421208" s="12"/>
    </row>
    <row r="421209" spans="8:8">
      <c r="H421209" s="12"/>
    </row>
    <row r="421210" spans="8:8">
      <c r="H421210" s="12"/>
    </row>
    <row r="421211" spans="8:8">
      <c r="H421211" s="12"/>
    </row>
    <row r="421212" spans="8:8">
      <c r="H421212" s="12"/>
    </row>
    <row r="421213" spans="8:8">
      <c r="H421213" s="12"/>
    </row>
    <row r="421214" spans="8:8">
      <c r="H421214" s="12"/>
    </row>
    <row r="421215" spans="8:8">
      <c r="H421215" s="12"/>
    </row>
    <row r="421216" spans="8:8">
      <c r="H421216" s="12"/>
    </row>
    <row r="421217" spans="8:8">
      <c r="H421217" s="12"/>
    </row>
    <row r="421218" spans="8:8">
      <c r="H421218" s="12"/>
    </row>
    <row r="421219" spans="8:8">
      <c r="H421219" s="12"/>
    </row>
    <row r="421220" spans="8:8">
      <c r="H421220" s="12"/>
    </row>
    <row r="421221" spans="8:8">
      <c r="H421221" s="12"/>
    </row>
    <row r="421222" spans="8:8">
      <c r="H421222" s="12"/>
    </row>
    <row r="421223" spans="8:8">
      <c r="H421223" s="12"/>
    </row>
    <row r="421224" spans="8:8">
      <c r="H421224" s="12"/>
    </row>
    <row r="421225" spans="8:8">
      <c r="H421225" s="12"/>
    </row>
    <row r="421226" spans="8:8">
      <c r="H421226" s="12"/>
    </row>
    <row r="421227" spans="8:8">
      <c r="H421227" s="12"/>
    </row>
    <row r="421228" spans="8:8">
      <c r="H421228" s="12"/>
    </row>
    <row r="421229" spans="8:8">
      <c r="H421229" s="12"/>
    </row>
    <row r="421230" spans="8:8">
      <c r="H421230" s="12"/>
    </row>
    <row r="421231" spans="8:8">
      <c r="H421231" s="12"/>
    </row>
    <row r="421232" spans="8:8">
      <c r="H421232" s="12"/>
    </row>
    <row r="421233" spans="8:8">
      <c r="H421233" s="12"/>
    </row>
    <row r="421234" spans="8:8">
      <c r="H421234" s="12"/>
    </row>
    <row r="421235" spans="8:8">
      <c r="H421235" s="12"/>
    </row>
    <row r="421236" spans="8:8">
      <c r="H421236" s="12"/>
    </row>
    <row r="421237" spans="8:8">
      <c r="H421237" s="12"/>
    </row>
    <row r="421238" spans="8:8">
      <c r="H421238" s="12"/>
    </row>
    <row r="421239" spans="8:8">
      <c r="H421239" s="12"/>
    </row>
    <row r="421240" spans="8:8">
      <c r="H421240" s="12"/>
    </row>
    <row r="421241" spans="8:8">
      <c r="H421241" s="12"/>
    </row>
    <row r="421242" spans="8:8">
      <c r="H421242" s="12"/>
    </row>
    <row r="421243" spans="8:8">
      <c r="H421243" s="12"/>
    </row>
    <row r="421244" spans="8:8">
      <c r="H421244" s="12"/>
    </row>
    <row r="421245" spans="8:8">
      <c r="H421245" s="12"/>
    </row>
    <row r="421246" spans="8:8">
      <c r="H421246" s="12"/>
    </row>
    <row r="421247" spans="8:8">
      <c r="H421247" s="12"/>
    </row>
    <row r="421248" spans="8:8">
      <c r="H421248" s="12"/>
    </row>
    <row r="421249" spans="8:8">
      <c r="H421249" s="12"/>
    </row>
    <row r="421250" spans="8:8">
      <c r="H421250" s="12"/>
    </row>
    <row r="421251" spans="8:8">
      <c r="H421251" s="12"/>
    </row>
    <row r="421252" spans="8:8">
      <c r="H421252" s="12"/>
    </row>
    <row r="421253" spans="8:8">
      <c r="H421253" s="12"/>
    </row>
    <row r="421254" spans="8:8">
      <c r="H421254" s="12"/>
    </row>
    <row r="421255" spans="8:8">
      <c r="H421255" s="12"/>
    </row>
    <row r="421256" spans="8:8">
      <c r="H421256" s="12"/>
    </row>
    <row r="421257" spans="8:8">
      <c r="H421257" s="12"/>
    </row>
    <row r="421258" spans="8:8">
      <c r="H421258" s="12"/>
    </row>
    <row r="421259" spans="8:8">
      <c r="H421259" s="12"/>
    </row>
    <row r="421260" spans="8:8">
      <c r="H421260" s="12"/>
    </row>
    <row r="421261" spans="8:8">
      <c r="H421261" s="12"/>
    </row>
    <row r="421262" spans="8:8">
      <c r="H421262" s="12"/>
    </row>
    <row r="421263" spans="8:8">
      <c r="H421263" s="12"/>
    </row>
    <row r="421264" spans="8:8">
      <c r="H421264" s="12"/>
    </row>
    <row r="421265" spans="8:8">
      <c r="H421265" s="12"/>
    </row>
    <row r="421266" spans="8:8">
      <c r="H421266" s="12"/>
    </row>
    <row r="421267" spans="8:8">
      <c r="H421267" s="12"/>
    </row>
    <row r="421268" spans="8:8">
      <c r="H421268" s="12"/>
    </row>
    <row r="421269" spans="8:8">
      <c r="H421269" s="12"/>
    </row>
    <row r="421270" spans="8:8">
      <c r="H421270" s="12"/>
    </row>
    <row r="421271" spans="8:8">
      <c r="H421271" s="12"/>
    </row>
    <row r="421272" spans="8:8">
      <c r="H421272" s="12"/>
    </row>
    <row r="421273" spans="8:8">
      <c r="H421273" s="12"/>
    </row>
    <row r="421274" spans="8:8">
      <c r="H421274" s="12"/>
    </row>
    <row r="421275" spans="8:8">
      <c r="H421275" s="12"/>
    </row>
    <row r="421276" spans="8:8">
      <c r="H421276" s="12"/>
    </row>
    <row r="421277" spans="8:8">
      <c r="H421277" s="12"/>
    </row>
    <row r="421278" spans="8:8">
      <c r="H421278" s="12"/>
    </row>
    <row r="421279" spans="8:8">
      <c r="H421279" s="12"/>
    </row>
    <row r="421280" spans="8:8">
      <c r="H421280" s="12"/>
    </row>
    <row r="421281" spans="8:8">
      <c r="H421281" s="12"/>
    </row>
    <row r="421282" spans="8:8">
      <c r="H421282" s="12"/>
    </row>
    <row r="421283" spans="8:8">
      <c r="H421283" s="12"/>
    </row>
    <row r="421284" spans="8:8">
      <c r="H421284" s="12"/>
    </row>
    <row r="421285" spans="8:8">
      <c r="H421285" s="12"/>
    </row>
    <row r="421286" spans="8:8">
      <c r="H421286" s="12"/>
    </row>
    <row r="421287" spans="8:8">
      <c r="H421287" s="12"/>
    </row>
    <row r="421288" spans="8:8">
      <c r="H421288" s="12"/>
    </row>
    <row r="421289" spans="8:8">
      <c r="H421289" s="12"/>
    </row>
    <row r="421290" spans="8:8">
      <c r="H421290" s="12"/>
    </row>
    <row r="421291" spans="8:8">
      <c r="H421291" s="12"/>
    </row>
    <row r="421292" spans="8:8">
      <c r="H421292" s="12"/>
    </row>
    <row r="421293" spans="8:8">
      <c r="H421293" s="12"/>
    </row>
    <row r="421294" spans="8:8">
      <c r="H421294" s="12"/>
    </row>
    <row r="421295" spans="8:8">
      <c r="H421295" s="12"/>
    </row>
    <row r="421296" spans="8:8">
      <c r="H421296" s="12"/>
    </row>
    <row r="421297" spans="8:8">
      <c r="H421297" s="12"/>
    </row>
    <row r="421298" spans="8:8">
      <c r="H421298" s="12"/>
    </row>
    <row r="421299" spans="8:8">
      <c r="H421299" s="12"/>
    </row>
    <row r="421300" spans="8:8">
      <c r="H421300" s="12"/>
    </row>
    <row r="421301" spans="8:8">
      <c r="H421301" s="12"/>
    </row>
    <row r="421302" spans="8:8">
      <c r="H421302" s="12"/>
    </row>
    <row r="421303" spans="8:8">
      <c r="H421303" s="12"/>
    </row>
    <row r="421304" spans="8:8">
      <c r="H421304" s="12"/>
    </row>
    <row r="421305" spans="8:8">
      <c r="H421305" s="12"/>
    </row>
    <row r="421306" spans="8:8">
      <c r="H421306" s="12"/>
    </row>
    <row r="421307" spans="8:8">
      <c r="H421307" s="12"/>
    </row>
    <row r="421308" spans="8:8">
      <c r="H421308" s="12"/>
    </row>
    <row r="421309" spans="8:8">
      <c r="H421309" s="12"/>
    </row>
    <row r="421310" spans="8:8">
      <c r="H421310" s="12"/>
    </row>
    <row r="421311" spans="8:8">
      <c r="H421311" s="12"/>
    </row>
    <row r="421312" spans="8:8">
      <c r="H421312" s="12"/>
    </row>
    <row r="421313" spans="8:8">
      <c r="H421313" s="12"/>
    </row>
    <row r="421314" spans="8:8">
      <c r="H421314" s="12"/>
    </row>
    <row r="421315" spans="8:8">
      <c r="H421315" s="12"/>
    </row>
    <row r="421316" spans="8:8">
      <c r="H421316" s="12"/>
    </row>
    <row r="421317" spans="8:8">
      <c r="H421317" s="12"/>
    </row>
    <row r="421318" spans="8:8">
      <c r="H421318" s="12"/>
    </row>
    <row r="421319" spans="8:8">
      <c r="H421319" s="12"/>
    </row>
    <row r="421320" spans="8:8">
      <c r="H421320" s="12"/>
    </row>
    <row r="421321" spans="8:8">
      <c r="H421321" s="12"/>
    </row>
    <row r="421322" spans="8:8">
      <c r="H421322" s="12"/>
    </row>
    <row r="421323" spans="8:8">
      <c r="H421323" s="12"/>
    </row>
    <row r="421324" spans="8:8">
      <c r="H421324" s="12"/>
    </row>
    <row r="421325" spans="8:8">
      <c r="H421325" s="12"/>
    </row>
    <row r="421326" spans="8:8">
      <c r="H421326" s="12"/>
    </row>
    <row r="421327" spans="8:8">
      <c r="H421327" s="12"/>
    </row>
    <row r="421328" spans="8:8">
      <c r="H421328" s="12"/>
    </row>
    <row r="421329" spans="8:8">
      <c r="H421329" s="12"/>
    </row>
    <row r="421330" spans="8:8">
      <c r="H421330" s="12"/>
    </row>
    <row r="421331" spans="8:8">
      <c r="H421331" s="12"/>
    </row>
    <row r="421332" spans="8:8">
      <c r="H421332" s="12"/>
    </row>
    <row r="421333" spans="8:8">
      <c r="H421333" s="12"/>
    </row>
    <row r="421334" spans="8:8">
      <c r="H421334" s="12"/>
    </row>
    <row r="421335" spans="8:8">
      <c r="H421335" s="12"/>
    </row>
    <row r="421336" spans="8:8">
      <c r="H421336" s="12"/>
    </row>
    <row r="421337" spans="8:8">
      <c r="H421337" s="12"/>
    </row>
    <row r="421338" spans="8:8">
      <c r="H421338" s="12"/>
    </row>
    <row r="421339" spans="8:8">
      <c r="H421339" s="12"/>
    </row>
    <row r="421340" spans="8:8">
      <c r="H421340" s="12"/>
    </row>
    <row r="421341" spans="8:8">
      <c r="H421341" s="12"/>
    </row>
    <row r="421342" spans="8:8">
      <c r="H421342" s="12"/>
    </row>
    <row r="421343" spans="8:8">
      <c r="H421343" s="12"/>
    </row>
    <row r="421344" spans="8:8">
      <c r="H421344" s="12"/>
    </row>
    <row r="421345" spans="8:8">
      <c r="H421345" s="12"/>
    </row>
    <row r="421346" spans="8:8">
      <c r="H421346" s="12"/>
    </row>
    <row r="421347" spans="8:8">
      <c r="H421347" s="12"/>
    </row>
    <row r="421348" spans="8:8">
      <c r="H421348" s="12"/>
    </row>
    <row r="421349" spans="8:8">
      <c r="H421349" s="12"/>
    </row>
    <row r="421350" spans="8:8">
      <c r="H421350" s="12"/>
    </row>
    <row r="421351" spans="8:8">
      <c r="H421351" s="12"/>
    </row>
    <row r="421352" spans="8:8">
      <c r="H421352" s="12"/>
    </row>
    <row r="421353" spans="8:8">
      <c r="H421353" s="12"/>
    </row>
    <row r="421354" spans="8:8">
      <c r="H421354" s="12"/>
    </row>
    <row r="421355" spans="8:8">
      <c r="H421355" s="12"/>
    </row>
    <row r="421356" spans="8:8">
      <c r="H421356" s="12"/>
    </row>
    <row r="421357" spans="8:8">
      <c r="H421357" s="12"/>
    </row>
    <row r="421358" spans="8:8">
      <c r="H421358" s="12"/>
    </row>
    <row r="421359" spans="8:8">
      <c r="H421359" s="12"/>
    </row>
    <row r="421360" spans="8:8">
      <c r="H421360" s="12"/>
    </row>
    <row r="421361" spans="8:8">
      <c r="H421361" s="12"/>
    </row>
    <row r="421362" spans="8:8">
      <c r="H421362" s="12"/>
    </row>
    <row r="421363" spans="8:8">
      <c r="H421363" s="12"/>
    </row>
    <row r="421364" spans="8:8">
      <c r="H421364" s="12"/>
    </row>
    <row r="421365" spans="8:8">
      <c r="H421365" s="12"/>
    </row>
    <row r="421366" spans="8:8">
      <c r="H421366" s="12"/>
    </row>
    <row r="421367" spans="8:8">
      <c r="H421367" s="12"/>
    </row>
    <row r="421368" spans="8:8">
      <c r="H421368" s="12"/>
    </row>
    <row r="421369" spans="8:8">
      <c r="H421369" s="12"/>
    </row>
    <row r="421370" spans="8:8">
      <c r="H421370" s="12"/>
    </row>
    <row r="421371" spans="8:8">
      <c r="H421371" s="12"/>
    </row>
    <row r="421372" spans="8:8">
      <c r="H421372" s="12"/>
    </row>
    <row r="421373" spans="8:8">
      <c r="H421373" s="12"/>
    </row>
    <row r="421374" spans="8:8">
      <c r="H421374" s="12"/>
    </row>
    <row r="421375" spans="8:8">
      <c r="H421375" s="12"/>
    </row>
    <row r="421376" spans="8:8">
      <c r="H421376" s="12"/>
    </row>
    <row r="421377" spans="8:8">
      <c r="H421377" s="12"/>
    </row>
    <row r="421378" spans="8:8">
      <c r="H421378" s="12"/>
    </row>
    <row r="421379" spans="8:8">
      <c r="H421379" s="12"/>
    </row>
    <row r="421380" spans="8:8">
      <c r="H421380" s="12"/>
    </row>
    <row r="421381" spans="8:8">
      <c r="H421381" s="12"/>
    </row>
    <row r="421382" spans="8:8">
      <c r="H421382" s="12"/>
    </row>
    <row r="421383" spans="8:8">
      <c r="H421383" s="12"/>
    </row>
    <row r="421384" spans="8:8">
      <c r="H421384" s="12"/>
    </row>
    <row r="421385" spans="8:8">
      <c r="H421385" s="12"/>
    </row>
    <row r="421386" spans="8:8">
      <c r="H421386" s="12"/>
    </row>
    <row r="421387" spans="8:8">
      <c r="H421387" s="12"/>
    </row>
    <row r="421388" spans="8:8">
      <c r="H421388" s="12"/>
    </row>
    <row r="421389" spans="8:8">
      <c r="H421389" s="12"/>
    </row>
    <row r="421390" spans="8:8">
      <c r="H421390" s="12"/>
    </row>
    <row r="421391" spans="8:8">
      <c r="H421391" s="12"/>
    </row>
    <row r="421392" spans="8:8">
      <c r="H421392" s="12"/>
    </row>
    <row r="421393" spans="8:8">
      <c r="H421393" s="12"/>
    </row>
    <row r="421394" spans="8:8">
      <c r="H421394" s="12"/>
    </row>
    <row r="421395" spans="8:8">
      <c r="H421395" s="12"/>
    </row>
    <row r="421396" spans="8:8">
      <c r="H421396" s="12"/>
    </row>
    <row r="421397" spans="8:8">
      <c r="H421397" s="12"/>
    </row>
    <row r="421398" spans="8:8">
      <c r="H421398" s="12"/>
    </row>
    <row r="421399" spans="8:8">
      <c r="H421399" s="12"/>
    </row>
    <row r="421400" spans="8:8">
      <c r="H421400" s="12"/>
    </row>
    <row r="421401" spans="8:8">
      <c r="H421401" s="12"/>
    </row>
    <row r="421402" spans="8:8">
      <c r="H421402" s="12"/>
    </row>
    <row r="421403" spans="8:8">
      <c r="H421403" s="12"/>
    </row>
    <row r="421404" spans="8:8">
      <c r="H421404" s="12"/>
    </row>
    <row r="421405" spans="8:8">
      <c r="H421405" s="12"/>
    </row>
    <row r="421406" spans="8:8">
      <c r="H421406" s="12"/>
    </row>
    <row r="421407" spans="8:8">
      <c r="H421407" s="12"/>
    </row>
    <row r="421408" spans="8:8">
      <c r="H421408" s="12"/>
    </row>
    <row r="421409" spans="8:8">
      <c r="H421409" s="12"/>
    </row>
    <row r="421410" spans="8:8">
      <c r="H421410" s="12"/>
    </row>
    <row r="421411" spans="8:8">
      <c r="H421411" s="12"/>
    </row>
    <row r="421412" spans="8:8">
      <c r="H421412" s="12"/>
    </row>
    <row r="421413" spans="8:8">
      <c r="H421413" s="12"/>
    </row>
    <row r="421414" spans="8:8">
      <c r="H421414" s="12"/>
    </row>
    <row r="421415" spans="8:8">
      <c r="H421415" s="12"/>
    </row>
    <row r="421416" spans="8:8">
      <c r="H421416" s="12"/>
    </row>
    <row r="421417" spans="8:8">
      <c r="H421417" s="12"/>
    </row>
    <row r="421418" spans="8:8">
      <c r="H421418" s="12"/>
    </row>
    <row r="421419" spans="8:8">
      <c r="H421419" s="12"/>
    </row>
    <row r="421420" spans="8:8">
      <c r="H421420" s="12"/>
    </row>
    <row r="421421" spans="8:8">
      <c r="H421421" s="12"/>
    </row>
    <row r="421422" spans="8:8">
      <c r="H421422" s="12"/>
    </row>
    <row r="421423" spans="8:8">
      <c r="H421423" s="12"/>
    </row>
    <row r="421424" spans="8:8">
      <c r="H421424" s="12"/>
    </row>
    <row r="421425" spans="8:8">
      <c r="H421425" s="12"/>
    </row>
    <row r="421426" spans="8:8">
      <c r="H421426" s="12"/>
    </row>
    <row r="421427" spans="8:8">
      <c r="H421427" s="12"/>
    </row>
    <row r="421428" spans="8:8">
      <c r="H421428" s="12"/>
    </row>
    <row r="421429" spans="8:8">
      <c r="H421429" s="12"/>
    </row>
    <row r="421430" spans="8:8">
      <c r="H421430" s="12"/>
    </row>
    <row r="421431" spans="8:8">
      <c r="H421431" s="12"/>
    </row>
    <row r="421432" spans="8:8">
      <c r="H421432" s="12"/>
    </row>
    <row r="421433" spans="8:8">
      <c r="H421433" s="12"/>
    </row>
    <row r="421434" spans="8:8">
      <c r="H421434" s="12"/>
    </row>
    <row r="421435" spans="8:8">
      <c r="H421435" s="12"/>
    </row>
    <row r="421436" spans="8:8">
      <c r="H421436" s="12"/>
    </row>
    <row r="421437" spans="8:8">
      <c r="H421437" s="12"/>
    </row>
    <row r="421438" spans="8:8">
      <c r="H421438" s="12"/>
    </row>
    <row r="421439" spans="8:8">
      <c r="H421439" s="12"/>
    </row>
    <row r="421440" spans="8:8">
      <c r="H421440" s="12"/>
    </row>
    <row r="421441" spans="8:8">
      <c r="H421441" s="12"/>
    </row>
    <row r="421442" spans="8:8">
      <c r="H421442" s="12"/>
    </row>
    <row r="421443" spans="8:8">
      <c r="H421443" s="12"/>
    </row>
    <row r="421444" spans="8:8">
      <c r="H421444" s="12"/>
    </row>
    <row r="421445" spans="8:8">
      <c r="H421445" s="12"/>
    </row>
    <row r="421446" spans="8:8">
      <c r="H421446" s="12"/>
    </row>
    <row r="421447" spans="8:8">
      <c r="H421447" s="12"/>
    </row>
    <row r="421448" spans="8:8">
      <c r="H421448" s="12"/>
    </row>
    <row r="421449" spans="8:8">
      <c r="H421449" s="12"/>
    </row>
    <row r="421450" spans="8:8">
      <c r="H421450" s="12"/>
    </row>
    <row r="421451" spans="8:8">
      <c r="H421451" s="12"/>
    </row>
    <row r="421452" spans="8:8">
      <c r="H421452" s="12"/>
    </row>
    <row r="421453" spans="8:8">
      <c r="H421453" s="12"/>
    </row>
    <row r="421454" spans="8:8">
      <c r="H421454" s="12"/>
    </row>
    <row r="421455" spans="8:8">
      <c r="H421455" s="12"/>
    </row>
    <row r="421456" spans="8:8">
      <c r="H421456" s="12"/>
    </row>
    <row r="421457" spans="8:8">
      <c r="H421457" s="12"/>
    </row>
    <row r="421458" spans="8:8">
      <c r="H421458" s="12"/>
    </row>
    <row r="421459" spans="8:8">
      <c r="H421459" s="12"/>
    </row>
    <row r="421460" spans="8:8">
      <c r="H421460" s="12"/>
    </row>
    <row r="421461" spans="8:8">
      <c r="H421461" s="12"/>
    </row>
    <row r="421462" spans="8:8">
      <c r="H421462" s="12"/>
    </row>
    <row r="421463" spans="8:8">
      <c r="H421463" s="12"/>
    </row>
    <row r="421464" spans="8:8">
      <c r="H421464" s="12"/>
    </row>
    <row r="421465" spans="8:8">
      <c r="H421465" s="12"/>
    </row>
    <row r="421466" spans="8:8">
      <c r="H421466" s="12"/>
    </row>
    <row r="421467" spans="8:8">
      <c r="H421467" s="12"/>
    </row>
    <row r="421468" spans="8:8">
      <c r="H421468" s="12"/>
    </row>
    <row r="421469" spans="8:8">
      <c r="H421469" s="12"/>
    </row>
    <row r="421470" spans="8:8">
      <c r="H421470" s="12"/>
    </row>
    <row r="421471" spans="8:8">
      <c r="H421471" s="12"/>
    </row>
    <row r="421472" spans="8:8">
      <c r="H421472" s="12"/>
    </row>
    <row r="421473" spans="8:8">
      <c r="H421473" s="12"/>
    </row>
    <row r="421474" spans="8:8">
      <c r="H421474" s="12"/>
    </row>
    <row r="421475" spans="8:8">
      <c r="H421475" s="12"/>
    </row>
    <row r="421476" spans="8:8">
      <c r="H421476" s="12"/>
    </row>
    <row r="421477" spans="8:8">
      <c r="H421477" s="12"/>
    </row>
    <row r="421478" spans="8:8">
      <c r="H421478" s="12"/>
    </row>
    <row r="421479" spans="8:8">
      <c r="H421479" s="12"/>
    </row>
    <row r="421480" spans="8:8">
      <c r="H421480" s="12"/>
    </row>
    <row r="421481" spans="8:8">
      <c r="H421481" s="12"/>
    </row>
    <row r="421482" spans="8:8">
      <c r="H421482" s="12"/>
    </row>
    <row r="421483" spans="8:8">
      <c r="H421483" s="12"/>
    </row>
    <row r="421484" spans="8:8">
      <c r="H421484" s="12"/>
    </row>
    <row r="421485" spans="8:8">
      <c r="H421485" s="12"/>
    </row>
    <row r="421486" spans="8:8">
      <c r="H421486" s="12"/>
    </row>
    <row r="421487" spans="8:8">
      <c r="H421487" s="12"/>
    </row>
    <row r="421488" spans="8:8">
      <c r="H421488" s="12"/>
    </row>
    <row r="421489" spans="8:8">
      <c r="H421489" s="12"/>
    </row>
    <row r="421490" spans="8:8">
      <c r="H421490" s="12"/>
    </row>
    <row r="421491" spans="8:8">
      <c r="H421491" s="12"/>
    </row>
    <row r="421492" spans="8:8">
      <c r="H421492" s="12"/>
    </row>
    <row r="421493" spans="8:8">
      <c r="H421493" s="12"/>
    </row>
    <row r="421494" spans="8:8">
      <c r="H421494" s="12"/>
    </row>
    <row r="421495" spans="8:8">
      <c r="H421495" s="12"/>
    </row>
    <row r="421496" spans="8:8">
      <c r="H421496" s="12"/>
    </row>
    <row r="421497" spans="8:8">
      <c r="H421497" s="12"/>
    </row>
    <row r="421498" spans="8:8">
      <c r="H421498" s="12"/>
    </row>
    <row r="421499" spans="8:8">
      <c r="H421499" s="12"/>
    </row>
    <row r="421500" spans="8:8">
      <c r="H421500" s="12"/>
    </row>
    <row r="421501" spans="8:8">
      <c r="H421501" s="12"/>
    </row>
    <row r="421502" spans="8:8">
      <c r="H421502" s="12"/>
    </row>
    <row r="421503" spans="8:8">
      <c r="H421503" s="12"/>
    </row>
    <row r="421504" spans="8:8">
      <c r="H421504" s="12"/>
    </row>
    <row r="421505" spans="8:8">
      <c r="H421505" s="12"/>
    </row>
    <row r="421506" spans="8:8">
      <c r="H421506" s="12"/>
    </row>
    <row r="421507" spans="8:8">
      <c r="H421507" s="12"/>
    </row>
    <row r="421508" spans="8:8">
      <c r="H421508" s="12"/>
    </row>
    <row r="421509" spans="8:8">
      <c r="H421509" s="12"/>
    </row>
    <row r="421510" spans="8:8">
      <c r="H421510" s="12"/>
    </row>
    <row r="421511" spans="8:8">
      <c r="H421511" s="12"/>
    </row>
    <row r="421512" spans="8:8">
      <c r="H421512" s="12"/>
    </row>
    <row r="421513" spans="8:8">
      <c r="H421513" s="12"/>
    </row>
    <row r="421514" spans="8:8">
      <c r="H421514" s="12"/>
    </row>
    <row r="421515" spans="8:8">
      <c r="H421515" s="12"/>
    </row>
    <row r="421516" spans="8:8">
      <c r="H421516" s="12"/>
    </row>
    <row r="421517" spans="8:8">
      <c r="H421517" s="12"/>
    </row>
    <row r="421518" spans="8:8">
      <c r="H421518" s="12"/>
    </row>
    <row r="421519" spans="8:8">
      <c r="H421519" s="12"/>
    </row>
    <row r="421520" spans="8:8">
      <c r="H421520" s="12"/>
    </row>
    <row r="421521" spans="8:8">
      <c r="H421521" s="12"/>
    </row>
    <row r="421522" spans="8:8">
      <c r="H421522" s="12"/>
    </row>
    <row r="421523" spans="8:8">
      <c r="H421523" s="12"/>
    </row>
    <row r="421524" spans="8:8">
      <c r="H421524" s="12"/>
    </row>
    <row r="421525" spans="8:8">
      <c r="H421525" s="12"/>
    </row>
    <row r="421526" spans="8:8">
      <c r="H421526" s="12"/>
    </row>
    <row r="421527" spans="8:8">
      <c r="H421527" s="12"/>
    </row>
    <row r="421528" spans="8:8">
      <c r="H421528" s="12"/>
    </row>
    <row r="421529" spans="8:8">
      <c r="H421529" s="12"/>
    </row>
    <row r="421530" spans="8:8">
      <c r="H421530" s="12"/>
    </row>
    <row r="421531" spans="8:8">
      <c r="H421531" s="12"/>
    </row>
    <row r="421532" spans="8:8">
      <c r="H421532" s="12"/>
    </row>
    <row r="421533" spans="8:8">
      <c r="H421533" s="12"/>
    </row>
    <row r="421534" spans="8:8">
      <c r="H421534" s="12"/>
    </row>
    <row r="421535" spans="8:8">
      <c r="H421535" s="12"/>
    </row>
    <row r="421536" spans="8:8">
      <c r="H421536" s="12"/>
    </row>
    <row r="421537" spans="8:8">
      <c r="H421537" s="12"/>
    </row>
    <row r="421538" spans="8:8">
      <c r="H421538" s="12"/>
    </row>
    <row r="421539" spans="8:8">
      <c r="H421539" s="12"/>
    </row>
    <row r="421540" spans="8:8">
      <c r="H421540" s="12"/>
    </row>
    <row r="421541" spans="8:8">
      <c r="H421541" s="12"/>
    </row>
    <row r="421542" spans="8:8">
      <c r="H421542" s="12"/>
    </row>
    <row r="421543" spans="8:8">
      <c r="H421543" s="12"/>
    </row>
    <row r="421544" spans="8:8">
      <c r="H421544" s="12"/>
    </row>
    <row r="421545" spans="8:8">
      <c r="H421545" s="12"/>
    </row>
    <row r="421546" spans="8:8">
      <c r="H421546" s="12"/>
    </row>
    <row r="421547" spans="8:8">
      <c r="H421547" s="12"/>
    </row>
    <row r="421548" spans="8:8">
      <c r="H421548" s="12"/>
    </row>
    <row r="421549" spans="8:8">
      <c r="H421549" s="12"/>
    </row>
    <row r="421550" spans="8:8">
      <c r="H421550" s="12"/>
    </row>
    <row r="421551" spans="8:8">
      <c r="H421551" s="12"/>
    </row>
    <row r="421552" spans="8:8">
      <c r="H421552" s="12"/>
    </row>
    <row r="421553" spans="8:8">
      <c r="H421553" s="12"/>
    </row>
    <row r="421554" spans="8:8">
      <c r="H421554" s="12"/>
    </row>
    <row r="421555" spans="8:8">
      <c r="H421555" s="12"/>
    </row>
    <row r="421556" spans="8:8">
      <c r="H421556" s="12"/>
    </row>
    <row r="421557" spans="8:8">
      <c r="H421557" s="12"/>
    </row>
    <row r="421558" spans="8:8">
      <c r="H421558" s="12"/>
    </row>
    <row r="421559" spans="8:8">
      <c r="H421559" s="12"/>
    </row>
    <row r="421560" spans="8:8">
      <c r="H421560" s="12"/>
    </row>
    <row r="421561" spans="8:8">
      <c r="H421561" s="12"/>
    </row>
    <row r="421562" spans="8:8">
      <c r="H421562" s="12"/>
    </row>
    <row r="421563" spans="8:8">
      <c r="H421563" s="12"/>
    </row>
    <row r="421564" spans="8:8">
      <c r="H421564" s="12"/>
    </row>
    <row r="421565" spans="8:8">
      <c r="H421565" s="12"/>
    </row>
    <row r="421566" spans="8:8">
      <c r="H421566" s="12"/>
    </row>
    <row r="421567" spans="8:8">
      <c r="H421567" s="12"/>
    </row>
    <row r="421568" spans="8:8">
      <c r="H421568" s="12"/>
    </row>
    <row r="421569" spans="8:8">
      <c r="H421569" s="12"/>
    </row>
    <row r="421570" spans="8:8">
      <c r="H421570" s="12"/>
    </row>
    <row r="421571" spans="8:8">
      <c r="H421571" s="12"/>
    </row>
    <row r="421572" spans="8:8">
      <c r="H421572" s="12"/>
    </row>
    <row r="421573" spans="8:8">
      <c r="H421573" s="12"/>
    </row>
    <row r="421574" spans="8:8">
      <c r="H421574" s="12"/>
    </row>
    <row r="421575" spans="8:8">
      <c r="H421575" s="12"/>
    </row>
    <row r="421576" spans="8:8">
      <c r="H421576" s="12"/>
    </row>
    <row r="421577" spans="8:8">
      <c r="H421577" s="12"/>
    </row>
    <row r="421578" spans="8:8">
      <c r="H421578" s="12"/>
    </row>
    <row r="421579" spans="8:8">
      <c r="H421579" s="12"/>
    </row>
    <row r="421580" spans="8:8">
      <c r="H421580" s="12"/>
    </row>
    <row r="421581" spans="8:8">
      <c r="H421581" s="12"/>
    </row>
    <row r="421582" spans="8:8">
      <c r="H421582" s="12"/>
    </row>
    <row r="421583" spans="8:8">
      <c r="H421583" s="12"/>
    </row>
    <row r="421584" spans="8:8">
      <c r="H421584" s="12"/>
    </row>
    <row r="421585" spans="8:8">
      <c r="H421585" s="12"/>
    </row>
    <row r="421586" spans="8:8">
      <c r="H421586" s="12"/>
    </row>
    <row r="421587" spans="8:8">
      <c r="H421587" s="12"/>
    </row>
    <row r="421588" spans="8:8">
      <c r="H421588" s="12"/>
    </row>
    <row r="421589" spans="8:8">
      <c r="H421589" s="12"/>
    </row>
    <row r="421590" spans="8:8">
      <c r="H421590" s="12"/>
    </row>
    <row r="421591" spans="8:8">
      <c r="H421591" s="12"/>
    </row>
    <row r="421592" spans="8:8">
      <c r="H421592" s="12"/>
    </row>
    <row r="421593" spans="8:8">
      <c r="H421593" s="12"/>
    </row>
    <row r="421594" spans="8:8">
      <c r="H421594" s="12"/>
    </row>
    <row r="421595" spans="8:8">
      <c r="H421595" s="12"/>
    </row>
    <row r="421596" spans="8:8">
      <c r="H421596" s="12"/>
    </row>
    <row r="421597" spans="8:8">
      <c r="H421597" s="12"/>
    </row>
    <row r="421598" spans="8:8">
      <c r="H421598" s="12"/>
    </row>
    <row r="421599" spans="8:8">
      <c r="H421599" s="12"/>
    </row>
    <row r="421600" spans="8:8">
      <c r="H421600" s="12"/>
    </row>
    <row r="421601" spans="8:8">
      <c r="H421601" s="12"/>
    </row>
    <row r="421602" spans="8:8">
      <c r="H421602" s="12"/>
    </row>
    <row r="421603" spans="8:8">
      <c r="H421603" s="12"/>
    </row>
    <row r="421604" spans="8:8">
      <c r="H421604" s="12"/>
    </row>
    <row r="421605" spans="8:8">
      <c r="H421605" s="12"/>
    </row>
    <row r="421606" spans="8:8">
      <c r="H421606" s="12"/>
    </row>
    <row r="421607" spans="8:8">
      <c r="H421607" s="12"/>
    </row>
    <row r="421608" spans="8:8">
      <c r="H421608" s="12"/>
    </row>
    <row r="421609" spans="8:8">
      <c r="H421609" s="12"/>
    </row>
    <row r="421610" spans="8:8">
      <c r="H421610" s="12"/>
    </row>
    <row r="421611" spans="8:8">
      <c r="H421611" s="12"/>
    </row>
    <row r="421612" spans="8:8">
      <c r="H421612" s="12"/>
    </row>
    <row r="421613" spans="8:8">
      <c r="H421613" s="12"/>
    </row>
    <row r="421614" spans="8:8">
      <c r="H421614" s="12"/>
    </row>
    <row r="421615" spans="8:8">
      <c r="H421615" s="12"/>
    </row>
    <row r="421616" spans="8:8">
      <c r="H421616" s="12"/>
    </row>
    <row r="421617" spans="8:8">
      <c r="H421617" s="12"/>
    </row>
    <row r="421618" spans="8:8">
      <c r="H421618" s="12"/>
    </row>
    <row r="421619" spans="8:8">
      <c r="H421619" s="12"/>
    </row>
    <row r="421620" spans="8:8">
      <c r="H421620" s="12"/>
    </row>
    <row r="421621" spans="8:8">
      <c r="H421621" s="12"/>
    </row>
    <row r="421622" spans="8:8">
      <c r="H421622" s="12"/>
    </row>
    <row r="421623" spans="8:8">
      <c r="H421623" s="12"/>
    </row>
    <row r="421624" spans="8:8">
      <c r="H421624" s="12"/>
    </row>
    <row r="421625" spans="8:8">
      <c r="H421625" s="12"/>
    </row>
    <row r="421626" spans="8:8">
      <c r="H421626" s="12"/>
    </row>
    <row r="421627" spans="8:8">
      <c r="H421627" s="12"/>
    </row>
    <row r="421628" spans="8:8">
      <c r="H421628" s="12"/>
    </row>
    <row r="421629" spans="8:8">
      <c r="H421629" s="12"/>
    </row>
    <row r="421630" spans="8:8">
      <c r="H421630" s="12"/>
    </row>
    <row r="421631" spans="8:8">
      <c r="H421631" s="12"/>
    </row>
    <row r="421632" spans="8:8">
      <c r="H421632" s="12"/>
    </row>
    <row r="421633" spans="8:8">
      <c r="H421633" s="12"/>
    </row>
    <row r="421634" spans="8:8">
      <c r="H421634" s="12"/>
    </row>
    <row r="421635" spans="8:8">
      <c r="H421635" s="12"/>
    </row>
    <row r="421636" spans="8:8">
      <c r="H421636" s="12"/>
    </row>
    <row r="421637" spans="8:8">
      <c r="H421637" s="12"/>
    </row>
    <row r="421638" spans="8:8">
      <c r="H421638" s="12"/>
    </row>
    <row r="421639" spans="8:8">
      <c r="H421639" s="12"/>
    </row>
    <row r="421640" spans="8:8">
      <c r="H421640" s="12"/>
    </row>
    <row r="421641" spans="8:8">
      <c r="H421641" s="12"/>
    </row>
    <row r="421642" spans="8:8">
      <c r="H421642" s="12"/>
    </row>
    <row r="421643" spans="8:8">
      <c r="H421643" s="12"/>
    </row>
    <row r="421644" spans="8:8">
      <c r="H421644" s="12"/>
    </row>
    <row r="421645" spans="8:8">
      <c r="H421645" s="12"/>
    </row>
    <row r="421646" spans="8:8">
      <c r="H421646" s="12"/>
    </row>
    <row r="421647" spans="8:8">
      <c r="H421647" s="12"/>
    </row>
    <row r="421648" spans="8:8">
      <c r="H421648" s="12"/>
    </row>
    <row r="421649" spans="8:8">
      <c r="H421649" s="12"/>
    </row>
    <row r="421650" spans="8:8">
      <c r="H421650" s="12"/>
    </row>
    <row r="421651" spans="8:8">
      <c r="H421651" s="12"/>
    </row>
    <row r="421652" spans="8:8">
      <c r="H421652" s="12"/>
    </row>
    <row r="421653" spans="8:8">
      <c r="H421653" s="12"/>
    </row>
    <row r="421654" spans="8:8">
      <c r="H421654" s="12"/>
    </row>
    <row r="421655" spans="8:8">
      <c r="H421655" s="12"/>
    </row>
    <row r="421656" spans="8:8">
      <c r="H421656" s="12"/>
    </row>
    <row r="421657" spans="8:8">
      <c r="H421657" s="12"/>
    </row>
    <row r="421658" spans="8:8">
      <c r="H421658" s="12"/>
    </row>
    <row r="421659" spans="8:8">
      <c r="H421659" s="12"/>
    </row>
    <row r="421660" spans="8:8">
      <c r="H421660" s="12"/>
    </row>
    <row r="421661" spans="8:8">
      <c r="H421661" s="12"/>
    </row>
    <row r="421662" spans="8:8">
      <c r="H421662" s="12"/>
    </row>
    <row r="421663" spans="8:8">
      <c r="H421663" s="12"/>
    </row>
    <row r="421664" spans="8:8">
      <c r="H421664" s="12"/>
    </row>
    <row r="421665" spans="8:8">
      <c r="H421665" s="12"/>
    </row>
    <row r="421666" spans="8:8">
      <c r="H421666" s="12"/>
    </row>
    <row r="421667" spans="8:8">
      <c r="H421667" s="12"/>
    </row>
    <row r="421668" spans="8:8">
      <c r="H421668" s="12"/>
    </row>
    <row r="421669" spans="8:8">
      <c r="H421669" s="12"/>
    </row>
    <row r="421670" spans="8:8">
      <c r="H421670" s="12"/>
    </row>
    <row r="421671" spans="8:8">
      <c r="H421671" s="12"/>
    </row>
    <row r="421672" spans="8:8">
      <c r="H421672" s="12"/>
    </row>
    <row r="421673" spans="8:8">
      <c r="H421673" s="12"/>
    </row>
    <row r="421674" spans="8:8">
      <c r="H421674" s="12"/>
    </row>
    <row r="421675" spans="8:8">
      <c r="H421675" s="12"/>
    </row>
    <row r="421676" spans="8:8">
      <c r="H421676" s="12"/>
    </row>
    <row r="421677" spans="8:8">
      <c r="H421677" s="12"/>
    </row>
    <row r="421678" spans="8:8">
      <c r="H421678" s="12"/>
    </row>
    <row r="421679" spans="8:8">
      <c r="H421679" s="12"/>
    </row>
    <row r="421680" spans="8:8">
      <c r="H421680" s="12"/>
    </row>
    <row r="421681" spans="8:8">
      <c r="H421681" s="12"/>
    </row>
    <row r="421682" spans="8:8">
      <c r="H421682" s="12"/>
    </row>
    <row r="421683" spans="8:8">
      <c r="H421683" s="12"/>
    </row>
    <row r="421684" spans="8:8">
      <c r="H421684" s="12"/>
    </row>
    <row r="421685" spans="8:8">
      <c r="H421685" s="12"/>
    </row>
    <row r="421686" spans="8:8">
      <c r="H421686" s="12"/>
    </row>
    <row r="421687" spans="8:8">
      <c r="H421687" s="12"/>
    </row>
    <row r="421688" spans="8:8">
      <c r="H421688" s="12"/>
    </row>
    <row r="421689" spans="8:8">
      <c r="H421689" s="12"/>
    </row>
    <row r="421690" spans="8:8">
      <c r="H421690" s="12"/>
    </row>
    <row r="421691" spans="8:8">
      <c r="H421691" s="12"/>
    </row>
    <row r="421692" spans="8:8">
      <c r="H421692" s="12"/>
    </row>
    <row r="421693" spans="8:8">
      <c r="H421693" s="12"/>
    </row>
    <row r="421694" spans="8:8">
      <c r="H421694" s="12"/>
    </row>
    <row r="421695" spans="8:8">
      <c r="H421695" s="12"/>
    </row>
    <row r="421696" spans="8:8">
      <c r="H421696" s="12"/>
    </row>
    <row r="421697" spans="8:8">
      <c r="H421697" s="12"/>
    </row>
    <row r="421698" spans="8:8">
      <c r="H421698" s="12"/>
    </row>
    <row r="421699" spans="8:8">
      <c r="H421699" s="12"/>
    </row>
    <row r="421700" spans="8:8">
      <c r="H421700" s="12"/>
    </row>
    <row r="421701" spans="8:8">
      <c r="H421701" s="12"/>
    </row>
    <row r="421702" spans="8:8">
      <c r="H421702" s="12"/>
    </row>
    <row r="421703" spans="8:8">
      <c r="H421703" s="12"/>
    </row>
    <row r="421704" spans="8:8">
      <c r="H421704" s="12"/>
    </row>
    <row r="421705" spans="8:8">
      <c r="H421705" s="12"/>
    </row>
    <row r="421706" spans="8:8">
      <c r="H421706" s="12"/>
    </row>
    <row r="421707" spans="8:8">
      <c r="H421707" s="12"/>
    </row>
    <row r="421708" spans="8:8">
      <c r="H421708" s="12"/>
    </row>
    <row r="421709" spans="8:8">
      <c r="H421709" s="12"/>
    </row>
    <row r="421710" spans="8:8">
      <c r="H421710" s="12"/>
    </row>
    <row r="421711" spans="8:8">
      <c r="H421711" s="12"/>
    </row>
    <row r="421712" spans="8:8">
      <c r="H421712" s="12"/>
    </row>
    <row r="421713" spans="8:8">
      <c r="H421713" s="12"/>
    </row>
    <row r="421714" spans="8:8">
      <c r="H421714" s="12"/>
    </row>
    <row r="421715" spans="8:8">
      <c r="H421715" s="12"/>
    </row>
    <row r="421716" spans="8:8">
      <c r="H421716" s="12"/>
    </row>
    <row r="421717" spans="8:8">
      <c r="H421717" s="12"/>
    </row>
    <row r="421718" spans="8:8">
      <c r="H421718" s="12"/>
    </row>
    <row r="421719" spans="8:8">
      <c r="H421719" s="12"/>
    </row>
    <row r="421720" spans="8:8">
      <c r="H421720" s="12"/>
    </row>
    <row r="421721" spans="8:8">
      <c r="H421721" s="12"/>
    </row>
    <row r="421722" spans="8:8">
      <c r="H421722" s="12"/>
    </row>
    <row r="421723" spans="8:8">
      <c r="H421723" s="12"/>
    </row>
    <row r="421724" spans="8:8">
      <c r="H421724" s="12"/>
    </row>
    <row r="421725" spans="8:8">
      <c r="H421725" s="12"/>
    </row>
    <row r="421726" spans="8:8">
      <c r="H421726" s="12"/>
    </row>
    <row r="421727" spans="8:8">
      <c r="H421727" s="12"/>
    </row>
    <row r="421728" spans="8:8">
      <c r="H421728" s="12"/>
    </row>
    <row r="421729" spans="8:8">
      <c r="H421729" s="12"/>
    </row>
    <row r="421730" spans="8:8">
      <c r="H421730" s="12"/>
    </row>
    <row r="421731" spans="8:8">
      <c r="H421731" s="12"/>
    </row>
    <row r="421732" spans="8:8">
      <c r="H421732" s="12"/>
    </row>
    <row r="421733" spans="8:8">
      <c r="H421733" s="12"/>
    </row>
    <row r="421734" spans="8:8">
      <c r="H421734" s="12"/>
    </row>
    <row r="421735" spans="8:8">
      <c r="H421735" s="12"/>
    </row>
    <row r="421736" spans="8:8">
      <c r="H421736" s="12"/>
    </row>
    <row r="421737" spans="8:8">
      <c r="H421737" s="12"/>
    </row>
    <row r="421738" spans="8:8">
      <c r="H421738" s="12"/>
    </row>
    <row r="421739" spans="8:8">
      <c r="H421739" s="12"/>
    </row>
    <row r="421740" spans="8:8">
      <c r="H421740" s="12"/>
    </row>
    <row r="421741" spans="8:8">
      <c r="H421741" s="12"/>
    </row>
    <row r="421742" spans="8:8">
      <c r="H421742" s="12"/>
    </row>
    <row r="421743" spans="8:8">
      <c r="H421743" s="12"/>
    </row>
    <row r="421744" spans="8:8">
      <c r="H421744" s="12"/>
    </row>
    <row r="421745" spans="8:8">
      <c r="H421745" s="12"/>
    </row>
    <row r="421746" spans="8:8">
      <c r="H421746" s="12"/>
    </row>
    <row r="421747" spans="8:8">
      <c r="H421747" s="12"/>
    </row>
    <row r="421748" spans="8:8">
      <c r="H421748" s="12"/>
    </row>
    <row r="421749" spans="8:8">
      <c r="H421749" s="12"/>
    </row>
    <row r="421750" spans="8:8">
      <c r="H421750" s="12"/>
    </row>
    <row r="421751" spans="8:8">
      <c r="H421751" s="12"/>
    </row>
    <row r="421752" spans="8:8">
      <c r="H421752" s="12"/>
    </row>
    <row r="421753" spans="8:8">
      <c r="H421753" s="12"/>
    </row>
    <row r="421754" spans="8:8">
      <c r="H421754" s="12"/>
    </row>
    <row r="421755" spans="8:8">
      <c r="H421755" s="12"/>
    </row>
    <row r="421756" spans="8:8">
      <c r="H421756" s="12"/>
    </row>
    <row r="421757" spans="8:8">
      <c r="H421757" s="12"/>
    </row>
    <row r="421758" spans="8:8">
      <c r="H421758" s="12"/>
    </row>
    <row r="421759" spans="8:8">
      <c r="H421759" s="12"/>
    </row>
    <row r="421760" spans="8:8">
      <c r="H421760" s="12"/>
    </row>
    <row r="421761" spans="8:8">
      <c r="H421761" s="12"/>
    </row>
    <row r="421762" spans="8:8">
      <c r="H421762" s="12"/>
    </row>
    <row r="421763" spans="8:8">
      <c r="H421763" s="12"/>
    </row>
    <row r="421764" spans="8:8">
      <c r="H421764" s="12"/>
    </row>
    <row r="421765" spans="8:8">
      <c r="H421765" s="12"/>
    </row>
    <row r="421766" spans="8:8">
      <c r="H421766" s="12"/>
    </row>
    <row r="421767" spans="8:8">
      <c r="H421767" s="12"/>
    </row>
    <row r="421768" spans="8:8">
      <c r="H421768" s="12"/>
    </row>
    <row r="421769" spans="8:8">
      <c r="H421769" s="12"/>
    </row>
    <row r="421770" spans="8:8">
      <c r="H421770" s="12"/>
    </row>
    <row r="421771" spans="8:8">
      <c r="H421771" s="12"/>
    </row>
    <row r="421772" spans="8:8">
      <c r="H421772" s="12"/>
    </row>
    <row r="421773" spans="8:8">
      <c r="H421773" s="12"/>
    </row>
    <row r="421774" spans="8:8">
      <c r="H421774" s="12"/>
    </row>
    <row r="421775" spans="8:8">
      <c r="H421775" s="12"/>
    </row>
    <row r="421776" spans="8:8">
      <c r="H421776" s="12"/>
    </row>
    <row r="421777" spans="8:8">
      <c r="H421777" s="12"/>
    </row>
    <row r="421778" spans="8:8">
      <c r="H421778" s="12"/>
    </row>
    <row r="421779" spans="8:8">
      <c r="H421779" s="12"/>
    </row>
    <row r="421780" spans="8:8">
      <c r="H421780" s="12"/>
    </row>
    <row r="421781" spans="8:8">
      <c r="H421781" s="12"/>
    </row>
    <row r="421782" spans="8:8">
      <c r="H421782" s="12"/>
    </row>
    <row r="421783" spans="8:8">
      <c r="H421783" s="12"/>
    </row>
    <row r="421784" spans="8:8">
      <c r="H421784" s="12"/>
    </row>
    <row r="421785" spans="8:8">
      <c r="H421785" s="12"/>
    </row>
    <row r="421786" spans="8:8">
      <c r="H421786" s="12"/>
    </row>
    <row r="421787" spans="8:8">
      <c r="H421787" s="12"/>
    </row>
    <row r="421788" spans="8:8">
      <c r="H421788" s="12"/>
    </row>
    <row r="421789" spans="8:8">
      <c r="H421789" s="12"/>
    </row>
    <row r="421790" spans="8:8">
      <c r="H421790" s="12"/>
    </row>
    <row r="421791" spans="8:8">
      <c r="H421791" s="12"/>
    </row>
    <row r="421792" spans="8:8">
      <c r="H421792" s="12"/>
    </row>
    <row r="421793" spans="8:8">
      <c r="H421793" s="12"/>
    </row>
    <row r="421794" spans="8:8">
      <c r="H421794" s="12"/>
    </row>
    <row r="421795" spans="8:8">
      <c r="H421795" s="12"/>
    </row>
    <row r="421796" spans="8:8">
      <c r="H421796" s="12"/>
    </row>
    <row r="421797" spans="8:8">
      <c r="H421797" s="12"/>
    </row>
    <row r="421798" spans="8:8">
      <c r="H421798" s="12"/>
    </row>
    <row r="421799" spans="8:8">
      <c r="H421799" s="12"/>
    </row>
    <row r="421800" spans="8:8">
      <c r="H421800" s="12"/>
    </row>
    <row r="421801" spans="8:8">
      <c r="H421801" s="12"/>
    </row>
    <row r="421802" spans="8:8">
      <c r="H421802" s="12"/>
    </row>
    <row r="421803" spans="8:8">
      <c r="H421803" s="12"/>
    </row>
    <row r="421804" spans="8:8">
      <c r="H421804" s="12"/>
    </row>
    <row r="421805" spans="8:8">
      <c r="H421805" s="12"/>
    </row>
    <row r="421806" spans="8:8">
      <c r="H421806" s="12"/>
    </row>
    <row r="421807" spans="8:8">
      <c r="H421807" s="12"/>
    </row>
    <row r="421808" spans="8:8">
      <c r="H421808" s="12"/>
    </row>
    <row r="421809" spans="8:8">
      <c r="H421809" s="12"/>
    </row>
    <row r="421810" spans="8:8">
      <c r="H421810" s="12"/>
    </row>
    <row r="421811" spans="8:8">
      <c r="H421811" s="12"/>
    </row>
    <row r="421812" spans="8:8">
      <c r="H421812" s="12"/>
    </row>
    <row r="421813" spans="8:8">
      <c r="H421813" s="12"/>
    </row>
    <row r="421814" spans="8:8">
      <c r="H421814" s="12"/>
    </row>
    <row r="421815" spans="8:8">
      <c r="H421815" s="12"/>
    </row>
    <row r="421816" spans="8:8">
      <c r="H421816" s="12"/>
    </row>
    <row r="421817" spans="8:8">
      <c r="H421817" s="12"/>
    </row>
    <row r="421818" spans="8:8">
      <c r="H421818" s="12"/>
    </row>
    <row r="421819" spans="8:8">
      <c r="H421819" s="12"/>
    </row>
    <row r="421820" spans="8:8">
      <c r="H421820" s="12"/>
    </row>
    <row r="421821" spans="8:8">
      <c r="H421821" s="12"/>
    </row>
    <row r="421822" spans="8:8">
      <c r="H421822" s="12"/>
    </row>
    <row r="421823" spans="8:8">
      <c r="H421823" s="12"/>
    </row>
    <row r="421824" spans="8:8">
      <c r="H421824" s="12"/>
    </row>
    <row r="421825" spans="8:8">
      <c r="H421825" s="12"/>
    </row>
    <row r="421826" spans="8:8">
      <c r="H421826" s="12"/>
    </row>
    <row r="421827" spans="8:8">
      <c r="H421827" s="12"/>
    </row>
    <row r="421828" spans="8:8">
      <c r="H421828" s="12"/>
    </row>
    <row r="421829" spans="8:8">
      <c r="H421829" s="12"/>
    </row>
    <row r="421830" spans="8:8">
      <c r="H421830" s="12"/>
    </row>
    <row r="421831" spans="8:8">
      <c r="H421831" s="12"/>
    </row>
    <row r="421832" spans="8:8">
      <c r="H421832" s="12"/>
    </row>
    <row r="421833" spans="8:8">
      <c r="H421833" s="12"/>
    </row>
    <row r="421834" spans="8:8">
      <c r="H421834" s="12"/>
    </row>
    <row r="421835" spans="8:8">
      <c r="H421835" s="12"/>
    </row>
    <row r="421836" spans="8:8">
      <c r="H421836" s="12"/>
    </row>
    <row r="421837" spans="8:8">
      <c r="H421837" s="12"/>
    </row>
    <row r="421838" spans="8:8">
      <c r="H421838" s="12"/>
    </row>
    <row r="421839" spans="8:8">
      <c r="H421839" s="12"/>
    </row>
    <row r="421840" spans="8:8">
      <c r="H421840" s="12"/>
    </row>
    <row r="421841" spans="8:8">
      <c r="H421841" s="12"/>
    </row>
    <row r="421842" spans="8:8">
      <c r="H421842" s="12"/>
    </row>
    <row r="421843" spans="8:8">
      <c r="H421843" s="12"/>
    </row>
    <row r="421844" spans="8:8">
      <c r="H421844" s="12"/>
    </row>
    <row r="421845" spans="8:8">
      <c r="H421845" s="12"/>
    </row>
    <row r="421846" spans="8:8">
      <c r="H421846" s="12"/>
    </row>
    <row r="421847" spans="8:8">
      <c r="H421847" s="12"/>
    </row>
    <row r="421848" spans="8:8">
      <c r="H421848" s="12"/>
    </row>
    <row r="421849" spans="8:8">
      <c r="H421849" s="12"/>
    </row>
    <row r="421850" spans="8:8">
      <c r="H421850" s="12"/>
    </row>
    <row r="421851" spans="8:8">
      <c r="H421851" s="12"/>
    </row>
    <row r="421852" spans="8:8">
      <c r="H421852" s="12"/>
    </row>
    <row r="421853" spans="8:8">
      <c r="H421853" s="12"/>
    </row>
    <row r="421854" spans="8:8">
      <c r="H421854" s="12"/>
    </row>
    <row r="421855" spans="8:8">
      <c r="H421855" s="12"/>
    </row>
    <row r="421856" spans="8:8">
      <c r="H421856" s="12"/>
    </row>
    <row r="421857" spans="8:8">
      <c r="H421857" s="12"/>
    </row>
    <row r="421858" spans="8:8">
      <c r="H421858" s="12"/>
    </row>
    <row r="421859" spans="8:8">
      <c r="H421859" s="12"/>
    </row>
    <row r="421860" spans="8:8">
      <c r="H421860" s="12"/>
    </row>
    <row r="421861" spans="8:8">
      <c r="H421861" s="12"/>
    </row>
    <row r="421862" spans="8:8">
      <c r="H421862" s="12"/>
    </row>
    <row r="421863" spans="8:8">
      <c r="H421863" s="12"/>
    </row>
    <row r="421864" spans="8:8">
      <c r="H421864" s="12"/>
    </row>
    <row r="421865" spans="8:8">
      <c r="H421865" s="12"/>
    </row>
    <row r="421866" spans="8:8">
      <c r="H421866" s="12"/>
    </row>
    <row r="421867" spans="8:8">
      <c r="H421867" s="12"/>
    </row>
    <row r="421868" spans="8:8">
      <c r="H421868" s="12"/>
    </row>
    <row r="421869" spans="8:8">
      <c r="H421869" s="12"/>
    </row>
    <row r="421870" spans="8:8">
      <c r="H421870" s="12"/>
    </row>
    <row r="421871" spans="8:8">
      <c r="H421871" s="12"/>
    </row>
    <row r="421872" spans="8:8">
      <c r="H421872" s="12"/>
    </row>
    <row r="421873" spans="8:8">
      <c r="H421873" s="12"/>
    </row>
    <row r="421874" spans="8:8">
      <c r="H421874" s="12"/>
    </row>
    <row r="421875" spans="8:8">
      <c r="H421875" s="12"/>
    </row>
    <row r="421876" spans="8:8">
      <c r="H421876" s="12"/>
    </row>
    <row r="421877" spans="8:8">
      <c r="H421877" s="12"/>
    </row>
    <row r="421878" spans="8:8">
      <c r="H421878" s="12"/>
    </row>
    <row r="421879" spans="8:8">
      <c r="H421879" s="12"/>
    </row>
    <row r="421880" spans="8:8">
      <c r="H421880" s="12"/>
    </row>
    <row r="421881" spans="8:8">
      <c r="H421881" s="12"/>
    </row>
    <row r="421882" spans="8:8">
      <c r="H421882" s="12"/>
    </row>
    <row r="421883" spans="8:8">
      <c r="H421883" s="12"/>
    </row>
    <row r="421884" spans="8:8">
      <c r="H421884" s="12"/>
    </row>
    <row r="421885" spans="8:8">
      <c r="H421885" s="12"/>
    </row>
    <row r="421886" spans="8:8">
      <c r="H421886" s="12"/>
    </row>
    <row r="421887" spans="8:8">
      <c r="H421887" s="12"/>
    </row>
    <row r="421888" spans="8:8">
      <c r="H421888" s="12"/>
    </row>
    <row r="421889" spans="8:8">
      <c r="H421889" s="12"/>
    </row>
    <row r="421890" spans="8:8">
      <c r="H421890" s="12"/>
    </row>
    <row r="421891" spans="8:8">
      <c r="H421891" s="12"/>
    </row>
    <row r="421892" spans="8:8">
      <c r="H421892" s="12"/>
    </row>
    <row r="421893" spans="8:8">
      <c r="H421893" s="12"/>
    </row>
    <row r="421894" spans="8:8">
      <c r="H421894" s="12"/>
    </row>
    <row r="421895" spans="8:8">
      <c r="H421895" s="12"/>
    </row>
    <row r="421896" spans="8:8">
      <c r="H421896" s="12"/>
    </row>
    <row r="421897" spans="8:8">
      <c r="H421897" s="12"/>
    </row>
    <row r="421898" spans="8:8">
      <c r="H421898" s="12"/>
    </row>
    <row r="421899" spans="8:8">
      <c r="H421899" s="12"/>
    </row>
    <row r="421900" spans="8:8">
      <c r="H421900" s="12"/>
    </row>
    <row r="421901" spans="8:8">
      <c r="H421901" s="12"/>
    </row>
    <row r="421902" spans="8:8">
      <c r="H421902" s="12"/>
    </row>
    <row r="421903" spans="8:8">
      <c r="H421903" s="12"/>
    </row>
    <row r="421904" spans="8:8">
      <c r="H421904" s="12"/>
    </row>
    <row r="421905" spans="8:8">
      <c r="H421905" s="12"/>
    </row>
    <row r="421906" spans="8:8">
      <c r="H421906" s="12"/>
    </row>
    <row r="421907" spans="8:8">
      <c r="H421907" s="12"/>
    </row>
    <row r="421908" spans="8:8">
      <c r="H421908" s="12"/>
    </row>
    <row r="421909" spans="8:8">
      <c r="H421909" s="12"/>
    </row>
    <row r="421910" spans="8:8">
      <c r="H421910" s="12"/>
    </row>
    <row r="421911" spans="8:8">
      <c r="H421911" s="12"/>
    </row>
    <row r="421912" spans="8:8">
      <c r="H421912" s="12"/>
    </row>
    <row r="421913" spans="8:8">
      <c r="H421913" s="12"/>
    </row>
    <row r="421914" spans="8:8">
      <c r="H421914" s="12"/>
    </row>
    <row r="421915" spans="8:8">
      <c r="H421915" s="12"/>
    </row>
    <row r="421916" spans="8:8">
      <c r="H421916" s="12"/>
    </row>
    <row r="421917" spans="8:8">
      <c r="H421917" s="12"/>
    </row>
    <row r="421918" spans="8:8">
      <c r="H421918" s="12"/>
    </row>
    <row r="421919" spans="8:8">
      <c r="H421919" s="12"/>
    </row>
    <row r="421920" spans="8:8">
      <c r="H421920" s="12"/>
    </row>
    <row r="421921" spans="8:8">
      <c r="H421921" s="12"/>
    </row>
    <row r="421922" spans="8:8">
      <c r="H421922" s="12"/>
    </row>
    <row r="421923" spans="8:8">
      <c r="H421923" s="12"/>
    </row>
    <row r="421924" spans="8:8">
      <c r="H421924" s="12"/>
    </row>
    <row r="421925" spans="8:8">
      <c r="H421925" s="12"/>
    </row>
    <row r="421926" spans="8:8">
      <c r="H421926" s="12"/>
    </row>
    <row r="421927" spans="8:8">
      <c r="H421927" s="12"/>
    </row>
    <row r="421928" spans="8:8">
      <c r="H421928" s="12"/>
    </row>
    <row r="421929" spans="8:8">
      <c r="H421929" s="12"/>
    </row>
    <row r="421930" spans="8:8">
      <c r="H421930" s="12"/>
    </row>
    <row r="421931" spans="8:8">
      <c r="H421931" s="12"/>
    </row>
    <row r="421932" spans="8:8">
      <c r="H421932" s="12"/>
    </row>
    <row r="421933" spans="8:8">
      <c r="H421933" s="12"/>
    </row>
    <row r="421934" spans="8:8">
      <c r="H421934" s="12"/>
    </row>
    <row r="421935" spans="8:8">
      <c r="H421935" s="12"/>
    </row>
    <row r="421936" spans="8:8">
      <c r="H421936" s="12"/>
    </row>
    <row r="421937" spans="8:8">
      <c r="H421937" s="12"/>
    </row>
    <row r="421938" spans="8:8">
      <c r="H421938" s="12"/>
    </row>
    <row r="421939" spans="8:8">
      <c r="H421939" s="12"/>
    </row>
    <row r="421940" spans="8:8">
      <c r="H421940" s="12"/>
    </row>
    <row r="421941" spans="8:8">
      <c r="H421941" s="12"/>
    </row>
    <row r="421942" spans="8:8">
      <c r="H421942" s="12"/>
    </row>
    <row r="421943" spans="8:8">
      <c r="H421943" s="12"/>
    </row>
    <row r="421944" spans="8:8">
      <c r="H421944" s="12"/>
    </row>
    <row r="421945" spans="8:8">
      <c r="H421945" s="12"/>
    </row>
    <row r="421946" spans="8:8">
      <c r="H421946" s="12"/>
    </row>
    <row r="421947" spans="8:8">
      <c r="H421947" s="12"/>
    </row>
    <row r="421948" spans="8:8">
      <c r="H421948" s="12"/>
    </row>
    <row r="421949" spans="8:8">
      <c r="H421949" s="12"/>
    </row>
    <row r="421950" spans="8:8">
      <c r="H421950" s="12"/>
    </row>
    <row r="421951" spans="8:8">
      <c r="H421951" s="12"/>
    </row>
    <row r="421952" spans="8:8">
      <c r="H421952" s="12"/>
    </row>
    <row r="421953" spans="8:8">
      <c r="H421953" s="12"/>
    </row>
    <row r="421954" spans="8:8">
      <c r="H421954" s="12"/>
    </row>
    <row r="421955" spans="8:8">
      <c r="H421955" s="12"/>
    </row>
    <row r="421956" spans="8:8">
      <c r="H421956" s="12"/>
    </row>
    <row r="421957" spans="8:8">
      <c r="H421957" s="12"/>
    </row>
    <row r="421958" spans="8:8">
      <c r="H421958" s="12"/>
    </row>
    <row r="421959" spans="8:8">
      <c r="H421959" s="12"/>
    </row>
    <row r="421960" spans="8:8">
      <c r="H421960" s="12"/>
    </row>
    <row r="421961" spans="8:8">
      <c r="H421961" s="12"/>
    </row>
    <row r="421962" spans="8:8">
      <c r="H421962" s="12"/>
    </row>
    <row r="421963" spans="8:8">
      <c r="H421963" s="12"/>
    </row>
    <row r="421964" spans="8:8">
      <c r="H421964" s="12"/>
    </row>
    <row r="421965" spans="8:8">
      <c r="H421965" s="12"/>
    </row>
    <row r="421966" spans="8:8">
      <c r="H421966" s="12"/>
    </row>
    <row r="421967" spans="8:8">
      <c r="H421967" s="12"/>
    </row>
    <row r="421968" spans="8:8">
      <c r="H421968" s="12"/>
    </row>
    <row r="421969" spans="8:8">
      <c r="H421969" s="12"/>
    </row>
    <row r="421970" spans="8:8">
      <c r="H421970" s="12"/>
    </row>
    <row r="421971" spans="8:8">
      <c r="H421971" s="12"/>
    </row>
    <row r="421972" spans="8:8">
      <c r="H421972" s="12"/>
    </row>
    <row r="421973" spans="8:8">
      <c r="H421973" s="12"/>
    </row>
    <row r="421974" spans="8:8">
      <c r="H421974" s="12"/>
    </row>
    <row r="421975" spans="8:8">
      <c r="H421975" s="12"/>
    </row>
    <row r="421976" spans="8:8">
      <c r="H421976" s="12"/>
    </row>
    <row r="421977" spans="8:8">
      <c r="H421977" s="12"/>
    </row>
    <row r="421978" spans="8:8">
      <c r="H421978" s="12"/>
    </row>
    <row r="421979" spans="8:8">
      <c r="H421979" s="12"/>
    </row>
    <row r="421980" spans="8:8">
      <c r="H421980" s="12"/>
    </row>
    <row r="421981" spans="8:8">
      <c r="H421981" s="12"/>
    </row>
    <row r="421982" spans="8:8">
      <c r="H421982" s="12"/>
    </row>
    <row r="421983" spans="8:8">
      <c r="H421983" s="12"/>
    </row>
    <row r="421984" spans="8:8">
      <c r="H421984" s="12"/>
    </row>
    <row r="421985" spans="8:8">
      <c r="H421985" s="12"/>
    </row>
    <row r="421986" spans="8:8">
      <c r="H421986" s="12"/>
    </row>
    <row r="421987" spans="8:8">
      <c r="H421987" s="12"/>
    </row>
    <row r="421988" spans="8:8">
      <c r="H421988" s="12"/>
    </row>
    <row r="421989" spans="8:8">
      <c r="H421989" s="12"/>
    </row>
    <row r="421990" spans="8:8">
      <c r="H421990" s="12"/>
    </row>
    <row r="421991" spans="8:8">
      <c r="H421991" s="12"/>
    </row>
    <row r="421992" spans="8:8">
      <c r="H421992" s="12"/>
    </row>
    <row r="421993" spans="8:8">
      <c r="H421993" s="12"/>
    </row>
    <row r="421994" spans="8:8">
      <c r="H421994" s="12"/>
    </row>
    <row r="421995" spans="8:8">
      <c r="H421995" s="12"/>
    </row>
    <row r="421996" spans="8:8">
      <c r="H421996" s="12"/>
    </row>
    <row r="421997" spans="8:8">
      <c r="H421997" s="12"/>
    </row>
    <row r="421998" spans="8:8">
      <c r="H421998" s="12"/>
    </row>
    <row r="421999" spans="8:8">
      <c r="H421999" s="12"/>
    </row>
    <row r="422000" spans="8:8">
      <c r="H422000" s="12"/>
    </row>
    <row r="422001" spans="8:8">
      <c r="H422001" s="12"/>
    </row>
    <row r="422002" spans="8:8">
      <c r="H422002" s="12"/>
    </row>
    <row r="422003" spans="8:8">
      <c r="H422003" s="12"/>
    </row>
    <row r="422004" spans="8:8">
      <c r="H422004" s="12"/>
    </row>
    <row r="422005" spans="8:8">
      <c r="H422005" s="12"/>
    </row>
    <row r="422006" spans="8:8">
      <c r="H422006" s="12"/>
    </row>
    <row r="422007" spans="8:8">
      <c r="H422007" s="12"/>
    </row>
    <row r="422008" spans="8:8">
      <c r="H422008" s="12"/>
    </row>
    <row r="422009" spans="8:8">
      <c r="H422009" s="12"/>
    </row>
    <row r="422010" spans="8:8">
      <c r="H422010" s="12"/>
    </row>
    <row r="422011" spans="8:8">
      <c r="H422011" s="12"/>
    </row>
    <row r="422012" spans="8:8">
      <c r="H422012" s="12"/>
    </row>
    <row r="422013" spans="8:8">
      <c r="H422013" s="12"/>
    </row>
    <row r="422014" spans="8:8">
      <c r="H422014" s="12"/>
    </row>
    <row r="422015" spans="8:8">
      <c r="H422015" s="12"/>
    </row>
    <row r="422016" spans="8:8">
      <c r="H422016" s="12"/>
    </row>
    <row r="422017" spans="8:8">
      <c r="H422017" s="12"/>
    </row>
    <row r="422018" spans="8:8">
      <c r="H422018" s="12"/>
    </row>
    <row r="422019" spans="8:8">
      <c r="H422019" s="12"/>
    </row>
    <row r="422020" spans="8:8">
      <c r="H422020" s="12"/>
    </row>
    <row r="422021" spans="8:8">
      <c r="H422021" s="12"/>
    </row>
    <row r="422022" spans="8:8">
      <c r="H422022" s="12"/>
    </row>
    <row r="422023" spans="8:8">
      <c r="H422023" s="12"/>
    </row>
    <row r="422024" spans="8:8">
      <c r="H422024" s="12"/>
    </row>
    <row r="422025" spans="8:8">
      <c r="H422025" s="12"/>
    </row>
    <row r="422026" spans="8:8">
      <c r="H422026" s="12"/>
    </row>
    <row r="422027" spans="8:8">
      <c r="H422027" s="12"/>
    </row>
    <row r="422028" spans="8:8">
      <c r="H422028" s="12"/>
    </row>
    <row r="422029" spans="8:8">
      <c r="H422029" s="12"/>
    </row>
    <row r="422030" spans="8:8">
      <c r="H422030" s="12"/>
    </row>
    <row r="422031" spans="8:8">
      <c r="H422031" s="12"/>
    </row>
    <row r="422032" spans="8:8">
      <c r="H422032" s="12"/>
    </row>
    <row r="422033" spans="8:8">
      <c r="H422033" s="12"/>
    </row>
    <row r="422034" spans="8:8">
      <c r="H422034" s="12"/>
    </row>
    <row r="422035" spans="8:8">
      <c r="H422035" s="12"/>
    </row>
    <row r="422036" spans="8:8">
      <c r="H422036" s="12"/>
    </row>
    <row r="422037" spans="8:8">
      <c r="H422037" s="12"/>
    </row>
    <row r="422038" spans="8:8">
      <c r="H422038" s="12"/>
    </row>
    <row r="422039" spans="8:8">
      <c r="H422039" s="12"/>
    </row>
    <row r="422040" spans="8:8">
      <c r="H422040" s="12"/>
    </row>
    <row r="422041" spans="8:8">
      <c r="H422041" s="12"/>
    </row>
    <row r="422042" spans="8:8">
      <c r="H422042" s="12"/>
    </row>
    <row r="422043" spans="8:8">
      <c r="H422043" s="12"/>
    </row>
    <row r="422044" spans="8:8">
      <c r="H422044" s="12"/>
    </row>
    <row r="422045" spans="8:8">
      <c r="H422045" s="12"/>
    </row>
    <row r="422046" spans="8:8">
      <c r="H422046" s="12"/>
    </row>
    <row r="422047" spans="8:8">
      <c r="H422047" s="12"/>
    </row>
    <row r="422048" spans="8:8">
      <c r="H422048" s="12"/>
    </row>
    <row r="422049" spans="8:8">
      <c r="H422049" s="12"/>
    </row>
    <row r="422050" spans="8:8">
      <c r="H422050" s="12"/>
    </row>
    <row r="422051" spans="8:8">
      <c r="H422051" s="12"/>
    </row>
    <row r="422052" spans="8:8">
      <c r="H422052" s="12"/>
    </row>
    <row r="422053" spans="8:8">
      <c r="H422053" s="12"/>
    </row>
    <row r="422054" spans="8:8">
      <c r="H422054" s="12"/>
    </row>
    <row r="422055" spans="8:8">
      <c r="H422055" s="12"/>
    </row>
    <row r="422056" spans="8:8">
      <c r="H422056" s="12"/>
    </row>
    <row r="422057" spans="8:8">
      <c r="H422057" s="12"/>
    </row>
    <row r="422058" spans="8:8">
      <c r="H422058" s="12"/>
    </row>
    <row r="422059" spans="8:8">
      <c r="H422059" s="12"/>
    </row>
    <row r="422060" spans="8:8">
      <c r="H422060" s="12"/>
    </row>
    <row r="422061" spans="8:8">
      <c r="H422061" s="12"/>
    </row>
    <row r="422062" spans="8:8">
      <c r="H422062" s="12"/>
    </row>
    <row r="422063" spans="8:8">
      <c r="H422063" s="12"/>
    </row>
    <row r="422064" spans="8:8">
      <c r="H422064" s="12"/>
    </row>
    <row r="422065" spans="8:8">
      <c r="H422065" s="12"/>
    </row>
    <row r="422066" spans="8:8">
      <c r="H422066" s="12"/>
    </row>
    <row r="422067" spans="8:8">
      <c r="H422067" s="12"/>
    </row>
    <row r="422068" spans="8:8">
      <c r="H422068" s="12"/>
    </row>
    <row r="422069" spans="8:8">
      <c r="H422069" s="12"/>
    </row>
    <row r="422070" spans="8:8">
      <c r="H422070" s="12"/>
    </row>
    <row r="422071" spans="8:8">
      <c r="H422071" s="12"/>
    </row>
    <row r="422072" spans="8:8">
      <c r="H422072" s="12"/>
    </row>
    <row r="422073" spans="8:8">
      <c r="H422073" s="12"/>
    </row>
    <row r="422074" spans="8:8">
      <c r="H422074" s="12"/>
    </row>
    <row r="422075" spans="8:8">
      <c r="H422075" s="12"/>
    </row>
    <row r="422076" spans="8:8">
      <c r="H422076" s="12"/>
    </row>
    <row r="422077" spans="8:8">
      <c r="H422077" s="12"/>
    </row>
    <row r="422078" spans="8:8">
      <c r="H422078" s="12"/>
    </row>
    <row r="422079" spans="8:8">
      <c r="H422079" s="12"/>
    </row>
    <row r="422080" spans="8:8">
      <c r="H422080" s="12"/>
    </row>
    <row r="422081" spans="8:8">
      <c r="H422081" s="12"/>
    </row>
    <row r="422082" spans="8:8">
      <c r="H422082" s="12"/>
    </row>
    <row r="422083" spans="8:8">
      <c r="H422083" s="12"/>
    </row>
    <row r="422084" spans="8:8">
      <c r="H422084" s="12"/>
    </row>
    <row r="422085" spans="8:8">
      <c r="H422085" s="12"/>
    </row>
    <row r="422086" spans="8:8">
      <c r="H422086" s="12"/>
    </row>
    <row r="422087" spans="8:8">
      <c r="H422087" s="12"/>
    </row>
    <row r="422088" spans="8:8">
      <c r="H422088" s="12"/>
    </row>
    <row r="422089" spans="8:8">
      <c r="H422089" s="12"/>
    </row>
    <row r="422090" spans="8:8">
      <c r="H422090" s="12"/>
    </row>
    <row r="422091" spans="8:8">
      <c r="H422091" s="12"/>
    </row>
    <row r="422092" spans="8:8">
      <c r="H422092" s="12"/>
    </row>
    <row r="422093" spans="8:8">
      <c r="H422093" s="12"/>
    </row>
    <row r="422094" spans="8:8">
      <c r="H422094" s="12"/>
    </row>
    <row r="422095" spans="8:8">
      <c r="H422095" s="12"/>
    </row>
    <row r="422096" spans="8:8">
      <c r="H422096" s="12"/>
    </row>
    <row r="422097" spans="8:8">
      <c r="H422097" s="12"/>
    </row>
    <row r="422098" spans="8:8">
      <c r="H422098" s="12"/>
    </row>
    <row r="422099" spans="8:8">
      <c r="H422099" s="12"/>
    </row>
    <row r="422100" spans="8:8">
      <c r="H422100" s="12"/>
    </row>
    <row r="422101" spans="8:8">
      <c r="H422101" s="12"/>
    </row>
    <row r="422102" spans="8:8">
      <c r="H422102" s="12"/>
    </row>
    <row r="422103" spans="8:8">
      <c r="H422103" s="12"/>
    </row>
    <row r="422104" spans="8:8">
      <c r="H422104" s="12"/>
    </row>
    <row r="422105" spans="8:8">
      <c r="H422105" s="12"/>
    </row>
    <row r="422106" spans="8:8">
      <c r="H422106" s="12"/>
    </row>
    <row r="422107" spans="8:8">
      <c r="H422107" s="12"/>
    </row>
    <row r="422108" spans="8:8">
      <c r="H422108" s="12"/>
    </row>
    <row r="422109" spans="8:8">
      <c r="H422109" s="12"/>
    </row>
    <row r="422110" spans="8:8">
      <c r="H422110" s="12"/>
    </row>
    <row r="422111" spans="8:8">
      <c r="H422111" s="12"/>
    </row>
    <row r="422112" spans="8:8">
      <c r="H422112" s="12"/>
    </row>
    <row r="422113" spans="8:8">
      <c r="H422113" s="12"/>
    </row>
    <row r="422114" spans="8:8">
      <c r="H422114" s="12"/>
    </row>
    <row r="422115" spans="8:8">
      <c r="H422115" s="12"/>
    </row>
    <row r="422116" spans="8:8">
      <c r="H422116" s="12"/>
    </row>
    <row r="422117" spans="8:8">
      <c r="H422117" s="12"/>
    </row>
    <row r="422118" spans="8:8">
      <c r="H422118" s="12"/>
    </row>
    <row r="422119" spans="8:8">
      <c r="H422119" s="12"/>
    </row>
    <row r="422120" spans="8:8">
      <c r="H422120" s="12"/>
    </row>
    <row r="422121" spans="8:8">
      <c r="H422121" s="12"/>
    </row>
    <row r="422122" spans="8:8">
      <c r="H422122" s="12"/>
    </row>
    <row r="422123" spans="8:8">
      <c r="H422123" s="12"/>
    </row>
    <row r="422124" spans="8:8">
      <c r="H422124" s="12"/>
    </row>
    <row r="422125" spans="8:8">
      <c r="H422125" s="12"/>
    </row>
    <row r="422126" spans="8:8">
      <c r="H422126" s="12"/>
    </row>
    <row r="422127" spans="8:8">
      <c r="H422127" s="12"/>
    </row>
    <row r="422128" spans="8:8">
      <c r="H422128" s="12"/>
    </row>
    <row r="422129" spans="8:8">
      <c r="H422129" s="12"/>
    </row>
    <row r="422130" spans="8:8">
      <c r="H422130" s="12"/>
    </row>
    <row r="422131" spans="8:8">
      <c r="H422131" s="12"/>
    </row>
    <row r="422132" spans="8:8">
      <c r="H422132" s="12"/>
    </row>
    <row r="422133" spans="8:8">
      <c r="H422133" s="12"/>
    </row>
    <row r="422134" spans="8:8">
      <c r="H422134" s="12"/>
    </row>
    <row r="422135" spans="8:8">
      <c r="H422135" s="12"/>
    </row>
    <row r="422136" spans="8:8">
      <c r="H422136" s="12"/>
    </row>
    <row r="422137" spans="8:8">
      <c r="H422137" s="12"/>
    </row>
    <row r="422138" spans="8:8">
      <c r="H422138" s="12"/>
    </row>
    <row r="422139" spans="8:8">
      <c r="H422139" s="12"/>
    </row>
    <row r="422140" spans="8:8">
      <c r="H422140" s="12"/>
    </row>
    <row r="422141" spans="8:8">
      <c r="H422141" s="12"/>
    </row>
    <row r="422142" spans="8:8">
      <c r="H422142" s="12"/>
    </row>
    <row r="422143" spans="8:8">
      <c r="H422143" s="12"/>
    </row>
    <row r="422144" spans="8:8">
      <c r="H422144" s="12"/>
    </row>
    <row r="422145" spans="8:8">
      <c r="H422145" s="12"/>
    </row>
    <row r="422146" spans="8:8">
      <c r="H422146" s="12"/>
    </row>
    <row r="422147" spans="8:8">
      <c r="H422147" s="12"/>
    </row>
    <row r="422148" spans="8:8">
      <c r="H422148" s="12"/>
    </row>
    <row r="422149" spans="8:8">
      <c r="H422149" s="12"/>
    </row>
    <row r="422150" spans="8:8">
      <c r="H422150" s="12"/>
    </row>
    <row r="422151" spans="8:8">
      <c r="H422151" s="12"/>
    </row>
    <row r="422152" spans="8:8">
      <c r="H422152" s="12"/>
    </row>
    <row r="422153" spans="8:8">
      <c r="H422153" s="12"/>
    </row>
    <row r="422154" spans="8:8">
      <c r="H422154" s="12"/>
    </row>
    <row r="422155" spans="8:8">
      <c r="H422155" s="12"/>
    </row>
    <row r="422156" spans="8:8">
      <c r="H422156" s="12"/>
    </row>
    <row r="422157" spans="8:8">
      <c r="H422157" s="12"/>
    </row>
    <row r="422158" spans="8:8">
      <c r="H422158" s="12"/>
    </row>
    <row r="422159" spans="8:8">
      <c r="H422159" s="12"/>
    </row>
    <row r="422160" spans="8:8">
      <c r="H422160" s="12"/>
    </row>
    <row r="422161" spans="8:8">
      <c r="H422161" s="12"/>
    </row>
    <row r="422162" spans="8:8">
      <c r="H422162" s="12"/>
    </row>
    <row r="422163" spans="8:8">
      <c r="H422163" s="12"/>
    </row>
    <row r="422164" spans="8:8">
      <c r="H422164" s="12"/>
    </row>
    <row r="422165" spans="8:8">
      <c r="H422165" s="12"/>
    </row>
    <row r="422166" spans="8:8">
      <c r="H422166" s="12"/>
    </row>
    <row r="422167" spans="8:8">
      <c r="H422167" s="12"/>
    </row>
    <row r="422168" spans="8:8">
      <c r="H422168" s="12"/>
    </row>
    <row r="422169" spans="8:8">
      <c r="H422169" s="12"/>
    </row>
    <row r="422170" spans="8:8">
      <c r="H422170" s="12"/>
    </row>
    <row r="422171" spans="8:8">
      <c r="H422171" s="12"/>
    </row>
    <row r="422172" spans="8:8">
      <c r="H422172" s="12"/>
    </row>
    <row r="422173" spans="8:8">
      <c r="H422173" s="12"/>
    </row>
    <row r="422174" spans="8:8">
      <c r="H422174" s="12"/>
    </row>
    <row r="422175" spans="8:8">
      <c r="H422175" s="12"/>
    </row>
    <row r="422176" spans="8:8">
      <c r="H422176" s="12"/>
    </row>
    <row r="422177" spans="8:8">
      <c r="H422177" s="12"/>
    </row>
    <row r="422178" spans="8:8">
      <c r="H422178" s="12"/>
    </row>
    <row r="422179" spans="8:8">
      <c r="H422179" s="12"/>
    </row>
    <row r="422180" spans="8:8">
      <c r="H422180" s="12"/>
    </row>
    <row r="422181" spans="8:8">
      <c r="H422181" s="12"/>
    </row>
    <row r="422182" spans="8:8">
      <c r="H422182" s="12"/>
    </row>
    <row r="422183" spans="8:8">
      <c r="H422183" s="12"/>
    </row>
    <row r="422184" spans="8:8">
      <c r="H422184" s="12"/>
    </row>
    <row r="422185" spans="8:8">
      <c r="H422185" s="12"/>
    </row>
    <row r="422186" spans="8:8">
      <c r="H422186" s="12"/>
    </row>
    <row r="422187" spans="8:8">
      <c r="H422187" s="12"/>
    </row>
    <row r="422188" spans="8:8">
      <c r="H422188" s="12"/>
    </row>
    <row r="422189" spans="8:8">
      <c r="H422189" s="12"/>
    </row>
    <row r="422190" spans="8:8">
      <c r="H422190" s="12"/>
    </row>
    <row r="422191" spans="8:8">
      <c r="H422191" s="12"/>
    </row>
    <row r="422192" spans="8:8">
      <c r="H422192" s="12"/>
    </row>
    <row r="422193" spans="8:8">
      <c r="H422193" s="12"/>
    </row>
    <row r="422194" spans="8:8">
      <c r="H422194" s="12"/>
    </row>
    <row r="422195" spans="8:8">
      <c r="H422195" s="12"/>
    </row>
    <row r="422196" spans="8:8">
      <c r="H422196" s="12"/>
    </row>
    <row r="422197" spans="8:8">
      <c r="H422197" s="12"/>
    </row>
    <row r="422198" spans="8:8">
      <c r="H422198" s="12"/>
    </row>
    <row r="422199" spans="8:8">
      <c r="H422199" s="12"/>
    </row>
    <row r="422200" spans="8:8">
      <c r="H422200" s="12"/>
    </row>
    <row r="422201" spans="8:8">
      <c r="H422201" s="12"/>
    </row>
    <row r="422202" spans="8:8">
      <c r="H422202" s="12"/>
    </row>
    <row r="422203" spans="8:8">
      <c r="H422203" s="12"/>
    </row>
    <row r="422204" spans="8:8">
      <c r="H422204" s="12"/>
    </row>
    <row r="422205" spans="8:8">
      <c r="H422205" s="12"/>
    </row>
    <row r="422206" spans="8:8">
      <c r="H422206" s="12"/>
    </row>
    <row r="422207" spans="8:8">
      <c r="H422207" s="12"/>
    </row>
    <row r="422208" spans="8:8">
      <c r="H422208" s="12"/>
    </row>
    <row r="422209" spans="8:8">
      <c r="H422209" s="12"/>
    </row>
    <row r="422210" spans="8:8">
      <c r="H422210" s="12"/>
    </row>
    <row r="422211" spans="8:8">
      <c r="H422211" s="12"/>
    </row>
    <row r="422212" spans="8:8">
      <c r="H422212" s="12"/>
    </row>
    <row r="422213" spans="8:8">
      <c r="H422213" s="12"/>
    </row>
    <row r="422214" spans="8:8">
      <c r="H422214" s="12"/>
    </row>
    <row r="422215" spans="8:8">
      <c r="H422215" s="12"/>
    </row>
    <row r="422216" spans="8:8">
      <c r="H422216" s="12"/>
    </row>
    <row r="422217" spans="8:8">
      <c r="H422217" s="12"/>
    </row>
    <row r="422218" spans="8:8">
      <c r="H422218" s="12"/>
    </row>
    <row r="422219" spans="8:8">
      <c r="H422219" s="12"/>
    </row>
    <row r="422220" spans="8:8">
      <c r="H422220" s="12"/>
    </row>
    <row r="422221" spans="8:8">
      <c r="H422221" s="12"/>
    </row>
    <row r="422222" spans="8:8">
      <c r="H422222" s="12"/>
    </row>
    <row r="422223" spans="8:8">
      <c r="H422223" s="12"/>
    </row>
    <row r="422224" spans="8:8">
      <c r="H422224" s="12"/>
    </row>
    <row r="422225" spans="8:8">
      <c r="H422225" s="12"/>
    </row>
    <row r="422226" spans="8:8">
      <c r="H422226" s="12"/>
    </row>
    <row r="422227" spans="8:8">
      <c r="H422227" s="12"/>
    </row>
    <row r="422228" spans="8:8">
      <c r="H422228" s="12"/>
    </row>
    <row r="422229" spans="8:8">
      <c r="H422229" s="12"/>
    </row>
    <row r="422230" spans="8:8">
      <c r="H422230" s="12"/>
    </row>
    <row r="422231" spans="8:8">
      <c r="H422231" s="12"/>
    </row>
    <row r="422232" spans="8:8">
      <c r="H422232" s="12"/>
    </row>
    <row r="422233" spans="8:8">
      <c r="H422233" s="12"/>
    </row>
    <row r="422234" spans="8:8">
      <c r="H422234" s="12"/>
    </row>
    <row r="422235" spans="8:8">
      <c r="H422235" s="12"/>
    </row>
    <row r="422236" spans="8:8">
      <c r="H422236" s="12"/>
    </row>
    <row r="422237" spans="8:8">
      <c r="H422237" s="12"/>
    </row>
    <row r="422238" spans="8:8">
      <c r="H422238" s="12"/>
    </row>
    <row r="422239" spans="8:8">
      <c r="H422239" s="12"/>
    </row>
    <row r="422240" spans="8:8">
      <c r="H422240" s="12"/>
    </row>
    <row r="422241" spans="8:8">
      <c r="H422241" s="12"/>
    </row>
    <row r="422242" spans="8:8">
      <c r="H422242" s="12"/>
    </row>
    <row r="422243" spans="8:8">
      <c r="H422243" s="12"/>
    </row>
    <row r="422244" spans="8:8">
      <c r="H422244" s="12"/>
    </row>
    <row r="422245" spans="8:8">
      <c r="H422245" s="12"/>
    </row>
    <row r="422246" spans="8:8">
      <c r="H422246" s="12"/>
    </row>
    <row r="422247" spans="8:8">
      <c r="H422247" s="12"/>
    </row>
    <row r="422248" spans="8:8">
      <c r="H422248" s="12"/>
    </row>
    <row r="422249" spans="8:8">
      <c r="H422249" s="12"/>
    </row>
    <row r="422250" spans="8:8">
      <c r="H422250" s="12"/>
    </row>
    <row r="422251" spans="8:8">
      <c r="H422251" s="12"/>
    </row>
    <row r="422252" spans="8:8">
      <c r="H422252" s="12"/>
    </row>
    <row r="422253" spans="8:8">
      <c r="H422253" s="12"/>
    </row>
    <row r="422254" spans="8:8">
      <c r="H422254" s="12"/>
    </row>
    <row r="422255" spans="8:8">
      <c r="H422255" s="12"/>
    </row>
    <row r="422256" spans="8:8">
      <c r="H422256" s="12"/>
    </row>
    <row r="422257" spans="8:8">
      <c r="H422257" s="12"/>
    </row>
    <row r="422258" spans="8:8">
      <c r="H422258" s="12"/>
    </row>
    <row r="422259" spans="8:8">
      <c r="H422259" s="12"/>
    </row>
    <row r="422260" spans="8:8">
      <c r="H422260" s="12"/>
    </row>
    <row r="422261" spans="8:8">
      <c r="H422261" s="12"/>
    </row>
    <row r="422262" spans="8:8">
      <c r="H422262" s="12"/>
    </row>
    <row r="422263" spans="8:8">
      <c r="H422263" s="12"/>
    </row>
    <row r="422264" spans="8:8">
      <c r="H422264" s="12"/>
    </row>
    <row r="422265" spans="8:8">
      <c r="H422265" s="12"/>
    </row>
    <row r="422266" spans="8:8">
      <c r="H422266" s="12"/>
    </row>
    <row r="422267" spans="8:8">
      <c r="H422267" s="12"/>
    </row>
    <row r="422268" spans="8:8">
      <c r="H422268" s="12"/>
    </row>
    <row r="422269" spans="8:8">
      <c r="H422269" s="12"/>
    </row>
    <row r="422270" spans="8:8">
      <c r="H422270" s="12"/>
    </row>
    <row r="422271" spans="8:8">
      <c r="H422271" s="12"/>
    </row>
    <row r="422272" spans="8:8">
      <c r="H422272" s="12"/>
    </row>
    <row r="422273" spans="8:8">
      <c r="H422273" s="12"/>
    </row>
    <row r="422274" spans="8:8">
      <c r="H422274" s="12"/>
    </row>
    <row r="422275" spans="8:8">
      <c r="H422275" s="12"/>
    </row>
    <row r="422276" spans="8:8">
      <c r="H422276" s="12"/>
    </row>
    <row r="422277" spans="8:8">
      <c r="H422277" s="12"/>
    </row>
    <row r="422278" spans="8:8">
      <c r="H422278" s="12"/>
    </row>
    <row r="422279" spans="8:8">
      <c r="H422279" s="12"/>
    </row>
    <row r="422280" spans="8:8">
      <c r="H422280" s="12"/>
    </row>
    <row r="422281" spans="8:8">
      <c r="H422281" s="12"/>
    </row>
    <row r="422282" spans="8:8">
      <c r="H422282" s="12"/>
    </row>
    <row r="422283" spans="8:8">
      <c r="H422283" s="12"/>
    </row>
    <row r="422284" spans="8:8">
      <c r="H422284" s="12"/>
    </row>
    <row r="422285" spans="8:8">
      <c r="H422285" s="12"/>
    </row>
    <row r="422286" spans="8:8">
      <c r="H422286" s="12"/>
    </row>
    <row r="422287" spans="8:8">
      <c r="H422287" s="12"/>
    </row>
    <row r="422288" spans="8:8">
      <c r="H422288" s="12"/>
    </row>
    <row r="422289" spans="8:8">
      <c r="H422289" s="12"/>
    </row>
    <row r="422290" spans="8:8">
      <c r="H422290" s="12"/>
    </row>
    <row r="422291" spans="8:8">
      <c r="H422291" s="12"/>
    </row>
    <row r="422292" spans="8:8">
      <c r="H422292" s="12"/>
    </row>
    <row r="422293" spans="8:8">
      <c r="H422293" s="12"/>
    </row>
    <row r="422294" spans="8:8">
      <c r="H422294" s="12"/>
    </row>
    <row r="422295" spans="8:8">
      <c r="H422295" s="12"/>
    </row>
    <row r="422296" spans="8:8">
      <c r="H422296" s="12"/>
    </row>
    <row r="422297" spans="8:8">
      <c r="H422297" s="12"/>
    </row>
    <row r="422298" spans="8:8">
      <c r="H422298" s="12"/>
    </row>
    <row r="422299" spans="8:8">
      <c r="H422299" s="12"/>
    </row>
    <row r="422300" spans="8:8">
      <c r="H422300" s="12"/>
    </row>
    <row r="422301" spans="8:8">
      <c r="H422301" s="12"/>
    </row>
    <row r="422302" spans="8:8">
      <c r="H422302" s="12"/>
    </row>
    <row r="422303" spans="8:8">
      <c r="H422303" s="12"/>
    </row>
    <row r="422304" spans="8:8">
      <c r="H422304" s="12"/>
    </row>
    <row r="422305" spans="8:8">
      <c r="H422305" s="12"/>
    </row>
    <row r="422306" spans="8:8">
      <c r="H422306" s="12"/>
    </row>
    <row r="422307" spans="8:8">
      <c r="H422307" s="12"/>
    </row>
    <row r="422308" spans="8:8">
      <c r="H422308" s="12"/>
    </row>
    <row r="422309" spans="8:8">
      <c r="H422309" s="12"/>
    </row>
    <row r="422310" spans="8:8">
      <c r="H422310" s="12"/>
    </row>
    <row r="422311" spans="8:8">
      <c r="H422311" s="12"/>
    </row>
    <row r="422312" spans="8:8">
      <c r="H422312" s="12"/>
    </row>
    <row r="422313" spans="8:8">
      <c r="H422313" s="12"/>
    </row>
    <row r="422314" spans="8:8">
      <c r="H422314" s="12"/>
    </row>
    <row r="422315" spans="8:8">
      <c r="H422315" s="12"/>
    </row>
    <row r="422316" spans="8:8">
      <c r="H422316" s="12"/>
    </row>
    <row r="422317" spans="8:8">
      <c r="H422317" s="12"/>
    </row>
    <row r="422318" spans="8:8">
      <c r="H422318" s="12"/>
    </row>
    <row r="422319" spans="8:8">
      <c r="H422319" s="12"/>
    </row>
    <row r="422320" spans="8:8">
      <c r="H422320" s="12"/>
    </row>
    <row r="422321" spans="8:8">
      <c r="H422321" s="12"/>
    </row>
    <row r="422322" spans="8:8">
      <c r="H422322" s="12"/>
    </row>
    <row r="422323" spans="8:8">
      <c r="H422323" s="12"/>
    </row>
    <row r="422324" spans="8:8">
      <c r="H422324" s="12"/>
    </row>
    <row r="422325" spans="8:8">
      <c r="H422325" s="12"/>
    </row>
    <row r="422326" spans="8:8">
      <c r="H422326" s="12"/>
    </row>
    <row r="422327" spans="8:8">
      <c r="H422327" s="12"/>
    </row>
    <row r="422328" spans="8:8">
      <c r="H422328" s="12"/>
    </row>
    <row r="422329" spans="8:8">
      <c r="H422329" s="12"/>
    </row>
    <row r="422330" spans="8:8">
      <c r="H422330" s="12"/>
    </row>
    <row r="422331" spans="8:8">
      <c r="H422331" s="12"/>
    </row>
    <row r="422332" spans="8:8">
      <c r="H422332" s="12"/>
    </row>
    <row r="422333" spans="8:8">
      <c r="H422333" s="12"/>
    </row>
    <row r="422334" spans="8:8">
      <c r="H422334" s="12"/>
    </row>
    <row r="422335" spans="8:8">
      <c r="H422335" s="12"/>
    </row>
    <row r="422336" spans="8:8">
      <c r="H422336" s="12"/>
    </row>
    <row r="422337" spans="8:8">
      <c r="H422337" s="12"/>
    </row>
    <row r="422338" spans="8:8">
      <c r="H422338" s="12"/>
    </row>
    <row r="422339" spans="8:8">
      <c r="H422339" s="12"/>
    </row>
    <row r="422340" spans="8:8">
      <c r="H422340" s="12"/>
    </row>
    <row r="422341" spans="8:8">
      <c r="H422341" s="12"/>
    </row>
    <row r="422342" spans="8:8">
      <c r="H422342" s="12"/>
    </row>
    <row r="422343" spans="8:8">
      <c r="H422343" s="12"/>
    </row>
    <row r="422344" spans="8:8">
      <c r="H422344" s="12"/>
    </row>
    <row r="422345" spans="8:8">
      <c r="H422345" s="12"/>
    </row>
    <row r="422346" spans="8:8">
      <c r="H422346" s="12"/>
    </row>
    <row r="422347" spans="8:8">
      <c r="H422347" s="12"/>
    </row>
    <row r="422348" spans="8:8">
      <c r="H422348" s="12"/>
    </row>
    <row r="422349" spans="8:8">
      <c r="H422349" s="12"/>
    </row>
    <row r="422350" spans="8:8">
      <c r="H422350" s="12"/>
    </row>
    <row r="422351" spans="8:8">
      <c r="H422351" s="12"/>
    </row>
    <row r="422352" spans="8:8">
      <c r="H422352" s="12"/>
    </row>
    <row r="422353" spans="8:8">
      <c r="H422353" s="12"/>
    </row>
    <row r="422354" spans="8:8">
      <c r="H422354" s="12"/>
    </row>
    <row r="422355" spans="8:8">
      <c r="H422355" s="12"/>
    </row>
    <row r="422356" spans="8:8">
      <c r="H422356" s="12"/>
    </row>
    <row r="422357" spans="8:8">
      <c r="H422357" s="12"/>
    </row>
    <row r="422358" spans="8:8">
      <c r="H422358" s="12"/>
    </row>
    <row r="422359" spans="8:8">
      <c r="H422359" s="12"/>
    </row>
    <row r="422360" spans="8:8">
      <c r="H422360" s="12"/>
    </row>
    <row r="422361" spans="8:8">
      <c r="H422361" s="12"/>
    </row>
    <row r="422362" spans="8:8">
      <c r="H422362" s="12"/>
    </row>
    <row r="422363" spans="8:8">
      <c r="H422363" s="12"/>
    </row>
    <row r="422364" spans="8:8">
      <c r="H422364" s="12"/>
    </row>
    <row r="422365" spans="8:8">
      <c r="H422365" s="12"/>
    </row>
    <row r="422366" spans="8:8">
      <c r="H422366" s="12"/>
    </row>
    <row r="422367" spans="8:8">
      <c r="H422367" s="12"/>
    </row>
    <row r="422368" spans="8:8">
      <c r="H422368" s="12"/>
    </row>
    <row r="422369" spans="8:8">
      <c r="H422369" s="12"/>
    </row>
    <row r="422370" spans="8:8">
      <c r="H422370" s="12"/>
    </row>
    <row r="422371" spans="8:8">
      <c r="H422371" s="12"/>
    </row>
    <row r="422372" spans="8:8">
      <c r="H422372" s="12"/>
    </row>
    <row r="422373" spans="8:8">
      <c r="H422373" s="12"/>
    </row>
    <row r="422374" spans="8:8">
      <c r="H422374" s="12"/>
    </row>
    <row r="422375" spans="8:8">
      <c r="H422375" s="12"/>
    </row>
    <row r="422376" spans="8:8">
      <c r="H422376" s="12"/>
    </row>
    <row r="422377" spans="8:8">
      <c r="H422377" s="12"/>
    </row>
    <row r="422378" spans="8:8">
      <c r="H422378" s="12"/>
    </row>
    <row r="422379" spans="8:8">
      <c r="H422379" s="12"/>
    </row>
    <row r="422380" spans="8:8">
      <c r="H422380" s="12"/>
    </row>
    <row r="422381" spans="8:8">
      <c r="H422381" s="12"/>
    </row>
    <row r="422382" spans="8:8">
      <c r="H422382" s="12"/>
    </row>
    <row r="422383" spans="8:8">
      <c r="H422383" s="12"/>
    </row>
    <row r="422384" spans="8:8">
      <c r="H422384" s="12"/>
    </row>
    <row r="422385" spans="8:8">
      <c r="H422385" s="12"/>
    </row>
    <row r="422386" spans="8:8">
      <c r="H422386" s="12"/>
    </row>
    <row r="422387" spans="8:8">
      <c r="H422387" s="12"/>
    </row>
    <row r="422388" spans="8:8">
      <c r="H422388" s="12"/>
    </row>
    <row r="422389" spans="8:8">
      <c r="H422389" s="12"/>
    </row>
    <row r="422390" spans="8:8">
      <c r="H422390" s="12"/>
    </row>
    <row r="422391" spans="8:8">
      <c r="H422391" s="12"/>
    </row>
    <row r="422392" spans="8:8">
      <c r="H422392" s="12"/>
    </row>
    <row r="422393" spans="8:8">
      <c r="H422393" s="12"/>
    </row>
    <row r="422394" spans="8:8">
      <c r="H422394" s="12"/>
    </row>
    <row r="422395" spans="8:8">
      <c r="H422395" s="12"/>
    </row>
    <row r="422396" spans="8:8">
      <c r="H422396" s="12"/>
    </row>
    <row r="422397" spans="8:8">
      <c r="H422397" s="12"/>
    </row>
    <row r="422398" spans="8:8">
      <c r="H422398" s="12"/>
    </row>
    <row r="422399" spans="8:8">
      <c r="H422399" s="12"/>
    </row>
    <row r="422400" spans="8:8">
      <c r="H422400" s="12"/>
    </row>
    <row r="422401" spans="8:8">
      <c r="H422401" s="12"/>
    </row>
    <row r="422402" spans="8:8">
      <c r="H422402" s="12"/>
    </row>
    <row r="422403" spans="8:8">
      <c r="H422403" s="12"/>
    </row>
    <row r="422404" spans="8:8">
      <c r="H422404" s="12"/>
    </row>
    <row r="422405" spans="8:8">
      <c r="H422405" s="12"/>
    </row>
    <row r="422406" spans="8:8">
      <c r="H422406" s="12"/>
    </row>
    <row r="422407" spans="8:8">
      <c r="H422407" s="12"/>
    </row>
    <row r="422408" spans="8:8">
      <c r="H422408" s="12"/>
    </row>
    <row r="422409" spans="8:8">
      <c r="H422409" s="12"/>
    </row>
    <row r="422410" spans="8:8">
      <c r="H422410" s="12"/>
    </row>
    <row r="422411" spans="8:8">
      <c r="H422411" s="12"/>
    </row>
    <row r="422412" spans="8:8">
      <c r="H422412" s="12"/>
    </row>
    <row r="422413" spans="8:8">
      <c r="H422413" s="12"/>
    </row>
    <row r="422414" spans="8:8">
      <c r="H422414" s="12"/>
    </row>
    <row r="422415" spans="8:8">
      <c r="H422415" s="12"/>
    </row>
    <row r="422416" spans="8:8">
      <c r="H422416" s="12"/>
    </row>
    <row r="422417" spans="8:8">
      <c r="H422417" s="12"/>
    </row>
    <row r="422418" spans="8:8">
      <c r="H422418" s="12"/>
    </row>
    <row r="422419" spans="8:8">
      <c r="H422419" s="12"/>
    </row>
    <row r="422420" spans="8:8">
      <c r="H422420" s="12"/>
    </row>
    <row r="422421" spans="8:8">
      <c r="H422421" s="12"/>
    </row>
    <row r="422422" spans="8:8">
      <c r="H422422" s="12"/>
    </row>
    <row r="422423" spans="8:8">
      <c r="H422423" s="12"/>
    </row>
    <row r="422424" spans="8:8">
      <c r="H422424" s="12"/>
    </row>
    <row r="422425" spans="8:8">
      <c r="H422425" s="12"/>
    </row>
    <row r="422426" spans="8:8">
      <c r="H422426" s="12"/>
    </row>
    <row r="422427" spans="8:8">
      <c r="H422427" s="12"/>
    </row>
    <row r="422428" spans="8:8">
      <c r="H422428" s="12"/>
    </row>
    <row r="422429" spans="8:8">
      <c r="H422429" s="12"/>
    </row>
    <row r="422430" spans="8:8">
      <c r="H422430" s="12"/>
    </row>
    <row r="422431" spans="8:8">
      <c r="H422431" s="12"/>
    </row>
    <row r="422432" spans="8:8">
      <c r="H422432" s="12"/>
    </row>
    <row r="422433" spans="8:8">
      <c r="H422433" s="12"/>
    </row>
    <row r="422434" spans="8:8">
      <c r="H422434" s="12"/>
    </row>
    <row r="422435" spans="8:8">
      <c r="H422435" s="12"/>
    </row>
    <row r="422436" spans="8:8">
      <c r="H422436" s="12"/>
    </row>
    <row r="422437" spans="8:8">
      <c r="H422437" s="12"/>
    </row>
    <row r="422438" spans="8:8">
      <c r="H422438" s="12"/>
    </row>
    <row r="422439" spans="8:8">
      <c r="H422439" s="12"/>
    </row>
    <row r="422440" spans="8:8">
      <c r="H422440" s="12"/>
    </row>
    <row r="422441" spans="8:8">
      <c r="H422441" s="12"/>
    </row>
    <row r="422442" spans="8:8">
      <c r="H422442" s="12"/>
    </row>
    <row r="422443" spans="8:8">
      <c r="H422443" s="12"/>
    </row>
    <row r="422444" spans="8:8">
      <c r="H422444" s="12"/>
    </row>
    <row r="422445" spans="8:8">
      <c r="H422445" s="12"/>
    </row>
    <row r="422446" spans="8:8">
      <c r="H422446" s="12"/>
    </row>
    <row r="422447" spans="8:8">
      <c r="H422447" s="12"/>
    </row>
    <row r="422448" spans="8:8">
      <c r="H422448" s="12"/>
    </row>
    <row r="422449" spans="8:8">
      <c r="H422449" s="12"/>
    </row>
    <row r="422450" spans="8:8">
      <c r="H422450" s="12"/>
    </row>
    <row r="422451" spans="8:8">
      <c r="H422451" s="12"/>
    </row>
    <row r="422452" spans="8:8">
      <c r="H422452" s="12"/>
    </row>
    <row r="422453" spans="8:8">
      <c r="H422453" s="12"/>
    </row>
    <row r="422454" spans="8:8">
      <c r="H422454" s="12"/>
    </row>
    <row r="422455" spans="8:8">
      <c r="H422455" s="12"/>
    </row>
    <row r="422456" spans="8:8">
      <c r="H422456" s="12"/>
    </row>
    <row r="422457" spans="8:8">
      <c r="H422457" s="12"/>
    </row>
    <row r="422458" spans="8:8">
      <c r="H422458" s="12"/>
    </row>
    <row r="422459" spans="8:8">
      <c r="H422459" s="12"/>
    </row>
    <row r="422460" spans="8:8">
      <c r="H422460" s="12"/>
    </row>
    <row r="422461" spans="8:8">
      <c r="H422461" s="12"/>
    </row>
    <row r="422462" spans="8:8">
      <c r="H422462" s="12"/>
    </row>
    <row r="422463" spans="8:8">
      <c r="H422463" s="12"/>
    </row>
    <row r="422464" spans="8:8">
      <c r="H422464" s="12"/>
    </row>
    <row r="422465" spans="8:8">
      <c r="H422465" s="12"/>
    </row>
    <row r="422466" spans="8:8">
      <c r="H422466" s="12"/>
    </row>
    <row r="422467" spans="8:8">
      <c r="H422467" s="12"/>
    </row>
    <row r="422468" spans="8:8">
      <c r="H422468" s="12"/>
    </row>
    <row r="422469" spans="8:8">
      <c r="H422469" s="12"/>
    </row>
    <row r="422470" spans="8:8">
      <c r="H422470" s="12"/>
    </row>
    <row r="422471" spans="8:8">
      <c r="H422471" s="12"/>
    </row>
    <row r="422472" spans="8:8">
      <c r="H422472" s="12"/>
    </row>
    <row r="422473" spans="8:8">
      <c r="H422473" s="12"/>
    </row>
    <row r="422474" spans="8:8">
      <c r="H422474" s="12"/>
    </row>
    <row r="422475" spans="8:8">
      <c r="H422475" s="12"/>
    </row>
    <row r="422476" spans="8:8">
      <c r="H422476" s="12"/>
    </row>
    <row r="422477" spans="8:8">
      <c r="H422477" s="12"/>
    </row>
    <row r="422478" spans="8:8">
      <c r="H422478" s="12"/>
    </row>
    <row r="422479" spans="8:8">
      <c r="H422479" s="12"/>
    </row>
    <row r="422480" spans="8:8">
      <c r="H422480" s="12"/>
    </row>
    <row r="422481" spans="8:8">
      <c r="H422481" s="12"/>
    </row>
    <row r="422482" spans="8:8">
      <c r="H422482" s="12"/>
    </row>
    <row r="422483" spans="8:8">
      <c r="H422483" s="12"/>
    </row>
    <row r="422484" spans="8:8">
      <c r="H422484" s="12"/>
    </row>
    <row r="422485" spans="8:8">
      <c r="H422485" s="12"/>
    </row>
    <row r="422486" spans="8:8">
      <c r="H422486" s="12"/>
    </row>
    <row r="422487" spans="8:8">
      <c r="H422487" s="12"/>
    </row>
    <row r="422488" spans="8:8">
      <c r="H422488" s="12"/>
    </row>
    <row r="422489" spans="8:8">
      <c r="H422489" s="12"/>
    </row>
    <row r="422490" spans="8:8">
      <c r="H422490" s="12"/>
    </row>
    <row r="422491" spans="8:8">
      <c r="H422491" s="12"/>
    </row>
    <row r="422492" spans="8:8">
      <c r="H422492" s="12"/>
    </row>
    <row r="422493" spans="8:8">
      <c r="H422493" s="12"/>
    </row>
    <row r="422494" spans="8:8">
      <c r="H422494" s="12"/>
    </row>
    <row r="422495" spans="8:8">
      <c r="H422495" s="12"/>
    </row>
    <row r="422496" spans="8:8">
      <c r="H422496" s="12"/>
    </row>
    <row r="422497" spans="8:8">
      <c r="H422497" s="12"/>
    </row>
    <row r="422498" spans="8:8">
      <c r="H422498" s="12"/>
    </row>
    <row r="422499" spans="8:8">
      <c r="H422499" s="12"/>
    </row>
    <row r="422500" spans="8:8">
      <c r="H422500" s="12"/>
    </row>
    <row r="422501" spans="8:8">
      <c r="H422501" s="12"/>
    </row>
    <row r="422502" spans="8:8">
      <c r="H422502" s="12"/>
    </row>
    <row r="422503" spans="8:8">
      <c r="H422503" s="12"/>
    </row>
    <row r="422504" spans="8:8">
      <c r="H422504" s="12"/>
    </row>
    <row r="422505" spans="8:8">
      <c r="H422505" s="12"/>
    </row>
    <row r="422506" spans="8:8">
      <c r="H422506" s="12"/>
    </row>
    <row r="422507" spans="8:8">
      <c r="H422507" s="12"/>
    </row>
    <row r="422508" spans="8:8">
      <c r="H422508" s="12"/>
    </row>
    <row r="422509" spans="8:8">
      <c r="H422509" s="12"/>
    </row>
    <row r="422510" spans="8:8">
      <c r="H422510" s="12"/>
    </row>
    <row r="422511" spans="8:8">
      <c r="H422511" s="12"/>
    </row>
    <row r="422512" spans="8:8">
      <c r="H422512" s="12"/>
    </row>
    <row r="422513" spans="8:8">
      <c r="H422513" s="12"/>
    </row>
    <row r="422514" spans="8:8">
      <c r="H422514" s="12"/>
    </row>
    <row r="422515" spans="8:8">
      <c r="H422515" s="12"/>
    </row>
    <row r="422516" spans="8:8">
      <c r="H422516" s="12"/>
    </row>
    <row r="422517" spans="8:8">
      <c r="H422517" s="12"/>
    </row>
    <row r="422518" spans="8:8">
      <c r="H422518" s="12"/>
    </row>
    <row r="422519" spans="8:8">
      <c r="H422519" s="12"/>
    </row>
    <row r="422520" spans="8:8">
      <c r="H422520" s="12"/>
    </row>
    <row r="422521" spans="8:8">
      <c r="H422521" s="12"/>
    </row>
    <row r="422522" spans="8:8">
      <c r="H422522" s="12"/>
    </row>
    <row r="422523" spans="8:8">
      <c r="H422523" s="12"/>
    </row>
    <row r="422524" spans="8:8">
      <c r="H422524" s="12"/>
    </row>
    <row r="422525" spans="8:8">
      <c r="H422525" s="12"/>
    </row>
    <row r="422526" spans="8:8">
      <c r="H422526" s="12"/>
    </row>
    <row r="422527" spans="8:8">
      <c r="H422527" s="12"/>
    </row>
    <row r="422528" spans="8:8">
      <c r="H422528" s="12"/>
    </row>
    <row r="422529" spans="8:8">
      <c r="H422529" s="12"/>
    </row>
    <row r="422530" spans="8:8">
      <c r="H422530" s="12"/>
    </row>
    <row r="422531" spans="8:8">
      <c r="H422531" s="12"/>
    </row>
    <row r="422532" spans="8:8">
      <c r="H422532" s="12"/>
    </row>
    <row r="422533" spans="8:8">
      <c r="H422533" s="12"/>
    </row>
    <row r="422534" spans="8:8">
      <c r="H422534" s="12"/>
    </row>
    <row r="422535" spans="8:8">
      <c r="H422535" s="12"/>
    </row>
    <row r="422536" spans="8:8">
      <c r="H422536" s="12"/>
    </row>
    <row r="422537" spans="8:8">
      <c r="H422537" s="12"/>
    </row>
    <row r="422538" spans="8:8">
      <c r="H422538" s="12"/>
    </row>
    <row r="422539" spans="8:8">
      <c r="H422539" s="12"/>
    </row>
    <row r="422540" spans="8:8">
      <c r="H422540" s="12"/>
    </row>
    <row r="422541" spans="8:8">
      <c r="H422541" s="12"/>
    </row>
    <row r="422542" spans="8:8">
      <c r="H422542" s="12"/>
    </row>
    <row r="422543" spans="8:8">
      <c r="H422543" s="12"/>
    </row>
    <row r="422544" spans="8:8">
      <c r="H422544" s="12"/>
    </row>
    <row r="422545" spans="8:8">
      <c r="H422545" s="12"/>
    </row>
    <row r="422546" spans="8:8">
      <c r="H422546" s="12"/>
    </row>
    <row r="422547" spans="8:8">
      <c r="H422547" s="12"/>
    </row>
    <row r="422548" spans="8:8">
      <c r="H422548" s="12"/>
    </row>
    <row r="422549" spans="8:8">
      <c r="H422549" s="12"/>
    </row>
    <row r="422550" spans="8:8">
      <c r="H422550" s="12"/>
    </row>
    <row r="422551" spans="8:8">
      <c r="H422551" s="12"/>
    </row>
    <row r="422552" spans="8:8">
      <c r="H422552" s="12"/>
    </row>
    <row r="422553" spans="8:8">
      <c r="H422553" s="12"/>
    </row>
    <row r="422554" spans="8:8">
      <c r="H422554" s="12"/>
    </row>
    <row r="422555" spans="8:8">
      <c r="H422555" s="12"/>
    </row>
    <row r="422556" spans="8:8">
      <c r="H422556" s="12"/>
    </row>
    <row r="422557" spans="8:8">
      <c r="H422557" s="12"/>
    </row>
    <row r="422558" spans="8:8">
      <c r="H422558" s="12"/>
    </row>
    <row r="422559" spans="8:8">
      <c r="H422559" s="12"/>
    </row>
    <row r="422560" spans="8:8">
      <c r="H422560" s="12"/>
    </row>
    <row r="422561" spans="8:8">
      <c r="H422561" s="12"/>
    </row>
    <row r="422562" spans="8:8">
      <c r="H422562" s="12"/>
    </row>
    <row r="422563" spans="8:8">
      <c r="H422563" s="12"/>
    </row>
    <row r="422564" spans="8:8">
      <c r="H422564" s="12"/>
    </row>
    <row r="422565" spans="8:8">
      <c r="H422565" s="12"/>
    </row>
    <row r="422566" spans="8:8">
      <c r="H422566" s="12"/>
    </row>
    <row r="422567" spans="8:8">
      <c r="H422567" s="12"/>
    </row>
    <row r="422568" spans="8:8">
      <c r="H422568" s="12"/>
    </row>
    <row r="422569" spans="8:8">
      <c r="H422569" s="12"/>
    </row>
    <row r="422570" spans="8:8">
      <c r="H422570" s="12"/>
    </row>
    <row r="422571" spans="8:8">
      <c r="H422571" s="12"/>
    </row>
    <row r="422572" spans="8:8">
      <c r="H422572" s="12"/>
    </row>
    <row r="422573" spans="8:8">
      <c r="H422573" s="12"/>
    </row>
    <row r="422574" spans="8:8">
      <c r="H422574" s="12"/>
    </row>
    <row r="422575" spans="8:8">
      <c r="H422575" s="12"/>
    </row>
    <row r="422576" spans="8:8">
      <c r="H422576" s="12"/>
    </row>
    <row r="422577" spans="8:8">
      <c r="H422577" s="12"/>
    </row>
    <row r="422578" spans="8:8">
      <c r="H422578" s="12"/>
    </row>
    <row r="422579" spans="8:8">
      <c r="H422579" s="12"/>
    </row>
    <row r="422580" spans="8:8">
      <c r="H422580" s="12"/>
    </row>
    <row r="422581" spans="8:8">
      <c r="H422581" s="12"/>
    </row>
    <row r="422582" spans="8:8">
      <c r="H422582" s="12"/>
    </row>
    <row r="422583" spans="8:8">
      <c r="H422583" s="12"/>
    </row>
    <row r="422584" spans="8:8">
      <c r="H422584" s="12"/>
    </row>
    <row r="422585" spans="8:8">
      <c r="H422585" s="12"/>
    </row>
    <row r="422586" spans="8:8">
      <c r="H422586" s="12"/>
    </row>
    <row r="422587" spans="8:8">
      <c r="H422587" s="12"/>
    </row>
    <row r="422588" spans="8:8">
      <c r="H422588" s="12"/>
    </row>
    <row r="422589" spans="8:8">
      <c r="H422589" s="12"/>
    </row>
    <row r="422590" spans="8:8">
      <c r="H422590" s="12"/>
    </row>
    <row r="422591" spans="8:8">
      <c r="H422591" s="12"/>
    </row>
    <row r="422592" spans="8:8">
      <c r="H422592" s="12"/>
    </row>
    <row r="422593" spans="8:8">
      <c r="H422593" s="12"/>
    </row>
    <row r="422594" spans="8:8">
      <c r="H422594" s="12"/>
    </row>
    <row r="422595" spans="8:8">
      <c r="H422595" s="12"/>
    </row>
    <row r="422596" spans="8:8">
      <c r="H422596" s="12"/>
    </row>
    <row r="422597" spans="8:8">
      <c r="H422597" s="12"/>
    </row>
    <row r="422598" spans="8:8">
      <c r="H422598" s="12"/>
    </row>
    <row r="422599" spans="8:8">
      <c r="H422599" s="12"/>
    </row>
    <row r="422600" spans="8:8">
      <c r="H422600" s="12"/>
    </row>
    <row r="422601" spans="8:8">
      <c r="H422601" s="12"/>
    </row>
    <row r="422602" spans="8:8">
      <c r="H422602" s="12"/>
    </row>
    <row r="422603" spans="8:8">
      <c r="H422603" s="12"/>
    </row>
    <row r="422604" spans="8:8">
      <c r="H422604" s="12"/>
    </row>
    <row r="422605" spans="8:8">
      <c r="H422605" s="12"/>
    </row>
    <row r="422606" spans="8:8">
      <c r="H422606" s="12"/>
    </row>
    <row r="422607" spans="8:8">
      <c r="H422607" s="12"/>
    </row>
    <row r="422608" spans="8:8">
      <c r="H422608" s="12"/>
    </row>
    <row r="422609" spans="8:8">
      <c r="H422609" s="12"/>
    </row>
    <row r="422610" spans="8:8">
      <c r="H422610" s="12"/>
    </row>
    <row r="422611" spans="8:8">
      <c r="H422611" s="12"/>
    </row>
    <row r="422612" spans="8:8">
      <c r="H422612" s="12"/>
    </row>
    <row r="422613" spans="8:8">
      <c r="H422613" s="12"/>
    </row>
    <row r="422614" spans="8:8">
      <c r="H422614" s="12"/>
    </row>
    <row r="422615" spans="8:8">
      <c r="H422615" s="12"/>
    </row>
    <row r="422616" spans="8:8">
      <c r="H422616" s="12"/>
    </row>
    <row r="422617" spans="8:8">
      <c r="H422617" s="12"/>
    </row>
    <row r="422618" spans="8:8">
      <c r="H422618" s="12"/>
    </row>
    <row r="422619" spans="8:8">
      <c r="H422619" s="12"/>
    </row>
    <row r="422620" spans="8:8">
      <c r="H422620" s="12"/>
    </row>
    <row r="422621" spans="8:8">
      <c r="H422621" s="12"/>
    </row>
    <row r="422622" spans="8:8">
      <c r="H422622" s="12"/>
    </row>
    <row r="422623" spans="8:8">
      <c r="H422623" s="12"/>
    </row>
    <row r="422624" spans="8:8">
      <c r="H422624" s="12"/>
    </row>
    <row r="422625" spans="8:8">
      <c r="H422625" s="12"/>
    </row>
    <row r="422626" spans="8:8">
      <c r="H422626" s="12"/>
    </row>
    <row r="422627" spans="8:8">
      <c r="H422627" s="12"/>
    </row>
    <row r="422628" spans="8:8">
      <c r="H422628" s="12"/>
    </row>
    <row r="422629" spans="8:8">
      <c r="H422629" s="12"/>
    </row>
    <row r="422630" spans="8:8">
      <c r="H422630" s="12"/>
    </row>
    <row r="422631" spans="8:8">
      <c r="H422631" s="12"/>
    </row>
    <row r="422632" spans="8:8">
      <c r="H422632" s="12"/>
    </row>
    <row r="422633" spans="8:8">
      <c r="H422633" s="12"/>
    </row>
    <row r="422634" spans="8:8">
      <c r="H422634" s="12"/>
    </row>
    <row r="422635" spans="8:8">
      <c r="H422635" s="12"/>
    </row>
    <row r="422636" spans="8:8">
      <c r="H422636" s="12"/>
    </row>
    <row r="422637" spans="8:8">
      <c r="H422637" s="12"/>
    </row>
    <row r="422638" spans="8:8">
      <c r="H422638" s="12"/>
    </row>
    <row r="422639" spans="8:8">
      <c r="H422639" s="12"/>
    </row>
    <row r="422640" spans="8:8">
      <c r="H422640" s="12"/>
    </row>
    <row r="422641" spans="8:8">
      <c r="H422641" s="12"/>
    </row>
    <row r="422642" spans="8:8">
      <c r="H422642" s="12"/>
    </row>
    <row r="422643" spans="8:8">
      <c r="H422643" s="12"/>
    </row>
    <row r="422644" spans="8:8">
      <c r="H422644" s="12"/>
    </row>
    <row r="422645" spans="8:8">
      <c r="H422645" s="12"/>
    </row>
    <row r="422646" spans="8:8">
      <c r="H422646" s="12"/>
    </row>
    <row r="422647" spans="8:8">
      <c r="H422647" s="12"/>
    </row>
    <row r="422648" spans="8:8">
      <c r="H422648" s="12"/>
    </row>
    <row r="422649" spans="8:8">
      <c r="H422649" s="12"/>
    </row>
    <row r="422650" spans="8:8">
      <c r="H422650" s="12"/>
    </row>
    <row r="422651" spans="8:8">
      <c r="H422651" s="12"/>
    </row>
    <row r="422652" spans="8:8">
      <c r="H422652" s="12"/>
    </row>
    <row r="422653" spans="8:8">
      <c r="H422653" s="12"/>
    </row>
    <row r="422654" spans="8:8">
      <c r="H422654" s="12"/>
    </row>
    <row r="422655" spans="8:8">
      <c r="H422655" s="12"/>
    </row>
    <row r="422656" spans="8:8">
      <c r="H422656" s="12"/>
    </row>
    <row r="422657" spans="8:8">
      <c r="H422657" s="12"/>
    </row>
    <row r="422658" spans="8:8">
      <c r="H422658" s="12"/>
    </row>
    <row r="422659" spans="8:8">
      <c r="H422659" s="12"/>
    </row>
    <row r="422660" spans="8:8">
      <c r="H422660" s="12"/>
    </row>
    <row r="422661" spans="8:8">
      <c r="H422661" s="12"/>
    </row>
    <row r="422662" spans="8:8">
      <c r="H422662" s="12"/>
    </row>
    <row r="422663" spans="8:8">
      <c r="H422663" s="12"/>
    </row>
    <row r="422664" spans="8:8">
      <c r="H422664" s="12"/>
    </row>
    <row r="422665" spans="8:8">
      <c r="H422665" s="12"/>
    </row>
    <row r="422666" spans="8:8">
      <c r="H422666" s="12"/>
    </row>
    <row r="422667" spans="8:8">
      <c r="H422667" s="12"/>
    </row>
    <row r="422668" spans="8:8">
      <c r="H422668" s="12"/>
    </row>
    <row r="422669" spans="8:8">
      <c r="H422669" s="12"/>
    </row>
    <row r="422670" spans="8:8">
      <c r="H422670" s="12"/>
    </row>
    <row r="422671" spans="8:8">
      <c r="H422671" s="12"/>
    </row>
    <row r="422672" spans="8:8">
      <c r="H422672" s="12"/>
    </row>
    <row r="422673" spans="8:8">
      <c r="H422673" s="12"/>
    </row>
    <row r="422674" spans="8:8">
      <c r="H422674" s="12"/>
    </row>
    <row r="422675" spans="8:8">
      <c r="H422675" s="12"/>
    </row>
    <row r="422676" spans="8:8">
      <c r="H422676" s="12"/>
    </row>
    <row r="422677" spans="8:8">
      <c r="H422677" s="12"/>
    </row>
    <row r="422678" spans="8:8">
      <c r="H422678" s="12"/>
    </row>
    <row r="422679" spans="8:8">
      <c r="H422679" s="12"/>
    </row>
    <row r="422680" spans="8:8">
      <c r="H422680" s="12"/>
    </row>
    <row r="422681" spans="8:8">
      <c r="H422681" s="12"/>
    </row>
    <row r="422682" spans="8:8">
      <c r="H422682" s="12"/>
    </row>
    <row r="422683" spans="8:8">
      <c r="H422683" s="12"/>
    </row>
    <row r="422684" spans="8:8">
      <c r="H422684" s="12"/>
    </row>
    <row r="422685" spans="8:8">
      <c r="H422685" s="12"/>
    </row>
    <row r="422686" spans="8:8">
      <c r="H422686" s="12"/>
    </row>
    <row r="422687" spans="8:8">
      <c r="H422687" s="12"/>
    </row>
    <row r="422688" spans="8:8">
      <c r="H422688" s="12"/>
    </row>
    <row r="422689" spans="8:8">
      <c r="H422689" s="12"/>
    </row>
    <row r="422690" spans="8:8">
      <c r="H422690" s="12"/>
    </row>
    <row r="422691" spans="8:8">
      <c r="H422691" s="12"/>
    </row>
    <row r="422692" spans="8:8">
      <c r="H422692" s="12"/>
    </row>
    <row r="422693" spans="8:8">
      <c r="H422693" s="12"/>
    </row>
    <row r="422694" spans="8:8">
      <c r="H422694" s="12"/>
    </row>
    <row r="422695" spans="8:8">
      <c r="H422695" s="12"/>
    </row>
    <row r="422696" spans="8:8">
      <c r="H422696" s="12"/>
    </row>
    <row r="422697" spans="8:8">
      <c r="H422697" s="12"/>
    </row>
    <row r="422698" spans="8:8">
      <c r="H422698" s="12"/>
    </row>
    <row r="422699" spans="8:8">
      <c r="H422699" s="12"/>
    </row>
    <row r="422700" spans="8:8">
      <c r="H422700" s="12"/>
    </row>
    <row r="422701" spans="8:8">
      <c r="H422701" s="12"/>
    </row>
    <row r="422702" spans="8:8">
      <c r="H422702" s="12"/>
    </row>
    <row r="422703" spans="8:8">
      <c r="H422703" s="12"/>
    </row>
    <row r="422704" spans="8:8">
      <c r="H422704" s="12"/>
    </row>
    <row r="422705" spans="8:8">
      <c r="H422705" s="12"/>
    </row>
    <row r="422706" spans="8:8">
      <c r="H422706" s="12"/>
    </row>
    <row r="422707" spans="8:8">
      <c r="H422707" s="12"/>
    </row>
    <row r="422708" spans="8:8">
      <c r="H422708" s="12"/>
    </row>
    <row r="422709" spans="8:8">
      <c r="H422709" s="12"/>
    </row>
    <row r="422710" spans="8:8">
      <c r="H422710" s="12"/>
    </row>
    <row r="422711" spans="8:8">
      <c r="H422711" s="12"/>
    </row>
    <row r="422712" spans="8:8">
      <c r="H422712" s="12"/>
    </row>
    <row r="422713" spans="8:8">
      <c r="H422713" s="12"/>
    </row>
    <row r="422714" spans="8:8">
      <c r="H422714" s="12"/>
    </row>
    <row r="422715" spans="8:8">
      <c r="H422715" s="12"/>
    </row>
    <row r="422716" spans="8:8">
      <c r="H422716" s="12"/>
    </row>
    <row r="422717" spans="8:8">
      <c r="H422717" s="12"/>
    </row>
    <row r="422718" spans="8:8">
      <c r="H422718" s="12"/>
    </row>
    <row r="422719" spans="8:8">
      <c r="H422719" s="12"/>
    </row>
    <row r="422720" spans="8:8">
      <c r="H422720" s="12"/>
    </row>
    <row r="422721" spans="8:8">
      <c r="H422721" s="12"/>
    </row>
    <row r="422722" spans="8:8">
      <c r="H422722" s="12"/>
    </row>
    <row r="422723" spans="8:8">
      <c r="H422723" s="12"/>
    </row>
    <row r="422724" spans="8:8">
      <c r="H422724" s="12"/>
    </row>
    <row r="422725" spans="8:8">
      <c r="H422725" s="12"/>
    </row>
    <row r="422726" spans="8:8">
      <c r="H422726" s="12"/>
    </row>
    <row r="422727" spans="8:8">
      <c r="H422727" s="12"/>
    </row>
    <row r="422728" spans="8:8">
      <c r="H422728" s="12"/>
    </row>
    <row r="422729" spans="8:8">
      <c r="H422729" s="12"/>
    </row>
    <row r="422730" spans="8:8">
      <c r="H422730" s="12"/>
    </row>
    <row r="422731" spans="8:8">
      <c r="H422731" s="12"/>
    </row>
    <row r="422732" spans="8:8">
      <c r="H422732" s="12"/>
    </row>
    <row r="422733" spans="8:8">
      <c r="H422733" s="12"/>
    </row>
    <row r="422734" spans="8:8">
      <c r="H422734" s="12"/>
    </row>
    <row r="422735" spans="8:8">
      <c r="H422735" s="12"/>
    </row>
    <row r="422736" spans="8:8">
      <c r="H422736" s="12"/>
    </row>
    <row r="422737" spans="8:8">
      <c r="H422737" s="12"/>
    </row>
    <row r="422738" spans="8:8">
      <c r="H422738" s="12"/>
    </row>
    <row r="422739" spans="8:8">
      <c r="H422739" s="12"/>
    </row>
    <row r="422740" spans="8:8">
      <c r="H422740" s="12"/>
    </row>
    <row r="422741" spans="8:8">
      <c r="H422741" s="12"/>
    </row>
    <row r="422742" spans="8:8">
      <c r="H422742" s="12"/>
    </row>
    <row r="422743" spans="8:8">
      <c r="H422743" s="12"/>
    </row>
    <row r="422744" spans="8:8">
      <c r="H422744" s="12"/>
    </row>
    <row r="422745" spans="8:8">
      <c r="H422745" s="12"/>
    </row>
    <row r="422746" spans="8:8">
      <c r="H422746" s="12"/>
    </row>
    <row r="422747" spans="8:8">
      <c r="H422747" s="12"/>
    </row>
    <row r="422748" spans="8:8">
      <c r="H422748" s="12"/>
    </row>
    <row r="422749" spans="8:8">
      <c r="H422749" s="12"/>
    </row>
    <row r="422750" spans="8:8">
      <c r="H422750" s="12"/>
    </row>
    <row r="422751" spans="8:8">
      <c r="H422751" s="12"/>
    </row>
    <row r="422752" spans="8:8">
      <c r="H422752" s="12"/>
    </row>
    <row r="422753" spans="8:8">
      <c r="H422753" s="12"/>
    </row>
    <row r="422754" spans="8:8">
      <c r="H422754" s="12"/>
    </row>
    <row r="422755" spans="8:8">
      <c r="H422755" s="12"/>
    </row>
    <row r="422756" spans="8:8">
      <c r="H422756" s="12"/>
    </row>
    <row r="422757" spans="8:8">
      <c r="H422757" s="12"/>
    </row>
    <row r="422758" spans="8:8">
      <c r="H422758" s="12"/>
    </row>
    <row r="422759" spans="8:8">
      <c r="H422759" s="12"/>
    </row>
    <row r="422760" spans="8:8">
      <c r="H422760" s="12"/>
    </row>
    <row r="422761" spans="8:8">
      <c r="H422761" s="12"/>
    </row>
    <row r="422762" spans="8:8">
      <c r="H422762" s="12"/>
    </row>
    <row r="422763" spans="8:8">
      <c r="H422763" s="12"/>
    </row>
    <row r="422764" spans="8:8">
      <c r="H422764" s="12"/>
    </row>
    <row r="422765" spans="8:8">
      <c r="H422765" s="12"/>
    </row>
    <row r="422766" spans="8:8">
      <c r="H422766" s="12"/>
    </row>
    <row r="422767" spans="8:8">
      <c r="H422767" s="12"/>
    </row>
    <row r="422768" spans="8:8">
      <c r="H422768" s="12"/>
    </row>
    <row r="422769" spans="8:8">
      <c r="H422769" s="12"/>
    </row>
    <row r="422770" spans="8:8">
      <c r="H422770" s="12"/>
    </row>
    <row r="422771" spans="8:8">
      <c r="H422771" s="12"/>
    </row>
    <row r="422772" spans="8:8">
      <c r="H422772" s="12"/>
    </row>
    <row r="422773" spans="8:8">
      <c r="H422773" s="12"/>
    </row>
    <row r="422774" spans="8:8">
      <c r="H422774" s="12"/>
    </row>
    <row r="422775" spans="8:8">
      <c r="H422775" s="12"/>
    </row>
    <row r="422776" spans="8:8">
      <c r="H422776" s="12"/>
    </row>
    <row r="422777" spans="8:8">
      <c r="H422777" s="12"/>
    </row>
    <row r="422778" spans="8:8">
      <c r="H422778" s="12"/>
    </row>
    <row r="422779" spans="8:8">
      <c r="H422779" s="12"/>
    </row>
    <row r="422780" spans="8:8">
      <c r="H422780" s="12"/>
    </row>
    <row r="422781" spans="8:8">
      <c r="H422781" s="12"/>
    </row>
    <row r="422782" spans="8:8">
      <c r="H422782" s="12"/>
    </row>
    <row r="422783" spans="8:8">
      <c r="H422783" s="12"/>
    </row>
    <row r="422784" spans="8:8">
      <c r="H422784" s="12"/>
    </row>
    <row r="422785" spans="8:8">
      <c r="H422785" s="12"/>
    </row>
    <row r="422786" spans="8:8">
      <c r="H422786" s="12"/>
    </row>
    <row r="422787" spans="8:8">
      <c r="H422787" s="12"/>
    </row>
    <row r="422788" spans="8:8">
      <c r="H422788" s="12"/>
    </row>
    <row r="422789" spans="8:8">
      <c r="H422789" s="12"/>
    </row>
    <row r="422790" spans="8:8">
      <c r="H422790" s="12"/>
    </row>
    <row r="422791" spans="8:8">
      <c r="H422791" s="12"/>
    </row>
    <row r="422792" spans="8:8">
      <c r="H422792" s="12"/>
    </row>
    <row r="422793" spans="8:8">
      <c r="H422793" s="12"/>
    </row>
    <row r="422794" spans="8:8">
      <c r="H422794" s="12"/>
    </row>
    <row r="422795" spans="8:8">
      <c r="H422795" s="12"/>
    </row>
    <row r="422796" spans="8:8">
      <c r="H422796" s="12"/>
    </row>
    <row r="422797" spans="8:8">
      <c r="H422797" s="12"/>
    </row>
    <row r="422798" spans="8:8">
      <c r="H422798" s="12"/>
    </row>
    <row r="422799" spans="8:8">
      <c r="H422799" s="12"/>
    </row>
    <row r="422800" spans="8:8">
      <c r="H422800" s="12"/>
    </row>
    <row r="422801" spans="8:8">
      <c r="H422801" s="12"/>
    </row>
    <row r="422802" spans="8:8">
      <c r="H422802" s="12"/>
    </row>
    <row r="422803" spans="8:8">
      <c r="H422803" s="12"/>
    </row>
    <row r="422804" spans="8:8">
      <c r="H422804" s="12"/>
    </row>
    <row r="422805" spans="8:8">
      <c r="H422805" s="12"/>
    </row>
    <row r="422806" spans="8:8">
      <c r="H422806" s="12"/>
    </row>
    <row r="422807" spans="8:8">
      <c r="H422807" s="12"/>
    </row>
    <row r="422808" spans="8:8">
      <c r="H422808" s="12"/>
    </row>
    <row r="422809" spans="8:8">
      <c r="H422809" s="12"/>
    </row>
    <row r="422810" spans="8:8">
      <c r="H422810" s="12"/>
    </row>
    <row r="422811" spans="8:8">
      <c r="H422811" s="12"/>
    </row>
    <row r="422812" spans="8:8">
      <c r="H422812" s="12"/>
    </row>
    <row r="422813" spans="8:8">
      <c r="H422813" s="12"/>
    </row>
    <row r="422814" spans="8:8">
      <c r="H422814" s="12"/>
    </row>
    <row r="422815" spans="8:8">
      <c r="H422815" s="12"/>
    </row>
    <row r="422816" spans="8:8">
      <c r="H422816" s="12"/>
    </row>
    <row r="422817" spans="8:8">
      <c r="H422817" s="12"/>
    </row>
    <row r="422818" spans="8:8">
      <c r="H422818" s="12"/>
    </row>
    <row r="422819" spans="8:8">
      <c r="H422819" s="12"/>
    </row>
    <row r="422820" spans="8:8">
      <c r="H422820" s="12"/>
    </row>
    <row r="422821" spans="8:8">
      <c r="H422821" s="12"/>
    </row>
    <row r="422822" spans="8:8">
      <c r="H422822" s="12"/>
    </row>
    <row r="422823" spans="8:8">
      <c r="H422823" s="12"/>
    </row>
    <row r="422824" spans="8:8">
      <c r="H422824" s="12"/>
    </row>
    <row r="422825" spans="8:8">
      <c r="H422825" s="12"/>
    </row>
    <row r="422826" spans="8:8">
      <c r="H422826" s="12"/>
    </row>
    <row r="422827" spans="8:8">
      <c r="H422827" s="12"/>
    </row>
    <row r="422828" spans="8:8">
      <c r="H422828" s="12"/>
    </row>
    <row r="422829" spans="8:8">
      <c r="H422829" s="12"/>
    </row>
    <row r="422830" spans="8:8">
      <c r="H422830" s="12"/>
    </row>
    <row r="422831" spans="8:8">
      <c r="H422831" s="12"/>
    </row>
    <row r="422832" spans="8:8">
      <c r="H422832" s="12"/>
    </row>
    <row r="422833" spans="8:8">
      <c r="H422833" s="12"/>
    </row>
    <row r="422834" spans="8:8">
      <c r="H422834" s="12"/>
    </row>
    <row r="422835" spans="8:8">
      <c r="H422835" s="12"/>
    </row>
    <row r="422836" spans="8:8">
      <c r="H422836" s="12"/>
    </row>
    <row r="422837" spans="8:8">
      <c r="H422837" s="12"/>
    </row>
    <row r="422838" spans="8:8">
      <c r="H422838" s="12"/>
    </row>
    <row r="422839" spans="8:8">
      <c r="H422839" s="12"/>
    </row>
    <row r="422840" spans="8:8">
      <c r="H422840" s="12"/>
    </row>
    <row r="422841" spans="8:8">
      <c r="H422841" s="12"/>
    </row>
    <row r="422842" spans="8:8">
      <c r="H422842" s="12"/>
    </row>
    <row r="422843" spans="8:8">
      <c r="H422843" s="12"/>
    </row>
    <row r="422844" spans="8:8">
      <c r="H422844" s="12"/>
    </row>
    <row r="422845" spans="8:8">
      <c r="H422845" s="12"/>
    </row>
    <row r="422846" spans="8:8">
      <c r="H422846" s="12"/>
    </row>
    <row r="422847" spans="8:8">
      <c r="H422847" s="12"/>
    </row>
    <row r="422848" spans="8:8">
      <c r="H422848" s="12"/>
    </row>
    <row r="422849" spans="8:8">
      <c r="H422849" s="12"/>
    </row>
    <row r="422850" spans="8:8">
      <c r="H422850" s="12"/>
    </row>
    <row r="422851" spans="8:8">
      <c r="H422851" s="12"/>
    </row>
    <row r="422852" spans="8:8">
      <c r="H422852" s="12"/>
    </row>
    <row r="422853" spans="8:8">
      <c r="H422853" s="12"/>
    </row>
    <row r="422854" spans="8:8">
      <c r="H422854" s="12"/>
    </row>
    <row r="422855" spans="8:8">
      <c r="H422855" s="12"/>
    </row>
    <row r="422856" spans="8:8">
      <c r="H422856" s="12"/>
    </row>
    <row r="422857" spans="8:8">
      <c r="H422857" s="12"/>
    </row>
    <row r="422858" spans="8:8">
      <c r="H422858" s="12"/>
    </row>
    <row r="422859" spans="8:8">
      <c r="H422859" s="12"/>
    </row>
    <row r="422860" spans="8:8">
      <c r="H422860" s="12"/>
    </row>
    <row r="422861" spans="8:8">
      <c r="H422861" s="12"/>
    </row>
    <row r="422862" spans="8:8">
      <c r="H422862" s="12"/>
    </row>
    <row r="422863" spans="8:8">
      <c r="H422863" s="12"/>
    </row>
    <row r="422864" spans="8:8">
      <c r="H422864" s="12"/>
    </row>
    <row r="422865" spans="8:8">
      <c r="H422865" s="12"/>
    </row>
    <row r="422866" spans="8:8">
      <c r="H422866" s="12"/>
    </row>
    <row r="422867" spans="8:8">
      <c r="H422867" s="12"/>
    </row>
    <row r="422868" spans="8:8">
      <c r="H422868" s="12"/>
    </row>
    <row r="422869" spans="8:8">
      <c r="H422869" s="12"/>
    </row>
    <row r="422870" spans="8:8">
      <c r="H422870" s="12"/>
    </row>
    <row r="422871" spans="8:8">
      <c r="H422871" s="12"/>
    </row>
    <row r="422872" spans="8:8">
      <c r="H422872" s="12"/>
    </row>
    <row r="422873" spans="8:8">
      <c r="H422873" s="12"/>
    </row>
    <row r="422874" spans="8:8">
      <c r="H422874" s="12"/>
    </row>
    <row r="422875" spans="8:8">
      <c r="H422875" s="12"/>
    </row>
    <row r="422876" spans="8:8">
      <c r="H422876" s="12"/>
    </row>
    <row r="422877" spans="8:8">
      <c r="H422877" s="12"/>
    </row>
    <row r="422878" spans="8:8">
      <c r="H422878" s="12"/>
    </row>
    <row r="422879" spans="8:8">
      <c r="H422879" s="12"/>
    </row>
    <row r="422880" spans="8:8">
      <c r="H422880" s="12"/>
    </row>
    <row r="422881" spans="8:8">
      <c r="H422881" s="12"/>
    </row>
    <row r="422882" spans="8:8">
      <c r="H422882" s="12"/>
    </row>
    <row r="422883" spans="8:8">
      <c r="H422883" s="12"/>
    </row>
    <row r="422884" spans="8:8">
      <c r="H422884" s="12"/>
    </row>
    <row r="422885" spans="8:8">
      <c r="H422885" s="12"/>
    </row>
    <row r="422886" spans="8:8">
      <c r="H422886" s="12"/>
    </row>
    <row r="422887" spans="8:8">
      <c r="H422887" s="12"/>
    </row>
    <row r="422888" spans="8:8">
      <c r="H422888" s="12"/>
    </row>
    <row r="422889" spans="8:8">
      <c r="H422889" s="12"/>
    </row>
    <row r="422890" spans="8:8">
      <c r="H422890" s="12"/>
    </row>
    <row r="422891" spans="8:8">
      <c r="H422891" s="12"/>
    </row>
    <row r="422892" spans="8:8">
      <c r="H422892" s="12"/>
    </row>
    <row r="422893" spans="8:8">
      <c r="H422893" s="12"/>
    </row>
    <row r="422894" spans="8:8">
      <c r="H422894" s="12"/>
    </row>
    <row r="422895" spans="8:8">
      <c r="H422895" s="12"/>
    </row>
    <row r="422896" spans="8:8">
      <c r="H422896" s="12"/>
    </row>
    <row r="422897" spans="8:8">
      <c r="H422897" s="12"/>
    </row>
    <row r="422898" spans="8:8">
      <c r="H422898" s="12"/>
    </row>
    <row r="422899" spans="8:8">
      <c r="H422899" s="12"/>
    </row>
    <row r="422900" spans="8:8">
      <c r="H422900" s="12"/>
    </row>
    <row r="422901" spans="8:8">
      <c r="H422901" s="12"/>
    </row>
    <row r="422902" spans="8:8">
      <c r="H422902" s="12"/>
    </row>
    <row r="422903" spans="8:8">
      <c r="H422903" s="12"/>
    </row>
    <row r="422904" spans="8:8">
      <c r="H422904" s="12"/>
    </row>
    <row r="422905" spans="8:8">
      <c r="H422905" s="12"/>
    </row>
    <row r="422906" spans="8:8">
      <c r="H422906" s="12"/>
    </row>
    <row r="422907" spans="8:8">
      <c r="H422907" s="12"/>
    </row>
    <row r="422908" spans="8:8">
      <c r="H422908" s="12"/>
    </row>
    <row r="422909" spans="8:8">
      <c r="H422909" s="12"/>
    </row>
    <row r="422910" spans="8:8">
      <c r="H422910" s="12"/>
    </row>
    <row r="422911" spans="8:8">
      <c r="H422911" s="12"/>
    </row>
    <row r="422912" spans="8:8">
      <c r="H422912" s="12"/>
    </row>
    <row r="422913" spans="8:8">
      <c r="H422913" s="12"/>
    </row>
    <row r="422914" spans="8:8">
      <c r="H422914" s="12"/>
    </row>
    <row r="422915" spans="8:8">
      <c r="H422915" s="12"/>
    </row>
    <row r="422916" spans="8:8">
      <c r="H422916" s="12"/>
    </row>
    <row r="422917" spans="8:8">
      <c r="H422917" s="12"/>
    </row>
    <row r="422918" spans="8:8">
      <c r="H422918" s="12"/>
    </row>
    <row r="422919" spans="8:8">
      <c r="H422919" s="12"/>
    </row>
    <row r="422920" spans="8:8">
      <c r="H422920" s="12"/>
    </row>
    <row r="422921" spans="8:8">
      <c r="H422921" s="12"/>
    </row>
    <row r="422922" spans="8:8">
      <c r="H422922" s="12"/>
    </row>
    <row r="422923" spans="8:8">
      <c r="H422923" s="12"/>
    </row>
    <row r="422924" spans="8:8">
      <c r="H422924" s="12"/>
    </row>
    <row r="422925" spans="8:8">
      <c r="H422925" s="12"/>
    </row>
    <row r="422926" spans="8:8">
      <c r="H422926" s="12"/>
    </row>
    <row r="422927" spans="8:8">
      <c r="H422927" s="12"/>
    </row>
    <row r="422928" spans="8:8">
      <c r="H422928" s="12"/>
    </row>
    <row r="422929" spans="8:8">
      <c r="H422929" s="12"/>
    </row>
    <row r="422930" spans="8:8">
      <c r="H422930" s="12"/>
    </row>
    <row r="422931" spans="8:8">
      <c r="H422931" s="12"/>
    </row>
    <row r="422932" spans="8:8">
      <c r="H422932" s="12"/>
    </row>
    <row r="422933" spans="8:8">
      <c r="H422933" s="12"/>
    </row>
    <row r="422934" spans="8:8">
      <c r="H422934" s="12"/>
    </row>
    <row r="422935" spans="8:8">
      <c r="H422935" s="12"/>
    </row>
    <row r="422936" spans="8:8">
      <c r="H422936" s="12"/>
    </row>
    <row r="422937" spans="8:8">
      <c r="H422937" s="12"/>
    </row>
    <row r="422938" spans="8:8">
      <c r="H422938" s="12"/>
    </row>
    <row r="422939" spans="8:8">
      <c r="H422939" s="12"/>
    </row>
    <row r="422940" spans="8:8">
      <c r="H422940" s="12"/>
    </row>
    <row r="422941" spans="8:8">
      <c r="H422941" s="12"/>
    </row>
    <row r="422942" spans="8:8">
      <c r="H422942" s="12"/>
    </row>
    <row r="422943" spans="8:8">
      <c r="H422943" s="12"/>
    </row>
    <row r="422944" spans="8:8">
      <c r="H422944" s="12"/>
    </row>
    <row r="422945" spans="8:8">
      <c r="H422945" s="12"/>
    </row>
    <row r="422946" spans="8:8">
      <c r="H422946" s="12"/>
    </row>
    <row r="422947" spans="8:8">
      <c r="H422947" s="12"/>
    </row>
    <row r="422948" spans="8:8">
      <c r="H422948" s="12"/>
    </row>
    <row r="422949" spans="8:8">
      <c r="H422949" s="12"/>
    </row>
    <row r="422950" spans="8:8">
      <c r="H422950" s="12"/>
    </row>
    <row r="422951" spans="8:8">
      <c r="H422951" s="12"/>
    </row>
    <row r="422952" spans="8:8">
      <c r="H422952" s="12"/>
    </row>
    <row r="422953" spans="8:8">
      <c r="H422953" s="12"/>
    </row>
    <row r="422954" spans="8:8">
      <c r="H422954" s="12"/>
    </row>
    <row r="422955" spans="8:8">
      <c r="H422955" s="12"/>
    </row>
    <row r="422956" spans="8:8">
      <c r="H422956" s="12"/>
    </row>
    <row r="422957" spans="8:8">
      <c r="H422957" s="12"/>
    </row>
    <row r="422958" spans="8:8">
      <c r="H422958" s="12"/>
    </row>
    <row r="422959" spans="8:8">
      <c r="H422959" s="12"/>
    </row>
    <row r="422960" spans="8:8">
      <c r="H422960" s="12"/>
    </row>
    <row r="422961" spans="8:8">
      <c r="H422961" s="12"/>
    </row>
    <row r="422962" spans="8:8">
      <c r="H422962" s="12"/>
    </row>
    <row r="422963" spans="8:8">
      <c r="H422963" s="12"/>
    </row>
    <row r="422964" spans="8:8">
      <c r="H422964" s="12"/>
    </row>
    <row r="422965" spans="8:8">
      <c r="H422965" s="12"/>
    </row>
    <row r="422966" spans="8:8">
      <c r="H422966" s="12"/>
    </row>
    <row r="422967" spans="8:8">
      <c r="H422967" s="12"/>
    </row>
    <row r="422968" spans="8:8">
      <c r="H422968" s="12"/>
    </row>
    <row r="422969" spans="8:8">
      <c r="H422969" s="12"/>
    </row>
    <row r="422970" spans="8:8">
      <c r="H422970" s="12"/>
    </row>
    <row r="422971" spans="8:8">
      <c r="H422971" s="12"/>
    </row>
    <row r="422972" spans="8:8">
      <c r="H422972" s="12"/>
    </row>
    <row r="422973" spans="8:8">
      <c r="H422973" s="12"/>
    </row>
    <row r="422974" spans="8:8">
      <c r="H422974" s="12"/>
    </row>
    <row r="422975" spans="8:8">
      <c r="H422975" s="12"/>
    </row>
    <row r="422976" spans="8:8">
      <c r="H422976" s="12"/>
    </row>
    <row r="422977" spans="8:8">
      <c r="H422977" s="12"/>
    </row>
    <row r="422978" spans="8:8">
      <c r="H422978" s="12"/>
    </row>
    <row r="422979" spans="8:8">
      <c r="H422979" s="12"/>
    </row>
    <row r="422980" spans="8:8">
      <c r="H422980" s="12"/>
    </row>
    <row r="422981" spans="8:8">
      <c r="H422981" s="12"/>
    </row>
    <row r="422982" spans="8:8">
      <c r="H422982" s="12"/>
    </row>
    <row r="422983" spans="8:8">
      <c r="H422983" s="12"/>
    </row>
    <row r="422984" spans="8:8">
      <c r="H422984" s="12"/>
    </row>
    <row r="422985" spans="8:8">
      <c r="H422985" s="12"/>
    </row>
    <row r="422986" spans="8:8">
      <c r="H422986" s="12"/>
    </row>
    <row r="422987" spans="8:8">
      <c r="H422987" s="12"/>
    </row>
    <row r="422988" spans="8:8">
      <c r="H422988" s="12"/>
    </row>
    <row r="422989" spans="8:8">
      <c r="H422989" s="12"/>
    </row>
    <row r="422990" spans="8:8">
      <c r="H422990" s="12"/>
    </row>
    <row r="422991" spans="8:8">
      <c r="H422991" s="12"/>
    </row>
    <row r="422992" spans="8:8">
      <c r="H422992" s="12"/>
    </row>
    <row r="422993" spans="8:8">
      <c r="H422993" s="12"/>
    </row>
    <row r="422994" spans="8:8">
      <c r="H422994" s="12"/>
    </row>
    <row r="422995" spans="8:8">
      <c r="H422995" s="12"/>
    </row>
    <row r="422996" spans="8:8">
      <c r="H422996" s="12"/>
    </row>
    <row r="422997" spans="8:8">
      <c r="H422997" s="12"/>
    </row>
    <row r="422998" spans="8:8">
      <c r="H422998" s="12"/>
    </row>
    <row r="422999" spans="8:8">
      <c r="H422999" s="12"/>
    </row>
    <row r="423000" spans="8:8">
      <c r="H423000" s="12"/>
    </row>
    <row r="423001" spans="8:8">
      <c r="H423001" s="12"/>
    </row>
    <row r="423002" spans="8:8">
      <c r="H423002" s="12"/>
    </row>
    <row r="423003" spans="8:8">
      <c r="H423003" s="12"/>
    </row>
    <row r="423004" spans="8:8">
      <c r="H423004" s="12"/>
    </row>
    <row r="423005" spans="8:8">
      <c r="H423005" s="12"/>
    </row>
    <row r="423006" spans="8:8">
      <c r="H423006" s="12"/>
    </row>
    <row r="423007" spans="8:8">
      <c r="H423007" s="12"/>
    </row>
    <row r="423008" spans="8:8">
      <c r="H423008" s="12"/>
    </row>
    <row r="423009" spans="8:8">
      <c r="H423009" s="12"/>
    </row>
    <row r="423010" spans="8:8">
      <c r="H423010" s="12"/>
    </row>
    <row r="423011" spans="8:8">
      <c r="H423011" s="12"/>
    </row>
    <row r="423012" spans="8:8">
      <c r="H423012" s="12"/>
    </row>
    <row r="423013" spans="8:8">
      <c r="H423013" s="12"/>
    </row>
    <row r="423014" spans="8:8">
      <c r="H423014" s="12"/>
    </row>
    <row r="423015" spans="8:8">
      <c r="H423015" s="12"/>
    </row>
    <row r="423016" spans="8:8">
      <c r="H423016" s="12"/>
    </row>
    <row r="423017" spans="8:8">
      <c r="H423017" s="12"/>
    </row>
    <row r="423018" spans="8:8">
      <c r="H423018" s="12"/>
    </row>
    <row r="423019" spans="8:8">
      <c r="H423019" s="12"/>
    </row>
    <row r="423020" spans="8:8">
      <c r="H423020" s="12"/>
    </row>
    <row r="423021" spans="8:8">
      <c r="H423021" s="12"/>
    </row>
    <row r="423022" spans="8:8">
      <c r="H423022" s="12"/>
    </row>
    <row r="423023" spans="8:8">
      <c r="H423023" s="12"/>
    </row>
    <row r="423024" spans="8:8">
      <c r="H423024" s="12"/>
    </row>
    <row r="423025" spans="8:8">
      <c r="H423025" s="12"/>
    </row>
    <row r="423026" spans="8:8">
      <c r="H423026" s="12"/>
    </row>
    <row r="423027" spans="8:8">
      <c r="H423027" s="12"/>
    </row>
    <row r="423028" spans="8:8">
      <c r="H423028" s="12"/>
    </row>
    <row r="423029" spans="8:8">
      <c r="H423029" s="12"/>
    </row>
    <row r="423030" spans="8:8">
      <c r="H423030" s="12"/>
    </row>
    <row r="423031" spans="8:8">
      <c r="H423031" s="12"/>
    </row>
    <row r="423032" spans="8:8">
      <c r="H423032" s="12"/>
    </row>
    <row r="423033" spans="8:8">
      <c r="H423033" s="12"/>
    </row>
    <row r="423034" spans="8:8">
      <c r="H423034" s="12"/>
    </row>
    <row r="423035" spans="8:8">
      <c r="H423035" s="12"/>
    </row>
    <row r="423036" spans="8:8">
      <c r="H423036" s="12"/>
    </row>
    <row r="423037" spans="8:8">
      <c r="H423037" s="12"/>
    </row>
    <row r="423038" spans="8:8">
      <c r="H423038" s="12"/>
    </row>
    <row r="423039" spans="8:8">
      <c r="H423039" s="12"/>
    </row>
    <row r="423040" spans="8:8">
      <c r="H423040" s="12"/>
    </row>
    <row r="423041" spans="8:8">
      <c r="H423041" s="12"/>
    </row>
    <row r="423042" spans="8:8">
      <c r="H423042" s="12"/>
    </row>
    <row r="423043" spans="8:8">
      <c r="H423043" s="12"/>
    </row>
    <row r="423044" spans="8:8">
      <c r="H423044" s="12"/>
    </row>
    <row r="423045" spans="8:8">
      <c r="H423045" s="12"/>
    </row>
    <row r="423046" spans="8:8">
      <c r="H423046" s="12"/>
    </row>
    <row r="423047" spans="8:8">
      <c r="H423047" s="12"/>
    </row>
    <row r="423048" spans="8:8">
      <c r="H423048" s="12"/>
    </row>
    <row r="423049" spans="8:8">
      <c r="H423049" s="12"/>
    </row>
    <row r="423050" spans="8:8">
      <c r="H423050" s="12"/>
    </row>
    <row r="423051" spans="8:8">
      <c r="H423051" s="12"/>
    </row>
    <row r="423052" spans="8:8">
      <c r="H423052" s="12"/>
    </row>
    <row r="423053" spans="8:8">
      <c r="H423053" s="12"/>
    </row>
    <row r="423054" spans="8:8">
      <c r="H423054" s="12"/>
    </row>
    <row r="423055" spans="8:8">
      <c r="H423055" s="12"/>
    </row>
    <row r="423056" spans="8:8">
      <c r="H423056" s="12"/>
    </row>
    <row r="423057" spans="8:8">
      <c r="H423057" s="12"/>
    </row>
    <row r="423058" spans="8:8">
      <c r="H423058" s="12"/>
    </row>
    <row r="423059" spans="8:8">
      <c r="H423059" s="12"/>
    </row>
    <row r="423060" spans="8:8">
      <c r="H423060" s="12"/>
    </row>
    <row r="423061" spans="8:8">
      <c r="H423061" s="12"/>
    </row>
    <row r="423062" spans="8:8">
      <c r="H423062" s="12"/>
    </row>
    <row r="423063" spans="8:8">
      <c r="H423063" s="12"/>
    </row>
    <row r="423064" spans="8:8">
      <c r="H423064" s="12"/>
    </row>
    <row r="423065" spans="8:8">
      <c r="H423065" s="12"/>
    </row>
    <row r="423066" spans="8:8">
      <c r="H423066" s="12"/>
    </row>
    <row r="423067" spans="8:8">
      <c r="H423067" s="12"/>
    </row>
    <row r="423068" spans="8:8">
      <c r="H423068" s="12"/>
    </row>
    <row r="423069" spans="8:8">
      <c r="H423069" s="12"/>
    </row>
    <row r="423070" spans="8:8">
      <c r="H423070" s="12"/>
    </row>
    <row r="423071" spans="8:8">
      <c r="H423071" s="12"/>
    </row>
    <row r="423072" spans="8:8">
      <c r="H423072" s="12"/>
    </row>
    <row r="423073" spans="8:8">
      <c r="H423073" s="12"/>
    </row>
    <row r="423074" spans="8:8">
      <c r="H423074" s="12"/>
    </row>
    <row r="423075" spans="8:8">
      <c r="H423075" s="12"/>
    </row>
    <row r="423076" spans="8:8">
      <c r="H423076" s="12"/>
    </row>
    <row r="423077" spans="8:8">
      <c r="H423077" s="12"/>
    </row>
    <row r="423078" spans="8:8">
      <c r="H423078" s="12"/>
    </row>
    <row r="423079" spans="8:8">
      <c r="H423079" s="12"/>
    </row>
    <row r="423080" spans="8:8">
      <c r="H423080" s="12"/>
    </row>
    <row r="423081" spans="8:8">
      <c r="H423081" s="12"/>
    </row>
    <row r="423082" spans="8:8">
      <c r="H423082" s="12"/>
    </row>
    <row r="423083" spans="8:8">
      <c r="H423083" s="12"/>
    </row>
    <row r="423084" spans="8:8">
      <c r="H423084" s="12"/>
    </row>
    <row r="423085" spans="8:8">
      <c r="H423085" s="12"/>
    </row>
    <row r="423086" spans="8:8">
      <c r="H423086" s="12"/>
    </row>
    <row r="423087" spans="8:8">
      <c r="H423087" s="12"/>
    </row>
    <row r="423088" spans="8:8">
      <c r="H423088" s="12"/>
    </row>
    <row r="423089" spans="8:8">
      <c r="H423089" s="12"/>
    </row>
    <row r="423090" spans="8:8">
      <c r="H423090" s="12"/>
    </row>
    <row r="423091" spans="8:8">
      <c r="H423091" s="12"/>
    </row>
    <row r="423092" spans="8:8">
      <c r="H423092" s="12"/>
    </row>
    <row r="423093" spans="8:8">
      <c r="H423093" s="12"/>
    </row>
    <row r="423094" spans="8:8">
      <c r="H423094" s="12"/>
    </row>
    <row r="423095" spans="8:8">
      <c r="H423095" s="12"/>
    </row>
    <row r="423096" spans="8:8">
      <c r="H423096" s="12"/>
    </row>
    <row r="423097" spans="8:8">
      <c r="H423097" s="12"/>
    </row>
    <row r="423098" spans="8:8">
      <c r="H423098" s="12"/>
    </row>
    <row r="423099" spans="8:8">
      <c r="H423099" s="12"/>
    </row>
    <row r="423100" spans="8:8">
      <c r="H423100" s="12"/>
    </row>
    <row r="423101" spans="8:8">
      <c r="H423101" s="12"/>
    </row>
    <row r="423102" spans="8:8">
      <c r="H423102" s="12"/>
    </row>
    <row r="423103" spans="8:8">
      <c r="H423103" s="12"/>
    </row>
    <row r="423104" spans="8:8">
      <c r="H423104" s="12"/>
    </row>
    <row r="423105" spans="8:8">
      <c r="H423105" s="12"/>
    </row>
    <row r="423106" spans="8:8">
      <c r="H423106" s="12"/>
    </row>
    <row r="423107" spans="8:8">
      <c r="H423107" s="12"/>
    </row>
    <row r="423108" spans="8:8">
      <c r="H423108" s="12"/>
    </row>
    <row r="423109" spans="8:8">
      <c r="H423109" s="12"/>
    </row>
    <row r="423110" spans="8:8">
      <c r="H423110" s="12"/>
    </row>
    <row r="423111" spans="8:8">
      <c r="H423111" s="12"/>
    </row>
    <row r="423112" spans="8:8">
      <c r="H423112" s="12"/>
    </row>
    <row r="423113" spans="8:8">
      <c r="H423113" s="12"/>
    </row>
    <row r="423114" spans="8:8">
      <c r="H423114" s="12"/>
    </row>
    <row r="423115" spans="8:8">
      <c r="H423115" s="12"/>
    </row>
    <row r="423116" spans="8:8">
      <c r="H423116" s="12"/>
    </row>
    <row r="423117" spans="8:8">
      <c r="H423117" s="12"/>
    </row>
    <row r="423118" spans="8:8">
      <c r="H423118" s="12"/>
    </row>
    <row r="423119" spans="8:8">
      <c r="H423119" s="12"/>
    </row>
    <row r="423120" spans="8:8">
      <c r="H423120" s="12"/>
    </row>
    <row r="423121" spans="8:8">
      <c r="H423121" s="12"/>
    </row>
    <row r="423122" spans="8:8">
      <c r="H423122" s="12"/>
    </row>
    <row r="423123" spans="8:8">
      <c r="H423123" s="12"/>
    </row>
    <row r="423124" spans="8:8">
      <c r="H423124" s="12"/>
    </row>
    <row r="423125" spans="8:8">
      <c r="H423125" s="12"/>
    </row>
    <row r="423126" spans="8:8">
      <c r="H423126" s="12"/>
    </row>
    <row r="423127" spans="8:8">
      <c r="H423127" s="12"/>
    </row>
    <row r="423128" spans="8:8">
      <c r="H423128" s="12"/>
    </row>
    <row r="423129" spans="8:8">
      <c r="H423129" s="12"/>
    </row>
    <row r="423130" spans="8:8">
      <c r="H423130" s="12"/>
    </row>
    <row r="423131" spans="8:8">
      <c r="H423131" s="12"/>
    </row>
    <row r="423132" spans="8:8">
      <c r="H423132" s="12"/>
    </row>
    <row r="423133" spans="8:8">
      <c r="H423133" s="12"/>
    </row>
    <row r="423134" spans="8:8">
      <c r="H423134" s="12"/>
    </row>
    <row r="423135" spans="8:8">
      <c r="H423135" s="12"/>
    </row>
    <row r="423136" spans="8:8">
      <c r="H423136" s="12"/>
    </row>
    <row r="423137" spans="8:8">
      <c r="H423137" s="12"/>
    </row>
    <row r="423138" spans="8:8">
      <c r="H423138" s="12"/>
    </row>
    <row r="423139" spans="8:8">
      <c r="H423139" s="12"/>
    </row>
    <row r="423140" spans="8:8">
      <c r="H423140" s="12"/>
    </row>
    <row r="423141" spans="8:8">
      <c r="H423141" s="12"/>
    </row>
    <row r="423142" spans="8:8">
      <c r="H423142" s="12"/>
    </row>
    <row r="423143" spans="8:8">
      <c r="H423143" s="12"/>
    </row>
    <row r="423144" spans="8:8">
      <c r="H423144" s="12"/>
    </row>
    <row r="423145" spans="8:8">
      <c r="H423145" s="12"/>
    </row>
    <row r="423146" spans="8:8">
      <c r="H423146" s="12"/>
    </row>
    <row r="423147" spans="8:8">
      <c r="H423147" s="12"/>
    </row>
    <row r="423148" spans="8:8">
      <c r="H423148" s="12"/>
    </row>
    <row r="423149" spans="8:8">
      <c r="H423149" s="12"/>
    </row>
    <row r="423150" spans="8:8">
      <c r="H423150" s="12"/>
    </row>
    <row r="423151" spans="8:8">
      <c r="H423151" s="12"/>
    </row>
    <row r="423152" spans="8:8">
      <c r="H423152" s="12"/>
    </row>
    <row r="423153" spans="8:8">
      <c r="H423153" s="12"/>
    </row>
    <row r="423154" spans="8:8">
      <c r="H423154" s="12"/>
    </row>
    <row r="423155" spans="8:8">
      <c r="H423155" s="12"/>
    </row>
    <row r="423156" spans="8:8">
      <c r="H423156" s="12"/>
    </row>
    <row r="423157" spans="8:8">
      <c r="H423157" s="12"/>
    </row>
    <row r="423158" spans="8:8">
      <c r="H423158" s="12"/>
    </row>
    <row r="423159" spans="8:8">
      <c r="H423159" s="12"/>
    </row>
    <row r="423160" spans="8:8">
      <c r="H423160" s="12"/>
    </row>
    <row r="423161" spans="8:8">
      <c r="H423161" s="12"/>
    </row>
    <row r="423162" spans="8:8">
      <c r="H423162" s="12"/>
    </row>
    <row r="423163" spans="8:8">
      <c r="H423163" s="12"/>
    </row>
    <row r="423164" spans="8:8">
      <c r="H423164" s="12"/>
    </row>
    <row r="423165" spans="8:8">
      <c r="H423165" s="12"/>
    </row>
    <row r="423166" spans="8:8">
      <c r="H423166" s="12"/>
    </row>
    <row r="423167" spans="8:8">
      <c r="H423167" s="12"/>
    </row>
    <row r="423168" spans="8:8">
      <c r="H423168" s="12"/>
    </row>
    <row r="423169" spans="8:8">
      <c r="H423169" s="12"/>
    </row>
    <row r="423170" spans="8:8">
      <c r="H423170" s="12"/>
    </row>
    <row r="423171" spans="8:8">
      <c r="H423171" s="12"/>
    </row>
    <row r="423172" spans="8:8">
      <c r="H423172" s="12"/>
    </row>
    <row r="423173" spans="8:8">
      <c r="H423173" s="12"/>
    </row>
    <row r="423174" spans="8:8">
      <c r="H423174" s="12"/>
    </row>
    <row r="423175" spans="8:8">
      <c r="H423175" s="12"/>
    </row>
    <row r="423176" spans="8:8">
      <c r="H423176" s="12"/>
    </row>
    <row r="423177" spans="8:8">
      <c r="H423177" s="12"/>
    </row>
    <row r="423178" spans="8:8">
      <c r="H423178" s="12"/>
    </row>
    <row r="423179" spans="8:8">
      <c r="H423179" s="12"/>
    </row>
    <row r="423180" spans="8:8">
      <c r="H423180" s="12"/>
    </row>
    <row r="423181" spans="8:8">
      <c r="H423181" s="12"/>
    </row>
    <row r="423182" spans="8:8">
      <c r="H423182" s="12"/>
    </row>
    <row r="423183" spans="8:8">
      <c r="H423183" s="12"/>
    </row>
    <row r="423184" spans="8:8">
      <c r="H423184" s="12"/>
    </row>
    <row r="423185" spans="8:8">
      <c r="H423185" s="12"/>
    </row>
    <row r="423186" spans="8:8">
      <c r="H423186" s="12"/>
    </row>
    <row r="423187" spans="8:8">
      <c r="H423187" s="12"/>
    </row>
    <row r="423188" spans="8:8">
      <c r="H423188" s="12"/>
    </row>
    <row r="423189" spans="8:8">
      <c r="H423189" s="12"/>
    </row>
    <row r="423190" spans="8:8">
      <c r="H423190" s="12"/>
    </row>
    <row r="423191" spans="8:8">
      <c r="H423191" s="12"/>
    </row>
    <row r="423192" spans="8:8">
      <c r="H423192" s="12"/>
    </row>
    <row r="423193" spans="8:8">
      <c r="H423193" s="12"/>
    </row>
    <row r="423194" spans="8:8">
      <c r="H423194" s="12"/>
    </row>
    <row r="423195" spans="8:8">
      <c r="H423195" s="12"/>
    </row>
    <row r="423196" spans="8:8">
      <c r="H423196" s="12"/>
    </row>
    <row r="423197" spans="8:8">
      <c r="H423197" s="12"/>
    </row>
    <row r="423198" spans="8:8">
      <c r="H423198" s="12"/>
    </row>
    <row r="423199" spans="8:8">
      <c r="H423199" s="12"/>
    </row>
    <row r="423200" spans="8:8">
      <c r="H423200" s="12"/>
    </row>
    <row r="423201" spans="8:8">
      <c r="H423201" s="12"/>
    </row>
    <row r="423202" spans="8:8">
      <c r="H423202" s="12"/>
    </row>
    <row r="423203" spans="8:8">
      <c r="H423203" s="12"/>
    </row>
    <row r="423204" spans="8:8">
      <c r="H423204" s="12"/>
    </row>
    <row r="423205" spans="8:8">
      <c r="H423205" s="12"/>
    </row>
    <row r="423206" spans="8:8">
      <c r="H423206" s="12"/>
    </row>
    <row r="423207" spans="8:8">
      <c r="H423207" s="12"/>
    </row>
    <row r="423208" spans="8:8">
      <c r="H423208" s="12"/>
    </row>
    <row r="423209" spans="8:8">
      <c r="H423209" s="12"/>
    </row>
    <row r="423210" spans="8:8">
      <c r="H423210" s="12"/>
    </row>
    <row r="423211" spans="8:8">
      <c r="H423211" s="12"/>
    </row>
    <row r="423212" spans="8:8">
      <c r="H423212" s="12"/>
    </row>
    <row r="423213" spans="8:8">
      <c r="H423213" s="12"/>
    </row>
    <row r="423214" spans="8:8">
      <c r="H423214" s="12"/>
    </row>
    <row r="423215" spans="8:8">
      <c r="H423215" s="12"/>
    </row>
    <row r="423216" spans="8:8">
      <c r="H423216" s="12"/>
    </row>
    <row r="423217" spans="8:8">
      <c r="H423217" s="12"/>
    </row>
    <row r="423218" spans="8:8">
      <c r="H423218" s="12"/>
    </row>
    <row r="423219" spans="8:8">
      <c r="H423219" s="12"/>
    </row>
    <row r="423220" spans="8:8">
      <c r="H423220" s="12"/>
    </row>
    <row r="423221" spans="8:8">
      <c r="H423221" s="12"/>
    </row>
    <row r="423222" spans="8:8">
      <c r="H423222" s="12"/>
    </row>
    <row r="423223" spans="8:8">
      <c r="H423223" s="12"/>
    </row>
    <row r="423224" spans="8:8">
      <c r="H423224" s="12"/>
    </row>
    <row r="423225" spans="8:8">
      <c r="H423225" s="12"/>
    </row>
    <row r="423226" spans="8:8">
      <c r="H423226" s="12"/>
    </row>
    <row r="423227" spans="8:8">
      <c r="H423227" s="12"/>
    </row>
    <row r="423228" spans="8:8">
      <c r="H423228" s="12"/>
    </row>
    <row r="423229" spans="8:8">
      <c r="H423229" s="12"/>
    </row>
    <row r="423230" spans="8:8">
      <c r="H423230" s="12"/>
    </row>
    <row r="423231" spans="8:8">
      <c r="H423231" s="12"/>
    </row>
    <row r="423232" spans="8:8">
      <c r="H423232" s="12"/>
    </row>
    <row r="423233" spans="8:8">
      <c r="H423233" s="12"/>
    </row>
    <row r="423234" spans="8:8">
      <c r="H423234" s="12"/>
    </row>
    <row r="423235" spans="8:8">
      <c r="H423235" s="12"/>
    </row>
    <row r="423236" spans="8:8">
      <c r="H423236" s="12"/>
    </row>
    <row r="423237" spans="8:8">
      <c r="H423237" s="12"/>
    </row>
    <row r="423238" spans="8:8">
      <c r="H423238" s="12"/>
    </row>
    <row r="423239" spans="8:8">
      <c r="H423239" s="12"/>
    </row>
    <row r="423240" spans="8:8">
      <c r="H423240" s="12"/>
    </row>
    <row r="423241" spans="8:8">
      <c r="H423241" s="12"/>
    </row>
    <row r="423242" spans="8:8">
      <c r="H423242" s="12"/>
    </row>
    <row r="423243" spans="8:8">
      <c r="H423243" s="12"/>
    </row>
    <row r="423244" spans="8:8">
      <c r="H423244" s="12"/>
    </row>
    <row r="423245" spans="8:8">
      <c r="H423245" s="12"/>
    </row>
    <row r="423246" spans="8:8">
      <c r="H423246" s="12"/>
    </row>
    <row r="423247" spans="8:8">
      <c r="H423247" s="12"/>
    </row>
    <row r="423248" spans="8:8">
      <c r="H423248" s="12"/>
    </row>
    <row r="423249" spans="8:8">
      <c r="H423249" s="12"/>
    </row>
    <row r="423250" spans="8:8">
      <c r="H423250" s="12"/>
    </row>
    <row r="423251" spans="8:8">
      <c r="H423251" s="12"/>
    </row>
    <row r="423252" spans="8:8">
      <c r="H423252" s="12"/>
    </row>
    <row r="423253" spans="8:8">
      <c r="H423253" s="12"/>
    </row>
    <row r="423254" spans="8:8">
      <c r="H423254" s="12"/>
    </row>
    <row r="423255" spans="8:8">
      <c r="H423255" s="12"/>
    </row>
    <row r="423256" spans="8:8">
      <c r="H423256" s="12"/>
    </row>
    <row r="423257" spans="8:8">
      <c r="H423257" s="12"/>
    </row>
    <row r="423258" spans="8:8">
      <c r="H423258" s="12"/>
    </row>
    <row r="423259" spans="8:8">
      <c r="H423259" s="12"/>
    </row>
    <row r="423260" spans="8:8">
      <c r="H423260" s="12"/>
    </row>
    <row r="423261" spans="8:8">
      <c r="H423261" s="12"/>
    </row>
    <row r="423262" spans="8:8">
      <c r="H423262" s="12"/>
    </row>
    <row r="423263" spans="8:8">
      <c r="H423263" s="12"/>
    </row>
    <row r="423264" spans="8:8">
      <c r="H423264" s="12"/>
    </row>
    <row r="423265" spans="8:8">
      <c r="H423265" s="12"/>
    </row>
    <row r="423266" spans="8:8">
      <c r="H423266" s="12"/>
    </row>
    <row r="423267" spans="8:8">
      <c r="H423267" s="12"/>
    </row>
    <row r="423268" spans="8:8">
      <c r="H423268" s="12"/>
    </row>
    <row r="423269" spans="8:8">
      <c r="H423269" s="12"/>
    </row>
    <row r="423270" spans="8:8">
      <c r="H423270" s="12"/>
    </row>
    <row r="423271" spans="8:8">
      <c r="H423271" s="12"/>
    </row>
    <row r="423272" spans="8:8">
      <c r="H423272" s="12"/>
    </row>
    <row r="423273" spans="8:8">
      <c r="H423273" s="12"/>
    </row>
    <row r="423274" spans="8:8">
      <c r="H423274" s="12"/>
    </row>
    <row r="423275" spans="8:8">
      <c r="H423275" s="12"/>
    </row>
    <row r="423276" spans="8:8">
      <c r="H423276" s="12"/>
    </row>
    <row r="423277" spans="8:8">
      <c r="H423277" s="12"/>
    </row>
    <row r="423278" spans="8:8">
      <c r="H423278" s="12"/>
    </row>
    <row r="423279" spans="8:8">
      <c r="H423279" s="12"/>
    </row>
    <row r="423280" spans="8:8">
      <c r="H423280" s="12"/>
    </row>
    <row r="423281" spans="8:8">
      <c r="H423281" s="12"/>
    </row>
    <row r="423282" spans="8:8">
      <c r="H423282" s="12"/>
    </row>
    <row r="423283" spans="8:8">
      <c r="H423283" s="12"/>
    </row>
    <row r="423284" spans="8:8">
      <c r="H423284" s="12"/>
    </row>
    <row r="423285" spans="8:8">
      <c r="H423285" s="12"/>
    </row>
    <row r="423286" spans="8:8">
      <c r="H423286" s="12"/>
    </row>
    <row r="423287" spans="8:8">
      <c r="H423287" s="12"/>
    </row>
    <row r="423288" spans="8:8">
      <c r="H423288" s="12"/>
    </row>
    <row r="423289" spans="8:8">
      <c r="H423289" s="12"/>
    </row>
    <row r="423290" spans="8:8">
      <c r="H423290" s="12"/>
    </row>
    <row r="423291" spans="8:8">
      <c r="H423291" s="12"/>
    </row>
    <row r="423292" spans="8:8">
      <c r="H423292" s="12"/>
    </row>
    <row r="423293" spans="8:8">
      <c r="H423293" s="12"/>
    </row>
    <row r="423294" spans="8:8">
      <c r="H423294" s="12"/>
    </row>
    <row r="423295" spans="8:8">
      <c r="H423295" s="12"/>
    </row>
    <row r="423296" spans="8:8">
      <c r="H423296" s="12"/>
    </row>
    <row r="423297" spans="8:8">
      <c r="H423297" s="12"/>
    </row>
    <row r="423298" spans="8:8">
      <c r="H423298" s="12"/>
    </row>
    <row r="423299" spans="8:8">
      <c r="H423299" s="12"/>
    </row>
    <row r="423300" spans="8:8">
      <c r="H423300" s="12"/>
    </row>
    <row r="423301" spans="8:8">
      <c r="H423301" s="12"/>
    </row>
    <row r="423302" spans="8:8">
      <c r="H423302" s="12"/>
    </row>
    <row r="423303" spans="8:8">
      <c r="H423303" s="12"/>
    </row>
    <row r="423304" spans="8:8">
      <c r="H423304" s="12"/>
    </row>
    <row r="423305" spans="8:8">
      <c r="H423305" s="12"/>
    </row>
    <row r="423306" spans="8:8">
      <c r="H423306" s="12"/>
    </row>
    <row r="423307" spans="8:8">
      <c r="H423307" s="12"/>
    </row>
    <row r="423308" spans="8:8">
      <c r="H423308" s="12"/>
    </row>
    <row r="423309" spans="8:8">
      <c r="H423309" s="12"/>
    </row>
    <row r="423310" spans="8:8">
      <c r="H423310" s="12"/>
    </row>
    <row r="423311" spans="8:8">
      <c r="H423311" s="12"/>
    </row>
    <row r="423312" spans="8:8">
      <c r="H423312" s="12"/>
    </row>
    <row r="423313" spans="8:8">
      <c r="H423313" s="12"/>
    </row>
    <row r="423314" spans="8:8">
      <c r="H423314" s="12"/>
    </row>
    <row r="423315" spans="8:8">
      <c r="H423315" s="12"/>
    </row>
    <row r="423316" spans="8:8">
      <c r="H423316" s="12"/>
    </row>
    <row r="423317" spans="8:8">
      <c r="H423317" s="12"/>
    </row>
    <row r="423318" spans="8:8">
      <c r="H423318" s="12"/>
    </row>
    <row r="423319" spans="8:8">
      <c r="H423319" s="12"/>
    </row>
    <row r="423320" spans="8:8">
      <c r="H423320" s="12"/>
    </row>
    <row r="423321" spans="8:8">
      <c r="H423321" s="12"/>
    </row>
    <row r="423322" spans="8:8">
      <c r="H423322" s="12"/>
    </row>
    <row r="423323" spans="8:8">
      <c r="H423323" s="12"/>
    </row>
    <row r="423324" spans="8:8">
      <c r="H423324" s="12"/>
    </row>
    <row r="423325" spans="8:8">
      <c r="H423325" s="12"/>
    </row>
    <row r="423326" spans="8:8">
      <c r="H423326" s="12"/>
    </row>
    <row r="423327" spans="8:8">
      <c r="H423327" s="12"/>
    </row>
    <row r="423328" spans="8:8">
      <c r="H423328" s="12"/>
    </row>
    <row r="423329" spans="8:8">
      <c r="H423329" s="12"/>
    </row>
    <row r="423330" spans="8:8">
      <c r="H423330" s="12"/>
    </row>
    <row r="423331" spans="8:8">
      <c r="H423331" s="12"/>
    </row>
    <row r="423332" spans="8:8">
      <c r="H423332" s="12"/>
    </row>
    <row r="423333" spans="8:8">
      <c r="H423333" s="12"/>
    </row>
    <row r="423334" spans="8:8">
      <c r="H423334" s="12"/>
    </row>
    <row r="423335" spans="8:8">
      <c r="H423335" s="12"/>
    </row>
    <row r="423336" spans="8:8">
      <c r="H423336" s="12"/>
    </row>
    <row r="423337" spans="8:8">
      <c r="H423337" s="12"/>
    </row>
    <row r="423338" spans="8:8">
      <c r="H423338" s="12"/>
    </row>
    <row r="423339" spans="8:8">
      <c r="H423339" s="12"/>
    </row>
    <row r="423340" spans="8:8">
      <c r="H423340" s="12"/>
    </row>
    <row r="423341" spans="8:8">
      <c r="H423341" s="12"/>
    </row>
    <row r="423342" spans="8:8">
      <c r="H423342" s="12"/>
    </row>
    <row r="423343" spans="8:8">
      <c r="H423343" s="12"/>
    </row>
    <row r="423344" spans="8:8">
      <c r="H423344" s="12"/>
    </row>
    <row r="423345" spans="8:8">
      <c r="H423345" s="12"/>
    </row>
    <row r="423346" spans="8:8">
      <c r="H423346" s="12"/>
    </row>
    <row r="423347" spans="8:8">
      <c r="H423347" s="12"/>
    </row>
    <row r="423348" spans="8:8">
      <c r="H423348" s="12"/>
    </row>
    <row r="423349" spans="8:8">
      <c r="H423349" s="12"/>
    </row>
    <row r="423350" spans="8:8">
      <c r="H423350" s="12"/>
    </row>
    <row r="423351" spans="8:8">
      <c r="H423351" s="12"/>
    </row>
    <row r="423352" spans="8:8">
      <c r="H423352" s="12"/>
    </row>
    <row r="423353" spans="8:8">
      <c r="H423353" s="12"/>
    </row>
    <row r="423354" spans="8:8">
      <c r="H423354" s="12"/>
    </row>
    <row r="423355" spans="8:8">
      <c r="H423355" s="12"/>
    </row>
    <row r="423356" spans="8:8">
      <c r="H423356" s="12"/>
    </row>
    <row r="423357" spans="8:8">
      <c r="H423357" s="12"/>
    </row>
    <row r="423358" spans="8:8">
      <c r="H423358" s="12"/>
    </row>
    <row r="423359" spans="8:8">
      <c r="H423359" s="12"/>
    </row>
    <row r="423360" spans="8:8">
      <c r="H423360" s="12"/>
    </row>
    <row r="423361" spans="8:8">
      <c r="H423361" s="12"/>
    </row>
    <row r="423362" spans="8:8">
      <c r="H423362" s="12"/>
    </row>
    <row r="423363" spans="8:8">
      <c r="H423363" s="12"/>
    </row>
    <row r="423364" spans="8:8">
      <c r="H423364" s="12"/>
    </row>
    <row r="423365" spans="8:8">
      <c r="H423365" s="12"/>
    </row>
    <row r="423366" spans="8:8">
      <c r="H423366" s="12"/>
    </row>
    <row r="423367" spans="8:8">
      <c r="H423367" s="12"/>
    </row>
    <row r="423368" spans="8:8">
      <c r="H423368" s="12"/>
    </row>
    <row r="423369" spans="8:8">
      <c r="H423369" s="12"/>
    </row>
    <row r="423370" spans="8:8">
      <c r="H423370" s="12"/>
    </row>
    <row r="423371" spans="8:8">
      <c r="H423371" s="12"/>
    </row>
    <row r="423372" spans="8:8">
      <c r="H423372" s="12"/>
    </row>
    <row r="423373" spans="8:8">
      <c r="H423373" s="12"/>
    </row>
    <row r="423374" spans="8:8">
      <c r="H423374" s="12"/>
    </row>
    <row r="423375" spans="8:8">
      <c r="H423375" s="12"/>
    </row>
    <row r="423376" spans="8:8">
      <c r="H423376" s="12"/>
    </row>
    <row r="423377" spans="8:8">
      <c r="H423377" s="12"/>
    </row>
    <row r="423378" spans="8:8">
      <c r="H423378" s="12"/>
    </row>
    <row r="423379" spans="8:8">
      <c r="H423379" s="12"/>
    </row>
    <row r="423380" spans="8:8">
      <c r="H423380" s="12"/>
    </row>
    <row r="423381" spans="8:8">
      <c r="H423381" s="12"/>
    </row>
    <row r="423382" spans="8:8">
      <c r="H423382" s="12"/>
    </row>
    <row r="423383" spans="8:8">
      <c r="H423383" s="12"/>
    </row>
    <row r="423384" spans="8:8">
      <c r="H423384" s="12"/>
    </row>
    <row r="423385" spans="8:8">
      <c r="H423385" s="12"/>
    </row>
    <row r="423386" spans="8:8">
      <c r="H423386" s="12"/>
    </row>
    <row r="423387" spans="8:8">
      <c r="H423387" s="12"/>
    </row>
    <row r="423388" spans="8:8">
      <c r="H423388" s="12"/>
    </row>
    <row r="423389" spans="8:8">
      <c r="H423389" s="12"/>
    </row>
    <row r="423390" spans="8:8">
      <c r="H423390" s="12"/>
    </row>
    <row r="423391" spans="8:8">
      <c r="H423391" s="12"/>
    </row>
    <row r="423392" spans="8:8">
      <c r="H423392" s="12"/>
    </row>
    <row r="423393" spans="8:8">
      <c r="H423393" s="12"/>
    </row>
    <row r="423394" spans="8:8">
      <c r="H423394" s="12"/>
    </row>
    <row r="423395" spans="8:8">
      <c r="H423395" s="12"/>
    </row>
    <row r="423396" spans="8:8">
      <c r="H423396" s="12"/>
    </row>
    <row r="423397" spans="8:8">
      <c r="H423397" s="12"/>
    </row>
    <row r="423398" spans="8:8">
      <c r="H423398" s="12"/>
    </row>
    <row r="423399" spans="8:8">
      <c r="H423399" s="12"/>
    </row>
    <row r="423400" spans="8:8">
      <c r="H423400" s="12"/>
    </row>
    <row r="423401" spans="8:8">
      <c r="H423401" s="12"/>
    </row>
    <row r="423402" spans="8:8">
      <c r="H423402" s="12"/>
    </row>
    <row r="423403" spans="8:8">
      <c r="H423403" s="12"/>
    </row>
    <row r="423404" spans="8:8">
      <c r="H423404" s="12"/>
    </row>
    <row r="423405" spans="8:8">
      <c r="H423405" s="12"/>
    </row>
    <row r="423406" spans="8:8">
      <c r="H423406" s="12"/>
    </row>
    <row r="423407" spans="8:8">
      <c r="H423407" s="12"/>
    </row>
    <row r="423408" spans="8:8">
      <c r="H423408" s="12"/>
    </row>
    <row r="423409" spans="8:8">
      <c r="H423409" s="12"/>
    </row>
    <row r="423410" spans="8:8">
      <c r="H423410" s="12"/>
    </row>
    <row r="423411" spans="8:8">
      <c r="H423411" s="12"/>
    </row>
    <row r="423412" spans="8:8">
      <c r="H423412" s="12"/>
    </row>
    <row r="423413" spans="8:8">
      <c r="H423413" s="12"/>
    </row>
    <row r="423414" spans="8:8">
      <c r="H423414" s="12"/>
    </row>
    <row r="423415" spans="8:8">
      <c r="H423415" s="12"/>
    </row>
    <row r="423416" spans="8:8">
      <c r="H423416" s="12"/>
    </row>
    <row r="423417" spans="8:8">
      <c r="H423417" s="12"/>
    </row>
    <row r="423418" spans="8:8">
      <c r="H423418" s="12"/>
    </row>
    <row r="423419" spans="8:8">
      <c r="H423419" s="12"/>
    </row>
    <row r="423420" spans="8:8">
      <c r="H423420" s="12"/>
    </row>
    <row r="423421" spans="8:8">
      <c r="H423421" s="12"/>
    </row>
    <row r="423422" spans="8:8">
      <c r="H423422" s="12"/>
    </row>
    <row r="423423" spans="8:8">
      <c r="H423423" s="12"/>
    </row>
    <row r="423424" spans="8:8">
      <c r="H423424" s="12"/>
    </row>
    <row r="423425" spans="8:8">
      <c r="H423425" s="12"/>
    </row>
    <row r="423426" spans="8:8">
      <c r="H423426" s="12"/>
    </row>
    <row r="423427" spans="8:8">
      <c r="H423427" s="12"/>
    </row>
    <row r="423428" spans="8:8">
      <c r="H423428" s="12"/>
    </row>
    <row r="423429" spans="8:8">
      <c r="H423429" s="12"/>
    </row>
    <row r="423430" spans="8:8">
      <c r="H423430" s="12"/>
    </row>
    <row r="423431" spans="8:8">
      <c r="H423431" s="12"/>
    </row>
    <row r="423432" spans="8:8">
      <c r="H423432" s="12"/>
    </row>
    <row r="423433" spans="8:8">
      <c r="H423433" s="12"/>
    </row>
    <row r="423434" spans="8:8">
      <c r="H423434" s="12"/>
    </row>
    <row r="423435" spans="8:8">
      <c r="H423435" s="12"/>
    </row>
    <row r="423436" spans="8:8">
      <c r="H423436" s="12"/>
    </row>
    <row r="423437" spans="8:8">
      <c r="H423437" s="12"/>
    </row>
    <row r="423438" spans="8:8">
      <c r="H423438" s="12"/>
    </row>
    <row r="423439" spans="8:8">
      <c r="H423439" s="12"/>
    </row>
    <row r="423440" spans="8:8">
      <c r="H423440" s="12"/>
    </row>
    <row r="423441" spans="8:8">
      <c r="H423441" s="12"/>
    </row>
    <row r="423442" spans="8:8">
      <c r="H423442" s="12"/>
    </row>
    <row r="423443" spans="8:8">
      <c r="H423443" s="12"/>
    </row>
    <row r="423444" spans="8:8">
      <c r="H423444" s="12"/>
    </row>
    <row r="423445" spans="8:8">
      <c r="H423445" s="12"/>
    </row>
    <row r="423446" spans="8:8">
      <c r="H423446" s="12"/>
    </row>
    <row r="423447" spans="8:8">
      <c r="H423447" s="12"/>
    </row>
    <row r="423448" spans="8:8">
      <c r="H423448" s="12"/>
    </row>
    <row r="423449" spans="8:8">
      <c r="H423449" s="12"/>
    </row>
    <row r="423450" spans="8:8">
      <c r="H423450" s="12"/>
    </row>
    <row r="423451" spans="8:8">
      <c r="H423451" s="12"/>
    </row>
    <row r="423452" spans="8:8">
      <c r="H423452" s="12"/>
    </row>
    <row r="423453" spans="8:8">
      <c r="H423453" s="12"/>
    </row>
    <row r="423454" spans="8:8">
      <c r="H423454" s="12"/>
    </row>
    <row r="423455" spans="8:8">
      <c r="H423455" s="12"/>
    </row>
    <row r="423456" spans="8:8">
      <c r="H423456" s="12"/>
    </row>
    <row r="423457" spans="8:8">
      <c r="H423457" s="12"/>
    </row>
    <row r="423458" spans="8:8">
      <c r="H423458" s="12"/>
    </row>
    <row r="423459" spans="8:8">
      <c r="H423459" s="12"/>
    </row>
    <row r="423460" spans="8:8">
      <c r="H423460" s="12"/>
    </row>
    <row r="423461" spans="8:8">
      <c r="H423461" s="12"/>
    </row>
    <row r="423462" spans="8:8">
      <c r="H423462" s="12"/>
    </row>
    <row r="423463" spans="8:8">
      <c r="H423463" s="12"/>
    </row>
    <row r="423464" spans="8:8">
      <c r="H423464" s="12"/>
    </row>
    <row r="423465" spans="8:8">
      <c r="H423465" s="12"/>
    </row>
    <row r="423466" spans="8:8">
      <c r="H423466" s="12"/>
    </row>
    <row r="423467" spans="8:8">
      <c r="H423467" s="12"/>
    </row>
    <row r="423468" spans="8:8">
      <c r="H423468" s="12"/>
    </row>
    <row r="423469" spans="8:8">
      <c r="H423469" s="12"/>
    </row>
    <row r="423470" spans="8:8">
      <c r="H423470" s="12"/>
    </row>
    <row r="423471" spans="8:8">
      <c r="H423471" s="12"/>
    </row>
    <row r="423472" spans="8:8">
      <c r="H423472" s="12"/>
    </row>
    <row r="423473" spans="8:8">
      <c r="H423473" s="12"/>
    </row>
    <row r="423474" spans="8:8">
      <c r="H423474" s="12"/>
    </row>
    <row r="423475" spans="8:8">
      <c r="H423475" s="12"/>
    </row>
    <row r="423476" spans="8:8">
      <c r="H423476" s="12"/>
    </row>
    <row r="423477" spans="8:8">
      <c r="H423477" s="12"/>
    </row>
    <row r="423478" spans="8:8">
      <c r="H423478" s="12"/>
    </row>
    <row r="423479" spans="8:8">
      <c r="H423479" s="12"/>
    </row>
    <row r="423480" spans="8:8">
      <c r="H423480" s="12"/>
    </row>
    <row r="423481" spans="8:8">
      <c r="H423481" s="12"/>
    </row>
    <row r="423482" spans="8:8">
      <c r="H423482" s="12"/>
    </row>
    <row r="423483" spans="8:8">
      <c r="H423483" s="12"/>
    </row>
    <row r="423484" spans="8:8">
      <c r="H423484" s="12"/>
    </row>
    <row r="423485" spans="8:8">
      <c r="H423485" s="12"/>
    </row>
    <row r="423486" spans="8:8">
      <c r="H423486" s="12"/>
    </row>
    <row r="423487" spans="8:8">
      <c r="H423487" s="12"/>
    </row>
    <row r="423488" spans="8:8">
      <c r="H423488" s="12"/>
    </row>
    <row r="423489" spans="8:8">
      <c r="H423489" s="12"/>
    </row>
    <row r="423490" spans="8:8">
      <c r="H423490" s="12"/>
    </row>
    <row r="423491" spans="8:8">
      <c r="H423491" s="12"/>
    </row>
    <row r="423492" spans="8:8">
      <c r="H423492" s="12"/>
    </row>
    <row r="423493" spans="8:8">
      <c r="H423493" s="12"/>
    </row>
    <row r="423494" spans="8:8">
      <c r="H423494" s="12"/>
    </row>
    <row r="423495" spans="8:8">
      <c r="H423495" s="12"/>
    </row>
    <row r="423496" spans="8:8">
      <c r="H423496" s="12"/>
    </row>
    <row r="423497" spans="8:8">
      <c r="H423497" s="12"/>
    </row>
    <row r="423498" spans="8:8">
      <c r="H423498" s="12"/>
    </row>
    <row r="423499" spans="8:8">
      <c r="H423499" s="12"/>
    </row>
    <row r="423500" spans="8:8">
      <c r="H423500" s="12"/>
    </row>
    <row r="423501" spans="8:8">
      <c r="H423501" s="12"/>
    </row>
    <row r="423502" spans="8:8">
      <c r="H423502" s="12"/>
    </row>
    <row r="423503" spans="8:8">
      <c r="H423503" s="12"/>
    </row>
    <row r="423504" spans="8:8">
      <c r="H423504" s="12"/>
    </row>
    <row r="423505" spans="8:8">
      <c r="H423505" s="12"/>
    </row>
    <row r="423506" spans="8:8">
      <c r="H423506" s="12"/>
    </row>
    <row r="423507" spans="8:8">
      <c r="H423507" s="12"/>
    </row>
    <row r="423508" spans="8:8">
      <c r="H423508" s="12"/>
    </row>
    <row r="423509" spans="8:8">
      <c r="H423509" s="12"/>
    </row>
    <row r="423510" spans="8:8">
      <c r="H423510" s="12"/>
    </row>
    <row r="423511" spans="8:8">
      <c r="H423511" s="12"/>
    </row>
    <row r="423512" spans="8:8">
      <c r="H423512" s="12"/>
    </row>
    <row r="423513" spans="8:8">
      <c r="H423513" s="12"/>
    </row>
    <row r="423514" spans="8:8">
      <c r="H423514" s="12"/>
    </row>
    <row r="423515" spans="8:8">
      <c r="H423515" s="12"/>
    </row>
    <row r="423516" spans="8:8">
      <c r="H423516" s="12"/>
    </row>
    <row r="423517" spans="8:8">
      <c r="H423517" s="12"/>
    </row>
    <row r="423518" spans="8:8">
      <c r="H423518" s="12"/>
    </row>
    <row r="423519" spans="8:8">
      <c r="H423519" s="12"/>
    </row>
    <row r="423520" spans="8:8">
      <c r="H423520" s="12"/>
    </row>
    <row r="423521" spans="8:8">
      <c r="H423521" s="12"/>
    </row>
    <row r="423522" spans="8:8">
      <c r="H423522" s="12"/>
    </row>
    <row r="423523" spans="8:8">
      <c r="H423523" s="12"/>
    </row>
    <row r="423524" spans="8:8">
      <c r="H423524" s="12"/>
    </row>
    <row r="423525" spans="8:8">
      <c r="H423525" s="12"/>
    </row>
    <row r="423526" spans="8:8">
      <c r="H423526" s="12"/>
    </row>
    <row r="423527" spans="8:8">
      <c r="H423527" s="12"/>
    </row>
    <row r="423528" spans="8:8">
      <c r="H423528" s="12"/>
    </row>
    <row r="423529" spans="8:8">
      <c r="H423529" s="12"/>
    </row>
    <row r="423530" spans="8:8">
      <c r="H423530" s="12"/>
    </row>
    <row r="423531" spans="8:8">
      <c r="H423531" s="12"/>
    </row>
    <row r="423532" spans="8:8">
      <c r="H423532" s="12"/>
    </row>
    <row r="423533" spans="8:8">
      <c r="H423533" s="12"/>
    </row>
    <row r="423534" spans="8:8">
      <c r="H423534" s="12"/>
    </row>
    <row r="423535" spans="8:8">
      <c r="H423535" s="12"/>
    </row>
    <row r="423536" spans="8:8">
      <c r="H423536" s="12"/>
    </row>
    <row r="423537" spans="8:8">
      <c r="H423537" s="12"/>
    </row>
    <row r="423538" spans="8:8">
      <c r="H423538" s="12"/>
    </row>
    <row r="423539" spans="8:8">
      <c r="H423539" s="12"/>
    </row>
    <row r="423540" spans="8:8">
      <c r="H423540" s="12"/>
    </row>
    <row r="423541" spans="8:8">
      <c r="H423541" s="12"/>
    </row>
    <row r="423542" spans="8:8">
      <c r="H423542" s="12"/>
    </row>
    <row r="423543" spans="8:8">
      <c r="H423543" s="12"/>
    </row>
    <row r="423544" spans="8:8">
      <c r="H423544" s="12"/>
    </row>
    <row r="423545" spans="8:8">
      <c r="H423545" s="12"/>
    </row>
    <row r="423546" spans="8:8">
      <c r="H423546" s="12"/>
    </row>
    <row r="423547" spans="8:8">
      <c r="H423547" s="12"/>
    </row>
    <row r="423548" spans="8:8">
      <c r="H423548" s="12"/>
    </row>
    <row r="423549" spans="8:8">
      <c r="H423549" s="12"/>
    </row>
    <row r="423550" spans="8:8">
      <c r="H423550" s="12"/>
    </row>
    <row r="423551" spans="8:8">
      <c r="H423551" s="12"/>
    </row>
    <row r="423552" spans="8:8">
      <c r="H423552" s="12"/>
    </row>
    <row r="423553" spans="8:8">
      <c r="H423553" s="12"/>
    </row>
    <row r="423554" spans="8:8">
      <c r="H423554" s="12"/>
    </row>
    <row r="423555" spans="8:8">
      <c r="H423555" s="12"/>
    </row>
    <row r="423556" spans="8:8">
      <c r="H423556" s="12"/>
    </row>
    <row r="423557" spans="8:8">
      <c r="H423557" s="12"/>
    </row>
    <row r="423558" spans="8:8">
      <c r="H423558" s="12"/>
    </row>
    <row r="423559" spans="8:8">
      <c r="H423559" s="12"/>
    </row>
    <row r="423560" spans="8:8">
      <c r="H423560" s="12"/>
    </row>
    <row r="423561" spans="8:8">
      <c r="H423561" s="12"/>
    </row>
    <row r="423562" spans="8:8">
      <c r="H423562" s="12"/>
    </row>
    <row r="423563" spans="8:8">
      <c r="H423563" s="12"/>
    </row>
    <row r="423564" spans="8:8">
      <c r="H423564" s="12"/>
    </row>
    <row r="423565" spans="8:8">
      <c r="H423565" s="12"/>
    </row>
    <row r="423566" spans="8:8">
      <c r="H423566" s="12"/>
    </row>
    <row r="423567" spans="8:8">
      <c r="H423567" s="12"/>
    </row>
    <row r="423568" spans="8:8">
      <c r="H423568" s="12"/>
    </row>
    <row r="423569" spans="8:8">
      <c r="H423569" s="12"/>
    </row>
    <row r="423570" spans="8:8">
      <c r="H423570" s="12"/>
    </row>
    <row r="423571" spans="8:8">
      <c r="H423571" s="12"/>
    </row>
    <row r="423572" spans="8:8">
      <c r="H423572" s="12"/>
    </row>
    <row r="423573" spans="8:8">
      <c r="H423573" s="12"/>
    </row>
    <row r="423574" spans="8:8">
      <c r="H423574" s="12"/>
    </row>
    <row r="423575" spans="8:8">
      <c r="H423575" s="12"/>
    </row>
    <row r="423576" spans="8:8">
      <c r="H423576" s="12"/>
    </row>
    <row r="423577" spans="8:8">
      <c r="H423577" s="12"/>
    </row>
    <row r="423578" spans="8:8">
      <c r="H423578" s="12"/>
    </row>
    <row r="423579" spans="8:8">
      <c r="H423579" s="12"/>
    </row>
    <row r="423580" spans="8:8">
      <c r="H423580" s="12"/>
    </row>
    <row r="423581" spans="8:8">
      <c r="H423581" s="12"/>
    </row>
    <row r="423582" spans="8:8">
      <c r="H423582" s="12"/>
    </row>
    <row r="423583" spans="8:8">
      <c r="H423583" s="12"/>
    </row>
    <row r="423584" spans="8:8">
      <c r="H423584" s="12"/>
    </row>
    <row r="423585" spans="8:8">
      <c r="H423585" s="12"/>
    </row>
    <row r="423586" spans="8:8">
      <c r="H423586" s="12"/>
    </row>
    <row r="423587" spans="8:8">
      <c r="H423587" s="12"/>
    </row>
    <row r="423588" spans="8:8">
      <c r="H423588" s="12"/>
    </row>
    <row r="423589" spans="8:8">
      <c r="H423589" s="12"/>
    </row>
    <row r="423590" spans="8:8">
      <c r="H423590" s="12"/>
    </row>
    <row r="423591" spans="8:8">
      <c r="H423591" s="12"/>
    </row>
    <row r="423592" spans="8:8">
      <c r="H423592" s="12"/>
    </row>
    <row r="423593" spans="8:8">
      <c r="H423593" s="12"/>
    </row>
    <row r="423594" spans="8:8">
      <c r="H423594" s="12"/>
    </row>
    <row r="423595" spans="8:8">
      <c r="H423595" s="12"/>
    </row>
    <row r="423596" spans="8:8">
      <c r="H423596" s="12"/>
    </row>
    <row r="423597" spans="8:8">
      <c r="H423597" s="12"/>
    </row>
    <row r="423598" spans="8:8">
      <c r="H423598" s="12"/>
    </row>
    <row r="423599" spans="8:8">
      <c r="H423599" s="12"/>
    </row>
    <row r="423600" spans="8:8">
      <c r="H423600" s="12"/>
    </row>
    <row r="423601" spans="8:8">
      <c r="H423601" s="12"/>
    </row>
    <row r="423602" spans="8:8">
      <c r="H423602" s="12"/>
    </row>
    <row r="423603" spans="8:8">
      <c r="H423603" s="12"/>
    </row>
    <row r="423604" spans="8:8">
      <c r="H423604" s="12"/>
    </row>
    <row r="423605" spans="8:8">
      <c r="H423605" s="12"/>
    </row>
    <row r="423606" spans="8:8">
      <c r="H423606" s="12"/>
    </row>
    <row r="423607" spans="8:8">
      <c r="H423607" s="12"/>
    </row>
    <row r="423608" spans="8:8">
      <c r="H423608" s="12"/>
    </row>
    <row r="423609" spans="8:8">
      <c r="H423609" s="12"/>
    </row>
    <row r="423610" spans="8:8">
      <c r="H423610" s="12"/>
    </row>
    <row r="423611" spans="8:8">
      <c r="H423611" s="12"/>
    </row>
    <row r="423612" spans="8:8">
      <c r="H423612" s="12"/>
    </row>
    <row r="423613" spans="8:8">
      <c r="H423613" s="12"/>
    </row>
    <row r="423614" spans="8:8">
      <c r="H423614" s="12"/>
    </row>
    <row r="423615" spans="8:8">
      <c r="H423615" s="12"/>
    </row>
    <row r="423616" spans="8:8">
      <c r="H423616" s="12"/>
    </row>
    <row r="423617" spans="8:8">
      <c r="H423617" s="12"/>
    </row>
    <row r="423618" spans="8:8">
      <c r="H423618" s="12"/>
    </row>
    <row r="423619" spans="8:8">
      <c r="H423619" s="12"/>
    </row>
    <row r="423620" spans="8:8">
      <c r="H423620" s="12"/>
    </row>
    <row r="423621" spans="8:8">
      <c r="H423621" s="12"/>
    </row>
    <row r="423622" spans="8:8">
      <c r="H423622" s="12"/>
    </row>
    <row r="423623" spans="8:8">
      <c r="H423623" s="12"/>
    </row>
    <row r="423624" spans="8:8">
      <c r="H423624" s="12"/>
    </row>
    <row r="423625" spans="8:8">
      <c r="H423625" s="12"/>
    </row>
    <row r="423626" spans="8:8">
      <c r="H423626" s="12"/>
    </row>
    <row r="423627" spans="8:8">
      <c r="H423627" s="12"/>
    </row>
    <row r="423628" spans="8:8">
      <c r="H423628" s="12"/>
    </row>
    <row r="423629" spans="8:8">
      <c r="H423629" s="12"/>
    </row>
    <row r="423630" spans="8:8">
      <c r="H423630" s="12"/>
    </row>
    <row r="423631" spans="8:8">
      <c r="H423631" s="12"/>
    </row>
    <row r="423632" spans="8:8">
      <c r="H423632" s="12"/>
    </row>
    <row r="423633" spans="8:8">
      <c r="H423633" s="12"/>
    </row>
    <row r="423634" spans="8:8">
      <c r="H423634" s="12"/>
    </row>
    <row r="423635" spans="8:8">
      <c r="H423635" s="12"/>
    </row>
    <row r="423636" spans="8:8">
      <c r="H423636" s="12"/>
    </row>
    <row r="423637" spans="8:8">
      <c r="H423637" s="12"/>
    </row>
    <row r="423638" spans="8:8">
      <c r="H423638" s="12"/>
    </row>
    <row r="423639" spans="8:8">
      <c r="H423639" s="12"/>
    </row>
    <row r="423640" spans="8:8">
      <c r="H423640" s="12"/>
    </row>
    <row r="423641" spans="8:8">
      <c r="H423641" s="12"/>
    </row>
    <row r="423642" spans="8:8">
      <c r="H423642" s="12"/>
    </row>
    <row r="423643" spans="8:8">
      <c r="H423643" s="12"/>
    </row>
    <row r="423644" spans="8:8">
      <c r="H423644" s="12"/>
    </row>
    <row r="423645" spans="8:8">
      <c r="H423645" s="12"/>
    </row>
    <row r="423646" spans="8:8">
      <c r="H423646" s="12"/>
    </row>
    <row r="423647" spans="8:8">
      <c r="H423647" s="12"/>
    </row>
    <row r="423648" spans="8:8">
      <c r="H423648" s="12"/>
    </row>
    <row r="423649" spans="8:8">
      <c r="H423649" s="12"/>
    </row>
    <row r="423650" spans="8:8">
      <c r="H423650" s="12"/>
    </row>
    <row r="423651" spans="8:8">
      <c r="H423651" s="12"/>
    </row>
    <row r="423652" spans="8:8">
      <c r="H423652" s="12"/>
    </row>
    <row r="423653" spans="8:8">
      <c r="H423653" s="12"/>
    </row>
    <row r="423654" spans="8:8">
      <c r="H423654" s="12"/>
    </row>
    <row r="423655" spans="8:8">
      <c r="H423655" s="12"/>
    </row>
    <row r="423656" spans="8:8">
      <c r="H423656" s="12"/>
    </row>
    <row r="423657" spans="8:8">
      <c r="H423657" s="12"/>
    </row>
    <row r="423658" spans="8:8">
      <c r="H423658" s="12"/>
    </row>
    <row r="423659" spans="8:8">
      <c r="H423659" s="12"/>
    </row>
    <row r="423660" spans="8:8">
      <c r="H423660" s="12"/>
    </row>
    <row r="423661" spans="8:8">
      <c r="H423661" s="12"/>
    </row>
    <row r="423662" spans="8:8">
      <c r="H423662" s="12"/>
    </row>
    <row r="423663" spans="8:8">
      <c r="H423663" s="12"/>
    </row>
    <row r="423664" spans="8:8">
      <c r="H423664" s="12"/>
    </row>
    <row r="423665" spans="8:8">
      <c r="H423665" s="12"/>
    </row>
    <row r="423666" spans="8:8">
      <c r="H423666" s="12"/>
    </row>
    <row r="423667" spans="8:8">
      <c r="H423667" s="12"/>
    </row>
    <row r="423668" spans="8:8">
      <c r="H423668" s="12"/>
    </row>
    <row r="423669" spans="8:8">
      <c r="H423669" s="12"/>
    </row>
    <row r="423670" spans="8:8">
      <c r="H423670" s="12"/>
    </row>
    <row r="423671" spans="8:8">
      <c r="H423671" s="12"/>
    </row>
    <row r="423672" spans="8:8">
      <c r="H423672" s="12"/>
    </row>
    <row r="423673" spans="8:8">
      <c r="H423673" s="12"/>
    </row>
    <row r="423674" spans="8:8">
      <c r="H423674" s="12"/>
    </row>
    <row r="423675" spans="8:8">
      <c r="H423675" s="12"/>
    </row>
    <row r="423676" spans="8:8">
      <c r="H423676" s="12"/>
    </row>
    <row r="423677" spans="8:8">
      <c r="H423677" s="12"/>
    </row>
    <row r="423678" spans="8:8">
      <c r="H423678" s="12"/>
    </row>
    <row r="423679" spans="8:8">
      <c r="H423679" s="12"/>
    </row>
    <row r="423680" spans="8:8">
      <c r="H423680" s="12"/>
    </row>
    <row r="423681" spans="8:8">
      <c r="H423681" s="12"/>
    </row>
    <row r="423682" spans="8:8">
      <c r="H423682" s="12"/>
    </row>
    <row r="423683" spans="8:8">
      <c r="H423683" s="12"/>
    </row>
    <row r="423684" spans="8:8">
      <c r="H423684" s="12"/>
    </row>
    <row r="423685" spans="8:8">
      <c r="H423685" s="12"/>
    </row>
    <row r="423686" spans="8:8">
      <c r="H423686" s="12"/>
    </row>
    <row r="423687" spans="8:8">
      <c r="H423687" s="12"/>
    </row>
    <row r="423688" spans="8:8">
      <c r="H423688" s="12"/>
    </row>
    <row r="423689" spans="8:8">
      <c r="H423689" s="12"/>
    </row>
    <row r="423690" spans="8:8">
      <c r="H423690" s="12"/>
    </row>
    <row r="423691" spans="8:8">
      <c r="H423691" s="12"/>
    </row>
    <row r="423692" spans="8:8">
      <c r="H423692" s="12"/>
    </row>
    <row r="423693" spans="8:8">
      <c r="H423693" s="12"/>
    </row>
    <row r="423694" spans="8:8">
      <c r="H423694" s="12"/>
    </row>
    <row r="423695" spans="8:8">
      <c r="H423695" s="12"/>
    </row>
    <row r="423696" spans="8:8">
      <c r="H423696" s="12"/>
    </row>
    <row r="423697" spans="8:8">
      <c r="H423697" s="12"/>
    </row>
    <row r="423698" spans="8:8">
      <c r="H423698" s="12"/>
    </row>
    <row r="423699" spans="8:8">
      <c r="H423699" s="12"/>
    </row>
    <row r="423700" spans="8:8">
      <c r="H423700" s="12"/>
    </row>
    <row r="423701" spans="8:8">
      <c r="H423701" s="12"/>
    </row>
    <row r="423702" spans="8:8">
      <c r="H423702" s="12"/>
    </row>
    <row r="423703" spans="8:8">
      <c r="H423703" s="12"/>
    </row>
    <row r="423704" spans="8:8">
      <c r="H423704" s="12"/>
    </row>
    <row r="423705" spans="8:8">
      <c r="H423705" s="12"/>
    </row>
    <row r="423706" spans="8:8">
      <c r="H423706" s="12"/>
    </row>
    <row r="423707" spans="8:8">
      <c r="H423707" s="12"/>
    </row>
    <row r="423708" spans="8:8">
      <c r="H423708" s="12"/>
    </row>
    <row r="423709" spans="8:8">
      <c r="H423709" s="12"/>
    </row>
    <row r="423710" spans="8:8">
      <c r="H423710" s="12"/>
    </row>
    <row r="423711" spans="8:8">
      <c r="H423711" s="12"/>
    </row>
    <row r="423712" spans="8:8">
      <c r="H423712" s="12"/>
    </row>
    <row r="423713" spans="8:8">
      <c r="H423713" s="12"/>
    </row>
    <row r="423714" spans="8:8">
      <c r="H423714" s="12"/>
    </row>
    <row r="423715" spans="8:8">
      <c r="H423715" s="12"/>
    </row>
    <row r="423716" spans="8:8">
      <c r="H423716" s="12"/>
    </row>
    <row r="423717" spans="8:8">
      <c r="H423717" s="12"/>
    </row>
    <row r="423718" spans="8:8">
      <c r="H423718" s="12"/>
    </row>
    <row r="423719" spans="8:8">
      <c r="H423719" s="12"/>
    </row>
    <row r="423720" spans="8:8">
      <c r="H423720" s="12"/>
    </row>
    <row r="423721" spans="8:8">
      <c r="H423721" s="12"/>
    </row>
    <row r="423722" spans="8:8">
      <c r="H423722" s="12"/>
    </row>
    <row r="423723" spans="8:8">
      <c r="H423723" s="12"/>
    </row>
    <row r="423724" spans="8:8">
      <c r="H423724" s="12"/>
    </row>
    <row r="423725" spans="8:8">
      <c r="H423725" s="12"/>
    </row>
    <row r="423726" spans="8:8">
      <c r="H423726" s="12"/>
    </row>
    <row r="423727" spans="8:8">
      <c r="H423727" s="12"/>
    </row>
    <row r="423728" spans="8:8">
      <c r="H423728" s="12"/>
    </row>
    <row r="423729" spans="8:8">
      <c r="H423729" s="12"/>
    </row>
    <row r="423730" spans="8:8">
      <c r="H423730" s="12"/>
    </row>
    <row r="423731" spans="8:8">
      <c r="H423731" s="12"/>
    </row>
    <row r="423732" spans="8:8">
      <c r="H423732" s="12"/>
    </row>
    <row r="423733" spans="8:8">
      <c r="H423733" s="12"/>
    </row>
    <row r="423734" spans="8:8">
      <c r="H423734" s="12"/>
    </row>
    <row r="423735" spans="8:8">
      <c r="H423735" s="12"/>
    </row>
    <row r="423736" spans="8:8">
      <c r="H423736" s="12"/>
    </row>
    <row r="423737" spans="8:8">
      <c r="H423737" s="12"/>
    </row>
    <row r="423738" spans="8:8">
      <c r="H423738" s="12"/>
    </row>
    <row r="423739" spans="8:8">
      <c r="H423739" s="12"/>
    </row>
    <row r="423740" spans="8:8">
      <c r="H423740" s="12"/>
    </row>
    <row r="423741" spans="8:8">
      <c r="H423741" s="12"/>
    </row>
    <row r="423742" spans="8:8">
      <c r="H423742" s="12"/>
    </row>
    <row r="423743" spans="8:8">
      <c r="H423743" s="12"/>
    </row>
    <row r="423744" spans="8:8">
      <c r="H423744" s="12"/>
    </row>
    <row r="423745" spans="8:8">
      <c r="H423745" s="12"/>
    </row>
    <row r="423746" spans="8:8">
      <c r="H423746" s="12"/>
    </row>
    <row r="423747" spans="8:8">
      <c r="H423747" s="12"/>
    </row>
    <row r="423748" spans="8:8">
      <c r="H423748" s="12"/>
    </row>
    <row r="423749" spans="8:8">
      <c r="H423749" s="12"/>
    </row>
    <row r="423750" spans="8:8">
      <c r="H423750" s="12"/>
    </row>
    <row r="423751" spans="8:8">
      <c r="H423751" s="12"/>
    </row>
    <row r="423752" spans="8:8">
      <c r="H423752" s="12"/>
    </row>
    <row r="423753" spans="8:8">
      <c r="H423753" s="12"/>
    </row>
    <row r="423754" spans="8:8">
      <c r="H423754" s="12"/>
    </row>
    <row r="423755" spans="8:8">
      <c r="H423755" s="12"/>
    </row>
    <row r="423756" spans="8:8">
      <c r="H423756" s="12"/>
    </row>
    <row r="423757" spans="8:8">
      <c r="H423757" s="12"/>
    </row>
    <row r="423758" spans="8:8">
      <c r="H423758" s="12"/>
    </row>
    <row r="423759" spans="8:8">
      <c r="H423759" s="12"/>
    </row>
    <row r="423760" spans="8:8">
      <c r="H423760" s="12"/>
    </row>
    <row r="423761" spans="8:8">
      <c r="H423761" s="12"/>
    </row>
    <row r="423762" spans="8:8">
      <c r="H423762" s="12"/>
    </row>
    <row r="423763" spans="8:8">
      <c r="H423763" s="12"/>
    </row>
    <row r="423764" spans="8:8">
      <c r="H423764" s="12"/>
    </row>
    <row r="423765" spans="8:8">
      <c r="H423765" s="12"/>
    </row>
    <row r="423766" spans="8:8">
      <c r="H423766" s="12"/>
    </row>
    <row r="423767" spans="8:8">
      <c r="H423767" s="12"/>
    </row>
    <row r="423768" spans="8:8">
      <c r="H423768" s="12"/>
    </row>
    <row r="423769" spans="8:8">
      <c r="H423769" s="12"/>
    </row>
    <row r="423770" spans="8:8">
      <c r="H423770" s="12"/>
    </row>
    <row r="423771" spans="8:8">
      <c r="H423771" s="12"/>
    </row>
    <row r="423772" spans="8:8">
      <c r="H423772" s="12"/>
    </row>
    <row r="423773" spans="8:8">
      <c r="H423773" s="12"/>
    </row>
    <row r="423774" spans="8:8">
      <c r="H423774" s="12"/>
    </row>
    <row r="423775" spans="8:8">
      <c r="H423775" s="12"/>
    </row>
    <row r="423776" spans="8:8">
      <c r="H423776" s="12"/>
    </row>
    <row r="423777" spans="8:8">
      <c r="H423777" s="12"/>
    </row>
    <row r="423778" spans="8:8">
      <c r="H423778" s="12"/>
    </row>
    <row r="423779" spans="8:8">
      <c r="H423779" s="12"/>
    </row>
    <row r="423780" spans="8:8">
      <c r="H423780" s="12"/>
    </row>
    <row r="423781" spans="8:8">
      <c r="H423781" s="12"/>
    </row>
    <row r="423782" spans="8:8">
      <c r="H423782" s="12"/>
    </row>
    <row r="423783" spans="8:8">
      <c r="H423783" s="12"/>
    </row>
    <row r="423784" spans="8:8">
      <c r="H423784" s="12"/>
    </row>
    <row r="423785" spans="8:8">
      <c r="H423785" s="12"/>
    </row>
    <row r="423786" spans="8:8">
      <c r="H423786" s="12"/>
    </row>
    <row r="423787" spans="8:8">
      <c r="H423787" s="12"/>
    </row>
    <row r="423788" spans="8:8">
      <c r="H423788" s="12"/>
    </row>
    <row r="423789" spans="8:8">
      <c r="H423789" s="12"/>
    </row>
    <row r="423790" spans="8:8">
      <c r="H423790" s="12"/>
    </row>
    <row r="423791" spans="8:8">
      <c r="H423791" s="12"/>
    </row>
    <row r="423792" spans="8:8">
      <c r="H423792" s="12"/>
    </row>
    <row r="423793" spans="8:8">
      <c r="H423793" s="12"/>
    </row>
    <row r="423794" spans="8:8">
      <c r="H423794" s="12"/>
    </row>
    <row r="423795" spans="8:8">
      <c r="H423795" s="12"/>
    </row>
    <row r="423796" spans="8:8">
      <c r="H423796" s="12"/>
    </row>
    <row r="423797" spans="8:8">
      <c r="H423797" s="12"/>
    </row>
    <row r="423798" spans="8:8">
      <c r="H423798" s="12"/>
    </row>
    <row r="423799" spans="8:8">
      <c r="H423799" s="12"/>
    </row>
    <row r="423800" spans="8:8">
      <c r="H423800" s="12"/>
    </row>
    <row r="423801" spans="8:8">
      <c r="H423801" s="12"/>
    </row>
    <row r="423802" spans="8:8">
      <c r="H423802" s="12"/>
    </row>
    <row r="423803" spans="8:8">
      <c r="H423803" s="12"/>
    </row>
    <row r="423804" spans="8:8">
      <c r="H423804" s="12"/>
    </row>
    <row r="423805" spans="8:8">
      <c r="H423805" s="12"/>
    </row>
    <row r="423806" spans="8:8">
      <c r="H423806" s="12"/>
    </row>
    <row r="423807" spans="8:8">
      <c r="H423807" s="12"/>
    </row>
    <row r="423808" spans="8:8">
      <c r="H423808" s="12"/>
    </row>
    <row r="423809" spans="8:8">
      <c r="H423809" s="12"/>
    </row>
    <row r="423810" spans="8:8">
      <c r="H423810" s="12"/>
    </row>
    <row r="423811" spans="8:8">
      <c r="H423811" s="12"/>
    </row>
    <row r="423812" spans="8:8">
      <c r="H423812" s="12"/>
    </row>
    <row r="423813" spans="8:8">
      <c r="H423813" s="12"/>
    </row>
    <row r="423814" spans="8:8">
      <c r="H423814" s="12"/>
    </row>
    <row r="423815" spans="8:8">
      <c r="H423815" s="12"/>
    </row>
    <row r="423816" spans="8:8">
      <c r="H423816" s="12"/>
    </row>
    <row r="423817" spans="8:8">
      <c r="H423817" s="12"/>
    </row>
    <row r="423818" spans="8:8">
      <c r="H423818" s="12"/>
    </row>
    <row r="423819" spans="8:8">
      <c r="H423819" s="12"/>
    </row>
    <row r="423820" spans="8:8">
      <c r="H423820" s="12"/>
    </row>
    <row r="423821" spans="8:8">
      <c r="H423821" s="12"/>
    </row>
    <row r="423822" spans="8:8">
      <c r="H423822" s="12"/>
    </row>
    <row r="423823" spans="8:8">
      <c r="H423823" s="12"/>
    </row>
    <row r="423824" spans="8:8">
      <c r="H423824" s="12"/>
    </row>
    <row r="423825" spans="8:8">
      <c r="H423825" s="12"/>
    </row>
    <row r="423826" spans="8:8">
      <c r="H423826" s="12"/>
    </row>
    <row r="423827" spans="8:8">
      <c r="H423827" s="12"/>
    </row>
    <row r="423828" spans="8:8">
      <c r="H423828" s="12"/>
    </row>
    <row r="423829" spans="8:8">
      <c r="H423829" s="12"/>
    </row>
    <row r="423830" spans="8:8">
      <c r="H423830" s="12"/>
    </row>
    <row r="423831" spans="8:8">
      <c r="H423831" s="12"/>
    </row>
    <row r="423832" spans="8:8">
      <c r="H423832" s="12"/>
    </row>
    <row r="423833" spans="8:8">
      <c r="H423833" s="12"/>
    </row>
    <row r="423834" spans="8:8">
      <c r="H423834" s="12"/>
    </row>
    <row r="423835" spans="8:8">
      <c r="H423835" s="12"/>
    </row>
    <row r="423836" spans="8:8">
      <c r="H423836" s="12"/>
    </row>
    <row r="423837" spans="8:8">
      <c r="H423837" s="12"/>
    </row>
    <row r="423838" spans="8:8">
      <c r="H423838" s="12"/>
    </row>
    <row r="423839" spans="8:8">
      <c r="H423839" s="12"/>
    </row>
    <row r="423840" spans="8:8">
      <c r="H423840" s="12"/>
    </row>
    <row r="423841" spans="8:8">
      <c r="H423841" s="12"/>
    </row>
    <row r="423842" spans="8:8">
      <c r="H423842" s="12"/>
    </row>
    <row r="423843" spans="8:8">
      <c r="H423843" s="12"/>
    </row>
    <row r="423844" spans="8:8">
      <c r="H423844" s="12"/>
    </row>
    <row r="423845" spans="8:8">
      <c r="H423845" s="12"/>
    </row>
    <row r="423846" spans="8:8">
      <c r="H423846" s="12"/>
    </row>
    <row r="423847" spans="8:8">
      <c r="H423847" s="12"/>
    </row>
    <row r="423848" spans="8:8">
      <c r="H423848" s="12"/>
    </row>
    <row r="423849" spans="8:8">
      <c r="H423849" s="12"/>
    </row>
    <row r="423850" spans="8:8">
      <c r="H423850" s="12"/>
    </row>
    <row r="423851" spans="8:8">
      <c r="H423851" s="12"/>
    </row>
    <row r="423852" spans="8:8">
      <c r="H423852" s="12"/>
    </row>
    <row r="423853" spans="8:8">
      <c r="H423853" s="12"/>
    </row>
    <row r="423854" spans="8:8">
      <c r="H423854" s="12"/>
    </row>
    <row r="423855" spans="8:8">
      <c r="H423855" s="12"/>
    </row>
    <row r="423856" spans="8:8">
      <c r="H423856" s="12"/>
    </row>
    <row r="423857" spans="8:8">
      <c r="H423857" s="12"/>
    </row>
    <row r="423858" spans="8:8">
      <c r="H423858" s="12"/>
    </row>
    <row r="423859" spans="8:8">
      <c r="H423859" s="12"/>
    </row>
    <row r="423860" spans="8:8">
      <c r="H423860" s="12"/>
    </row>
    <row r="423861" spans="8:8">
      <c r="H423861" s="12"/>
    </row>
    <row r="423862" spans="8:8">
      <c r="H423862" s="12"/>
    </row>
    <row r="423863" spans="8:8">
      <c r="H423863" s="12"/>
    </row>
    <row r="423864" spans="8:8">
      <c r="H423864" s="12"/>
    </row>
    <row r="423865" spans="8:8">
      <c r="H423865" s="12"/>
    </row>
    <row r="423866" spans="8:8">
      <c r="H423866" s="12"/>
    </row>
    <row r="423867" spans="8:8">
      <c r="H423867" s="12"/>
    </row>
    <row r="423868" spans="8:8">
      <c r="H423868" s="12"/>
    </row>
    <row r="423869" spans="8:8">
      <c r="H423869" s="12"/>
    </row>
    <row r="423870" spans="8:8">
      <c r="H423870" s="12"/>
    </row>
    <row r="423871" spans="8:8">
      <c r="H423871" s="12"/>
    </row>
    <row r="423872" spans="8:8">
      <c r="H423872" s="12"/>
    </row>
    <row r="423873" spans="8:8">
      <c r="H423873" s="12"/>
    </row>
    <row r="423874" spans="8:8">
      <c r="H423874" s="12"/>
    </row>
    <row r="423875" spans="8:8">
      <c r="H423875" s="12"/>
    </row>
    <row r="423876" spans="8:8">
      <c r="H423876" s="12"/>
    </row>
    <row r="423877" spans="8:8">
      <c r="H423877" s="12"/>
    </row>
    <row r="423878" spans="8:8">
      <c r="H423878" s="12"/>
    </row>
    <row r="423879" spans="8:8">
      <c r="H423879" s="12"/>
    </row>
    <row r="423880" spans="8:8">
      <c r="H423880" s="12"/>
    </row>
    <row r="423881" spans="8:8">
      <c r="H423881" s="12"/>
    </row>
    <row r="423882" spans="8:8">
      <c r="H423882" s="12"/>
    </row>
    <row r="423883" spans="8:8">
      <c r="H423883" s="12"/>
    </row>
    <row r="423884" spans="8:8">
      <c r="H423884" s="12"/>
    </row>
    <row r="423885" spans="8:8">
      <c r="H423885" s="12"/>
    </row>
    <row r="423886" spans="8:8">
      <c r="H423886" s="12"/>
    </row>
    <row r="423887" spans="8:8">
      <c r="H423887" s="12"/>
    </row>
    <row r="423888" spans="8:8">
      <c r="H423888" s="12"/>
    </row>
    <row r="423889" spans="8:8">
      <c r="H423889" s="12"/>
    </row>
    <row r="423890" spans="8:8">
      <c r="H423890" s="12"/>
    </row>
    <row r="423891" spans="8:8">
      <c r="H423891" s="12"/>
    </row>
    <row r="423892" spans="8:8">
      <c r="H423892" s="12"/>
    </row>
    <row r="423893" spans="8:8">
      <c r="H423893" s="12"/>
    </row>
    <row r="423894" spans="8:8">
      <c r="H423894" s="12"/>
    </row>
    <row r="423895" spans="8:8">
      <c r="H423895" s="12"/>
    </row>
    <row r="423896" spans="8:8">
      <c r="H423896" s="12"/>
    </row>
    <row r="423897" spans="8:8">
      <c r="H423897" s="12"/>
    </row>
    <row r="423898" spans="8:8">
      <c r="H423898" s="12"/>
    </row>
    <row r="423899" spans="8:8">
      <c r="H423899" s="12"/>
    </row>
    <row r="423900" spans="8:8">
      <c r="H423900" s="12"/>
    </row>
    <row r="423901" spans="8:8">
      <c r="H423901" s="12"/>
    </row>
    <row r="423902" spans="8:8">
      <c r="H423902" s="12"/>
    </row>
    <row r="423903" spans="8:8">
      <c r="H423903" s="12"/>
    </row>
    <row r="423904" spans="8:8">
      <c r="H423904" s="12"/>
    </row>
    <row r="423905" spans="8:8">
      <c r="H423905" s="12"/>
    </row>
    <row r="423906" spans="8:8">
      <c r="H423906" s="12"/>
    </row>
    <row r="423907" spans="8:8">
      <c r="H423907" s="12"/>
    </row>
    <row r="423908" spans="8:8">
      <c r="H423908" s="12"/>
    </row>
    <row r="423909" spans="8:8">
      <c r="H423909" s="12"/>
    </row>
    <row r="423910" spans="8:8">
      <c r="H423910" s="12"/>
    </row>
    <row r="423911" spans="8:8">
      <c r="H423911" s="12"/>
    </row>
    <row r="423912" spans="8:8">
      <c r="H423912" s="12"/>
    </row>
    <row r="423913" spans="8:8">
      <c r="H423913" s="12"/>
    </row>
    <row r="423914" spans="8:8">
      <c r="H423914" s="12"/>
    </row>
    <row r="423915" spans="8:8">
      <c r="H423915" s="12"/>
    </row>
    <row r="423916" spans="8:8">
      <c r="H423916" s="12"/>
    </row>
    <row r="423917" spans="8:8">
      <c r="H423917" s="12"/>
    </row>
    <row r="423918" spans="8:8">
      <c r="H423918" s="12"/>
    </row>
    <row r="423919" spans="8:8">
      <c r="H423919" s="12"/>
    </row>
    <row r="423920" spans="8:8">
      <c r="H423920" s="12"/>
    </row>
    <row r="423921" spans="8:8">
      <c r="H423921" s="12"/>
    </row>
    <row r="423922" spans="8:8">
      <c r="H423922" s="12"/>
    </row>
    <row r="423923" spans="8:8">
      <c r="H423923" s="12"/>
    </row>
    <row r="423924" spans="8:8">
      <c r="H423924" s="12"/>
    </row>
    <row r="423925" spans="8:8">
      <c r="H423925" s="12"/>
    </row>
    <row r="423926" spans="8:8">
      <c r="H423926" s="12"/>
    </row>
    <row r="423927" spans="8:8">
      <c r="H423927" s="12"/>
    </row>
    <row r="423928" spans="8:8">
      <c r="H423928" s="12"/>
    </row>
    <row r="423929" spans="8:8">
      <c r="H423929" s="12"/>
    </row>
    <row r="423930" spans="8:8">
      <c r="H423930" s="12"/>
    </row>
    <row r="423931" spans="8:8">
      <c r="H423931" s="12"/>
    </row>
    <row r="423932" spans="8:8">
      <c r="H423932" s="12"/>
    </row>
    <row r="423933" spans="8:8">
      <c r="H423933" s="12"/>
    </row>
    <row r="423934" spans="8:8">
      <c r="H423934" s="12"/>
    </row>
    <row r="423935" spans="8:8">
      <c r="H423935" s="12"/>
    </row>
    <row r="423936" spans="8:8">
      <c r="H423936" s="12"/>
    </row>
    <row r="423937" spans="8:8">
      <c r="H423937" s="12"/>
    </row>
    <row r="423938" spans="8:8">
      <c r="H423938" s="12"/>
    </row>
    <row r="423939" spans="8:8">
      <c r="H423939" s="12"/>
    </row>
    <row r="423940" spans="8:8">
      <c r="H423940" s="12"/>
    </row>
    <row r="423941" spans="8:8">
      <c r="H423941" s="12"/>
    </row>
    <row r="423942" spans="8:8">
      <c r="H423942" s="12"/>
    </row>
    <row r="423943" spans="8:8">
      <c r="H423943" s="12"/>
    </row>
    <row r="423944" spans="8:8">
      <c r="H423944" s="12"/>
    </row>
    <row r="423945" spans="8:8">
      <c r="H423945" s="12"/>
    </row>
    <row r="423946" spans="8:8">
      <c r="H423946" s="12"/>
    </row>
    <row r="423947" spans="8:8">
      <c r="H423947" s="12"/>
    </row>
    <row r="423948" spans="8:8">
      <c r="H423948" s="12"/>
    </row>
    <row r="423949" spans="8:8">
      <c r="H423949" s="12"/>
    </row>
    <row r="423950" spans="8:8">
      <c r="H423950" s="12"/>
    </row>
    <row r="423951" spans="8:8">
      <c r="H423951" s="12"/>
    </row>
    <row r="423952" spans="8:8">
      <c r="H423952" s="12"/>
    </row>
    <row r="423953" spans="8:8">
      <c r="H423953" s="12"/>
    </row>
    <row r="423954" spans="8:8">
      <c r="H423954" s="12"/>
    </row>
    <row r="423955" spans="8:8">
      <c r="H423955" s="12"/>
    </row>
    <row r="423956" spans="8:8">
      <c r="H423956" s="12"/>
    </row>
    <row r="423957" spans="8:8">
      <c r="H423957" s="12"/>
    </row>
    <row r="423958" spans="8:8">
      <c r="H423958" s="12"/>
    </row>
    <row r="423959" spans="8:8">
      <c r="H423959" s="12"/>
    </row>
    <row r="423960" spans="8:8">
      <c r="H423960" s="12"/>
    </row>
    <row r="423961" spans="8:8">
      <c r="H423961" s="12"/>
    </row>
    <row r="423962" spans="8:8">
      <c r="H423962" s="12"/>
    </row>
    <row r="423963" spans="8:8">
      <c r="H423963" s="12"/>
    </row>
    <row r="423964" spans="8:8">
      <c r="H423964" s="12"/>
    </row>
    <row r="423965" spans="8:8">
      <c r="H423965" s="12"/>
    </row>
    <row r="423966" spans="8:8">
      <c r="H423966" s="12"/>
    </row>
    <row r="423967" spans="8:8">
      <c r="H423967" s="12"/>
    </row>
    <row r="423968" spans="8:8">
      <c r="H423968" s="12"/>
    </row>
    <row r="423969" spans="8:8">
      <c r="H423969" s="12"/>
    </row>
    <row r="423970" spans="8:8">
      <c r="H423970" s="12"/>
    </row>
    <row r="423971" spans="8:8">
      <c r="H423971" s="12"/>
    </row>
    <row r="423972" spans="8:8">
      <c r="H423972" s="12"/>
    </row>
    <row r="423973" spans="8:8">
      <c r="H423973" s="12"/>
    </row>
    <row r="423974" spans="8:8">
      <c r="H423974" s="12"/>
    </row>
    <row r="423975" spans="8:8">
      <c r="H423975" s="12"/>
    </row>
    <row r="423976" spans="8:8">
      <c r="H423976" s="12"/>
    </row>
    <row r="423977" spans="8:8">
      <c r="H423977" s="12"/>
    </row>
    <row r="423978" spans="8:8">
      <c r="H423978" s="12"/>
    </row>
    <row r="423979" spans="8:8">
      <c r="H423979" s="12"/>
    </row>
    <row r="423980" spans="8:8">
      <c r="H423980" s="12"/>
    </row>
    <row r="423981" spans="8:8">
      <c r="H423981" s="12"/>
    </row>
    <row r="423982" spans="8:8">
      <c r="H423982" s="12"/>
    </row>
    <row r="423983" spans="8:8">
      <c r="H423983" s="12"/>
    </row>
    <row r="423984" spans="8:8">
      <c r="H423984" s="12"/>
    </row>
    <row r="423985" spans="8:8">
      <c r="H423985" s="12"/>
    </row>
    <row r="423986" spans="8:8">
      <c r="H423986" s="12"/>
    </row>
    <row r="423987" spans="8:8">
      <c r="H423987" s="12"/>
    </row>
    <row r="423988" spans="8:8">
      <c r="H423988" s="12"/>
    </row>
    <row r="423989" spans="8:8">
      <c r="H423989" s="12"/>
    </row>
    <row r="423990" spans="8:8">
      <c r="H423990" s="12"/>
    </row>
    <row r="423991" spans="8:8">
      <c r="H423991" s="12"/>
    </row>
    <row r="423992" spans="8:8">
      <c r="H423992" s="12"/>
    </row>
    <row r="423993" spans="8:8">
      <c r="H423993" s="12"/>
    </row>
    <row r="423994" spans="8:8">
      <c r="H423994" s="12"/>
    </row>
    <row r="423995" spans="8:8">
      <c r="H423995" s="12"/>
    </row>
    <row r="423996" spans="8:8">
      <c r="H423996" s="12"/>
    </row>
    <row r="423997" spans="8:8">
      <c r="H423997" s="12"/>
    </row>
    <row r="423998" spans="8:8">
      <c r="H423998" s="12"/>
    </row>
    <row r="423999" spans="8:8">
      <c r="H423999" s="12"/>
    </row>
    <row r="424000" spans="8:8">
      <c r="H424000" s="12"/>
    </row>
    <row r="424001" spans="8:8">
      <c r="H424001" s="12"/>
    </row>
    <row r="424002" spans="8:8">
      <c r="H424002" s="12"/>
    </row>
    <row r="424003" spans="8:8">
      <c r="H424003" s="12"/>
    </row>
    <row r="424004" spans="8:8">
      <c r="H424004" s="12"/>
    </row>
    <row r="424005" spans="8:8">
      <c r="H424005" s="12"/>
    </row>
    <row r="424006" spans="8:8">
      <c r="H424006" s="12"/>
    </row>
    <row r="424007" spans="8:8">
      <c r="H424007" s="12"/>
    </row>
    <row r="424008" spans="8:8">
      <c r="H424008" s="12"/>
    </row>
    <row r="424009" spans="8:8">
      <c r="H424009" s="12"/>
    </row>
    <row r="424010" spans="8:8">
      <c r="H424010" s="12"/>
    </row>
    <row r="424011" spans="8:8">
      <c r="H424011" s="12"/>
    </row>
    <row r="424012" spans="8:8">
      <c r="H424012" s="12"/>
    </row>
    <row r="424013" spans="8:8">
      <c r="H424013" s="12"/>
    </row>
    <row r="424014" spans="8:8">
      <c r="H424014" s="12"/>
    </row>
    <row r="424015" spans="8:8">
      <c r="H424015" s="12"/>
    </row>
    <row r="424016" spans="8:8">
      <c r="H424016" s="12"/>
    </row>
    <row r="424017" spans="8:8">
      <c r="H424017" s="12"/>
    </row>
    <row r="424018" spans="8:8">
      <c r="H424018" s="12"/>
    </row>
    <row r="424019" spans="8:8">
      <c r="H424019" s="12"/>
    </row>
    <row r="424020" spans="8:8">
      <c r="H424020" s="12"/>
    </row>
    <row r="424021" spans="8:8">
      <c r="H424021" s="12"/>
    </row>
    <row r="424022" spans="8:8">
      <c r="H424022" s="12"/>
    </row>
    <row r="424023" spans="8:8">
      <c r="H424023" s="12"/>
    </row>
    <row r="424024" spans="8:8">
      <c r="H424024" s="12"/>
    </row>
    <row r="424025" spans="8:8">
      <c r="H424025" s="12"/>
    </row>
    <row r="424026" spans="8:8">
      <c r="H424026" s="12"/>
    </row>
    <row r="424027" spans="8:8">
      <c r="H424027" s="12"/>
    </row>
    <row r="424028" spans="8:8">
      <c r="H424028" s="12"/>
    </row>
    <row r="424029" spans="8:8">
      <c r="H424029" s="12"/>
    </row>
    <row r="424030" spans="8:8">
      <c r="H424030" s="12"/>
    </row>
    <row r="424031" spans="8:8">
      <c r="H424031" s="12"/>
    </row>
    <row r="424032" spans="8:8">
      <c r="H424032" s="12"/>
    </row>
    <row r="424033" spans="8:8">
      <c r="H424033" s="12"/>
    </row>
    <row r="424034" spans="8:8">
      <c r="H424034" s="12"/>
    </row>
    <row r="424035" spans="8:8">
      <c r="H424035" s="12"/>
    </row>
    <row r="424036" spans="8:8">
      <c r="H424036" s="12"/>
    </row>
    <row r="424037" spans="8:8">
      <c r="H424037" s="12"/>
    </row>
    <row r="424038" spans="8:8">
      <c r="H424038" s="12"/>
    </row>
    <row r="424039" spans="8:8">
      <c r="H424039" s="12"/>
    </row>
    <row r="424040" spans="8:8">
      <c r="H424040" s="12"/>
    </row>
    <row r="424041" spans="8:8">
      <c r="H424041" s="12"/>
    </row>
    <row r="424042" spans="8:8">
      <c r="H424042" s="12"/>
    </row>
    <row r="424043" spans="8:8">
      <c r="H424043" s="12"/>
    </row>
    <row r="424044" spans="8:8">
      <c r="H424044" s="12"/>
    </row>
    <row r="424045" spans="8:8">
      <c r="H424045" s="12"/>
    </row>
    <row r="424046" spans="8:8">
      <c r="H424046" s="12"/>
    </row>
    <row r="424047" spans="8:8">
      <c r="H424047" s="12"/>
    </row>
    <row r="424048" spans="8:8">
      <c r="H424048" s="12"/>
    </row>
    <row r="424049" spans="8:8">
      <c r="H424049" s="12"/>
    </row>
    <row r="424050" spans="8:8">
      <c r="H424050" s="12"/>
    </row>
    <row r="424051" spans="8:8">
      <c r="H424051" s="12"/>
    </row>
    <row r="424052" spans="8:8">
      <c r="H424052" s="12"/>
    </row>
    <row r="424053" spans="8:8">
      <c r="H424053" s="12"/>
    </row>
    <row r="424054" spans="8:8">
      <c r="H424054" s="12"/>
    </row>
    <row r="424055" spans="8:8">
      <c r="H424055" s="12"/>
    </row>
    <row r="424056" spans="8:8">
      <c r="H424056" s="12"/>
    </row>
    <row r="424057" spans="8:8">
      <c r="H424057" s="12"/>
    </row>
    <row r="424058" spans="8:8">
      <c r="H424058" s="12"/>
    </row>
    <row r="424059" spans="8:8">
      <c r="H424059" s="12"/>
    </row>
    <row r="424060" spans="8:8">
      <c r="H424060" s="12"/>
    </row>
    <row r="424061" spans="8:8">
      <c r="H424061" s="12"/>
    </row>
    <row r="424062" spans="8:8">
      <c r="H424062" s="12"/>
    </row>
    <row r="424063" spans="8:8">
      <c r="H424063" s="12"/>
    </row>
    <row r="424064" spans="8:8">
      <c r="H424064" s="12"/>
    </row>
    <row r="424065" spans="8:8">
      <c r="H424065" s="12"/>
    </row>
    <row r="424066" spans="8:8">
      <c r="H424066" s="12"/>
    </row>
    <row r="424067" spans="8:8">
      <c r="H424067" s="12"/>
    </row>
    <row r="424068" spans="8:8">
      <c r="H424068" s="12"/>
    </row>
    <row r="424069" spans="8:8">
      <c r="H424069" s="12"/>
    </row>
    <row r="424070" spans="8:8">
      <c r="H424070" s="12"/>
    </row>
    <row r="424071" spans="8:8">
      <c r="H424071" s="12"/>
    </row>
    <row r="424072" spans="8:8">
      <c r="H424072" s="12"/>
    </row>
    <row r="424073" spans="8:8">
      <c r="H424073" s="12"/>
    </row>
    <row r="424074" spans="8:8">
      <c r="H424074" s="12"/>
    </row>
    <row r="424075" spans="8:8">
      <c r="H424075" s="12"/>
    </row>
    <row r="424076" spans="8:8">
      <c r="H424076" s="12"/>
    </row>
    <row r="424077" spans="8:8">
      <c r="H424077" s="12"/>
    </row>
    <row r="424078" spans="8:8">
      <c r="H424078" s="12"/>
    </row>
    <row r="424079" spans="8:8">
      <c r="H424079" s="12"/>
    </row>
    <row r="424080" spans="8:8">
      <c r="H424080" s="12"/>
    </row>
    <row r="424081" spans="8:8">
      <c r="H424081" s="12"/>
    </row>
    <row r="424082" spans="8:8">
      <c r="H424082" s="12"/>
    </row>
    <row r="424083" spans="8:8">
      <c r="H424083" s="12"/>
    </row>
    <row r="424084" spans="8:8">
      <c r="H424084" s="12"/>
    </row>
    <row r="424085" spans="8:8">
      <c r="H424085" s="12"/>
    </row>
    <row r="424086" spans="8:8">
      <c r="H424086" s="12"/>
    </row>
    <row r="424087" spans="8:8">
      <c r="H424087" s="12"/>
    </row>
    <row r="424088" spans="8:8">
      <c r="H424088" s="12"/>
    </row>
    <row r="424089" spans="8:8">
      <c r="H424089" s="12"/>
    </row>
    <row r="424090" spans="8:8">
      <c r="H424090" s="12"/>
    </row>
    <row r="424091" spans="8:8">
      <c r="H424091" s="12"/>
    </row>
    <row r="424092" spans="8:8">
      <c r="H424092" s="12"/>
    </row>
    <row r="424093" spans="8:8">
      <c r="H424093" s="12"/>
    </row>
    <row r="424094" spans="8:8">
      <c r="H424094" s="12"/>
    </row>
    <row r="424095" spans="8:8">
      <c r="H424095" s="12"/>
    </row>
    <row r="424096" spans="8:8">
      <c r="H424096" s="12"/>
    </row>
    <row r="424097" spans="8:8">
      <c r="H424097" s="12"/>
    </row>
    <row r="424098" spans="8:8">
      <c r="H424098" s="12"/>
    </row>
    <row r="424099" spans="8:8">
      <c r="H424099" s="12"/>
    </row>
    <row r="424100" spans="8:8">
      <c r="H424100" s="12"/>
    </row>
    <row r="424101" spans="8:8">
      <c r="H424101" s="12"/>
    </row>
    <row r="424102" spans="8:8">
      <c r="H424102" s="12"/>
    </row>
    <row r="424103" spans="8:8">
      <c r="H424103" s="12"/>
    </row>
    <row r="424104" spans="8:8">
      <c r="H424104" s="12"/>
    </row>
    <row r="424105" spans="8:8">
      <c r="H424105" s="12"/>
    </row>
    <row r="424106" spans="8:8">
      <c r="H424106" s="12"/>
    </row>
    <row r="424107" spans="8:8">
      <c r="H424107" s="12"/>
    </row>
    <row r="424108" spans="8:8">
      <c r="H424108" s="12"/>
    </row>
    <row r="424109" spans="8:8">
      <c r="H424109" s="12"/>
    </row>
    <row r="424110" spans="8:8">
      <c r="H424110" s="12"/>
    </row>
    <row r="424111" spans="8:8">
      <c r="H424111" s="12"/>
    </row>
    <row r="424112" spans="8:8">
      <c r="H424112" s="12"/>
    </row>
    <row r="424113" spans="8:8">
      <c r="H424113" s="12"/>
    </row>
    <row r="424114" spans="8:8">
      <c r="H424114" s="12"/>
    </row>
    <row r="424115" spans="8:8">
      <c r="H424115" s="12"/>
    </row>
    <row r="424116" spans="8:8">
      <c r="H424116" s="12"/>
    </row>
    <row r="424117" spans="8:8">
      <c r="H424117" s="12"/>
    </row>
    <row r="424118" spans="8:8">
      <c r="H424118" s="12"/>
    </row>
    <row r="424119" spans="8:8">
      <c r="H424119" s="12"/>
    </row>
    <row r="424120" spans="8:8">
      <c r="H424120" s="12"/>
    </row>
    <row r="424121" spans="8:8">
      <c r="H424121" s="12"/>
    </row>
    <row r="424122" spans="8:8">
      <c r="H424122" s="12"/>
    </row>
    <row r="424123" spans="8:8">
      <c r="H424123" s="12"/>
    </row>
    <row r="424124" spans="8:8">
      <c r="H424124" s="12"/>
    </row>
    <row r="424125" spans="8:8">
      <c r="H424125" s="12"/>
    </row>
    <row r="424126" spans="8:8">
      <c r="H424126" s="12"/>
    </row>
    <row r="424127" spans="8:8">
      <c r="H424127" s="12"/>
    </row>
    <row r="424128" spans="8:8">
      <c r="H424128" s="12"/>
    </row>
    <row r="424129" spans="8:8">
      <c r="H424129" s="12"/>
    </row>
    <row r="424130" spans="8:8">
      <c r="H424130" s="12"/>
    </row>
    <row r="424131" spans="8:8">
      <c r="H424131" s="12"/>
    </row>
    <row r="424132" spans="8:8">
      <c r="H424132" s="12"/>
    </row>
    <row r="424133" spans="8:8">
      <c r="H424133" s="12"/>
    </row>
    <row r="424134" spans="8:8">
      <c r="H424134" s="12"/>
    </row>
    <row r="424135" spans="8:8">
      <c r="H424135" s="12"/>
    </row>
    <row r="424136" spans="8:8">
      <c r="H424136" s="12"/>
    </row>
    <row r="424137" spans="8:8">
      <c r="H424137" s="12"/>
    </row>
    <row r="424138" spans="8:8">
      <c r="H424138" s="12"/>
    </row>
    <row r="424139" spans="8:8">
      <c r="H424139" s="12"/>
    </row>
    <row r="424140" spans="8:8">
      <c r="H424140" s="12"/>
    </row>
    <row r="424141" spans="8:8">
      <c r="H424141" s="12"/>
    </row>
    <row r="424142" spans="8:8">
      <c r="H424142" s="12"/>
    </row>
    <row r="424143" spans="8:8">
      <c r="H424143" s="12"/>
    </row>
    <row r="424144" spans="8:8">
      <c r="H424144" s="12"/>
    </row>
    <row r="424145" spans="8:8">
      <c r="H424145" s="12"/>
    </row>
    <row r="424146" spans="8:8">
      <c r="H424146" s="12"/>
    </row>
    <row r="424147" spans="8:8">
      <c r="H424147" s="12"/>
    </row>
    <row r="424148" spans="8:8">
      <c r="H424148" s="12"/>
    </row>
    <row r="424149" spans="8:8">
      <c r="H424149" s="12"/>
    </row>
    <row r="424150" spans="8:8">
      <c r="H424150" s="12"/>
    </row>
    <row r="424151" spans="8:8">
      <c r="H424151" s="12"/>
    </row>
    <row r="424152" spans="8:8">
      <c r="H424152" s="12"/>
    </row>
    <row r="424153" spans="8:8">
      <c r="H424153" s="12"/>
    </row>
    <row r="424154" spans="8:8">
      <c r="H424154" s="12"/>
    </row>
    <row r="424155" spans="8:8">
      <c r="H424155" s="12"/>
    </row>
    <row r="424156" spans="8:8">
      <c r="H424156" s="12"/>
    </row>
    <row r="424157" spans="8:8">
      <c r="H424157" s="12"/>
    </row>
    <row r="424158" spans="8:8">
      <c r="H424158" s="12"/>
    </row>
    <row r="424159" spans="8:8">
      <c r="H424159" s="12"/>
    </row>
    <row r="424160" spans="8:8">
      <c r="H424160" s="12"/>
    </row>
    <row r="424161" spans="8:8">
      <c r="H424161" s="12"/>
    </row>
    <row r="424162" spans="8:8">
      <c r="H424162" s="12"/>
    </row>
    <row r="424163" spans="8:8">
      <c r="H424163" s="12"/>
    </row>
    <row r="424164" spans="8:8">
      <c r="H424164" s="12"/>
    </row>
    <row r="424165" spans="8:8">
      <c r="H424165" s="12"/>
    </row>
    <row r="424166" spans="8:8">
      <c r="H424166" s="12"/>
    </row>
    <row r="424167" spans="8:8">
      <c r="H424167" s="12"/>
    </row>
    <row r="424168" spans="8:8">
      <c r="H424168" s="12"/>
    </row>
    <row r="424169" spans="8:8">
      <c r="H424169" s="12"/>
    </row>
    <row r="424170" spans="8:8">
      <c r="H424170" s="12"/>
    </row>
    <row r="424171" spans="8:8">
      <c r="H424171" s="12"/>
    </row>
    <row r="424172" spans="8:8">
      <c r="H424172" s="12"/>
    </row>
    <row r="424173" spans="8:8">
      <c r="H424173" s="12"/>
    </row>
    <row r="424174" spans="8:8">
      <c r="H424174" s="12"/>
    </row>
    <row r="424175" spans="8:8">
      <c r="H424175" s="12"/>
    </row>
    <row r="424176" spans="8:8">
      <c r="H424176" s="12"/>
    </row>
    <row r="424177" spans="8:8">
      <c r="H424177" s="12"/>
    </row>
    <row r="424178" spans="8:8">
      <c r="H424178" s="12"/>
    </row>
    <row r="424179" spans="8:8">
      <c r="H424179" s="12"/>
    </row>
    <row r="424180" spans="8:8">
      <c r="H424180" s="12"/>
    </row>
    <row r="424181" spans="8:8">
      <c r="H424181" s="12"/>
    </row>
    <row r="424182" spans="8:8">
      <c r="H424182" s="12"/>
    </row>
    <row r="424183" spans="8:8">
      <c r="H424183" s="12"/>
    </row>
    <row r="424184" spans="8:8">
      <c r="H424184" s="12"/>
    </row>
    <row r="424185" spans="8:8">
      <c r="H424185" s="12"/>
    </row>
    <row r="424186" spans="8:8">
      <c r="H424186" s="12"/>
    </row>
    <row r="424187" spans="8:8">
      <c r="H424187" s="12"/>
    </row>
    <row r="424188" spans="8:8">
      <c r="H424188" s="12"/>
    </row>
    <row r="424189" spans="8:8">
      <c r="H424189" s="12"/>
    </row>
    <row r="424190" spans="8:8">
      <c r="H424190" s="12"/>
    </row>
    <row r="424191" spans="8:8">
      <c r="H424191" s="12"/>
    </row>
    <row r="424192" spans="8:8">
      <c r="H424192" s="12"/>
    </row>
    <row r="424193" spans="8:8">
      <c r="H424193" s="12"/>
    </row>
    <row r="424194" spans="8:8">
      <c r="H424194" s="12"/>
    </row>
    <row r="424195" spans="8:8">
      <c r="H424195" s="12"/>
    </row>
    <row r="424196" spans="8:8">
      <c r="H424196" s="12"/>
    </row>
    <row r="424197" spans="8:8">
      <c r="H424197" s="12"/>
    </row>
    <row r="424198" spans="8:8">
      <c r="H424198" s="12"/>
    </row>
    <row r="424199" spans="8:8">
      <c r="H424199" s="12"/>
    </row>
    <row r="424200" spans="8:8">
      <c r="H424200" s="12"/>
    </row>
    <row r="424201" spans="8:8">
      <c r="H424201" s="12"/>
    </row>
    <row r="424202" spans="8:8">
      <c r="H424202" s="12"/>
    </row>
    <row r="424203" spans="8:8">
      <c r="H424203" s="12"/>
    </row>
    <row r="424204" spans="8:8">
      <c r="H424204" s="12"/>
    </row>
    <row r="424205" spans="8:8">
      <c r="H424205" s="12"/>
    </row>
    <row r="424206" spans="8:8">
      <c r="H424206" s="12"/>
    </row>
    <row r="424207" spans="8:8">
      <c r="H424207" s="12"/>
    </row>
    <row r="424208" spans="8:8">
      <c r="H424208" s="12"/>
    </row>
    <row r="424209" spans="8:8">
      <c r="H424209" s="12"/>
    </row>
    <row r="424210" spans="8:8">
      <c r="H424210" s="12"/>
    </row>
    <row r="424211" spans="8:8">
      <c r="H424211" s="12"/>
    </row>
    <row r="424212" spans="8:8">
      <c r="H424212" s="12"/>
    </row>
    <row r="424213" spans="8:8">
      <c r="H424213" s="12"/>
    </row>
    <row r="424214" spans="8:8">
      <c r="H424214" s="12"/>
    </row>
    <row r="424215" spans="8:8">
      <c r="H424215" s="12"/>
    </row>
    <row r="424216" spans="8:8">
      <c r="H424216" s="12"/>
    </row>
    <row r="424217" spans="8:8">
      <c r="H424217" s="12"/>
    </row>
    <row r="424218" spans="8:8">
      <c r="H424218" s="12"/>
    </row>
    <row r="424219" spans="8:8">
      <c r="H424219" s="12"/>
    </row>
    <row r="424220" spans="8:8">
      <c r="H424220" s="12"/>
    </row>
    <row r="424221" spans="8:8">
      <c r="H424221" s="12"/>
    </row>
    <row r="424222" spans="8:8">
      <c r="H424222" s="12"/>
    </row>
    <row r="424223" spans="8:8">
      <c r="H424223" s="12"/>
    </row>
    <row r="424224" spans="8:8">
      <c r="H424224" s="12"/>
    </row>
    <row r="424225" spans="8:8">
      <c r="H424225" s="12"/>
    </row>
    <row r="424226" spans="8:8">
      <c r="H424226" s="12"/>
    </row>
    <row r="424227" spans="8:8">
      <c r="H424227" s="12"/>
    </row>
    <row r="424228" spans="8:8">
      <c r="H424228" s="12"/>
    </row>
    <row r="424229" spans="8:8">
      <c r="H424229" s="12"/>
    </row>
    <row r="424230" spans="8:8">
      <c r="H424230" s="12"/>
    </row>
    <row r="424231" spans="8:8">
      <c r="H424231" s="12"/>
    </row>
    <row r="424232" spans="8:8">
      <c r="H424232" s="12"/>
    </row>
    <row r="424233" spans="8:8">
      <c r="H424233" s="12"/>
    </row>
    <row r="424234" spans="8:8">
      <c r="H424234" s="12"/>
    </row>
    <row r="424235" spans="8:8">
      <c r="H424235" s="12"/>
    </row>
    <row r="424236" spans="8:8">
      <c r="H424236" s="12"/>
    </row>
    <row r="424237" spans="8:8">
      <c r="H424237" s="12"/>
    </row>
    <row r="424238" spans="8:8">
      <c r="H424238" s="12"/>
    </row>
    <row r="424239" spans="8:8">
      <c r="H424239" s="12"/>
    </row>
    <row r="424240" spans="8:8">
      <c r="H424240" s="12"/>
    </row>
    <row r="424241" spans="8:8">
      <c r="H424241" s="12"/>
    </row>
    <row r="424242" spans="8:8">
      <c r="H424242" s="12"/>
    </row>
    <row r="424243" spans="8:8">
      <c r="H424243" s="12"/>
    </row>
    <row r="424244" spans="8:8">
      <c r="H424244" s="12"/>
    </row>
    <row r="424245" spans="8:8">
      <c r="H424245" s="12"/>
    </row>
    <row r="424246" spans="8:8">
      <c r="H424246" s="12"/>
    </row>
    <row r="424247" spans="8:8">
      <c r="H424247" s="12"/>
    </row>
    <row r="424248" spans="8:8">
      <c r="H424248" s="12"/>
    </row>
    <row r="424249" spans="8:8">
      <c r="H424249" s="12"/>
    </row>
    <row r="424250" spans="8:8">
      <c r="H424250" s="12"/>
    </row>
    <row r="424251" spans="8:8">
      <c r="H424251" s="12"/>
    </row>
    <row r="424252" spans="8:8">
      <c r="H424252" s="12"/>
    </row>
    <row r="424253" spans="8:8">
      <c r="H424253" s="12"/>
    </row>
    <row r="424254" spans="8:8">
      <c r="H424254" s="12"/>
    </row>
    <row r="424255" spans="8:8">
      <c r="H424255" s="12"/>
    </row>
    <row r="424256" spans="8:8">
      <c r="H424256" s="12"/>
    </row>
    <row r="424257" spans="8:8">
      <c r="H424257" s="12"/>
    </row>
    <row r="424258" spans="8:8">
      <c r="H424258" s="12"/>
    </row>
    <row r="424259" spans="8:8">
      <c r="H424259" s="12"/>
    </row>
    <row r="424260" spans="8:8">
      <c r="H424260" s="12"/>
    </row>
    <row r="424261" spans="8:8">
      <c r="H424261" s="12"/>
    </row>
    <row r="424262" spans="8:8">
      <c r="H424262" s="12"/>
    </row>
    <row r="424263" spans="8:8">
      <c r="H424263" s="12"/>
    </row>
    <row r="424264" spans="8:8">
      <c r="H424264" s="12"/>
    </row>
    <row r="424265" spans="8:8">
      <c r="H424265" s="12"/>
    </row>
    <row r="424266" spans="8:8">
      <c r="H424266" s="12"/>
    </row>
    <row r="424267" spans="8:8">
      <c r="H424267" s="12"/>
    </row>
    <row r="424268" spans="8:8">
      <c r="H424268" s="12"/>
    </row>
    <row r="424269" spans="8:8">
      <c r="H424269" s="12"/>
    </row>
    <row r="424270" spans="8:8">
      <c r="H424270" s="12"/>
    </row>
    <row r="424271" spans="8:8">
      <c r="H424271" s="12"/>
    </row>
    <row r="424272" spans="8:8">
      <c r="H424272" s="12"/>
    </row>
    <row r="424273" spans="8:8">
      <c r="H424273" s="12"/>
    </row>
    <row r="424274" spans="8:8">
      <c r="H424274" s="12"/>
    </row>
    <row r="424275" spans="8:8">
      <c r="H424275" s="12"/>
    </row>
    <row r="424276" spans="8:8">
      <c r="H424276" s="12"/>
    </row>
    <row r="424277" spans="8:8">
      <c r="H424277" s="12"/>
    </row>
    <row r="424278" spans="8:8">
      <c r="H424278" s="12"/>
    </row>
    <row r="424279" spans="8:8">
      <c r="H424279" s="12"/>
    </row>
    <row r="424280" spans="8:8">
      <c r="H424280" s="12"/>
    </row>
    <row r="424281" spans="8:8">
      <c r="H424281" s="12"/>
    </row>
    <row r="424282" spans="8:8">
      <c r="H424282" s="12"/>
    </row>
    <row r="424283" spans="8:8">
      <c r="H424283" s="12"/>
    </row>
    <row r="424284" spans="8:8">
      <c r="H424284" s="12"/>
    </row>
    <row r="424285" spans="8:8">
      <c r="H424285" s="12"/>
    </row>
    <row r="424286" spans="8:8">
      <c r="H424286" s="12"/>
    </row>
    <row r="424287" spans="8:8">
      <c r="H424287" s="12"/>
    </row>
    <row r="424288" spans="8:8">
      <c r="H424288" s="12"/>
    </row>
    <row r="424289" spans="8:8">
      <c r="H424289" s="12"/>
    </row>
    <row r="424290" spans="8:8">
      <c r="H424290" s="12"/>
    </row>
    <row r="424291" spans="8:8">
      <c r="H424291" s="12"/>
    </row>
    <row r="424292" spans="8:8">
      <c r="H424292" s="12"/>
    </row>
    <row r="424293" spans="8:8">
      <c r="H424293" s="12"/>
    </row>
    <row r="424294" spans="8:8">
      <c r="H424294" s="12"/>
    </row>
    <row r="424295" spans="8:8">
      <c r="H424295" s="12"/>
    </row>
    <row r="424296" spans="8:8">
      <c r="H424296" s="12"/>
    </row>
    <row r="424297" spans="8:8">
      <c r="H424297" s="12"/>
    </row>
    <row r="424298" spans="8:8">
      <c r="H424298" s="12"/>
    </row>
    <row r="424299" spans="8:8">
      <c r="H424299" s="12"/>
    </row>
    <row r="424300" spans="8:8">
      <c r="H424300" s="12"/>
    </row>
    <row r="424301" spans="8:8">
      <c r="H424301" s="12"/>
    </row>
    <row r="424302" spans="8:8">
      <c r="H424302" s="12"/>
    </row>
    <row r="424303" spans="8:8">
      <c r="H424303" s="12"/>
    </row>
    <row r="424304" spans="8:8">
      <c r="H424304" s="12"/>
    </row>
    <row r="424305" spans="8:8">
      <c r="H424305" s="12"/>
    </row>
    <row r="424306" spans="8:8">
      <c r="H424306" s="12"/>
    </row>
    <row r="424307" spans="8:8">
      <c r="H424307" s="12"/>
    </row>
    <row r="424308" spans="8:8">
      <c r="H424308" s="12"/>
    </row>
    <row r="424309" spans="8:8">
      <c r="H424309" s="12"/>
    </row>
    <row r="424310" spans="8:8">
      <c r="H424310" s="12"/>
    </row>
    <row r="424311" spans="8:8">
      <c r="H424311" s="12"/>
    </row>
    <row r="424312" spans="8:8">
      <c r="H424312" s="12"/>
    </row>
    <row r="424313" spans="8:8">
      <c r="H424313" s="12"/>
    </row>
    <row r="424314" spans="8:8">
      <c r="H424314" s="12"/>
    </row>
    <row r="424315" spans="8:8">
      <c r="H424315" s="12"/>
    </row>
    <row r="424316" spans="8:8">
      <c r="H424316" s="12"/>
    </row>
    <row r="424317" spans="8:8">
      <c r="H424317" s="12"/>
    </row>
    <row r="424318" spans="8:8">
      <c r="H424318" s="12"/>
    </row>
    <row r="424319" spans="8:8">
      <c r="H424319" s="12"/>
    </row>
    <row r="424320" spans="8:8">
      <c r="H424320" s="12"/>
    </row>
    <row r="424321" spans="8:8">
      <c r="H424321" s="12"/>
    </row>
    <row r="424322" spans="8:8">
      <c r="H424322" s="12"/>
    </row>
    <row r="424323" spans="8:8">
      <c r="H424323" s="12"/>
    </row>
    <row r="424324" spans="8:8">
      <c r="H424324" s="12"/>
    </row>
    <row r="424325" spans="8:8">
      <c r="H424325" s="12"/>
    </row>
    <row r="424326" spans="8:8">
      <c r="H424326" s="12"/>
    </row>
    <row r="424327" spans="8:8">
      <c r="H424327" s="12"/>
    </row>
    <row r="424328" spans="8:8">
      <c r="H424328" s="12"/>
    </row>
    <row r="424329" spans="8:8">
      <c r="H424329" s="12"/>
    </row>
    <row r="424330" spans="8:8">
      <c r="H424330" s="12"/>
    </row>
    <row r="424331" spans="8:8">
      <c r="H424331" s="12"/>
    </row>
    <row r="424332" spans="8:8">
      <c r="H424332" s="12"/>
    </row>
    <row r="424333" spans="8:8">
      <c r="H424333" s="12"/>
    </row>
    <row r="424334" spans="8:8">
      <c r="H424334" s="12"/>
    </row>
    <row r="424335" spans="8:8">
      <c r="H424335" s="12"/>
    </row>
    <row r="424336" spans="8:8">
      <c r="H424336" s="12"/>
    </row>
    <row r="424337" spans="8:8">
      <c r="H424337" s="12"/>
    </row>
    <row r="424338" spans="8:8">
      <c r="H424338" s="12"/>
    </row>
    <row r="424339" spans="8:8">
      <c r="H424339" s="12"/>
    </row>
    <row r="424340" spans="8:8">
      <c r="H424340" s="12"/>
    </row>
    <row r="424341" spans="8:8">
      <c r="H424341" s="12"/>
    </row>
    <row r="424342" spans="8:8">
      <c r="H424342" s="12"/>
    </row>
    <row r="424343" spans="8:8">
      <c r="H424343" s="12"/>
    </row>
    <row r="424344" spans="8:8">
      <c r="H424344" s="12"/>
    </row>
    <row r="424345" spans="8:8">
      <c r="H424345" s="12"/>
    </row>
    <row r="424346" spans="8:8">
      <c r="H424346" s="12"/>
    </row>
    <row r="424347" spans="8:8">
      <c r="H424347" s="12"/>
    </row>
    <row r="424348" spans="8:8">
      <c r="H424348" s="12"/>
    </row>
    <row r="424349" spans="8:8">
      <c r="H424349" s="12"/>
    </row>
    <row r="424350" spans="8:8">
      <c r="H424350" s="12"/>
    </row>
    <row r="424351" spans="8:8">
      <c r="H424351" s="12"/>
    </row>
    <row r="424352" spans="8:8">
      <c r="H424352" s="12"/>
    </row>
    <row r="424353" spans="8:8">
      <c r="H424353" s="12"/>
    </row>
    <row r="424354" spans="8:8">
      <c r="H424354" s="12"/>
    </row>
    <row r="424355" spans="8:8">
      <c r="H424355" s="12"/>
    </row>
    <row r="424356" spans="8:8">
      <c r="H424356" s="12"/>
    </row>
    <row r="424357" spans="8:8">
      <c r="H424357" s="12"/>
    </row>
    <row r="424358" spans="8:8">
      <c r="H424358" s="12"/>
    </row>
    <row r="424359" spans="8:8">
      <c r="H424359" s="12"/>
    </row>
    <row r="424360" spans="8:8">
      <c r="H424360" s="12"/>
    </row>
    <row r="424361" spans="8:8">
      <c r="H424361" s="12"/>
    </row>
    <row r="424362" spans="8:8">
      <c r="H424362" s="12"/>
    </row>
    <row r="424363" spans="8:8">
      <c r="H424363" s="12"/>
    </row>
    <row r="424364" spans="8:8">
      <c r="H424364" s="12"/>
    </row>
    <row r="424365" spans="8:8">
      <c r="H424365" s="12"/>
    </row>
    <row r="424366" spans="8:8">
      <c r="H424366" s="12"/>
    </row>
    <row r="424367" spans="8:8">
      <c r="H424367" s="12"/>
    </row>
    <row r="424368" spans="8:8">
      <c r="H424368" s="12"/>
    </row>
    <row r="424369" spans="8:8">
      <c r="H424369" s="12"/>
    </row>
    <row r="424370" spans="8:8">
      <c r="H424370" s="12"/>
    </row>
    <row r="424371" spans="8:8">
      <c r="H424371" s="12"/>
    </row>
    <row r="424372" spans="8:8">
      <c r="H424372" s="12"/>
    </row>
    <row r="424373" spans="8:8">
      <c r="H424373" s="12"/>
    </row>
    <row r="424374" spans="8:8">
      <c r="H424374" s="12"/>
    </row>
    <row r="424375" spans="8:8">
      <c r="H424375" s="12"/>
    </row>
    <row r="424376" spans="8:8">
      <c r="H424376" s="12"/>
    </row>
    <row r="424377" spans="8:8">
      <c r="H424377" s="12"/>
    </row>
    <row r="424378" spans="8:8">
      <c r="H424378" s="12"/>
    </row>
    <row r="424379" spans="8:8">
      <c r="H424379" s="12"/>
    </row>
    <row r="424380" spans="8:8">
      <c r="H424380" s="12"/>
    </row>
    <row r="424381" spans="8:8">
      <c r="H424381" s="12"/>
    </row>
    <row r="424382" spans="8:8">
      <c r="H424382" s="12"/>
    </row>
    <row r="424383" spans="8:8">
      <c r="H424383" s="12"/>
    </row>
    <row r="424384" spans="8:8">
      <c r="H424384" s="12"/>
    </row>
    <row r="424385" spans="8:8">
      <c r="H424385" s="12"/>
    </row>
    <row r="424386" spans="8:8">
      <c r="H424386" s="12"/>
    </row>
    <row r="424387" spans="8:8">
      <c r="H424387" s="12"/>
    </row>
    <row r="424388" spans="8:8">
      <c r="H424388" s="12"/>
    </row>
    <row r="424389" spans="8:8">
      <c r="H424389" s="12"/>
    </row>
    <row r="424390" spans="8:8">
      <c r="H424390" s="12"/>
    </row>
    <row r="424391" spans="8:8">
      <c r="H424391" s="12"/>
    </row>
    <row r="424392" spans="8:8">
      <c r="H424392" s="12"/>
    </row>
    <row r="424393" spans="8:8">
      <c r="H424393" s="12"/>
    </row>
    <row r="424394" spans="8:8">
      <c r="H424394" s="12"/>
    </row>
    <row r="424395" spans="8:8">
      <c r="H424395" s="12"/>
    </row>
    <row r="424396" spans="8:8">
      <c r="H424396" s="12"/>
    </row>
    <row r="424397" spans="8:8">
      <c r="H424397" s="12"/>
    </row>
    <row r="424398" spans="8:8">
      <c r="H424398" s="12"/>
    </row>
    <row r="424399" spans="8:8">
      <c r="H424399" s="12"/>
    </row>
    <row r="424400" spans="8:8">
      <c r="H424400" s="12"/>
    </row>
    <row r="424401" spans="8:8">
      <c r="H424401" s="12"/>
    </row>
    <row r="424402" spans="8:8">
      <c r="H424402" s="12"/>
    </row>
    <row r="424403" spans="8:8">
      <c r="H424403" s="12"/>
    </row>
    <row r="424404" spans="8:8">
      <c r="H424404" s="12"/>
    </row>
    <row r="424405" spans="8:8">
      <c r="H424405" s="12"/>
    </row>
    <row r="424406" spans="8:8">
      <c r="H424406" s="12"/>
    </row>
    <row r="424407" spans="8:8">
      <c r="H424407" s="12"/>
    </row>
    <row r="424408" spans="8:8">
      <c r="H424408" s="12"/>
    </row>
    <row r="424409" spans="8:8">
      <c r="H424409" s="12"/>
    </row>
    <row r="424410" spans="8:8">
      <c r="H424410" s="12"/>
    </row>
    <row r="424411" spans="8:8">
      <c r="H424411" s="12"/>
    </row>
    <row r="424412" spans="8:8">
      <c r="H424412" s="12"/>
    </row>
    <row r="424413" spans="8:8">
      <c r="H424413" s="12"/>
    </row>
    <row r="424414" spans="8:8">
      <c r="H424414" s="12"/>
    </row>
    <row r="424415" spans="8:8">
      <c r="H424415" s="12"/>
    </row>
    <row r="424416" spans="8:8">
      <c r="H424416" s="12"/>
    </row>
    <row r="424417" spans="8:8">
      <c r="H424417" s="12"/>
    </row>
    <row r="424418" spans="8:8">
      <c r="H424418" s="12"/>
    </row>
    <row r="424419" spans="8:8">
      <c r="H424419" s="12"/>
    </row>
    <row r="424420" spans="8:8">
      <c r="H424420" s="12"/>
    </row>
    <row r="424421" spans="8:8">
      <c r="H424421" s="12"/>
    </row>
    <row r="424422" spans="8:8">
      <c r="H424422" s="12"/>
    </row>
    <row r="424423" spans="8:8">
      <c r="H424423" s="12"/>
    </row>
    <row r="424424" spans="8:8">
      <c r="H424424" s="12"/>
    </row>
    <row r="424425" spans="8:8">
      <c r="H424425" s="12"/>
    </row>
    <row r="424426" spans="8:8">
      <c r="H424426" s="12"/>
    </row>
    <row r="424427" spans="8:8">
      <c r="H424427" s="12"/>
    </row>
    <row r="424428" spans="8:8">
      <c r="H424428" s="12"/>
    </row>
    <row r="424429" spans="8:8">
      <c r="H424429" s="12"/>
    </row>
    <row r="424430" spans="8:8">
      <c r="H424430" s="12"/>
    </row>
    <row r="424431" spans="8:8">
      <c r="H424431" s="12"/>
    </row>
    <row r="424432" spans="8:8">
      <c r="H424432" s="12"/>
    </row>
    <row r="424433" spans="8:8">
      <c r="H424433" s="12"/>
    </row>
    <row r="424434" spans="8:8">
      <c r="H424434" s="12"/>
    </row>
    <row r="424435" spans="8:8">
      <c r="H424435" s="12"/>
    </row>
    <row r="424436" spans="8:8">
      <c r="H424436" s="12"/>
    </row>
    <row r="424437" spans="8:8">
      <c r="H424437" s="12"/>
    </row>
    <row r="424438" spans="8:8">
      <c r="H424438" s="12"/>
    </row>
    <row r="424439" spans="8:8">
      <c r="H424439" s="12"/>
    </row>
    <row r="424440" spans="8:8">
      <c r="H424440" s="12"/>
    </row>
    <row r="424441" spans="8:8">
      <c r="H424441" s="12"/>
    </row>
    <row r="424442" spans="8:8">
      <c r="H424442" s="12"/>
    </row>
    <row r="424443" spans="8:8">
      <c r="H424443" s="12"/>
    </row>
    <row r="424444" spans="8:8">
      <c r="H424444" s="12"/>
    </row>
    <row r="424445" spans="8:8">
      <c r="H424445" s="12"/>
    </row>
    <row r="424446" spans="8:8">
      <c r="H424446" s="12"/>
    </row>
    <row r="424447" spans="8:8">
      <c r="H424447" s="12"/>
    </row>
    <row r="424448" spans="8:8">
      <c r="H424448" s="12"/>
    </row>
    <row r="424449" spans="8:8">
      <c r="H424449" s="12"/>
    </row>
    <row r="424450" spans="8:8">
      <c r="H424450" s="12"/>
    </row>
    <row r="424451" spans="8:8">
      <c r="H424451" s="12"/>
    </row>
    <row r="424452" spans="8:8">
      <c r="H424452" s="12"/>
    </row>
    <row r="424453" spans="8:8">
      <c r="H424453" s="12"/>
    </row>
    <row r="424454" spans="8:8">
      <c r="H424454" s="12"/>
    </row>
    <row r="424455" spans="8:8">
      <c r="H424455" s="12"/>
    </row>
    <row r="424456" spans="8:8">
      <c r="H424456" s="12"/>
    </row>
    <row r="424457" spans="8:8">
      <c r="H424457" s="12"/>
    </row>
    <row r="424458" spans="8:8">
      <c r="H424458" s="12"/>
    </row>
    <row r="424459" spans="8:8">
      <c r="H424459" s="12"/>
    </row>
    <row r="424460" spans="8:8">
      <c r="H424460" s="12"/>
    </row>
    <row r="424461" spans="8:8">
      <c r="H424461" s="12"/>
    </row>
    <row r="424462" spans="8:8">
      <c r="H424462" s="12"/>
    </row>
    <row r="424463" spans="8:8">
      <c r="H424463" s="12"/>
    </row>
    <row r="424464" spans="8:8">
      <c r="H424464" s="12"/>
    </row>
    <row r="424465" spans="8:8">
      <c r="H424465" s="12"/>
    </row>
    <row r="424466" spans="8:8">
      <c r="H424466" s="12"/>
    </row>
    <row r="424467" spans="8:8">
      <c r="H424467" s="12"/>
    </row>
    <row r="424468" spans="8:8">
      <c r="H424468" s="12"/>
    </row>
    <row r="424469" spans="8:8">
      <c r="H424469" s="12"/>
    </row>
    <row r="424470" spans="8:8">
      <c r="H424470" s="12"/>
    </row>
    <row r="424471" spans="8:8">
      <c r="H424471" s="12"/>
    </row>
    <row r="424472" spans="8:8">
      <c r="H424472" s="12"/>
    </row>
    <row r="424473" spans="8:8">
      <c r="H424473" s="12"/>
    </row>
    <row r="424474" spans="8:8">
      <c r="H424474" s="12"/>
    </row>
    <row r="424475" spans="8:8">
      <c r="H424475" s="12"/>
    </row>
    <row r="424476" spans="8:8">
      <c r="H424476" s="12"/>
    </row>
    <row r="424477" spans="8:8">
      <c r="H424477" s="12"/>
    </row>
    <row r="424478" spans="8:8">
      <c r="H424478" s="12"/>
    </row>
    <row r="424479" spans="8:8">
      <c r="H424479" s="12"/>
    </row>
    <row r="424480" spans="8:8">
      <c r="H424480" s="12"/>
    </row>
    <row r="424481" spans="8:8">
      <c r="H424481" s="12"/>
    </row>
    <row r="424482" spans="8:8">
      <c r="H424482" s="12"/>
    </row>
    <row r="424483" spans="8:8">
      <c r="H424483" s="12"/>
    </row>
    <row r="424484" spans="8:8">
      <c r="H424484" s="12"/>
    </row>
    <row r="424485" spans="8:8">
      <c r="H424485" s="12"/>
    </row>
    <row r="424486" spans="8:8">
      <c r="H424486" s="12"/>
    </row>
    <row r="424487" spans="8:8">
      <c r="H424487" s="12"/>
    </row>
    <row r="424488" spans="8:8">
      <c r="H424488" s="12"/>
    </row>
    <row r="424489" spans="8:8">
      <c r="H424489" s="12"/>
    </row>
    <row r="424490" spans="8:8">
      <c r="H424490" s="12"/>
    </row>
    <row r="424491" spans="8:8">
      <c r="H424491" s="12"/>
    </row>
    <row r="424492" spans="8:8">
      <c r="H424492" s="12"/>
    </row>
    <row r="424493" spans="8:8">
      <c r="H424493" s="12"/>
    </row>
    <row r="424494" spans="8:8">
      <c r="H424494" s="12"/>
    </row>
    <row r="424495" spans="8:8">
      <c r="H424495" s="12"/>
    </row>
    <row r="424496" spans="8:8">
      <c r="H424496" s="12"/>
    </row>
    <row r="424497" spans="8:8">
      <c r="H424497" s="12"/>
    </row>
    <row r="424498" spans="8:8">
      <c r="H424498" s="12"/>
    </row>
    <row r="424499" spans="8:8">
      <c r="H424499" s="12"/>
    </row>
    <row r="424500" spans="8:8">
      <c r="H424500" s="12"/>
    </row>
    <row r="424501" spans="8:8">
      <c r="H424501" s="12"/>
    </row>
    <row r="424502" spans="8:8">
      <c r="H424502" s="12"/>
    </row>
    <row r="424503" spans="8:8">
      <c r="H424503" s="12"/>
    </row>
    <row r="424504" spans="8:8">
      <c r="H424504" s="12"/>
    </row>
    <row r="424505" spans="8:8">
      <c r="H424505" s="12"/>
    </row>
    <row r="424506" spans="8:8">
      <c r="H424506" s="12"/>
    </row>
    <row r="424507" spans="8:8">
      <c r="H424507" s="12"/>
    </row>
    <row r="424508" spans="8:8">
      <c r="H424508" s="12"/>
    </row>
    <row r="424509" spans="8:8">
      <c r="H424509" s="12"/>
    </row>
    <row r="424510" spans="8:8">
      <c r="H424510" s="12"/>
    </row>
    <row r="424511" spans="8:8">
      <c r="H424511" s="12"/>
    </row>
    <row r="424512" spans="8:8">
      <c r="H424512" s="12"/>
    </row>
    <row r="424513" spans="8:8">
      <c r="H424513" s="12"/>
    </row>
    <row r="424514" spans="8:8">
      <c r="H424514" s="12"/>
    </row>
    <row r="424515" spans="8:8">
      <c r="H424515" s="12"/>
    </row>
    <row r="424516" spans="8:8">
      <c r="H424516" s="12"/>
    </row>
    <row r="424517" spans="8:8">
      <c r="H424517" s="12"/>
    </row>
    <row r="424518" spans="8:8">
      <c r="H424518" s="12"/>
    </row>
    <row r="424519" spans="8:8">
      <c r="H424519" s="12"/>
    </row>
    <row r="424520" spans="8:8">
      <c r="H424520" s="12"/>
    </row>
    <row r="424521" spans="8:8">
      <c r="H424521" s="12"/>
    </row>
    <row r="424522" spans="8:8">
      <c r="H424522" s="12"/>
    </row>
    <row r="424523" spans="8:8">
      <c r="H424523" s="12"/>
    </row>
    <row r="424524" spans="8:8">
      <c r="H424524" s="12"/>
    </row>
    <row r="424525" spans="8:8">
      <c r="H424525" s="12"/>
    </row>
    <row r="424526" spans="8:8">
      <c r="H424526" s="12"/>
    </row>
    <row r="424527" spans="8:8">
      <c r="H424527" s="12"/>
    </row>
    <row r="424528" spans="8:8">
      <c r="H424528" s="12"/>
    </row>
    <row r="424529" spans="8:8">
      <c r="H424529" s="12"/>
    </row>
    <row r="424530" spans="8:8">
      <c r="H424530" s="12"/>
    </row>
    <row r="424531" spans="8:8">
      <c r="H424531" s="12"/>
    </row>
    <row r="424532" spans="8:8">
      <c r="H424532" s="12"/>
    </row>
    <row r="424533" spans="8:8">
      <c r="H424533" s="12"/>
    </row>
    <row r="424534" spans="8:8">
      <c r="H424534" s="12"/>
    </row>
    <row r="424535" spans="8:8">
      <c r="H424535" s="12"/>
    </row>
    <row r="424536" spans="8:8">
      <c r="H424536" s="12"/>
    </row>
    <row r="424537" spans="8:8">
      <c r="H424537" s="12"/>
    </row>
    <row r="424538" spans="8:8">
      <c r="H424538" s="12"/>
    </row>
    <row r="424539" spans="8:8">
      <c r="H424539" s="12"/>
    </row>
    <row r="424540" spans="8:8">
      <c r="H424540" s="12"/>
    </row>
    <row r="424541" spans="8:8">
      <c r="H424541" s="12"/>
    </row>
    <row r="424542" spans="8:8">
      <c r="H424542" s="12"/>
    </row>
    <row r="424543" spans="8:8">
      <c r="H424543" s="12"/>
    </row>
    <row r="424544" spans="8:8">
      <c r="H424544" s="12"/>
    </row>
    <row r="424545" spans="8:8">
      <c r="H424545" s="12"/>
    </row>
    <row r="424546" spans="8:8">
      <c r="H424546" s="12"/>
    </row>
    <row r="424547" spans="8:8">
      <c r="H424547" s="12"/>
    </row>
    <row r="424548" spans="8:8">
      <c r="H424548" s="12"/>
    </row>
    <row r="424549" spans="8:8">
      <c r="H424549" s="12"/>
    </row>
    <row r="424550" spans="8:8">
      <c r="H424550" s="12"/>
    </row>
    <row r="424551" spans="8:8">
      <c r="H424551" s="12"/>
    </row>
    <row r="424552" spans="8:8">
      <c r="H424552" s="12"/>
    </row>
    <row r="424553" spans="8:8">
      <c r="H424553" s="12"/>
    </row>
    <row r="424554" spans="8:8">
      <c r="H424554" s="12"/>
    </row>
    <row r="424555" spans="8:8">
      <c r="H424555" s="12"/>
    </row>
    <row r="424556" spans="8:8">
      <c r="H424556" s="12"/>
    </row>
    <row r="424557" spans="8:8">
      <c r="H424557" s="12"/>
    </row>
    <row r="424558" spans="8:8">
      <c r="H424558" s="12"/>
    </row>
    <row r="424559" spans="8:8">
      <c r="H424559" s="12"/>
    </row>
    <row r="424560" spans="8:8">
      <c r="H424560" s="12"/>
    </row>
    <row r="424561" spans="8:8">
      <c r="H424561" s="12"/>
    </row>
    <row r="424562" spans="8:8">
      <c r="H424562" s="12"/>
    </row>
    <row r="424563" spans="8:8">
      <c r="H424563" s="12"/>
    </row>
    <row r="424564" spans="8:8">
      <c r="H424564" s="12"/>
    </row>
    <row r="424565" spans="8:8">
      <c r="H424565" s="12"/>
    </row>
    <row r="424566" spans="8:8">
      <c r="H424566" s="12"/>
    </row>
    <row r="424567" spans="8:8">
      <c r="H424567" s="12"/>
    </row>
    <row r="424568" spans="8:8">
      <c r="H424568" s="12"/>
    </row>
    <row r="424569" spans="8:8">
      <c r="H424569" s="12"/>
    </row>
    <row r="424570" spans="8:8">
      <c r="H424570" s="12"/>
    </row>
    <row r="424571" spans="8:8">
      <c r="H424571" s="12"/>
    </row>
    <row r="424572" spans="8:8">
      <c r="H424572" s="12"/>
    </row>
    <row r="424573" spans="8:8">
      <c r="H424573" s="12"/>
    </row>
    <row r="424574" spans="8:8">
      <c r="H424574" s="12"/>
    </row>
    <row r="424575" spans="8:8">
      <c r="H424575" s="12"/>
    </row>
    <row r="424576" spans="8:8">
      <c r="H424576" s="12"/>
    </row>
    <row r="424577" spans="8:8">
      <c r="H424577" s="12"/>
    </row>
    <row r="424578" spans="8:8">
      <c r="H424578" s="12"/>
    </row>
    <row r="424579" spans="8:8">
      <c r="H424579" s="12"/>
    </row>
    <row r="424580" spans="8:8">
      <c r="H424580" s="12"/>
    </row>
    <row r="424581" spans="8:8">
      <c r="H424581" s="12"/>
    </row>
    <row r="424582" spans="8:8">
      <c r="H424582" s="12"/>
    </row>
    <row r="424583" spans="8:8">
      <c r="H424583" s="12"/>
    </row>
    <row r="424584" spans="8:8">
      <c r="H424584" s="12"/>
    </row>
    <row r="424585" spans="8:8">
      <c r="H424585" s="12"/>
    </row>
    <row r="424586" spans="8:8">
      <c r="H424586" s="12"/>
    </row>
    <row r="424587" spans="8:8">
      <c r="H424587" s="12"/>
    </row>
    <row r="424588" spans="8:8">
      <c r="H424588" s="12"/>
    </row>
    <row r="424589" spans="8:8">
      <c r="H424589" s="12"/>
    </row>
    <row r="424590" spans="8:8">
      <c r="H424590" s="12"/>
    </row>
    <row r="424591" spans="8:8">
      <c r="H424591" s="12"/>
    </row>
    <row r="424592" spans="8:8">
      <c r="H424592" s="12"/>
    </row>
    <row r="424593" spans="8:8">
      <c r="H424593" s="12"/>
    </row>
    <row r="424594" spans="8:8">
      <c r="H424594" s="12"/>
    </row>
    <row r="424595" spans="8:8">
      <c r="H424595" s="12"/>
    </row>
    <row r="424596" spans="8:8">
      <c r="H424596" s="12"/>
    </row>
    <row r="424597" spans="8:8">
      <c r="H424597" s="12"/>
    </row>
    <row r="424598" spans="8:8">
      <c r="H424598" s="12"/>
    </row>
    <row r="424599" spans="8:8">
      <c r="H424599" s="12"/>
    </row>
    <row r="424600" spans="8:8">
      <c r="H424600" s="12"/>
    </row>
    <row r="424601" spans="8:8">
      <c r="H424601" s="12"/>
    </row>
    <row r="424602" spans="8:8">
      <c r="H424602" s="12"/>
    </row>
    <row r="424603" spans="8:8">
      <c r="H424603" s="12"/>
    </row>
    <row r="424604" spans="8:8">
      <c r="H424604" s="12"/>
    </row>
    <row r="424605" spans="8:8">
      <c r="H424605" s="12"/>
    </row>
    <row r="424606" spans="8:8">
      <c r="H424606" s="12"/>
    </row>
    <row r="424607" spans="8:8">
      <c r="H424607" s="12"/>
    </row>
    <row r="424608" spans="8:8">
      <c r="H424608" s="12"/>
    </row>
    <row r="424609" spans="8:8">
      <c r="H424609" s="12"/>
    </row>
    <row r="424610" spans="8:8">
      <c r="H424610" s="12"/>
    </row>
    <row r="424611" spans="8:8">
      <c r="H424611" s="12"/>
    </row>
    <row r="424612" spans="8:8">
      <c r="H424612" s="12"/>
    </row>
    <row r="424613" spans="8:8">
      <c r="H424613" s="12"/>
    </row>
    <row r="424614" spans="8:8">
      <c r="H424614" s="12"/>
    </row>
    <row r="424615" spans="8:8">
      <c r="H424615" s="12"/>
    </row>
    <row r="424616" spans="8:8">
      <c r="H424616" s="12"/>
    </row>
    <row r="424617" spans="8:8">
      <c r="H424617" s="12"/>
    </row>
    <row r="424618" spans="8:8">
      <c r="H424618" s="12"/>
    </row>
    <row r="424619" spans="8:8">
      <c r="H424619" s="12"/>
    </row>
    <row r="424620" spans="8:8">
      <c r="H424620" s="12"/>
    </row>
    <row r="424621" spans="8:8">
      <c r="H424621" s="12"/>
    </row>
    <row r="424622" spans="8:8">
      <c r="H424622" s="12"/>
    </row>
    <row r="424623" spans="8:8">
      <c r="H424623" s="12"/>
    </row>
    <row r="424624" spans="8:8">
      <c r="H424624" s="12"/>
    </row>
    <row r="424625" spans="8:8">
      <c r="H424625" s="12"/>
    </row>
    <row r="424626" spans="8:8">
      <c r="H424626" s="12"/>
    </row>
    <row r="424627" spans="8:8">
      <c r="H424627" s="12"/>
    </row>
    <row r="424628" spans="8:8">
      <c r="H424628" s="12"/>
    </row>
    <row r="424629" spans="8:8">
      <c r="H424629" s="12"/>
    </row>
    <row r="424630" spans="8:8">
      <c r="H424630" s="12"/>
    </row>
    <row r="424631" spans="8:8">
      <c r="H424631" s="12"/>
    </row>
    <row r="424632" spans="8:8">
      <c r="H424632" s="12"/>
    </row>
    <row r="424633" spans="8:8">
      <c r="H424633" s="12"/>
    </row>
    <row r="424634" spans="8:8">
      <c r="H424634" s="12"/>
    </row>
    <row r="424635" spans="8:8">
      <c r="H424635" s="12"/>
    </row>
    <row r="424636" spans="8:8">
      <c r="H424636" s="12"/>
    </row>
    <row r="424637" spans="8:8">
      <c r="H424637" s="12"/>
    </row>
    <row r="424638" spans="8:8">
      <c r="H424638" s="12"/>
    </row>
    <row r="424639" spans="8:8">
      <c r="H424639" s="12"/>
    </row>
    <row r="424640" spans="8:8">
      <c r="H424640" s="12"/>
    </row>
    <row r="424641" spans="8:8">
      <c r="H424641" s="12"/>
    </row>
    <row r="424642" spans="8:8">
      <c r="H424642" s="12"/>
    </row>
    <row r="424643" spans="8:8">
      <c r="H424643" s="12"/>
    </row>
    <row r="424644" spans="8:8">
      <c r="H424644" s="12"/>
    </row>
    <row r="424645" spans="8:8">
      <c r="H424645" s="12"/>
    </row>
    <row r="424646" spans="8:8">
      <c r="H424646" s="12"/>
    </row>
    <row r="424647" spans="8:8">
      <c r="H424647" s="12"/>
    </row>
    <row r="424648" spans="8:8">
      <c r="H424648" s="12"/>
    </row>
    <row r="424649" spans="8:8">
      <c r="H424649" s="12"/>
    </row>
    <row r="424650" spans="8:8">
      <c r="H424650" s="12"/>
    </row>
    <row r="424651" spans="8:8">
      <c r="H424651" s="12"/>
    </row>
    <row r="424652" spans="8:8">
      <c r="H424652" s="12"/>
    </row>
    <row r="424653" spans="8:8">
      <c r="H424653" s="12"/>
    </row>
    <row r="424654" spans="8:8">
      <c r="H424654" s="12"/>
    </row>
    <row r="424655" spans="8:8">
      <c r="H424655" s="12"/>
    </row>
    <row r="424656" spans="8:8">
      <c r="H424656" s="12"/>
    </row>
    <row r="424657" spans="8:8">
      <c r="H424657" s="12"/>
    </row>
    <row r="424658" spans="8:8">
      <c r="H424658" s="12"/>
    </row>
    <row r="424659" spans="8:8">
      <c r="H424659" s="12"/>
    </row>
    <row r="424660" spans="8:8">
      <c r="H424660" s="12"/>
    </row>
    <row r="424661" spans="8:8">
      <c r="H424661" s="12"/>
    </row>
    <row r="424662" spans="8:8">
      <c r="H424662" s="12"/>
    </row>
    <row r="424663" spans="8:8">
      <c r="H424663" s="12"/>
    </row>
    <row r="424664" spans="8:8">
      <c r="H424664" s="12"/>
    </row>
    <row r="424665" spans="8:8">
      <c r="H424665" s="12"/>
    </row>
    <row r="424666" spans="8:8">
      <c r="H424666" s="12"/>
    </row>
    <row r="424667" spans="8:8">
      <c r="H424667" s="12"/>
    </row>
    <row r="424668" spans="8:8">
      <c r="H424668" s="12"/>
    </row>
    <row r="424669" spans="8:8">
      <c r="H424669" s="12"/>
    </row>
    <row r="424670" spans="8:8">
      <c r="H424670" s="12"/>
    </row>
    <row r="424671" spans="8:8">
      <c r="H424671" s="12"/>
    </row>
    <row r="424672" spans="8:8">
      <c r="H424672" s="12"/>
    </row>
    <row r="424673" spans="8:8">
      <c r="H424673" s="12"/>
    </row>
    <row r="424674" spans="8:8">
      <c r="H424674" s="12"/>
    </row>
    <row r="424675" spans="8:8">
      <c r="H424675" s="12"/>
    </row>
    <row r="424676" spans="8:8">
      <c r="H424676" s="12"/>
    </row>
    <row r="424677" spans="8:8">
      <c r="H424677" s="12"/>
    </row>
    <row r="424678" spans="8:8">
      <c r="H424678" s="12"/>
    </row>
    <row r="424679" spans="8:8">
      <c r="H424679" s="12"/>
    </row>
    <row r="424680" spans="8:8">
      <c r="H424680" s="12"/>
    </row>
    <row r="424681" spans="8:8">
      <c r="H424681" s="12"/>
    </row>
    <row r="424682" spans="8:8">
      <c r="H424682" s="12"/>
    </row>
    <row r="424683" spans="8:8">
      <c r="H424683" s="12"/>
    </row>
    <row r="424684" spans="8:8">
      <c r="H424684" s="12"/>
    </row>
    <row r="424685" spans="8:8">
      <c r="H424685" s="12"/>
    </row>
    <row r="424686" spans="8:8">
      <c r="H424686" s="12"/>
    </row>
    <row r="424687" spans="8:8">
      <c r="H424687" s="12"/>
    </row>
    <row r="424688" spans="8:8">
      <c r="H424688" s="12"/>
    </row>
    <row r="424689" spans="8:8">
      <c r="H424689" s="12"/>
    </row>
    <row r="424690" spans="8:8">
      <c r="H424690" s="12"/>
    </row>
    <row r="424691" spans="8:8">
      <c r="H424691" s="12"/>
    </row>
    <row r="424692" spans="8:8">
      <c r="H424692" s="12"/>
    </row>
    <row r="424693" spans="8:8">
      <c r="H424693" s="12"/>
    </row>
    <row r="424694" spans="8:8">
      <c r="H424694" s="12"/>
    </row>
    <row r="424695" spans="8:8">
      <c r="H424695" s="12"/>
    </row>
    <row r="424696" spans="8:8">
      <c r="H424696" s="12"/>
    </row>
    <row r="424697" spans="8:8">
      <c r="H424697" s="12"/>
    </row>
    <row r="424698" spans="8:8">
      <c r="H424698" s="12"/>
    </row>
    <row r="424699" spans="8:8">
      <c r="H424699" s="12"/>
    </row>
    <row r="424700" spans="8:8">
      <c r="H424700" s="12"/>
    </row>
    <row r="424701" spans="8:8">
      <c r="H424701" s="12"/>
    </row>
    <row r="424702" spans="8:8">
      <c r="H424702" s="12"/>
    </row>
    <row r="424703" spans="8:8">
      <c r="H424703" s="12"/>
    </row>
    <row r="424704" spans="8:8">
      <c r="H424704" s="12"/>
    </row>
    <row r="424705" spans="8:8">
      <c r="H424705" s="12"/>
    </row>
    <row r="424706" spans="8:8">
      <c r="H424706" s="12"/>
    </row>
    <row r="424707" spans="8:8">
      <c r="H424707" s="12"/>
    </row>
    <row r="424708" spans="8:8">
      <c r="H424708" s="12"/>
    </row>
    <row r="424709" spans="8:8">
      <c r="H424709" s="12"/>
    </row>
    <row r="424710" spans="8:8">
      <c r="H424710" s="12"/>
    </row>
    <row r="424711" spans="8:8">
      <c r="H424711" s="12"/>
    </row>
    <row r="424712" spans="8:8">
      <c r="H424712" s="12"/>
    </row>
    <row r="424713" spans="8:8">
      <c r="H424713" s="12"/>
    </row>
    <row r="424714" spans="8:8">
      <c r="H424714" s="12"/>
    </row>
    <row r="424715" spans="8:8">
      <c r="H424715" s="12"/>
    </row>
    <row r="424716" spans="8:8">
      <c r="H424716" s="12"/>
    </row>
    <row r="424717" spans="8:8">
      <c r="H424717" s="12"/>
    </row>
    <row r="424718" spans="8:8">
      <c r="H424718" s="12"/>
    </row>
    <row r="424719" spans="8:8">
      <c r="H424719" s="12"/>
    </row>
    <row r="424720" spans="8:8">
      <c r="H424720" s="12"/>
    </row>
    <row r="424721" spans="8:8">
      <c r="H424721" s="12"/>
    </row>
    <row r="424722" spans="8:8">
      <c r="H424722" s="12"/>
    </row>
    <row r="424723" spans="8:8">
      <c r="H424723" s="12"/>
    </row>
    <row r="424724" spans="8:8">
      <c r="H424724" s="12"/>
    </row>
    <row r="424725" spans="8:8">
      <c r="H424725" s="12"/>
    </row>
    <row r="424726" spans="8:8">
      <c r="H424726" s="12"/>
    </row>
    <row r="424727" spans="8:8">
      <c r="H424727" s="12"/>
    </row>
    <row r="424728" spans="8:8">
      <c r="H424728" s="12"/>
    </row>
    <row r="424729" spans="8:8">
      <c r="H424729" s="12"/>
    </row>
    <row r="424730" spans="8:8">
      <c r="H424730" s="12"/>
    </row>
    <row r="424731" spans="8:8">
      <c r="H424731" s="12"/>
    </row>
    <row r="424732" spans="8:8">
      <c r="H424732" s="12"/>
    </row>
    <row r="424733" spans="8:8">
      <c r="H424733" s="12"/>
    </row>
    <row r="424734" spans="8:8">
      <c r="H424734" s="12"/>
    </row>
    <row r="424735" spans="8:8">
      <c r="H424735" s="12"/>
    </row>
    <row r="424736" spans="8:8">
      <c r="H424736" s="12"/>
    </row>
    <row r="424737" spans="8:8">
      <c r="H424737" s="12"/>
    </row>
    <row r="424738" spans="8:8">
      <c r="H424738" s="12"/>
    </row>
    <row r="424739" spans="8:8">
      <c r="H424739" s="12"/>
    </row>
    <row r="424740" spans="8:8">
      <c r="H424740" s="12"/>
    </row>
    <row r="424741" spans="8:8">
      <c r="H424741" s="12"/>
    </row>
    <row r="424742" spans="8:8">
      <c r="H424742" s="12"/>
    </row>
    <row r="424743" spans="8:8">
      <c r="H424743" s="12"/>
    </row>
    <row r="424744" spans="8:8">
      <c r="H424744" s="12"/>
    </row>
    <row r="424745" spans="8:8">
      <c r="H424745" s="12"/>
    </row>
    <row r="424746" spans="8:8">
      <c r="H424746" s="12"/>
    </row>
    <row r="424747" spans="8:8">
      <c r="H424747" s="12"/>
    </row>
    <row r="424748" spans="8:8">
      <c r="H424748" s="12"/>
    </row>
    <row r="424749" spans="8:8">
      <c r="H424749" s="12"/>
    </row>
    <row r="424750" spans="8:8">
      <c r="H424750" s="12"/>
    </row>
    <row r="424751" spans="8:8">
      <c r="H424751" s="12"/>
    </row>
    <row r="424752" spans="8:8">
      <c r="H424752" s="12"/>
    </row>
    <row r="424753" spans="8:8">
      <c r="H424753" s="12"/>
    </row>
    <row r="424754" spans="8:8">
      <c r="H424754" s="12"/>
    </row>
    <row r="424755" spans="8:8">
      <c r="H424755" s="12"/>
    </row>
    <row r="424756" spans="8:8">
      <c r="H424756" s="12"/>
    </row>
    <row r="424757" spans="8:8">
      <c r="H424757" s="12"/>
    </row>
    <row r="424758" spans="8:8">
      <c r="H424758" s="12"/>
    </row>
    <row r="424759" spans="8:8">
      <c r="H424759" s="12"/>
    </row>
    <row r="424760" spans="8:8">
      <c r="H424760" s="12"/>
    </row>
    <row r="424761" spans="8:8">
      <c r="H424761" s="12"/>
    </row>
    <row r="424762" spans="8:8">
      <c r="H424762" s="12"/>
    </row>
    <row r="424763" spans="8:8">
      <c r="H424763" s="12"/>
    </row>
    <row r="424764" spans="8:8">
      <c r="H424764" s="12"/>
    </row>
    <row r="424765" spans="8:8">
      <c r="H424765" s="12"/>
    </row>
    <row r="424766" spans="8:8">
      <c r="H424766" s="12"/>
    </row>
    <row r="424767" spans="8:8">
      <c r="H424767" s="12"/>
    </row>
    <row r="424768" spans="8:8">
      <c r="H424768" s="12"/>
    </row>
    <row r="424769" spans="8:8">
      <c r="H424769" s="12"/>
    </row>
    <row r="424770" spans="8:8">
      <c r="H424770" s="12"/>
    </row>
    <row r="424771" spans="8:8">
      <c r="H424771" s="12"/>
    </row>
    <row r="424772" spans="8:8">
      <c r="H424772" s="12"/>
    </row>
    <row r="424773" spans="8:8">
      <c r="H424773" s="12"/>
    </row>
    <row r="424774" spans="8:8">
      <c r="H424774" s="12"/>
    </row>
    <row r="424775" spans="8:8">
      <c r="H424775" s="12"/>
    </row>
    <row r="424776" spans="8:8">
      <c r="H424776" s="12"/>
    </row>
    <row r="424777" spans="8:8">
      <c r="H424777" s="12"/>
    </row>
    <row r="424778" spans="8:8">
      <c r="H424778" s="12"/>
    </row>
    <row r="424779" spans="8:8">
      <c r="H424779" s="12"/>
    </row>
    <row r="424780" spans="8:8">
      <c r="H424780" s="12"/>
    </row>
    <row r="424781" spans="8:8">
      <c r="H424781" s="12"/>
    </row>
    <row r="424782" spans="8:8">
      <c r="H424782" s="12"/>
    </row>
    <row r="424783" spans="8:8">
      <c r="H424783" s="12"/>
    </row>
    <row r="424784" spans="8:8">
      <c r="H424784" s="12"/>
    </row>
    <row r="424785" spans="8:8">
      <c r="H424785" s="12"/>
    </row>
    <row r="424786" spans="8:8">
      <c r="H424786" s="12"/>
    </row>
    <row r="424787" spans="8:8">
      <c r="H424787" s="12"/>
    </row>
    <row r="424788" spans="8:8">
      <c r="H424788" s="12"/>
    </row>
    <row r="424789" spans="8:8">
      <c r="H424789" s="12"/>
    </row>
    <row r="424790" spans="8:8">
      <c r="H424790" s="12"/>
    </row>
    <row r="424791" spans="8:8">
      <c r="H424791" s="12"/>
    </row>
    <row r="424792" spans="8:8">
      <c r="H424792" s="12"/>
    </row>
    <row r="424793" spans="8:8">
      <c r="H424793" s="12"/>
    </row>
    <row r="424794" spans="8:8">
      <c r="H424794" s="12"/>
    </row>
    <row r="424795" spans="8:8">
      <c r="H424795" s="12"/>
    </row>
    <row r="424796" spans="8:8">
      <c r="H424796" s="12"/>
    </row>
    <row r="424797" spans="8:8">
      <c r="H424797" s="12"/>
    </row>
    <row r="424798" spans="8:8">
      <c r="H424798" s="12"/>
    </row>
    <row r="424799" spans="8:8">
      <c r="H424799" s="12"/>
    </row>
    <row r="424800" spans="8:8">
      <c r="H424800" s="12"/>
    </row>
    <row r="424801" spans="8:8">
      <c r="H424801" s="12"/>
    </row>
    <row r="424802" spans="8:8">
      <c r="H424802" s="12"/>
    </row>
    <row r="424803" spans="8:8">
      <c r="H424803" s="12"/>
    </row>
    <row r="424804" spans="8:8">
      <c r="H424804" s="12"/>
    </row>
    <row r="424805" spans="8:8">
      <c r="H424805" s="12"/>
    </row>
    <row r="424806" spans="8:8">
      <c r="H424806" s="12"/>
    </row>
    <row r="424807" spans="8:8">
      <c r="H424807" s="12"/>
    </row>
    <row r="424808" spans="8:8">
      <c r="H424808" s="12"/>
    </row>
    <row r="424809" spans="8:8">
      <c r="H424809" s="12"/>
    </row>
    <row r="424810" spans="8:8">
      <c r="H424810" s="12"/>
    </row>
    <row r="424811" spans="8:8">
      <c r="H424811" s="12"/>
    </row>
    <row r="424812" spans="8:8">
      <c r="H424812" s="12"/>
    </row>
    <row r="424813" spans="8:8">
      <c r="H424813" s="12"/>
    </row>
    <row r="424814" spans="8:8">
      <c r="H424814" s="12"/>
    </row>
    <row r="424815" spans="8:8">
      <c r="H424815" s="12"/>
    </row>
    <row r="424816" spans="8:8">
      <c r="H424816" s="12"/>
    </row>
    <row r="424817" spans="8:8">
      <c r="H424817" s="12"/>
    </row>
    <row r="424818" spans="8:8">
      <c r="H424818" s="12"/>
    </row>
    <row r="424819" spans="8:8">
      <c r="H424819" s="12"/>
    </row>
    <row r="424820" spans="8:8">
      <c r="H424820" s="12"/>
    </row>
    <row r="424821" spans="8:8">
      <c r="H424821" s="12"/>
    </row>
    <row r="424822" spans="8:8">
      <c r="H424822" s="12"/>
    </row>
    <row r="424823" spans="8:8">
      <c r="H424823" s="12"/>
    </row>
    <row r="424824" spans="8:8">
      <c r="H424824" s="12"/>
    </row>
    <row r="424825" spans="8:8">
      <c r="H424825" s="12"/>
    </row>
    <row r="424826" spans="8:8">
      <c r="H424826" s="12"/>
    </row>
    <row r="424827" spans="8:8">
      <c r="H424827" s="12"/>
    </row>
    <row r="424828" spans="8:8">
      <c r="H424828" s="12"/>
    </row>
    <row r="424829" spans="8:8">
      <c r="H424829" s="12"/>
    </row>
    <row r="424830" spans="8:8">
      <c r="H424830" s="12"/>
    </row>
    <row r="424831" spans="8:8">
      <c r="H424831" s="12"/>
    </row>
    <row r="424832" spans="8:8">
      <c r="H424832" s="12"/>
    </row>
    <row r="424833" spans="8:8">
      <c r="H424833" s="12"/>
    </row>
    <row r="424834" spans="8:8">
      <c r="H424834" s="12"/>
    </row>
    <row r="424835" spans="8:8">
      <c r="H424835" s="12"/>
    </row>
    <row r="424836" spans="8:8">
      <c r="H424836" s="12"/>
    </row>
    <row r="424837" spans="8:8">
      <c r="H424837" s="12"/>
    </row>
    <row r="424838" spans="8:8">
      <c r="H424838" s="12"/>
    </row>
    <row r="424839" spans="8:8">
      <c r="H424839" s="12"/>
    </row>
    <row r="424840" spans="8:8">
      <c r="H424840" s="12"/>
    </row>
    <row r="424841" spans="8:8">
      <c r="H424841" s="12"/>
    </row>
    <row r="424842" spans="8:8">
      <c r="H424842" s="12"/>
    </row>
    <row r="424843" spans="8:8">
      <c r="H424843" s="12"/>
    </row>
    <row r="424844" spans="8:8">
      <c r="H424844" s="12"/>
    </row>
    <row r="424845" spans="8:8">
      <c r="H424845" s="12"/>
    </row>
    <row r="424846" spans="8:8">
      <c r="H424846" s="12"/>
    </row>
    <row r="424847" spans="8:8">
      <c r="H424847" s="12"/>
    </row>
    <row r="424848" spans="8:8">
      <c r="H424848" s="12"/>
    </row>
    <row r="424849" spans="8:8">
      <c r="H424849" s="12"/>
    </row>
    <row r="424850" spans="8:8">
      <c r="H424850" s="12"/>
    </row>
    <row r="424851" spans="8:8">
      <c r="H424851" s="12"/>
    </row>
    <row r="424852" spans="8:8">
      <c r="H424852" s="12"/>
    </row>
    <row r="424853" spans="8:8">
      <c r="H424853" s="12"/>
    </row>
    <row r="424854" spans="8:8">
      <c r="H424854" s="12"/>
    </row>
    <row r="424855" spans="8:8">
      <c r="H424855" s="12"/>
    </row>
    <row r="424856" spans="8:8">
      <c r="H424856" s="12"/>
    </row>
    <row r="424857" spans="8:8">
      <c r="H424857" s="12"/>
    </row>
    <row r="424858" spans="8:8">
      <c r="H424858" s="12"/>
    </row>
    <row r="424859" spans="8:8">
      <c r="H424859" s="12"/>
    </row>
    <row r="424860" spans="8:8">
      <c r="H424860" s="12"/>
    </row>
    <row r="424861" spans="8:8">
      <c r="H424861" s="12"/>
    </row>
    <row r="424862" spans="8:8">
      <c r="H424862" s="12"/>
    </row>
    <row r="424863" spans="8:8">
      <c r="H424863" s="12"/>
    </row>
    <row r="424864" spans="8:8">
      <c r="H424864" s="12"/>
    </row>
    <row r="424865" spans="8:8">
      <c r="H424865" s="12"/>
    </row>
    <row r="424866" spans="8:8">
      <c r="H424866" s="12"/>
    </row>
    <row r="424867" spans="8:8">
      <c r="H424867" s="12"/>
    </row>
    <row r="424868" spans="8:8">
      <c r="H424868" s="12"/>
    </row>
    <row r="424869" spans="8:8">
      <c r="H424869" s="12"/>
    </row>
    <row r="424870" spans="8:8">
      <c r="H424870" s="12"/>
    </row>
    <row r="424871" spans="8:8">
      <c r="H424871" s="12"/>
    </row>
    <row r="424872" spans="8:8">
      <c r="H424872" s="12"/>
    </row>
    <row r="424873" spans="8:8">
      <c r="H424873" s="12"/>
    </row>
    <row r="424874" spans="8:8">
      <c r="H424874" s="12"/>
    </row>
    <row r="424875" spans="8:8">
      <c r="H424875" s="12"/>
    </row>
    <row r="424876" spans="8:8">
      <c r="H424876" s="12"/>
    </row>
    <row r="424877" spans="8:8">
      <c r="H424877" s="12"/>
    </row>
    <row r="424878" spans="8:8">
      <c r="H424878" s="12"/>
    </row>
    <row r="424879" spans="8:8">
      <c r="H424879" s="12"/>
    </row>
    <row r="424880" spans="8:8">
      <c r="H424880" s="12"/>
    </row>
    <row r="424881" spans="8:8">
      <c r="H424881" s="12"/>
    </row>
    <row r="424882" spans="8:8">
      <c r="H424882" s="12"/>
    </row>
    <row r="424883" spans="8:8">
      <c r="H424883" s="12"/>
    </row>
    <row r="424884" spans="8:8">
      <c r="H424884" s="12"/>
    </row>
    <row r="424885" spans="8:8">
      <c r="H424885" s="12"/>
    </row>
    <row r="424886" spans="8:8">
      <c r="H424886" s="12"/>
    </row>
    <row r="424887" spans="8:8">
      <c r="H424887" s="12"/>
    </row>
    <row r="424888" spans="8:8">
      <c r="H424888" s="12"/>
    </row>
    <row r="424889" spans="8:8">
      <c r="H424889" s="12"/>
    </row>
    <row r="424890" spans="8:8">
      <c r="H424890" s="12"/>
    </row>
    <row r="424891" spans="8:8">
      <c r="H424891" s="12"/>
    </row>
    <row r="424892" spans="8:8">
      <c r="H424892" s="12"/>
    </row>
    <row r="424893" spans="8:8">
      <c r="H424893" s="12"/>
    </row>
    <row r="424894" spans="8:8">
      <c r="H424894" s="12"/>
    </row>
    <row r="424895" spans="8:8">
      <c r="H424895" s="12"/>
    </row>
    <row r="424896" spans="8:8">
      <c r="H424896" s="12"/>
    </row>
    <row r="424897" spans="8:8">
      <c r="H424897" s="12"/>
    </row>
    <row r="424898" spans="8:8">
      <c r="H424898" s="12"/>
    </row>
    <row r="424899" spans="8:8">
      <c r="H424899" s="12"/>
    </row>
    <row r="424900" spans="8:8">
      <c r="H424900" s="12"/>
    </row>
    <row r="424901" spans="8:8">
      <c r="H424901" s="12"/>
    </row>
    <row r="424902" spans="8:8">
      <c r="H424902" s="12"/>
    </row>
    <row r="424903" spans="8:8">
      <c r="H424903" s="12"/>
    </row>
    <row r="424904" spans="8:8">
      <c r="H424904" s="12"/>
    </row>
    <row r="424905" spans="8:8">
      <c r="H424905" s="12"/>
    </row>
    <row r="424906" spans="8:8">
      <c r="H424906" s="12"/>
    </row>
    <row r="424907" spans="8:8">
      <c r="H424907" s="12"/>
    </row>
    <row r="424908" spans="8:8">
      <c r="H424908" s="12"/>
    </row>
    <row r="424909" spans="8:8">
      <c r="H424909" s="12"/>
    </row>
    <row r="424910" spans="8:8">
      <c r="H424910" s="12"/>
    </row>
    <row r="424911" spans="8:8">
      <c r="H424911" s="12"/>
    </row>
    <row r="424912" spans="8:8">
      <c r="H424912" s="12"/>
    </row>
    <row r="424913" spans="8:8">
      <c r="H424913" s="12"/>
    </row>
    <row r="424914" spans="8:8">
      <c r="H424914" s="12"/>
    </row>
    <row r="424915" spans="8:8">
      <c r="H424915" s="12"/>
    </row>
    <row r="424916" spans="8:8">
      <c r="H424916" s="12"/>
    </row>
    <row r="424917" spans="8:8">
      <c r="H424917" s="12"/>
    </row>
    <row r="424918" spans="8:8">
      <c r="H424918" s="12"/>
    </row>
    <row r="424919" spans="8:8">
      <c r="H424919" s="12"/>
    </row>
    <row r="424920" spans="8:8">
      <c r="H424920" s="12"/>
    </row>
    <row r="424921" spans="8:8">
      <c r="H424921" s="12"/>
    </row>
    <row r="424922" spans="8:8">
      <c r="H424922" s="12"/>
    </row>
    <row r="424923" spans="8:8">
      <c r="H424923" s="12"/>
    </row>
    <row r="424924" spans="8:8">
      <c r="H424924" s="12"/>
    </row>
    <row r="424925" spans="8:8">
      <c r="H424925" s="12"/>
    </row>
    <row r="424926" spans="8:8">
      <c r="H424926" s="12"/>
    </row>
    <row r="424927" spans="8:8">
      <c r="H424927" s="12"/>
    </row>
    <row r="424928" spans="8:8">
      <c r="H424928" s="12"/>
    </row>
    <row r="424929" spans="8:8">
      <c r="H424929" s="12"/>
    </row>
    <row r="424930" spans="8:8">
      <c r="H424930" s="12"/>
    </row>
    <row r="424931" spans="8:8">
      <c r="H424931" s="12"/>
    </row>
    <row r="424932" spans="8:8">
      <c r="H424932" s="12"/>
    </row>
    <row r="424933" spans="8:8">
      <c r="H424933" s="12"/>
    </row>
    <row r="424934" spans="8:8">
      <c r="H424934" s="12"/>
    </row>
    <row r="424935" spans="8:8">
      <c r="H424935" s="12"/>
    </row>
    <row r="424936" spans="8:8">
      <c r="H424936" s="12"/>
    </row>
    <row r="424937" spans="8:8">
      <c r="H424937" s="12"/>
    </row>
    <row r="424938" spans="8:8">
      <c r="H424938" s="12"/>
    </row>
    <row r="424939" spans="8:8">
      <c r="H424939" s="12"/>
    </row>
    <row r="424940" spans="8:8">
      <c r="H424940" s="12"/>
    </row>
    <row r="424941" spans="8:8">
      <c r="H424941" s="12"/>
    </row>
    <row r="424942" spans="8:8">
      <c r="H424942" s="12"/>
    </row>
    <row r="424943" spans="8:8">
      <c r="H424943" s="12"/>
    </row>
    <row r="424944" spans="8:8">
      <c r="H424944" s="12"/>
    </row>
    <row r="424945" spans="8:8">
      <c r="H424945" s="12"/>
    </row>
    <row r="424946" spans="8:8">
      <c r="H424946" s="12"/>
    </row>
    <row r="424947" spans="8:8">
      <c r="H424947" s="12"/>
    </row>
    <row r="424948" spans="8:8">
      <c r="H424948" s="12"/>
    </row>
    <row r="424949" spans="8:8">
      <c r="H424949" s="12"/>
    </row>
    <row r="424950" spans="8:8">
      <c r="H424950" s="12"/>
    </row>
    <row r="424951" spans="8:8">
      <c r="H424951" s="12"/>
    </row>
    <row r="424952" spans="8:8">
      <c r="H424952" s="12"/>
    </row>
    <row r="424953" spans="8:8">
      <c r="H424953" s="12"/>
    </row>
    <row r="424954" spans="8:8">
      <c r="H424954" s="12"/>
    </row>
    <row r="424955" spans="8:8">
      <c r="H424955" s="12"/>
    </row>
    <row r="424956" spans="8:8">
      <c r="H424956" s="12"/>
    </row>
    <row r="424957" spans="8:8">
      <c r="H424957" s="12"/>
    </row>
    <row r="424958" spans="8:8">
      <c r="H424958" s="12"/>
    </row>
    <row r="424959" spans="8:8">
      <c r="H424959" s="12"/>
    </row>
    <row r="424960" spans="8:8">
      <c r="H424960" s="12"/>
    </row>
    <row r="424961" spans="8:8">
      <c r="H424961" s="12"/>
    </row>
    <row r="424962" spans="8:8">
      <c r="H424962" s="12"/>
    </row>
    <row r="424963" spans="8:8">
      <c r="H424963" s="12"/>
    </row>
    <row r="424964" spans="8:8">
      <c r="H424964" s="12"/>
    </row>
    <row r="424965" spans="8:8">
      <c r="H424965" s="12"/>
    </row>
    <row r="424966" spans="8:8">
      <c r="H424966" s="12"/>
    </row>
    <row r="424967" spans="8:8">
      <c r="H424967" s="12"/>
    </row>
    <row r="424968" spans="8:8">
      <c r="H424968" s="12"/>
    </row>
    <row r="424969" spans="8:8">
      <c r="H424969" s="12"/>
    </row>
    <row r="424970" spans="8:8">
      <c r="H424970" s="12"/>
    </row>
    <row r="424971" spans="8:8">
      <c r="H424971" s="12"/>
    </row>
    <row r="424972" spans="8:8">
      <c r="H424972" s="12"/>
    </row>
    <row r="424973" spans="8:8">
      <c r="H424973" s="12"/>
    </row>
    <row r="424974" spans="8:8">
      <c r="H424974" s="12"/>
    </row>
    <row r="424975" spans="8:8">
      <c r="H424975" s="12"/>
    </row>
    <row r="424976" spans="8:8">
      <c r="H424976" s="12"/>
    </row>
    <row r="424977" spans="8:8">
      <c r="H424977" s="12"/>
    </row>
    <row r="424978" spans="8:8">
      <c r="H424978" s="12"/>
    </row>
    <row r="424979" spans="8:8">
      <c r="H424979" s="12"/>
    </row>
    <row r="424980" spans="8:8">
      <c r="H424980" s="12"/>
    </row>
    <row r="424981" spans="8:8">
      <c r="H424981" s="12"/>
    </row>
    <row r="424982" spans="8:8">
      <c r="H424982" s="12"/>
    </row>
    <row r="424983" spans="8:8">
      <c r="H424983" s="12"/>
    </row>
    <row r="424984" spans="8:8">
      <c r="H424984" s="12"/>
    </row>
    <row r="424985" spans="8:8">
      <c r="H424985" s="12"/>
    </row>
    <row r="424986" spans="8:8">
      <c r="H424986" s="12"/>
    </row>
    <row r="424987" spans="8:8">
      <c r="H424987" s="12"/>
    </row>
    <row r="424988" spans="8:8">
      <c r="H424988" s="12"/>
    </row>
    <row r="424989" spans="8:8">
      <c r="H424989" s="12"/>
    </row>
    <row r="424990" spans="8:8">
      <c r="H424990" s="12"/>
    </row>
    <row r="424991" spans="8:8">
      <c r="H424991" s="12"/>
    </row>
    <row r="424992" spans="8:8">
      <c r="H424992" s="12"/>
    </row>
    <row r="424993" spans="8:8">
      <c r="H424993" s="12"/>
    </row>
    <row r="424994" spans="8:8">
      <c r="H424994" s="12"/>
    </row>
    <row r="424995" spans="8:8">
      <c r="H424995" s="12"/>
    </row>
    <row r="424996" spans="8:8">
      <c r="H424996" s="12"/>
    </row>
    <row r="424997" spans="8:8">
      <c r="H424997" s="12"/>
    </row>
    <row r="424998" spans="8:8">
      <c r="H424998" s="12"/>
    </row>
    <row r="424999" spans="8:8">
      <c r="H424999" s="12"/>
    </row>
    <row r="425000" spans="8:8">
      <c r="H425000" s="12"/>
    </row>
    <row r="425001" spans="8:8">
      <c r="H425001" s="12"/>
    </row>
    <row r="425002" spans="8:8">
      <c r="H425002" s="12"/>
    </row>
    <row r="425003" spans="8:8">
      <c r="H425003" s="12"/>
    </row>
    <row r="425004" spans="8:8">
      <c r="H425004" s="12"/>
    </row>
    <row r="425005" spans="8:8">
      <c r="H425005" s="12"/>
    </row>
    <row r="425006" spans="8:8">
      <c r="H425006" s="12"/>
    </row>
    <row r="425007" spans="8:8">
      <c r="H425007" s="12"/>
    </row>
    <row r="425008" spans="8:8">
      <c r="H425008" s="12"/>
    </row>
    <row r="425009" spans="8:8">
      <c r="H425009" s="12"/>
    </row>
    <row r="425010" spans="8:8">
      <c r="H425010" s="12"/>
    </row>
    <row r="425011" spans="8:8">
      <c r="H425011" s="12"/>
    </row>
    <row r="425012" spans="8:8">
      <c r="H425012" s="12"/>
    </row>
    <row r="425013" spans="8:8">
      <c r="H425013" s="12"/>
    </row>
    <row r="425014" spans="8:8">
      <c r="H425014" s="12"/>
    </row>
    <row r="425015" spans="8:8">
      <c r="H425015" s="12"/>
    </row>
    <row r="425016" spans="8:8">
      <c r="H425016" s="12"/>
    </row>
    <row r="425017" spans="8:8">
      <c r="H425017" s="12"/>
    </row>
    <row r="425018" spans="8:8">
      <c r="H425018" s="12"/>
    </row>
    <row r="425019" spans="8:8">
      <c r="H425019" s="12"/>
    </row>
    <row r="425020" spans="8:8">
      <c r="H425020" s="12"/>
    </row>
    <row r="425021" spans="8:8">
      <c r="H425021" s="12"/>
    </row>
    <row r="425022" spans="8:8">
      <c r="H425022" s="12"/>
    </row>
    <row r="425023" spans="8:8">
      <c r="H425023" s="12"/>
    </row>
    <row r="425024" spans="8:8">
      <c r="H425024" s="12"/>
    </row>
    <row r="425025" spans="8:8">
      <c r="H425025" s="12"/>
    </row>
    <row r="425026" spans="8:8">
      <c r="H425026" s="12"/>
    </row>
    <row r="425027" spans="8:8">
      <c r="H425027" s="12"/>
    </row>
    <row r="425028" spans="8:8">
      <c r="H425028" s="12"/>
    </row>
    <row r="425029" spans="8:8">
      <c r="H425029" s="12"/>
    </row>
    <row r="425030" spans="8:8">
      <c r="H425030" s="12"/>
    </row>
    <row r="425031" spans="8:8">
      <c r="H425031" s="12"/>
    </row>
    <row r="425032" spans="8:8">
      <c r="H425032" s="12"/>
    </row>
    <row r="425033" spans="8:8">
      <c r="H425033" s="12"/>
    </row>
    <row r="425034" spans="8:8">
      <c r="H425034" s="12"/>
    </row>
    <row r="425035" spans="8:8">
      <c r="H425035" s="12"/>
    </row>
    <row r="425036" spans="8:8">
      <c r="H425036" s="12"/>
    </row>
    <row r="425037" spans="8:8">
      <c r="H425037" s="12"/>
    </row>
    <row r="425038" spans="8:8">
      <c r="H425038" s="12"/>
    </row>
    <row r="425039" spans="8:8">
      <c r="H425039" s="12"/>
    </row>
    <row r="425040" spans="8:8">
      <c r="H425040" s="12"/>
    </row>
    <row r="425041" spans="8:8">
      <c r="H425041" s="12"/>
    </row>
    <row r="425042" spans="8:8">
      <c r="H425042" s="12"/>
    </row>
    <row r="425043" spans="8:8">
      <c r="H425043" s="12"/>
    </row>
    <row r="425044" spans="8:8">
      <c r="H425044" s="12"/>
    </row>
    <row r="425045" spans="8:8">
      <c r="H425045" s="12"/>
    </row>
    <row r="425046" spans="8:8">
      <c r="H425046" s="12"/>
    </row>
    <row r="425047" spans="8:8">
      <c r="H425047" s="12"/>
    </row>
    <row r="425048" spans="8:8">
      <c r="H425048" s="12"/>
    </row>
    <row r="425049" spans="8:8">
      <c r="H425049" s="12"/>
    </row>
    <row r="425050" spans="8:8">
      <c r="H425050" s="12"/>
    </row>
    <row r="425051" spans="8:8">
      <c r="H425051" s="12"/>
    </row>
    <row r="425052" spans="8:8">
      <c r="H425052" s="12"/>
    </row>
    <row r="425053" spans="8:8">
      <c r="H425053" s="12"/>
    </row>
    <row r="425054" spans="8:8">
      <c r="H425054" s="12"/>
    </row>
    <row r="425055" spans="8:8">
      <c r="H425055" s="12"/>
    </row>
    <row r="425056" spans="8:8">
      <c r="H425056" s="12"/>
    </row>
    <row r="425057" spans="8:8">
      <c r="H425057" s="12"/>
    </row>
    <row r="425058" spans="8:8">
      <c r="H425058" s="12"/>
    </row>
    <row r="425059" spans="8:8">
      <c r="H425059" s="12"/>
    </row>
    <row r="425060" spans="8:8">
      <c r="H425060" s="12"/>
    </row>
    <row r="425061" spans="8:8">
      <c r="H425061" s="12"/>
    </row>
    <row r="425062" spans="8:8">
      <c r="H425062" s="12"/>
    </row>
    <row r="425063" spans="8:8">
      <c r="H425063" s="12"/>
    </row>
    <row r="425064" spans="8:8">
      <c r="H425064" s="12"/>
    </row>
    <row r="425065" spans="8:8">
      <c r="H425065" s="12"/>
    </row>
    <row r="425066" spans="8:8">
      <c r="H425066" s="12"/>
    </row>
    <row r="425067" spans="8:8">
      <c r="H425067" s="12"/>
    </row>
    <row r="425068" spans="8:8">
      <c r="H425068" s="12"/>
    </row>
    <row r="425069" spans="8:8">
      <c r="H425069" s="12"/>
    </row>
    <row r="425070" spans="8:8">
      <c r="H425070" s="12"/>
    </row>
    <row r="425071" spans="8:8">
      <c r="H425071" s="12"/>
    </row>
    <row r="425072" spans="8:8">
      <c r="H425072" s="12"/>
    </row>
    <row r="425073" spans="8:8">
      <c r="H425073" s="12"/>
    </row>
    <row r="425074" spans="8:8">
      <c r="H425074" s="12"/>
    </row>
    <row r="425075" spans="8:8">
      <c r="H425075" s="12"/>
    </row>
    <row r="425076" spans="8:8">
      <c r="H425076" s="12"/>
    </row>
    <row r="425077" spans="8:8">
      <c r="H425077" s="12"/>
    </row>
    <row r="425078" spans="8:8">
      <c r="H425078" s="12"/>
    </row>
    <row r="425079" spans="8:8">
      <c r="H425079" s="12"/>
    </row>
    <row r="425080" spans="8:8">
      <c r="H425080" s="12"/>
    </row>
    <row r="425081" spans="8:8">
      <c r="H425081" s="12"/>
    </row>
    <row r="425082" spans="8:8">
      <c r="H425082" s="12"/>
    </row>
    <row r="425083" spans="8:8">
      <c r="H425083" s="12"/>
    </row>
    <row r="425084" spans="8:8">
      <c r="H425084" s="12"/>
    </row>
    <row r="425085" spans="8:8">
      <c r="H425085" s="12"/>
    </row>
    <row r="425086" spans="8:8">
      <c r="H425086" s="12"/>
    </row>
    <row r="425087" spans="8:8">
      <c r="H425087" s="12"/>
    </row>
    <row r="425088" spans="8:8">
      <c r="H425088" s="12"/>
    </row>
    <row r="425089" spans="8:8">
      <c r="H425089" s="12"/>
    </row>
    <row r="425090" spans="8:8">
      <c r="H425090" s="12"/>
    </row>
    <row r="425091" spans="8:8">
      <c r="H425091" s="12"/>
    </row>
    <row r="425092" spans="8:8">
      <c r="H425092" s="12"/>
    </row>
    <row r="425093" spans="8:8">
      <c r="H425093" s="12"/>
    </row>
    <row r="425094" spans="8:8">
      <c r="H425094" s="12"/>
    </row>
    <row r="425095" spans="8:8">
      <c r="H425095" s="12"/>
    </row>
    <row r="425096" spans="8:8">
      <c r="H425096" s="12"/>
    </row>
    <row r="425097" spans="8:8">
      <c r="H425097" s="12"/>
    </row>
    <row r="425098" spans="8:8">
      <c r="H425098" s="12"/>
    </row>
    <row r="425099" spans="8:8">
      <c r="H425099" s="12"/>
    </row>
    <row r="425100" spans="8:8">
      <c r="H425100" s="12"/>
    </row>
    <row r="425101" spans="8:8">
      <c r="H425101" s="12"/>
    </row>
    <row r="425102" spans="8:8">
      <c r="H425102" s="12"/>
    </row>
    <row r="425103" spans="8:8">
      <c r="H425103" s="12"/>
    </row>
    <row r="425104" spans="8:8">
      <c r="H425104" s="12"/>
    </row>
    <row r="425105" spans="8:8">
      <c r="H425105" s="12"/>
    </row>
    <row r="425106" spans="8:8">
      <c r="H425106" s="12"/>
    </row>
    <row r="425107" spans="8:8">
      <c r="H425107" s="12"/>
    </row>
    <row r="425108" spans="8:8">
      <c r="H425108" s="12"/>
    </row>
    <row r="425109" spans="8:8">
      <c r="H425109" s="12"/>
    </row>
    <row r="425110" spans="8:8">
      <c r="H425110" s="12"/>
    </row>
    <row r="425111" spans="8:8">
      <c r="H425111" s="12"/>
    </row>
    <row r="425112" spans="8:8">
      <c r="H425112" s="12"/>
    </row>
    <row r="425113" spans="8:8">
      <c r="H425113" s="12"/>
    </row>
    <row r="425114" spans="8:8">
      <c r="H425114" s="12"/>
    </row>
    <row r="425115" spans="8:8">
      <c r="H425115" s="12"/>
    </row>
    <row r="425116" spans="8:8">
      <c r="H425116" s="12"/>
    </row>
    <row r="425117" spans="8:8">
      <c r="H425117" s="12"/>
    </row>
    <row r="425118" spans="8:8">
      <c r="H425118" s="12"/>
    </row>
    <row r="425119" spans="8:8">
      <c r="H425119" s="12"/>
    </row>
    <row r="425120" spans="8:8">
      <c r="H425120" s="12"/>
    </row>
    <row r="425121" spans="8:8">
      <c r="H425121" s="12"/>
    </row>
    <row r="425122" spans="8:8">
      <c r="H425122" s="12"/>
    </row>
    <row r="425123" spans="8:8">
      <c r="H425123" s="12"/>
    </row>
    <row r="425124" spans="8:8">
      <c r="H425124" s="12"/>
    </row>
    <row r="425125" spans="8:8">
      <c r="H425125" s="12"/>
    </row>
    <row r="425126" spans="8:8">
      <c r="H425126" s="12"/>
    </row>
    <row r="425127" spans="8:8">
      <c r="H425127" s="12"/>
    </row>
    <row r="425128" spans="8:8">
      <c r="H425128" s="12"/>
    </row>
    <row r="425129" spans="8:8">
      <c r="H425129" s="12"/>
    </row>
    <row r="425130" spans="8:8">
      <c r="H425130" s="12"/>
    </row>
    <row r="425131" spans="8:8">
      <c r="H425131" s="12"/>
    </row>
    <row r="425132" spans="8:8">
      <c r="H425132" s="12"/>
    </row>
    <row r="425133" spans="8:8">
      <c r="H425133" s="12"/>
    </row>
    <row r="425134" spans="8:8">
      <c r="H425134" s="12"/>
    </row>
    <row r="425135" spans="8:8">
      <c r="H425135" s="12"/>
    </row>
    <row r="425136" spans="8:8">
      <c r="H425136" s="12"/>
    </row>
    <row r="425137" spans="8:8">
      <c r="H425137" s="12"/>
    </row>
    <row r="425138" spans="8:8">
      <c r="H425138" s="12"/>
    </row>
    <row r="425139" spans="8:8">
      <c r="H425139" s="12"/>
    </row>
    <row r="425140" spans="8:8">
      <c r="H425140" s="12"/>
    </row>
    <row r="425141" spans="8:8">
      <c r="H425141" s="12"/>
    </row>
    <row r="425142" spans="8:8">
      <c r="H425142" s="12"/>
    </row>
    <row r="425143" spans="8:8">
      <c r="H425143" s="12"/>
    </row>
    <row r="425144" spans="8:8">
      <c r="H425144" s="12"/>
    </row>
    <row r="425145" spans="8:8">
      <c r="H425145" s="12"/>
    </row>
    <row r="425146" spans="8:8">
      <c r="H425146" s="12"/>
    </row>
    <row r="425147" spans="8:8">
      <c r="H425147" s="12"/>
    </row>
    <row r="425148" spans="8:8">
      <c r="H425148" s="12"/>
    </row>
    <row r="425149" spans="8:8">
      <c r="H425149" s="12"/>
    </row>
    <row r="425150" spans="8:8">
      <c r="H425150" s="12"/>
    </row>
    <row r="425151" spans="8:8">
      <c r="H425151" s="12"/>
    </row>
    <row r="425152" spans="8:8">
      <c r="H425152" s="12"/>
    </row>
    <row r="425153" spans="8:8">
      <c r="H425153" s="12"/>
    </row>
    <row r="425154" spans="8:8">
      <c r="H425154" s="12"/>
    </row>
    <row r="425155" spans="8:8">
      <c r="H425155" s="12"/>
    </row>
    <row r="425156" spans="8:8">
      <c r="H425156" s="12"/>
    </row>
    <row r="425157" spans="8:8">
      <c r="H425157" s="12"/>
    </row>
    <row r="425158" spans="8:8">
      <c r="H425158" s="12"/>
    </row>
    <row r="425159" spans="8:8">
      <c r="H425159" s="12"/>
    </row>
    <row r="425160" spans="8:8">
      <c r="H425160" s="12"/>
    </row>
    <row r="425161" spans="8:8">
      <c r="H425161" s="12"/>
    </row>
    <row r="425162" spans="8:8">
      <c r="H425162" s="12"/>
    </row>
    <row r="425163" spans="8:8">
      <c r="H425163" s="12"/>
    </row>
    <row r="425164" spans="8:8">
      <c r="H425164" s="12"/>
    </row>
    <row r="425165" spans="8:8">
      <c r="H425165" s="12"/>
    </row>
    <row r="425166" spans="8:8">
      <c r="H425166" s="12"/>
    </row>
    <row r="425167" spans="8:8">
      <c r="H425167" s="12"/>
    </row>
    <row r="425168" spans="8:8">
      <c r="H425168" s="12"/>
    </row>
    <row r="425169" spans="8:8">
      <c r="H425169" s="12"/>
    </row>
    <row r="425170" spans="8:8">
      <c r="H425170" s="12"/>
    </row>
    <row r="425171" spans="8:8">
      <c r="H425171" s="12"/>
    </row>
    <row r="425172" spans="8:8">
      <c r="H425172" s="12"/>
    </row>
    <row r="425173" spans="8:8">
      <c r="H425173" s="12"/>
    </row>
    <row r="425174" spans="8:8">
      <c r="H425174" s="12"/>
    </row>
    <row r="425175" spans="8:8">
      <c r="H425175" s="12"/>
    </row>
    <row r="425176" spans="8:8">
      <c r="H425176" s="12"/>
    </row>
    <row r="425177" spans="8:8">
      <c r="H425177" s="12"/>
    </row>
    <row r="425178" spans="8:8">
      <c r="H425178" s="12"/>
    </row>
    <row r="425179" spans="8:8">
      <c r="H425179" s="12"/>
    </row>
    <row r="425180" spans="8:8">
      <c r="H425180" s="12"/>
    </row>
    <row r="425181" spans="8:8">
      <c r="H425181" s="12"/>
    </row>
    <row r="425182" spans="8:8">
      <c r="H425182" s="12"/>
    </row>
    <row r="425183" spans="8:8">
      <c r="H425183" s="12"/>
    </row>
    <row r="425184" spans="8:8">
      <c r="H425184" s="12"/>
    </row>
    <row r="425185" spans="8:8">
      <c r="H425185" s="12"/>
    </row>
    <row r="425186" spans="8:8">
      <c r="H425186" s="12"/>
    </row>
    <row r="425187" spans="8:8">
      <c r="H425187" s="12"/>
    </row>
    <row r="425188" spans="8:8">
      <c r="H425188" s="12"/>
    </row>
    <row r="425189" spans="8:8">
      <c r="H425189" s="12"/>
    </row>
    <row r="425190" spans="8:8">
      <c r="H425190" s="12"/>
    </row>
    <row r="425191" spans="8:8">
      <c r="H425191" s="12"/>
    </row>
    <row r="425192" spans="8:8">
      <c r="H425192" s="12"/>
    </row>
    <row r="425193" spans="8:8">
      <c r="H425193" s="12"/>
    </row>
    <row r="425194" spans="8:8">
      <c r="H425194" s="12"/>
    </row>
    <row r="425195" spans="8:8">
      <c r="H425195" s="12"/>
    </row>
    <row r="425196" spans="8:8">
      <c r="H425196" s="12"/>
    </row>
    <row r="425197" spans="8:8">
      <c r="H425197" s="12"/>
    </row>
    <row r="425198" spans="8:8">
      <c r="H425198" s="12"/>
    </row>
    <row r="425199" spans="8:8">
      <c r="H425199" s="12"/>
    </row>
    <row r="425200" spans="8:8">
      <c r="H425200" s="12"/>
    </row>
    <row r="425201" spans="8:8">
      <c r="H425201" s="12"/>
    </row>
    <row r="425202" spans="8:8">
      <c r="H425202" s="12"/>
    </row>
    <row r="425203" spans="8:8">
      <c r="H425203" s="12"/>
    </row>
    <row r="425204" spans="8:8">
      <c r="H425204" s="12"/>
    </row>
    <row r="425205" spans="8:8">
      <c r="H425205" s="12"/>
    </row>
    <row r="425206" spans="8:8">
      <c r="H425206" s="12"/>
    </row>
    <row r="425207" spans="8:8">
      <c r="H425207" s="12"/>
    </row>
    <row r="425208" spans="8:8">
      <c r="H425208" s="12"/>
    </row>
    <row r="425209" spans="8:8">
      <c r="H425209" s="12"/>
    </row>
    <row r="425210" spans="8:8">
      <c r="H425210" s="12"/>
    </row>
    <row r="425211" spans="8:8">
      <c r="H425211" s="12"/>
    </row>
    <row r="425212" spans="8:8">
      <c r="H425212" s="12"/>
    </row>
    <row r="425213" spans="8:8">
      <c r="H425213" s="12"/>
    </row>
    <row r="425214" spans="8:8">
      <c r="H425214" s="12"/>
    </row>
    <row r="425215" spans="8:8">
      <c r="H425215" s="12"/>
    </row>
    <row r="425216" spans="8:8">
      <c r="H425216" s="12"/>
    </row>
    <row r="425217" spans="8:8">
      <c r="H425217" s="12"/>
    </row>
    <row r="425218" spans="8:8">
      <c r="H425218" s="12"/>
    </row>
    <row r="425219" spans="8:8">
      <c r="H425219" s="12"/>
    </row>
    <row r="425220" spans="8:8">
      <c r="H425220" s="12"/>
    </row>
    <row r="425221" spans="8:8">
      <c r="H425221" s="12"/>
    </row>
    <row r="425222" spans="8:8">
      <c r="H425222" s="12"/>
    </row>
    <row r="425223" spans="8:8">
      <c r="H425223" s="12"/>
    </row>
    <row r="425224" spans="8:8">
      <c r="H425224" s="12"/>
    </row>
    <row r="425225" spans="8:8">
      <c r="H425225" s="12"/>
    </row>
    <row r="425226" spans="8:8">
      <c r="H425226" s="12"/>
    </row>
    <row r="425227" spans="8:8">
      <c r="H425227" s="12"/>
    </row>
    <row r="425228" spans="8:8">
      <c r="H425228" s="12"/>
    </row>
    <row r="425229" spans="8:8">
      <c r="H425229" s="12"/>
    </row>
    <row r="425230" spans="8:8">
      <c r="H425230" s="12"/>
    </row>
    <row r="425231" spans="8:8">
      <c r="H425231" s="12"/>
    </row>
    <row r="425232" spans="8:8">
      <c r="H425232" s="12"/>
    </row>
    <row r="425233" spans="8:8">
      <c r="H425233" s="12"/>
    </row>
    <row r="425234" spans="8:8">
      <c r="H425234" s="12"/>
    </row>
    <row r="425235" spans="8:8">
      <c r="H425235" s="12"/>
    </row>
    <row r="425236" spans="8:8">
      <c r="H425236" s="12"/>
    </row>
    <row r="425237" spans="8:8">
      <c r="H425237" s="12"/>
    </row>
    <row r="425238" spans="8:8">
      <c r="H425238" s="12"/>
    </row>
    <row r="425239" spans="8:8">
      <c r="H425239" s="12"/>
    </row>
    <row r="425240" spans="8:8">
      <c r="H425240" s="12"/>
    </row>
    <row r="425241" spans="8:8">
      <c r="H425241" s="12"/>
    </row>
    <row r="425242" spans="8:8">
      <c r="H425242" s="12"/>
    </row>
    <row r="425243" spans="8:8">
      <c r="H425243" s="12"/>
    </row>
    <row r="425244" spans="8:8">
      <c r="H425244" s="12"/>
    </row>
    <row r="425245" spans="8:8">
      <c r="H425245" s="12"/>
    </row>
    <row r="425246" spans="8:8">
      <c r="H425246" s="12"/>
    </row>
    <row r="425247" spans="8:8">
      <c r="H425247" s="12"/>
    </row>
    <row r="425248" spans="8:8">
      <c r="H425248" s="12"/>
    </row>
    <row r="425249" spans="8:8">
      <c r="H425249" s="12"/>
    </row>
    <row r="425250" spans="8:8">
      <c r="H425250" s="12"/>
    </row>
    <row r="425251" spans="8:8">
      <c r="H425251" s="12"/>
    </row>
    <row r="425252" spans="8:8">
      <c r="H425252" s="12"/>
    </row>
    <row r="425253" spans="8:8">
      <c r="H425253" s="12"/>
    </row>
    <row r="425254" spans="8:8">
      <c r="H425254" s="12"/>
    </row>
    <row r="425255" spans="8:8">
      <c r="H425255" s="12"/>
    </row>
    <row r="425256" spans="8:8">
      <c r="H425256" s="12"/>
    </row>
    <row r="425257" spans="8:8">
      <c r="H425257" s="12"/>
    </row>
    <row r="425258" spans="8:8">
      <c r="H425258" s="12"/>
    </row>
    <row r="425259" spans="8:8">
      <c r="H425259" s="12"/>
    </row>
    <row r="425260" spans="8:8">
      <c r="H425260" s="12"/>
    </row>
    <row r="425261" spans="8:8">
      <c r="H425261" s="12"/>
    </row>
    <row r="425262" spans="8:8">
      <c r="H425262" s="12"/>
    </row>
    <row r="425263" spans="8:8">
      <c r="H425263" s="12"/>
    </row>
    <row r="425264" spans="8:8">
      <c r="H425264" s="12"/>
    </row>
    <row r="425265" spans="8:8">
      <c r="H425265" s="12"/>
    </row>
    <row r="425266" spans="8:8">
      <c r="H425266" s="12"/>
    </row>
    <row r="425267" spans="8:8">
      <c r="H425267" s="12"/>
    </row>
    <row r="425268" spans="8:8">
      <c r="H425268" s="12"/>
    </row>
    <row r="425269" spans="8:8">
      <c r="H425269" s="12"/>
    </row>
    <row r="425270" spans="8:8">
      <c r="H425270" s="12"/>
    </row>
    <row r="425271" spans="8:8">
      <c r="H425271" s="12"/>
    </row>
    <row r="425272" spans="8:8">
      <c r="H425272" s="12"/>
    </row>
    <row r="425273" spans="8:8">
      <c r="H425273" s="12"/>
    </row>
    <row r="425274" spans="8:8">
      <c r="H425274" s="12"/>
    </row>
    <row r="425275" spans="8:8">
      <c r="H425275" s="12"/>
    </row>
    <row r="425276" spans="8:8">
      <c r="H425276" s="12"/>
    </row>
    <row r="425277" spans="8:8">
      <c r="H425277" s="12"/>
    </row>
    <row r="425278" spans="8:8">
      <c r="H425278" s="12"/>
    </row>
    <row r="425279" spans="8:8">
      <c r="H425279" s="12"/>
    </row>
    <row r="425280" spans="8:8">
      <c r="H425280" s="12"/>
    </row>
    <row r="425281" spans="8:8">
      <c r="H425281" s="12"/>
    </row>
    <row r="425282" spans="8:8">
      <c r="H425282" s="12"/>
    </row>
    <row r="425283" spans="8:8">
      <c r="H425283" s="12"/>
    </row>
    <row r="425284" spans="8:8">
      <c r="H425284" s="12"/>
    </row>
    <row r="425285" spans="8:8">
      <c r="H425285" s="12"/>
    </row>
    <row r="425286" spans="8:8">
      <c r="H425286" s="12"/>
    </row>
    <row r="425287" spans="8:8">
      <c r="H425287" s="12"/>
    </row>
    <row r="425288" spans="8:8">
      <c r="H425288" s="12"/>
    </row>
    <row r="425289" spans="8:8">
      <c r="H425289" s="12"/>
    </row>
    <row r="425290" spans="8:8">
      <c r="H425290" s="12"/>
    </row>
    <row r="425291" spans="8:8">
      <c r="H425291" s="12"/>
    </row>
    <row r="425292" spans="8:8">
      <c r="H425292" s="12"/>
    </row>
    <row r="425293" spans="8:8">
      <c r="H425293" s="12"/>
    </row>
    <row r="425294" spans="8:8">
      <c r="H425294" s="12"/>
    </row>
    <row r="425295" spans="8:8">
      <c r="H425295" s="12"/>
    </row>
    <row r="425296" spans="8:8">
      <c r="H425296" s="12"/>
    </row>
    <row r="425297" spans="8:8">
      <c r="H425297" s="12"/>
    </row>
    <row r="425298" spans="8:8">
      <c r="H425298" s="12"/>
    </row>
    <row r="425299" spans="8:8">
      <c r="H425299" s="12"/>
    </row>
    <row r="425300" spans="8:8">
      <c r="H425300" s="12"/>
    </row>
    <row r="425301" spans="8:8">
      <c r="H425301" s="12"/>
    </row>
    <row r="425302" spans="8:8">
      <c r="H425302" s="12"/>
    </row>
    <row r="425303" spans="8:8">
      <c r="H425303" s="12"/>
    </row>
    <row r="425304" spans="8:8">
      <c r="H425304" s="12"/>
    </row>
    <row r="425305" spans="8:8">
      <c r="H425305" s="12"/>
    </row>
    <row r="425306" spans="8:8">
      <c r="H425306" s="12"/>
    </row>
    <row r="425307" spans="8:8">
      <c r="H425307" s="12"/>
    </row>
    <row r="425308" spans="8:8">
      <c r="H425308" s="12"/>
    </row>
    <row r="425309" spans="8:8">
      <c r="H425309" s="12"/>
    </row>
    <row r="425310" spans="8:8">
      <c r="H425310" s="12"/>
    </row>
    <row r="425311" spans="8:8">
      <c r="H425311" s="12"/>
    </row>
    <row r="425312" spans="8:8">
      <c r="H425312" s="12"/>
    </row>
    <row r="425313" spans="8:8">
      <c r="H425313" s="12"/>
    </row>
    <row r="425314" spans="8:8">
      <c r="H425314" s="12"/>
    </row>
    <row r="425315" spans="8:8">
      <c r="H425315" s="12"/>
    </row>
    <row r="425316" spans="8:8">
      <c r="H425316" s="12"/>
    </row>
    <row r="425317" spans="8:8">
      <c r="H425317" s="12"/>
    </row>
    <row r="425318" spans="8:8">
      <c r="H425318" s="12"/>
    </row>
    <row r="425319" spans="8:8">
      <c r="H425319" s="12"/>
    </row>
    <row r="425320" spans="8:8">
      <c r="H425320" s="12"/>
    </row>
    <row r="425321" spans="8:8">
      <c r="H425321" s="12"/>
    </row>
    <row r="425322" spans="8:8">
      <c r="H425322" s="12"/>
    </row>
    <row r="425323" spans="8:8">
      <c r="H425323" s="12"/>
    </row>
    <row r="425324" spans="8:8">
      <c r="H425324" s="12"/>
    </row>
    <row r="425325" spans="8:8">
      <c r="H425325" s="12"/>
    </row>
    <row r="425326" spans="8:8">
      <c r="H425326" s="12"/>
    </row>
    <row r="425327" spans="8:8">
      <c r="H425327" s="12"/>
    </row>
    <row r="425328" spans="8:8">
      <c r="H425328" s="12"/>
    </row>
    <row r="425329" spans="8:8">
      <c r="H425329" s="12"/>
    </row>
    <row r="425330" spans="8:8">
      <c r="H425330" s="12"/>
    </row>
    <row r="425331" spans="8:8">
      <c r="H425331" s="12"/>
    </row>
    <row r="425332" spans="8:8">
      <c r="H425332" s="12"/>
    </row>
    <row r="425333" spans="8:8">
      <c r="H425333" s="12"/>
    </row>
    <row r="425334" spans="8:8">
      <c r="H425334" s="12"/>
    </row>
    <row r="425335" spans="8:8">
      <c r="H425335" s="12"/>
    </row>
    <row r="425336" spans="8:8">
      <c r="H425336" s="12"/>
    </row>
    <row r="425337" spans="8:8">
      <c r="H425337" s="12"/>
    </row>
    <row r="425338" spans="8:8">
      <c r="H425338" s="12"/>
    </row>
    <row r="425339" spans="8:8">
      <c r="H425339" s="12"/>
    </row>
    <row r="425340" spans="8:8">
      <c r="H425340" s="12"/>
    </row>
    <row r="425341" spans="8:8">
      <c r="H425341" s="12"/>
    </row>
    <row r="425342" spans="8:8">
      <c r="H425342" s="12"/>
    </row>
    <row r="425343" spans="8:8">
      <c r="H425343" s="12"/>
    </row>
    <row r="425344" spans="8:8">
      <c r="H425344" s="12"/>
    </row>
    <row r="425345" spans="8:8">
      <c r="H425345" s="12"/>
    </row>
    <row r="425346" spans="8:8">
      <c r="H425346" s="12"/>
    </row>
    <row r="425347" spans="8:8">
      <c r="H425347" s="12"/>
    </row>
    <row r="425348" spans="8:8">
      <c r="H425348" s="12"/>
    </row>
    <row r="425349" spans="8:8">
      <c r="H425349" s="12"/>
    </row>
    <row r="425350" spans="8:8">
      <c r="H425350" s="12"/>
    </row>
    <row r="425351" spans="8:8">
      <c r="H425351" s="12"/>
    </row>
    <row r="425352" spans="8:8">
      <c r="H425352" s="12"/>
    </row>
    <row r="425353" spans="8:8">
      <c r="H425353" s="12"/>
    </row>
    <row r="425354" spans="8:8">
      <c r="H425354" s="12"/>
    </row>
    <row r="425355" spans="8:8">
      <c r="H425355" s="12"/>
    </row>
    <row r="425356" spans="8:8">
      <c r="H425356" s="12"/>
    </row>
    <row r="425357" spans="8:8">
      <c r="H425357" s="12"/>
    </row>
    <row r="425358" spans="8:8">
      <c r="H425358" s="12"/>
    </row>
    <row r="425359" spans="8:8">
      <c r="H425359" s="12"/>
    </row>
    <row r="425360" spans="8:8">
      <c r="H425360" s="12"/>
    </row>
    <row r="425361" spans="8:8">
      <c r="H425361" s="12"/>
    </row>
    <row r="425362" spans="8:8">
      <c r="H425362" s="12"/>
    </row>
    <row r="425363" spans="8:8">
      <c r="H425363" s="12"/>
    </row>
    <row r="425364" spans="8:8">
      <c r="H425364" s="12"/>
    </row>
    <row r="425365" spans="8:8">
      <c r="H425365" s="12"/>
    </row>
    <row r="425366" spans="8:8">
      <c r="H425366" s="12"/>
    </row>
    <row r="425367" spans="8:8">
      <c r="H425367" s="12"/>
    </row>
    <row r="425368" spans="8:8">
      <c r="H425368" s="12"/>
    </row>
    <row r="425369" spans="8:8">
      <c r="H425369" s="12"/>
    </row>
    <row r="425370" spans="8:8">
      <c r="H425370" s="12"/>
    </row>
    <row r="425371" spans="8:8">
      <c r="H425371" s="12"/>
    </row>
    <row r="425372" spans="8:8">
      <c r="H425372" s="12"/>
    </row>
    <row r="425373" spans="8:8">
      <c r="H425373" s="12"/>
    </row>
    <row r="425374" spans="8:8">
      <c r="H425374" s="12"/>
    </row>
    <row r="425375" spans="8:8">
      <c r="H425375" s="12"/>
    </row>
    <row r="425376" spans="8:8">
      <c r="H425376" s="12"/>
    </row>
    <row r="425377" spans="8:8">
      <c r="H425377" s="12"/>
    </row>
    <row r="425378" spans="8:8">
      <c r="H425378" s="12"/>
    </row>
    <row r="425379" spans="8:8">
      <c r="H425379" s="12"/>
    </row>
    <row r="425380" spans="8:8">
      <c r="H425380" s="12"/>
    </row>
    <row r="425381" spans="8:8">
      <c r="H425381" s="12"/>
    </row>
    <row r="425382" spans="8:8">
      <c r="H425382" s="12"/>
    </row>
    <row r="425383" spans="8:8">
      <c r="H425383" s="12"/>
    </row>
    <row r="425384" spans="8:8">
      <c r="H425384" s="12"/>
    </row>
    <row r="425385" spans="8:8">
      <c r="H425385" s="12"/>
    </row>
    <row r="425386" spans="8:8">
      <c r="H425386" s="12"/>
    </row>
    <row r="425387" spans="8:8">
      <c r="H425387" s="12"/>
    </row>
    <row r="425388" spans="8:8">
      <c r="H425388" s="12"/>
    </row>
    <row r="425389" spans="8:8">
      <c r="H425389" s="12"/>
    </row>
    <row r="425390" spans="8:8">
      <c r="H425390" s="12"/>
    </row>
    <row r="425391" spans="8:8">
      <c r="H425391" s="12"/>
    </row>
    <row r="425392" spans="8:8">
      <c r="H425392" s="12"/>
    </row>
    <row r="425393" spans="8:8">
      <c r="H425393" s="12"/>
    </row>
    <row r="425394" spans="8:8">
      <c r="H425394" s="12"/>
    </row>
    <row r="425395" spans="8:8">
      <c r="H425395" s="12"/>
    </row>
    <row r="425396" spans="8:8">
      <c r="H425396" s="12"/>
    </row>
    <row r="425397" spans="8:8">
      <c r="H425397" s="12"/>
    </row>
    <row r="425398" spans="8:8">
      <c r="H425398" s="12"/>
    </row>
    <row r="425399" spans="8:8">
      <c r="H425399" s="12"/>
    </row>
    <row r="425400" spans="8:8">
      <c r="H425400" s="12"/>
    </row>
    <row r="425401" spans="8:8">
      <c r="H425401" s="12"/>
    </row>
    <row r="425402" spans="8:8">
      <c r="H425402" s="12"/>
    </row>
    <row r="425403" spans="8:8">
      <c r="H425403" s="12"/>
    </row>
    <row r="425404" spans="8:8">
      <c r="H425404" s="12"/>
    </row>
    <row r="425405" spans="8:8">
      <c r="H425405" s="12"/>
    </row>
    <row r="425406" spans="8:8">
      <c r="H425406" s="12"/>
    </row>
    <row r="425407" spans="8:8">
      <c r="H425407" s="12"/>
    </row>
    <row r="425408" spans="8:8">
      <c r="H425408" s="12"/>
    </row>
    <row r="425409" spans="8:8">
      <c r="H425409" s="12"/>
    </row>
    <row r="425410" spans="8:8">
      <c r="H425410" s="12"/>
    </row>
    <row r="425411" spans="8:8">
      <c r="H425411" s="12"/>
    </row>
    <row r="425412" spans="8:8">
      <c r="H425412" s="12"/>
    </row>
    <row r="425413" spans="8:8">
      <c r="H425413" s="12"/>
    </row>
    <row r="425414" spans="8:8">
      <c r="H425414" s="12"/>
    </row>
    <row r="425415" spans="8:8">
      <c r="H425415" s="12"/>
    </row>
    <row r="425416" spans="8:8">
      <c r="H425416" s="12"/>
    </row>
    <row r="425417" spans="8:8">
      <c r="H425417" s="12"/>
    </row>
    <row r="425418" spans="8:8">
      <c r="H425418" s="12"/>
    </row>
    <row r="425419" spans="8:8">
      <c r="H425419" s="12"/>
    </row>
    <row r="425420" spans="8:8">
      <c r="H425420" s="12"/>
    </row>
    <row r="425421" spans="8:8">
      <c r="H425421" s="12"/>
    </row>
    <row r="425422" spans="8:8">
      <c r="H425422" s="12"/>
    </row>
    <row r="425423" spans="8:8">
      <c r="H425423" s="12"/>
    </row>
    <row r="425424" spans="8:8">
      <c r="H425424" s="12"/>
    </row>
    <row r="425425" spans="8:8">
      <c r="H425425" s="12"/>
    </row>
    <row r="425426" spans="8:8">
      <c r="H425426" s="12"/>
    </row>
    <row r="425427" spans="8:8">
      <c r="H425427" s="12"/>
    </row>
    <row r="425428" spans="8:8">
      <c r="H425428" s="12"/>
    </row>
    <row r="425429" spans="8:8">
      <c r="H425429" s="12"/>
    </row>
    <row r="425430" spans="8:8">
      <c r="H425430" s="12"/>
    </row>
    <row r="425431" spans="8:8">
      <c r="H425431" s="12"/>
    </row>
    <row r="425432" spans="8:8">
      <c r="H425432" s="12"/>
    </row>
    <row r="425433" spans="8:8">
      <c r="H425433" s="12"/>
    </row>
    <row r="425434" spans="8:8">
      <c r="H425434" s="12"/>
    </row>
    <row r="425435" spans="8:8">
      <c r="H425435" s="12"/>
    </row>
    <row r="425436" spans="8:8">
      <c r="H425436" s="12"/>
    </row>
    <row r="425437" spans="8:8">
      <c r="H425437" s="12"/>
    </row>
    <row r="425438" spans="8:8">
      <c r="H425438" s="12"/>
    </row>
    <row r="425439" spans="8:8">
      <c r="H425439" s="12"/>
    </row>
    <row r="425440" spans="8:8">
      <c r="H425440" s="12"/>
    </row>
    <row r="425441" spans="8:8">
      <c r="H425441" s="12"/>
    </row>
    <row r="425442" spans="8:8">
      <c r="H425442" s="12"/>
    </row>
    <row r="425443" spans="8:8">
      <c r="H425443" s="12"/>
    </row>
    <row r="425444" spans="8:8">
      <c r="H425444" s="12"/>
    </row>
    <row r="425445" spans="8:8">
      <c r="H425445" s="12"/>
    </row>
    <row r="425446" spans="8:8">
      <c r="H425446" s="12"/>
    </row>
    <row r="425447" spans="8:8">
      <c r="H425447" s="12"/>
    </row>
    <row r="425448" spans="8:8">
      <c r="H425448" s="12"/>
    </row>
    <row r="425449" spans="8:8">
      <c r="H425449" s="12"/>
    </row>
    <row r="425450" spans="8:8">
      <c r="H425450" s="12"/>
    </row>
    <row r="425451" spans="8:8">
      <c r="H425451" s="12"/>
    </row>
    <row r="425452" spans="8:8">
      <c r="H425452" s="12"/>
    </row>
    <row r="425453" spans="8:8">
      <c r="H425453" s="12"/>
    </row>
    <row r="425454" spans="8:8">
      <c r="H425454" s="12"/>
    </row>
    <row r="425455" spans="8:8">
      <c r="H425455" s="12"/>
    </row>
    <row r="425456" spans="8:8">
      <c r="H425456" s="12"/>
    </row>
    <row r="425457" spans="8:8">
      <c r="H425457" s="12"/>
    </row>
    <row r="425458" spans="8:8">
      <c r="H425458" s="12"/>
    </row>
    <row r="425459" spans="8:8">
      <c r="H425459" s="12"/>
    </row>
    <row r="425460" spans="8:8">
      <c r="H425460" s="12"/>
    </row>
    <row r="425461" spans="8:8">
      <c r="H425461" s="12"/>
    </row>
    <row r="425462" spans="8:8">
      <c r="H425462" s="12"/>
    </row>
    <row r="425463" spans="8:8">
      <c r="H425463" s="12"/>
    </row>
    <row r="425464" spans="8:8">
      <c r="H425464" s="12"/>
    </row>
    <row r="425465" spans="8:8">
      <c r="H425465" s="12"/>
    </row>
    <row r="425466" spans="8:8">
      <c r="H425466" s="12"/>
    </row>
    <row r="425467" spans="8:8">
      <c r="H425467" s="12"/>
    </row>
    <row r="425468" spans="8:8">
      <c r="H425468" s="12"/>
    </row>
    <row r="425469" spans="8:8">
      <c r="H425469" s="12"/>
    </row>
    <row r="425470" spans="8:8">
      <c r="H425470" s="12"/>
    </row>
    <row r="425471" spans="8:8">
      <c r="H425471" s="12"/>
    </row>
    <row r="425472" spans="8:8">
      <c r="H425472" s="12"/>
    </row>
    <row r="425473" spans="8:8">
      <c r="H425473" s="12"/>
    </row>
    <row r="425474" spans="8:8">
      <c r="H425474" s="12"/>
    </row>
    <row r="425475" spans="8:8">
      <c r="H425475" s="12"/>
    </row>
    <row r="425476" spans="8:8">
      <c r="H425476" s="12"/>
    </row>
    <row r="425477" spans="8:8">
      <c r="H425477" s="12"/>
    </row>
    <row r="425478" spans="8:8">
      <c r="H425478" s="12"/>
    </row>
    <row r="425479" spans="8:8">
      <c r="H425479" s="12"/>
    </row>
    <row r="425480" spans="8:8">
      <c r="H425480" s="12"/>
    </row>
    <row r="425481" spans="8:8">
      <c r="H425481" s="12"/>
    </row>
    <row r="425482" spans="8:8">
      <c r="H425482" s="12"/>
    </row>
    <row r="425483" spans="8:8">
      <c r="H425483" s="12"/>
    </row>
    <row r="425484" spans="8:8">
      <c r="H425484" s="12"/>
    </row>
    <row r="425485" spans="8:8">
      <c r="H425485" s="12"/>
    </row>
    <row r="425486" spans="8:8">
      <c r="H425486" s="12"/>
    </row>
    <row r="425487" spans="8:8">
      <c r="H425487" s="12"/>
    </row>
    <row r="425488" spans="8:8">
      <c r="H425488" s="12"/>
    </row>
    <row r="425489" spans="8:8">
      <c r="H425489" s="12"/>
    </row>
    <row r="425490" spans="8:8">
      <c r="H425490" s="12"/>
    </row>
    <row r="425491" spans="8:8">
      <c r="H425491" s="12"/>
    </row>
    <row r="425492" spans="8:8">
      <c r="H425492" s="12"/>
    </row>
    <row r="425493" spans="8:8">
      <c r="H425493" s="12"/>
    </row>
    <row r="425494" spans="8:8">
      <c r="H425494" s="12"/>
    </row>
    <row r="425495" spans="8:8">
      <c r="H425495" s="12"/>
    </row>
    <row r="425496" spans="8:8">
      <c r="H425496" s="12"/>
    </row>
    <row r="425497" spans="8:8">
      <c r="H425497" s="12"/>
    </row>
    <row r="425498" spans="8:8">
      <c r="H425498" s="12"/>
    </row>
    <row r="425499" spans="8:8">
      <c r="H425499" s="12"/>
    </row>
    <row r="425500" spans="8:8">
      <c r="H425500" s="12"/>
    </row>
    <row r="425501" spans="8:8">
      <c r="H425501" s="12"/>
    </row>
    <row r="425502" spans="8:8">
      <c r="H425502" s="12"/>
    </row>
    <row r="425503" spans="8:8">
      <c r="H425503" s="12"/>
    </row>
    <row r="425504" spans="8:8">
      <c r="H425504" s="12"/>
    </row>
    <row r="425505" spans="8:8">
      <c r="H425505" s="12"/>
    </row>
    <row r="425506" spans="8:8">
      <c r="H425506" s="12"/>
    </row>
    <row r="425507" spans="8:8">
      <c r="H425507" s="12"/>
    </row>
    <row r="425508" spans="8:8">
      <c r="H425508" s="12"/>
    </row>
    <row r="425509" spans="8:8">
      <c r="H425509" s="12"/>
    </row>
    <row r="425510" spans="8:8">
      <c r="H425510" s="12"/>
    </row>
    <row r="425511" spans="8:8">
      <c r="H425511" s="12"/>
    </row>
    <row r="425512" spans="8:8">
      <c r="H425512" s="12"/>
    </row>
    <row r="425513" spans="8:8">
      <c r="H425513" s="12"/>
    </row>
    <row r="425514" spans="8:8">
      <c r="H425514" s="12"/>
    </row>
    <row r="425515" spans="8:8">
      <c r="H425515" s="12"/>
    </row>
    <row r="425516" spans="8:8">
      <c r="H425516" s="12"/>
    </row>
    <row r="425517" spans="8:8">
      <c r="H425517" s="12"/>
    </row>
    <row r="425518" spans="8:8">
      <c r="H425518" s="12"/>
    </row>
    <row r="425519" spans="8:8">
      <c r="H425519" s="12"/>
    </row>
    <row r="425520" spans="8:8">
      <c r="H425520" s="12"/>
    </row>
    <row r="425521" spans="8:8">
      <c r="H425521" s="12"/>
    </row>
    <row r="425522" spans="8:8">
      <c r="H425522" s="12"/>
    </row>
    <row r="425523" spans="8:8">
      <c r="H425523" s="12"/>
    </row>
    <row r="425524" spans="8:8">
      <c r="H425524" s="12"/>
    </row>
    <row r="425525" spans="8:8">
      <c r="H425525" s="12"/>
    </row>
    <row r="425526" spans="8:8">
      <c r="H425526" s="12"/>
    </row>
    <row r="425527" spans="8:8">
      <c r="H425527" s="12"/>
    </row>
    <row r="425528" spans="8:8">
      <c r="H425528" s="12"/>
    </row>
    <row r="425529" spans="8:8">
      <c r="H425529" s="12"/>
    </row>
    <row r="425530" spans="8:8">
      <c r="H425530" s="12"/>
    </row>
    <row r="425531" spans="8:8">
      <c r="H425531" s="12"/>
    </row>
    <row r="425532" spans="8:8">
      <c r="H425532" s="12"/>
    </row>
    <row r="425533" spans="8:8">
      <c r="H425533" s="12"/>
    </row>
    <row r="425534" spans="8:8">
      <c r="H425534" s="12"/>
    </row>
    <row r="425535" spans="8:8">
      <c r="H425535" s="12"/>
    </row>
    <row r="425536" spans="8:8">
      <c r="H425536" s="12"/>
    </row>
    <row r="425537" spans="8:8">
      <c r="H425537" s="12"/>
    </row>
    <row r="425538" spans="8:8">
      <c r="H425538" s="12"/>
    </row>
    <row r="425539" spans="8:8">
      <c r="H425539" s="12"/>
    </row>
    <row r="425540" spans="8:8">
      <c r="H425540" s="12"/>
    </row>
    <row r="425541" spans="8:8">
      <c r="H425541" s="12"/>
    </row>
    <row r="425542" spans="8:8">
      <c r="H425542" s="12"/>
    </row>
    <row r="425543" spans="8:8">
      <c r="H425543" s="12"/>
    </row>
    <row r="425544" spans="8:8">
      <c r="H425544" s="12"/>
    </row>
    <row r="425545" spans="8:8">
      <c r="H425545" s="12"/>
    </row>
    <row r="425546" spans="8:8">
      <c r="H425546" s="12"/>
    </row>
    <row r="425547" spans="8:8">
      <c r="H425547" s="12"/>
    </row>
    <row r="425548" spans="8:8">
      <c r="H425548" s="12"/>
    </row>
    <row r="425549" spans="8:8">
      <c r="H425549" s="12"/>
    </row>
    <row r="425550" spans="8:8">
      <c r="H425550" s="12"/>
    </row>
    <row r="425551" spans="8:8">
      <c r="H425551" s="12"/>
    </row>
    <row r="425552" spans="8:8">
      <c r="H425552" s="12"/>
    </row>
    <row r="425553" spans="8:8">
      <c r="H425553" s="12"/>
    </row>
    <row r="425554" spans="8:8">
      <c r="H425554" s="12"/>
    </row>
    <row r="425555" spans="8:8">
      <c r="H425555" s="12"/>
    </row>
    <row r="425556" spans="8:8">
      <c r="H425556" s="12"/>
    </row>
    <row r="425557" spans="8:8">
      <c r="H425557" s="12"/>
    </row>
    <row r="425558" spans="8:8">
      <c r="H425558" s="12"/>
    </row>
    <row r="425559" spans="8:8">
      <c r="H425559" s="12"/>
    </row>
    <row r="425560" spans="8:8">
      <c r="H425560" s="12"/>
    </row>
    <row r="425561" spans="8:8">
      <c r="H425561" s="12"/>
    </row>
    <row r="425562" spans="8:8">
      <c r="H425562" s="12"/>
    </row>
    <row r="425563" spans="8:8">
      <c r="H425563" s="12"/>
    </row>
    <row r="425564" spans="8:8">
      <c r="H425564" s="12"/>
    </row>
    <row r="425565" spans="8:8">
      <c r="H425565" s="12"/>
    </row>
    <row r="425566" spans="8:8">
      <c r="H425566" s="12"/>
    </row>
    <row r="425567" spans="8:8">
      <c r="H425567" s="12"/>
    </row>
    <row r="425568" spans="8:8">
      <c r="H425568" s="12"/>
    </row>
    <row r="425569" spans="8:8">
      <c r="H425569" s="12"/>
    </row>
    <row r="425570" spans="8:8">
      <c r="H425570" s="12"/>
    </row>
    <row r="425571" spans="8:8">
      <c r="H425571" s="12"/>
    </row>
    <row r="425572" spans="8:8">
      <c r="H425572" s="12"/>
    </row>
    <row r="425573" spans="8:8">
      <c r="H425573" s="12"/>
    </row>
    <row r="425574" spans="8:8">
      <c r="H425574" s="12"/>
    </row>
    <row r="425575" spans="8:8">
      <c r="H425575" s="12"/>
    </row>
    <row r="425576" spans="8:8">
      <c r="H425576" s="12"/>
    </row>
    <row r="425577" spans="8:8">
      <c r="H425577" s="12"/>
    </row>
    <row r="425578" spans="8:8">
      <c r="H425578" s="12"/>
    </row>
    <row r="425579" spans="8:8">
      <c r="H425579" s="12"/>
    </row>
    <row r="425580" spans="8:8">
      <c r="H425580" s="12"/>
    </row>
    <row r="425581" spans="8:8">
      <c r="H425581" s="12"/>
    </row>
    <row r="425582" spans="8:8">
      <c r="H425582" s="12"/>
    </row>
    <row r="425583" spans="8:8">
      <c r="H425583" s="12"/>
    </row>
    <row r="425584" spans="8:8">
      <c r="H425584" s="12"/>
    </row>
    <row r="425585" spans="8:8">
      <c r="H425585" s="12"/>
    </row>
    <row r="425586" spans="8:8">
      <c r="H425586" s="12"/>
    </row>
    <row r="425587" spans="8:8">
      <c r="H425587" s="12"/>
    </row>
    <row r="425588" spans="8:8">
      <c r="H425588" s="12"/>
    </row>
    <row r="425589" spans="8:8">
      <c r="H425589" s="12"/>
    </row>
    <row r="425590" spans="8:8">
      <c r="H425590" s="12"/>
    </row>
    <row r="425591" spans="8:8">
      <c r="H425591" s="12"/>
    </row>
    <row r="425592" spans="8:8">
      <c r="H425592" s="12"/>
    </row>
    <row r="425593" spans="8:8">
      <c r="H425593" s="12"/>
    </row>
    <row r="425594" spans="8:8">
      <c r="H425594" s="12"/>
    </row>
    <row r="425595" spans="8:8">
      <c r="H425595" s="12"/>
    </row>
    <row r="425596" spans="8:8">
      <c r="H425596" s="12"/>
    </row>
    <row r="425597" spans="8:8">
      <c r="H425597" s="12"/>
    </row>
    <row r="425598" spans="8:8">
      <c r="H425598" s="12"/>
    </row>
    <row r="425599" spans="8:8">
      <c r="H425599" s="12"/>
    </row>
    <row r="425600" spans="8:8">
      <c r="H425600" s="12"/>
    </row>
    <row r="425601" spans="8:8">
      <c r="H425601" s="12"/>
    </row>
    <row r="425602" spans="8:8">
      <c r="H425602" s="12"/>
    </row>
    <row r="425603" spans="8:8">
      <c r="H425603" s="12"/>
    </row>
    <row r="425604" spans="8:8">
      <c r="H425604" s="12"/>
    </row>
    <row r="425605" spans="8:8">
      <c r="H425605" s="12"/>
    </row>
    <row r="425606" spans="8:8">
      <c r="H425606" s="12"/>
    </row>
    <row r="425607" spans="8:8">
      <c r="H425607" s="12"/>
    </row>
    <row r="425608" spans="8:8">
      <c r="H425608" s="12"/>
    </row>
    <row r="425609" spans="8:8">
      <c r="H425609" s="12"/>
    </row>
    <row r="425610" spans="8:8">
      <c r="H425610" s="12"/>
    </row>
    <row r="425611" spans="8:8">
      <c r="H425611" s="12"/>
    </row>
    <row r="425612" spans="8:8">
      <c r="H425612" s="12"/>
    </row>
    <row r="425613" spans="8:8">
      <c r="H425613" s="12"/>
    </row>
    <row r="425614" spans="8:8">
      <c r="H425614" s="12"/>
    </row>
    <row r="425615" spans="8:8">
      <c r="H425615" s="12"/>
    </row>
    <row r="425616" spans="8:8">
      <c r="H425616" s="12"/>
    </row>
    <row r="425617" spans="8:8">
      <c r="H425617" s="12"/>
    </row>
    <row r="425618" spans="8:8">
      <c r="H425618" s="12"/>
    </row>
    <row r="425619" spans="8:8">
      <c r="H425619" s="12"/>
    </row>
    <row r="425620" spans="8:8">
      <c r="H425620" s="12"/>
    </row>
    <row r="425621" spans="8:8">
      <c r="H425621" s="12"/>
    </row>
    <row r="425622" spans="8:8">
      <c r="H425622" s="12"/>
    </row>
    <row r="425623" spans="8:8">
      <c r="H425623" s="12"/>
    </row>
    <row r="425624" spans="8:8">
      <c r="H425624" s="12"/>
    </row>
    <row r="425625" spans="8:8">
      <c r="H425625" s="12"/>
    </row>
    <row r="425626" spans="8:8">
      <c r="H425626" s="12"/>
    </row>
    <row r="425627" spans="8:8">
      <c r="H425627" s="12"/>
    </row>
    <row r="425628" spans="8:8">
      <c r="H425628" s="12"/>
    </row>
    <row r="425629" spans="8:8">
      <c r="H425629" s="12"/>
    </row>
    <row r="425630" spans="8:8">
      <c r="H425630" s="12"/>
    </row>
    <row r="425631" spans="8:8">
      <c r="H425631" s="12"/>
    </row>
    <row r="425632" spans="8:8">
      <c r="H425632" s="12"/>
    </row>
    <row r="425633" spans="8:8">
      <c r="H425633" s="12"/>
    </row>
    <row r="425634" spans="8:8">
      <c r="H425634" s="12"/>
    </row>
    <row r="425635" spans="8:8">
      <c r="H425635" s="12"/>
    </row>
    <row r="425636" spans="8:8">
      <c r="H425636" s="12"/>
    </row>
    <row r="425637" spans="8:8">
      <c r="H425637" s="12"/>
    </row>
    <row r="425638" spans="8:8">
      <c r="H425638" s="12"/>
    </row>
    <row r="425639" spans="8:8">
      <c r="H425639" s="12"/>
    </row>
    <row r="425640" spans="8:8">
      <c r="H425640" s="12"/>
    </row>
    <row r="425641" spans="8:8">
      <c r="H425641" s="12"/>
    </row>
    <row r="425642" spans="8:8">
      <c r="H425642" s="12"/>
    </row>
    <row r="425643" spans="8:8">
      <c r="H425643" s="12"/>
    </row>
    <row r="425644" spans="8:8">
      <c r="H425644" s="12"/>
    </row>
    <row r="425645" spans="8:8">
      <c r="H425645" s="12"/>
    </row>
    <row r="425646" spans="8:8">
      <c r="H425646" s="12"/>
    </row>
    <row r="425647" spans="8:8">
      <c r="H425647" s="12"/>
    </row>
    <row r="425648" spans="8:8">
      <c r="H425648" s="12"/>
    </row>
    <row r="425649" spans="8:8">
      <c r="H425649" s="12"/>
    </row>
    <row r="425650" spans="8:8">
      <c r="H425650" s="12"/>
    </row>
    <row r="425651" spans="8:8">
      <c r="H425651" s="12"/>
    </row>
    <row r="425652" spans="8:8">
      <c r="H425652" s="12"/>
    </row>
    <row r="425653" spans="8:8">
      <c r="H425653" s="12"/>
    </row>
    <row r="425654" spans="8:8">
      <c r="H425654" s="12"/>
    </row>
    <row r="425655" spans="8:8">
      <c r="H425655" s="12"/>
    </row>
    <row r="425656" spans="8:8">
      <c r="H425656" s="12"/>
    </row>
    <row r="425657" spans="8:8">
      <c r="H425657" s="12"/>
    </row>
    <row r="425658" spans="8:8">
      <c r="H425658" s="12"/>
    </row>
    <row r="425659" spans="8:8">
      <c r="H425659" s="12"/>
    </row>
    <row r="425660" spans="8:8">
      <c r="H425660" s="12"/>
    </row>
    <row r="425661" spans="8:8">
      <c r="H425661" s="12"/>
    </row>
    <row r="425662" spans="8:8">
      <c r="H425662" s="12"/>
    </row>
    <row r="425663" spans="8:8">
      <c r="H425663" s="12"/>
    </row>
    <row r="425664" spans="8:8">
      <c r="H425664" s="12"/>
    </row>
    <row r="425665" spans="8:8">
      <c r="H425665" s="12"/>
    </row>
    <row r="425666" spans="8:8">
      <c r="H425666" s="12"/>
    </row>
    <row r="425667" spans="8:8">
      <c r="H425667" s="12"/>
    </row>
    <row r="425668" spans="8:8">
      <c r="H425668" s="12"/>
    </row>
    <row r="425669" spans="8:8">
      <c r="H425669" s="12"/>
    </row>
    <row r="425670" spans="8:8">
      <c r="H425670" s="12"/>
    </row>
    <row r="425671" spans="8:8">
      <c r="H425671" s="12"/>
    </row>
    <row r="425672" spans="8:8">
      <c r="H425672" s="12"/>
    </row>
    <row r="425673" spans="8:8">
      <c r="H425673" s="12"/>
    </row>
    <row r="425674" spans="8:8">
      <c r="H425674" s="12"/>
    </row>
    <row r="425675" spans="8:8">
      <c r="H425675" s="12"/>
    </row>
    <row r="425676" spans="8:8">
      <c r="H425676" s="12"/>
    </row>
    <row r="425677" spans="8:8">
      <c r="H425677" s="12"/>
    </row>
    <row r="425678" spans="8:8">
      <c r="H425678" s="12"/>
    </row>
    <row r="425679" spans="8:8">
      <c r="H425679" s="12"/>
    </row>
    <row r="425680" spans="8:8">
      <c r="H425680" s="12"/>
    </row>
    <row r="425681" spans="8:8">
      <c r="H425681" s="12"/>
    </row>
    <row r="425682" spans="8:8">
      <c r="H425682" s="12"/>
    </row>
    <row r="425683" spans="8:8">
      <c r="H425683" s="12"/>
    </row>
    <row r="425684" spans="8:8">
      <c r="H425684" s="12"/>
    </row>
    <row r="425685" spans="8:8">
      <c r="H425685" s="12"/>
    </row>
    <row r="425686" spans="8:8">
      <c r="H425686" s="12"/>
    </row>
    <row r="425687" spans="8:8">
      <c r="H425687" s="12"/>
    </row>
    <row r="425688" spans="8:8">
      <c r="H425688" s="12"/>
    </row>
    <row r="425689" spans="8:8">
      <c r="H425689" s="12"/>
    </row>
    <row r="425690" spans="8:8">
      <c r="H425690" s="12"/>
    </row>
    <row r="425691" spans="8:8">
      <c r="H425691" s="12"/>
    </row>
    <row r="425692" spans="8:8">
      <c r="H425692" s="12"/>
    </row>
    <row r="425693" spans="8:8">
      <c r="H425693" s="12"/>
    </row>
    <row r="425694" spans="8:8">
      <c r="H425694" s="12"/>
    </row>
    <row r="425695" spans="8:8">
      <c r="H425695" s="12"/>
    </row>
    <row r="425696" spans="8:8">
      <c r="H425696" s="12"/>
    </row>
    <row r="425697" spans="8:8">
      <c r="H425697" s="12"/>
    </row>
    <row r="425698" spans="8:8">
      <c r="H425698" s="12"/>
    </row>
    <row r="425699" spans="8:8">
      <c r="H425699" s="12"/>
    </row>
    <row r="425700" spans="8:8">
      <c r="H425700" s="12"/>
    </row>
    <row r="425701" spans="8:8">
      <c r="H425701" s="12"/>
    </row>
    <row r="425702" spans="8:8">
      <c r="H425702" s="12"/>
    </row>
    <row r="425703" spans="8:8">
      <c r="H425703" s="12"/>
    </row>
    <row r="425704" spans="8:8">
      <c r="H425704" s="12"/>
    </row>
    <row r="425705" spans="8:8">
      <c r="H425705" s="12"/>
    </row>
    <row r="425706" spans="8:8">
      <c r="H425706" s="12"/>
    </row>
    <row r="425707" spans="8:8">
      <c r="H425707" s="12"/>
    </row>
    <row r="425708" spans="8:8">
      <c r="H425708" s="12"/>
    </row>
    <row r="425709" spans="8:8">
      <c r="H425709" s="12"/>
    </row>
    <row r="425710" spans="8:8">
      <c r="H425710" s="12"/>
    </row>
    <row r="425711" spans="8:8">
      <c r="H425711" s="12"/>
    </row>
    <row r="425712" spans="8:8">
      <c r="H425712" s="12"/>
    </row>
    <row r="425713" spans="8:8">
      <c r="H425713" s="12"/>
    </row>
    <row r="425714" spans="8:8">
      <c r="H425714" s="12"/>
    </row>
    <row r="425715" spans="8:8">
      <c r="H425715" s="12"/>
    </row>
    <row r="425716" spans="8:8">
      <c r="H425716" s="12"/>
    </row>
    <row r="425717" spans="8:8">
      <c r="H425717" s="12"/>
    </row>
    <row r="425718" spans="8:8">
      <c r="H425718" s="12"/>
    </row>
    <row r="425719" spans="8:8">
      <c r="H425719" s="12"/>
    </row>
    <row r="425720" spans="8:8">
      <c r="H425720" s="12"/>
    </row>
    <row r="425721" spans="8:8">
      <c r="H425721" s="12"/>
    </row>
    <row r="425722" spans="8:8">
      <c r="H425722" s="12"/>
    </row>
    <row r="425723" spans="8:8">
      <c r="H425723" s="12"/>
    </row>
    <row r="425724" spans="8:8">
      <c r="H425724" s="12"/>
    </row>
    <row r="425725" spans="8:8">
      <c r="H425725" s="12"/>
    </row>
    <row r="425726" spans="8:8">
      <c r="H425726" s="12"/>
    </row>
    <row r="425727" spans="8:8">
      <c r="H425727" s="12"/>
    </row>
    <row r="425728" spans="8:8">
      <c r="H425728" s="12"/>
    </row>
    <row r="425729" spans="8:8">
      <c r="H425729" s="12"/>
    </row>
    <row r="425730" spans="8:8">
      <c r="H425730" s="12"/>
    </row>
    <row r="425731" spans="8:8">
      <c r="H425731" s="12"/>
    </row>
    <row r="425732" spans="8:8">
      <c r="H425732" s="12"/>
    </row>
    <row r="425733" spans="8:8">
      <c r="H425733" s="12"/>
    </row>
    <row r="425734" spans="8:8">
      <c r="H425734" s="12"/>
    </row>
    <row r="425735" spans="8:8">
      <c r="H425735" s="12"/>
    </row>
    <row r="425736" spans="8:8">
      <c r="H425736" s="12"/>
    </row>
    <row r="425737" spans="8:8">
      <c r="H425737" s="12"/>
    </row>
    <row r="425738" spans="8:8">
      <c r="H425738" s="12"/>
    </row>
    <row r="425739" spans="8:8">
      <c r="H425739" s="12"/>
    </row>
    <row r="425740" spans="8:8">
      <c r="H425740" s="12"/>
    </row>
    <row r="425741" spans="8:8">
      <c r="H425741" s="12"/>
    </row>
    <row r="425742" spans="8:8">
      <c r="H425742" s="12"/>
    </row>
    <row r="425743" spans="8:8">
      <c r="H425743" s="12"/>
    </row>
    <row r="425744" spans="8:8">
      <c r="H425744" s="12"/>
    </row>
    <row r="425745" spans="8:8">
      <c r="H425745" s="12"/>
    </row>
    <row r="425746" spans="8:8">
      <c r="H425746" s="12"/>
    </row>
    <row r="425747" spans="8:8">
      <c r="H425747" s="12"/>
    </row>
    <row r="425748" spans="8:8">
      <c r="H425748" s="12"/>
    </row>
    <row r="425749" spans="8:8">
      <c r="H425749" s="12"/>
    </row>
    <row r="425750" spans="8:8">
      <c r="H425750" s="12"/>
    </row>
    <row r="425751" spans="8:8">
      <c r="H425751" s="12"/>
    </row>
    <row r="425752" spans="8:8">
      <c r="H425752" s="12"/>
    </row>
    <row r="425753" spans="8:8">
      <c r="H425753" s="12"/>
    </row>
    <row r="425754" spans="8:8">
      <c r="H425754" s="12"/>
    </row>
    <row r="425755" spans="8:8">
      <c r="H425755" s="12"/>
    </row>
    <row r="425756" spans="8:8">
      <c r="H425756" s="12"/>
    </row>
    <row r="425757" spans="8:8">
      <c r="H425757" s="12"/>
    </row>
    <row r="425758" spans="8:8">
      <c r="H425758" s="12"/>
    </row>
    <row r="425759" spans="8:8">
      <c r="H425759" s="12"/>
    </row>
    <row r="425760" spans="8:8">
      <c r="H425760" s="12"/>
    </row>
    <row r="425761" spans="8:8">
      <c r="H425761" s="12"/>
    </row>
    <row r="425762" spans="8:8">
      <c r="H425762" s="12"/>
    </row>
    <row r="425763" spans="8:8">
      <c r="H425763" s="12"/>
    </row>
    <row r="425764" spans="8:8">
      <c r="H425764" s="12"/>
    </row>
    <row r="425765" spans="8:8">
      <c r="H425765" s="12"/>
    </row>
    <row r="425766" spans="8:8">
      <c r="H425766" s="12"/>
    </row>
    <row r="425767" spans="8:8">
      <c r="H425767" s="12"/>
    </row>
    <row r="425768" spans="8:8">
      <c r="H425768" s="12"/>
    </row>
    <row r="425769" spans="8:8">
      <c r="H425769" s="12"/>
    </row>
    <row r="425770" spans="8:8">
      <c r="H425770" s="12"/>
    </row>
    <row r="425771" spans="8:8">
      <c r="H425771" s="12"/>
    </row>
    <row r="425772" spans="8:8">
      <c r="H425772" s="12"/>
    </row>
    <row r="425773" spans="8:8">
      <c r="H425773" s="12"/>
    </row>
    <row r="425774" spans="8:8">
      <c r="H425774" s="12"/>
    </row>
    <row r="425775" spans="8:8">
      <c r="H425775" s="12"/>
    </row>
    <row r="425776" spans="8:8">
      <c r="H425776" s="12"/>
    </row>
    <row r="425777" spans="8:8">
      <c r="H425777" s="12"/>
    </row>
    <row r="425778" spans="8:8">
      <c r="H425778" s="12"/>
    </row>
    <row r="425779" spans="8:8">
      <c r="H425779" s="12"/>
    </row>
    <row r="425780" spans="8:8">
      <c r="H425780" s="12"/>
    </row>
    <row r="425781" spans="8:8">
      <c r="H425781" s="12"/>
    </row>
    <row r="425782" spans="8:8">
      <c r="H425782" s="12"/>
    </row>
    <row r="425783" spans="8:8">
      <c r="H425783" s="12"/>
    </row>
    <row r="425784" spans="8:8">
      <c r="H425784" s="12"/>
    </row>
    <row r="425785" spans="8:8">
      <c r="H425785" s="12"/>
    </row>
    <row r="425786" spans="8:8">
      <c r="H425786" s="12"/>
    </row>
    <row r="425787" spans="8:8">
      <c r="H425787" s="12"/>
    </row>
    <row r="425788" spans="8:8">
      <c r="H425788" s="12"/>
    </row>
    <row r="425789" spans="8:8">
      <c r="H425789" s="12"/>
    </row>
    <row r="425790" spans="8:8">
      <c r="H425790" s="12"/>
    </row>
    <row r="425791" spans="8:8">
      <c r="H425791" s="12"/>
    </row>
    <row r="425792" spans="8:8">
      <c r="H425792" s="12"/>
    </row>
    <row r="425793" spans="8:8">
      <c r="H425793" s="12"/>
    </row>
    <row r="425794" spans="8:8">
      <c r="H425794" s="12"/>
    </row>
    <row r="425795" spans="8:8">
      <c r="H425795" s="12"/>
    </row>
    <row r="425796" spans="8:8">
      <c r="H425796" s="12"/>
    </row>
    <row r="425797" spans="8:8">
      <c r="H425797" s="12"/>
    </row>
    <row r="425798" spans="8:8">
      <c r="H425798" s="12"/>
    </row>
    <row r="425799" spans="8:8">
      <c r="H425799" s="12"/>
    </row>
    <row r="425800" spans="8:8">
      <c r="H425800" s="12"/>
    </row>
    <row r="425801" spans="8:8">
      <c r="H425801" s="12"/>
    </row>
    <row r="425802" spans="8:8">
      <c r="H425802" s="12"/>
    </row>
    <row r="425803" spans="8:8">
      <c r="H425803" s="12"/>
    </row>
    <row r="425804" spans="8:8">
      <c r="H425804" s="12"/>
    </row>
    <row r="425805" spans="8:8">
      <c r="H425805" s="12"/>
    </row>
    <row r="425806" spans="8:8">
      <c r="H425806" s="12"/>
    </row>
    <row r="425807" spans="8:8">
      <c r="H425807" s="12"/>
    </row>
    <row r="425808" spans="8:8">
      <c r="H425808" s="12"/>
    </row>
    <row r="425809" spans="8:8">
      <c r="H425809" s="12"/>
    </row>
    <row r="425810" spans="8:8">
      <c r="H425810" s="12"/>
    </row>
    <row r="425811" spans="8:8">
      <c r="H425811" s="12"/>
    </row>
    <row r="425812" spans="8:8">
      <c r="H425812" s="12"/>
    </row>
    <row r="425813" spans="8:8">
      <c r="H425813" s="12"/>
    </row>
    <row r="425814" spans="8:8">
      <c r="H425814" s="12"/>
    </row>
    <row r="425815" spans="8:8">
      <c r="H425815" s="12"/>
    </row>
    <row r="425816" spans="8:8">
      <c r="H425816" s="12"/>
    </row>
    <row r="425817" spans="8:8">
      <c r="H425817" s="12"/>
    </row>
    <row r="425818" spans="8:8">
      <c r="H425818" s="12"/>
    </row>
    <row r="425819" spans="8:8">
      <c r="H425819" s="12"/>
    </row>
    <row r="425820" spans="8:8">
      <c r="H425820" s="12"/>
    </row>
    <row r="425821" spans="8:8">
      <c r="H425821" s="12"/>
    </row>
    <row r="425822" spans="8:8">
      <c r="H425822" s="12"/>
    </row>
    <row r="425823" spans="8:8">
      <c r="H425823" s="12"/>
    </row>
    <row r="425824" spans="8:8">
      <c r="H425824" s="12"/>
    </row>
    <row r="425825" spans="8:8">
      <c r="H425825" s="12"/>
    </row>
    <row r="425826" spans="8:8">
      <c r="H425826" s="12"/>
    </row>
    <row r="425827" spans="8:8">
      <c r="H425827" s="12"/>
    </row>
    <row r="425828" spans="8:8">
      <c r="H425828" s="12"/>
    </row>
    <row r="425829" spans="8:8">
      <c r="H425829" s="12"/>
    </row>
    <row r="425830" spans="8:8">
      <c r="H425830" s="12"/>
    </row>
    <row r="425831" spans="8:8">
      <c r="H425831" s="12"/>
    </row>
    <row r="425832" spans="8:8">
      <c r="H425832" s="12"/>
    </row>
    <row r="425833" spans="8:8">
      <c r="H425833" s="12"/>
    </row>
    <row r="425834" spans="8:8">
      <c r="H425834" s="12"/>
    </row>
    <row r="425835" spans="8:8">
      <c r="H425835" s="12"/>
    </row>
    <row r="425836" spans="8:8">
      <c r="H425836" s="12"/>
    </row>
    <row r="425837" spans="8:8">
      <c r="H425837" s="12"/>
    </row>
    <row r="425838" spans="8:8">
      <c r="H425838" s="12"/>
    </row>
    <row r="425839" spans="8:8">
      <c r="H425839" s="12"/>
    </row>
    <row r="425840" spans="8:8">
      <c r="H425840" s="12"/>
    </row>
    <row r="425841" spans="8:8">
      <c r="H425841" s="12"/>
    </row>
    <row r="425842" spans="8:8">
      <c r="H425842" s="12"/>
    </row>
    <row r="425843" spans="8:8">
      <c r="H425843" s="12"/>
    </row>
    <row r="425844" spans="8:8">
      <c r="H425844" s="12"/>
    </row>
    <row r="425845" spans="8:8">
      <c r="H425845" s="12"/>
    </row>
    <row r="425846" spans="8:8">
      <c r="H425846" s="12"/>
    </row>
    <row r="425847" spans="8:8">
      <c r="H425847" s="12"/>
    </row>
    <row r="425848" spans="8:8">
      <c r="H425848" s="12"/>
    </row>
    <row r="425849" spans="8:8">
      <c r="H425849" s="12"/>
    </row>
    <row r="425850" spans="8:8">
      <c r="H425850" s="12"/>
    </row>
    <row r="425851" spans="8:8">
      <c r="H425851" s="12"/>
    </row>
    <row r="425852" spans="8:8">
      <c r="H425852" s="12"/>
    </row>
    <row r="425853" spans="8:8">
      <c r="H425853" s="12"/>
    </row>
    <row r="425854" spans="8:8">
      <c r="H425854" s="12"/>
    </row>
    <row r="425855" spans="8:8">
      <c r="H425855" s="12"/>
    </row>
    <row r="425856" spans="8:8">
      <c r="H425856" s="12"/>
    </row>
    <row r="425857" spans="8:8">
      <c r="H425857" s="12"/>
    </row>
    <row r="425858" spans="8:8">
      <c r="H425858" s="12"/>
    </row>
    <row r="425859" spans="8:8">
      <c r="H425859" s="12"/>
    </row>
    <row r="425860" spans="8:8">
      <c r="H425860" s="12"/>
    </row>
    <row r="425861" spans="8:8">
      <c r="H425861" s="12"/>
    </row>
    <row r="425862" spans="8:8">
      <c r="H425862" s="12"/>
    </row>
    <row r="425863" spans="8:8">
      <c r="H425863" s="12"/>
    </row>
    <row r="425864" spans="8:8">
      <c r="H425864" s="12"/>
    </row>
    <row r="425865" spans="8:8">
      <c r="H425865" s="12"/>
    </row>
    <row r="425866" spans="8:8">
      <c r="H425866" s="12"/>
    </row>
    <row r="425867" spans="8:8">
      <c r="H425867" s="12"/>
    </row>
    <row r="425868" spans="8:8">
      <c r="H425868" s="12"/>
    </row>
    <row r="425869" spans="8:8">
      <c r="H425869" s="12"/>
    </row>
    <row r="425870" spans="8:8">
      <c r="H425870" s="12"/>
    </row>
    <row r="425871" spans="8:8">
      <c r="H425871" s="12"/>
    </row>
    <row r="425872" spans="8:8">
      <c r="H425872" s="12"/>
    </row>
    <row r="425873" spans="8:8">
      <c r="H425873" s="12"/>
    </row>
    <row r="425874" spans="8:8">
      <c r="H425874" s="12"/>
    </row>
    <row r="425875" spans="8:8">
      <c r="H425875" s="12"/>
    </row>
    <row r="425876" spans="8:8">
      <c r="H425876" s="12"/>
    </row>
    <row r="425877" spans="8:8">
      <c r="H425877" s="12"/>
    </row>
    <row r="425878" spans="8:8">
      <c r="H425878" s="12"/>
    </row>
    <row r="425879" spans="8:8">
      <c r="H425879" s="12"/>
    </row>
    <row r="425880" spans="8:8">
      <c r="H425880" s="12"/>
    </row>
    <row r="425881" spans="8:8">
      <c r="H425881" s="12"/>
    </row>
    <row r="425882" spans="8:8">
      <c r="H425882" s="12"/>
    </row>
    <row r="425883" spans="8:8">
      <c r="H425883" s="12"/>
    </row>
    <row r="425884" spans="8:8">
      <c r="H425884" s="12"/>
    </row>
    <row r="425885" spans="8:8">
      <c r="H425885" s="12"/>
    </row>
    <row r="425886" spans="8:8">
      <c r="H425886" s="12"/>
    </row>
    <row r="425887" spans="8:8">
      <c r="H425887" s="12"/>
    </row>
    <row r="425888" spans="8:8">
      <c r="H425888" s="12"/>
    </row>
    <row r="425889" spans="8:8">
      <c r="H425889" s="12"/>
    </row>
    <row r="425890" spans="8:8">
      <c r="H425890" s="12"/>
    </row>
    <row r="425891" spans="8:8">
      <c r="H425891" s="12"/>
    </row>
    <row r="425892" spans="8:8">
      <c r="H425892" s="12"/>
    </row>
    <row r="425893" spans="8:8">
      <c r="H425893" s="12"/>
    </row>
    <row r="425894" spans="8:8">
      <c r="H425894" s="12"/>
    </row>
    <row r="425895" spans="8:8">
      <c r="H425895" s="12"/>
    </row>
    <row r="425896" spans="8:8">
      <c r="H425896" s="12"/>
    </row>
    <row r="425897" spans="8:8">
      <c r="H425897" s="12"/>
    </row>
    <row r="425898" spans="8:8">
      <c r="H425898" s="12"/>
    </row>
    <row r="425899" spans="8:8">
      <c r="H425899" s="12"/>
    </row>
    <row r="425900" spans="8:8">
      <c r="H425900" s="12"/>
    </row>
    <row r="425901" spans="8:8">
      <c r="H425901" s="12"/>
    </row>
    <row r="425902" spans="8:8">
      <c r="H425902" s="12"/>
    </row>
    <row r="425903" spans="8:8">
      <c r="H425903" s="12"/>
    </row>
    <row r="425904" spans="8:8">
      <c r="H425904" s="12"/>
    </row>
    <row r="425905" spans="8:8">
      <c r="H425905" s="12"/>
    </row>
    <row r="425906" spans="8:8">
      <c r="H425906" s="12"/>
    </row>
    <row r="425907" spans="8:8">
      <c r="H425907" s="12"/>
    </row>
    <row r="425908" spans="8:8">
      <c r="H425908" s="12"/>
    </row>
    <row r="425909" spans="8:8">
      <c r="H425909" s="12"/>
    </row>
    <row r="425910" spans="8:8">
      <c r="H425910" s="12"/>
    </row>
    <row r="425911" spans="8:8">
      <c r="H425911" s="12"/>
    </row>
    <row r="425912" spans="8:8">
      <c r="H425912" s="12"/>
    </row>
    <row r="425913" spans="8:8">
      <c r="H425913" s="12"/>
    </row>
    <row r="425914" spans="8:8">
      <c r="H425914" s="12"/>
    </row>
    <row r="425915" spans="8:8">
      <c r="H425915" s="12"/>
    </row>
    <row r="425916" spans="8:8">
      <c r="H425916" s="12"/>
    </row>
    <row r="425917" spans="8:8">
      <c r="H425917" s="12"/>
    </row>
    <row r="425918" spans="8:8">
      <c r="H425918" s="12"/>
    </row>
    <row r="425919" spans="8:8">
      <c r="H425919" s="12"/>
    </row>
    <row r="425920" spans="8:8">
      <c r="H425920" s="12"/>
    </row>
    <row r="425921" spans="8:8">
      <c r="H425921" s="12"/>
    </row>
    <row r="425922" spans="8:8">
      <c r="H425922" s="12"/>
    </row>
    <row r="425923" spans="8:8">
      <c r="H425923" s="12"/>
    </row>
    <row r="425924" spans="8:8">
      <c r="H425924" s="12"/>
    </row>
    <row r="425925" spans="8:8">
      <c r="H425925" s="12"/>
    </row>
    <row r="425926" spans="8:8">
      <c r="H425926" s="12"/>
    </row>
    <row r="425927" spans="8:8">
      <c r="H425927" s="12"/>
    </row>
    <row r="425928" spans="8:8">
      <c r="H425928" s="12"/>
    </row>
    <row r="425929" spans="8:8">
      <c r="H425929" s="12"/>
    </row>
    <row r="425930" spans="8:8">
      <c r="H425930" s="12"/>
    </row>
    <row r="425931" spans="8:8">
      <c r="H425931" s="12"/>
    </row>
    <row r="425932" spans="8:8">
      <c r="H425932" s="12"/>
    </row>
    <row r="425933" spans="8:8">
      <c r="H425933" s="12"/>
    </row>
    <row r="425934" spans="8:8">
      <c r="H425934" s="12"/>
    </row>
    <row r="425935" spans="8:8">
      <c r="H425935" s="12"/>
    </row>
    <row r="425936" spans="8:8">
      <c r="H425936" s="12"/>
    </row>
    <row r="425937" spans="8:8">
      <c r="H425937" s="12"/>
    </row>
    <row r="425938" spans="8:8">
      <c r="H425938" s="12"/>
    </row>
    <row r="425939" spans="8:8">
      <c r="H425939" s="12"/>
    </row>
    <row r="425940" spans="8:8">
      <c r="H425940" s="12"/>
    </row>
    <row r="425941" spans="8:8">
      <c r="H425941" s="12"/>
    </row>
    <row r="425942" spans="8:8">
      <c r="H425942" s="12"/>
    </row>
    <row r="425943" spans="8:8">
      <c r="H425943" s="12"/>
    </row>
    <row r="425944" spans="8:8">
      <c r="H425944" s="12"/>
    </row>
    <row r="425945" spans="8:8">
      <c r="H425945" s="12"/>
    </row>
    <row r="425946" spans="8:8">
      <c r="H425946" s="12"/>
    </row>
    <row r="425947" spans="8:8">
      <c r="H425947" s="12"/>
    </row>
    <row r="425948" spans="8:8">
      <c r="H425948" s="12"/>
    </row>
    <row r="425949" spans="8:8">
      <c r="H425949" s="12"/>
    </row>
    <row r="425950" spans="8:8">
      <c r="H425950" s="12"/>
    </row>
    <row r="425951" spans="8:8">
      <c r="H425951" s="12"/>
    </row>
    <row r="425952" spans="8:8">
      <c r="H425952" s="12"/>
    </row>
    <row r="425953" spans="8:8">
      <c r="H425953" s="12"/>
    </row>
    <row r="425954" spans="8:8">
      <c r="H425954" s="12"/>
    </row>
    <row r="425955" spans="8:8">
      <c r="H425955" s="12"/>
    </row>
    <row r="425956" spans="8:8">
      <c r="H425956" s="12"/>
    </row>
    <row r="425957" spans="8:8">
      <c r="H425957" s="12"/>
    </row>
    <row r="425958" spans="8:8">
      <c r="H425958" s="12"/>
    </row>
    <row r="425959" spans="8:8">
      <c r="H425959" s="12"/>
    </row>
    <row r="425960" spans="8:8">
      <c r="H425960" s="12"/>
    </row>
    <row r="425961" spans="8:8">
      <c r="H425961" s="12"/>
    </row>
    <row r="425962" spans="8:8">
      <c r="H425962" s="12"/>
    </row>
    <row r="425963" spans="8:8">
      <c r="H425963" s="12"/>
    </row>
    <row r="425964" spans="8:8">
      <c r="H425964" s="12"/>
    </row>
    <row r="425965" spans="8:8">
      <c r="H425965" s="12"/>
    </row>
    <row r="425966" spans="8:8">
      <c r="H425966" s="12"/>
    </row>
    <row r="425967" spans="8:8">
      <c r="H425967" s="12"/>
    </row>
    <row r="425968" spans="8:8">
      <c r="H425968" s="12"/>
    </row>
    <row r="425969" spans="8:8">
      <c r="H425969" s="12"/>
    </row>
    <row r="425970" spans="8:8">
      <c r="H425970" s="12"/>
    </row>
    <row r="425971" spans="8:8">
      <c r="H425971" s="12"/>
    </row>
    <row r="425972" spans="8:8">
      <c r="H425972" s="12"/>
    </row>
    <row r="425973" spans="8:8">
      <c r="H425973" s="12"/>
    </row>
    <row r="425974" spans="8:8">
      <c r="H425974" s="12"/>
    </row>
    <row r="425975" spans="8:8">
      <c r="H425975" s="12"/>
    </row>
    <row r="425976" spans="8:8">
      <c r="H425976" s="12"/>
    </row>
    <row r="425977" spans="8:8">
      <c r="H425977" s="12"/>
    </row>
    <row r="425978" spans="8:8">
      <c r="H425978" s="12"/>
    </row>
    <row r="425979" spans="8:8">
      <c r="H425979" s="12"/>
    </row>
    <row r="425980" spans="8:8">
      <c r="H425980" s="12"/>
    </row>
    <row r="425981" spans="8:8">
      <c r="H425981" s="12"/>
    </row>
    <row r="425982" spans="8:8">
      <c r="H425982" s="12"/>
    </row>
    <row r="425983" spans="8:8">
      <c r="H425983" s="12"/>
    </row>
    <row r="425984" spans="8:8">
      <c r="H425984" s="12"/>
    </row>
    <row r="425985" spans="8:8">
      <c r="H425985" s="12"/>
    </row>
    <row r="425986" spans="8:8">
      <c r="H425986" s="12"/>
    </row>
    <row r="425987" spans="8:8">
      <c r="H425987" s="12"/>
    </row>
    <row r="425988" spans="8:8">
      <c r="H425988" s="12"/>
    </row>
    <row r="425989" spans="8:8">
      <c r="H425989" s="12"/>
    </row>
    <row r="425990" spans="8:8">
      <c r="H425990" s="12"/>
    </row>
    <row r="425991" spans="8:8">
      <c r="H425991" s="12"/>
    </row>
    <row r="425992" spans="8:8">
      <c r="H425992" s="12"/>
    </row>
    <row r="425993" spans="8:8">
      <c r="H425993" s="12"/>
    </row>
    <row r="425994" spans="8:8">
      <c r="H425994" s="12"/>
    </row>
    <row r="425995" spans="8:8">
      <c r="H425995" s="12"/>
    </row>
    <row r="425996" spans="8:8">
      <c r="H425996" s="12"/>
    </row>
    <row r="425997" spans="8:8">
      <c r="H425997" s="12"/>
    </row>
    <row r="425998" spans="8:8">
      <c r="H425998" s="12"/>
    </row>
    <row r="425999" spans="8:8">
      <c r="H425999" s="12"/>
    </row>
    <row r="426000" spans="8:8">
      <c r="H426000" s="12"/>
    </row>
    <row r="426001" spans="8:8">
      <c r="H426001" s="12"/>
    </row>
    <row r="426002" spans="8:8">
      <c r="H426002" s="12"/>
    </row>
    <row r="426003" spans="8:8">
      <c r="H426003" s="12"/>
    </row>
    <row r="426004" spans="8:8">
      <c r="H426004" s="12"/>
    </row>
    <row r="426005" spans="8:8">
      <c r="H426005" s="12"/>
    </row>
    <row r="426006" spans="8:8">
      <c r="H426006" s="12"/>
    </row>
    <row r="426007" spans="8:8">
      <c r="H426007" s="12"/>
    </row>
    <row r="426008" spans="8:8">
      <c r="H426008" s="12"/>
    </row>
    <row r="426009" spans="8:8">
      <c r="H426009" s="12"/>
    </row>
    <row r="426010" spans="8:8">
      <c r="H426010" s="12"/>
    </row>
    <row r="426011" spans="8:8">
      <c r="H426011" s="12"/>
    </row>
    <row r="426012" spans="8:8">
      <c r="H426012" s="12"/>
    </row>
    <row r="426013" spans="8:8">
      <c r="H426013" s="12"/>
    </row>
    <row r="426014" spans="8:8">
      <c r="H426014" s="12"/>
    </row>
    <row r="426015" spans="8:8">
      <c r="H426015" s="12"/>
    </row>
    <row r="426016" spans="8:8">
      <c r="H426016" s="12"/>
    </row>
    <row r="426017" spans="8:8">
      <c r="H426017" s="12"/>
    </row>
    <row r="426018" spans="8:8">
      <c r="H426018" s="12"/>
    </row>
    <row r="426019" spans="8:8">
      <c r="H426019" s="12"/>
    </row>
    <row r="426020" spans="8:8">
      <c r="H426020" s="12"/>
    </row>
    <row r="426021" spans="8:8">
      <c r="H426021" s="12"/>
    </row>
    <row r="426022" spans="8:8">
      <c r="H426022" s="12"/>
    </row>
    <row r="426023" spans="8:8">
      <c r="H426023" s="12"/>
    </row>
    <row r="426024" spans="8:8">
      <c r="H426024" s="12"/>
    </row>
    <row r="426025" spans="8:8">
      <c r="H426025" s="12"/>
    </row>
    <row r="426026" spans="8:8">
      <c r="H426026" s="12"/>
    </row>
    <row r="426027" spans="8:8">
      <c r="H426027" s="12"/>
    </row>
    <row r="426028" spans="8:8">
      <c r="H426028" s="12"/>
    </row>
    <row r="426029" spans="8:8">
      <c r="H426029" s="12"/>
    </row>
    <row r="426030" spans="8:8">
      <c r="H426030" s="12"/>
    </row>
    <row r="426031" spans="8:8">
      <c r="H426031" s="12"/>
    </row>
    <row r="426032" spans="8:8">
      <c r="H426032" s="12"/>
    </row>
    <row r="426033" spans="8:8">
      <c r="H426033" s="12"/>
    </row>
    <row r="426034" spans="8:8">
      <c r="H426034" s="12"/>
    </row>
    <row r="426035" spans="8:8">
      <c r="H426035" s="12"/>
    </row>
    <row r="426036" spans="8:8">
      <c r="H426036" s="12"/>
    </row>
    <row r="426037" spans="8:8">
      <c r="H426037" s="12"/>
    </row>
    <row r="426038" spans="8:8">
      <c r="H426038" s="12"/>
    </row>
    <row r="426039" spans="8:8">
      <c r="H426039" s="12"/>
    </row>
    <row r="426040" spans="8:8">
      <c r="H426040" s="12"/>
    </row>
    <row r="426041" spans="8:8">
      <c r="H426041" s="12"/>
    </row>
    <row r="426042" spans="8:8">
      <c r="H426042" s="12"/>
    </row>
    <row r="426043" spans="8:8">
      <c r="H426043" s="12"/>
    </row>
    <row r="426044" spans="8:8">
      <c r="H426044" s="12"/>
    </row>
    <row r="426045" spans="8:8">
      <c r="H426045" s="12"/>
    </row>
    <row r="426046" spans="8:8">
      <c r="H426046" s="12"/>
    </row>
    <row r="426047" spans="8:8">
      <c r="H426047" s="12"/>
    </row>
    <row r="426048" spans="8:8">
      <c r="H426048" s="12"/>
    </row>
    <row r="426049" spans="8:8">
      <c r="H426049" s="12"/>
    </row>
    <row r="426050" spans="8:8">
      <c r="H426050" s="12"/>
    </row>
    <row r="426051" spans="8:8">
      <c r="H426051" s="12"/>
    </row>
    <row r="426052" spans="8:8">
      <c r="H426052" s="12"/>
    </row>
    <row r="426053" spans="8:8">
      <c r="H426053" s="12"/>
    </row>
    <row r="426054" spans="8:8">
      <c r="H426054" s="12"/>
    </row>
    <row r="426055" spans="8:8">
      <c r="H426055" s="12"/>
    </row>
    <row r="426056" spans="8:8">
      <c r="H426056" s="12"/>
    </row>
    <row r="426057" spans="8:8">
      <c r="H426057" s="12"/>
    </row>
    <row r="426058" spans="8:8">
      <c r="H426058" s="12"/>
    </row>
    <row r="426059" spans="8:8">
      <c r="H426059" s="12"/>
    </row>
    <row r="426060" spans="8:8">
      <c r="H426060" s="12"/>
    </row>
    <row r="426061" spans="8:8">
      <c r="H426061" s="12"/>
    </row>
    <row r="426062" spans="8:8">
      <c r="H426062" s="12"/>
    </row>
    <row r="426063" spans="8:8">
      <c r="H426063" s="12"/>
    </row>
    <row r="426064" spans="8:8">
      <c r="H426064" s="12"/>
    </row>
    <row r="426065" spans="8:8">
      <c r="H426065" s="12"/>
    </row>
    <row r="426066" spans="8:8">
      <c r="H426066" s="12"/>
    </row>
    <row r="426067" spans="8:8">
      <c r="H426067" s="12"/>
    </row>
    <row r="426068" spans="8:8">
      <c r="H426068" s="12"/>
    </row>
    <row r="426069" spans="8:8">
      <c r="H426069" s="12"/>
    </row>
    <row r="426070" spans="8:8">
      <c r="H426070" s="12"/>
    </row>
    <row r="426071" spans="8:8">
      <c r="H426071" s="12"/>
    </row>
    <row r="426072" spans="8:8">
      <c r="H426072" s="12"/>
    </row>
    <row r="426073" spans="8:8">
      <c r="H426073" s="12"/>
    </row>
    <row r="426074" spans="8:8">
      <c r="H426074" s="12"/>
    </row>
    <row r="426075" spans="8:8">
      <c r="H426075" s="12"/>
    </row>
    <row r="426076" spans="8:8">
      <c r="H426076" s="12"/>
    </row>
    <row r="426077" spans="8:8">
      <c r="H426077" s="12"/>
    </row>
    <row r="426078" spans="8:8">
      <c r="H426078" s="12"/>
    </row>
    <row r="426079" spans="8:8">
      <c r="H426079" s="12"/>
    </row>
    <row r="426080" spans="8:8">
      <c r="H426080" s="12"/>
    </row>
    <row r="426081" spans="8:8">
      <c r="H426081" s="12"/>
    </row>
    <row r="426082" spans="8:8">
      <c r="H426082" s="12"/>
    </row>
    <row r="426083" spans="8:8">
      <c r="H426083" s="12"/>
    </row>
    <row r="426084" spans="8:8">
      <c r="H426084" s="12"/>
    </row>
    <row r="426085" spans="8:8">
      <c r="H426085" s="12"/>
    </row>
    <row r="426086" spans="8:8">
      <c r="H426086" s="12"/>
    </row>
    <row r="426087" spans="8:8">
      <c r="H426087" s="12"/>
    </row>
    <row r="426088" spans="8:8">
      <c r="H426088" s="12"/>
    </row>
    <row r="426089" spans="8:8">
      <c r="H426089" s="12"/>
    </row>
    <row r="426090" spans="8:8">
      <c r="H426090" s="12"/>
    </row>
    <row r="426091" spans="8:8">
      <c r="H426091" s="12"/>
    </row>
    <row r="426092" spans="8:8">
      <c r="H426092" s="12"/>
    </row>
    <row r="426093" spans="8:8">
      <c r="H426093" s="12"/>
    </row>
    <row r="426094" spans="8:8">
      <c r="H426094" s="12"/>
    </row>
    <row r="426095" spans="8:8">
      <c r="H426095" s="12"/>
    </row>
    <row r="426096" spans="8:8">
      <c r="H426096" s="12"/>
    </row>
    <row r="426097" spans="8:8">
      <c r="H426097" s="12"/>
    </row>
    <row r="426098" spans="8:8">
      <c r="H426098" s="12"/>
    </row>
    <row r="426099" spans="8:8">
      <c r="H426099" s="12"/>
    </row>
    <row r="426100" spans="8:8">
      <c r="H426100" s="12"/>
    </row>
    <row r="426101" spans="8:8">
      <c r="H426101" s="12"/>
    </row>
    <row r="426102" spans="8:8">
      <c r="H426102" s="12"/>
    </row>
    <row r="426103" spans="8:8">
      <c r="H426103" s="12"/>
    </row>
    <row r="426104" spans="8:8">
      <c r="H426104" s="12"/>
    </row>
    <row r="426105" spans="8:8">
      <c r="H426105" s="12"/>
    </row>
    <row r="426106" spans="8:8">
      <c r="H426106" s="12"/>
    </row>
    <row r="426107" spans="8:8">
      <c r="H426107" s="12"/>
    </row>
    <row r="426108" spans="8:8">
      <c r="H426108" s="12"/>
    </row>
    <row r="426109" spans="8:8">
      <c r="H426109" s="12"/>
    </row>
    <row r="426110" spans="8:8">
      <c r="H426110" s="12"/>
    </row>
    <row r="426111" spans="8:8">
      <c r="H426111" s="12"/>
    </row>
    <row r="426112" spans="8:8">
      <c r="H426112" s="12"/>
    </row>
    <row r="426113" spans="8:8">
      <c r="H426113" s="12"/>
    </row>
    <row r="426114" spans="8:8">
      <c r="H426114" s="12"/>
    </row>
    <row r="426115" spans="8:8">
      <c r="H426115" s="12"/>
    </row>
    <row r="426116" spans="8:8">
      <c r="H426116" s="12"/>
    </row>
    <row r="426117" spans="8:8">
      <c r="H426117" s="12"/>
    </row>
    <row r="426118" spans="8:8">
      <c r="H426118" s="12"/>
    </row>
    <row r="426119" spans="8:8">
      <c r="H426119" s="12"/>
    </row>
    <row r="426120" spans="8:8">
      <c r="H426120" s="12"/>
    </row>
    <row r="426121" spans="8:8">
      <c r="H426121" s="12"/>
    </row>
    <row r="426122" spans="8:8">
      <c r="H426122" s="12"/>
    </row>
    <row r="426123" spans="8:8">
      <c r="H426123" s="12"/>
    </row>
    <row r="426124" spans="8:8">
      <c r="H426124" s="12"/>
    </row>
    <row r="426125" spans="8:8">
      <c r="H426125" s="12"/>
    </row>
    <row r="426126" spans="8:8">
      <c r="H426126" s="12"/>
    </row>
    <row r="426127" spans="8:8">
      <c r="H426127" s="12"/>
    </row>
    <row r="426128" spans="8:8">
      <c r="H426128" s="12"/>
    </row>
    <row r="426129" spans="8:8">
      <c r="H426129" s="12"/>
    </row>
    <row r="426130" spans="8:8">
      <c r="H426130" s="12"/>
    </row>
    <row r="426131" spans="8:8">
      <c r="H426131" s="12"/>
    </row>
    <row r="426132" spans="8:8">
      <c r="H426132" s="12"/>
    </row>
    <row r="426133" spans="8:8">
      <c r="H426133" s="12"/>
    </row>
    <row r="426134" spans="8:8">
      <c r="H426134" s="12"/>
    </row>
    <row r="426135" spans="8:8">
      <c r="H426135" s="12"/>
    </row>
    <row r="426136" spans="8:8">
      <c r="H426136" s="12"/>
    </row>
    <row r="426137" spans="8:8">
      <c r="H426137" s="12"/>
    </row>
    <row r="426138" spans="8:8">
      <c r="H426138" s="12"/>
    </row>
    <row r="426139" spans="8:8">
      <c r="H426139" s="12"/>
    </row>
    <row r="426140" spans="8:8">
      <c r="H426140" s="12"/>
    </row>
    <row r="426141" spans="8:8">
      <c r="H426141" s="12"/>
    </row>
    <row r="426142" spans="8:8">
      <c r="H426142" s="12"/>
    </row>
    <row r="426143" spans="8:8">
      <c r="H426143" s="12"/>
    </row>
    <row r="426144" spans="8:8">
      <c r="H426144" s="12"/>
    </row>
    <row r="426145" spans="8:8">
      <c r="H426145" s="12"/>
    </row>
    <row r="426146" spans="8:8">
      <c r="H426146" s="12"/>
    </row>
    <row r="426147" spans="8:8">
      <c r="H426147" s="12"/>
    </row>
    <row r="426148" spans="8:8">
      <c r="H426148" s="12"/>
    </row>
    <row r="426149" spans="8:8">
      <c r="H426149" s="12"/>
    </row>
    <row r="426150" spans="8:8">
      <c r="H426150" s="12"/>
    </row>
    <row r="426151" spans="8:8">
      <c r="H426151" s="12"/>
    </row>
    <row r="426152" spans="8:8">
      <c r="H426152" s="12"/>
    </row>
    <row r="426153" spans="8:8">
      <c r="H426153" s="12"/>
    </row>
    <row r="426154" spans="8:8">
      <c r="H426154" s="12"/>
    </row>
    <row r="426155" spans="8:8">
      <c r="H426155" s="12"/>
    </row>
    <row r="426156" spans="8:8">
      <c r="H426156" s="12"/>
    </row>
    <row r="426157" spans="8:8">
      <c r="H426157" s="12"/>
    </row>
    <row r="426158" spans="8:8">
      <c r="H426158" s="12"/>
    </row>
    <row r="426159" spans="8:8">
      <c r="H426159" s="12"/>
    </row>
    <row r="426160" spans="8:8">
      <c r="H426160" s="12"/>
    </row>
    <row r="426161" spans="8:8">
      <c r="H426161" s="12"/>
    </row>
    <row r="426162" spans="8:8">
      <c r="H426162" s="12"/>
    </row>
    <row r="426163" spans="8:8">
      <c r="H426163" s="12"/>
    </row>
    <row r="426164" spans="8:8">
      <c r="H426164" s="12"/>
    </row>
    <row r="426165" spans="8:8">
      <c r="H426165" s="12"/>
    </row>
    <row r="426166" spans="8:8">
      <c r="H426166" s="12"/>
    </row>
    <row r="426167" spans="8:8">
      <c r="H426167" s="12"/>
    </row>
    <row r="426168" spans="8:8">
      <c r="H426168" s="12"/>
    </row>
    <row r="426169" spans="8:8">
      <c r="H426169" s="12"/>
    </row>
    <row r="426170" spans="8:8">
      <c r="H426170" s="12"/>
    </row>
    <row r="426171" spans="8:8">
      <c r="H426171" s="12"/>
    </row>
    <row r="426172" spans="8:8">
      <c r="H426172" s="12"/>
    </row>
    <row r="426173" spans="8:8">
      <c r="H426173" s="12"/>
    </row>
    <row r="426174" spans="8:8">
      <c r="H426174" s="12"/>
    </row>
    <row r="426175" spans="8:8">
      <c r="H426175" s="12"/>
    </row>
    <row r="426176" spans="8:8">
      <c r="H426176" s="12"/>
    </row>
    <row r="426177" spans="8:8">
      <c r="H426177" s="12"/>
    </row>
    <row r="426178" spans="8:8">
      <c r="H426178" s="12"/>
    </row>
    <row r="426179" spans="8:8">
      <c r="H426179" s="12"/>
    </row>
    <row r="426180" spans="8:8">
      <c r="H426180" s="12"/>
    </row>
    <row r="426181" spans="8:8">
      <c r="H426181" s="12"/>
    </row>
    <row r="426182" spans="8:8">
      <c r="H426182" s="12"/>
    </row>
    <row r="426183" spans="8:8">
      <c r="H426183" s="12"/>
    </row>
    <row r="426184" spans="8:8">
      <c r="H426184" s="12"/>
    </row>
    <row r="426185" spans="8:8">
      <c r="H426185" s="12"/>
    </row>
    <row r="426186" spans="8:8">
      <c r="H426186" s="12"/>
    </row>
    <row r="426187" spans="8:8">
      <c r="H426187" s="12"/>
    </row>
    <row r="426188" spans="8:8">
      <c r="H426188" s="12"/>
    </row>
    <row r="426189" spans="8:8">
      <c r="H426189" s="12"/>
    </row>
    <row r="426190" spans="8:8">
      <c r="H426190" s="12"/>
    </row>
    <row r="426191" spans="8:8">
      <c r="H426191" s="12"/>
    </row>
    <row r="426192" spans="8:8">
      <c r="H426192" s="12"/>
    </row>
    <row r="426193" spans="8:8">
      <c r="H426193" s="12"/>
    </row>
    <row r="426194" spans="8:8">
      <c r="H426194" s="12"/>
    </row>
    <row r="426195" spans="8:8">
      <c r="H426195" s="12"/>
    </row>
    <row r="426196" spans="8:8">
      <c r="H426196" s="12"/>
    </row>
    <row r="426197" spans="8:8">
      <c r="H426197" s="12"/>
    </row>
    <row r="426198" spans="8:8">
      <c r="H426198" s="12"/>
    </row>
    <row r="426199" spans="8:8">
      <c r="H426199" s="12"/>
    </row>
    <row r="426200" spans="8:8">
      <c r="H426200" s="12"/>
    </row>
    <row r="426201" spans="8:8">
      <c r="H426201" s="12"/>
    </row>
    <row r="426202" spans="8:8">
      <c r="H426202" s="12"/>
    </row>
    <row r="426203" spans="8:8">
      <c r="H426203" s="12"/>
    </row>
    <row r="426204" spans="8:8">
      <c r="H426204" s="12"/>
    </row>
    <row r="426205" spans="8:8">
      <c r="H426205" s="12"/>
    </row>
    <row r="426206" spans="8:8">
      <c r="H426206" s="12"/>
    </row>
    <row r="426207" spans="8:8">
      <c r="H426207" s="12"/>
    </row>
    <row r="426208" spans="8:8">
      <c r="H426208" s="12"/>
    </row>
    <row r="426209" spans="8:8">
      <c r="H426209" s="12"/>
    </row>
    <row r="426210" spans="8:8">
      <c r="H426210" s="12"/>
    </row>
    <row r="426211" spans="8:8">
      <c r="H426211" s="12"/>
    </row>
    <row r="426212" spans="8:8">
      <c r="H426212" s="12"/>
    </row>
    <row r="426213" spans="8:8">
      <c r="H426213" s="12"/>
    </row>
    <row r="426214" spans="8:8">
      <c r="H426214" s="12"/>
    </row>
    <row r="426215" spans="8:8">
      <c r="H426215" s="12"/>
    </row>
    <row r="426216" spans="8:8">
      <c r="H426216" s="12"/>
    </row>
    <row r="426217" spans="8:8">
      <c r="H426217" s="12"/>
    </row>
    <row r="426218" spans="8:8">
      <c r="H426218" s="12"/>
    </row>
    <row r="426219" spans="8:8">
      <c r="H426219" s="12"/>
    </row>
    <row r="426220" spans="8:8">
      <c r="H426220" s="12"/>
    </row>
    <row r="426221" spans="8:8">
      <c r="H426221" s="12"/>
    </row>
    <row r="426222" spans="8:8">
      <c r="H426222" s="12"/>
    </row>
    <row r="426223" spans="8:8">
      <c r="H426223" s="12"/>
    </row>
    <row r="426224" spans="8:8">
      <c r="H426224" s="12"/>
    </row>
    <row r="426225" spans="8:8">
      <c r="H426225" s="12"/>
    </row>
    <row r="426226" spans="8:8">
      <c r="H426226" s="12"/>
    </row>
    <row r="426227" spans="8:8">
      <c r="H426227" s="12"/>
    </row>
    <row r="426228" spans="8:8">
      <c r="H426228" s="12"/>
    </row>
    <row r="426229" spans="8:8">
      <c r="H426229" s="12"/>
    </row>
    <row r="426230" spans="8:8">
      <c r="H426230" s="12"/>
    </row>
    <row r="426231" spans="8:8">
      <c r="H426231" s="12"/>
    </row>
    <row r="426232" spans="8:8">
      <c r="H426232" s="12"/>
    </row>
    <row r="426233" spans="8:8">
      <c r="H426233" s="12"/>
    </row>
    <row r="426234" spans="8:8">
      <c r="H426234" s="12"/>
    </row>
    <row r="426235" spans="8:8">
      <c r="H426235" s="12"/>
    </row>
    <row r="426236" spans="8:8">
      <c r="H426236" s="12"/>
    </row>
    <row r="426237" spans="8:8">
      <c r="H426237" s="12"/>
    </row>
    <row r="426238" spans="8:8">
      <c r="H426238" s="12"/>
    </row>
    <row r="426239" spans="8:8">
      <c r="H426239" s="12"/>
    </row>
    <row r="426240" spans="8:8">
      <c r="H426240" s="12"/>
    </row>
    <row r="426241" spans="8:8">
      <c r="H426241" s="12"/>
    </row>
    <row r="426242" spans="8:8">
      <c r="H426242" s="12"/>
    </row>
    <row r="426243" spans="8:8">
      <c r="H426243" s="12"/>
    </row>
    <row r="426244" spans="8:8">
      <c r="H426244" s="12"/>
    </row>
    <row r="426245" spans="8:8">
      <c r="H426245" s="12"/>
    </row>
    <row r="426246" spans="8:8">
      <c r="H426246" s="12"/>
    </row>
    <row r="426247" spans="8:8">
      <c r="H426247" s="12"/>
    </row>
    <row r="426248" spans="8:8">
      <c r="H426248" s="12"/>
    </row>
    <row r="426249" spans="8:8">
      <c r="H426249" s="12"/>
    </row>
    <row r="426250" spans="8:8">
      <c r="H426250" s="12"/>
    </row>
    <row r="426251" spans="8:8">
      <c r="H426251" s="12"/>
    </row>
    <row r="426252" spans="8:8">
      <c r="H426252" s="12"/>
    </row>
    <row r="426253" spans="8:8">
      <c r="H426253" s="12"/>
    </row>
    <row r="426254" spans="8:8">
      <c r="H426254" s="12"/>
    </row>
    <row r="426255" spans="8:8">
      <c r="H426255" s="12"/>
    </row>
    <row r="426256" spans="8:8">
      <c r="H426256" s="12"/>
    </row>
    <row r="426257" spans="8:8">
      <c r="H426257" s="12"/>
    </row>
    <row r="426258" spans="8:8">
      <c r="H426258" s="12"/>
    </row>
    <row r="426259" spans="8:8">
      <c r="H426259" s="12"/>
    </row>
    <row r="426260" spans="8:8">
      <c r="H426260" s="12"/>
    </row>
    <row r="426261" spans="8:8">
      <c r="H426261" s="12"/>
    </row>
    <row r="426262" spans="8:8">
      <c r="H426262" s="12"/>
    </row>
    <row r="426263" spans="8:8">
      <c r="H426263" s="12"/>
    </row>
    <row r="426264" spans="8:8">
      <c r="H426264" s="12"/>
    </row>
    <row r="426265" spans="8:8">
      <c r="H426265" s="12"/>
    </row>
    <row r="426266" spans="8:8">
      <c r="H426266" s="12"/>
    </row>
    <row r="426267" spans="8:8">
      <c r="H426267" s="12"/>
    </row>
    <row r="426268" spans="8:8">
      <c r="H426268" s="12"/>
    </row>
    <row r="426269" spans="8:8">
      <c r="H426269" s="12"/>
    </row>
    <row r="426270" spans="8:8">
      <c r="H426270" s="12"/>
    </row>
    <row r="426271" spans="8:8">
      <c r="H426271" s="12"/>
    </row>
    <row r="426272" spans="8:8">
      <c r="H426272" s="12"/>
    </row>
    <row r="426273" spans="8:8">
      <c r="H426273" s="12"/>
    </row>
    <row r="426274" spans="8:8">
      <c r="H426274" s="12"/>
    </row>
    <row r="426275" spans="8:8">
      <c r="H426275" s="12"/>
    </row>
    <row r="426276" spans="8:8">
      <c r="H426276" s="12"/>
    </row>
    <row r="426277" spans="8:8">
      <c r="H426277" s="12"/>
    </row>
    <row r="426278" spans="8:8">
      <c r="H426278" s="12"/>
    </row>
    <row r="426279" spans="8:8">
      <c r="H426279" s="12"/>
    </row>
    <row r="426280" spans="8:8">
      <c r="H426280" s="12"/>
    </row>
    <row r="426281" spans="8:8">
      <c r="H426281" s="12"/>
    </row>
    <row r="426282" spans="8:8">
      <c r="H426282" s="12"/>
    </row>
    <row r="426283" spans="8:8">
      <c r="H426283" s="12"/>
    </row>
    <row r="426284" spans="8:8">
      <c r="H426284" s="12"/>
    </row>
    <row r="426285" spans="8:8">
      <c r="H426285" s="12"/>
    </row>
    <row r="426286" spans="8:8">
      <c r="H426286" s="12"/>
    </row>
    <row r="426287" spans="8:8">
      <c r="H426287" s="12"/>
    </row>
    <row r="426288" spans="8:8">
      <c r="H426288" s="12"/>
    </row>
    <row r="426289" spans="8:8">
      <c r="H426289" s="12"/>
    </row>
    <row r="426290" spans="8:8">
      <c r="H426290" s="12"/>
    </row>
    <row r="426291" spans="8:8">
      <c r="H426291" s="12"/>
    </row>
    <row r="426292" spans="8:8">
      <c r="H426292" s="12"/>
    </row>
    <row r="426293" spans="8:8">
      <c r="H426293" s="12"/>
    </row>
    <row r="426294" spans="8:8">
      <c r="H426294" s="12"/>
    </row>
    <row r="426295" spans="8:8">
      <c r="H426295" s="12"/>
    </row>
    <row r="426296" spans="8:8">
      <c r="H426296" s="12"/>
    </row>
    <row r="426297" spans="8:8">
      <c r="H426297" s="12"/>
    </row>
    <row r="426298" spans="8:8">
      <c r="H426298" s="12"/>
    </row>
    <row r="426299" spans="8:8">
      <c r="H426299" s="12"/>
    </row>
    <row r="426300" spans="8:8">
      <c r="H426300" s="12"/>
    </row>
    <row r="426301" spans="8:8">
      <c r="H426301" s="12"/>
    </row>
    <row r="426302" spans="8:8">
      <c r="H426302" s="12"/>
    </row>
    <row r="426303" spans="8:8">
      <c r="H426303" s="12"/>
    </row>
    <row r="426304" spans="8:8">
      <c r="H426304" s="12"/>
    </row>
    <row r="426305" spans="8:8">
      <c r="H426305" s="12"/>
    </row>
    <row r="426306" spans="8:8">
      <c r="H426306" s="12"/>
    </row>
    <row r="426307" spans="8:8">
      <c r="H426307" s="12"/>
    </row>
    <row r="426308" spans="8:8">
      <c r="H426308" s="12"/>
    </row>
    <row r="426309" spans="8:8">
      <c r="H426309" s="12"/>
    </row>
    <row r="426310" spans="8:8">
      <c r="H426310" s="12"/>
    </row>
    <row r="426311" spans="8:8">
      <c r="H426311" s="12"/>
    </row>
    <row r="426312" spans="8:8">
      <c r="H426312" s="12"/>
    </row>
    <row r="426313" spans="8:8">
      <c r="H426313" s="12"/>
    </row>
    <row r="426314" spans="8:8">
      <c r="H426314" s="12"/>
    </row>
    <row r="426315" spans="8:8">
      <c r="H426315" s="12"/>
    </row>
    <row r="426316" spans="8:8">
      <c r="H426316" s="12"/>
    </row>
    <row r="426317" spans="8:8">
      <c r="H426317" s="12"/>
    </row>
    <row r="426318" spans="8:8">
      <c r="H426318" s="12"/>
    </row>
    <row r="426319" spans="8:8">
      <c r="H426319" s="12"/>
    </row>
    <row r="426320" spans="8:8">
      <c r="H426320" s="12"/>
    </row>
    <row r="426321" spans="8:8">
      <c r="H426321" s="12"/>
    </row>
    <row r="426322" spans="8:8">
      <c r="H426322" s="12"/>
    </row>
    <row r="426323" spans="8:8">
      <c r="H426323" s="12"/>
    </row>
    <row r="426324" spans="8:8">
      <c r="H426324" s="12"/>
    </row>
    <row r="426325" spans="8:8">
      <c r="H426325" s="12"/>
    </row>
    <row r="426326" spans="8:8">
      <c r="H426326" s="12"/>
    </row>
    <row r="426327" spans="8:8">
      <c r="H426327" s="12"/>
    </row>
    <row r="426328" spans="8:8">
      <c r="H426328" s="12"/>
    </row>
    <row r="426329" spans="8:8">
      <c r="H426329" s="12"/>
    </row>
    <row r="426330" spans="8:8">
      <c r="H426330" s="12"/>
    </row>
    <row r="426331" spans="8:8">
      <c r="H426331" s="12"/>
    </row>
    <row r="426332" spans="8:8">
      <c r="H426332" s="12"/>
    </row>
    <row r="426333" spans="8:8">
      <c r="H426333" s="12"/>
    </row>
    <row r="426334" spans="8:8">
      <c r="H426334" s="12"/>
    </row>
    <row r="426335" spans="8:8">
      <c r="H426335" s="12"/>
    </row>
    <row r="426336" spans="8:8">
      <c r="H426336" s="12"/>
    </row>
    <row r="426337" spans="8:8">
      <c r="H426337" s="12"/>
    </row>
    <row r="426338" spans="8:8">
      <c r="H426338" s="12"/>
    </row>
    <row r="426339" spans="8:8">
      <c r="H426339" s="12"/>
    </row>
    <row r="426340" spans="8:8">
      <c r="H426340" s="12"/>
    </row>
    <row r="426341" spans="8:8">
      <c r="H426341" s="12"/>
    </row>
    <row r="426342" spans="8:8">
      <c r="H426342" s="12"/>
    </row>
    <row r="426343" spans="8:8">
      <c r="H426343" s="12"/>
    </row>
    <row r="426344" spans="8:8">
      <c r="H426344" s="12"/>
    </row>
    <row r="426345" spans="8:8">
      <c r="H426345" s="12"/>
    </row>
    <row r="426346" spans="8:8">
      <c r="H426346" s="12"/>
    </row>
    <row r="426347" spans="8:8">
      <c r="H426347" s="12"/>
    </row>
    <row r="426348" spans="8:8">
      <c r="H426348" s="12"/>
    </row>
    <row r="426349" spans="8:8">
      <c r="H426349" s="12"/>
    </row>
    <row r="426350" spans="8:8">
      <c r="H426350" s="12"/>
    </row>
    <row r="426351" spans="8:8">
      <c r="H426351" s="12"/>
    </row>
    <row r="426352" spans="8:8">
      <c r="H426352" s="12"/>
    </row>
    <row r="426353" spans="8:8">
      <c r="H426353" s="12"/>
    </row>
    <row r="426354" spans="8:8">
      <c r="H426354" s="12"/>
    </row>
    <row r="426355" spans="8:8">
      <c r="H426355" s="12"/>
    </row>
    <row r="426356" spans="8:8">
      <c r="H426356" s="12"/>
    </row>
    <row r="426357" spans="8:8">
      <c r="H426357" s="12"/>
    </row>
    <row r="426358" spans="8:8">
      <c r="H426358" s="12"/>
    </row>
    <row r="426359" spans="8:8">
      <c r="H426359" s="12"/>
    </row>
    <row r="426360" spans="8:8">
      <c r="H426360" s="12"/>
    </row>
    <row r="426361" spans="8:8">
      <c r="H426361" s="12"/>
    </row>
    <row r="426362" spans="8:8">
      <c r="H426362" s="12"/>
    </row>
    <row r="426363" spans="8:8">
      <c r="H426363" s="12"/>
    </row>
    <row r="426364" spans="8:8">
      <c r="H426364" s="12"/>
    </row>
    <row r="426365" spans="8:8">
      <c r="H426365" s="12"/>
    </row>
    <row r="426366" spans="8:8">
      <c r="H426366" s="12"/>
    </row>
    <row r="426367" spans="8:8">
      <c r="H426367" s="12"/>
    </row>
    <row r="426368" spans="8:8">
      <c r="H426368" s="12"/>
    </row>
    <row r="426369" spans="8:8">
      <c r="H426369" s="12"/>
    </row>
    <row r="426370" spans="8:8">
      <c r="H426370" s="12"/>
    </row>
    <row r="426371" spans="8:8">
      <c r="H426371" s="12"/>
    </row>
    <row r="426372" spans="8:8">
      <c r="H426372" s="12"/>
    </row>
    <row r="426373" spans="8:8">
      <c r="H426373" s="12"/>
    </row>
    <row r="426374" spans="8:8">
      <c r="H426374" s="12"/>
    </row>
    <row r="426375" spans="8:8">
      <c r="H426375" s="12"/>
    </row>
    <row r="426376" spans="8:8">
      <c r="H426376" s="12"/>
    </row>
    <row r="426377" spans="8:8">
      <c r="H426377" s="12"/>
    </row>
    <row r="426378" spans="8:8">
      <c r="H426378" s="12"/>
    </row>
    <row r="426379" spans="8:8">
      <c r="H426379" s="12"/>
    </row>
    <row r="426380" spans="8:8">
      <c r="H426380" s="12"/>
    </row>
    <row r="426381" spans="8:8">
      <c r="H426381" s="12"/>
    </row>
    <row r="426382" spans="8:8">
      <c r="H426382" s="12"/>
    </row>
    <row r="426383" spans="8:8">
      <c r="H426383" s="12"/>
    </row>
    <row r="426384" spans="8:8">
      <c r="H426384" s="12"/>
    </row>
    <row r="426385" spans="8:8">
      <c r="H426385" s="12"/>
    </row>
    <row r="426386" spans="8:8">
      <c r="H426386" s="12"/>
    </row>
    <row r="426387" spans="8:8">
      <c r="H426387" s="12"/>
    </row>
    <row r="426388" spans="8:8">
      <c r="H426388" s="12"/>
    </row>
    <row r="426389" spans="8:8">
      <c r="H426389" s="12"/>
    </row>
    <row r="426390" spans="8:8">
      <c r="H426390" s="12"/>
    </row>
    <row r="426391" spans="8:8">
      <c r="H426391" s="12"/>
    </row>
    <row r="426392" spans="8:8">
      <c r="H426392" s="12"/>
    </row>
    <row r="426393" spans="8:8">
      <c r="H426393" s="12"/>
    </row>
    <row r="426394" spans="8:8">
      <c r="H426394" s="12"/>
    </row>
    <row r="426395" spans="8:8">
      <c r="H426395" s="12"/>
    </row>
    <row r="426396" spans="8:8">
      <c r="H426396" s="12"/>
    </row>
    <row r="426397" spans="8:8">
      <c r="H426397" s="12"/>
    </row>
    <row r="426398" spans="8:8">
      <c r="H426398" s="12"/>
    </row>
    <row r="426399" spans="8:8">
      <c r="H426399" s="12"/>
    </row>
    <row r="426400" spans="8:8">
      <c r="H426400" s="12"/>
    </row>
    <row r="426401" spans="8:8">
      <c r="H426401" s="12"/>
    </row>
    <row r="426402" spans="8:8">
      <c r="H426402" s="12"/>
    </row>
    <row r="426403" spans="8:8">
      <c r="H426403" s="12"/>
    </row>
    <row r="426404" spans="8:8">
      <c r="H426404" s="12"/>
    </row>
    <row r="426405" spans="8:8">
      <c r="H426405" s="12"/>
    </row>
    <row r="426406" spans="8:8">
      <c r="H426406" s="12"/>
    </row>
    <row r="426407" spans="8:8">
      <c r="H426407" s="12"/>
    </row>
    <row r="426408" spans="8:8">
      <c r="H426408" s="12"/>
    </row>
    <row r="426409" spans="8:8">
      <c r="H426409" s="12"/>
    </row>
    <row r="426410" spans="8:8">
      <c r="H426410" s="12"/>
    </row>
    <row r="426411" spans="8:8">
      <c r="H426411" s="12"/>
    </row>
    <row r="426412" spans="8:8">
      <c r="H426412" s="12"/>
    </row>
    <row r="426413" spans="8:8">
      <c r="H426413" s="12"/>
    </row>
    <row r="426414" spans="8:8">
      <c r="H426414" s="12"/>
    </row>
    <row r="426415" spans="8:8">
      <c r="H426415" s="12"/>
    </row>
    <row r="426416" spans="8:8">
      <c r="H426416" s="12"/>
    </row>
    <row r="426417" spans="8:8">
      <c r="H426417" s="12"/>
    </row>
    <row r="426418" spans="8:8">
      <c r="H426418" s="12"/>
    </row>
    <row r="426419" spans="8:8">
      <c r="H426419" s="12"/>
    </row>
    <row r="426420" spans="8:8">
      <c r="H426420" s="12"/>
    </row>
    <row r="426421" spans="8:8">
      <c r="H426421" s="12"/>
    </row>
    <row r="426422" spans="8:8">
      <c r="H426422" s="12"/>
    </row>
    <row r="426423" spans="8:8">
      <c r="H426423" s="12"/>
    </row>
    <row r="426424" spans="8:8">
      <c r="H426424" s="12"/>
    </row>
    <row r="426425" spans="8:8">
      <c r="H426425" s="12"/>
    </row>
    <row r="426426" spans="8:8">
      <c r="H426426" s="12"/>
    </row>
    <row r="426427" spans="8:8">
      <c r="H426427" s="12"/>
    </row>
    <row r="426428" spans="8:8">
      <c r="H426428" s="12"/>
    </row>
    <row r="426429" spans="8:8">
      <c r="H426429" s="12"/>
    </row>
    <row r="426430" spans="8:8">
      <c r="H426430" s="12"/>
    </row>
    <row r="426431" spans="8:8">
      <c r="H426431" s="12"/>
    </row>
    <row r="426432" spans="8:8">
      <c r="H426432" s="12"/>
    </row>
    <row r="426433" spans="8:8">
      <c r="H426433" s="12"/>
    </row>
    <row r="426434" spans="8:8">
      <c r="H426434" s="12"/>
    </row>
    <row r="426435" spans="8:8">
      <c r="H426435" s="12"/>
    </row>
    <row r="426436" spans="8:8">
      <c r="H426436" s="12"/>
    </row>
    <row r="426437" spans="8:8">
      <c r="H426437" s="12"/>
    </row>
    <row r="426438" spans="8:8">
      <c r="H426438" s="12"/>
    </row>
    <row r="426439" spans="8:8">
      <c r="H426439" s="12"/>
    </row>
    <row r="426440" spans="8:8">
      <c r="H426440" s="12"/>
    </row>
    <row r="426441" spans="8:8">
      <c r="H426441" s="12"/>
    </row>
    <row r="426442" spans="8:8">
      <c r="H426442" s="12"/>
    </row>
    <row r="426443" spans="8:8">
      <c r="H426443" s="12"/>
    </row>
    <row r="426444" spans="8:8">
      <c r="H426444" s="12"/>
    </row>
    <row r="426445" spans="8:8">
      <c r="H426445" s="12"/>
    </row>
    <row r="426446" spans="8:8">
      <c r="H426446" s="12"/>
    </row>
    <row r="426447" spans="8:8">
      <c r="H426447" s="12"/>
    </row>
    <row r="426448" spans="8:8">
      <c r="H426448" s="12"/>
    </row>
    <row r="426449" spans="8:8">
      <c r="H426449" s="12"/>
    </row>
    <row r="426450" spans="8:8">
      <c r="H426450" s="12"/>
    </row>
    <row r="426451" spans="8:8">
      <c r="H426451" s="12"/>
    </row>
    <row r="426452" spans="8:8">
      <c r="H426452" s="12"/>
    </row>
    <row r="426453" spans="8:8">
      <c r="H426453" s="12"/>
    </row>
    <row r="426454" spans="8:8">
      <c r="H426454" s="12"/>
    </row>
    <row r="426455" spans="8:8">
      <c r="H426455" s="12"/>
    </row>
    <row r="426456" spans="8:8">
      <c r="H426456" s="12"/>
    </row>
    <row r="426457" spans="8:8">
      <c r="H426457" s="12"/>
    </row>
    <row r="426458" spans="8:8">
      <c r="H426458" s="12"/>
    </row>
    <row r="426459" spans="8:8">
      <c r="H426459" s="12"/>
    </row>
    <row r="426460" spans="8:8">
      <c r="H426460" s="12"/>
    </row>
    <row r="426461" spans="8:8">
      <c r="H426461" s="12"/>
    </row>
    <row r="426462" spans="8:8">
      <c r="H426462" s="12"/>
    </row>
    <row r="426463" spans="8:8">
      <c r="H426463" s="12"/>
    </row>
    <row r="426464" spans="8:8">
      <c r="H426464" s="12"/>
    </row>
    <row r="426465" spans="8:8">
      <c r="H426465" s="12"/>
    </row>
    <row r="426466" spans="8:8">
      <c r="H426466" s="12"/>
    </row>
    <row r="426467" spans="8:8">
      <c r="H426467" s="12"/>
    </row>
    <row r="426468" spans="8:8">
      <c r="H426468" s="12"/>
    </row>
    <row r="426469" spans="8:8">
      <c r="H426469" s="12"/>
    </row>
    <row r="426470" spans="8:8">
      <c r="H426470" s="12"/>
    </row>
    <row r="426471" spans="8:8">
      <c r="H426471" s="12"/>
    </row>
    <row r="426472" spans="8:8">
      <c r="H426472" s="12"/>
    </row>
    <row r="426473" spans="8:8">
      <c r="H426473" s="12"/>
    </row>
    <row r="426474" spans="8:8">
      <c r="H426474" s="12"/>
    </row>
    <row r="426475" spans="8:8">
      <c r="H426475" s="12"/>
    </row>
    <row r="426476" spans="8:8">
      <c r="H426476" s="12"/>
    </row>
    <row r="426477" spans="8:8">
      <c r="H426477" s="12"/>
    </row>
    <row r="426478" spans="8:8">
      <c r="H426478" s="12"/>
    </row>
    <row r="426479" spans="8:8">
      <c r="H426479" s="12"/>
    </row>
    <row r="426480" spans="8:8">
      <c r="H426480" s="12"/>
    </row>
    <row r="426481" spans="8:8">
      <c r="H426481" s="12"/>
    </row>
    <row r="426482" spans="8:8">
      <c r="H426482" s="12"/>
    </row>
    <row r="426483" spans="8:8">
      <c r="H426483" s="12"/>
    </row>
    <row r="426484" spans="8:8">
      <c r="H426484" s="12"/>
    </row>
    <row r="426485" spans="8:8">
      <c r="H426485" s="12"/>
    </row>
    <row r="426486" spans="8:8">
      <c r="H426486" s="12"/>
    </row>
    <row r="426487" spans="8:8">
      <c r="H426487" s="12"/>
    </row>
    <row r="426488" spans="8:8">
      <c r="H426488" s="12"/>
    </row>
    <row r="426489" spans="8:8">
      <c r="H426489" s="12"/>
    </row>
    <row r="426490" spans="8:8">
      <c r="H426490" s="12"/>
    </row>
    <row r="426491" spans="8:8">
      <c r="H426491" s="12"/>
    </row>
    <row r="426492" spans="8:8">
      <c r="H426492" s="12"/>
    </row>
    <row r="426493" spans="8:8">
      <c r="H426493" s="12"/>
    </row>
    <row r="426494" spans="8:8">
      <c r="H426494" s="12"/>
    </row>
    <row r="426495" spans="8:8">
      <c r="H426495" s="12"/>
    </row>
    <row r="426496" spans="8:8">
      <c r="H426496" s="12"/>
    </row>
    <row r="426497" spans="8:8">
      <c r="H426497" s="12"/>
    </row>
    <row r="426498" spans="8:8">
      <c r="H426498" s="12"/>
    </row>
    <row r="426499" spans="8:8">
      <c r="H426499" s="12"/>
    </row>
    <row r="426500" spans="8:8">
      <c r="H426500" s="12"/>
    </row>
    <row r="426501" spans="8:8">
      <c r="H426501" s="12"/>
    </row>
    <row r="426502" spans="8:8">
      <c r="H426502" s="12"/>
    </row>
    <row r="426503" spans="8:8">
      <c r="H426503" s="12"/>
    </row>
    <row r="426504" spans="8:8">
      <c r="H426504" s="12"/>
    </row>
    <row r="426505" spans="8:8">
      <c r="H426505" s="12"/>
    </row>
    <row r="426506" spans="8:8">
      <c r="H426506" s="12"/>
    </row>
    <row r="426507" spans="8:8">
      <c r="H426507" s="12"/>
    </row>
    <row r="426508" spans="8:8">
      <c r="H426508" s="12"/>
    </row>
    <row r="426509" spans="8:8">
      <c r="H426509" s="12"/>
    </row>
    <row r="426510" spans="8:8">
      <c r="H426510" s="12"/>
    </row>
    <row r="426511" spans="8:8">
      <c r="H426511" s="12"/>
    </row>
    <row r="426512" spans="8:8">
      <c r="H426512" s="12"/>
    </row>
    <row r="426513" spans="8:8">
      <c r="H426513" s="12"/>
    </row>
    <row r="426514" spans="8:8">
      <c r="H426514" s="12"/>
    </row>
    <row r="426515" spans="8:8">
      <c r="H426515" s="12"/>
    </row>
    <row r="426516" spans="8:8">
      <c r="H426516" s="12"/>
    </row>
    <row r="426517" spans="8:8">
      <c r="H426517" s="12"/>
    </row>
    <row r="426518" spans="8:8">
      <c r="H426518" s="12"/>
    </row>
    <row r="426519" spans="8:8">
      <c r="H426519" s="12"/>
    </row>
    <row r="426520" spans="8:8">
      <c r="H426520" s="12"/>
    </row>
    <row r="426521" spans="8:8">
      <c r="H426521" s="12"/>
    </row>
    <row r="426522" spans="8:8">
      <c r="H426522" s="12"/>
    </row>
    <row r="426523" spans="8:8">
      <c r="H426523" s="12"/>
    </row>
    <row r="426524" spans="8:8">
      <c r="H426524" s="12"/>
    </row>
    <row r="426525" spans="8:8">
      <c r="H426525" s="12"/>
    </row>
    <row r="426526" spans="8:8">
      <c r="H426526" s="12"/>
    </row>
    <row r="426527" spans="8:8">
      <c r="H426527" s="12"/>
    </row>
    <row r="426528" spans="8:8">
      <c r="H426528" s="12"/>
    </row>
    <row r="426529" spans="8:8">
      <c r="H426529" s="12"/>
    </row>
    <row r="426530" spans="8:8">
      <c r="H426530" s="12"/>
    </row>
    <row r="426531" spans="8:8">
      <c r="H426531" s="12"/>
    </row>
    <row r="426532" spans="8:8">
      <c r="H426532" s="12"/>
    </row>
    <row r="426533" spans="8:8">
      <c r="H426533" s="12"/>
    </row>
    <row r="426534" spans="8:8">
      <c r="H426534" s="12"/>
    </row>
    <row r="426535" spans="8:8">
      <c r="H426535" s="12"/>
    </row>
    <row r="426536" spans="8:8">
      <c r="H426536" s="12"/>
    </row>
    <row r="426537" spans="8:8">
      <c r="H426537" s="12"/>
    </row>
    <row r="426538" spans="8:8">
      <c r="H426538" s="12"/>
    </row>
    <row r="426539" spans="8:8">
      <c r="H426539" s="12"/>
    </row>
    <row r="426540" spans="8:8">
      <c r="H426540" s="12"/>
    </row>
    <row r="426541" spans="8:8">
      <c r="H426541" s="12"/>
    </row>
    <row r="426542" spans="8:8">
      <c r="H426542" s="12"/>
    </row>
    <row r="426543" spans="8:8">
      <c r="H426543" s="12"/>
    </row>
    <row r="426544" spans="8:8">
      <c r="H426544" s="12"/>
    </row>
    <row r="426545" spans="8:8">
      <c r="H426545" s="12"/>
    </row>
    <row r="426546" spans="8:8">
      <c r="H426546" s="12"/>
    </row>
    <row r="426547" spans="8:8">
      <c r="H426547" s="12"/>
    </row>
    <row r="426548" spans="8:8">
      <c r="H426548" s="12"/>
    </row>
    <row r="426549" spans="8:8">
      <c r="H426549" s="12"/>
    </row>
    <row r="426550" spans="8:8">
      <c r="H426550" s="12"/>
    </row>
    <row r="426551" spans="8:8">
      <c r="H426551" s="12"/>
    </row>
    <row r="426552" spans="8:8">
      <c r="H426552" s="12"/>
    </row>
    <row r="426553" spans="8:8">
      <c r="H426553" s="12"/>
    </row>
    <row r="426554" spans="8:8">
      <c r="H426554" s="12"/>
    </row>
    <row r="426555" spans="8:8">
      <c r="H426555" s="12"/>
    </row>
    <row r="426556" spans="8:8">
      <c r="H426556" s="12"/>
    </row>
    <row r="426557" spans="8:8">
      <c r="H426557" s="12"/>
    </row>
    <row r="426558" spans="8:8">
      <c r="H426558" s="12"/>
    </row>
    <row r="426559" spans="8:8">
      <c r="H426559" s="12"/>
    </row>
    <row r="426560" spans="8:8">
      <c r="H426560" s="12"/>
    </row>
    <row r="426561" spans="8:8">
      <c r="H426561" s="12"/>
    </row>
    <row r="426562" spans="8:8">
      <c r="H426562" s="12"/>
    </row>
    <row r="426563" spans="8:8">
      <c r="H426563" s="12"/>
    </row>
    <row r="426564" spans="8:8">
      <c r="H426564" s="12"/>
    </row>
    <row r="426565" spans="8:8">
      <c r="H426565" s="12"/>
    </row>
    <row r="426566" spans="8:8">
      <c r="H426566" s="12"/>
    </row>
    <row r="426567" spans="8:8">
      <c r="H426567" s="12"/>
    </row>
    <row r="426568" spans="8:8">
      <c r="H426568" s="12"/>
    </row>
    <row r="426569" spans="8:8">
      <c r="H426569" s="12"/>
    </row>
    <row r="426570" spans="8:8">
      <c r="H426570" s="12"/>
    </row>
    <row r="426571" spans="8:8">
      <c r="H426571" s="12"/>
    </row>
    <row r="426572" spans="8:8">
      <c r="H426572" s="12"/>
    </row>
    <row r="426573" spans="8:8">
      <c r="H426573" s="12"/>
    </row>
    <row r="426574" spans="8:8">
      <c r="H426574" s="12"/>
    </row>
    <row r="426575" spans="8:8">
      <c r="H426575" s="12"/>
    </row>
    <row r="426576" spans="8:8">
      <c r="H426576" s="12"/>
    </row>
    <row r="426577" spans="8:8">
      <c r="H426577" s="12"/>
    </row>
    <row r="426578" spans="8:8">
      <c r="H426578" s="12"/>
    </row>
    <row r="426579" spans="8:8">
      <c r="H426579" s="12"/>
    </row>
    <row r="426580" spans="8:8">
      <c r="H426580" s="12"/>
    </row>
    <row r="426581" spans="8:8">
      <c r="H426581" s="12"/>
    </row>
    <row r="426582" spans="8:8">
      <c r="H426582" s="12"/>
    </row>
    <row r="426583" spans="8:8">
      <c r="H426583" s="12"/>
    </row>
    <row r="426584" spans="8:8">
      <c r="H426584" s="12"/>
    </row>
    <row r="426585" spans="8:8">
      <c r="H426585" s="12"/>
    </row>
    <row r="426586" spans="8:8">
      <c r="H426586" s="12"/>
    </row>
    <row r="426587" spans="8:8">
      <c r="H426587" s="12"/>
    </row>
    <row r="426588" spans="8:8">
      <c r="H426588" s="12"/>
    </row>
    <row r="426589" spans="8:8">
      <c r="H426589" s="12"/>
    </row>
    <row r="426590" spans="8:8">
      <c r="H426590" s="12"/>
    </row>
    <row r="426591" spans="8:8">
      <c r="H426591" s="12"/>
    </row>
    <row r="426592" spans="8:8">
      <c r="H426592" s="12"/>
    </row>
    <row r="426593" spans="8:8">
      <c r="H426593" s="12"/>
    </row>
    <row r="426594" spans="8:8">
      <c r="H426594" s="12"/>
    </row>
    <row r="426595" spans="8:8">
      <c r="H426595" s="12"/>
    </row>
    <row r="426596" spans="8:8">
      <c r="H426596" s="12"/>
    </row>
    <row r="426597" spans="8:8">
      <c r="H426597" s="12"/>
    </row>
    <row r="426598" spans="8:8">
      <c r="H426598" s="12"/>
    </row>
    <row r="426599" spans="8:8">
      <c r="H426599" s="12"/>
    </row>
    <row r="426600" spans="8:8">
      <c r="H426600" s="12"/>
    </row>
    <row r="426601" spans="8:8">
      <c r="H426601" s="12"/>
    </row>
    <row r="426602" spans="8:8">
      <c r="H426602" s="12"/>
    </row>
    <row r="426603" spans="8:8">
      <c r="H426603" s="12"/>
    </row>
    <row r="426604" spans="8:8">
      <c r="H426604" s="12"/>
    </row>
    <row r="426605" spans="8:8">
      <c r="H426605" s="12"/>
    </row>
    <row r="426606" spans="8:8">
      <c r="H426606" s="12"/>
    </row>
    <row r="426607" spans="8:8">
      <c r="H426607" s="12"/>
    </row>
    <row r="426608" spans="8:8">
      <c r="H426608" s="12"/>
    </row>
    <row r="426609" spans="8:8">
      <c r="H426609" s="12"/>
    </row>
    <row r="426610" spans="8:8">
      <c r="H426610" s="12"/>
    </row>
    <row r="426611" spans="8:8">
      <c r="H426611" s="12"/>
    </row>
    <row r="426612" spans="8:8">
      <c r="H426612" s="12"/>
    </row>
    <row r="426613" spans="8:8">
      <c r="H426613" s="12"/>
    </row>
    <row r="426614" spans="8:8">
      <c r="H426614" s="12"/>
    </row>
    <row r="426615" spans="8:8">
      <c r="H426615" s="12"/>
    </row>
    <row r="426616" spans="8:8">
      <c r="H426616" s="12"/>
    </row>
    <row r="426617" spans="8:8">
      <c r="H426617" s="12"/>
    </row>
    <row r="426618" spans="8:8">
      <c r="H426618" s="12"/>
    </row>
    <row r="426619" spans="8:8">
      <c r="H426619" s="12"/>
    </row>
    <row r="426620" spans="8:8">
      <c r="H426620" s="12"/>
    </row>
    <row r="426621" spans="8:8">
      <c r="H426621" s="12"/>
    </row>
    <row r="426622" spans="8:8">
      <c r="H426622" s="12"/>
    </row>
    <row r="426623" spans="8:8">
      <c r="H426623" s="12"/>
    </row>
    <row r="426624" spans="8:8">
      <c r="H426624" s="12"/>
    </row>
    <row r="426625" spans="8:8">
      <c r="H426625" s="12"/>
    </row>
    <row r="426626" spans="8:8">
      <c r="H426626" s="12"/>
    </row>
    <row r="426627" spans="8:8">
      <c r="H426627" s="12"/>
    </row>
    <row r="426628" spans="8:8">
      <c r="H426628" s="12"/>
    </row>
    <row r="426629" spans="8:8">
      <c r="H426629" s="12"/>
    </row>
    <row r="426630" spans="8:8">
      <c r="H426630" s="12"/>
    </row>
    <row r="426631" spans="8:8">
      <c r="H426631" s="12"/>
    </row>
    <row r="426632" spans="8:8">
      <c r="H426632" s="12"/>
    </row>
    <row r="426633" spans="8:8">
      <c r="H426633" s="12"/>
    </row>
    <row r="426634" spans="8:8">
      <c r="H426634" s="12"/>
    </row>
    <row r="426635" spans="8:8">
      <c r="H426635" s="12"/>
    </row>
    <row r="426636" spans="8:8">
      <c r="H426636" s="12"/>
    </row>
    <row r="426637" spans="8:8">
      <c r="H426637" s="12"/>
    </row>
    <row r="426638" spans="8:8">
      <c r="H426638" s="12"/>
    </row>
    <row r="426639" spans="8:8">
      <c r="H426639" s="12"/>
    </row>
    <row r="426640" spans="8:8">
      <c r="H426640" s="12"/>
    </row>
    <row r="426641" spans="8:8">
      <c r="H426641" s="12"/>
    </row>
    <row r="426642" spans="8:8">
      <c r="H426642" s="12"/>
    </row>
    <row r="426643" spans="8:8">
      <c r="H426643" s="12"/>
    </row>
    <row r="426644" spans="8:8">
      <c r="H426644" s="12"/>
    </row>
    <row r="426645" spans="8:8">
      <c r="H426645" s="12"/>
    </row>
    <row r="426646" spans="8:8">
      <c r="H426646" s="12"/>
    </row>
    <row r="426647" spans="8:8">
      <c r="H426647" s="12"/>
    </row>
    <row r="426648" spans="8:8">
      <c r="H426648" s="12"/>
    </row>
    <row r="426649" spans="8:8">
      <c r="H426649" s="12"/>
    </row>
    <row r="426650" spans="8:8">
      <c r="H426650" s="12"/>
    </row>
    <row r="426651" spans="8:8">
      <c r="H426651" s="12"/>
    </row>
    <row r="426652" spans="8:8">
      <c r="H426652" s="12"/>
    </row>
    <row r="426653" spans="8:8">
      <c r="H426653" s="12"/>
    </row>
    <row r="426654" spans="8:8">
      <c r="H426654" s="12"/>
    </row>
    <row r="426655" spans="8:8">
      <c r="H426655" s="12"/>
    </row>
    <row r="426656" spans="8:8">
      <c r="H426656" s="12"/>
    </row>
    <row r="426657" spans="8:8">
      <c r="H426657" s="12"/>
    </row>
    <row r="426658" spans="8:8">
      <c r="H426658" s="12"/>
    </row>
    <row r="426659" spans="8:8">
      <c r="H426659" s="12"/>
    </row>
    <row r="426660" spans="8:8">
      <c r="H426660" s="12"/>
    </row>
    <row r="426661" spans="8:8">
      <c r="H426661" s="12"/>
    </row>
    <row r="426662" spans="8:8">
      <c r="H426662" s="12"/>
    </row>
    <row r="426663" spans="8:8">
      <c r="H426663" s="12"/>
    </row>
    <row r="426664" spans="8:8">
      <c r="H426664" s="12"/>
    </row>
    <row r="426665" spans="8:8">
      <c r="H426665" s="12"/>
    </row>
    <row r="426666" spans="8:8">
      <c r="H426666" s="12"/>
    </row>
    <row r="426667" spans="8:8">
      <c r="H426667" s="12"/>
    </row>
    <row r="426668" spans="8:8">
      <c r="H426668" s="12"/>
    </row>
    <row r="426669" spans="8:8">
      <c r="H426669" s="12"/>
    </row>
    <row r="426670" spans="8:8">
      <c r="H426670" s="12"/>
    </row>
    <row r="426671" spans="8:8">
      <c r="H426671" s="12"/>
    </row>
    <row r="426672" spans="8:8">
      <c r="H426672" s="12"/>
    </row>
    <row r="426673" spans="8:8">
      <c r="H426673" s="12"/>
    </row>
    <row r="426674" spans="8:8">
      <c r="H426674" s="12"/>
    </row>
    <row r="426675" spans="8:8">
      <c r="H426675" s="12"/>
    </row>
    <row r="426676" spans="8:8">
      <c r="H426676" s="12"/>
    </row>
    <row r="426677" spans="8:8">
      <c r="H426677" s="12"/>
    </row>
    <row r="426678" spans="8:8">
      <c r="H426678" s="12"/>
    </row>
    <row r="426679" spans="8:8">
      <c r="H426679" s="12"/>
    </row>
    <row r="426680" spans="8:8">
      <c r="H426680" s="12"/>
    </row>
    <row r="426681" spans="8:8">
      <c r="H426681" s="12"/>
    </row>
    <row r="426682" spans="8:8">
      <c r="H426682" s="12"/>
    </row>
    <row r="426683" spans="8:8">
      <c r="H426683" s="12"/>
    </row>
    <row r="426684" spans="8:8">
      <c r="H426684" s="12"/>
    </row>
    <row r="426685" spans="8:8">
      <c r="H426685" s="12"/>
    </row>
    <row r="426686" spans="8:8">
      <c r="H426686" s="12"/>
    </row>
    <row r="426687" spans="8:8">
      <c r="H426687" s="12"/>
    </row>
    <row r="426688" spans="8:8">
      <c r="H426688" s="12"/>
    </row>
    <row r="426689" spans="8:8">
      <c r="H426689" s="12"/>
    </row>
    <row r="426690" spans="8:8">
      <c r="H426690" s="12"/>
    </row>
    <row r="426691" spans="8:8">
      <c r="H426691" s="12"/>
    </row>
    <row r="426692" spans="8:8">
      <c r="H426692" s="12"/>
    </row>
    <row r="426693" spans="8:8">
      <c r="H426693" s="12"/>
    </row>
    <row r="426694" spans="8:8">
      <c r="H426694" s="12"/>
    </row>
    <row r="426695" spans="8:8">
      <c r="H426695" s="12"/>
    </row>
    <row r="426696" spans="8:8">
      <c r="H426696" s="12"/>
    </row>
    <row r="426697" spans="8:8">
      <c r="H426697" s="12"/>
    </row>
    <row r="426698" spans="8:8">
      <c r="H426698" s="12"/>
    </row>
    <row r="426699" spans="8:8">
      <c r="H426699" s="12"/>
    </row>
    <row r="426700" spans="8:8">
      <c r="H426700" s="12"/>
    </row>
    <row r="426701" spans="8:8">
      <c r="H426701" s="12"/>
    </row>
    <row r="426702" spans="8:8">
      <c r="H426702" s="12"/>
    </row>
    <row r="426703" spans="8:8">
      <c r="H426703" s="12"/>
    </row>
    <row r="426704" spans="8:8">
      <c r="H426704" s="12"/>
    </row>
    <row r="426705" spans="8:8">
      <c r="H426705" s="12"/>
    </row>
    <row r="426706" spans="8:8">
      <c r="H426706" s="12"/>
    </row>
    <row r="426707" spans="8:8">
      <c r="H426707" s="12"/>
    </row>
    <row r="426708" spans="8:8">
      <c r="H426708" s="12"/>
    </row>
    <row r="426709" spans="8:8">
      <c r="H426709" s="12"/>
    </row>
    <row r="426710" spans="8:8">
      <c r="H426710" s="12"/>
    </row>
    <row r="426711" spans="8:8">
      <c r="H426711" s="12"/>
    </row>
    <row r="426712" spans="8:8">
      <c r="H426712" s="12"/>
    </row>
    <row r="426713" spans="8:8">
      <c r="H426713" s="12"/>
    </row>
    <row r="426714" spans="8:8">
      <c r="H426714" s="12"/>
    </row>
    <row r="426715" spans="8:8">
      <c r="H426715" s="12"/>
    </row>
    <row r="426716" spans="8:8">
      <c r="H426716" s="12"/>
    </row>
    <row r="426717" spans="8:8">
      <c r="H426717" s="12"/>
    </row>
    <row r="426718" spans="8:8">
      <c r="H426718" s="12"/>
    </row>
    <row r="426719" spans="8:8">
      <c r="H426719" s="12"/>
    </row>
    <row r="426720" spans="8:8">
      <c r="H426720" s="12"/>
    </row>
    <row r="426721" spans="8:8">
      <c r="H426721" s="12"/>
    </row>
    <row r="426722" spans="8:8">
      <c r="H426722" s="12"/>
    </row>
    <row r="426723" spans="8:8">
      <c r="H426723" s="12"/>
    </row>
    <row r="426724" spans="8:8">
      <c r="H426724" s="12"/>
    </row>
    <row r="426725" spans="8:8">
      <c r="H426725" s="12"/>
    </row>
    <row r="426726" spans="8:8">
      <c r="H426726" s="12"/>
    </row>
    <row r="426727" spans="8:8">
      <c r="H426727" s="12"/>
    </row>
    <row r="426728" spans="8:8">
      <c r="H426728" s="12"/>
    </row>
    <row r="426729" spans="8:8">
      <c r="H426729" s="12"/>
    </row>
    <row r="426730" spans="8:8">
      <c r="H426730" s="12"/>
    </row>
    <row r="426731" spans="8:8">
      <c r="H426731" s="12"/>
    </row>
    <row r="426732" spans="8:8">
      <c r="H426732" s="12"/>
    </row>
    <row r="426733" spans="8:8">
      <c r="H426733" s="12"/>
    </row>
    <row r="426734" spans="8:8">
      <c r="H426734" s="12"/>
    </row>
    <row r="426735" spans="8:8">
      <c r="H426735" s="12"/>
    </row>
    <row r="426736" spans="8:8">
      <c r="H426736" s="12"/>
    </row>
    <row r="426737" spans="8:8">
      <c r="H426737" s="12"/>
    </row>
    <row r="426738" spans="8:8">
      <c r="H426738" s="12"/>
    </row>
    <row r="426739" spans="8:8">
      <c r="H426739" s="12"/>
    </row>
    <row r="426740" spans="8:8">
      <c r="H426740" s="12"/>
    </row>
    <row r="426741" spans="8:8">
      <c r="H426741" s="12"/>
    </row>
    <row r="426742" spans="8:8">
      <c r="H426742" s="12"/>
    </row>
    <row r="426743" spans="8:8">
      <c r="H426743" s="12"/>
    </row>
    <row r="426744" spans="8:8">
      <c r="H426744" s="12"/>
    </row>
    <row r="426745" spans="8:8">
      <c r="H426745" s="12"/>
    </row>
    <row r="426746" spans="8:8">
      <c r="H426746" s="12"/>
    </row>
    <row r="426747" spans="8:8">
      <c r="H426747" s="12"/>
    </row>
    <row r="426748" spans="8:8">
      <c r="H426748" s="12"/>
    </row>
    <row r="426749" spans="8:8">
      <c r="H426749" s="12"/>
    </row>
    <row r="426750" spans="8:8">
      <c r="H426750" s="12"/>
    </row>
    <row r="426751" spans="8:8">
      <c r="H426751" s="12"/>
    </row>
    <row r="426752" spans="8:8">
      <c r="H426752" s="12"/>
    </row>
    <row r="426753" spans="8:8">
      <c r="H426753" s="12"/>
    </row>
    <row r="426754" spans="8:8">
      <c r="H426754" s="12"/>
    </row>
    <row r="426755" spans="8:8">
      <c r="H426755" s="12"/>
    </row>
    <row r="426756" spans="8:8">
      <c r="H426756" s="12"/>
    </row>
    <row r="426757" spans="8:8">
      <c r="H426757" s="12"/>
    </row>
    <row r="426758" spans="8:8">
      <c r="H426758" s="12"/>
    </row>
    <row r="426759" spans="8:8">
      <c r="H426759" s="12"/>
    </row>
    <row r="426760" spans="8:8">
      <c r="H426760" s="12"/>
    </row>
    <row r="426761" spans="8:8">
      <c r="H426761" s="12"/>
    </row>
    <row r="426762" spans="8:8">
      <c r="H426762" s="12"/>
    </row>
    <row r="426763" spans="8:8">
      <c r="H426763" s="12"/>
    </row>
    <row r="426764" spans="8:8">
      <c r="H426764" s="12"/>
    </row>
    <row r="426765" spans="8:8">
      <c r="H426765" s="12"/>
    </row>
    <row r="426766" spans="8:8">
      <c r="H426766" s="12"/>
    </row>
    <row r="426767" spans="8:8">
      <c r="H426767" s="12"/>
    </row>
    <row r="426768" spans="8:8">
      <c r="H426768" s="12"/>
    </row>
    <row r="426769" spans="8:8">
      <c r="H426769" s="12"/>
    </row>
    <row r="426770" spans="8:8">
      <c r="H426770" s="12"/>
    </row>
    <row r="426771" spans="8:8">
      <c r="H426771" s="12"/>
    </row>
    <row r="426772" spans="8:8">
      <c r="H426772" s="12"/>
    </row>
    <row r="426773" spans="8:8">
      <c r="H426773" s="12"/>
    </row>
    <row r="426774" spans="8:8">
      <c r="H426774" s="12"/>
    </row>
    <row r="426775" spans="8:8">
      <c r="H426775" s="12"/>
    </row>
    <row r="426776" spans="8:8">
      <c r="H426776" s="12"/>
    </row>
    <row r="426777" spans="8:8">
      <c r="H426777" s="12"/>
    </row>
    <row r="426778" spans="8:8">
      <c r="H426778" s="12"/>
    </row>
    <row r="426779" spans="8:8">
      <c r="H426779" s="12"/>
    </row>
    <row r="426780" spans="8:8">
      <c r="H426780" s="12"/>
    </row>
    <row r="426781" spans="8:8">
      <c r="H426781" s="12"/>
    </row>
    <row r="426782" spans="8:8">
      <c r="H426782" s="12"/>
    </row>
    <row r="426783" spans="8:8">
      <c r="H426783" s="12"/>
    </row>
    <row r="426784" spans="8:8">
      <c r="H426784" s="12"/>
    </row>
    <row r="426785" spans="8:8">
      <c r="H426785" s="12"/>
    </row>
    <row r="426786" spans="8:8">
      <c r="H426786" s="12"/>
    </row>
    <row r="426787" spans="8:8">
      <c r="H426787" s="12"/>
    </row>
    <row r="426788" spans="8:8">
      <c r="H426788" s="12"/>
    </row>
    <row r="426789" spans="8:8">
      <c r="H426789" s="12"/>
    </row>
    <row r="426790" spans="8:8">
      <c r="H426790" s="12"/>
    </row>
    <row r="426791" spans="8:8">
      <c r="H426791" s="12"/>
    </row>
    <row r="426792" spans="8:8">
      <c r="H426792" s="12"/>
    </row>
    <row r="426793" spans="8:8">
      <c r="H426793" s="12"/>
    </row>
    <row r="426794" spans="8:8">
      <c r="H426794" s="12"/>
    </row>
    <row r="426795" spans="8:8">
      <c r="H426795" s="12"/>
    </row>
    <row r="426796" spans="8:8">
      <c r="H426796" s="12"/>
    </row>
    <row r="426797" spans="8:8">
      <c r="H426797" s="12"/>
    </row>
    <row r="426798" spans="8:8">
      <c r="H426798" s="12"/>
    </row>
    <row r="426799" spans="8:8">
      <c r="H426799" s="12"/>
    </row>
    <row r="426800" spans="8:8">
      <c r="H426800" s="12"/>
    </row>
    <row r="426801" spans="8:8">
      <c r="H426801" s="12"/>
    </row>
    <row r="426802" spans="8:8">
      <c r="H426802" s="12"/>
    </row>
    <row r="426803" spans="8:8">
      <c r="H426803" s="12"/>
    </row>
    <row r="426804" spans="8:8">
      <c r="H426804" s="12"/>
    </row>
    <row r="426805" spans="8:8">
      <c r="H426805" s="12"/>
    </row>
    <row r="426806" spans="8:8">
      <c r="H426806" s="12"/>
    </row>
    <row r="426807" spans="8:8">
      <c r="H426807" s="12"/>
    </row>
    <row r="426808" spans="8:8">
      <c r="H426808" s="12"/>
    </row>
    <row r="426809" spans="8:8">
      <c r="H426809" s="12"/>
    </row>
    <row r="426810" spans="8:8">
      <c r="H426810" s="12"/>
    </row>
    <row r="426811" spans="8:8">
      <c r="H426811" s="12"/>
    </row>
    <row r="426812" spans="8:8">
      <c r="H426812" s="12"/>
    </row>
    <row r="426813" spans="8:8">
      <c r="H426813" s="12"/>
    </row>
    <row r="426814" spans="8:8">
      <c r="H426814" s="12"/>
    </row>
    <row r="426815" spans="8:8">
      <c r="H426815" s="12"/>
    </row>
    <row r="426816" spans="8:8">
      <c r="H426816" s="12"/>
    </row>
    <row r="426817" spans="8:8">
      <c r="H426817" s="12"/>
    </row>
    <row r="426818" spans="8:8">
      <c r="H426818" s="12"/>
    </row>
    <row r="426819" spans="8:8">
      <c r="H426819" s="12"/>
    </row>
    <row r="426820" spans="8:8">
      <c r="H426820" s="12"/>
    </row>
    <row r="426821" spans="8:8">
      <c r="H426821" s="12"/>
    </row>
    <row r="426822" spans="8:8">
      <c r="H426822" s="12"/>
    </row>
    <row r="426823" spans="8:8">
      <c r="H426823" s="12"/>
    </row>
    <row r="426824" spans="8:8">
      <c r="H426824" s="12"/>
    </row>
    <row r="426825" spans="8:8">
      <c r="H426825" s="12"/>
    </row>
    <row r="426826" spans="8:8">
      <c r="H426826" s="12"/>
    </row>
    <row r="426827" spans="8:8">
      <c r="H426827" s="12"/>
    </row>
    <row r="426828" spans="8:8">
      <c r="H426828" s="12"/>
    </row>
    <row r="426829" spans="8:8">
      <c r="H426829" s="12"/>
    </row>
    <row r="426830" spans="8:8">
      <c r="H426830" s="12"/>
    </row>
    <row r="426831" spans="8:8">
      <c r="H426831" s="12"/>
    </row>
    <row r="426832" spans="8:8">
      <c r="H426832" s="12"/>
    </row>
    <row r="426833" spans="8:8">
      <c r="H426833" s="12"/>
    </row>
    <row r="426834" spans="8:8">
      <c r="H426834" s="12"/>
    </row>
    <row r="426835" spans="8:8">
      <c r="H426835" s="12"/>
    </row>
    <row r="426836" spans="8:8">
      <c r="H426836" s="12"/>
    </row>
    <row r="426837" spans="8:8">
      <c r="H426837" s="12"/>
    </row>
    <row r="426838" spans="8:8">
      <c r="H426838" s="12"/>
    </row>
    <row r="426839" spans="8:8">
      <c r="H426839" s="12"/>
    </row>
    <row r="426840" spans="8:8">
      <c r="H426840" s="12"/>
    </row>
    <row r="426841" spans="8:8">
      <c r="H426841" s="12"/>
    </row>
    <row r="426842" spans="8:8">
      <c r="H426842" s="12"/>
    </row>
    <row r="426843" spans="8:8">
      <c r="H426843" s="12"/>
    </row>
    <row r="426844" spans="8:8">
      <c r="H426844" s="12"/>
    </row>
    <row r="426845" spans="8:8">
      <c r="H426845" s="12"/>
    </row>
    <row r="426846" spans="8:8">
      <c r="H426846" s="12"/>
    </row>
    <row r="426847" spans="8:8">
      <c r="H426847" s="12"/>
    </row>
    <row r="426848" spans="8:8">
      <c r="H426848" s="12"/>
    </row>
    <row r="426849" spans="8:8">
      <c r="H426849" s="12"/>
    </row>
    <row r="426850" spans="8:8">
      <c r="H426850" s="12"/>
    </row>
    <row r="426851" spans="8:8">
      <c r="H426851" s="12"/>
    </row>
    <row r="426852" spans="8:8">
      <c r="H426852" s="12"/>
    </row>
    <row r="426853" spans="8:8">
      <c r="H426853" s="12"/>
    </row>
    <row r="426854" spans="8:8">
      <c r="H426854" s="12"/>
    </row>
    <row r="426855" spans="8:8">
      <c r="H426855" s="12"/>
    </row>
    <row r="426856" spans="8:8">
      <c r="H426856" s="12"/>
    </row>
    <row r="426857" spans="8:8">
      <c r="H426857" s="12"/>
    </row>
    <row r="426858" spans="8:8">
      <c r="H426858" s="12"/>
    </row>
    <row r="426859" spans="8:8">
      <c r="H426859" s="12"/>
    </row>
    <row r="426860" spans="8:8">
      <c r="H426860" s="12"/>
    </row>
    <row r="426861" spans="8:8">
      <c r="H426861" s="12"/>
    </row>
    <row r="426862" spans="8:8">
      <c r="H426862" s="12"/>
    </row>
    <row r="426863" spans="8:8">
      <c r="H426863" s="12"/>
    </row>
    <row r="426864" spans="8:8">
      <c r="H426864" s="12"/>
    </row>
    <row r="426865" spans="8:8">
      <c r="H426865" s="12"/>
    </row>
    <row r="426866" spans="8:8">
      <c r="H426866" s="12"/>
    </row>
    <row r="426867" spans="8:8">
      <c r="H426867" s="12"/>
    </row>
    <row r="426868" spans="8:8">
      <c r="H426868" s="12"/>
    </row>
    <row r="426869" spans="8:8">
      <c r="H426869" s="12"/>
    </row>
    <row r="426870" spans="8:8">
      <c r="H426870" s="12"/>
    </row>
    <row r="426871" spans="8:8">
      <c r="H426871" s="12"/>
    </row>
    <row r="426872" spans="8:8">
      <c r="H426872" s="12"/>
    </row>
    <row r="426873" spans="8:8">
      <c r="H426873" s="12"/>
    </row>
    <row r="426874" spans="8:8">
      <c r="H426874" s="12"/>
    </row>
    <row r="426875" spans="8:8">
      <c r="H426875" s="12"/>
    </row>
    <row r="426876" spans="8:8">
      <c r="H426876" s="12"/>
    </row>
    <row r="426877" spans="8:8">
      <c r="H426877" s="12"/>
    </row>
    <row r="426878" spans="8:8">
      <c r="H426878" s="12"/>
    </row>
    <row r="426879" spans="8:8">
      <c r="H426879" s="12"/>
    </row>
    <row r="426880" spans="8:8">
      <c r="H426880" s="12"/>
    </row>
    <row r="426881" spans="8:8">
      <c r="H426881" s="12"/>
    </row>
    <row r="426882" spans="8:8">
      <c r="H426882" s="12"/>
    </row>
    <row r="426883" spans="8:8">
      <c r="H426883" s="12"/>
    </row>
    <row r="426884" spans="8:8">
      <c r="H426884" s="12"/>
    </row>
    <row r="426885" spans="8:8">
      <c r="H426885" s="12"/>
    </row>
    <row r="426886" spans="8:8">
      <c r="H426886" s="12"/>
    </row>
    <row r="426887" spans="8:8">
      <c r="H426887" s="12"/>
    </row>
    <row r="426888" spans="8:8">
      <c r="H426888" s="12"/>
    </row>
    <row r="426889" spans="8:8">
      <c r="H426889" s="12"/>
    </row>
    <row r="426890" spans="8:8">
      <c r="H426890" s="12"/>
    </row>
    <row r="426891" spans="8:8">
      <c r="H426891" s="12"/>
    </row>
    <row r="426892" spans="8:8">
      <c r="H426892" s="12"/>
    </row>
    <row r="426893" spans="8:8">
      <c r="H426893" s="12"/>
    </row>
    <row r="426894" spans="8:8">
      <c r="H426894" s="12"/>
    </row>
    <row r="426895" spans="8:8">
      <c r="H426895" s="12"/>
    </row>
    <row r="426896" spans="8:8">
      <c r="H426896" s="12"/>
    </row>
    <row r="426897" spans="8:8">
      <c r="H426897" s="12"/>
    </row>
    <row r="426898" spans="8:8">
      <c r="H426898" s="12"/>
    </row>
    <row r="426899" spans="8:8">
      <c r="H426899" s="12"/>
    </row>
    <row r="426900" spans="8:8">
      <c r="H426900" s="12"/>
    </row>
    <row r="426901" spans="8:8">
      <c r="H426901" s="12"/>
    </row>
    <row r="426902" spans="8:8">
      <c r="H426902" s="12"/>
    </row>
    <row r="426903" spans="8:8">
      <c r="H426903" s="12"/>
    </row>
    <row r="426904" spans="8:8">
      <c r="H426904" s="12"/>
    </row>
    <row r="426905" spans="8:8">
      <c r="H426905" s="12"/>
    </row>
    <row r="426906" spans="8:8">
      <c r="H426906" s="12"/>
    </row>
    <row r="426907" spans="8:8">
      <c r="H426907" s="12"/>
    </row>
    <row r="426908" spans="8:8">
      <c r="H426908" s="12"/>
    </row>
    <row r="426909" spans="8:8">
      <c r="H426909" s="12"/>
    </row>
    <row r="426910" spans="8:8">
      <c r="H426910" s="12"/>
    </row>
    <row r="426911" spans="8:8">
      <c r="H426911" s="12"/>
    </row>
    <row r="426912" spans="8:8">
      <c r="H426912" s="12"/>
    </row>
    <row r="426913" spans="8:8">
      <c r="H426913" s="12"/>
    </row>
    <row r="426914" spans="8:8">
      <c r="H426914" s="12"/>
    </row>
    <row r="426915" spans="8:8">
      <c r="H426915" s="12"/>
    </row>
    <row r="426916" spans="8:8">
      <c r="H426916" s="12"/>
    </row>
    <row r="426917" spans="8:8">
      <c r="H426917" s="12"/>
    </row>
    <row r="426918" spans="8:8">
      <c r="H426918" s="12"/>
    </row>
    <row r="426919" spans="8:8">
      <c r="H426919" s="12"/>
    </row>
    <row r="426920" spans="8:8">
      <c r="H426920" s="12"/>
    </row>
    <row r="426921" spans="8:8">
      <c r="H426921" s="12"/>
    </row>
    <row r="426922" spans="8:8">
      <c r="H426922" s="12"/>
    </row>
    <row r="426923" spans="8:8">
      <c r="H426923" s="12"/>
    </row>
    <row r="426924" spans="8:8">
      <c r="H426924" s="12"/>
    </row>
    <row r="426925" spans="8:8">
      <c r="H426925" s="12"/>
    </row>
    <row r="426926" spans="8:8">
      <c r="H426926" s="12"/>
    </row>
    <row r="426927" spans="8:8">
      <c r="H426927" s="12"/>
    </row>
    <row r="426928" spans="8:8">
      <c r="H426928" s="12"/>
    </row>
    <row r="426929" spans="8:8">
      <c r="H426929" s="12"/>
    </row>
    <row r="426930" spans="8:8">
      <c r="H426930" s="12"/>
    </row>
    <row r="426931" spans="8:8">
      <c r="H426931" s="12"/>
    </row>
    <row r="426932" spans="8:8">
      <c r="H426932" s="12"/>
    </row>
    <row r="426933" spans="8:8">
      <c r="H426933" s="12"/>
    </row>
    <row r="426934" spans="8:8">
      <c r="H426934" s="12"/>
    </row>
    <row r="426935" spans="8:8">
      <c r="H426935" s="12"/>
    </row>
    <row r="426936" spans="8:8">
      <c r="H426936" s="12"/>
    </row>
    <row r="426937" spans="8:8">
      <c r="H426937" s="12"/>
    </row>
    <row r="426938" spans="8:8">
      <c r="H426938" s="12"/>
    </row>
    <row r="426939" spans="8:8">
      <c r="H426939" s="12"/>
    </row>
    <row r="426940" spans="8:8">
      <c r="H426940" s="12"/>
    </row>
    <row r="426941" spans="8:8">
      <c r="H426941" s="12"/>
    </row>
    <row r="426942" spans="8:8">
      <c r="H426942" s="12"/>
    </row>
    <row r="426943" spans="8:8">
      <c r="H426943" s="12"/>
    </row>
    <row r="426944" spans="8:8">
      <c r="H426944" s="12"/>
    </row>
    <row r="426945" spans="8:8">
      <c r="H426945" s="12"/>
    </row>
    <row r="426946" spans="8:8">
      <c r="H426946" s="12"/>
    </row>
    <row r="426947" spans="8:8">
      <c r="H426947" s="12"/>
    </row>
    <row r="426948" spans="8:8">
      <c r="H426948" s="12"/>
    </row>
    <row r="426949" spans="8:8">
      <c r="H426949" s="12"/>
    </row>
    <row r="426950" spans="8:8">
      <c r="H426950" s="12"/>
    </row>
    <row r="426951" spans="8:8">
      <c r="H426951" s="12"/>
    </row>
    <row r="426952" spans="8:8">
      <c r="H426952" s="12"/>
    </row>
    <row r="426953" spans="8:8">
      <c r="H426953" s="12"/>
    </row>
    <row r="426954" spans="8:8">
      <c r="H426954" s="12"/>
    </row>
    <row r="426955" spans="8:8">
      <c r="H426955" s="12"/>
    </row>
    <row r="426956" spans="8:8">
      <c r="H426956" s="12"/>
    </row>
    <row r="426957" spans="8:8">
      <c r="H426957" s="12"/>
    </row>
    <row r="426958" spans="8:8">
      <c r="H426958" s="12"/>
    </row>
    <row r="426959" spans="8:8">
      <c r="H426959" s="12"/>
    </row>
    <row r="426960" spans="8:8">
      <c r="H426960" s="12"/>
    </row>
    <row r="426961" spans="8:8">
      <c r="H426961" s="12"/>
    </row>
    <row r="426962" spans="8:8">
      <c r="H426962" s="12"/>
    </row>
    <row r="426963" spans="8:8">
      <c r="H426963" s="12"/>
    </row>
    <row r="426964" spans="8:8">
      <c r="H426964" s="12"/>
    </row>
    <row r="426965" spans="8:8">
      <c r="H426965" s="12"/>
    </row>
    <row r="426966" spans="8:8">
      <c r="H426966" s="12"/>
    </row>
    <row r="426967" spans="8:8">
      <c r="H426967" s="12"/>
    </row>
    <row r="426968" spans="8:8">
      <c r="H426968" s="12"/>
    </row>
    <row r="426969" spans="8:8">
      <c r="H426969" s="12"/>
    </row>
    <row r="426970" spans="8:8">
      <c r="H426970" s="12"/>
    </row>
    <row r="426971" spans="8:8">
      <c r="H426971" s="12"/>
    </row>
    <row r="426972" spans="8:8">
      <c r="H426972" s="12"/>
    </row>
    <row r="426973" spans="8:8">
      <c r="H426973" s="12"/>
    </row>
    <row r="426974" spans="8:8">
      <c r="H426974" s="12"/>
    </row>
    <row r="426975" spans="8:8">
      <c r="H426975" s="12"/>
    </row>
    <row r="426976" spans="8:8">
      <c r="H426976" s="12"/>
    </row>
    <row r="426977" spans="8:8">
      <c r="H426977" s="12"/>
    </row>
    <row r="426978" spans="8:8">
      <c r="H426978" s="12"/>
    </row>
    <row r="426979" spans="8:8">
      <c r="H426979" s="12"/>
    </row>
    <row r="426980" spans="8:8">
      <c r="H426980" s="12"/>
    </row>
    <row r="426981" spans="8:8">
      <c r="H426981" s="12"/>
    </row>
    <row r="426982" spans="8:8">
      <c r="H426982" s="12"/>
    </row>
    <row r="426983" spans="8:8">
      <c r="H426983" s="12"/>
    </row>
    <row r="426984" spans="8:8">
      <c r="H426984" s="12"/>
    </row>
    <row r="426985" spans="8:8">
      <c r="H426985" s="12"/>
    </row>
    <row r="426986" spans="8:8">
      <c r="H426986" s="12"/>
    </row>
    <row r="426987" spans="8:8">
      <c r="H426987" s="12"/>
    </row>
    <row r="426988" spans="8:8">
      <c r="H426988" s="12"/>
    </row>
    <row r="426989" spans="8:8">
      <c r="H426989" s="12"/>
    </row>
    <row r="426990" spans="8:8">
      <c r="H426990" s="12"/>
    </row>
    <row r="426991" spans="8:8">
      <c r="H426991" s="12"/>
    </row>
    <row r="426992" spans="8:8">
      <c r="H426992" s="12"/>
    </row>
    <row r="426993" spans="8:8">
      <c r="H426993" s="12"/>
    </row>
    <row r="426994" spans="8:8">
      <c r="H426994" s="12"/>
    </row>
    <row r="426995" spans="8:8">
      <c r="H426995" s="12"/>
    </row>
    <row r="426996" spans="8:8">
      <c r="H426996" s="12"/>
    </row>
    <row r="426997" spans="8:8">
      <c r="H426997" s="12"/>
    </row>
    <row r="426998" spans="8:8">
      <c r="H426998" s="12"/>
    </row>
    <row r="426999" spans="8:8">
      <c r="H426999" s="12"/>
    </row>
    <row r="427000" spans="8:8">
      <c r="H427000" s="12"/>
    </row>
    <row r="427001" spans="8:8">
      <c r="H427001" s="12"/>
    </row>
    <row r="427002" spans="8:8">
      <c r="H427002" s="12"/>
    </row>
    <row r="427003" spans="8:8">
      <c r="H427003" s="12"/>
    </row>
    <row r="427004" spans="8:8">
      <c r="H427004" s="12"/>
    </row>
    <row r="427005" spans="8:8">
      <c r="H427005" s="12"/>
    </row>
    <row r="427006" spans="8:8">
      <c r="H427006" s="12"/>
    </row>
    <row r="427007" spans="8:8">
      <c r="H427007" s="12"/>
    </row>
    <row r="427008" spans="8:8">
      <c r="H427008" s="12"/>
    </row>
    <row r="427009" spans="8:8">
      <c r="H427009" s="12"/>
    </row>
    <row r="427010" spans="8:8">
      <c r="H427010" s="12"/>
    </row>
    <row r="427011" spans="8:8">
      <c r="H427011" s="12"/>
    </row>
    <row r="427012" spans="8:8">
      <c r="H427012" s="12"/>
    </row>
    <row r="427013" spans="8:8">
      <c r="H427013" s="12"/>
    </row>
    <row r="427014" spans="8:8">
      <c r="H427014" s="12"/>
    </row>
    <row r="427015" spans="8:8">
      <c r="H427015" s="12"/>
    </row>
    <row r="427016" spans="8:8">
      <c r="H427016" s="12"/>
    </row>
    <row r="427017" spans="8:8">
      <c r="H427017" s="12"/>
    </row>
    <row r="427018" spans="8:8">
      <c r="H427018" s="12"/>
    </row>
    <row r="427019" spans="8:8">
      <c r="H427019" s="12"/>
    </row>
    <row r="427020" spans="8:8">
      <c r="H427020" s="12"/>
    </row>
    <row r="427021" spans="8:8">
      <c r="H427021" s="12"/>
    </row>
    <row r="427022" spans="8:8">
      <c r="H427022" s="12"/>
    </row>
    <row r="427023" spans="8:8">
      <c r="H427023" s="12"/>
    </row>
    <row r="427024" spans="8:8">
      <c r="H427024" s="12"/>
    </row>
    <row r="427025" spans="8:8">
      <c r="H427025" s="12"/>
    </row>
    <row r="427026" spans="8:8">
      <c r="H427026" s="12"/>
    </row>
    <row r="427027" spans="8:8">
      <c r="H427027" s="12"/>
    </row>
    <row r="427028" spans="8:8">
      <c r="H427028" s="12"/>
    </row>
    <row r="427029" spans="8:8">
      <c r="H427029" s="12"/>
    </row>
    <row r="427030" spans="8:8">
      <c r="H427030" s="12"/>
    </row>
    <row r="427031" spans="8:8">
      <c r="H427031" s="12"/>
    </row>
    <row r="427032" spans="8:8">
      <c r="H427032" s="12"/>
    </row>
    <row r="427033" spans="8:8">
      <c r="H427033" s="12"/>
    </row>
    <row r="427034" spans="8:8">
      <c r="H427034" s="12"/>
    </row>
    <row r="427035" spans="8:8">
      <c r="H427035" s="12"/>
    </row>
    <row r="427036" spans="8:8">
      <c r="H427036" s="12"/>
    </row>
    <row r="427037" spans="8:8">
      <c r="H427037" s="12"/>
    </row>
    <row r="427038" spans="8:8">
      <c r="H427038" s="12"/>
    </row>
    <row r="427039" spans="8:8">
      <c r="H427039" s="12"/>
    </row>
    <row r="427040" spans="8:8">
      <c r="H427040" s="12"/>
    </row>
    <row r="427041" spans="8:8">
      <c r="H427041" s="12"/>
    </row>
    <row r="427042" spans="8:8">
      <c r="H427042" s="12"/>
    </row>
    <row r="427043" spans="8:8">
      <c r="H427043" s="12"/>
    </row>
    <row r="427044" spans="8:8">
      <c r="H427044" s="12"/>
    </row>
    <row r="427045" spans="8:8">
      <c r="H427045" s="12"/>
    </row>
    <row r="427046" spans="8:8">
      <c r="H427046" s="12"/>
    </row>
    <row r="427047" spans="8:8">
      <c r="H427047" s="12"/>
    </row>
    <row r="427048" spans="8:8">
      <c r="H427048" s="12"/>
    </row>
    <row r="427049" spans="8:8">
      <c r="H427049" s="12"/>
    </row>
    <row r="427050" spans="8:8">
      <c r="H427050" s="12"/>
    </row>
    <row r="427051" spans="8:8">
      <c r="H427051" s="12"/>
    </row>
    <row r="427052" spans="8:8">
      <c r="H427052" s="12"/>
    </row>
    <row r="427053" spans="8:8">
      <c r="H427053" s="12"/>
    </row>
    <row r="427054" spans="8:8">
      <c r="H427054" s="12"/>
    </row>
    <row r="427055" spans="8:8">
      <c r="H427055" s="12"/>
    </row>
    <row r="427056" spans="8:8">
      <c r="H427056" s="12"/>
    </row>
    <row r="427057" spans="8:8">
      <c r="H427057" s="12"/>
    </row>
    <row r="427058" spans="8:8">
      <c r="H427058" s="12"/>
    </row>
    <row r="427059" spans="8:8">
      <c r="H427059" s="12"/>
    </row>
    <row r="427060" spans="8:8">
      <c r="H427060" s="12"/>
    </row>
    <row r="427061" spans="8:8">
      <c r="H427061" s="12"/>
    </row>
    <row r="427062" spans="8:8">
      <c r="H427062" s="12"/>
    </row>
    <row r="427063" spans="8:8">
      <c r="H427063" s="12"/>
    </row>
    <row r="427064" spans="8:8">
      <c r="H427064" s="12"/>
    </row>
    <row r="427065" spans="8:8">
      <c r="H427065" s="12"/>
    </row>
    <row r="427066" spans="8:8">
      <c r="H427066" s="12"/>
    </row>
    <row r="427067" spans="8:8">
      <c r="H427067" s="12"/>
    </row>
    <row r="427068" spans="8:8">
      <c r="H427068" s="12"/>
    </row>
    <row r="427069" spans="8:8">
      <c r="H427069" s="12"/>
    </row>
    <row r="427070" spans="8:8">
      <c r="H427070" s="12"/>
    </row>
    <row r="427071" spans="8:8">
      <c r="H427071" s="12"/>
    </row>
    <row r="427072" spans="8:8">
      <c r="H427072" s="12"/>
    </row>
    <row r="427073" spans="8:8">
      <c r="H427073" s="12"/>
    </row>
    <row r="427074" spans="8:8">
      <c r="H427074" s="12"/>
    </row>
    <row r="427075" spans="8:8">
      <c r="H427075" s="12"/>
    </row>
    <row r="427076" spans="8:8">
      <c r="H427076" s="12"/>
    </row>
    <row r="427077" spans="8:8">
      <c r="H427077" s="12"/>
    </row>
    <row r="427078" spans="8:8">
      <c r="H427078" s="12"/>
    </row>
    <row r="427079" spans="8:8">
      <c r="H427079" s="12"/>
    </row>
    <row r="427080" spans="8:8">
      <c r="H427080" s="12"/>
    </row>
    <row r="427081" spans="8:8">
      <c r="H427081" s="12"/>
    </row>
    <row r="427082" spans="8:8">
      <c r="H427082" s="12"/>
    </row>
    <row r="427083" spans="8:8">
      <c r="H427083" s="12"/>
    </row>
    <row r="427084" spans="8:8">
      <c r="H427084" s="12"/>
    </row>
    <row r="427085" spans="8:8">
      <c r="H427085" s="12"/>
    </row>
    <row r="427086" spans="8:8">
      <c r="H427086" s="12"/>
    </row>
    <row r="427087" spans="8:8">
      <c r="H427087" s="12"/>
    </row>
    <row r="427088" spans="8:8">
      <c r="H427088" s="12"/>
    </row>
    <row r="427089" spans="8:8">
      <c r="H427089" s="12"/>
    </row>
    <row r="427090" spans="8:8">
      <c r="H427090" s="12"/>
    </row>
    <row r="427091" spans="8:8">
      <c r="H427091" s="12"/>
    </row>
    <row r="427092" spans="8:8">
      <c r="H427092" s="12"/>
    </row>
    <row r="427093" spans="8:8">
      <c r="H427093" s="12"/>
    </row>
    <row r="427094" spans="8:8">
      <c r="H427094" s="12"/>
    </row>
    <row r="427095" spans="8:8">
      <c r="H427095" s="12"/>
    </row>
    <row r="427096" spans="8:8">
      <c r="H427096" s="12"/>
    </row>
    <row r="427097" spans="8:8">
      <c r="H427097" s="12"/>
    </row>
    <row r="427098" spans="8:8">
      <c r="H427098" s="12"/>
    </row>
    <row r="427099" spans="8:8">
      <c r="H427099" s="12"/>
    </row>
    <row r="427100" spans="8:8">
      <c r="H427100" s="12"/>
    </row>
    <row r="427101" spans="8:8">
      <c r="H427101" s="12"/>
    </row>
    <row r="427102" spans="8:8">
      <c r="H427102" s="12"/>
    </row>
    <row r="427103" spans="8:8">
      <c r="H427103" s="12"/>
    </row>
    <row r="427104" spans="8:8">
      <c r="H427104" s="12"/>
    </row>
    <row r="427105" spans="8:8">
      <c r="H427105" s="12"/>
    </row>
    <row r="427106" spans="8:8">
      <c r="H427106" s="12"/>
    </row>
    <row r="427107" spans="8:8">
      <c r="H427107" s="12"/>
    </row>
    <row r="427108" spans="8:8">
      <c r="H427108" s="12"/>
    </row>
    <row r="427109" spans="8:8">
      <c r="H427109" s="12"/>
    </row>
    <row r="427110" spans="8:8">
      <c r="H427110" s="12"/>
    </row>
    <row r="427111" spans="8:8">
      <c r="H427111" s="12"/>
    </row>
    <row r="427112" spans="8:8">
      <c r="H427112" s="12"/>
    </row>
    <row r="427113" spans="8:8">
      <c r="H427113" s="12"/>
    </row>
    <row r="427114" spans="8:8">
      <c r="H427114" s="12"/>
    </row>
    <row r="427115" spans="8:8">
      <c r="H427115" s="12"/>
    </row>
    <row r="427116" spans="8:8">
      <c r="H427116" s="12"/>
    </row>
    <row r="427117" spans="8:8">
      <c r="H427117" s="12"/>
    </row>
    <row r="427118" spans="8:8">
      <c r="H427118" s="12"/>
    </row>
    <row r="427119" spans="8:8">
      <c r="H427119" s="12"/>
    </row>
    <row r="427120" spans="8:8">
      <c r="H427120" s="12"/>
    </row>
    <row r="427121" spans="8:8">
      <c r="H427121" s="12"/>
    </row>
    <row r="427122" spans="8:8">
      <c r="H427122" s="12"/>
    </row>
    <row r="427123" spans="8:8">
      <c r="H427123" s="12"/>
    </row>
    <row r="427124" spans="8:8">
      <c r="H427124" s="12"/>
    </row>
    <row r="427125" spans="8:8">
      <c r="H427125" s="12"/>
    </row>
    <row r="427126" spans="8:8">
      <c r="H427126" s="12"/>
    </row>
    <row r="427127" spans="8:8">
      <c r="H427127" s="12"/>
    </row>
    <row r="427128" spans="8:8">
      <c r="H427128" s="12"/>
    </row>
    <row r="427129" spans="8:8">
      <c r="H427129" s="12"/>
    </row>
    <row r="427130" spans="8:8">
      <c r="H427130" s="12"/>
    </row>
    <row r="427131" spans="8:8">
      <c r="H427131" s="12"/>
    </row>
    <row r="427132" spans="8:8">
      <c r="H427132" s="12"/>
    </row>
    <row r="427133" spans="8:8">
      <c r="H427133" s="12"/>
    </row>
    <row r="427134" spans="8:8">
      <c r="H427134" s="12"/>
    </row>
    <row r="427135" spans="8:8">
      <c r="H427135" s="12"/>
    </row>
    <row r="427136" spans="8:8">
      <c r="H427136" s="12"/>
    </row>
    <row r="427137" spans="8:8">
      <c r="H427137" s="12"/>
    </row>
    <row r="427138" spans="8:8">
      <c r="H427138" s="12"/>
    </row>
    <row r="427139" spans="8:8">
      <c r="H427139" s="12"/>
    </row>
    <row r="427140" spans="8:8">
      <c r="H427140" s="12"/>
    </row>
    <row r="427141" spans="8:8">
      <c r="H427141" s="12"/>
    </row>
    <row r="427142" spans="8:8">
      <c r="H427142" s="12"/>
    </row>
    <row r="427143" spans="8:8">
      <c r="H427143" s="12"/>
    </row>
    <row r="427144" spans="8:8">
      <c r="H427144" s="12"/>
    </row>
    <row r="427145" spans="8:8">
      <c r="H427145" s="12"/>
    </row>
    <row r="427146" spans="8:8">
      <c r="H427146" s="12"/>
    </row>
    <row r="427147" spans="8:8">
      <c r="H427147" s="12"/>
    </row>
    <row r="427148" spans="8:8">
      <c r="H427148" s="12"/>
    </row>
    <row r="427149" spans="8:8">
      <c r="H427149" s="12"/>
    </row>
    <row r="427150" spans="8:8">
      <c r="H427150" s="12"/>
    </row>
    <row r="427151" spans="8:8">
      <c r="H427151" s="12"/>
    </row>
    <row r="427152" spans="8:8">
      <c r="H427152" s="12"/>
    </row>
    <row r="427153" spans="8:8">
      <c r="H427153" s="12"/>
    </row>
    <row r="427154" spans="8:8">
      <c r="H427154" s="12"/>
    </row>
    <row r="427155" spans="8:8">
      <c r="H427155" s="12"/>
    </row>
    <row r="427156" spans="8:8">
      <c r="H427156" s="12"/>
    </row>
    <row r="427157" spans="8:8">
      <c r="H427157" s="12"/>
    </row>
    <row r="427158" spans="8:8">
      <c r="H427158" s="12"/>
    </row>
    <row r="427159" spans="8:8">
      <c r="H427159" s="12"/>
    </row>
    <row r="427160" spans="8:8">
      <c r="H427160" s="12"/>
    </row>
    <row r="427161" spans="8:8">
      <c r="H427161" s="12"/>
    </row>
    <row r="427162" spans="8:8">
      <c r="H427162" s="12"/>
    </row>
    <row r="427163" spans="8:8">
      <c r="H427163" s="12"/>
    </row>
    <row r="427164" spans="8:8">
      <c r="H427164" s="12"/>
    </row>
    <row r="427165" spans="8:8">
      <c r="H427165" s="12"/>
    </row>
    <row r="427166" spans="8:8">
      <c r="H427166" s="12"/>
    </row>
    <row r="427167" spans="8:8">
      <c r="H427167" s="12"/>
    </row>
    <row r="427168" spans="8:8">
      <c r="H427168" s="12"/>
    </row>
    <row r="427169" spans="8:8">
      <c r="H427169" s="12"/>
    </row>
    <row r="427170" spans="8:8">
      <c r="H427170" s="12"/>
    </row>
    <row r="427171" spans="8:8">
      <c r="H427171" s="12"/>
    </row>
    <row r="427172" spans="8:8">
      <c r="H427172" s="12"/>
    </row>
    <row r="427173" spans="8:8">
      <c r="H427173" s="12"/>
    </row>
    <row r="427174" spans="8:8">
      <c r="H427174" s="12"/>
    </row>
    <row r="427175" spans="8:8">
      <c r="H427175" s="12"/>
    </row>
    <row r="427176" spans="8:8">
      <c r="H427176" s="12"/>
    </row>
    <row r="427177" spans="8:8">
      <c r="H427177" s="12"/>
    </row>
    <row r="427178" spans="8:8">
      <c r="H427178" s="12"/>
    </row>
    <row r="427179" spans="8:8">
      <c r="H427179" s="12"/>
    </row>
    <row r="427180" spans="8:8">
      <c r="H427180" s="12"/>
    </row>
    <row r="427181" spans="8:8">
      <c r="H427181" s="12"/>
    </row>
    <row r="427182" spans="8:8">
      <c r="H427182" s="12"/>
    </row>
    <row r="427183" spans="8:8">
      <c r="H427183" s="12"/>
    </row>
    <row r="427184" spans="8:8">
      <c r="H427184" s="12"/>
    </row>
    <row r="427185" spans="8:8">
      <c r="H427185" s="12"/>
    </row>
    <row r="427186" spans="8:8">
      <c r="H427186" s="12"/>
    </row>
    <row r="427187" spans="8:8">
      <c r="H427187" s="12"/>
    </row>
    <row r="427188" spans="8:8">
      <c r="H427188" s="12"/>
    </row>
    <row r="427189" spans="8:8">
      <c r="H427189" s="12"/>
    </row>
    <row r="427190" spans="8:8">
      <c r="H427190" s="12"/>
    </row>
    <row r="427191" spans="8:8">
      <c r="H427191" s="12"/>
    </row>
    <row r="427192" spans="8:8">
      <c r="H427192" s="12"/>
    </row>
    <row r="427193" spans="8:8">
      <c r="H427193" s="12"/>
    </row>
    <row r="427194" spans="8:8">
      <c r="H427194" s="12"/>
    </row>
    <row r="427195" spans="8:8">
      <c r="H427195" s="12"/>
    </row>
    <row r="427196" spans="8:8">
      <c r="H427196" s="12"/>
    </row>
    <row r="427197" spans="8:8">
      <c r="H427197" s="12"/>
    </row>
    <row r="427198" spans="8:8">
      <c r="H427198" s="12"/>
    </row>
    <row r="427199" spans="8:8">
      <c r="H427199" s="12"/>
    </row>
    <row r="427200" spans="8:8">
      <c r="H427200" s="12"/>
    </row>
    <row r="427201" spans="8:8">
      <c r="H427201" s="12"/>
    </row>
    <row r="427202" spans="8:8">
      <c r="H427202" s="12"/>
    </row>
    <row r="427203" spans="8:8">
      <c r="H427203" s="12"/>
    </row>
    <row r="427204" spans="8:8">
      <c r="H427204" s="12"/>
    </row>
    <row r="427205" spans="8:8">
      <c r="H427205" s="12"/>
    </row>
    <row r="427206" spans="8:8">
      <c r="H427206" s="12"/>
    </row>
    <row r="427207" spans="8:8">
      <c r="H427207" s="12"/>
    </row>
    <row r="427208" spans="8:8">
      <c r="H427208" s="12"/>
    </row>
    <row r="427209" spans="8:8">
      <c r="H427209" s="12"/>
    </row>
    <row r="427210" spans="8:8">
      <c r="H427210" s="12"/>
    </row>
    <row r="427211" spans="8:8">
      <c r="H427211" s="12"/>
    </row>
    <row r="427212" spans="8:8">
      <c r="H427212" s="12"/>
    </row>
    <row r="427213" spans="8:8">
      <c r="H427213" s="12"/>
    </row>
    <row r="427214" spans="8:8">
      <c r="H427214" s="12"/>
    </row>
    <row r="427215" spans="8:8">
      <c r="H427215" s="12"/>
    </row>
    <row r="427216" spans="8:8">
      <c r="H427216" s="12"/>
    </row>
    <row r="427217" spans="8:8">
      <c r="H427217" s="12"/>
    </row>
    <row r="427218" spans="8:8">
      <c r="H427218" s="12"/>
    </row>
    <row r="427219" spans="8:8">
      <c r="H427219" s="12"/>
    </row>
    <row r="427220" spans="8:8">
      <c r="H427220" s="12"/>
    </row>
    <row r="427221" spans="8:8">
      <c r="H427221" s="12"/>
    </row>
    <row r="427222" spans="8:8">
      <c r="H427222" s="12"/>
    </row>
    <row r="427223" spans="8:8">
      <c r="H427223" s="12"/>
    </row>
    <row r="427224" spans="8:8">
      <c r="H427224" s="12"/>
    </row>
    <row r="427225" spans="8:8">
      <c r="H427225" s="12"/>
    </row>
    <row r="427226" spans="8:8">
      <c r="H427226" s="12"/>
    </row>
    <row r="427227" spans="8:8">
      <c r="H427227" s="12"/>
    </row>
    <row r="427228" spans="8:8">
      <c r="H427228" s="12"/>
    </row>
    <row r="427229" spans="8:8">
      <c r="H427229" s="12"/>
    </row>
    <row r="427230" spans="8:8">
      <c r="H427230" s="12"/>
    </row>
    <row r="427231" spans="8:8">
      <c r="H427231" s="12"/>
    </row>
    <row r="427232" spans="8:8">
      <c r="H427232" s="12"/>
    </row>
    <row r="427233" spans="8:8">
      <c r="H427233" s="12"/>
    </row>
    <row r="427234" spans="8:8">
      <c r="H427234" s="12"/>
    </row>
    <row r="427235" spans="8:8">
      <c r="H427235" s="12"/>
    </row>
    <row r="427236" spans="8:8">
      <c r="H427236" s="12"/>
    </row>
    <row r="427237" spans="8:8">
      <c r="H427237" s="12"/>
    </row>
    <row r="427238" spans="8:8">
      <c r="H427238" s="12"/>
    </row>
    <row r="427239" spans="8:8">
      <c r="H427239" s="12"/>
    </row>
    <row r="427240" spans="8:8">
      <c r="H427240" s="12"/>
    </row>
    <row r="427241" spans="8:8">
      <c r="H427241" s="12"/>
    </row>
    <row r="427242" spans="8:8">
      <c r="H427242" s="12"/>
    </row>
    <row r="427243" spans="8:8">
      <c r="H427243" s="12"/>
    </row>
    <row r="427244" spans="8:8">
      <c r="H427244" s="12"/>
    </row>
    <row r="427245" spans="8:8">
      <c r="H427245" s="12"/>
    </row>
    <row r="427246" spans="8:8">
      <c r="H427246" s="12"/>
    </row>
    <row r="427247" spans="8:8">
      <c r="H427247" s="12"/>
    </row>
    <row r="427248" spans="8:8">
      <c r="H427248" s="12"/>
    </row>
    <row r="427249" spans="8:8">
      <c r="H427249" s="12"/>
    </row>
    <row r="427250" spans="8:8">
      <c r="H427250" s="12"/>
    </row>
    <row r="427251" spans="8:8">
      <c r="H427251" s="12"/>
    </row>
    <row r="427252" spans="8:8">
      <c r="H427252" s="12"/>
    </row>
    <row r="427253" spans="8:8">
      <c r="H427253" s="12"/>
    </row>
    <row r="427254" spans="8:8">
      <c r="H427254" s="12"/>
    </row>
    <row r="427255" spans="8:8">
      <c r="H427255" s="12"/>
    </row>
    <row r="427256" spans="8:8">
      <c r="H427256" s="12"/>
    </row>
    <row r="427257" spans="8:8">
      <c r="H427257" s="12"/>
    </row>
    <row r="427258" spans="8:8">
      <c r="H427258" s="12"/>
    </row>
    <row r="427259" spans="8:8">
      <c r="H427259" s="12"/>
    </row>
    <row r="427260" spans="8:8">
      <c r="H427260" s="12"/>
    </row>
    <row r="427261" spans="8:8">
      <c r="H427261" s="12"/>
    </row>
    <row r="427262" spans="8:8">
      <c r="H427262" s="12"/>
    </row>
    <row r="427263" spans="8:8">
      <c r="H427263" s="12"/>
    </row>
    <row r="427264" spans="8:8">
      <c r="H427264" s="12"/>
    </row>
    <row r="427265" spans="8:8">
      <c r="H427265" s="12"/>
    </row>
    <row r="427266" spans="8:8">
      <c r="H427266" s="12"/>
    </row>
    <row r="427267" spans="8:8">
      <c r="H427267" s="12"/>
    </row>
    <row r="427268" spans="8:8">
      <c r="H427268" s="12"/>
    </row>
    <row r="427269" spans="8:8">
      <c r="H427269" s="12"/>
    </row>
    <row r="427270" spans="8:8">
      <c r="H427270" s="12"/>
    </row>
    <row r="427271" spans="8:8">
      <c r="H427271" s="12"/>
    </row>
    <row r="427272" spans="8:8">
      <c r="H427272" s="12"/>
    </row>
    <row r="427273" spans="8:8">
      <c r="H427273" s="12"/>
    </row>
    <row r="427274" spans="8:8">
      <c r="H427274" s="12"/>
    </row>
    <row r="427275" spans="8:8">
      <c r="H427275" s="12"/>
    </row>
    <row r="427276" spans="8:8">
      <c r="H427276" s="12"/>
    </row>
    <row r="427277" spans="8:8">
      <c r="H427277" s="12"/>
    </row>
    <row r="427278" spans="8:8">
      <c r="H427278" s="12"/>
    </row>
    <row r="427279" spans="8:8">
      <c r="H427279" s="12"/>
    </row>
    <row r="427280" spans="8:8">
      <c r="H427280" s="12"/>
    </row>
    <row r="427281" spans="8:8">
      <c r="H427281" s="12"/>
    </row>
    <row r="427282" spans="8:8">
      <c r="H427282" s="12"/>
    </row>
    <row r="427283" spans="8:8">
      <c r="H427283" s="12"/>
    </row>
    <row r="427284" spans="8:8">
      <c r="H427284" s="12"/>
    </row>
    <row r="427285" spans="8:8">
      <c r="H427285" s="12"/>
    </row>
    <row r="427286" spans="8:8">
      <c r="H427286" s="12"/>
    </row>
    <row r="427287" spans="8:8">
      <c r="H427287" s="12"/>
    </row>
    <row r="427288" spans="8:8">
      <c r="H427288" s="12"/>
    </row>
    <row r="427289" spans="8:8">
      <c r="H427289" s="12"/>
    </row>
    <row r="427290" spans="8:8">
      <c r="H427290" s="12"/>
    </row>
    <row r="427291" spans="8:8">
      <c r="H427291" s="12"/>
    </row>
    <row r="427292" spans="8:8">
      <c r="H427292" s="12"/>
    </row>
    <row r="427293" spans="8:8">
      <c r="H427293" s="12"/>
    </row>
    <row r="427294" spans="8:8">
      <c r="H427294" s="12"/>
    </row>
    <row r="427295" spans="8:8">
      <c r="H427295" s="12"/>
    </row>
    <row r="427296" spans="8:8">
      <c r="H427296" s="12"/>
    </row>
    <row r="427297" spans="8:8">
      <c r="H427297" s="12"/>
    </row>
    <row r="427298" spans="8:8">
      <c r="H427298" s="12"/>
    </row>
    <row r="427299" spans="8:8">
      <c r="H427299" s="12"/>
    </row>
    <row r="427300" spans="8:8">
      <c r="H427300" s="12"/>
    </row>
    <row r="427301" spans="8:8">
      <c r="H427301" s="12"/>
    </row>
    <row r="427302" spans="8:8">
      <c r="H427302" s="12"/>
    </row>
    <row r="427303" spans="8:8">
      <c r="H427303" s="12"/>
    </row>
    <row r="427304" spans="8:8">
      <c r="H427304" s="12"/>
    </row>
    <row r="427305" spans="8:8">
      <c r="H427305" s="12"/>
    </row>
    <row r="427306" spans="8:8">
      <c r="H427306" s="12"/>
    </row>
    <row r="427307" spans="8:8">
      <c r="H427307" s="12"/>
    </row>
    <row r="427308" spans="8:8">
      <c r="H427308" s="12"/>
    </row>
    <row r="427309" spans="8:8">
      <c r="H427309" s="12"/>
    </row>
    <row r="427310" spans="8:8">
      <c r="H427310" s="12"/>
    </row>
    <row r="427311" spans="8:8">
      <c r="H427311" s="12"/>
    </row>
    <row r="427312" spans="8:8">
      <c r="H427312" s="12"/>
    </row>
    <row r="427313" spans="8:8">
      <c r="H427313" s="12"/>
    </row>
    <row r="427314" spans="8:8">
      <c r="H427314" s="12"/>
    </row>
    <row r="427315" spans="8:8">
      <c r="H427315" s="12"/>
    </row>
    <row r="427316" spans="8:8">
      <c r="H427316" s="12"/>
    </row>
    <row r="427317" spans="8:8">
      <c r="H427317" s="12"/>
    </row>
    <row r="427318" spans="8:8">
      <c r="H427318" s="12"/>
    </row>
    <row r="427319" spans="8:8">
      <c r="H427319" s="12"/>
    </row>
    <row r="427320" spans="8:8">
      <c r="H427320" s="12"/>
    </row>
    <row r="427321" spans="8:8">
      <c r="H427321" s="12"/>
    </row>
    <row r="427322" spans="8:8">
      <c r="H427322" s="12"/>
    </row>
    <row r="427323" spans="8:8">
      <c r="H427323" s="12"/>
    </row>
    <row r="427324" spans="8:8">
      <c r="H427324" s="12"/>
    </row>
    <row r="427325" spans="8:8">
      <c r="H427325" s="12"/>
    </row>
    <row r="427326" spans="8:8">
      <c r="H427326" s="12"/>
    </row>
    <row r="427327" spans="8:8">
      <c r="H427327" s="12"/>
    </row>
    <row r="427328" spans="8:8">
      <c r="H427328" s="12"/>
    </row>
    <row r="427329" spans="8:8">
      <c r="H427329" s="12"/>
    </row>
    <row r="427330" spans="8:8">
      <c r="H427330" s="12"/>
    </row>
    <row r="427331" spans="8:8">
      <c r="H427331" s="12"/>
    </row>
    <row r="427332" spans="8:8">
      <c r="H427332" s="12"/>
    </row>
    <row r="427333" spans="8:8">
      <c r="H427333" s="12"/>
    </row>
    <row r="427334" spans="8:8">
      <c r="H427334" s="12"/>
    </row>
    <row r="427335" spans="8:8">
      <c r="H427335" s="12"/>
    </row>
    <row r="427336" spans="8:8">
      <c r="H427336" s="12"/>
    </row>
    <row r="427337" spans="8:8">
      <c r="H427337" s="12"/>
    </row>
    <row r="427338" spans="8:8">
      <c r="H427338" s="12"/>
    </row>
    <row r="427339" spans="8:8">
      <c r="H427339" s="12"/>
    </row>
    <row r="427340" spans="8:8">
      <c r="H427340" s="12"/>
    </row>
    <row r="427341" spans="8:8">
      <c r="H427341" s="12"/>
    </row>
    <row r="427342" spans="8:8">
      <c r="H427342" s="12"/>
    </row>
    <row r="427343" spans="8:8">
      <c r="H427343" s="12"/>
    </row>
    <row r="427344" spans="8:8">
      <c r="H427344" s="12"/>
    </row>
    <row r="427345" spans="8:8">
      <c r="H427345" s="12"/>
    </row>
    <row r="427346" spans="8:8">
      <c r="H427346" s="12"/>
    </row>
    <row r="427347" spans="8:8">
      <c r="H427347" s="12"/>
    </row>
    <row r="427348" spans="8:8">
      <c r="H427348" s="12"/>
    </row>
    <row r="427349" spans="8:8">
      <c r="H427349" s="12"/>
    </row>
    <row r="427350" spans="8:8">
      <c r="H427350" s="12"/>
    </row>
    <row r="427351" spans="8:8">
      <c r="H427351" s="12"/>
    </row>
    <row r="427352" spans="8:8">
      <c r="H427352" s="12"/>
    </row>
    <row r="427353" spans="8:8">
      <c r="H427353" s="12"/>
    </row>
    <row r="427354" spans="8:8">
      <c r="H427354" s="12"/>
    </row>
    <row r="427355" spans="8:8">
      <c r="H427355" s="12"/>
    </row>
    <row r="427356" spans="8:8">
      <c r="H427356" s="12"/>
    </row>
    <row r="427357" spans="8:8">
      <c r="H427357" s="12"/>
    </row>
    <row r="427358" spans="8:8">
      <c r="H427358" s="12"/>
    </row>
    <row r="427359" spans="8:8">
      <c r="H427359" s="12"/>
    </row>
    <row r="427360" spans="8:8">
      <c r="H427360" s="12"/>
    </row>
    <row r="427361" spans="8:8">
      <c r="H427361" s="12"/>
    </row>
    <row r="427362" spans="8:8">
      <c r="H427362" s="12"/>
    </row>
    <row r="427363" spans="8:8">
      <c r="H427363" s="12"/>
    </row>
    <row r="427364" spans="8:8">
      <c r="H427364" s="12"/>
    </row>
    <row r="427365" spans="8:8">
      <c r="H427365" s="12"/>
    </row>
    <row r="427366" spans="8:8">
      <c r="H427366" s="12"/>
    </row>
    <row r="427367" spans="8:8">
      <c r="H427367" s="12"/>
    </row>
    <row r="427368" spans="8:8">
      <c r="H427368" s="12"/>
    </row>
    <row r="427369" spans="8:8">
      <c r="H427369" s="12"/>
    </row>
    <row r="427370" spans="8:8">
      <c r="H427370" s="12"/>
    </row>
    <row r="427371" spans="8:8">
      <c r="H427371" s="12"/>
    </row>
    <row r="427372" spans="8:8">
      <c r="H427372" s="12"/>
    </row>
    <row r="427373" spans="8:8">
      <c r="H427373" s="12"/>
    </row>
    <row r="427374" spans="8:8">
      <c r="H427374" s="12"/>
    </row>
    <row r="427375" spans="8:8">
      <c r="H427375" s="12"/>
    </row>
    <row r="427376" spans="8:8">
      <c r="H427376" s="12"/>
    </row>
    <row r="427377" spans="8:8">
      <c r="H427377" s="12"/>
    </row>
    <row r="427378" spans="8:8">
      <c r="H427378" s="12"/>
    </row>
    <row r="427379" spans="8:8">
      <c r="H427379" s="12"/>
    </row>
    <row r="427380" spans="8:8">
      <c r="H427380" s="12"/>
    </row>
    <row r="427381" spans="8:8">
      <c r="H427381" s="12"/>
    </row>
    <row r="427382" spans="8:8">
      <c r="H427382" s="12"/>
    </row>
    <row r="427383" spans="8:8">
      <c r="H427383" s="12"/>
    </row>
    <row r="427384" spans="8:8">
      <c r="H427384" s="12"/>
    </row>
    <row r="427385" spans="8:8">
      <c r="H427385" s="12"/>
    </row>
    <row r="427386" spans="8:8">
      <c r="H427386" s="12"/>
    </row>
    <row r="427387" spans="8:8">
      <c r="H427387" s="12"/>
    </row>
    <row r="427388" spans="8:8">
      <c r="H427388" s="12"/>
    </row>
    <row r="427389" spans="8:8">
      <c r="H427389" s="12"/>
    </row>
    <row r="427390" spans="8:8">
      <c r="H427390" s="12"/>
    </row>
    <row r="427391" spans="8:8">
      <c r="H427391" s="12"/>
    </row>
    <row r="427392" spans="8:8">
      <c r="H427392" s="12"/>
    </row>
    <row r="427393" spans="8:8">
      <c r="H427393" s="12"/>
    </row>
    <row r="427394" spans="8:8">
      <c r="H427394" s="12"/>
    </row>
    <row r="427395" spans="8:8">
      <c r="H427395" s="12"/>
    </row>
    <row r="427396" spans="8:8">
      <c r="H427396" s="12"/>
    </row>
    <row r="427397" spans="8:8">
      <c r="H427397" s="12"/>
    </row>
    <row r="427398" spans="8:8">
      <c r="H427398" s="12"/>
    </row>
    <row r="427399" spans="8:8">
      <c r="H427399" s="12"/>
    </row>
    <row r="427400" spans="8:8">
      <c r="H427400" s="12"/>
    </row>
    <row r="427401" spans="8:8">
      <c r="H427401" s="12"/>
    </row>
    <row r="427402" spans="8:8">
      <c r="H427402" s="12"/>
    </row>
    <row r="427403" spans="8:8">
      <c r="H427403" s="12"/>
    </row>
    <row r="427404" spans="8:8">
      <c r="H427404" s="12"/>
    </row>
    <row r="427405" spans="8:8">
      <c r="H427405" s="12"/>
    </row>
    <row r="427406" spans="8:8">
      <c r="H427406" s="12"/>
    </row>
    <row r="427407" spans="8:8">
      <c r="H427407" s="12"/>
    </row>
    <row r="427408" spans="8:8">
      <c r="H427408" s="12"/>
    </row>
    <row r="427409" spans="8:8">
      <c r="H427409" s="12"/>
    </row>
    <row r="427410" spans="8:8">
      <c r="H427410" s="12"/>
    </row>
    <row r="427411" spans="8:8">
      <c r="H427411" s="12"/>
    </row>
    <row r="427412" spans="8:8">
      <c r="H427412" s="12"/>
    </row>
    <row r="427413" spans="8:8">
      <c r="H427413" s="12"/>
    </row>
    <row r="427414" spans="8:8">
      <c r="H427414" s="12"/>
    </row>
    <row r="427415" spans="8:8">
      <c r="H427415" s="12"/>
    </row>
    <row r="427416" spans="8:8">
      <c r="H427416" s="12"/>
    </row>
    <row r="427417" spans="8:8">
      <c r="H427417" s="12"/>
    </row>
    <row r="427418" spans="8:8">
      <c r="H427418" s="12"/>
    </row>
    <row r="427419" spans="8:8">
      <c r="H427419" s="12"/>
    </row>
    <row r="427420" spans="8:8">
      <c r="H427420" s="12"/>
    </row>
    <row r="427421" spans="8:8">
      <c r="H427421" s="12"/>
    </row>
    <row r="427422" spans="8:8">
      <c r="H427422" s="12"/>
    </row>
    <row r="427423" spans="8:8">
      <c r="H427423" s="12"/>
    </row>
    <row r="427424" spans="8:8">
      <c r="H427424" s="12"/>
    </row>
    <row r="427425" spans="8:8">
      <c r="H427425" s="12"/>
    </row>
    <row r="427426" spans="8:8">
      <c r="H427426" s="12"/>
    </row>
    <row r="427427" spans="8:8">
      <c r="H427427" s="12"/>
    </row>
    <row r="427428" spans="8:8">
      <c r="H427428" s="12"/>
    </row>
    <row r="427429" spans="8:8">
      <c r="H427429" s="12"/>
    </row>
    <row r="427430" spans="8:8">
      <c r="H427430" s="12"/>
    </row>
    <row r="427431" spans="8:8">
      <c r="H427431" s="12"/>
    </row>
    <row r="427432" spans="8:8">
      <c r="H427432" s="12"/>
    </row>
    <row r="427433" spans="8:8">
      <c r="H427433" s="12"/>
    </row>
    <row r="427434" spans="8:8">
      <c r="H427434" s="12"/>
    </row>
    <row r="427435" spans="8:8">
      <c r="H427435" s="12"/>
    </row>
    <row r="427436" spans="8:8">
      <c r="H427436" s="12"/>
    </row>
    <row r="427437" spans="8:8">
      <c r="H427437" s="12"/>
    </row>
    <row r="427438" spans="8:8">
      <c r="H427438" s="12"/>
    </row>
    <row r="427439" spans="8:8">
      <c r="H427439" s="12"/>
    </row>
    <row r="427440" spans="8:8">
      <c r="H427440" s="12"/>
    </row>
    <row r="427441" spans="8:8">
      <c r="H427441" s="12"/>
    </row>
    <row r="427442" spans="8:8">
      <c r="H427442" s="12"/>
    </row>
    <row r="427443" spans="8:8">
      <c r="H427443" s="12"/>
    </row>
    <row r="427444" spans="8:8">
      <c r="H427444" s="12"/>
    </row>
    <row r="427445" spans="8:8">
      <c r="H427445" s="12"/>
    </row>
    <row r="427446" spans="8:8">
      <c r="H427446" s="12"/>
    </row>
    <row r="427447" spans="8:8">
      <c r="H427447" s="12"/>
    </row>
    <row r="427448" spans="8:8">
      <c r="H427448" s="12"/>
    </row>
    <row r="427449" spans="8:8">
      <c r="H427449" s="12"/>
    </row>
    <row r="427450" spans="8:8">
      <c r="H427450" s="12"/>
    </row>
    <row r="427451" spans="8:8">
      <c r="H427451" s="12"/>
    </row>
    <row r="427452" spans="8:8">
      <c r="H427452" s="12"/>
    </row>
    <row r="427453" spans="8:8">
      <c r="H427453" s="12"/>
    </row>
    <row r="427454" spans="8:8">
      <c r="H427454" s="12"/>
    </row>
    <row r="427455" spans="8:8">
      <c r="H427455" s="12"/>
    </row>
    <row r="427456" spans="8:8">
      <c r="H427456" s="12"/>
    </row>
    <row r="427457" spans="8:8">
      <c r="H427457" s="12"/>
    </row>
    <row r="427458" spans="8:8">
      <c r="H427458" s="12"/>
    </row>
    <row r="427459" spans="8:8">
      <c r="H427459" s="12"/>
    </row>
    <row r="427460" spans="8:8">
      <c r="H427460" s="12"/>
    </row>
    <row r="427461" spans="8:8">
      <c r="H427461" s="12"/>
    </row>
    <row r="427462" spans="8:8">
      <c r="H427462" s="12"/>
    </row>
    <row r="427463" spans="8:8">
      <c r="H427463" s="12"/>
    </row>
    <row r="427464" spans="8:8">
      <c r="H427464" s="12"/>
    </row>
    <row r="427465" spans="8:8">
      <c r="H427465" s="12"/>
    </row>
    <row r="427466" spans="8:8">
      <c r="H427466" s="12"/>
    </row>
    <row r="427467" spans="8:8">
      <c r="H427467" s="12"/>
    </row>
    <row r="427468" spans="8:8">
      <c r="H427468" s="12"/>
    </row>
    <row r="427469" spans="8:8">
      <c r="H427469" s="12"/>
    </row>
    <row r="427470" spans="8:8">
      <c r="H427470" s="12"/>
    </row>
    <row r="427471" spans="8:8">
      <c r="H427471" s="12"/>
    </row>
    <row r="427472" spans="8:8">
      <c r="H427472" s="12"/>
    </row>
    <row r="427473" spans="8:8">
      <c r="H427473" s="12"/>
    </row>
    <row r="427474" spans="8:8">
      <c r="H427474" s="12"/>
    </row>
    <row r="427475" spans="8:8">
      <c r="H427475" s="12"/>
    </row>
    <row r="427476" spans="8:8">
      <c r="H427476" s="12"/>
    </row>
    <row r="427477" spans="8:8">
      <c r="H427477" s="12"/>
    </row>
    <row r="427478" spans="8:8">
      <c r="H427478" s="12"/>
    </row>
    <row r="427479" spans="8:8">
      <c r="H427479" s="12"/>
    </row>
    <row r="427480" spans="8:8">
      <c r="H427480" s="12"/>
    </row>
    <row r="427481" spans="8:8">
      <c r="H427481" s="12"/>
    </row>
    <row r="427482" spans="8:8">
      <c r="H427482" s="12"/>
    </row>
    <row r="427483" spans="8:8">
      <c r="H427483" s="12"/>
    </row>
    <row r="427484" spans="8:8">
      <c r="H427484" s="12"/>
    </row>
    <row r="427485" spans="8:8">
      <c r="H427485" s="12"/>
    </row>
    <row r="427486" spans="8:8">
      <c r="H427486" s="12"/>
    </row>
    <row r="427487" spans="8:8">
      <c r="H427487" s="12"/>
    </row>
    <row r="427488" spans="8:8">
      <c r="H427488" s="12"/>
    </row>
    <row r="427489" spans="8:8">
      <c r="H427489" s="12"/>
    </row>
    <row r="427490" spans="8:8">
      <c r="H427490" s="12"/>
    </row>
    <row r="427491" spans="8:8">
      <c r="H427491" s="12"/>
    </row>
    <row r="427492" spans="8:8">
      <c r="H427492" s="12"/>
    </row>
    <row r="427493" spans="8:8">
      <c r="H427493" s="12"/>
    </row>
    <row r="427494" spans="8:8">
      <c r="H427494" s="12"/>
    </row>
    <row r="427495" spans="8:8">
      <c r="H427495" s="12"/>
    </row>
    <row r="427496" spans="8:8">
      <c r="H427496" s="12"/>
    </row>
    <row r="427497" spans="8:8">
      <c r="H427497" s="12"/>
    </row>
    <row r="427498" spans="8:8">
      <c r="H427498" s="12"/>
    </row>
    <row r="427499" spans="8:8">
      <c r="H427499" s="12"/>
    </row>
    <row r="427500" spans="8:8">
      <c r="H427500" s="12"/>
    </row>
    <row r="427501" spans="8:8">
      <c r="H427501" s="12"/>
    </row>
    <row r="427502" spans="8:8">
      <c r="H427502" s="12"/>
    </row>
    <row r="427503" spans="8:8">
      <c r="H427503" s="12"/>
    </row>
    <row r="427504" spans="8:8">
      <c r="H427504" s="12"/>
    </row>
    <row r="427505" spans="8:8">
      <c r="H427505" s="12"/>
    </row>
    <row r="427506" spans="8:8">
      <c r="H427506" s="12"/>
    </row>
    <row r="427507" spans="8:8">
      <c r="H427507" s="12"/>
    </row>
    <row r="427508" spans="8:8">
      <c r="H427508" s="12"/>
    </row>
    <row r="427509" spans="8:8">
      <c r="H427509" s="12"/>
    </row>
    <row r="427510" spans="8:8">
      <c r="H427510" s="12"/>
    </row>
    <row r="427511" spans="8:8">
      <c r="H427511" s="12"/>
    </row>
    <row r="427512" spans="8:8">
      <c r="H427512" s="12"/>
    </row>
    <row r="427513" spans="8:8">
      <c r="H427513" s="12"/>
    </row>
    <row r="427514" spans="8:8">
      <c r="H427514" s="12"/>
    </row>
    <row r="427515" spans="8:8">
      <c r="H427515" s="12"/>
    </row>
    <row r="427516" spans="8:8">
      <c r="H427516" s="12"/>
    </row>
    <row r="427517" spans="8:8">
      <c r="H427517" s="12"/>
    </row>
    <row r="427518" spans="8:8">
      <c r="H427518" s="12"/>
    </row>
    <row r="427519" spans="8:8">
      <c r="H427519" s="12"/>
    </row>
    <row r="427520" spans="8:8">
      <c r="H427520" s="12"/>
    </row>
    <row r="427521" spans="8:8">
      <c r="H427521" s="12"/>
    </row>
    <row r="427522" spans="8:8">
      <c r="H427522" s="12"/>
    </row>
    <row r="427523" spans="8:8">
      <c r="H427523" s="12"/>
    </row>
    <row r="427524" spans="8:8">
      <c r="H427524" s="12"/>
    </row>
    <row r="427525" spans="8:8">
      <c r="H427525" s="12"/>
    </row>
    <row r="427526" spans="8:8">
      <c r="H427526" s="12"/>
    </row>
    <row r="427527" spans="8:8">
      <c r="H427527" s="12"/>
    </row>
    <row r="427528" spans="8:8">
      <c r="H427528" s="12"/>
    </row>
    <row r="427529" spans="8:8">
      <c r="H427529" s="12"/>
    </row>
    <row r="427530" spans="8:8">
      <c r="H427530" s="12"/>
    </row>
    <row r="427531" spans="8:8">
      <c r="H427531" s="12"/>
    </row>
    <row r="427532" spans="8:8">
      <c r="H427532" s="12"/>
    </row>
    <row r="427533" spans="8:8">
      <c r="H427533" s="12"/>
    </row>
    <row r="427534" spans="8:8">
      <c r="H427534" s="12"/>
    </row>
    <row r="427535" spans="8:8">
      <c r="H427535" s="12"/>
    </row>
    <row r="427536" spans="8:8">
      <c r="H427536" s="12"/>
    </row>
    <row r="427537" spans="8:8">
      <c r="H427537" s="12"/>
    </row>
    <row r="427538" spans="8:8">
      <c r="H427538" s="12"/>
    </row>
    <row r="427539" spans="8:8">
      <c r="H427539" s="12"/>
    </row>
    <row r="427540" spans="8:8">
      <c r="H427540" s="12"/>
    </row>
    <row r="427541" spans="8:8">
      <c r="H427541" s="12"/>
    </row>
    <row r="427542" spans="8:8">
      <c r="H427542" s="12"/>
    </row>
    <row r="427543" spans="8:8">
      <c r="H427543" s="12"/>
    </row>
    <row r="427544" spans="8:8">
      <c r="H427544" s="12"/>
    </row>
    <row r="427545" spans="8:8">
      <c r="H427545" s="12"/>
    </row>
    <row r="427546" spans="8:8">
      <c r="H427546" s="12"/>
    </row>
    <row r="427547" spans="8:8">
      <c r="H427547" s="12"/>
    </row>
    <row r="427548" spans="8:8">
      <c r="H427548" s="12"/>
    </row>
    <row r="427549" spans="8:8">
      <c r="H427549" s="12"/>
    </row>
    <row r="427550" spans="8:8">
      <c r="H427550" s="12"/>
    </row>
    <row r="427551" spans="8:8">
      <c r="H427551" s="12"/>
    </row>
    <row r="427552" spans="8:8">
      <c r="H427552" s="12"/>
    </row>
    <row r="427553" spans="8:8">
      <c r="H427553" s="12"/>
    </row>
    <row r="427554" spans="8:8">
      <c r="H427554" s="12"/>
    </row>
    <row r="427555" spans="8:8">
      <c r="H427555" s="12"/>
    </row>
    <row r="427556" spans="8:8">
      <c r="H427556" s="12"/>
    </row>
    <row r="427557" spans="8:8">
      <c r="H427557" s="12"/>
    </row>
    <row r="427558" spans="8:8">
      <c r="H427558" s="12"/>
    </row>
    <row r="427559" spans="8:8">
      <c r="H427559" s="12"/>
    </row>
    <row r="427560" spans="8:8">
      <c r="H427560" s="12"/>
    </row>
    <row r="427561" spans="8:8">
      <c r="H427561" s="12"/>
    </row>
    <row r="427562" spans="8:8">
      <c r="H427562" s="12"/>
    </row>
    <row r="427563" spans="8:8">
      <c r="H427563" s="12"/>
    </row>
    <row r="427564" spans="8:8">
      <c r="H427564" s="12"/>
    </row>
    <row r="427565" spans="8:8">
      <c r="H427565" s="12"/>
    </row>
    <row r="427566" spans="8:8">
      <c r="H427566" s="12"/>
    </row>
    <row r="427567" spans="8:8">
      <c r="H427567" s="12"/>
    </row>
    <row r="427568" spans="8:8">
      <c r="H427568" s="12"/>
    </row>
    <row r="427569" spans="8:8">
      <c r="H427569" s="12"/>
    </row>
    <row r="427570" spans="8:8">
      <c r="H427570" s="12"/>
    </row>
    <row r="427571" spans="8:8">
      <c r="H427571" s="12"/>
    </row>
    <row r="427572" spans="8:8">
      <c r="H427572" s="12"/>
    </row>
    <row r="427573" spans="8:8">
      <c r="H427573" s="12"/>
    </row>
    <row r="427574" spans="8:8">
      <c r="H427574" s="12"/>
    </row>
    <row r="427575" spans="8:8">
      <c r="H427575" s="12"/>
    </row>
    <row r="427576" spans="8:8">
      <c r="H427576" s="12"/>
    </row>
    <row r="427577" spans="8:8">
      <c r="H427577" s="12"/>
    </row>
    <row r="427578" spans="8:8">
      <c r="H427578" s="12"/>
    </row>
    <row r="427579" spans="8:8">
      <c r="H427579" s="12"/>
    </row>
    <row r="427580" spans="8:8">
      <c r="H427580" s="12"/>
    </row>
    <row r="427581" spans="8:8">
      <c r="H427581" s="12"/>
    </row>
    <row r="427582" spans="8:8">
      <c r="H427582" s="12"/>
    </row>
    <row r="427583" spans="8:8">
      <c r="H427583" s="12"/>
    </row>
    <row r="427584" spans="8:8">
      <c r="H427584" s="12"/>
    </row>
    <row r="427585" spans="8:8">
      <c r="H427585" s="12"/>
    </row>
    <row r="427586" spans="8:8">
      <c r="H427586" s="12"/>
    </row>
    <row r="427587" spans="8:8">
      <c r="H427587" s="12"/>
    </row>
    <row r="427588" spans="8:8">
      <c r="H427588" s="12"/>
    </row>
    <row r="427589" spans="8:8">
      <c r="H427589" s="12"/>
    </row>
    <row r="427590" spans="8:8">
      <c r="H427590" s="12"/>
    </row>
    <row r="427591" spans="8:8">
      <c r="H427591" s="12"/>
    </row>
    <row r="427592" spans="8:8">
      <c r="H427592" s="12"/>
    </row>
    <row r="427593" spans="8:8">
      <c r="H427593" s="12"/>
    </row>
    <row r="427594" spans="8:8">
      <c r="H427594" s="12"/>
    </row>
    <row r="427595" spans="8:8">
      <c r="H427595" s="12"/>
    </row>
    <row r="427596" spans="8:8">
      <c r="H427596" s="12"/>
    </row>
    <row r="427597" spans="8:8">
      <c r="H427597" s="12"/>
    </row>
    <row r="427598" spans="8:8">
      <c r="H427598" s="12"/>
    </row>
    <row r="427599" spans="8:8">
      <c r="H427599" s="12"/>
    </row>
    <row r="427600" spans="8:8">
      <c r="H427600" s="12"/>
    </row>
    <row r="427601" spans="8:8">
      <c r="H427601" s="12"/>
    </row>
    <row r="427602" spans="8:8">
      <c r="H427602" s="12"/>
    </row>
    <row r="427603" spans="8:8">
      <c r="H427603" s="12"/>
    </row>
    <row r="427604" spans="8:8">
      <c r="H427604" s="12"/>
    </row>
    <row r="427605" spans="8:8">
      <c r="H427605" s="12"/>
    </row>
    <row r="427606" spans="8:8">
      <c r="H427606" s="12"/>
    </row>
    <row r="427607" spans="8:8">
      <c r="H427607" s="12"/>
    </row>
    <row r="427608" spans="8:8">
      <c r="H427608" s="12"/>
    </row>
    <row r="427609" spans="8:8">
      <c r="H427609" s="12"/>
    </row>
    <row r="427610" spans="8:8">
      <c r="H427610" s="12"/>
    </row>
    <row r="427611" spans="8:8">
      <c r="H427611" s="12"/>
    </row>
    <row r="427612" spans="8:8">
      <c r="H427612" s="12"/>
    </row>
    <row r="427613" spans="8:8">
      <c r="H427613" s="12"/>
    </row>
    <row r="427614" spans="8:8">
      <c r="H427614" s="12"/>
    </row>
    <row r="427615" spans="8:8">
      <c r="H427615" s="12"/>
    </row>
    <row r="427616" spans="8:8">
      <c r="H427616" s="12"/>
    </row>
    <row r="427617" spans="8:8">
      <c r="H427617" s="12"/>
    </row>
    <row r="427618" spans="8:8">
      <c r="H427618" s="12"/>
    </row>
    <row r="427619" spans="8:8">
      <c r="H427619" s="12"/>
    </row>
    <row r="427620" spans="8:8">
      <c r="H427620" s="12"/>
    </row>
    <row r="427621" spans="8:8">
      <c r="H427621" s="12"/>
    </row>
    <row r="427622" spans="8:8">
      <c r="H427622" s="12"/>
    </row>
    <row r="427623" spans="8:8">
      <c r="H427623" s="12"/>
    </row>
    <row r="427624" spans="8:8">
      <c r="H427624" s="12"/>
    </row>
    <row r="427625" spans="8:8">
      <c r="H427625" s="12"/>
    </row>
    <row r="427626" spans="8:8">
      <c r="H427626" s="12"/>
    </row>
    <row r="427627" spans="8:8">
      <c r="H427627" s="12"/>
    </row>
    <row r="427628" spans="8:8">
      <c r="H427628" s="12"/>
    </row>
    <row r="427629" spans="8:8">
      <c r="H427629" s="12"/>
    </row>
    <row r="427630" spans="8:8">
      <c r="H427630" s="12"/>
    </row>
    <row r="427631" spans="8:8">
      <c r="H427631" s="12"/>
    </row>
    <row r="427632" spans="8:8">
      <c r="H427632" s="12"/>
    </row>
    <row r="427633" spans="8:8">
      <c r="H427633" s="12"/>
    </row>
    <row r="427634" spans="8:8">
      <c r="H427634" s="12"/>
    </row>
    <row r="427635" spans="8:8">
      <c r="H427635" s="12"/>
    </row>
    <row r="427636" spans="8:8">
      <c r="H427636" s="12"/>
    </row>
    <row r="427637" spans="8:8">
      <c r="H427637" s="12"/>
    </row>
    <row r="427638" spans="8:8">
      <c r="H427638" s="12"/>
    </row>
    <row r="427639" spans="8:8">
      <c r="H427639" s="12"/>
    </row>
    <row r="427640" spans="8:8">
      <c r="H427640" s="12"/>
    </row>
    <row r="427641" spans="8:8">
      <c r="H427641" s="12"/>
    </row>
    <row r="427642" spans="8:8">
      <c r="H427642" s="12"/>
    </row>
    <row r="427643" spans="8:8">
      <c r="H427643" s="12"/>
    </row>
    <row r="427644" spans="8:8">
      <c r="H427644" s="12"/>
    </row>
    <row r="427645" spans="8:8">
      <c r="H427645" s="12"/>
    </row>
    <row r="427646" spans="8:8">
      <c r="H427646" s="12"/>
    </row>
    <row r="427647" spans="8:8">
      <c r="H427647" s="12"/>
    </row>
    <row r="427648" spans="8:8">
      <c r="H427648" s="12"/>
    </row>
    <row r="427649" spans="8:8">
      <c r="H427649" s="12"/>
    </row>
    <row r="427650" spans="8:8">
      <c r="H427650" s="12"/>
    </row>
    <row r="427651" spans="8:8">
      <c r="H427651" s="12"/>
    </row>
    <row r="427652" spans="8:8">
      <c r="H427652" s="12"/>
    </row>
    <row r="427653" spans="8:8">
      <c r="H427653" s="12"/>
    </row>
    <row r="427654" spans="8:8">
      <c r="H427654" s="12"/>
    </row>
    <row r="427655" spans="8:8">
      <c r="H427655" s="12"/>
    </row>
    <row r="427656" spans="8:8">
      <c r="H427656" s="12"/>
    </row>
    <row r="427657" spans="8:8">
      <c r="H427657" s="12"/>
    </row>
    <row r="427658" spans="8:8">
      <c r="H427658" s="12"/>
    </row>
    <row r="427659" spans="8:8">
      <c r="H427659" s="12"/>
    </row>
    <row r="427660" spans="8:8">
      <c r="H427660" s="12"/>
    </row>
    <row r="427661" spans="8:8">
      <c r="H427661" s="12"/>
    </row>
    <row r="427662" spans="8:8">
      <c r="H427662" s="12"/>
    </row>
    <row r="427663" spans="8:8">
      <c r="H427663" s="12"/>
    </row>
    <row r="427664" spans="8:8">
      <c r="H427664" s="12"/>
    </row>
    <row r="427665" spans="8:8">
      <c r="H427665" s="12"/>
    </row>
    <row r="427666" spans="8:8">
      <c r="H427666" s="12"/>
    </row>
    <row r="427667" spans="8:8">
      <c r="H427667" s="12"/>
    </row>
    <row r="427668" spans="8:8">
      <c r="H427668" s="12"/>
    </row>
    <row r="427669" spans="8:8">
      <c r="H427669" s="12"/>
    </row>
    <row r="427670" spans="8:8">
      <c r="H427670" s="12"/>
    </row>
    <row r="427671" spans="8:8">
      <c r="H427671" s="12"/>
    </row>
    <row r="427672" spans="8:8">
      <c r="H427672" s="12"/>
    </row>
    <row r="427673" spans="8:8">
      <c r="H427673" s="12"/>
    </row>
    <row r="427674" spans="8:8">
      <c r="H427674" s="12"/>
    </row>
    <row r="427675" spans="8:8">
      <c r="H427675" s="12"/>
    </row>
    <row r="427676" spans="8:8">
      <c r="H427676" s="12"/>
    </row>
    <row r="427677" spans="8:8">
      <c r="H427677" s="12"/>
    </row>
    <row r="427678" spans="8:8">
      <c r="H427678" s="12"/>
    </row>
    <row r="427679" spans="8:8">
      <c r="H427679" s="12"/>
    </row>
    <row r="427680" spans="8:8">
      <c r="H427680" s="12"/>
    </row>
    <row r="427681" spans="8:8">
      <c r="H427681" s="12"/>
    </row>
    <row r="427682" spans="8:8">
      <c r="H427682" s="12"/>
    </row>
    <row r="427683" spans="8:8">
      <c r="H427683" s="12"/>
    </row>
    <row r="427684" spans="8:8">
      <c r="H427684" s="12"/>
    </row>
    <row r="427685" spans="8:8">
      <c r="H427685" s="12"/>
    </row>
    <row r="427686" spans="8:8">
      <c r="H427686" s="12"/>
    </row>
    <row r="427687" spans="8:8">
      <c r="H427687" s="12"/>
    </row>
    <row r="427688" spans="8:8">
      <c r="H427688" s="12"/>
    </row>
    <row r="427689" spans="8:8">
      <c r="H427689" s="12"/>
    </row>
    <row r="427690" spans="8:8">
      <c r="H427690" s="12"/>
    </row>
    <row r="427691" spans="8:8">
      <c r="H427691" s="12"/>
    </row>
    <row r="427692" spans="8:8">
      <c r="H427692" s="12"/>
    </row>
    <row r="427693" spans="8:8">
      <c r="H427693" s="12"/>
    </row>
    <row r="427694" spans="8:8">
      <c r="H427694" s="12"/>
    </row>
    <row r="427695" spans="8:8">
      <c r="H427695" s="12"/>
    </row>
    <row r="427696" spans="8:8">
      <c r="H427696" s="12"/>
    </row>
    <row r="427697" spans="8:8">
      <c r="H427697" s="12"/>
    </row>
    <row r="427698" spans="8:8">
      <c r="H427698" s="12"/>
    </row>
    <row r="427699" spans="8:8">
      <c r="H427699" s="12"/>
    </row>
    <row r="427700" spans="8:8">
      <c r="H427700" s="12"/>
    </row>
    <row r="427701" spans="8:8">
      <c r="H427701" s="12"/>
    </row>
    <row r="427702" spans="8:8">
      <c r="H427702" s="12"/>
    </row>
    <row r="427703" spans="8:8">
      <c r="H427703" s="12"/>
    </row>
    <row r="427704" spans="8:8">
      <c r="H427704" s="12"/>
    </row>
    <row r="427705" spans="8:8">
      <c r="H427705" s="12"/>
    </row>
    <row r="427706" spans="8:8">
      <c r="H427706" s="12"/>
    </row>
    <row r="427707" spans="8:8">
      <c r="H427707" s="12"/>
    </row>
    <row r="427708" spans="8:8">
      <c r="H427708" s="12"/>
    </row>
    <row r="427709" spans="8:8">
      <c r="H427709" s="12"/>
    </row>
    <row r="427710" spans="8:8">
      <c r="H427710" s="12"/>
    </row>
    <row r="427711" spans="8:8">
      <c r="H427711" s="12"/>
    </row>
    <row r="427712" spans="8:8">
      <c r="H427712" s="12"/>
    </row>
    <row r="427713" spans="8:8">
      <c r="H427713" s="12"/>
    </row>
    <row r="427714" spans="8:8">
      <c r="H427714" s="12"/>
    </row>
    <row r="427715" spans="8:8">
      <c r="H427715" s="12"/>
    </row>
    <row r="427716" spans="8:8">
      <c r="H427716" s="12"/>
    </row>
    <row r="427717" spans="8:8">
      <c r="H427717" s="12"/>
    </row>
    <row r="427718" spans="8:8">
      <c r="H427718" s="12"/>
    </row>
    <row r="427719" spans="8:8">
      <c r="H427719" s="12"/>
    </row>
    <row r="427720" spans="8:8">
      <c r="H427720" s="12"/>
    </row>
    <row r="427721" spans="8:8">
      <c r="H427721" s="12"/>
    </row>
    <row r="427722" spans="8:8">
      <c r="H427722" s="12"/>
    </row>
    <row r="427723" spans="8:8">
      <c r="H427723" s="12"/>
    </row>
    <row r="427724" spans="8:8">
      <c r="H427724" s="12"/>
    </row>
    <row r="427725" spans="8:8">
      <c r="H427725" s="12"/>
    </row>
    <row r="427726" spans="8:8">
      <c r="H427726" s="12"/>
    </row>
    <row r="427727" spans="8:8">
      <c r="H427727" s="12"/>
    </row>
    <row r="427728" spans="8:8">
      <c r="H427728" s="12"/>
    </row>
    <row r="427729" spans="8:8">
      <c r="H427729" s="12"/>
    </row>
    <row r="427730" spans="8:8">
      <c r="H427730" s="12"/>
    </row>
    <row r="427731" spans="8:8">
      <c r="H427731" s="12"/>
    </row>
    <row r="427732" spans="8:8">
      <c r="H427732" s="12"/>
    </row>
    <row r="427733" spans="8:8">
      <c r="H427733" s="12"/>
    </row>
    <row r="427734" spans="8:8">
      <c r="H427734" s="12"/>
    </row>
    <row r="427735" spans="8:8">
      <c r="H427735" s="12"/>
    </row>
    <row r="427736" spans="8:8">
      <c r="H427736" s="12"/>
    </row>
    <row r="427737" spans="8:8">
      <c r="H427737" s="12"/>
    </row>
    <row r="427738" spans="8:8">
      <c r="H427738" s="12"/>
    </row>
    <row r="427739" spans="8:8">
      <c r="H427739" s="12"/>
    </row>
    <row r="427740" spans="8:8">
      <c r="H427740" s="12"/>
    </row>
    <row r="427741" spans="8:8">
      <c r="H427741" s="12"/>
    </row>
    <row r="427742" spans="8:8">
      <c r="H427742" s="12"/>
    </row>
    <row r="427743" spans="8:8">
      <c r="H427743" s="12"/>
    </row>
    <row r="427744" spans="8:8">
      <c r="H427744" s="12"/>
    </row>
    <row r="427745" spans="8:8">
      <c r="H427745" s="12"/>
    </row>
    <row r="427746" spans="8:8">
      <c r="H427746" s="12"/>
    </row>
    <row r="427747" spans="8:8">
      <c r="H427747" s="12"/>
    </row>
    <row r="427748" spans="8:8">
      <c r="H427748" s="12"/>
    </row>
    <row r="427749" spans="8:8">
      <c r="H427749" s="12"/>
    </row>
    <row r="427750" spans="8:8">
      <c r="H427750" s="12"/>
    </row>
    <row r="427751" spans="8:8">
      <c r="H427751" s="12"/>
    </row>
    <row r="427752" spans="8:8">
      <c r="H427752" s="12"/>
    </row>
    <row r="427753" spans="8:8">
      <c r="H427753" s="12"/>
    </row>
    <row r="427754" spans="8:8">
      <c r="H427754" s="12"/>
    </row>
    <row r="427755" spans="8:8">
      <c r="H427755" s="12"/>
    </row>
    <row r="427756" spans="8:8">
      <c r="H427756" s="12"/>
    </row>
    <row r="427757" spans="8:8">
      <c r="H427757" s="12"/>
    </row>
    <row r="427758" spans="8:8">
      <c r="H427758" s="12"/>
    </row>
    <row r="427759" spans="8:8">
      <c r="H427759" s="12"/>
    </row>
    <row r="427760" spans="8:8">
      <c r="H427760" s="12"/>
    </row>
    <row r="427761" spans="8:8">
      <c r="H427761" s="12"/>
    </row>
    <row r="427762" spans="8:8">
      <c r="H427762" s="12"/>
    </row>
    <row r="427763" spans="8:8">
      <c r="H427763" s="12"/>
    </row>
    <row r="427764" spans="8:8">
      <c r="H427764" s="12"/>
    </row>
    <row r="427765" spans="8:8">
      <c r="H427765" s="12"/>
    </row>
    <row r="427766" spans="8:8">
      <c r="H427766" s="12"/>
    </row>
    <row r="427767" spans="8:8">
      <c r="H427767" s="12"/>
    </row>
    <row r="427768" spans="8:8">
      <c r="H427768" s="12"/>
    </row>
    <row r="427769" spans="8:8">
      <c r="H427769" s="12"/>
    </row>
    <row r="427770" spans="8:8">
      <c r="H427770" s="12"/>
    </row>
    <row r="427771" spans="8:8">
      <c r="H427771" s="12"/>
    </row>
    <row r="427772" spans="8:8">
      <c r="H427772" s="12"/>
    </row>
    <row r="427773" spans="8:8">
      <c r="H427773" s="12"/>
    </row>
    <row r="427774" spans="8:8">
      <c r="H427774" s="12"/>
    </row>
    <row r="427775" spans="8:8">
      <c r="H427775" s="12"/>
    </row>
    <row r="427776" spans="8:8">
      <c r="H427776" s="12"/>
    </row>
    <row r="427777" spans="8:8">
      <c r="H427777" s="12"/>
    </row>
    <row r="427778" spans="8:8">
      <c r="H427778" s="12"/>
    </row>
    <row r="427779" spans="8:8">
      <c r="H427779" s="12"/>
    </row>
    <row r="427780" spans="8:8">
      <c r="H427780" s="12"/>
    </row>
    <row r="427781" spans="8:8">
      <c r="H427781" s="12"/>
    </row>
    <row r="427782" spans="8:8">
      <c r="H427782" s="12"/>
    </row>
    <row r="427783" spans="8:8">
      <c r="H427783" s="12"/>
    </row>
    <row r="427784" spans="8:8">
      <c r="H427784" s="12"/>
    </row>
    <row r="427785" spans="8:8">
      <c r="H427785" s="12"/>
    </row>
    <row r="427786" spans="8:8">
      <c r="H427786" s="12"/>
    </row>
    <row r="427787" spans="8:8">
      <c r="H427787" s="12"/>
    </row>
    <row r="427788" spans="8:8">
      <c r="H427788" s="12"/>
    </row>
    <row r="427789" spans="8:8">
      <c r="H427789" s="12"/>
    </row>
    <row r="427790" spans="8:8">
      <c r="H427790" s="12"/>
    </row>
    <row r="427791" spans="8:8">
      <c r="H427791" s="12"/>
    </row>
    <row r="427792" spans="8:8">
      <c r="H427792" s="12"/>
    </row>
    <row r="427793" spans="8:8">
      <c r="H427793" s="12"/>
    </row>
    <row r="427794" spans="8:8">
      <c r="H427794" s="12"/>
    </row>
    <row r="427795" spans="8:8">
      <c r="H427795" s="12"/>
    </row>
    <row r="427796" spans="8:8">
      <c r="H427796" s="12"/>
    </row>
    <row r="427797" spans="8:8">
      <c r="H427797" s="12"/>
    </row>
    <row r="427798" spans="8:8">
      <c r="H427798" s="12"/>
    </row>
    <row r="427799" spans="8:8">
      <c r="H427799" s="12"/>
    </row>
    <row r="427800" spans="8:8">
      <c r="H427800" s="12"/>
    </row>
    <row r="427801" spans="8:8">
      <c r="H427801" s="12"/>
    </row>
    <row r="427802" spans="8:8">
      <c r="H427802" s="12"/>
    </row>
    <row r="427803" spans="8:8">
      <c r="H427803" s="12"/>
    </row>
    <row r="427804" spans="8:8">
      <c r="H427804" s="12"/>
    </row>
    <row r="427805" spans="8:8">
      <c r="H427805" s="12"/>
    </row>
    <row r="427806" spans="8:8">
      <c r="H427806" s="12"/>
    </row>
    <row r="427807" spans="8:8">
      <c r="H427807" s="12"/>
    </row>
    <row r="427808" spans="8:8">
      <c r="H427808" s="12"/>
    </row>
    <row r="427809" spans="8:8">
      <c r="H427809" s="12"/>
    </row>
    <row r="427810" spans="8:8">
      <c r="H427810" s="12"/>
    </row>
    <row r="427811" spans="8:8">
      <c r="H427811" s="12"/>
    </row>
    <row r="427812" spans="8:8">
      <c r="H427812" s="12"/>
    </row>
    <row r="427813" spans="8:8">
      <c r="H427813" s="12"/>
    </row>
    <row r="427814" spans="8:8">
      <c r="H427814" s="12"/>
    </row>
    <row r="427815" spans="8:8">
      <c r="H427815" s="12"/>
    </row>
    <row r="427816" spans="8:8">
      <c r="H427816" s="12"/>
    </row>
    <row r="427817" spans="8:8">
      <c r="H427817" s="12"/>
    </row>
    <row r="427818" spans="8:8">
      <c r="H427818" s="12"/>
    </row>
    <row r="427819" spans="8:8">
      <c r="H427819" s="12"/>
    </row>
    <row r="427820" spans="8:8">
      <c r="H427820" s="12"/>
    </row>
    <row r="427821" spans="8:8">
      <c r="H427821" s="12"/>
    </row>
    <row r="427822" spans="8:8">
      <c r="H427822" s="12"/>
    </row>
    <row r="427823" spans="8:8">
      <c r="H427823" s="12"/>
    </row>
    <row r="427824" spans="8:8">
      <c r="H427824" s="12"/>
    </row>
    <row r="427825" spans="8:8">
      <c r="H427825" s="12"/>
    </row>
    <row r="427826" spans="8:8">
      <c r="H427826" s="12"/>
    </row>
    <row r="427827" spans="8:8">
      <c r="H427827" s="12"/>
    </row>
    <row r="427828" spans="8:8">
      <c r="H427828" s="12"/>
    </row>
    <row r="427829" spans="8:8">
      <c r="H427829" s="12"/>
    </row>
    <row r="427830" spans="8:8">
      <c r="H427830" s="12"/>
    </row>
    <row r="427831" spans="8:8">
      <c r="H427831" s="12"/>
    </row>
    <row r="427832" spans="8:8">
      <c r="H427832" s="12"/>
    </row>
    <row r="427833" spans="8:8">
      <c r="H427833" s="12"/>
    </row>
    <row r="427834" spans="8:8">
      <c r="H427834" s="12"/>
    </row>
    <row r="427835" spans="8:8">
      <c r="H427835" s="12"/>
    </row>
    <row r="427836" spans="8:8">
      <c r="H427836" s="12"/>
    </row>
    <row r="427837" spans="8:8">
      <c r="H427837" s="12"/>
    </row>
    <row r="427838" spans="8:8">
      <c r="H427838" s="12"/>
    </row>
    <row r="427839" spans="8:8">
      <c r="H427839" s="12"/>
    </row>
    <row r="427840" spans="8:8">
      <c r="H427840" s="12"/>
    </row>
    <row r="427841" spans="8:8">
      <c r="H427841" s="12"/>
    </row>
    <row r="427842" spans="8:8">
      <c r="H427842" s="12"/>
    </row>
    <row r="427843" spans="8:8">
      <c r="H427843" s="12"/>
    </row>
    <row r="427844" spans="8:8">
      <c r="H427844" s="12"/>
    </row>
    <row r="427845" spans="8:8">
      <c r="H427845" s="12"/>
    </row>
    <row r="427846" spans="8:8">
      <c r="H427846" s="12"/>
    </row>
    <row r="427847" spans="8:8">
      <c r="H427847" s="12"/>
    </row>
    <row r="427848" spans="8:8">
      <c r="H427848" s="12"/>
    </row>
    <row r="427849" spans="8:8">
      <c r="H427849" s="12"/>
    </row>
    <row r="427850" spans="8:8">
      <c r="H427850" s="12"/>
    </row>
    <row r="427851" spans="8:8">
      <c r="H427851" s="12"/>
    </row>
    <row r="427852" spans="8:8">
      <c r="H427852" s="12"/>
    </row>
    <row r="427853" spans="8:8">
      <c r="H427853" s="12"/>
    </row>
    <row r="427854" spans="8:8">
      <c r="H427854" s="12"/>
    </row>
    <row r="427855" spans="8:8">
      <c r="H427855" s="12"/>
    </row>
    <row r="427856" spans="8:8">
      <c r="H427856" s="12"/>
    </row>
    <row r="427857" spans="8:8">
      <c r="H427857" s="12"/>
    </row>
    <row r="427858" spans="8:8">
      <c r="H427858" s="12"/>
    </row>
    <row r="427859" spans="8:8">
      <c r="H427859" s="12"/>
    </row>
    <row r="427860" spans="8:8">
      <c r="H427860" s="12"/>
    </row>
    <row r="427861" spans="8:8">
      <c r="H427861" s="12"/>
    </row>
    <row r="427862" spans="8:8">
      <c r="H427862" s="12"/>
    </row>
    <row r="427863" spans="8:8">
      <c r="H427863" s="12"/>
    </row>
    <row r="427864" spans="8:8">
      <c r="H427864" s="12"/>
    </row>
    <row r="427865" spans="8:8">
      <c r="H427865" s="12"/>
    </row>
    <row r="427866" spans="8:8">
      <c r="H427866" s="12"/>
    </row>
    <row r="427867" spans="8:8">
      <c r="H427867" s="12"/>
    </row>
    <row r="427868" spans="8:8">
      <c r="H427868" s="12"/>
    </row>
    <row r="427869" spans="8:8">
      <c r="H427869" s="12"/>
    </row>
    <row r="427870" spans="8:8">
      <c r="H427870" s="12"/>
    </row>
    <row r="427871" spans="8:8">
      <c r="H427871" s="12"/>
    </row>
    <row r="427872" spans="8:8">
      <c r="H427872" s="12"/>
    </row>
    <row r="427873" spans="8:8">
      <c r="H427873" s="12"/>
    </row>
    <row r="427874" spans="8:8">
      <c r="H427874" s="12"/>
    </row>
    <row r="427875" spans="8:8">
      <c r="H427875" s="12"/>
    </row>
    <row r="427876" spans="8:8">
      <c r="H427876" s="12"/>
    </row>
    <row r="427877" spans="8:8">
      <c r="H427877" s="12"/>
    </row>
    <row r="427878" spans="8:8">
      <c r="H427878" s="12"/>
    </row>
    <row r="427879" spans="8:8">
      <c r="H427879" s="12"/>
    </row>
    <row r="427880" spans="8:8">
      <c r="H427880" s="12"/>
    </row>
    <row r="427881" spans="8:8">
      <c r="H427881" s="12"/>
    </row>
    <row r="427882" spans="8:8">
      <c r="H427882" s="12"/>
    </row>
    <row r="427883" spans="8:8">
      <c r="H427883" s="12"/>
    </row>
    <row r="427884" spans="8:8">
      <c r="H427884" s="12"/>
    </row>
    <row r="427885" spans="8:8">
      <c r="H427885" s="12"/>
    </row>
    <row r="427886" spans="8:8">
      <c r="H427886" s="12"/>
    </row>
    <row r="427887" spans="8:8">
      <c r="H427887" s="12"/>
    </row>
    <row r="427888" spans="8:8">
      <c r="H427888" s="12"/>
    </row>
    <row r="427889" spans="8:8">
      <c r="H427889" s="12"/>
    </row>
    <row r="427890" spans="8:8">
      <c r="H427890" s="12"/>
    </row>
    <row r="427891" spans="8:8">
      <c r="H427891" s="12"/>
    </row>
    <row r="427892" spans="8:8">
      <c r="H427892" s="12"/>
    </row>
    <row r="427893" spans="8:8">
      <c r="H427893" s="12"/>
    </row>
    <row r="427894" spans="8:8">
      <c r="H427894" s="12"/>
    </row>
    <row r="427895" spans="8:8">
      <c r="H427895" s="12"/>
    </row>
    <row r="427896" spans="8:8">
      <c r="H427896" s="12"/>
    </row>
    <row r="427897" spans="8:8">
      <c r="H427897" s="12"/>
    </row>
    <row r="427898" spans="8:8">
      <c r="H427898" s="12"/>
    </row>
    <row r="427899" spans="8:8">
      <c r="H427899" s="12"/>
    </row>
    <row r="427900" spans="8:8">
      <c r="H427900" s="12"/>
    </row>
    <row r="427901" spans="8:8">
      <c r="H427901" s="12"/>
    </row>
    <row r="427902" spans="8:8">
      <c r="H427902" s="12"/>
    </row>
    <row r="427903" spans="8:8">
      <c r="H427903" s="12"/>
    </row>
    <row r="427904" spans="8:8">
      <c r="H427904" s="12"/>
    </row>
    <row r="427905" spans="8:8">
      <c r="H427905" s="12"/>
    </row>
    <row r="427906" spans="8:8">
      <c r="H427906" s="12"/>
    </row>
    <row r="427907" spans="8:8">
      <c r="H427907" s="12"/>
    </row>
    <row r="427908" spans="8:8">
      <c r="H427908" s="12"/>
    </row>
    <row r="427909" spans="8:8">
      <c r="H427909" s="12"/>
    </row>
    <row r="427910" spans="8:8">
      <c r="H427910" s="12"/>
    </row>
    <row r="427911" spans="8:8">
      <c r="H427911" s="12"/>
    </row>
    <row r="427912" spans="8:8">
      <c r="H427912" s="12"/>
    </row>
    <row r="427913" spans="8:8">
      <c r="H427913" s="12"/>
    </row>
    <row r="427914" spans="8:8">
      <c r="H427914" s="12"/>
    </row>
    <row r="427915" spans="8:8">
      <c r="H427915" s="12"/>
    </row>
    <row r="427916" spans="8:8">
      <c r="H427916" s="12"/>
    </row>
    <row r="427917" spans="8:8">
      <c r="H427917" s="12"/>
    </row>
    <row r="427918" spans="8:8">
      <c r="H427918" s="12"/>
    </row>
    <row r="427919" spans="8:8">
      <c r="H427919" s="12"/>
    </row>
    <row r="427920" spans="8:8">
      <c r="H427920" s="12"/>
    </row>
    <row r="427921" spans="8:8">
      <c r="H427921" s="12"/>
    </row>
    <row r="427922" spans="8:8">
      <c r="H427922" s="12"/>
    </row>
    <row r="427923" spans="8:8">
      <c r="H427923" s="12"/>
    </row>
    <row r="427924" spans="8:8">
      <c r="H427924" s="12"/>
    </row>
    <row r="427925" spans="8:8">
      <c r="H427925" s="12"/>
    </row>
    <row r="427926" spans="8:8">
      <c r="H427926" s="12"/>
    </row>
    <row r="427927" spans="8:8">
      <c r="H427927" s="12"/>
    </row>
    <row r="427928" spans="8:8">
      <c r="H427928" s="12"/>
    </row>
    <row r="427929" spans="8:8">
      <c r="H427929" s="12"/>
    </row>
    <row r="427930" spans="8:8">
      <c r="H427930" s="12"/>
    </row>
    <row r="427931" spans="8:8">
      <c r="H427931" s="12"/>
    </row>
    <row r="427932" spans="8:8">
      <c r="H427932" s="12"/>
    </row>
    <row r="427933" spans="8:8">
      <c r="H427933" s="12"/>
    </row>
    <row r="427934" spans="8:8">
      <c r="H427934" s="12"/>
    </row>
    <row r="427935" spans="8:8">
      <c r="H427935" s="12"/>
    </row>
    <row r="427936" spans="8:8">
      <c r="H427936" s="12"/>
    </row>
    <row r="427937" spans="8:8">
      <c r="H427937" s="12"/>
    </row>
    <row r="427938" spans="8:8">
      <c r="H427938" s="12"/>
    </row>
    <row r="427939" spans="8:8">
      <c r="H427939" s="12"/>
    </row>
    <row r="427940" spans="8:8">
      <c r="H427940" s="12"/>
    </row>
    <row r="427941" spans="8:8">
      <c r="H427941" s="12"/>
    </row>
    <row r="427942" spans="8:8">
      <c r="H427942" s="12"/>
    </row>
    <row r="427943" spans="8:8">
      <c r="H427943" s="12"/>
    </row>
    <row r="427944" spans="8:8">
      <c r="H427944" s="12"/>
    </row>
    <row r="427945" spans="8:8">
      <c r="H427945" s="12"/>
    </row>
    <row r="427946" spans="8:8">
      <c r="H427946" s="12"/>
    </row>
    <row r="427947" spans="8:8">
      <c r="H427947" s="12"/>
    </row>
    <row r="427948" spans="8:8">
      <c r="H427948" s="12"/>
    </row>
    <row r="427949" spans="8:8">
      <c r="H427949" s="12"/>
    </row>
    <row r="427950" spans="8:8">
      <c r="H427950" s="12"/>
    </row>
    <row r="427951" spans="8:8">
      <c r="H427951" s="12"/>
    </row>
    <row r="427952" spans="8:8">
      <c r="H427952" s="12"/>
    </row>
    <row r="427953" spans="8:8">
      <c r="H427953" s="12"/>
    </row>
    <row r="427954" spans="8:8">
      <c r="H427954" s="12"/>
    </row>
    <row r="427955" spans="8:8">
      <c r="H427955" s="12"/>
    </row>
    <row r="427956" spans="8:8">
      <c r="H427956" s="12"/>
    </row>
    <row r="427957" spans="8:8">
      <c r="H427957" s="12"/>
    </row>
    <row r="427958" spans="8:8">
      <c r="H427958" s="12"/>
    </row>
    <row r="427959" spans="8:8">
      <c r="H427959" s="12"/>
    </row>
    <row r="427960" spans="8:8">
      <c r="H427960" s="12"/>
    </row>
    <row r="427961" spans="8:8">
      <c r="H427961" s="12"/>
    </row>
    <row r="427962" spans="8:8">
      <c r="H427962" s="12"/>
    </row>
    <row r="427963" spans="8:8">
      <c r="H427963" s="12"/>
    </row>
    <row r="427964" spans="8:8">
      <c r="H427964" s="12"/>
    </row>
    <row r="427965" spans="8:8">
      <c r="H427965" s="12"/>
    </row>
    <row r="427966" spans="8:8">
      <c r="H427966" s="12"/>
    </row>
    <row r="427967" spans="8:8">
      <c r="H427967" s="12"/>
    </row>
    <row r="427968" spans="8:8">
      <c r="H427968" s="12"/>
    </row>
    <row r="427969" spans="8:8">
      <c r="H427969" s="12"/>
    </row>
    <row r="427970" spans="8:8">
      <c r="H427970" s="12"/>
    </row>
    <row r="427971" spans="8:8">
      <c r="H427971" s="12"/>
    </row>
    <row r="427972" spans="8:8">
      <c r="H427972" s="12"/>
    </row>
    <row r="427973" spans="8:8">
      <c r="H427973" s="12"/>
    </row>
    <row r="427974" spans="8:8">
      <c r="H427974" s="12"/>
    </row>
    <row r="427975" spans="8:8">
      <c r="H427975" s="12"/>
    </row>
    <row r="427976" spans="8:8">
      <c r="H427976" s="12"/>
    </row>
    <row r="427977" spans="8:8">
      <c r="H427977" s="12"/>
    </row>
    <row r="427978" spans="8:8">
      <c r="H427978" s="12"/>
    </row>
    <row r="427979" spans="8:8">
      <c r="H427979" s="12"/>
    </row>
    <row r="427980" spans="8:8">
      <c r="H427980" s="12"/>
    </row>
    <row r="427981" spans="8:8">
      <c r="H427981" s="12"/>
    </row>
    <row r="427982" spans="8:8">
      <c r="H427982" s="12"/>
    </row>
    <row r="427983" spans="8:8">
      <c r="H427983" s="12"/>
    </row>
    <row r="427984" spans="8:8">
      <c r="H427984" s="12"/>
    </row>
    <row r="427985" spans="8:8">
      <c r="H427985" s="12"/>
    </row>
    <row r="427986" spans="8:8">
      <c r="H427986" s="12"/>
    </row>
    <row r="427987" spans="8:8">
      <c r="H427987" s="12"/>
    </row>
    <row r="427988" spans="8:8">
      <c r="H427988" s="12"/>
    </row>
    <row r="427989" spans="8:8">
      <c r="H427989" s="12"/>
    </row>
    <row r="427990" spans="8:8">
      <c r="H427990" s="12"/>
    </row>
    <row r="427991" spans="8:8">
      <c r="H427991" s="12"/>
    </row>
    <row r="427992" spans="8:8">
      <c r="H427992" s="12"/>
    </row>
    <row r="427993" spans="8:8">
      <c r="H427993" s="12"/>
    </row>
    <row r="427994" spans="8:8">
      <c r="H427994" s="12"/>
    </row>
    <row r="427995" spans="8:8">
      <c r="H427995" s="12"/>
    </row>
    <row r="427996" spans="8:8">
      <c r="H427996" s="12"/>
    </row>
    <row r="427997" spans="8:8">
      <c r="H427997" s="12"/>
    </row>
    <row r="427998" spans="8:8">
      <c r="H427998" s="12"/>
    </row>
    <row r="427999" spans="8:8">
      <c r="H427999" s="12"/>
    </row>
    <row r="428000" spans="8:8">
      <c r="H428000" s="12"/>
    </row>
    <row r="428001" spans="8:8">
      <c r="H428001" s="12"/>
    </row>
    <row r="428002" spans="8:8">
      <c r="H428002" s="12"/>
    </row>
    <row r="428003" spans="8:8">
      <c r="H428003" s="12"/>
    </row>
    <row r="428004" spans="8:8">
      <c r="H428004" s="12"/>
    </row>
    <row r="428005" spans="8:8">
      <c r="H428005" s="12"/>
    </row>
    <row r="428006" spans="8:8">
      <c r="H428006" s="12"/>
    </row>
    <row r="428007" spans="8:8">
      <c r="H428007" s="12"/>
    </row>
    <row r="428008" spans="8:8">
      <c r="H428008" s="12"/>
    </row>
    <row r="428009" spans="8:8">
      <c r="H428009" s="12"/>
    </row>
    <row r="428010" spans="8:8">
      <c r="H428010" s="12"/>
    </row>
    <row r="428011" spans="8:8">
      <c r="H428011" s="12"/>
    </row>
    <row r="428012" spans="8:8">
      <c r="H428012" s="12"/>
    </row>
    <row r="428013" spans="8:8">
      <c r="H428013" s="12"/>
    </row>
    <row r="428014" spans="8:8">
      <c r="H428014" s="12"/>
    </row>
    <row r="428015" spans="8:8">
      <c r="H428015" s="12"/>
    </row>
    <row r="428016" spans="8:8">
      <c r="H428016" s="12"/>
    </row>
    <row r="428017" spans="8:8">
      <c r="H428017" s="12"/>
    </row>
    <row r="428018" spans="8:8">
      <c r="H428018" s="12"/>
    </row>
    <row r="428019" spans="8:8">
      <c r="H428019" s="12"/>
    </row>
    <row r="428020" spans="8:8">
      <c r="H428020" s="12"/>
    </row>
    <row r="428021" spans="8:8">
      <c r="H428021" s="12"/>
    </row>
    <row r="428022" spans="8:8">
      <c r="H428022" s="12"/>
    </row>
    <row r="428023" spans="8:8">
      <c r="H428023" s="12"/>
    </row>
    <row r="428024" spans="8:8">
      <c r="H428024" s="12"/>
    </row>
    <row r="428025" spans="8:8">
      <c r="H428025" s="12"/>
    </row>
    <row r="428026" spans="8:8">
      <c r="H428026" s="12"/>
    </row>
    <row r="428027" spans="8:8">
      <c r="H428027" s="12"/>
    </row>
    <row r="428028" spans="8:8">
      <c r="H428028" s="12"/>
    </row>
    <row r="428029" spans="8:8">
      <c r="H428029" s="12"/>
    </row>
    <row r="428030" spans="8:8">
      <c r="H428030" s="12"/>
    </row>
    <row r="428031" spans="8:8">
      <c r="H428031" s="12"/>
    </row>
    <row r="428032" spans="8:8">
      <c r="H428032" s="12"/>
    </row>
    <row r="428033" spans="8:8">
      <c r="H428033" s="12"/>
    </row>
    <row r="428034" spans="8:8">
      <c r="H428034" s="12"/>
    </row>
    <row r="428035" spans="8:8">
      <c r="H428035" s="12"/>
    </row>
    <row r="428036" spans="8:8">
      <c r="H428036" s="12"/>
    </row>
    <row r="428037" spans="8:8">
      <c r="H428037" s="12"/>
    </row>
    <row r="428038" spans="8:8">
      <c r="H428038" s="12"/>
    </row>
    <row r="428039" spans="8:8">
      <c r="H428039" s="12"/>
    </row>
    <row r="428040" spans="8:8">
      <c r="H428040" s="12"/>
    </row>
    <row r="428041" spans="8:8">
      <c r="H428041" s="12"/>
    </row>
    <row r="428042" spans="8:8">
      <c r="H428042" s="12"/>
    </row>
    <row r="428043" spans="8:8">
      <c r="H428043" s="12"/>
    </row>
    <row r="428044" spans="8:8">
      <c r="H428044" s="12"/>
    </row>
    <row r="428045" spans="8:8">
      <c r="H428045" s="12"/>
    </row>
    <row r="428046" spans="8:8">
      <c r="H428046" s="12"/>
    </row>
    <row r="428047" spans="8:8">
      <c r="H428047" s="12"/>
    </row>
    <row r="428048" spans="8:8">
      <c r="H428048" s="12"/>
    </row>
    <row r="428049" spans="8:8">
      <c r="H428049" s="12"/>
    </row>
    <row r="428050" spans="8:8">
      <c r="H428050" s="12"/>
    </row>
    <row r="428051" spans="8:8">
      <c r="H428051" s="12"/>
    </row>
    <row r="428052" spans="8:8">
      <c r="H428052" s="12"/>
    </row>
    <row r="428053" spans="8:8">
      <c r="H428053" s="12"/>
    </row>
    <row r="428054" spans="8:8">
      <c r="H428054" s="12"/>
    </row>
    <row r="428055" spans="8:8">
      <c r="H428055" s="12"/>
    </row>
    <row r="428056" spans="8:8">
      <c r="H428056" s="12"/>
    </row>
    <row r="428057" spans="8:8">
      <c r="H428057" s="12"/>
    </row>
    <row r="428058" spans="8:8">
      <c r="H428058" s="12"/>
    </row>
    <row r="428059" spans="8:8">
      <c r="H428059" s="12"/>
    </row>
    <row r="428060" spans="8:8">
      <c r="H428060" s="12"/>
    </row>
    <row r="428061" spans="8:8">
      <c r="H428061" s="12"/>
    </row>
    <row r="428062" spans="8:8">
      <c r="H428062" s="12"/>
    </row>
    <row r="428063" spans="8:8">
      <c r="H428063" s="12"/>
    </row>
    <row r="428064" spans="8:8">
      <c r="H428064" s="12"/>
    </row>
    <row r="428065" spans="8:8">
      <c r="H428065" s="12"/>
    </row>
    <row r="428066" spans="8:8">
      <c r="H428066" s="12"/>
    </row>
    <row r="428067" spans="8:8">
      <c r="H428067" s="12"/>
    </row>
    <row r="428068" spans="8:8">
      <c r="H428068" s="12"/>
    </row>
    <row r="428069" spans="8:8">
      <c r="H428069" s="12"/>
    </row>
    <row r="428070" spans="8:8">
      <c r="H428070" s="12"/>
    </row>
    <row r="428071" spans="8:8">
      <c r="H428071" s="12"/>
    </row>
    <row r="428072" spans="8:8">
      <c r="H428072" s="12"/>
    </row>
    <row r="428073" spans="8:8">
      <c r="H428073" s="12"/>
    </row>
    <row r="428074" spans="8:8">
      <c r="H428074" s="12"/>
    </row>
    <row r="428075" spans="8:8">
      <c r="H428075" s="12"/>
    </row>
    <row r="428076" spans="8:8">
      <c r="H428076" s="12"/>
    </row>
    <row r="428077" spans="8:8">
      <c r="H428077" s="12"/>
    </row>
    <row r="428078" spans="8:8">
      <c r="H428078" s="12"/>
    </row>
    <row r="428079" spans="8:8">
      <c r="H428079" s="12"/>
    </row>
    <row r="428080" spans="8:8">
      <c r="H428080" s="12"/>
    </row>
    <row r="428081" spans="8:8">
      <c r="H428081" s="12"/>
    </row>
    <row r="428082" spans="8:8">
      <c r="H428082" s="12"/>
    </row>
    <row r="428083" spans="8:8">
      <c r="H428083" s="12"/>
    </row>
    <row r="428084" spans="8:8">
      <c r="H428084" s="12"/>
    </row>
    <row r="428085" spans="8:8">
      <c r="H428085" s="12"/>
    </row>
    <row r="428086" spans="8:8">
      <c r="H428086" s="12"/>
    </row>
    <row r="428087" spans="8:8">
      <c r="H428087" s="12"/>
    </row>
    <row r="428088" spans="8:8">
      <c r="H428088" s="12"/>
    </row>
    <row r="428089" spans="8:8">
      <c r="H428089" s="12"/>
    </row>
    <row r="428090" spans="8:8">
      <c r="H428090" s="12"/>
    </row>
    <row r="428091" spans="8:8">
      <c r="H428091" s="12"/>
    </row>
    <row r="428092" spans="8:8">
      <c r="H428092" s="12"/>
    </row>
    <row r="428093" spans="8:8">
      <c r="H428093" s="12"/>
    </row>
    <row r="428094" spans="8:8">
      <c r="H428094" s="12"/>
    </row>
    <row r="428095" spans="8:8">
      <c r="H428095" s="12"/>
    </row>
    <row r="428096" spans="8:8">
      <c r="H428096" s="12"/>
    </row>
    <row r="428097" spans="8:8">
      <c r="H428097" s="12"/>
    </row>
    <row r="428098" spans="8:8">
      <c r="H428098" s="12"/>
    </row>
    <row r="428099" spans="8:8">
      <c r="H428099" s="12"/>
    </row>
    <row r="428100" spans="8:8">
      <c r="H428100" s="12"/>
    </row>
    <row r="428101" spans="8:8">
      <c r="H428101" s="12"/>
    </row>
    <row r="428102" spans="8:8">
      <c r="H428102" s="12"/>
    </row>
    <row r="428103" spans="8:8">
      <c r="H428103" s="12"/>
    </row>
    <row r="428104" spans="8:8">
      <c r="H428104" s="12"/>
    </row>
    <row r="428105" spans="8:8">
      <c r="H428105" s="12"/>
    </row>
    <row r="428106" spans="8:8">
      <c r="H428106" s="12"/>
    </row>
    <row r="428107" spans="8:8">
      <c r="H428107" s="12"/>
    </row>
    <row r="428108" spans="8:8">
      <c r="H428108" s="12"/>
    </row>
    <row r="428109" spans="8:8">
      <c r="H428109" s="12"/>
    </row>
    <row r="428110" spans="8:8">
      <c r="H428110" s="12"/>
    </row>
    <row r="428111" spans="8:8">
      <c r="H428111" s="12"/>
    </row>
    <row r="428112" spans="8:8">
      <c r="H428112" s="12"/>
    </row>
    <row r="428113" spans="8:8">
      <c r="H428113" s="12"/>
    </row>
    <row r="428114" spans="8:8">
      <c r="H428114" s="12"/>
    </row>
    <row r="428115" spans="8:8">
      <c r="H428115" s="12"/>
    </row>
    <row r="428116" spans="8:8">
      <c r="H428116" s="12"/>
    </row>
    <row r="428117" spans="8:8">
      <c r="H428117" s="12"/>
    </row>
    <row r="428118" spans="8:8">
      <c r="H428118" s="12"/>
    </row>
    <row r="428119" spans="8:8">
      <c r="H428119" s="12"/>
    </row>
    <row r="428120" spans="8:8">
      <c r="H428120" s="12"/>
    </row>
    <row r="428121" spans="8:8">
      <c r="H428121" s="12"/>
    </row>
    <row r="428122" spans="8:8">
      <c r="H428122" s="12"/>
    </row>
    <row r="428123" spans="8:8">
      <c r="H428123" s="12"/>
    </row>
    <row r="428124" spans="8:8">
      <c r="H428124" s="12"/>
    </row>
    <row r="428125" spans="8:8">
      <c r="H428125" s="12"/>
    </row>
    <row r="428126" spans="8:8">
      <c r="H428126" s="12"/>
    </row>
    <row r="428127" spans="8:8">
      <c r="H428127" s="12"/>
    </row>
    <row r="428128" spans="8:8">
      <c r="H428128" s="12"/>
    </row>
    <row r="428129" spans="8:8">
      <c r="H428129" s="12"/>
    </row>
    <row r="428130" spans="8:8">
      <c r="H428130" s="12"/>
    </row>
    <row r="428131" spans="8:8">
      <c r="H428131" s="12"/>
    </row>
    <row r="428132" spans="8:8">
      <c r="H428132" s="12"/>
    </row>
    <row r="428133" spans="8:8">
      <c r="H428133" s="12"/>
    </row>
    <row r="428134" spans="8:8">
      <c r="H428134" s="12"/>
    </row>
    <row r="428135" spans="8:8">
      <c r="H428135" s="12"/>
    </row>
    <row r="428136" spans="8:8">
      <c r="H428136" s="12"/>
    </row>
    <row r="428137" spans="8:8">
      <c r="H428137" s="12"/>
    </row>
    <row r="428138" spans="8:8">
      <c r="H428138" s="12"/>
    </row>
    <row r="428139" spans="8:8">
      <c r="H428139" s="12"/>
    </row>
    <row r="428140" spans="8:8">
      <c r="H428140" s="12"/>
    </row>
    <row r="428141" spans="8:8">
      <c r="H428141" s="12"/>
    </row>
    <row r="428142" spans="8:8">
      <c r="H428142" s="12"/>
    </row>
    <row r="428143" spans="8:8">
      <c r="H428143" s="12"/>
    </row>
    <row r="428144" spans="8:8">
      <c r="H428144" s="12"/>
    </row>
    <row r="428145" spans="8:8">
      <c r="H428145" s="12"/>
    </row>
    <row r="428146" spans="8:8">
      <c r="H428146" s="12"/>
    </row>
    <row r="428147" spans="8:8">
      <c r="H428147" s="12"/>
    </row>
    <row r="428148" spans="8:8">
      <c r="H428148" s="12"/>
    </row>
    <row r="428149" spans="8:8">
      <c r="H428149" s="12"/>
    </row>
    <row r="428150" spans="8:8">
      <c r="H428150" s="12"/>
    </row>
    <row r="428151" spans="8:8">
      <c r="H428151" s="12"/>
    </row>
    <row r="428152" spans="8:8">
      <c r="H428152" s="12"/>
    </row>
    <row r="428153" spans="8:8">
      <c r="H428153" s="12"/>
    </row>
    <row r="428154" spans="8:8">
      <c r="H428154" s="12"/>
    </row>
    <row r="428155" spans="8:8">
      <c r="H428155" s="12"/>
    </row>
    <row r="428156" spans="8:8">
      <c r="H428156" s="12"/>
    </row>
    <row r="428157" spans="8:8">
      <c r="H428157" s="12"/>
    </row>
    <row r="428158" spans="8:8">
      <c r="H428158" s="12"/>
    </row>
    <row r="428159" spans="8:8">
      <c r="H428159" s="12"/>
    </row>
    <row r="428160" spans="8:8">
      <c r="H428160" s="12"/>
    </row>
    <row r="428161" spans="8:8">
      <c r="H428161" s="12"/>
    </row>
    <row r="428162" spans="8:8">
      <c r="H428162" s="12"/>
    </row>
    <row r="428163" spans="8:8">
      <c r="H428163" s="12"/>
    </row>
    <row r="428164" spans="8:8">
      <c r="H428164" s="12"/>
    </row>
    <row r="428165" spans="8:8">
      <c r="H428165" s="12"/>
    </row>
    <row r="428166" spans="8:8">
      <c r="H428166" s="12"/>
    </row>
    <row r="428167" spans="8:8">
      <c r="H428167" s="12"/>
    </row>
    <row r="428168" spans="8:8">
      <c r="H428168" s="12"/>
    </row>
    <row r="428169" spans="8:8">
      <c r="H428169" s="12"/>
    </row>
    <row r="428170" spans="8:8">
      <c r="H428170" s="12"/>
    </row>
    <row r="428171" spans="8:8">
      <c r="H428171" s="12"/>
    </row>
    <row r="428172" spans="8:8">
      <c r="H428172" s="12"/>
    </row>
    <row r="428173" spans="8:8">
      <c r="H428173" s="12"/>
    </row>
    <row r="428174" spans="8:8">
      <c r="H428174" s="12"/>
    </row>
    <row r="428175" spans="8:8">
      <c r="H428175" s="12"/>
    </row>
    <row r="428176" spans="8:8">
      <c r="H428176" s="12"/>
    </row>
    <row r="428177" spans="8:8">
      <c r="H428177" s="12"/>
    </row>
    <row r="428178" spans="8:8">
      <c r="H428178" s="12"/>
    </row>
    <row r="428179" spans="8:8">
      <c r="H428179" s="12"/>
    </row>
    <row r="428180" spans="8:8">
      <c r="H428180" s="12"/>
    </row>
    <row r="428181" spans="8:8">
      <c r="H428181" s="12"/>
    </row>
    <row r="428182" spans="8:8">
      <c r="H428182" s="12"/>
    </row>
    <row r="428183" spans="8:8">
      <c r="H428183" s="12"/>
    </row>
    <row r="428184" spans="8:8">
      <c r="H428184" s="12"/>
    </row>
    <row r="428185" spans="8:8">
      <c r="H428185" s="12"/>
    </row>
    <row r="428186" spans="8:8">
      <c r="H428186" s="12"/>
    </row>
    <row r="428187" spans="8:8">
      <c r="H428187" s="12"/>
    </row>
    <row r="428188" spans="8:8">
      <c r="H428188" s="12"/>
    </row>
    <row r="428189" spans="8:8">
      <c r="H428189" s="12"/>
    </row>
    <row r="428190" spans="8:8">
      <c r="H428190" s="12"/>
    </row>
    <row r="428191" spans="8:8">
      <c r="H428191" s="12"/>
    </row>
    <row r="428192" spans="8:8">
      <c r="H428192" s="12"/>
    </row>
    <row r="428193" spans="8:8">
      <c r="H428193" s="12"/>
    </row>
    <row r="428194" spans="8:8">
      <c r="H428194" s="12"/>
    </row>
    <row r="428195" spans="8:8">
      <c r="H428195" s="12"/>
    </row>
    <row r="428196" spans="8:8">
      <c r="H428196" s="12"/>
    </row>
    <row r="428197" spans="8:8">
      <c r="H428197" s="12"/>
    </row>
    <row r="428198" spans="8:8">
      <c r="H428198" s="12"/>
    </row>
    <row r="428199" spans="8:8">
      <c r="H428199" s="12"/>
    </row>
    <row r="428200" spans="8:8">
      <c r="H428200" s="12"/>
    </row>
    <row r="428201" spans="8:8">
      <c r="H428201" s="12"/>
    </row>
    <row r="428202" spans="8:8">
      <c r="H428202" s="12"/>
    </row>
    <row r="428203" spans="8:8">
      <c r="H428203" s="12"/>
    </row>
    <row r="428204" spans="8:8">
      <c r="H428204" s="12"/>
    </row>
    <row r="428205" spans="8:8">
      <c r="H428205" s="12"/>
    </row>
    <row r="428206" spans="8:8">
      <c r="H428206" s="12"/>
    </row>
    <row r="428207" spans="8:8">
      <c r="H428207" s="12"/>
    </row>
    <row r="428208" spans="8:8">
      <c r="H428208" s="12"/>
    </row>
    <row r="428209" spans="8:8">
      <c r="H428209" s="12"/>
    </row>
    <row r="428210" spans="8:8">
      <c r="H428210" s="12"/>
    </row>
    <row r="428211" spans="8:8">
      <c r="H428211" s="12"/>
    </row>
    <row r="428212" spans="8:8">
      <c r="H428212" s="12"/>
    </row>
    <row r="428213" spans="8:8">
      <c r="H428213" s="12"/>
    </row>
    <row r="428214" spans="8:8">
      <c r="H428214" s="12"/>
    </row>
    <row r="428215" spans="8:8">
      <c r="H428215" s="12"/>
    </row>
    <row r="428216" spans="8:8">
      <c r="H428216" s="12"/>
    </row>
    <row r="428217" spans="8:8">
      <c r="H428217" s="12"/>
    </row>
    <row r="428218" spans="8:8">
      <c r="H428218" s="12"/>
    </row>
    <row r="428219" spans="8:8">
      <c r="H428219" s="12"/>
    </row>
    <row r="428220" spans="8:8">
      <c r="H428220" s="12"/>
    </row>
    <row r="428221" spans="8:8">
      <c r="H428221" s="12"/>
    </row>
    <row r="428222" spans="8:8">
      <c r="H428222" s="12"/>
    </row>
    <row r="428223" spans="8:8">
      <c r="H428223" s="12"/>
    </row>
    <row r="428224" spans="8:8">
      <c r="H428224" s="12"/>
    </row>
    <row r="428225" spans="8:8">
      <c r="H428225" s="12"/>
    </row>
    <row r="428226" spans="8:8">
      <c r="H428226" s="12"/>
    </row>
    <row r="428227" spans="8:8">
      <c r="H428227" s="12"/>
    </row>
    <row r="428228" spans="8:8">
      <c r="H428228" s="12"/>
    </row>
    <row r="428229" spans="8:8">
      <c r="H428229" s="12"/>
    </row>
    <row r="428230" spans="8:8">
      <c r="H428230" s="12"/>
    </row>
    <row r="428231" spans="8:8">
      <c r="H428231" s="12"/>
    </row>
    <row r="428232" spans="8:8">
      <c r="H428232" s="12"/>
    </row>
    <row r="428233" spans="8:8">
      <c r="H428233" s="12"/>
    </row>
    <row r="428234" spans="8:8">
      <c r="H428234" s="12"/>
    </row>
    <row r="428235" spans="8:8">
      <c r="H428235" s="12"/>
    </row>
    <row r="428236" spans="8:8">
      <c r="H428236" s="12"/>
    </row>
    <row r="428237" spans="8:8">
      <c r="H428237" s="12"/>
    </row>
    <row r="428238" spans="8:8">
      <c r="H428238" s="12"/>
    </row>
    <row r="428239" spans="8:8">
      <c r="H428239" s="12"/>
    </row>
    <row r="428240" spans="8:8">
      <c r="H428240" s="12"/>
    </row>
    <row r="428241" spans="8:8">
      <c r="H428241" s="12"/>
    </row>
    <row r="428242" spans="8:8">
      <c r="H428242" s="12"/>
    </row>
    <row r="428243" spans="8:8">
      <c r="H428243" s="12"/>
    </row>
    <row r="428244" spans="8:8">
      <c r="H428244" s="12"/>
    </row>
    <row r="428245" spans="8:8">
      <c r="H428245" s="12"/>
    </row>
    <row r="428246" spans="8:8">
      <c r="H428246" s="12"/>
    </row>
    <row r="428247" spans="8:8">
      <c r="H428247" s="12"/>
    </row>
    <row r="428248" spans="8:8">
      <c r="H428248" s="12"/>
    </row>
    <row r="428249" spans="8:8">
      <c r="H428249" s="12"/>
    </row>
    <row r="428250" spans="8:8">
      <c r="H428250" s="12"/>
    </row>
    <row r="428251" spans="8:8">
      <c r="H428251" s="12"/>
    </row>
    <row r="428252" spans="8:8">
      <c r="H428252" s="12"/>
    </row>
    <row r="428253" spans="8:8">
      <c r="H428253" s="12"/>
    </row>
    <row r="428254" spans="8:8">
      <c r="H428254" s="12"/>
    </row>
    <row r="428255" spans="8:8">
      <c r="H428255" s="12"/>
    </row>
    <row r="428256" spans="8:8">
      <c r="H428256" s="12"/>
    </row>
    <row r="428257" spans="8:8">
      <c r="H428257" s="12"/>
    </row>
    <row r="428258" spans="8:8">
      <c r="H428258" s="12"/>
    </row>
    <row r="428259" spans="8:8">
      <c r="H428259" s="12"/>
    </row>
    <row r="428260" spans="8:8">
      <c r="H428260" s="12"/>
    </row>
    <row r="428261" spans="8:8">
      <c r="H428261" s="12"/>
    </row>
    <row r="428262" spans="8:8">
      <c r="H428262" s="12"/>
    </row>
    <row r="428263" spans="8:8">
      <c r="H428263" s="12"/>
    </row>
    <row r="428264" spans="8:8">
      <c r="H428264" s="12"/>
    </row>
    <row r="428265" spans="8:8">
      <c r="H428265" s="12"/>
    </row>
    <row r="428266" spans="8:8">
      <c r="H428266" s="12"/>
    </row>
    <row r="428267" spans="8:8">
      <c r="H428267" s="12"/>
    </row>
    <row r="428268" spans="8:8">
      <c r="H428268" s="12"/>
    </row>
    <row r="428269" spans="8:8">
      <c r="H428269" s="12"/>
    </row>
    <row r="428270" spans="8:8">
      <c r="H428270" s="12"/>
    </row>
    <row r="428271" spans="8:8">
      <c r="H428271" s="12"/>
    </row>
    <row r="428272" spans="8:8">
      <c r="H428272" s="12"/>
    </row>
    <row r="428273" spans="8:8">
      <c r="H428273" s="12"/>
    </row>
    <row r="428274" spans="8:8">
      <c r="H428274" s="12"/>
    </row>
    <row r="428275" spans="8:8">
      <c r="H428275" s="12"/>
    </row>
    <row r="428276" spans="8:8">
      <c r="H428276" s="12"/>
    </row>
    <row r="428277" spans="8:8">
      <c r="H428277" s="12"/>
    </row>
    <row r="428278" spans="8:8">
      <c r="H428278" s="12"/>
    </row>
    <row r="428279" spans="8:8">
      <c r="H428279" s="12"/>
    </row>
    <row r="428280" spans="8:8">
      <c r="H428280" s="12"/>
    </row>
    <row r="428281" spans="8:8">
      <c r="H428281" s="12"/>
    </row>
    <row r="428282" spans="8:8">
      <c r="H428282" s="12"/>
    </row>
    <row r="428283" spans="8:8">
      <c r="H428283" s="12"/>
    </row>
    <row r="428284" spans="8:8">
      <c r="H428284" s="12"/>
    </row>
    <row r="428285" spans="8:8">
      <c r="H428285" s="12"/>
    </row>
    <row r="428286" spans="8:8">
      <c r="H428286" s="12"/>
    </row>
    <row r="428287" spans="8:8">
      <c r="H428287" s="12"/>
    </row>
    <row r="428288" spans="8:8">
      <c r="H428288" s="12"/>
    </row>
    <row r="428289" spans="8:8">
      <c r="H428289" s="12"/>
    </row>
    <row r="428290" spans="8:8">
      <c r="H428290" s="12"/>
    </row>
    <row r="428291" spans="8:8">
      <c r="H428291" s="12"/>
    </row>
    <row r="428292" spans="8:8">
      <c r="H428292" s="12"/>
    </row>
    <row r="428293" spans="8:8">
      <c r="H428293" s="12"/>
    </row>
    <row r="428294" spans="8:8">
      <c r="H428294" s="12"/>
    </row>
    <row r="428295" spans="8:8">
      <c r="H428295" s="12"/>
    </row>
    <row r="428296" spans="8:8">
      <c r="H428296" s="12"/>
    </row>
    <row r="428297" spans="8:8">
      <c r="H428297" s="12"/>
    </row>
    <row r="428298" spans="8:8">
      <c r="H428298" s="12"/>
    </row>
    <row r="428299" spans="8:8">
      <c r="H428299" s="12"/>
    </row>
    <row r="428300" spans="8:8">
      <c r="H428300" s="12"/>
    </row>
    <row r="428301" spans="8:8">
      <c r="H428301" s="12"/>
    </row>
    <row r="428302" spans="8:8">
      <c r="H428302" s="12"/>
    </row>
    <row r="428303" spans="8:8">
      <c r="H428303" s="12"/>
    </row>
    <row r="428304" spans="8:8">
      <c r="H428304" s="12"/>
    </row>
    <row r="428305" spans="8:8">
      <c r="H428305" s="12"/>
    </row>
    <row r="428306" spans="8:8">
      <c r="H428306" s="12"/>
    </row>
    <row r="428307" spans="8:8">
      <c r="H428307" s="12"/>
    </row>
    <row r="428308" spans="8:8">
      <c r="H428308" s="12"/>
    </row>
    <row r="428309" spans="8:8">
      <c r="H428309" s="12"/>
    </row>
    <row r="428310" spans="8:8">
      <c r="H428310" s="12"/>
    </row>
    <row r="428311" spans="8:8">
      <c r="H428311" s="12"/>
    </row>
    <row r="428312" spans="8:8">
      <c r="H428312" s="12"/>
    </row>
    <row r="428313" spans="8:8">
      <c r="H428313" s="12"/>
    </row>
    <row r="428314" spans="8:8">
      <c r="H428314" s="12"/>
    </row>
    <row r="428315" spans="8:8">
      <c r="H428315" s="12"/>
    </row>
    <row r="428316" spans="8:8">
      <c r="H428316" s="12"/>
    </row>
    <row r="428317" spans="8:8">
      <c r="H428317" s="12"/>
    </row>
    <row r="428318" spans="8:8">
      <c r="H428318" s="12"/>
    </row>
    <row r="428319" spans="8:8">
      <c r="H428319" s="12"/>
    </row>
    <row r="428320" spans="8:8">
      <c r="H428320" s="12"/>
    </row>
    <row r="428321" spans="8:8">
      <c r="H428321" s="12"/>
    </row>
    <row r="428322" spans="8:8">
      <c r="H428322" s="12"/>
    </row>
    <row r="428323" spans="8:8">
      <c r="H428323" s="12"/>
    </row>
    <row r="428324" spans="8:8">
      <c r="H428324" s="12"/>
    </row>
    <row r="428325" spans="8:8">
      <c r="H428325" s="12"/>
    </row>
    <row r="428326" spans="8:8">
      <c r="H428326" s="12"/>
    </row>
    <row r="428327" spans="8:8">
      <c r="H428327" s="12"/>
    </row>
    <row r="428328" spans="8:8">
      <c r="H428328" s="12"/>
    </row>
    <row r="428329" spans="8:8">
      <c r="H428329" s="12"/>
    </row>
    <row r="428330" spans="8:8">
      <c r="H428330" s="12"/>
    </row>
    <row r="428331" spans="8:8">
      <c r="H428331" s="12"/>
    </row>
    <row r="428332" spans="8:8">
      <c r="H428332" s="12"/>
    </row>
    <row r="428333" spans="8:8">
      <c r="H428333" s="12"/>
    </row>
    <row r="428334" spans="8:8">
      <c r="H428334" s="12"/>
    </row>
    <row r="428335" spans="8:8">
      <c r="H428335" s="12"/>
    </row>
    <row r="428336" spans="8:8">
      <c r="H428336" s="12"/>
    </row>
    <row r="428337" spans="8:8">
      <c r="H428337" s="12"/>
    </row>
    <row r="428338" spans="8:8">
      <c r="H428338" s="12"/>
    </row>
    <row r="428339" spans="8:8">
      <c r="H428339" s="12"/>
    </row>
    <row r="428340" spans="8:8">
      <c r="H428340" s="12"/>
    </row>
    <row r="428341" spans="8:8">
      <c r="H428341" s="12"/>
    </row>
    <row r="428342" spans="8:8">
      <c r="H428342" s="12"/>
    </row>
    <row r="428343" spans="8:8">
      <c r="H428343" s="12"/>
    </row>
    <row r="428344" spans="8:8">
      <c r="H428344" s="12"/>
    </row>
    <row r="428345" spans="8:8">
      <c r="H428345" s="12"/>
    </row>
    <row r="428346" spans="8:8">
      <c r="H428346" s="12"/>
    </row>
    <row r="428347" spans="8:8">
      <c r="H428347" s="12"/>
    </row>
    <row r="428348" spans="8:8">
      <c r="H428348" s="12"/>
    </row>
    <row r="428349" spans="8:8">
      <c r="H428349" s="12"/>
    </row>
    <row r="428350" spans="8:8">
      <c r="H428350" s="12"/>
    </row>
    <row r="428351" spans="8:8">
      <c r="H428351" s="12"/>
    </row>
    <row r="428352" spans="8:8">
      <c r="H428352" s="12"/>
    </row>
    <row r="428353" spans="8:8">
      <c r="H428353" s="12"/>
    </row>
    <row r="428354" spans="8:8">
      <c r="H428354" s="12"/>
    </row>
    <row r="428355" spans="8:8">
      <c r="H428355" s="12"/>
    </row>
    <row r="428356" spans="8:8">
      <c r="H428356" s="12"/>
    </row>
    <row r="428357" spans="8:8">
      <c r="H428357" s="12"/>
    </row>
    <row r="428358" spans="8:8">
      <c r="H428358" s="12"/>
    </row>
    <row r="428359" spans="8:8">
      <c r="H428359" s="12"/>
    </row>
    <row r="428360" spans="8:8">
      <c r="H428360" s="12"/>
    </row>
    <row r="428361" spans="8:8">
      <c r="H428361" s="12"/>
    </row>
    <row r="428362" spans="8:8">
      <c r="H428362" s="12"/>
    </row>
    <row r="428363" spans="8:8">
      <c r="H428363" s="12"/>
    </row>
    <row r="428364" spans="8:8">
      <c r="H428364" s="12"/>
    </row>
    <row r="428365" spans="8:8">
      <c r="H428365" s="12"/>
    </row>
    <row r="428366" spans="8:8">
      <c r="H428366" s="12"/>
    </row>
    <row r="428367" spans="8:8">
      <c r="H428367" s="12"/>
    </row>
    <row r="428368" spans="8:8">
      <c r="H428368" s="12"/>
    </row>
    <row r="428369" spans="8:8">
      <c r="H428369" s="12"/>
    </row>
    <row r="428370" spans="8:8">
      <c r="H428370" s="12"/>
    </row>
    <row r="428371" spans="8:8">
      <c r="H428371" s="12"/>
    </row>
    <row r="428372" spans="8:8">
      <c r="H428372" s="12"/>
    </row>
    <row r="428373" spans="8:8">
      <c r="H428373" s="12"/>
    </row>
    <row r="428374" spans="8:8">
      <c r="H428374" s="12"/>
    </row>
    <row r="428375" spans="8:8">
      <c r="H428375" s="12"/>
    </row>
    <row r="428376" spans="8:8">
      <c r="H428376" s="12"/>
    </row>
    <row r="428377" spans="8:8">
      <c r="H428377" s="12"/>
    </row>
    <row r="428378" spans="8:8">
      <c r="H428378" s="12"/>
    </row>
    <row r="428379" spans="8:8">
      <c r="H428379" s="12"/>
    </row>
    <row r="428380" spans="8:8">
      <c r="H428380" s="12"/>
    </row>
    <row r="428381" spans="8:8">
      <c r="H428381" s="12"/>
    </row>
    <row r="428382" spans="8:8">
      <c r="H428382" s="12"/>
    </row>
    <row r="428383" spans="8:8">
      <c r="H428383" s="12"/>
    </row>
    <row r="428384" spans="8:8">
      <c r="H428384" s="12"/>
    </row>
    <row r="428385" spans="8:8">
      <c r="H428385" s="12"/>
    </row>
    <row r="428386" spans="8:8">
      <c r="H428386" s="12"/>
    </row>
    <row r="428387" spans="8:8">
      <c r="H428387" s="12"/>
    </row>
    <row r="428388" spans="8:8">
      <c r="H428388" s="12"/>
    </row>
    <row r="428389" spans="8:8">
      <c r="H428389" s="12"/>
    </row>
    <row r="428390" spans="8:8">
      <c r="H428390" s="12"/>
    </row>
    <row r="428391" spans="8:8">
      <c r="H428391" s="12"/>
    </row>
    <row r="428392" spans="8:8">
      <c r="H428392" s="12"/>
    </row>
    <row r="428393" spans="8:8">
      <c r="H428393" s="12"/>
    </row>
    <row r="428394" spans="8:8">
      <c r="H428394" s="12"/>
    </row>
    <row r="428395" spans="8:8">
      <c r="H428395" s="12"/>
    </row>
    <row r="428396" spans="8:8">
      <c r="H428396" s="12"/>
    </row>
    <row r="428397" spans="8:8">
      <c r="H428397" s="12"/>
    </row>
    <row r="428398" spans="8:8">
      <c r="H428398" s="12"/>
    </row>
    <row r="428399" spans="8:8">
      <c r="H428399" s="12"/>
    </row>
    <row r="428400" spans="8:8">
      <c r="H428400" s="12"/>
    </row>
    <row r="428401" spans="8:8">
      <c r="H428401" s="12"/>
    </row>
    <row r="428402" spans="8:8">
      <c r="H428402" s="12"/>
    </row>
    <row r="428403" spans="8:8">
      <c r="H428403" s="12"/>
    </row>
    <row r="428404" spans="8:8">
      <c r="H428404" s="12"/>
    </row>
    <row r="428405" spans="8:8">
      <c r="H428405" s="12"/>
    </row>
    <row r="428406" spans="8:8">
      <c r="H428406" s="12"/>
    </row>
    <row r="428407" spans="8:8">
      <c r="H428407" s="12"/>
    </row>
    <row r="428408" spans="8:8">
      <c r="H428408" s="12"/>
    </row>
    <row r="428409" spans="8:8">
      <c r="H428409" s="12"/>
    </row>
    <row r="428410" spans="8:8">
      <c r="H428410" s="12"/>
    </row>
    <row r="428411" spans="8:8">
      <c r="H428411" s="12"/>
    </row>
    <row r="428412" spans="8:8">
      <c r="H428412" s="12"/>
    </row>
    <row r="428413" spans="8:8">
      <c r="H428413" s="12"/>
    </row>
    <row r="428414" spans="8:8">
      <c r="H428414" s="12"/>
    </row>
    <row r="428415" spans="8:8">
      <c r="H428415" s="12"/>
    </row>
    <row r="428416" spans="8:8">
      <c r="H428416" s="12"/>
    </row>
    <row r="428417" spans="8:8">
      <c r="H428417" s="12"/>
    </row>
    <row r="428418" spans="8:8">
      <c r="H428418" s="12"/>
    </row>
    <row r="428419" spans="8:8">
      <c r="H428419" s="12"/>
    </row>
    <row r="428420" spans="8:8">
      <c r="H428420" s="12"/>
    </row>
    <row r="428421" spans="8:8">
      <c r="H428421" s="12"/>
    </row>
    <row r="428422" spans="8:8">
      <c r="H428422" s="12"/>
    </row>
    <row r="428423" spans="8:8">
      <c r="H428423" s="12"/>
    </row>
    <row r="428424" spans="8:8">
      <c r="H428424" s="12"/>
    </row>
    <row r="428425" spans="8:8">
      <c r="H428425" s="12"/>
    </row>
    <row r="428426" spans="8:8">
      <c r="H428426" s="12"/>
    </row>
    <row r="428427" spans="8:8">
      <c r="H428427" s="12"/>
    </row>
    <row r="428428" spans="8:8">
      <c r="H428428" s="12"/>
    </row>
    <row r="428429" spans="8:8">
      <c r="H428429" s="12"/>
    </row>
    <row r="428430" spans="8:8">
      <c r="H428430" s="12"/>
    </row>
    <row r="428431" spans="8:8">
      <c r="H428431" s="12"/>
    </row>
    <row r="428432" spans="8:8">
      <c r="H428432" s="12"/>
    </row>
    <row r="428433" spans="8:8">
      <c r="H428433" s="12"/>
    </row>
    <row r="428434" spans="8:8">
      <c r="H428434" s="12"/>
    </row>
    <row r="428435" spans="8:8">
      <c r="H428435" s="12"/>
    </row>
    <row r="428436" spans="8:8">
      <c r="H428436" s="12"/>
    </row>
    <row r="428437" spans="8:8">
      <c r="H428437" s="12"/>
    </row>
    <row r="428438" spans="8:8">
      <c r="H428438" s="12"/>
    </row>
    <row r="428439" spans="8:8">
      <c r="H428439" s="12"/>
    </row>
    <row r="428440" spans="8:8">
      <c r="H428440" s="12"/>
    </row>
    <row r="428441" spans="8:8">
      <c r="H428441" s="12"/>
    </row>
    <row r="428442" spans="8:8">
      <c r="H428442" s="12"/>
    </row>
    <row r="428443" spans="8:8">
      <c r="H428443" s="12"/>
    </row>
    <row r="428444" spans="8:8">
      <c r="H428444" s="12"/>
    </row>
    <row r="428445" spans="8:8">
      <c r="H428445" s="12"/>
    </row>
    <row r="428446" spans="8:8">
      <c r="H428446" s="12"/>
    </row>
    <row r="428447" spans="8:8">
      <c r="H428447" s="12"/>
    </row>
    <row r="428448" spans="8:8">
      <c r="H428448" s="12"/>
    </row>
    <row r="428449" spans="8:8">
      <c r="H428449" s="12"/>
    </row>
    <row r="428450" spans="8:8">
      <c r="H428450" s="12"/>
    </row>
    <row r="428451" spans="8:8">
      <c r="H428451" s="12"/>
    </row>
    <row r="428452" spans="8:8">
      <c r="H428452" s="12"/>
    </row>
    <row r="428453" spans="8:8">
      <c r="H428453" s="12"/>
    </row>
    <row r="428454" spans="8:8">
      <c r="H428454" s="12"/>
    </row>
    <row r="428455" spans="8:8">
      <c r="H428455" s="12"/>
    </row>
    <row r="428456" spans="8:8">
      <c r="H428456" s="12"/>
    </row>
    <row r="428457" spans="8:8">
      <c r="H428457" s="12"/>
    </row>
    <row r="428458" spans="8:8">
      <c r="H428458" s="12"/>
    </row>
    <row r="428459" spans="8:8">
      <c r="H428459" s="12"/>
    </row>
    <row r="428460" spans="8:8">
      <c r="H428460" s="12"/>
    </row>
    <row r="428461" spans="8:8">
      <c r="H428461" s="12"/>
    </row>
    <row r="428462" spans="8:8">
      <c r="H428462" s="12"/>
    </row>
    <row r="428463" spans="8:8">
      <c r="H428463" s="12"/>
    </row>
    <row r="428464" spans="8:8">
      <c r="H428464" s="12"/>
    </row>
    <row r="428465" spans="8:8">
      <c r="H428465" s="12"/>
    </row>
    <row r="428466" spans="8:8">
      <c r="H428466" s="12"/>
    </row>
    <row r="428467" spans="8:8">
      <c r="H428467" s="12"/>
    </row>
    <row r="428468" spans="8:8">
      <c r="H428468" s="12"/>
    </row>
    <row r="428469" spans="8:8">
      <c r="H428469" s="12"/>
    </row>
    <row r="428470" spans="8:8">
      <c r="H428470" s="12"/>
    </row>
    <row r="428471" spans="8:8">
      <c r="H428471" s="12"/>
    </row>
    <row r="428472" spans="8:8">
      <c r="H428472" s="12"/>
    </row>
    <row r="428473" spans="8:8">
      <c r="H428473" s="12"/>
    </row>
    <row r="428474" spans="8:8">
      <c r="H428474" s="12"/>
    </row>
    <row r="428475" spans="8:8">
      <c r="H428475" s="12"/>
    </row>
    <row r="428476" spans="8:8">
      <c r="H428476" s="12"/>
    </row>
    <row r="428477" spans="8:8">
      <c r="H428477" s="12"/>
    </row>
    <row r="428478" spans="8:8">
      <c r="H428478" s="12"/>
    </row>
    <row r="428479" spans="8:8">
      <c r="H428479" s="12"/>
    </row>
    <row r="428480" spans="8:8">
      <c r="H428480" s="12"/>
    </row>
    <row r="428481" spans="8:8">
      <c r="H428481" s="12"/>
    </row>
    <row r="428482" spans="8:8">
      <c r="H428482" s="12"/>
    </row>
    <row r="428483" spans="8:8">
      <c r="H428483" s="12"/>
    </row>
    <row r="428484" spans="8:8">
      <c r="H428484" s="12"/>
    </row>
    <row r="428485" spans="8:8">
      <c r="H428485" s="12"/>
    </row>
    <row r="428486" spans="8:8">
      <c r="H428486" s="12"/>
    </row>
    <row r="428487" spans="8:8">
      <c r="H428487" s="12"/>
    </row>
    <row r="428488" spans="8:8">
      <c r="H428488" s="12"/>
    </row>
    <row r="428489" spans="8:8">
      <c r="H428489" s="12"/>
    </row>
    <row r="428490" spans="8:8">
      <c r="H428490" s="12"/>
    </row>
    <row r="428491" spans="8:8">
      <c r="H428491" s="12"/>
    </row>
    <row r="428492" spans="8:8">
      <c r="H428492" s="12"/>
    </row>
    <row r="428493" spans="8:8">
      <c r="H428493" s="12"/>
    </row>
    <row r="428494" spans="8:8">
      <c r="H428494" s="12"/>
    </row>
    <row r="428495" spans="8:8">
      <c r="H428495" s="12"/>
    </row>
    <row r="428496" spans="8:8">
      <c r="H428496" s="12"/>
    </row>
    <row r="428497" spans="8:8">
      <c r="H428497" s="12"/>
    </row>
    <row r="428498" spans="8:8">
      <c r="H428498" s="12"/>
    </row>
    <row r="428499" spans="8:8">
      <c r="H428499" s="12"/>
    </row>
    <row r="428500" spans="8:8">
      <c r="H428500" s="12"/>
    </row>
    <row r="428501" spans="8:8">
      <c r="H428501" s="12"/>
    </row>
    <row r="428502" spans="8:8">
      <c r="H428502" s="12"/>
    </row>
    <row r="428503" spans="8:8">
      <c r="H428503" s="12"/>
    </row>
    <row r="428504" spans="8:8">
      <c r="H428504" s="12"/>
    </row>
    <row r="428505" spans="8:8">
      <c r="H428505" s="12"/>
    </row>
    <row r="428506" spans="8:8">
      <c r="H428506" s="12"/>
    </row>
    <row r="428507" spans="8:8">
      <c r="H428507" s="12"/>
    </row>
    <row r="428508" spans="8:8">
      <c r="H428508" s="12"/>
    </row>
    <row r="428509" spans="8:8">
      <c r="H428509" s="12"/>
    </row>
    <row r="428510" spans="8:8">
      <c r="H428510" s="12"/>
    </row>
    <row r="428511" spans="8:8">
      <c r="H428511" s="12"/>
    </row>
    <row r="428512" spans="8:8">
      <c r="H428512" s="12"/>
    </row>
    <row r="428513" spans="8:8">
      <c r="H428513" s="12"/>
    </row>
    <row r="428514" spans="8:8">
      <c r="H428514" s="12"/>
    </row>
    <row r="428515" spans="8:8">
      <c r="H428515" s="12"/>
    </row>
    <row r="428516" spans="8:8">
      <c r="H428516" s="12"/>
    </row>
    <row r="428517" spans="8:8">
      <c r="H428517" s="12"/>
    </row>
    <row r="428518" spans="8:8">
      <c r="H428518" s="12"/>
    </row>
    <row r="428519" spans="8:8">
      <c r="H428519" s="12"/>
    </row>
    <row r="428520" spans="8:8">
      <c r="H428520" s="12"/>
    </row>
    <row r="428521" spans="8:8">
      <c r="H428521" s="12"/>
    </row>
    <row r="428522" spans="8:8">
      <c r="H428522" s="12"/>
    </row>
    <row r="428523" spans="8:8">
      <c r="H428523" s="12"/>
    </row>
    <row r="428524" spans="8:8">
      <c r="H428524" s="12"/>
    </row>
    <row r="428525" spans="8:8">
      <c r="H428525" s="12"/>
    </row>
    <row r="428526" spans="8:8">
      <c r="H428526" s="12"/>
    </row>
    <row r="428527" spans="8:8">
      <c r="H428527" s="12"/>
    </row>
    <row r="428528" spans="8:8">
      <c r="H428528" s="12"/>
    </row>
    <row r="428529" spans="8:8">
      <c r="H428529" s="12"/>
    </row>
    <row r="428530" spans="8:8">
      <c r="H428530" s="12"/>
    </row>
    <row r="428531" spans="8:8">
      <c r="H428531" s="12"/>
    </row>
    <row r="428532" spans="8:8">
      <c r="H428532" s="12"/>
    </row>
    <row r="428533" spans="8:8">
      <c r="H428533" s="12"/>
    </row>
    <row r="428534" spans="8:8">
      <c r="H428534" s="12"/>
    </row>
    <row r="428535" spans="8:8">
      <c r="H428535" s="12"/>
    </row>
    <row r="428536" spans="8:8">
      <c r="H428536" s="12"/>
    </row>
    <row r="428537" spans="8:8">
      <c r="H428537" s="12"/>
    </row>
    <row r="428538" spans="8:8">
      <c r="H428538" s="12"/>
    </row>
    <row r="428539" spans="8:8">
      <c r="H428539" s="12"/>
    </row>
    <row r="428540" spans="8:8">
      <c r="H428540" s="12"/>
    </row>
    <row r="428541" spans="8:8">
      <c r="H428541" s="12"/>
    </row>
    <row r="428542" spans="8:8">
      <c r="H428542" s="12"/>
    </row>
    <row r="428543" spans="8:8">
      <c r="H428543" s="12"/>
    </row>
    <row r="428544" spans="8:8">
      <c r="H428544" s="12"/>
    </row>
    <row r="428545" spans="8:8">
      <c r="H428545" s="12"/>
    </row>
    <row r="428546" spans="8:8">
      <c r="H428546" s="12"/>
    </row>
    <row r="428547" spans="8:8">
      <c r="H428547" s="12"/>
    </row>
    <row r="428548" spans="8:8">
      <c r="H428548" s="12"/>
    </row>
    <row r="428549" spans="8:8">
      <c r="H428549" s="12"/>
    </row>
    <row r="428550" spans="8:8">
      <c r="H428550" s="12"/>
    </row>
    <row r="428551" spans="8:8">
      <c r="H428551" s="12"/>
    </row>
    <row r="428552" spans="8:8">
      <c r="H428552" s="12"/>
    </row>
    <row r="428553" spans="8:8">
      <c r="H428553" s="12"/>
    </row>
    <row r="428554" spans="8:8">
      <c r="H428554" s="12"/>
    </row>
    <row r="428555" spans="8:8">
      <c r="H428555" s="12"/>
    </row>
    <row r="428556" spans="8:8">
      <c r="H428556" s="12"/>
    </row>
    <row r="428557" spans="8:8">
      <c r="H428557" s="12"/>
    </row>
    <row r="428558" spans="8:8">
      <c r="H428558" s="12"/>
    </row>
    <row r="428559" spans="8:8">
      <c r="H428559" s="12"/>
    </row>
    <row r="428560" spans="8:8">
      <c r="H428560" s="12"/>
    </row>
    <row r="428561" spans="8:8">
      <c r="H428561" s="12"/>
    </row>
    <row r="428562" spans="8:8">
      <c r="H428562" s="12"/>
    </row>
    <row r="428563" spans="8:8">
      <c r="H428563" s="12"/>
    </row>
    <row r="428564" spans="8:8">
      <c r="H428564" s="12"/>
    </row>
    <row r="428565" spans="8:8">
      <c r="H428565" s="12"/>
    </row>
    <row r="428566" spans="8:8">
      <c r="H428566" s="12"/>
    </row>
    <row r="428567" spans="8:8">
      <c r="H428567" s="12"/>
    </row>
    <row r="428568" spans="8:8">
      <c r="H428568" s="12"/>
    </row>
    <row r="428569" spans="8:8">
      <c r="H428569" s="12"/>
    </row>
    <row r="428570" spans="8:8">
      <c r="H428570" s="12"/>
    </row>
    <row r="428571" spans="8:8">
      <c r="H428571" s="12"/>
    </row>
    <row r="428572" spans="8:8">
      <c r="H428572" s="12"/>
    </row>
    <row r="428573" spans="8:8">
      <c r="H428573" s="12"/>
    </row>
    <row r="428574" spans="8:8">
      <c r="H428574" s="12"/>
    </row>
    <row r="428575" spans="8:8">
      <c r="H428575" s="12"/>
    </row>
    <row r="428576" spans="8:8">
      <c r="H428576" s="12"/>
    </row>
    <row r="428577" spans="8:8">
      <c r="H428577" s="12"/>
    </row>
    <row r="428578" spans="8:8">
      <c r="H428578" s="12"/>
    </row>
    <row r="428579" spans="8:8">
      <c r="H428579" s="12"/>
    </row>
    <row r="428580" spans="8:8">
      <c r="H428580" s="12"/>
    </row>
    <row r="428581" spans="8:8">
      <c r="H428581" s="12"/>
    </row>
    <row r="428582" spans="8:8">
      <c r="H428582" s="12"/>
    </row>
    <row r="428583" spans="8:8">
      <c r="H428583" s="12"/>
    </row>
    <row r="428584" spans="8:8">
      <c r="H428584" s="12"/>
    </row>
    <row r="428585" spans="8:8">
      <c r="H428585" s="12"/>
    </row>
    <row r="428586" spans="8:8">
      <c r="H428586" s="12"/>
    </row>
    <row r="428587" spans="8:8">
      <c r="H428587" s="12"/>
    </row>
    <row r="428588" spans="8:8">
      <c r="H428588" s="12"/>
    </row>
    <row r="428589" spans="8:8">
      <c r="H428589" s="12"/>
    </row>
    <row r="428590" spans="8:8">
      <c r="H428590" s="12"/>
    </row>
    <row r="428591" spans="8:8">
      <c r="H428591" s="12"/>
    </row>
    <row r="428592" spans="8:8">
      <c r="H428592" s="12"/>
    </row>
    <row r="428593" spans="8:8">
      <c r="H428593" s="12"/>
    </row>
    <row r="428594" spans="8:8">
      <c r="H428594" s="12"/>
    </row>
    <row r="428595" spans="8:8">
      <c r="H428595" s="12"/>
    </row>
    <row r="428596" spans="8:8">
      <c r="H428596" s="12"/>
    </row>
    <row r="428597" spans="8:8">
      <c r="H428597" s="12"/>
    </row>
    <row r="428598" spans="8:8">
      <c r="H428598" s="12"/>
    </row>
    <row r="428599" spans="8:8">
      <c r="H428599" s="12"/>
    </row>
    <row r="428600" spans="8:8">
      <c r="H428600" s="12"/>
    </row>
    <row r="428601" spans="8:8">
      <c r="H428601" s="12"/>
    </row>
    <row r="428602" spans="8:8">
      <c r="H428602" s="12"/>
    </row>
    <row r="428603" spans="8:8">
      <c r="H428603" s="12"/>
    </row>
    <row r="428604" spans="8:8">
      <c r="H428604" s="12"/>
    </row>
    <row r="428605" spans="8:8">
      <c r="H428605" s="12"/>
    </row>
    <row r="428606" spans="8:8">
      <c r="H428606" s="12"/>
    </row>
    <row r="428607" spans="8:8">
      <c r="H428607" s="12"/>
    </row>
    <row r="428608" spans="8:8">
      <c r="H428608" s="12"/>
    </row>
    <row r="428609" spans="8:8">
      <c r="H428609" s="12"/>
    </row>
    <row r="428610" spans="8:8">
      <c r="H428610" s="12"/>
    </row>
    <row r="428611" spans="8:8">
      <c r="H428611" s="12"/>
    </row>
    <row r="428612" spans="8:8">
      <c r="H428612" s="12"/>
    </row>
    <row r="428613" spans="8:8">
      <c r="H428613" s="12"/>
    </row>
    <row r="428614" spans="8:8">
      <c r="H428614" s="12"/>
    </row>
    <row r="428615" spans="8:8">
      <c r="H428615" s="12"/>
    </row>
    <row r="428616" spans="8:8">
      <c r="H428616" s="12"/>
    </row>
    <row r="428617" spans="8:8">
      <c r="H428617" s="12"/>
    </row>
    <row r="428618" spans="8:8">
      <c r="H428618" s="12"/>
    </row>
    <row r="428619" spans="8:8">
      <c r="H428619" s="12"/>
    </row>
    <row r="428620" spans="8:8">
      <c r="H428620" s="12"/>
    </row>
    <row r="428621" spans="8:8">
      <c r="H428621" s="12"/>
    </row>
    <row r="428622" spans="8:8">
      <c r="H428622" s="12"/>
    </row>
    <row r="428623" spans="8:8">
      <c r="H428623" s="12"/>
    </row>
    <row r="428624" spans="8:8">
      <c r="H428624" s="12"/>
    </row>
    <row r="428625" spans="8:8">
      <c r="H428625" s="12"/>
    </row>
    <row r="428626" spans="8:8">
      <c r="H428626" s="12"/>
    </row>
    <row r="428627" spans="8:8">
      <c r="H428627" s="12"/>
    </row>
    <row r="428628" spans="8:8">
      <c r="H428628" s="12"/>
    </row>
    <row r="428629" spans="8:8">
      <c r="H428629" s="12"/>
    </row>
    <row r="428630" spans="8:8">
      <c r="H428630" s="12"/>
    </row>
    <row r="428631" spans="8:8">
      <c r="H428631" s="12"/>
    </row>
    <row r="428632" spans="8:8">
      <c r="H428632" s="12"/>
    </row>
    <row r="428633" spans="8:8">
      <c r="H428633" s="12"/>
    </row>
    <row r="428634" spans="8:8">
      <c r="H428634" s="12"/>
    </row>
    <row r="428635" spans="8:8">
      <c r="H428635" s="12"/>
    </row>
    <row r="428636" spans="8:8">
      <c r="H428636" s="12"/>
    </row>
    <row r="428637" spans="8:8">
      <c r="H428637" s="12"/>
    </row>
    <row r="428638" spans="8:8">
      <c r="H428638" s="12"/>
    </row>
    <row r="428639" spans="8:8">
      <c r="H428639" s="12"/>
    </row>
    <row r="428640" spans="8:8">
      <c r="H428640" s="12"/>
    </row>
    <row r="428641" spans="8:8">
      <c r="H428641" s="12"/>
    </row>
    <row r="428642" spans="8:8">
      <c r="H428642" s="12"/>
    </row>
    <row r="428643" spans="8:8">
      <c r="H428643" s="12"/>
    </row>
    <row r="428644" spans="8:8">
      <c r="H428644" s="12"/>
    </row>
    <row r="428645" spans="8:8">
      <c r="H428645" s="12"/>
    </row>
    <row r="428646" spans="8:8">
      <c r="H428646" s="12"/>
    </row>
    <row r="428647" spans="8:8">
      <c r="H428647" s="12"/>
    </row>
    <row r="428648" spans="8:8">
      <c r="H428648" s="12"/>
    </row>
    <row r="428649" spans="8:8">
      <c r="H428649" s="12"/>
    </row>
    <row r="428650" spans="8:8">
      <c r="H428650" s="12"/>
    </row>
    <row r="428651" spans="8:8">
      <c r="H428651" s="12"/>
    </row>
    <row r="428652" spans="8:8">
      <c r="H428652" s="12"/>
    </row>
    <row r="428653" spans="8:8">
      <c r="H428653" s="12"/>
    </row>
    <row r="428654" spans="8:8">
      <c r="H428654" s="12"/>
    </row>
    <row r="428655" spans="8:8">
      <c r="H428655" s="12"/>
    </row>
    <row r="428656" spans="8:8">
      <c r="H428656" s="12"/>
    </row>
    <row r="428657" spans="8:8">
      <c r="H428657" s="12"/>
    </row>
    <row r="428658" spans="8:8">
      <c r="H428658" s="12"/>
    </row>
    <row r="428659" spans="8:8">
      <c r="H428659" s="12"/>
    </row>
    <row r="428660" spans="8:8">
      <c r="H428660" s="12"/>
    </row>
    <row r="428661" spans="8:8">
      <c r="H428661" s="12"/>
    </row>
    <row r="428662" spans="8:8">
      <c r="H428662" s="12"/>
    </row>
    <row r="428663" spans="8:8">
      <c r="H428663" s="12"/>
    </row>
    <row r="428664" spans="8:8">
      <c r="H428664" s="12"/>
    </row>
    <row r="428665" spans="8:8">
      <c r="H428665" s="12"/>
    </row>
    <row r="428666" spans="8:8">
      <c r="H428666" s="12"/>
    </row>
    <row r="428667" spans="8:8">
      <c r="H428667" s="12"/>
    </row>
    <row r="428668" spans="8:8">
      <c r="H428668" s="12"/>
    </row>
    <row r="428669" spans="8:8">
      <c r="H428669" s="12"/>
    </row>
    <row r="428670" spans="8:8">
      <c r="H428670" s="12"/>
    </row>
    <row r="428671" spans="8:8">
      <c r="H428671" s="12"/>
    </row>
    <row r="428672" spans="8:8">
      <c r="H428672" s="12"/>
    </row>
    <row r="428673" spans="8:8">
      <c r="H428673" s="12"/>
    </row>
    <row r="428674" spans="8:8">
      <c r="H428674" s="12"/>
    </row>
    <row r="428675" spans="8:8">
      <c r="H428675" s="12"/>
    </row>
    <row r="428676" spans="8:8">
      <c r="H428676" s="12"/>
    </row>
    <row r="428677" spans="8:8">
      <c r="H428677" s="12"/>
    </row>
    <row r="428678" spans="8:8">
      <c r="H428678" s="12"/>
    </row>
    <row r="428679" spans="8:8">
      <c r="H428679" s="12"/>
    </row>
    <row r="428680" spans="8:8">
      <c r="H428680" s="12"/>
    </row>
    <row r="428681" spans="8:8">
      <c r="H428681" s="12"/>
    </row>
    <row r="428682" spans="8:8">
      <c r="H428682" s="12"/>
    </row>
    <row r="428683" spans="8:8">
      <c r="H428683" s="12"/>
    </row>
    <row r="428684" spans="8:8">
      <c r="H428684" s="12"/>
    </row>
    <row r="428685" spans="8:8">
      <c r="H428685" s="12"/>
    </row>
    <row r="428686" spans="8:8">
      <c r="H428686" s="12"/>
    </row>
    <row r="428687" spans="8:8">
      <c r="H428687" s="12"/>
    </row>
    <row r="428688" spans="8:8">
      <c r="H428688" s="12"/>
    </row>
    <row r="428689" spans="8:8">
      <c r="H428689" s="12"/>
    </row>
    <row r="428690" spans="8:8">
      <c r="H428690" s="12"/>
    </row>
    <row r="428691" spans="8:8">
      <c r="H428691" s="12"/>
    </row>
    <row r="428692" spans="8:8">
      <c r="H428692" s="12"/>
    </row>
    <row r="428693" spans="8:8">
      <c r="H428693" s="12"/>
    </row>
    <row r="428694" spans="8:8">
      <c r="H428694" s="12"/>
    </row>
    <row r="428695" spans="8:8">
      <c r="H428695" s="12"/>
    </row>
    <row r="428696" spans="8:8">
      <c r="H428696" s="12"/>
    </row>
    <row r="428697" spans="8:8">
      <c r="H428697" s="12"/>
    </row>
    <row r="428698" spans="8:8">
      <c r="H428698" s="12"/>
    </row>
    <row r="428699" spans="8:8">
      <c r="H428699" s="12"/>
    </row>
    <row r="428700" spans="8:8">
      <c r="H428700" s="12"/>
    </row>
    <row r="428701" spans="8:8">
      <c r="H428701" s="12"/>
    </row>
    <row r="428702" spans="8:8">
      <c r="H428702" s="12"/>
    </row>
    <row r="428703" spans="8:8">
      <c r="H428703" s="12"/>
    </row>
    <row r="428704" spans="8:8">
      <c r="H428704" s="12"/>
    </row>
    <row r="428705" spans="8:8">
      <c r="H428705" s="12"/>
    </row>
    <row r="428706" spans="8:8">
      <c r="H428706" s="12"/>
    </row>
    <row r="428707" spans="8:8">
      <c r="H428707" s="12"/>
    </row>
    <row r="428708" spans="8:8">
      <c r="H428708" s="12"/>
    </row>
    <row r="428709" spans="8:8">
      <c r="H428709" s="12"/>
    </row>
    <row r="428710" spans="8:8">
      <c r="H428710" s="12"/>
    </row>
    <row r="428711" spans="8:8">
      <c r="H428711" s="12"/>
    </row>
    <row r="428712" spans="8:8">
      <c r="H428712" s="12"/>
    </row>
    <row r="428713" spans="8:8">
      <c r="H428713" s="12"/>
    </row>
    <row r="428714" spans="8:8">
      <c r="H428714" s="12"/>
    </row>
    <row r="428715" spans="8:8">
      <c r="H428715" s="12"/>
    </row>
    <row r="428716" spans="8:8">
      <c r="H428716" s="12"/>
    </row>
    <row r="428717" spans="8:8">
      <c r="H428717" s="12"/>
    </row>
    <row r="428718" spans="8:8">
      <c r="H428718" s="12"/>
    </row>
    <row r="428719" spans="8:8">
      <c r="H428719" s="12"/>
    </row>
    <row r="428720" spans="8:8">
      <c r="H428720" s="12"/>
    </row>
    <row r="428721" spans="8:8">
      <c r="H428721" s="12"/>
    </row>
    <row r="428722" spans="8:8">
      <c r="H428722" s="12"/>
    </row>
    <row r="428723" spans="8:8">
      <c r="H428723" s="12"/>
    </row>
    <row r="428724" spans="8:8">
      <c r="H428724" s="12"/>
    </row>
    <row r="428725" spans="8:8">
      <c r="H428725" s="12"/>
    </row>
    <row r="428726" spans="8:8">
      <c r="H428726" s="12"/>
    </row>
    <row r="428727" spans="8:8">
      <c r="H428727" s="12"/>
    </row>
    <row r="428728" spans="8:8">
      <c r="H428728" s="12"/>
    </row>
    <row r="428729" spans="8:8">
      <c r="H428729" s="12"/>
    </row>
    <row r="428730" spans="8:8">
      <c r="H428730" s="12"/>
    </row>
    <row r="428731" spans="8:8">
      <c r="H428731" s="12"/>
    </row>
    <row r="428732" spans="8:8">
      <c r="H428732" s="12"/>
    </row>
    <row r="428733" spans="8:8">
      <c r="H428733" s="12"/>
    </row>
    <row r="428734" spans="8:8">
      <c r="H428734" s="12"/>
    </row>
    <row r="428735" spans="8:8">
      <c r="H428735" s="12"/>
    </row>
    <row r="428736" spans="8:8">
      <c r="H428736" s="12"/>
    </row>
    <row r="428737" spans="8:8">
      <c r="H428737" s="12"/>
    </row>
    <row r="428738" spans="8:8">
      <c r="H428738" s="12"/>
    </row>
    <row r="428739" spans="8:8">
      <c r="H428739" s="12"/>
    </row>
    <row r="428740" spans="8:8">
      <c r="H428740" s="12"/>
    </row>
    <row r="428741" spans="8:8">
      <c r="H428741" s="12"/>
    </row>
    <row r="428742" spans="8:8">
      <c r="H428742" s="12"/>
    </row>
    <row r="428743" spans="8:8">
      <c r="H428743" s="12"/>
    </row>
    <row r="428744" spans="8:8">
      <c r="H428744" s="12"/>
    </row>
    <row r="428745" spans="8:8">
      <c r="H428745" s="12"/>
    </row>
    <row r="428746" spans="8:8">
      <c r="H428746" s="12"/>
    </row>
    <row r="428747" spans="8:8">
      <c r="H428747" s="12"/>
    </row>
    <row r="428748" spans="8:8">
      <c r="H428748" s="12"/>
    </row>
    <row r="428749" spans="8:8">
      <c r="H428749" s="12"/>
    </row>
    <row r="428750" spans="8:8">
      <c r="H428750" s="12"/>
    </row>
    <row r="428751" spans="8:8">
      <c r="H428751" s="12"/>
    </row>
    <row r="428752" spans="8:8">
      <c r="H428752" s="12"/>
    </row>
    <row r="428753" spans="8:8">
      <c r="H428753" s="12"/>
    </row>
    <row r="428754" spans="8:8">
      <c r="H428754" s="12"/>
    </row>
    <row r="428755" spans="8:8">
      <c r="H428755" s="12"/>
    </row>
    <row r="428756" spans="8:8">
      <c r="H428756" s="12"/>
    </row>
    <row r="428757" spans="8:8">
      <c r="H428757" s="12"/>
    </row>
    <row r="428758" spans="8:8">
      <c r="H428758" s="12"/>
    </row>
    <row r="428759" spans="8:8">
      <c r="H428759" s="12"/>
    </row>
    <row r="428760" spans="8:8">
      <c r="H428760" s="12"/>
    </row>
    <row r="428761" spans="8:8">
      <c r="H428761" s="12"/>
    </row>
    <row r="428762" spans="8:8">
      <c r="H428762" s="12"/>
    </row>
    <row r="428763" spans="8:8">
      <c r="H428763" s="12"/>
    </row>
    <row r="428764" spans="8:8">
      <c r="H428764" s="12"/>
    </row>
    <row r="428765" spans="8:8">
      <c r="H428765" s="12"/>
    </row>
    <row r="428766" spans="8:8">
      <c r="H428766" s="12"/>
    </row>
    <row r="428767" spans="8:8">
      <c r="H428767" s="12"/>
    </row>
    <row r="428768" spans="8:8">
      <c r="H428768" s="12"/>
    </row>
    <row r="428769" spans="8:8">
      <c r="H428769" s="12"/>
    </row>
    <row r="428770" spans="8:8">
      <c r="H428770" s="12"/>
    </row>
    <row r="428771" spans="8:8">
      <c r="H428771" s="12"/>
    </row>
    <row r="428772" spans="8:8">
      <c r="H428772" s="12"/>
    </row>
    <row r="428773" spans="8:8">
      <c r="H428773" s="12"/>
    </row>
    <row r="428774" spans="8:8">
      <c r="H428774" s="12"/>
    </row>
    <row r="428775" spans="8:8">
      <c r="H428775" s="12"/>
    </row>
    <row r="428776" spans="8:8">
      <c r="H428776" s="12"/>
    </row>
    <row r="428777" spans="8:8">
      <c r="H428777" s="12"/>
    </row>
    <row r="428778" spans="8:8">
      <c r="H428778" s="12"/>
    </row>
    <row r="428779" spans="8:8">
      <c r="H428779" s="12"/>
    </row>
    <row r="428780" spans="8:8">
      <c r="H428780" s="12"/>
    </row>
    <row r="428781" spans="8:8">
      <c r="H428781" s="12"/>
    </row>
    <row r="428782" spans="8:8">
      <c r="H428782" s="12"/>
    </row>
    <row r="428783" spans="8:8">
      <c r="H428783" s="12"/>
    </row>
    <row r="428784" spans="8:8">
      <c r="H428784" s="12"/>
    </row>
    <row r="428785" spans="8:8">
      <c r="H428785" s="12"/>
    </row>
    <row r="428786" spans="8:8">
      <c r="H428786" s="12"/>
    </row>
    <row r="428787" spans="8:8">
      <c r="H428787" s="12"/>
    </row>
    <row r="428788" spans="8:8">
      <c r="H428788" s="12"/>
    </row>
    <row r="428789" spans="8:8">
      <c r="H428789" s="12"/>
    </row>
    <row r="428790" spans="8:8">
      <c r="H428790" s="12"/>
    </row>
    <row r="428791" spans="8:8">
      <c r="H428791" s="12"/>
    </row>
    <row r="428792" spans="8:8">
      <c r="H428792" s="12"/>
    </row>
    <row r="428793" spans="8:8">
      <c r="H428793" s="12"/>
    </row>
    <row r="428794" spans="8:8">
      <c r="H428794" s="12"/>
    </row>
    <row r="428795" spans="8:8">
      <c r="H428795" s="12"/>
    </row>
    <row r="428796" spans="8:8">
      <c r="H428796" s="12"/>
    </row>
    <row r="428797" spans="8:8">
      <c r="H428797" s="12"/>
    </row>
    <row r="428798" spans="8:8">
      <c r="H428798" s="12"/>
    </row>
    <row r="428799" spans="8:8">
      <c r="H428799" s="12"/>
    </row>
    <row r="428800" spans="8:8">
      <c r="H428800" s="12"/>
    </row>
    <row r="428801" spans="8:8">
      <c r="H428801" s="12"/>
    </row>
    <row r="428802" spans="8:8">
      <c r="H428802" s="12"/>
    </row>
    <row r="428803" spans="8:8">
      <c r="H428803" s="12"/>
    </row>
    <row r="428804" spans="8:8">
      <c r="H428804" s="12"/>
    </row>
    <row r="428805" spans="8:8">
      <c r="H428805" s="12"/>
    </row>
    <row r="428806" spans="8:8">
      <c r="H428806" s="12"/>
    </row>
    <row r="428807" spans="8:8">
      <c r="H428807" s="12"/>
    </row>
    <row r="428808" spans="8:8">
      <c r="H428808" s="12"/>
    </row>
    <row r="428809" spans="8:8">
      <c r="H428809" s="12"/>
    </row>
    <row r="428810" spans="8:8">
      <c r="H428810" s="12"/>
    </row>
    <row r="428811" spans="8:8">
      <c r="H428811" s="12"/>
    </row>
    <row r="428812" spans="8:8">
      <c r="H428812" s="12"/>
    </row>
    <row r="428813" spans="8:8">
      <c r="H428813" s="12"/>
    </row>
    <row r="428814" spans="8:8">
      <c r="H428814" s="12"/>
    </row>
    <row r="428815" spans="8:8">
      <c r="H428815" s="12"/>
    </row>
    <row r="428816" spans="8:8">
      <c r="H428816" s="12"/>
    </row>
    <row r="428817" spans="8:8">
      <c r="H428817" s="12"/>
    </row>
    <row r="428818" spans="8:8">
      <c r="H428818" s="12"/>
    </row>
    <row r="428819" spans="8:8">
      <c r="H428819" s="12"/>
    </row>
    <row r="428820" spans="8:8">
      <c r="H428820" s="12"/>
    </row>
    <row r="428821" spans="8:8">
      <c r="H428821" s="12"/>
    </row>
    <row r="428822" spans="8:8">
      <c r="H428822" s="12"/>
    </row>
    <row r="428823" spans="8:8">
      <c r="H428823" s="12"/>
    </row>
    <row r="428824" spans="8:8">
      <c r="H428824" s="12"/>
    </row>
    <row r="428825" spans="8:8">
      <c r="H428825" s="12"/>
    </row>
    <row r="428826" spans="8:8">
      <c r="H428826" s="12"/>
    </row>
    <row r="428827" spans="8:8">
      <c r="H428827" s="12"/>
    </row>
    <row r="428828" spans="8:8">
      <c r="H428828" s="12"/>
    </row>
    <row r="428829" spans="8:8">
      <c r="H428829" s="12"/>
    </row>
    <row r="428830" spans="8:8">
      <c r="H428830" s="12"/>
    </row>
    <row r="428831" spans="8:8">
      <c r="H428831" s="12"/>
    </row>
    <row r="428832" spans="8:8">
      <c r="H428832" s="12"/>
    </row>
    <row r="428833" spans="8:8">
      <c r="H428833" s="12"/>
    </row>
    <row r="428834" spans="8:8">
      <c r="H428834" s="12"/>
    </row>
    <row r="428835" spans="8:8">
      <c r="H428835" s="12"/>
    </row>
    <row r="428836" spans="8:8">
      <c r="H428836" s="12"/>
    </row>
    <row r="428837" spans="8:8">
      <c r="H428837" s="12"/>
    </row>
    <row r="428838" spans="8:8">
      <c r="H428838" s="12"/>
    </row>
    <row r="428839" spans="8:8">
      <c r="H428839" s="12"/>
    </row>
    <row r="428840" spans="8:8">
      <c r="H428840" s="12"/>
    </row>
    <row r="428841" spans="8:8">
      <c r="H428841" s="12"/>
    </row>
    <row r="428842" spans="8:8">
      <c r="H428842" s="12"/>
    </row>
    <row r="428843" spans="8:8">
      <c r="H428843" s="12"/>
    </row>
    <row r="428844" spans="8:8">
      <c r="H428844" s="12"/>
    </row>
    <row r="428845" spans="8:8">
      <c r="H428845" s="12"/>
    </row>
    <row r="428846" spans="8:8">
      <c r="H428846" s="12"/>
    </row>
    <row r="428847" spans="8:8">
      <c r="H428847" s="12"/>
    </row>
    <row r="428848" spans="8:8">
      <c r="H428848" s="12"/>
    </row>
    <row r="428849" spans="8:8">
      <c r="H428849" s="12"/>
    </row>
    <row r="428850" spans="8:8">
      <c r="H428850" s="12"/>
    </row>
    <row r="428851" spans="8:8">
      <c r="H428851" s="12"/>
    </row>
    <row r="428852" spans="8:8">
      <c r="H428852" s="12"/>
    </row>
    <row r="428853" spans="8:8">
      <c r="H428853" s="12"/>
    </row>
    <row r="428854" spans="8:8">
      <c r="H428854" s="12"/>
    </row>
    <row r="428855" spans="8:8">
      <c r="H428855" s="12"/>
    </row>
    <row r="428856" spans="8:8">
      <c r="H428856" s="12"/>
    </row>
    <row r="428857" spans="8:8">
      <c r="H428857" s="12"/>
    </row>
    <row r="428858" spans="8:8">
      <c r="H428858" s="12"/>
    </row>
    <row r="428859" spans="8:8">
      <c r="H428859" s="12"/>
    </row>
    <row r="428860" spans="8:8">
      <c r="H428860" s="12"/>
    </row>
    <row r="428861" spans="8:8">
      <c r="H428861" s="12"/>
    </row>
    <row r="428862" spans="8:8">
      <c r="H428862" s="12"/>
    </row>
    <row r="428863" spans="8:8">
      <c r="H428863" s="12"/>
    </row>
    <row r="428864" spans="8:8">
      <c r="H428864" s="12"/>
    </row>
    <row r="428865" spans="8:8">
      <c r="H428865" s="12"/>
    </row>
    <row r="428866" spans="8:8">
      <c r="H428866" s="12"/>
    </row>
    <row r="428867" spans="8:8">
      <c r="H428867" s="12"/>
    </row>
    <row r="428868" spans="8:8">
      <c r="H428868" s="12"/>
    </row>
    <row r="428869" spans="8:8">
      <c r="H428869" s="12"/>
    </row>
    <row r="428870" spans="8:8">
      <c r="H428870" s="12"/>
    </row>
    <row r="428871" spans="8:8">
      <c r="H428871" s="12"/>
    </row>
    <row r="428872" spans="8:8">
      <c r="H428872" s="12"/>
    </row>
    <row r="428873" spans="8:8">
      <c r="H428873" s="12"/>
    </row>
    <row r="428874" spans="8:8">
      <c r="H428874" s="12"/>
    </row>
    <row r="428875" spans="8:8">
      <c r="H428875" s="12"/>
    </row>
    <row r="428876" spans="8:8">
      <c r="H428876" s="12"/>
    </row>
    <row r="428877" spans="8:8">
      <c r="H428877" s="12"/>
    </row>
    <row r="428878" spans="8:8">
      <c r="H428878" s="12"/>
    </row>
    <row r="428879" spans="8:8">
      <c r="H428879" s="12"/>
    </row>
    <row r="428880" spans="8:8">
      <c r="H428880" s="12"/>
    </row>
    <row r="428881" spans="8:8">
      <c r="H428881" s="12"/>
    </row>
    <row r="428882" spans="8:8">
      <c r="H428882" s="12"/>
    </row>
    <row r="428883" spans="8:8">
      <c r="H428883" s="12"/>
    </row>
    <row r="428884" spans="8:8">
      <c r="H428884" s="12"/>
    </row>
    <row r="428885" spans="8:8">
      <c r="H428885" s="12"/>
    </row>
    <row r="428886" spans="8:8">
      <c r="H428886" s="12"/>
    </row>
    <row r="428887" spans="8:8">
      <c r="H428887" s="12"/>
    </row>
    <row r="428888" spans="8:8">
      <c r="H428888" s="12"/>
    </row>
    <row r="428889" spans="8:8">
      <c r="H428889" s="12"/>
    </row>
    <row r="428890" spans="8:8">
      <c r="H428890" s="12"/>
    </row>
    <row r="428891" spans="8:8">
      <c r="H428891" s="12"/>
    </row>
    <row r="428892" spans="8:8">
      <c r="H428892" s="12"/>
    </row>
    <row r="428893" spans="8:8">
      <c r="H428893" s="12"/>
    </row>
    <row r="428894" spans="8:8">
      <c r="H428894" s="12"/>
    </row>
    <row r="428895" spans="8:8">
      <c r="H428895" s="12"/>
    </row>
    <row r="428896" spans="8:8">
      <c r="H428896" s="12"/>
    </row>
    <row r="428897" spans="8:8">
      <c r="H428897" s="12"/>
    </row>
    <row r="428898" spans="8:8">
      <c r="H428898" s="12"/>
    </row>
    <row r="428899" spans="8:8">
      <c r="H428899" s="12"/>
    </row>
    <row r="428900" spans="8:8">
      <c r="H428900" s="12"/>
    </row>
    <row r="428901" spans="8:8">
      <c r="H428901" s="12"/>
    </row>
    <row r="428902" spans="8:8">
      <c r="H428902" s="12"/>
    </row>
    <row r="428903" spans="8:8">
      <c r="H428903" s="12"/>
    </row>
    <row r="428904" spans="8:8">
      <c r="H428904" s="12"/>
    </row>
    <row r="428905" spans="8:8">
      <c r="H428905" s="12"/>
    </row>
    <row r="428906" spans="8:8">
      <c r="H428906" s="12"/>
    </row>
    <row r="428907" spans="8:8">
      <c r="H428907" s="12"/>
    </row>
    <row r="428908" spans="8:8">
      <c r="H428908" s="12"/>
    </row>
    <row r="428909" spans="8:8">
      <c r="H428909" s="12"/>
    </row>
    <row r="428910" spans="8:8">
      <c r="H428910" s="12"/>
    </row>
    <row r="428911" spans="8:8">
      <c r="H428911" s="12"/>
    </row>
    <row r="428912" spans="8:8">
      <c r="H428912" s="12"/>
    </row>
    <row r="428913" spans="8:8">
      <c r="H428913" s="12"/>
    </row>
    <row r="428914" spans="8:8">
      <c r="H428914" s="12"/>
    </row>
    <row r="428915" spans="8:8">
      <c r="H428915" s="12"/>
    </row>
    <row r="428916" spans="8:8">
      <c r="H428916" s="12"/>
    </row>
    <row r="428917" spans="8:8">
      <c r="H428917" s="12"/>
    </row>
    <row r="428918" spans="8:8">
      <c r="H428918" s="12"/>
    </row>
    <row r="428919" spans="8:8">
      <c r="H428919" s="12"/>
    </row>
    <row r="428920" spans="8:8">
      <c r="H428920" s="12"/>
    </row>
    <row r="428921" spans="8:8">
      <c r="H428921" s="12"/>
    </row>
    <row r="428922" spans="8:8">
      <c r="H428922" s="12"/>
    </row>
    <row r="428923" spans="8:8">
      <c r="H428923" s="12"/>
    </row>
    <row r="428924" spans="8:8">
      <c r="H428924" s="12"/>
    </row>
    <row r="428925" spans="8:8">
      <c r="H428925" s="12"/>
    </row>
    <row r="428926" spans="8:8">
      <c r="H428926" s="12"/>
    </row>
    <row r="428927" spans="8:8">
      <c r="H428927" s="12"/>
    </row>
    <row r="428928" spans="8:8">
      <c r="H428928" s="12"/>
    </row>
    <row r="428929" spans="8:8">
      <c r="H428929" s="12"/>
    </row>
    <row r="428930" spans="8:8">
      <c r="H428930" s="12"/>
    </row>
    <row r="428931" spans="8:8">
      <c r="H428931" s="12"/>
    </row>
    <row r="428932" spans="8:8">
      <c r="H428932" s="12"/>
    </row>
    <row r="428933" spans="8:8">
      <c r="H428933" s="12"/>
    </row>
    <row r="428934" spans="8:8">
      <c r="H428934" s="12"/>
    </row>
    <row r="428935" spans="8:8">
      <c r="H428935" s="12"/>
    </row>
    <row r="428936" spans="8:8">
      <c r="H428936" s="12"/>
    </row>
    <row r="428937" spans="8:8">
      <c r="H428937" s="12"/>
    </row>
    <row r="428938" spans="8:8">
      <c r="H428938" s="12"/>
    </row>
    <row r="428939" spans="8:8">
      <c r="H428939" s="12"/>
    </row>
    <row r="428940" spans="8:8">
      <c r="H428940" s="12"/>
    </row>
    <row r="428941" spans="8:8">
      <c r="H428941" s="12"/>
    </row>
    <row r="428942" spans="8:8">
      <c r="H428942" s="12"/>
    </row>
    <row r="428943" spans="8:8">
      <c r="H428943" s="12"/>
    </row>
    <row r="428944" spans="8:8">
      <c r="H428944" s="12"/>
    </row>
    <row r="428945" spans="8:8">
      <c r="H428945" s="12"/>
    </row>
    <row r="428946" spans="8:8">
      <c r="H428946" s="12"/>
    </row>
    <row r="428947" spans="8:8">
      <c r="H428947" s="12"/>
    </row>
    <row r="428948" spans="8:8">
      <c r="H428948" s="12"/>
    </row>
    <row r="428949" spans="8:8">
      <c r="H428949" s="12"/>
    </row>
    <row r="428950" spans="8:8">
      <c r="H428950" s="12"/>
    </row>
    <row r="428951" spans="8:8">
      <c r="H428951" s="12"/>
    </row>
    <row r="428952" spans="8:8">
      <c r="H428952" s="12"/>
    </row>
    <row r="428953" spans="8:8">
      <c r="H428953" s="12"/>
    </row>
    <row r="428954" spans="8:8">
      <c r="H428954" s="12"/>
    </row>
    <row r="428955" spans="8:8">
      <c r="H428955" s="12"/>
    </row>
    <row r="428956" spans="8:8">
      <c r="H428956" s="12"/>
    </row>
    <row r="428957" spans="8:8">
      <c r="H428957" s="12"/>
    </row>
    <row r="428958" spans="8:8">
      <c r="H428958" s="12"/>
    </row>
    <row r="428959" spans="8:8">
      <c r="H428959" s="12"/>
    </row>
    <row r="428960" spans="8:8">
      <c r="H428960" s="12"/>
    </row>
    <row r="428961" spans="8:8">
      <c r="H428961" s="12"/>
    </row>
    <row r="428962" spans="8:8">
      <c r="H428962" s="12"/>
    </row>
    <row r="428963" spans="8:8">
      <c r="H428963" s="12"/>
    </row>
    <row r="428964" spans="8:8">
      <c r="H428964" s="12"/>
    </row>
    <row r="428965" spans="8:8">
      <c r="H428965" s="12"/>
    </row>
    <row r="428966" spans="8:8">
      <c r="H428966" s="12"/>
    </row>
    <row r="428967" spans="8:8">
      <c r="H428967" s="12"/>
    </row>
    <row r="428968" spans="8:8">
      <c r="H428968" s="12"/>
    </row>
    <row r="428969" spans="8:8">
      <c r="H428969" s="12"/>
    </row>
    <row r="428970" spans="8:8">
      <c r="H428970" s="12"/>
    </row>
    <row r="428971" spans="8:8">
      <c r="H428971" s="12"/>
    </row>
    <row r="428972" spans="8:8">
      <c r="H428972" s="12"/>
    </row>
    <row r="428973" spans="8:8">
      <c r="H428973" s="12"/>
    </row>
    <row r="428974" spans="8:8">
      <c r="H428974" s="12"/>
    </row>
    <row r="428975" spans="8:8">
      <c r="H428975" s="12"/>
    </row>
    <row r="428976" spans="8:8">
      <c r="H428976" s="12"/>
    </row>
    <row r="428977" spans="8:8">
      <c r="H428977" s="12"/>
    </row>
    <row r="428978" spans="8:8">
      <c r="H428978" s="12"/>
    </row>
    <row r="428979" spans="8:8">
      <c r="H428979" s="12"/>
    </row>
    <row r="428980" spans="8:8">
      <c r="H428980" s="12"/>
    </row>
    <row r="428981" spans="8:8">
      <c r="H428981" s="12"/>
    </row>
    <row r="428982" spans="8:8">
      <c r="H428982" s="12"/>
    </row>
    <row r="428983" spans="8:8">
      <c r="H428983" s="12"/>
    </row>
    <row r="428984" spans="8:8">
      <c r="H428984" s="12"/>
    </row>
    <row r="428985" spans="8:8">
      <c r="H428985" s="12"/>
    </row>
    <row r="428986" spans="8:8">
      <c r="H428986" s="12"/>
    </row>
    <row r="428987" spans="8:8">
      <c r="H428987" s="12"/>
    </row>
    <row r="428988" spans="8:8">
      <c r="H428988" s="12"/>
    </row>
    <row r="428989" spans="8:8">
      <c r="H428989" s="12"/>
    </row>
    <row r="428990" spans="8:8">
      <c r="H428990" s="12"/>
    </row>
    <row r="428991" spans="8:8">
      <c r="H428991" s="12"/>
    </row>
    <row r="428992" spans="8:8">
      <c r="H428992" s="12"/>
    </row>
    <row r="428993" spans="8:8">
      <c r="H428993" s="12"/>
    </row>
    <row r="428994" spans="8:8">
      <c r="H428994" s="12"/>
    </row>
    <row r="428995" spans="8:8">
      <c r="H428995" s="12"/>
    </row>
    <row r="428996" spans="8:8">
      <c r="H428996" s="12"/>
    </row>
    <row r="428997" spans="8:8">
      <c r="H428997" s="12"/>
    </row>
    <row r="428998" spans="8:8">
      <c r="H428998" s="12"/>
    </row>
    <row r="428999" spans="8:8">
      <c r="H428999" s="12"/>
    </row>
    <row r="429000" spans="8:8">
      <c r="H429000" s="12"/>
    </row>
    <row r="429001" spans="8:8">
      <c r="H429001" s="12"/>
    </row>
    <row r="429002" spans="8:8">
      <c r="H429002" s="12"/>
    </row>
    <row r="429003" spans="8:8">
      <c r="H429003" s="12"/>
    </row>
    <row r="429004" spans="8:8">
      <c r="H429004" s="12"/>
    </row>
    <row r="429005" spans="8:8">
      <c r="H429005" s="12"/>
    </row>
    <row r="429006" spans="8:8">
      <c r="H429006" s="12"/>
    </row>
    <row r="429007" spans="8:8">
      <c r="H429007" s="12"/>
    </row>
    <row r="429008" spans="8:8">
      <c r="H429008" s="12"/>
    </row>
    <row r="429009" spans="8:8">
      <c r="H429009" s="12"/>
    </row>
    <row r="429010" spans="8:8">
      <c r="H429010" s="12"/>
    </row>
    <row r="429011" spans="8:8">
      <c r="H429011" s="12"/>
    </row>
    <row r="429012" spans="8:8">
      <c r="H429012" s="12"/>
    </row>
    <row r="429013" spans="8:8">
      <c r="H429013" s="12"/>
    </row>
    <row r="429014" spans="8:8">
      <c r="H429014" s="12"/>
    </row>
    <row r="429015" spans="8:8">
      <c r="H429015" s="12"/>
    </row>
    <row r="429016" spans="8:8">
      <c r="H429016" s="12"/>
    </row>
    <row r="429017" spans="8:8">
      <c r="H429017" s="12"/>
    </row>
    <row r="429018" spans="8:8">
      <c r="H429018" s="12"/>
    </row>
    <row r="429019" spans="8:8">
      <c r="H429019" s="12"/>
    </row>
    <row r="429020" spans="8:8">
      <c r="H429020" s="12"/>
    </row>
    <row r="429021" spans="8:8">
      <c r="H429021" s="12"/>
    </row>
    <row r="429022" spans="8:8">
      <c r="H429022" s="12"/>
    </row>
    <row r="429023" spans="8:8">
      <c r="H429023" s="12"/>
    </row>
    <row r="429024" spans="8:8">
      <c r="H429024" s="12"/>
    </row>
    <row r="429025" spans="8:8">
      <c r="H429025" s="12"/>
    </row>
    <row r="429026" spans="8:8">
      <c r="H429026" s="12"/>
    </row>
    <row r="429027" spans="8:8">
      <c r="H429027" s="12"/>
    </row>
    <row r="429028" spans="8:8">
      <c r="H429028" s="12"/>
    </row>
    <row r="429029" spans="8:8">
      <c r="H429029" s="12"/>
    </row>
    <row r="429030" spans="8:8">
      <c r="H429030" s="12"/>
    </row>
    <row r="429031" spans="8:8">
      <c r="H429031" s="12"/>
    </row>
    <row r="429032" spans="8:8">
      <c r="H429032" s="12"/>
    </row>
    <row r="429033" spans="8:8">
      <c r="H429033" s="12"/>
    </row>
    <row r="429034" spans="8:8">
      <c r="H429034" s="12"/>
    </row>
    <row r="429035" spans="8:8">
      <c r="H429035" s="12"/>
    </row>
    <row r="429036" spans="8:8">
      <c r="H429036" s="12"/>
    </row>
    <row r="429037" spans="8:8">
      <c r="H429037" s="12"/>
    </row>
    <row r="429038" spans="8:8">
      <c r="H429038" s="12"/>
    </row>
    <row r="429039" spans="8:8">
      <c r="H429039" s="12"/>
    </row>
    <row r="429040" spans="8:8">
      <c r="H429040" s="12"/>
    </row>
    <row r="429041" spans="8:8">
      <c r="H429041" s="12"/>
    </row>
    <row r="429042" spans="8:8">
      <c r="H429042" s="12"/>
    </row>
    <row r="429043" spans="8:8">
      <c r="H429043" s="12"/>
    </row>
    <row r="429044" spans="8:8">
      <c r="H429044" s="12"/>
    </row>
    <row r="429045" spans="8:8">
      <c r="H429045" s="12"/>
    </row>
    <row r="429046" spans="8:8">
      <c r="H429046" s="12"/>
    </row>
    <row r="429047" spans="8:8">
      <c r="H429047" s="12"/>
    </row>
    <row r="429048" spans="8:8">
      <c r="H429048" s="12"/>
    </row>
    <row r="429049" spans="8:8">
      <c r="H429049" s="12"/>
    </row>
    <row r="429050" spans="8:8">
      <c r="H429050" s="12"/>
    </row>
    <row r="429051" spans="8:8">
      <c r="H429051" s="12"/>
    </row>
    <row r="429052" spans="8:8">
      <c r="H429052" s="12"/>
    </row>
    <row r="429053" spans="8:8">
      <c r="H429053" s="12"/>
    </row>
    <row r="429054" spans="8:8">
      <c r="H429054" s="12"/>
    </row>
    <row r="429055" spans="8:8">
      <c r="H429055" s="12"/>
    </row>
    <row r="429056" spans="8:8">
      <c r="H429056" s="12"/>
    </row>
    <row r="429057" spans="8:8">
      <c r="H429057" s="12"/>
    </row>
    <row r="429058" spans="8:8">
      <c r="H429058" s="12"/>
    </row>
    <row r="429059" spans="8:8">
      <c r="H429059" s="12"/>
    </row>
    <row r="429060" spans="8:8">
      <c r="H429060" s="12"/>
    </row>
    <row r="429061" spans="8:8">
      <c r="H429061" s="12"/>
    </row>
    <row r="429062" spans="8:8">
      <c r="H429062" s="12"/>
    </row>
    <row r="429063" spans="8:8">
      <c r="H429063" s="12"/>
    </row>
    <row r="429064" spans="8:8">
      <c r="H429064" s="12"/>
    </row>
    <row r="429065" spans="8:8">
      <c r="H429065" s="12"/>
    </row>
    <row r="429066" spans="8:8">
      <c r="H429066" s="12"/>
    </row>
    <row r="429067" spans="8:8">
      <c r="H429067" s="12"/>
    </row>
    <row r="429068" spans="8:8">
      <c r="H429068" s="12"/>
    </row>
    <row r="429069" spans="8:8">
      <c r="H429069" s="12"/>
    </row>
    <row r="429070" spans="8:8">
      <c r="H429070" s="12"/>
    </row>
    <row r="429071" spans="8:8">
      <c r="H429071" s="12"/>
    </row>
    <row r="429072" spans="8:8">
      <c r="H429072" s="12"/>
    </row>
    <row r="429073" spans="8:8">
      <c r="H429073" s="12"/>
    </row>
    <row r="429074" spans="8:8">
      <c r="H429074" s="12"/>
    </row>
    <row r="429075" spans="8:8">
      <c r="H429075" s="12"/>
    </row>
    <row r="429076" spans="8:8">
      <c r="H429076" s="12"/>
    </row>
    <row r="429077" spans="8:8">
      <c r="H429077" s="12"/>
    </row>
    <row r="429078" spans="8:8">
      <c r="H429078" s="12"/>
    </row>
    <row r="429079" spans="8:8">
      <c r="H429079" s="12"/>
    </row>
    <row r="429080" spans="8:8">
      <c r="H429080" s="12"/>
    </row>
    <row r="429081" spans="8:8">
      <c r="H429081" s="12"/>
    </row>
    <row r="429082" spans="8:8">
      <c r="H429082" s="12"/>
    </row>
    <row r="429083" spans="8:8">
      <c r="H429083" s="12"/>
    </row>
    <row r="429084" spans="8:8">
      <c r="H429084" s="12"/>
    </row>
    <row r="429085" spans="8:8">
      <c r="H429085" s="12"/>
    </row>
    <row r="429086" spans="8:8">
      <c r="H429086" s="12"/>
    </row>
    <row r="429087" spans="8:8">
      <c r="H429087" s="12"/>
    </row>
    <row r="429088" spans="8:8">
      <c r="H429088" s="12"/>
    </row>
    <row r="429089" spans="8:8">
      <c r="H429089" s="12"/>
    </row>
    <row r="429090" spans="8:8">
      <c r="H429090" s="12"/>
    </row>
    <row r="429091" spans="8:8">
      <c r="H429091" s="12"/>
    </row>
    <row r="429092" spans="8:8">
      <c r="H429092" s="12"/>
    </row>
    <row r="429093" spans="8:8">
      <c r="H429093" s="12"/>
    </row>
    <row r="429094" spans="8:8">
      <c r="H429094" s="12"/>
    </row>
    <row r="429095" spans="8:8">
      <c r="H429095" s="12"/>
    </row>
    <row r="429096" spans="8:8">
      <c r="H429096" s="12"/>
    </row>
    <row r="429097" spans="8:8">
      <c r="H429097" s="12"/>
    </row>
    <row r="429098" spans="8:8">
      <c r="H429098" s="12"/>
    </row>
    <row r="429099" spans="8:8">
      <c r="H429099" s="12"/>
    </row>
    <row r="429100" spans="8:8">
      <c r="H429100" s="12"/>
    </row>
    <row r="429101" spans="8:8">
      <c r="H429101" s="12"/>
    </row>
    <row r="429102" spans="8:8">
      <c r="H429102" s="12"/>
    </row>
    <row r="429103" spans="8:8">
      <c r="H429103" s="12"/>
    </row>
    <row r="429104" spans="8:8">
      <c r="H429104" s="12"/>
    </row>
    <row r="429105" spans="8:8">
      <c r="H429105" s="12"/>
    </row>
    <row r="429106" spans="8:8">
      <c r="H429106" s="12"/>
    </row>
    <row r="429107" spans="8:8">
      <c r="H429107" s="12"/>
    </row>
    <row r="429108" spans="8:8">
      <c r="H429108" s="12"/>
    </row>
    <row r="429109" spans="8:8">
      <c r="H429109" s="12"/>
    </row>
    <row r="429110" spans="8:8">
      <c r="H429110" s="12"/>
    </row>
    <row r="429111" spans="8:8">
      <c r="H429111" s="12"/>
    </row>
    <row r="429112" spans="8:8">
      <c r="H429112" s="12"/>
    </row>
    <row r="429113" spans="8:8">
      <c r="H429113" s="12"/>
    </row>
    <row r="429114" spans="8:8">
      <c r="H429114" s="12"/>
    </row>
    <row r="429115" spans="8:8">
      <c r="H429115" s="12"/>
    </row>
    <row r="429116" spans="8:8">
      <c r="H429116" s="12"/>
    </row>
    <row r="429117" spans="8:8">
      <c r="H429117" s="12"/>
    </row>
    <row r="429118" spans="8:8">
      <c r="H429118" s="12"/>
    </row>
    <row r="429119" spans="8:8">
      <c r="H429119" s="12"/>
    </row>
    <row r="429120" spans="8:8">
      <c r="H429120" s="12"/>
    </row>
    <row r="429121" spans="8:8">
      <c r="H429121" s="12"/>
    </row>
    <row r="429122" spans="8:8">
      <c r="H429122" s="12"/>
    </row>
    <row r="429123" spans="8:8">
      <c r="H429123" s="12"/>
    </row>
    <row r="429124" spans="8:8">
      <c r="H429124" s="12"/>
    </row>
    <row r="429125" spans="8:8">
      <c r="H429125" s="12"/>
    </row>
    <row r="429126" spans="8:8">
      <c r="H429126" s="12"/>
    </row>
    <row r="429127" spans="8:8">
      <c r="H429127" s="12"/>
    </row>
    <row r="429128" spans="8:8">
      <c r="H429128" s="12"/>
    </row>
    <row r="429129" spans="8:8">
      <c r="H429129" s="12"/>
    </row>
    <row r="429130" spans="8:8">
      <c r="H429130" s="12"/>
    </row>
    <row r="429131" spans="8:8">
      <c r="H429131" s="12"/>
    </row>
    <row r="429132" spans="8:8">
      <c r="H429132" s="12"/>
    </row>
    <row r="429133" spans="8:8">
      <c r="H429133" s="12"/>
    </row>
    <row r="429134" spans="8:8">
      <c r="H429134" s="12"/>
    </row>
    <row r="429135" spans="8:8">
      <c r="H429135" s="12"/>
    </row>
    <row r="429136" spans="8:8">
      <c r="H429136" s="12"/>
    </row>
    <row r="429137" spans="8:8">
      <c r="H429137" s="12"/>
    </row>
    <row r="429138" spans="8:8">
      <c r="H429138" s="12"/>
    </row>
    <row r="429139" spans="8:8">
      <c r="H429139" s="12"/>
    </row>
    <row r="429140" spans="8:8">
      <c r="H429140" s="12"/>
    </row>
    <row r="429141" spans="8:8">
      <c r="H429141" s="12"/>
    </row>
    <row r="429142" spans="8:8">
      <c r="H429142" s="12"/>
    </row>
    <row r="429143" spans="8:8">
      <c r="H429143" s="12"/>
    </row>
    <row r="429144" spans="8:8">
      <c r="H429144" s="12"/>
    </row>
    <row r="429145" spans="8:8">
      <c r="H429145" s="12"/>
    </row>
    <row r="429146" spans="8:8">
      <c r="H429146" s="12"/>
    </row>
    <row r="429147" spans="8:8">
      <c r="H429147" s="12"/>
    </row>
    <row r="429148" spans="8:8">
      <c r="H429148" s="12"/>
    </row>
    <row r="429149" spans="8:8">
      <c r="H429149" s="12"/>
    </row>
    <row r="429150" spans="8:8">
      <c r="H429150" s="12"/>
    </row>
    <row r="429151" spans="8:8">
      <c r="H429151" s="12"/>
    </row>
    <row r="429152" spans="8:8">
      <c r="H429152" s="12"/>
    </row>
    <row r="429153" spans="8:8">
      <c r="H429153" s="12"/>
    </row>
    <row r="429154" spans="8:8">
      <c r="H429154" s="12"/>
    </row>
    <row r="429155" spans="8:8">
      <c r="H429155" s="12"/>
    </row>
    <row r="429156" spans="8:8">
      <c r="H429156" s="12"/>
    </row>
    <row r="429157" spans="8:8">
      <c r="H429157" s="12"/>
    </row>
    <row r="429158" spans="8:8">
      <c r="H429158" s="12"/>
    </row>
    <row r="429159" spans="8:8">
      <c r="H429159" s="12"/>
    </row>
    <row r="429160" spans="8:8">
      <c r="H429160" s="12"/>
    </row>
    <row r="429161" spans="8:8">
      <c r="H429161" s="12"/>
    </row>
    <row r="429162" spans="8:8">
      <c r="H429162" s="12"/>
    </row>
    <row r="429163" spans="8:8">
      <c r="H429163" s="12"/>
    </row>
    <row r="429164" spans="8:8">
      <c r="H429164" s="12"/>
    </row>
    <row r="429165" spans="8:8">
      <c r="H429165" s="12"/>
    </row>
    <row r="429166" spans="8:8">
      <c r="H429166" s="12"/>
    </row>
    <row r="429167" spans="8:8">
      <c r="H429167" s="12"/>
    </row>
    <row r="429168" spans="8:8">
      <c r="H429168" s="12"/>
    </row>
    <row r="429169" spans="8:8">
      <c r="H429169" s="12"/>
    </row>
    <row r="429170" spans="8:8">
      <c r="H429170" s="12"/>
    </row>
    <row r="429171" spans="8:8">
      <c r="H429171" s="12"/>
    </row>
    <row r="429172" spans="8:8">
      <c r="H429172" s="12"/>
    </row>
    <row r="429173" spans="8:8">
      <c r="H429173" s="12"/>
    </row>
    <row r="429174" spans="8:8">
      <c r="H429174" s="12"/>
    </row>
    <row r="429175" spans="8:8">
      <c r="H429175" s="12"/>
    </row>
    <row r="429176" spans="8:8">
      <c r="H429176" s="12"/>
    </row>
    <row r="429177" spans="8:8">
      <c r="H429177" s="12"/>
    </row>
    <row r="429178" spans="8:8">
      <c r="H429178" s="12"/>
    </row>
    <row r="429179" spans="8:8">
      <c r="H429179" s="12"/>
    </row>
    <row r="429180" spans="8:8">
      <c r="H429180" s="12"/>
    </row>
    <row r="429181" spans="8:8">
      <c r="H429181" s="12"/>
    </row>
    <row r="429182" spans="8:8">
      <c r="H429182" s="12"/>
    </row>
    <row r="429183" spans="8:8">
      <c r="H429183" s="12"/>
    </row>
    <row r="429184" spans="8:8">
      <c r="H429184" s="12"/>
    </row>
    <row r="429185" spans="8:8">
      <c r="H429185" s="12"/>
    </row>
    <row r="429186" spans="8:8">
      <c r="H429186" s="12"/>
    </row>
    <row r="429187" spans="8:8">
      <c r="H429187" s="12"/>
    </row>
    <row r="429188" spans="8:8">
      <c r="H429188" s="12"/>
    </row>
    <row r="429189" spans="8:8">
      <c r="H429189" s="12"/>
    </row>
    <row r="429190" spans="8:8">
      <c r="H429190" s="12"/>
    </row>
    <row r="429191" spans="8:8">
      <c r="H429191" s="12"/>
    </row>
    <row r="429192" spans="8:8">
      <c r="H429192" s="12"/>
    </row>
    <row r="429193" spans="8:8">
      <c r="H429193" s="12"/>
    </row>
    <row r="429194" spans="8:8">
      <c r="H429194" s="12"/>
    </row>
    <row r="429195" spans="8:8">
      <c r="H429195" s="12"/>
    </row>
    <row r="429196" spans="8:8">
      <c r="H429196" s="12"/>
    </row>
    <row r="429197" spans="8:8">
      <c r="H429197" s="12"/>
    </row>
    <row r="429198" spans="8:8">
      <c r="H429198" s="12"/>
    </row>
    <row r="429199" spans="8:8">
      <c r="H429199" s="12"/>
    </row>
    <row r="429200" spans="8:8">
      <c r="H429200" s="12"/>
    </row>
    <row r="429201" spans="8:8">
      <c r="H429201" s="12"/>
    </row>
    <row r="429202" spans="8:8">
      <c r="H429202" s="12"/>
    </row>
    <row r="429203" spans="8:8">
      <c r="H429203" s="12"/>
    </row>
    <row r="429204" spans="8:8">
      <c r="H429204" s="12"/>
    </row>
    <row r="429205" spans="8:8">
      <c r="H429205" s="12"/>
    </row>
    <row r="429206" spans="8:8">
      <c r="H429206" s="12"/>
    </row>
    <row r="429207" spans="8:8">
      <c r="H429207" s="12"/>
    </row>
    <row r="429208" spans="8:8">
      <c r="H429208" s="12"/>
    </row>
    <row r="429209" spans="8:8">
      <c r="H429209" s="12"/>
    </row>
    <row r="429210" spans="8:8">
      <c r="H429210" s="12"/>
    </row>
    <row r="429211" spans="8:8">
      <c r="H429211" s="12"/>
    </row>
    <row r="429212" spans="8:8">
      <c r="H429212" s="12"/>
    </row>
    <row r="429213" spans="8:8">
      <c r="H429213" s="12"/>
    </row>
    <row r="429214" spans="8:8">
      <c r="H429214" s="12"/>
    </row>
    <row r="429215" spans="8:8">
      <c r="H429215" s="12"/>
    </row>
    <row r="429216" spans="8:8">
      <c r="H429216" s="12"/>
    </row>
    <row r="429217" spans="8:8">
      <c r="H429217" s="12"/>
    </row>
    <row r="429218" spans="8:8">
      <c r="H429218" s="12"/>
    </row>
    <row r="429219" spans="8:8">
      <c r="H429219" s="12"/>
    </row>
    <row r="429220" spans="8:8">
      <c r="H429220" s="12"/>
    </row>
    <row r="429221" spans="8:8">
      <c r="H429221" s="12"/>
    </row>
    <row r="429222" spans="8:8">
      <c r="H429222" s="12"/>
    </row>
    <row r="429223" spans="8:8">
      <c r="H429223" s="12"/>
    </row>
    <row r="429224" spans="8:8">
      <c r="H429224" s="12"/>
    </row>
    <row r="429225" spans="8:8">
      <c r="H429225" s="12"/>
    </row>
    <row r="429226" spans="8:8">
      <c r="H429226" s="12"/>
    </row>
    <row r="429227" spans="8:8">
      <c r="H429227" s="12"/>
    </row>
    <row r="429228" spans="8:8">
      <c r="H429228" s="12"/>
    </row>
    <row r="429229" spans="8:8">
      <c r="H429229" s="12"/>
    </row>
    <row r="429230" spans="8:8">
      <c r="H429230" s="12"/>
    </row>
    <row r="429231" spans="8:8">
      <c r="H429231" s="12"/>
    </row>
    <row r="429232" spans="8:8">
      <c r="H429232" s="12"/>
    </row>
    <row r="429233" spans="8:8">
      <c r="H429233" s="12"/>
    </row>
    <row r="429234" spans="8:8">
      <c r="H429234" s="12"/>
    </row>
    <row r="429235" spans="8:8">
      <c r="H429235" s="12"/>
    </row>
    <row r="429236" spans="8:8">
      <c r="H429236" s="12"/>
    </row>
    <row r="429237" spans="8:8">
      <c r="H429237" s="12"/>
    </row>
    <row r="429238" spans="8:8">
      <c r="H429238" s="12"/>
    </row>
    <row r="429239" spans="8:8">
      <c r="H429239" s="12"/>
    </row>
    <row r="429240" spans="8:8">
      <c r="H429240" s="12"/>
    </row>
    <row r="429241" spans="8:8">
      <c r="H429241" s="12"/>
    </row>
    <row r="429242" spans="8:8">
      <c r="H429242" s="12"/>
    </row>
    <row r="429243" spans="8:8">
      <c r="H429243" s="12"/>
    </row>
    <row r="429244" spans="8:8">
      <c r="H429244" s="12"/>
    </row>
    <row r="429245" spans="8:8">
      <c r="H429245" s="12"/>
    </row>
    <row r="429246" spans="8:8">
      <c r="H429246" s="12"/>
    </row>
    <row r="429247" spans="8:8">
      <c r="H429247" s="12"/>
    </row>
    <row r="429248" spans="8:8">
      <c r="H429248" s="12"/>
    </row>
    <row r="429249" spans="8:8">
      <c r="H429249" s="12"/>
    </row>
    <row r="429250" spans="8:8">
      <c r="H429250" s="12"/>
    </row>
    <row r="429251" spans="8:8">
      <c r="H429251" s="12"/>
    </row>
    <row r="429252" spans="8:8">
      <c r="H429252" s="12"/>
    </row>
    <row r="429253" spans="8:8">
      <c r="H429253" s="12"/>
    </row>
    <row r="429254" spans="8:8">
      <c r="H429254" s="12"/>
    </row>
    <row r="429255" spans="8:8">
      <c r="H429255" s="12"/>
    </row>
    <row r="429256" spans="8:8">
      <c r="H429256" s="12"/>
    </row>
    <row r="429257" spans="8:8">
      <c r="H429257" s="12"/>
    </row>
    <row r="429258" spans="8:8">
      <c r="H429258" s="12"/>
    </row>
    <row r="429259" spans="8:8">
      <c r="H429259" s="12"/>
    </row>
    <row r="429260" spans="8:8">
      <c r="H429260" s="12"/>
    </row>
    <row r="429261" spans="8:8">
      <c r="H429261" s="12"/>
    </row>
    <row r="429262" spans="8:8">
      <c r="H429262" s="12"/>
    </row>
    <row r="429263" spans="8:8">
      <c r="H429263" s="12"/>
    </row>
    <row r="429264" spans="8:8">
      <c r="H429264" s="12"/>
    </row>
    <row r="429265" spans="8:8">
      <c r="H429265" s="12"/>
    </row>
    <row r="429266" spans="8:8">
      <c r="H429266" s="12"/>
    </row>
    <row r="429267" spans="8:8">
      <c r="H429267" s="12"/>
    </row>
    <row r="429268" spans="8:8">
      <c r="H429268" s="12"/>
    </row>
    <row r="429269" spans="8:8">
      <c r="H429269" s="12"/>
    </row>
    <row r="429270" spans="8:8">
      <c r="H429270" s="12"/>
    </row>
    <row r="429271" spans="8:8">
      <c r="H429271" s="12"/>
    </row>
    <row r="429272" spans="8:8">
      <c r="H429272" s="12"/>
    </row>
    <row r="429273" spans="8:8">
      <c r="H429273" s="12"/>
    </row>
    <row r="429274" spans="8:8">
      <c r="H429274" s="12"/>
    </row>
    <row r="429275" spans="8:8">
      <c r="H429275" s="12"/>
    </row>
    <row r="429276" spans="8:8">
      <c r="H429276" s="12"/>
    </row>
    <row r="429277" spans="8:8">
      <c r="H429277" s="12"/>
    </row>
    <row r="429278" spans="8:8">
      <c r="H429278" s="12"/>
    </row>
    <row r="429279" spans="8:8">
      <c r="H429279" s="12"/>
    </row>
    <row r="429280" spans="8:8">
      <c r="H429280" s="12"/>
    </row>
    <row r="429281" spans="8:8">
      <c r="H429281" s="12"/>
    </row>
    <row r="429282" spans="8:8">
      <c r="H429282" s="12"/>
    </row>
    <row r="429283" spans="8:8">
      <c r="H429283" s="12"/>
    </row>
    <row r="429284" spans="8:8">
      <c r="H429284" s="12"/>
    </row>
    <row r="429285" spans="8:8">
      <c r="H429285" s="12"/>
    </row>
    <row r="429286" spans="8:8">
      <c r="H429286" s="12"/>
    </row>
    <row r="429287" spans="8:8">
      <c r="H429287" s="12"/>
    </row>
    <row r="429288" spans="8:8">
      <c r="H429288" s="12"/>
    </row>
    <row r="429289" spans="8:8">
      <c r="H429289" s="12"/>
    </row>
    <row r="429290" spans="8:8">
      <c r="H429290" s="12"/>
    </row>
    <row r="429291" spans="8:8">
      <c r="H429291" s="12"/>
    </row>
    <row r="429292" spans="8:8">
      <c r="H429292" s="12"/>
    </row>
    <row r="429293" spans="8:8">
      <c r="H429293" s="12"/>
    </row>
    <row r="429294" spans="8:8">
      <c r="H429294" s="12"/>
    </row>
    <row r="429295" spans="8:8">
      <c r="H429295" s="12"/>
    </row>
    <row r="429296" spans="8:8">
      <c r="H429296" s="12"/>
    </row>
    <row r="429297" spans="8:8">
      <c r="H429297" s="12"/>
    </row>
    <row r="429298" spans="8:8">
      <c r="H429298" s="12"/>
    </row>
    <row r="429299" spans="8:8">
      <c r="H429299" s="12"/>
    </row>
    <row r="429300" spans="8:8">
      <c r="H429300" s="12"/>
    </row>
    <row r="429301" spans="8:8">
      <c r="H429301" s="12"/>
    </row>
    <row r="429302" spans="8:8">
      <c r="H429302" s="12"/>
    </row>
    <row r="429303" spans="8:8">
      <c r="H429303" s="12"/>
    </row>
    <row r="429304" spans="8:8">
      <c r="H429304" s="12"/>
    </row>
    <row r="429305" spans="8:8">
      <c r="H429305" s="12"/>
    </row>
    <row r="429306" spans="8:8">
      <c r="H429306" s="12"/>
    </row>
    <row r="429307" spans="8:8">
      <c r="H429307" s="12"/>
    </row>
    <row r="429308" spans="8:8">
      <c r="H429308" s="12"/>
    </row>
    <row r="429309" spans="8:8">
      <c r="H429309" s="12"/>
    </row>
    <row r="429310" spans="8:8">
      <c r="H429310" s="12"/>
    </row>
    <row r="429311" spans="8:8">
      <c r="H429311" s="12"/>
    </row>
    <row r="429312" spans="8:8">
      <c r="H429312" s="12"/>
    </row>
    <row r="429313" spans="8:8">
      <c r="H429313" s="12"/>
    </row>
    <row r="429314" spans="8:8">
      <c r="H429314" s="12"/>
    </row>
    <row r="429315" spans="8:8">
      <c r="H429315" s="12"/>
    </row>
    <row r="429316" spans="8:8">
      <c r="H429316" s="12"/>
    </row>
    <row r="429317" spans="8:8">
      <c r="H429317" s="12"/>
    </row>
    <row r="429318" spans="8:8">
      <c r="H429318" s="12"/>
    </row>
    <row r="429319" spans="8:8">
      <c r="H429319" s="12"/>
    </row>
    <row r="429320" spans="8:8">
      <c r="H429320" s="12"/>
    </row>
    <row r="429321" spans="8:8">
      <c r="H429321" s="12"/>
    </row>
    <row r="429322" spans="8:8">
      <c r="H429322" s="12"/>
    </row>
    <row r="429323" spans="8:8">
      <c r="H429323" s="12"/>
    </row>
    <row r="429324" spans="8:8">
      <c r="H429324" s="12"/>
    </row>
    <row r="429325" spans="8:8">
      <c r="H429325" s="12"/>
    </row>
    <row r="429326" spans="8:8">
      <c r="H429326" s="12"/>
    </row>
    <row r="429327" spans="8:8">
      <c r="H429327" s="12"/>
    </row>
    <row r="429328" spans="8:8">
      <c r="H429328" s="12"/>
    </row>
    <row r="429329" spans="8:8">
      <c r="H429329" s="12"/>
    </row>
    <row r="429330" spans="8:8">
      <c r="H429330" s="12"/>
    </row>
    <row r="429331" spans="8:8">
      <c r="H429331" s="12"/>
    </row>
    <row r="429332" spans="8:8">
      <c r="H429332" s="12"/>
    </row>
    <row r="429333" spans="8:8">
      <c r="H429333" s="12"/>
    </row>
    <row r="429334" spans="8:8">
      <c r="H429334" s="12"/>
    </row>
    <row r="429335" spans="8:8">
      <c r="H429335" s="12"/>
    </row>
    <row r="429336" spans="8:8">
      <c r="H429336" s="12"/>
    </row>
    <row r="429337" spans="8:8">
      <c r="H429337" s="12"/>
    </row>
    <row r="429338" spans="8:8">
      <c r="H429338" s="12"/>
    </row>
    <row r="429339" spans="8:8">
      <c r="H429339" s="12"/>
    </row>
    <row r="429340" spans="8:8">
      <c r="H429340" s="12"/>
    </row>
    <row r="429341" spans="8:8">
      <c r="H429341" s="12"/>
    </row>
    <row r="429342" spans="8:8">
      <c r="H429342" s="12"/>
    </row>
    <row r="429343" spans="8:8">
      <c r="H429343" s="12"/>
    </row>
    <row r="429344" spans="8:8">
      <c r="H429344" s="12"/>
    </row>
    <row r="429345" spans="8:8">
      <c r="H429345" s="12"/>
    </row>
    <row r="429346" spans="8:8">
      <c r="H429346" s="12"/>
    </row>
    <row r="429347" spans="8:8">
      <c r="H429347" s="12"/>
    </row>
    <row r="429348" spans="8:8">
      <c r="H429348" s="12"/>
    </row>
    <row r="429349" spans="8:8">
      <c r="H429349" s="12"/>
    </row>
    <row r="429350" spans="8:8">
      <c r="H429350" s="12"/>
    </row>
    <row r="429351" spans="8:8">
      <c r="H429351" s="12"/>
    </row>
    <row r="429352" spans="8:8">
      <c r="H429352" s="12"/>
    </row>
    <row r="429353" spans="8:8">
      <c r="H429353" s="12"/>
    </row>
    <row r="429354" spans="8:8">
      <c r="H429354" s="12"/>
    </row>
    <row r="429355" spans="8:8">
      <c r="H429355" s="12"/>
    </row>
    <row r="429356" spans="8:8">
      <c r="H429356" s="12"/>
    </row>
    <row r="429357" spans="8:8">
      <c r="H429357" s="12"/>
    </row>
    <row r="429358" spans="8:8">
      <c r="H429358" s="12"/>
    </row>
    <row r="429359" spans="8:8">
      <c r="H429359" s="12"/>
    </row>
    <row r="429360" spans="8:8">
      <c r="H429360" s="12"/>
    </row>
    <row r="429361" spans="8:8">
      <c r="H429361" s="12"/>
    </row>
    <row r="429362" spans="8:8">
      <c r="H429362" s="12"/>
    </row>
    <row r="429363" spans="8:8">
      <c r="H429363" s="12"/>
    </row>
    <row r="429364" spans="8:8">
      <c r="H429364" s="12"/>
    </row>
    <row r="429365" spans="8:8">
      <c r="H429365" s="12"/>
    </row>
    <row r="429366" spans="8:8">
      <c r="H429366" s="12"/>
    </row>
    <row r="429367" spans="8:8">
      <c r="H429367" s="12"/>
    </row>
    <row r="429368" spans="8:8">
      <c r="H429368" s="12"/>
    </row>
    <row r="429369" spans="8:8">
      <c r="H429369" s="12"/>
    </row>
    <row r="429370" spans="8:8">
      <c r="H429370" s="12"/>
    </row>
    <row r="429371" spans="8:8">
      <c r="H429371" s="12"/>
    </row>
    <row r="429372" spans="8:8">
      <c r="H429372" s="12"/>
    </row>
    <row r="429373" spans="8:8">
      <c r="H429373" s="12"/>
    </row>
    <row r="429374" spans="8:8">
      <c r="H429374" s="12"/>
    </row>
    <row r="429375" spans="8:8">
      <c r="H429375" s="12"/>
    </row>
    <row r="429376" spans="8:8">
      <c r="H429376" s="12"/>
    </row>
    <row r="429377" spans="8:8">
      <c r="H429377" s="12"/>
    </row>
    <row r="429378" spans="8:8">
      <c r="H429378" s="12"/>
    </row>
    <row r="429379" spans="8:8">
      <c r="H429379" s="12"/>
    </row>
    <row r="429380" spans="8:8">
      <c r="H429380" s="12"/>
    </row>
    <row r="429381" spans="8:8">
      <c r="H429381" s="12"/>
    </row>
    <row r="429382" spans="8:8">
      <c r="H429382" s="12"/>
    </row>
    <row r="429383" spans="8:8">
      <c r="H429383" s="12"/>
    </row>
    <row r="429384" spans="8:8">
      <c r="H429384" s="12"/>
    </row>
    <row r="429385" spans="8:8">
      <c r="H429385" s="12"/>
    </row>
    <row r="429386" spans="8:8">
      <c r="H429386" s="12"/>
    </row>
    <row r="429387" spans="8:8">
      <c r="H429387" s="12"/>
    </row>
    <row r="429388" spans="8:8">
      <c r="H429388" s="12"/>
    </row>
    <row r="429389" spans="8:8">
      <c r="H429389" s="12"/>
    </row>
    <row r="429390" spans="8:8">
      <c r="H429390" s="12"/>
    </row>
    <row r="429391" spans="8:8">
      <c r="H429391" s="12"/>
    </row>
    <row r="429392" spans="8:8">
      <c r="H429392" s="12"/>
    </row>
    <row r="429393" spans="8:8">
      <c r="H429393" s="12"/>
    </row>
    <row r="429394" spans="8:8">
      <c r="H429394" s="12"/>
    </row>
    <row r="429395" spans="8:8">
      <c r="H429395" s="12"/>
    </row>
    <row r="429396" spans="8:8">
      <c r="H429396" s="12"/>
    </row>
    <row r="429397" spans="8:8">
      <c r="H429397" s="12"/>
    </row>
    <row r="429398" spans="8:8">
      <c r="H429398" s="12"/>
    </row>
    <row r="429399" spans="8:8">
      <c r="H429399" s="12"/>
    </row>
    <row r="429400" spans="8:8">
      <c r="H429400" s="12"/>
    </row>
    <row r="429401" spans="8:8">
      <c r="H429401" s="12"/>
    </row>
    <row r="429402" spans="8:8">
      <c r="H429402" s="12"/>
    </row>
    <row r="429403" spans="8:8">
      <c r="H429403" s="12"/>
    </row>
    <row r="429404" spans="8:8">
      <c r="H429404" s="12"/>
    </row>
    <row r="429405" spans="8:8">
      <c r="H429405" s="12"/>
    </row>
    <row r="429406" spans="8:8">
      <c r="H429406" s="12"/>
    </row>
    <row r="429407" spans="8:8">
      <c r="H429407" s="12"/>
    </row>
    <row r="429408" spans="8:8">
      <c r="H429408" s="12"/>
    </row>
    <row r="429409" spans="8:8">
      <c r="H429409" s="12"/>
    </row>
    <row r="429410" spans="8:8">
      <c r="H429410" s="12"/>
    </row>
    <row r="429411" spans="8:8">
      <c r="H429411" s="12"/>
    </row>
    <row r="429412" spans="8:8">
      <c r="H429412" s="12"/>
    </row>
    <row r="429413" spans="8:8">
      <c r="H429413" s="12"/>
    </row>
    <row r="429414" spans="8:8">
      <c r="H429414" s="12"/>
    </row>
    <row r="429415" spans="8:8">
      <c r="H429415" s="12"/>
    </row>
    <row r="429416" spans="8:8">
      <c r="H429416" s="12"/>
    </row>
    <row r="429417" spans="8:8">
      <c r="H429417" s="12"/>
    </row>
    <row r="429418" spans="8:8">
      <c r="H429418" s="12"/>
    </row>
    <row r="429419" spans="8:8">
      <c r="H429419" s="12"/>
    </row>
    <row r="429420" spans="8:8">
      <c r="H429420" s="12"/>
    </row>
    <row r="429421" spans="8:8">
      <c r="H429421" s="12"/>
    </row>
    <row r="429422" spans="8:8">
      <c r="H429422" s="12"/>
    </row>
    <row r="429423" spans="8:8">
      <c r="H429423" s="12"/>
    </row>
    <row r="429424" spans="8:8">
      <c r="H429424" s="12"/>
    </row>
    <row r="429425" spans="8:8">
      <c r="H429425" s="12"/>
    </row>
    <row r="429426" spans="8:8">
      <c r="H429426" s="12"/>
    </row>
    <row r="429427" spans="8:8">
      <c r="H429427" s="12"/>
    </row>
    <row r="429428" spans="8:8">
      <c r="H429428" s="12"/>
    </row>
    <row r="429429" spans="8:8">
      <c r="H429429" s="12"/>
    </row>
    <row r="429430" spans="8:8">
      <c r="H429430" s="12"/>
    </row>
    <row r="429431" spans="8:8">
      <c r="H429431" s="12"/>
    </row>
    <row r="429432" spans="8:8">
      <c r="H429432" s="12"/>
    </row>
    <row r="429433" spans="8:8">
      <c r="H429433" s="12"/>
    </row>
    <row r="429434" spans="8:8">
      <c r="H429434" s="12"/>
    </row>
    <row r="429435" spans="8:8">
      <c r="H429435" s="12"/>
    </row>
    <row r="429436" spans="8:8">
      <c r="H429436" s="12"/>
    </row>
    <row r="429437" spans="8:8">
      <c r="H429437" s="12"/>
    </row>
    <row r="429438" spans="8:8">
      <c r="H429438" s="12"/>
    </row>
    <row r="429439" spans="8:8">
      <c r="H429439" s="12"/>
    </row>
    <row r="429440" spans="8:8">
      <c r="H429440" s="12"/>
    </row>
    <row r="429441" spans="8:8">
      <c r="H429441" s="12"/>
    </row>
    <row r="429442" spans="8:8">
      <c r="H429442" s="12"/>
    </row>
    <row r="429443" spans="8:8">
      <c r="H429443" s="12"/>
    </row>
    <row r="429444" spans="8:8">
      <c r="H429444" s="12"/>
    </row>
    <row r="429445" spans="8:8">
      <c r="H429445" s="12"/>
    </row>
    <row r="429446" spans="8:8">
      <c r="H429446" s="12"/>
    </row>
    <row r="429447" spans="8:8">
      <c r="H429447" s="12"/>
    </row>
    <row r="429448" spans="8:8">
      <c r="H429448" s="12"/>
    </row>
    <row r="429449" spans="8:8">
      <c r="H429449" s="12"/>
    </row>
    <row r="429450" spans="8:8">
      <c r="H429450" s="12"/>
    </row>
    <row r="429451" spans="8:8">
      <c r="H429451" s="12"/>
    </row>
    <row r="429452" spans="8:8">
      <c r="H429452" s="12"/>
    </row>
    <row r="429453" spans="8:8">
      <c r="H429453" s="12"/>
    </row>
    <row r="429454" spans="8:8">
      <c r="H429454" s="12"/>
    </row>
    <row r="429455" spans="8:8">
      <c r="H429455" s="12"/>
    </row>
    <row r="429456" spans="8:8">
      <c r="H429456" s="12"/>
    </row>
    <row r="429457" spans="8:8">
      <c r="H429457" s="12"/>
    </row>
    <row r="429458" spans="8:8">
      <c r="H429458" s="12"/>
    </row>
    <row r="429459" spans="8:8">
      <c r="H429459" s="12"/>
    </row>
    <row r="429460" spans="8:8">
      <c r="H429460" s="12"/>
    </row>
    <row r="429461" spans="8:8">
      <c r="H429461" s="12"/>
    </row>
    <row r="429462" spans="8:8">
      <c r="H429462" s="12"/>
    </row>
    <row r="429463" spans="8:8">
      <c r="H429463" s="12"/>
    </row>
    <row r="429464" spans="8:8">
      <c r="H429464" s="12"/>
    </row>
    <row r="429465" spans="8:8">
      <c r="H429465" s="12"/>
    </row>
    <row r="429466" spans="8:8">
      <c r="H429466" s="12"/>
    </row>
    <row r="429467" spans="8:8">
      <c r="H429467" s="12"/>
    </row>
    <row r="429468" spans="8:8">
      <c r="H429468" s="12"/>
    </row>
    <row r="429469" spans="8:8">
      <c r="H429469" s="12"/>
    </row>
    <row r="429470" spans="8:8">
      <c r="H429470" s="12"/>
    </row>
    <row r="429471" spans="8:8">
      <c r="H429471" s="12"/>
    </row>
    <row r="429472" spans="8:8">
      <c r="H429472" s="12"/>
    </row>
    <row r="429473" spans="8:8">
      <c r="H429473" s="12"/>
    </row>
    <row r="429474" spans="8:8">
      <c r="H429474" s="12"/>
    </row>
    <row r="429475" spans="8:8">
      <c r="H429475" s="12"/>
    </row>
    <row r="429476" spans="8:8">
      <c r="H429476" s="12"/>
    </row>
    <row r="429477" spans="8:8">
      <c r="H429477" s="12"/>
    </row>
    <row r="429478" spans="8:8">
      <c r="H429478" s="12"/>
    </row>
    <row r="429479" spans="8:8">
      <c r="H429479" s="12"/>
    </row>
    <row r="429480" spans="8:8">
      <c r="H429480" s="12"/>
    </row>
    <row r="429481" spans="8:8">
      <c r="H429481" s="12"/>
    </row>
    <row r="429482" spans="8:8">
      <c r="H429482" s="12"/>
    </row>
    <row r="429483" spans="8:8">
      <c r="H429483" s="12"/>
    </row>
    <row r="429484" spans="8:8">
      <c r="H429484" s="12"/>
    </row>
    <row r="429485" spans="8:8">
      <c r="H429485" s="12"/>
    </row>
    <row r="429486" spans="8:8">
      <c r="H429486" s="12"/>
    </row>
    <row r="429487" spans="8:8">
      <c r="H429487" s="12"/>
    </row>
    <row r="429488" spans="8:8">
      <c r="H429488" s="12"/>
    </row>
    <row r="429489" spans="8:8">
      <c r="H429489" s="12"/>
    </row>
    <row r="429490" spans="8:8">
      <c r="H429490" s="12"/>
    </row>
    <row r="429491" spans="8:8">
      <c r="H429491" s="12"/>
    </row>
    <row r="429492" spans="8:8">
      <c r="H429492" s="12"/>
    </row>
    <row r="429493" spans="8:8">
      <c r="H429493" s="12"/>
    </row>
    <row r="429494" spans="8:8">
      <c r="H429494" s="12"/>
    </row>
    <row r="429495" spans="8:8">
      <c r="H429495" s="12"/>
    </row>
    <row r="429496" spans="8:8">
      <c r="H429496" s="12"/>
    </row>
    <row r="429497" spans="8:8">
      <c r="H429497" s="12"/>
    </row>
    <row r="429498" spans="8:8">
      <c r="H429498" s="12"/>
    </row>
    <row r="429499" spans="8:8">
      <c r="H429499" s="12"/>
    </row>
    <row r="429500" spans="8:8">
      <c r="H429500" s="12"/>
    </row>
    <row r="429501" spans="8:8">
      <c r="H429501" s="12"/>
    </row>
    <row r="429502" spans="8:8">
      <c r="H429502" s="12"/>
    </row>
    <row r="429503" spans="8:8">
      <c r="H429503" s="12"/>
    </row>
    <row r="429504" spans="8:8">
      <c r="H429504" s="12"/>
    </row>
    <row r="429505" spans="8:8">
      <c r="H429505" s="12"/>
    </row>
    <row r="429506" spans="8:8">
      <c r="H429506" s="12"/>
    </row>
    <row r="429507" spans="8:8">
      <c r="H429507" s="12"/>
    </row>
    <row r="429508" spans="8:8">
      <c r="H429508" s="12"/>
    </row>
    <row r="429509" spans="8:8">
      <c r="H429509" s="12"/>
    </row>
    <row r="429510" spans="8:8">
      <c r="H429510" s="12"/>
    </row>
    <row r="429511" spans="8:8">
      <c r="H429511" s="12"/>
    </row>
    <row r="429512" spans="8:8">
      <c r="H429512" s="12"/>
    </row>
    <row r="429513" spans="8:8">
      <c r="H429513" s="12"/>
    </row>
    <row r="429514" spans="8:8">
      <c r="H429514" s="12"/>
    </row>
    <row r="429515" spans="8:8">
      <c r="H429515" s="12"/>
    </row>
    <row r="429516" spans="8:8">
      <c r="H429516" s="12"/>
    </row>
    <row r="429517" spans="8:8">
      <c r="H429517" s="12"/>
    </row>
    <row r="429518" spans="8:8">
      <c r="H429518" s="12"/>
    </row>
    <row r="429519" spans="8:8">
      <c r="H429519" s="12"/>
    </row>
    <row r="429520" spans="8:8">
      <c r="H429520" s="12"/>
    </row>
    <row r="429521" spans="8:8">
      <c r="H429521" s="12"/>
    </row>
    <row r="429522" spans="8:8">
      <c r="H429522" s="12"/>
    </row>
    <row r="429523" spans="8:8">
      <c r="H429523" s="12"/>
    </row>
    <row r="429524" spans="8:8">
      <c r="H429524" s="12"/>
    </row>
    <row r="429525" spans="8:8">
      <c r="H429525" s="12"/>
    </row>
    <row r="429526" spans="8:8">
      <c r="H429526" s="12"/>
    </row>
    <row r="429527" spans="8:8">
      <c r="H429527" s="12"/>
    </row>
    <row r="429528" spans="8:8">
      <c r="H429528" s="12"/>
    </row>
    <row r="429529" spans="8:8">
      <c r="H429529" s="12"/>
    </row>
    <row r="429530" spans="8:8">
      <c r="H429530" s="12"/>
    </row>
    <row r="429531" spans="8:8">
      <c r="H429531" s="12"/>
    </row>
    <row r="429532" spans="8:8">
      <c r="H429532" s="12"/>
    </row>
    <row r="429533" spans="8:8">
      <c r="H429533" s="12"/>
    </row>
    <row r="429534" spans="8:8">
      <c r="H429534" s="12"/>
    </row>
    <row r="429535" spans="8:8">
      <c r="H429535" s="12"/>
    </row>
    <row r="429536" spans="8:8">
      <c r="H429536" s="12"/>
    </row>
    <row r="429537" spans="8:8">
      <c r="H429537" s="12"/>
    </row>
    <row r="429538" spans="8:8">
      <c r="H429538" s="12"/>
    </row>
    <row r="429539" spans="8:8">
      <c r="H429539" s="12"/>
    </row>
    <row r="429540" spans="8:8">
      <c r="H429540" s="12"/>
    </row>
    <row r="429541" spans="8:8">
      <c r="H429541" s="12"/>
    </row>
    <row r="429542" spans="8:8">
      <c r="H429542" s="12"/>
    </row>
    <row r="429543" spans="8:8">
      <c r="H429543" s="12"/>
    </row>
    <row r="429544" spans="8:8">
      <c r="H429544" s="12"/>
    </row>
    <row r="429545" spans="8:8">
      <c r="H429545" s="12"/>
    </row>
    <row r="429546" spans="8:8">
      <c r="H429546" s="12"/>
    </row>
    <row r="429547" spans="8:8">
      <c r="H429547" s="12"/>
    </row>
    <row r="429548" spans="8:8">
      <c r="H429548" s="12"/>
    </row>
    <row r="429549" spans="8:8">
      <c r="H429549" s="12"/>
    </row>
    <row r="429550" spans="8:8">
      <c r="H429550" s="12"/>
    </row>
    <row r="429551" spans="8:8">
      <c r="H429551" s="12"/>
    </row>
    <row r="429552" spans="8:8">
      <c r="H429552" s="12"/>
    </row>
    <row r="429553" spans="8:8">
      <c r="H429553" s="12"/>
    </row>
    <row r="429554" spans="8:8">
      <c r="H429554" s="12"/>
    </row>
    <row r="429555" spans="8:8">
      <c r="H429555" s="12"/>
    </row>
    <row r="429556" spans="8:8">
      <c r="H429556" s="12"/>
    </row>
    <row r="429557" spans="8:8">
      <c r="H429557" s="12"/>
    </row>
    <row r="429558" spans="8:8">
      <c r="H429558" s="12"/>
    </row>
    <row r="429559" spans="8:8">
      <c r="H429559" s="12"/>
    </row>
    <row r="429560" spans="8:8">
      <c r="H429560" s="12"/>
    </row>
    <row r="429561" spans="8:8">
      <c r="H429561" s="12"/>
    </row>
    <row r="429562" spans="8:8">
      <c r="H429562" s="12"/>
    </row>
    <row r="429563" spans="8:8">
      <c r="H429563" s="12"/>
    </row>
    <row r="429564" spans="8:8">
      <c r="H429564" s="12"/>
    </row>
    <row r="429565" spans="8:8">
      <c r="H429565" s="12"/>
    </row>
    <row r="429566" spans="8:8">
      <c r="H429566" s="12"/>
    </row>
    <row r="429567" spans="8:8">
      <c r="H429567" s="12"/>
    </row>
    <row r="429568" spans="8:8">
      <c r="H429568" s="12"/>
    </row>
    <row r="429569" spans="8:8">
      <c r="H429569" s="12"/>
    </row>
    <row r="429570" spans="8:8">
      <c r="H429570" s="12"/>
    </row>
    <row r="429571" spans="8:8">
      <c r="H429571" s="12"/>
    </row>
    <row r="429572" spans="8:8">
      <c r="H429572" s="12"/>
    </row>
    <row r="429573" spans="8:8">
      <c r="H429573" s="12"/>
    </row>
    <row r="429574" spans="8:8">
      <c r="H429574" s="12"/>
    </row>
    <row r="429575" spans="8:8">
      <c r="H429575" s="12"/>
    </row>
    <row r="429576" spans="8:8">
      <c r="H429576" s="12"/>
    </row>
    <row r="429577" spans="8:8">
      <c r="H429577" s="12"/>
    </row>
    <row r="429578" spans="8:8">
      <c r="H429578" s="12"/>
    </row>
    <row r="429579" spans="8:8">
      <c r="H429579" s="12"/>
    </row>
    <row r="429580" spans="8:8">
      <c r="H429580" s="12"/>
    </row>
    <row r="429581" spans="8:8">
      <c r="H429581" s="12"/>
    </row>
    <row r="429582" spans="8:8">
      <c r="H429582" s="12"/>
    </row>
    <row r="429583" spans="8:8">
      <c r="H429583" s="12"/>
    </row>
    <row r="429584" spans="8:8">
      <c r="H429584" s="12"/>
    </row>
    <row r="429585" spans="8:8">
      <c r="H429585" s="12"/>
    </row>
    <row r="429586" spans="8:8">
      <c r="H429586" s="12"/>
    </row>
    <row r="429587" spans="8:8">
      <c r="H429587" s="12"/>
    </row>
    <row r="429588" spans="8:8">
      <c r="H429588" s="12"/>
    </row>
    <row r="429589" spans="8:8">
      <c r="H429589" s="12"/>
    </row>
    <row r="429590" spans="8:8">
      <c r="H429590" s="12"/>
    </row>
    <row r="429591" spans="8:8">
      <c r="H429591" s="12"/>
    </row>
    <row r="429592" spans="8:8">
      <c r="H429592" s="12"/>
    </row>
    <row r="429593" spans="8:8">
      <c r="H429593" s="12"/>
    </row>
    <row r="429594" spans="8:8">
      <c r="H429594" s="12"/>
    </row>
    <row r="429595" spans="8:8">
      <c r="H429595" s="12"/>
    </row>
    <row r="429596" spans="8:8">
      <c r="H429596" s="12"/>
    </row>
    <row r="429597" spans="8:8">
      <c r="H429597" s="12"/>
    </row>
    <row r="429598" spans="8:8">
      <c r="H429598" s="12"/>
    </row>
    <row r="429599" spans="8:8">
      <c r="H429599" s="12"/>
    </row>
    <row r="429600" spans="8:8">
      <c r="H429600" s="12"/>
    </row>
    <row r="429601" spans="8:8">
      <c r="H429601" s="12"/>
    </row>
    <row r="429602" spans="8:8">
      <c r="H429602" s="12"/>
    </row>
    <row r="429603" spans="8:8">
      <c r="H429603" s="12"/>
    </row>
    <row r="429604" spans="8:8">
      <c r="H429604" s="12"/>
    </row>
    <row r="429605" spans="8:8">
      <c r="H429605" s="12"/>
    </row>
    <row r="429606" spans="8:8">
      <c r="H429606" s="12"/>
    </row>
    <row r="429607" spans="8:8">
      <c r="H429607" s="12"/>
    </row>
    <row r="429608" spans="8:8">
      <c r="H429608" s="12"/>
    </row>
    <row r="429609" spans="8:8">
      <c r="H429609" s="12"/>
    </row>
    <row r="429610" spans="8:8">
      <c r="H429610" s="12"/>
    </row>
    <row r="429611" spans="8:8">
      <c r="H429611" s="12"/>
    </row>
    <row r="429612" spans="8:8">
      <c r="H429612" s="12"/>
    </row>
    <row r="429613" spans="8:8">
      <c r="H429613" s="12"/>
    </row>
    <row r="429614" spans="8:8">
      <c r="H429614" s="12"/>
    </row>
    <row r="429615" spans="8:8">
      <c r="H429615" s="12"/>
    </row>
    <row r="429616" spans="8:8">
      <c r="H429616" s="12"/>
    </row>
    <row r="429617" spans="8:8">
      <c r="H429617" s="12"/>
    </row>
    <row r="429618" spans="8:8">
      <c r="H429618" s="12"/>
    </row>
    <row r="429619" spans="8:8">
      <c r="H429619" s="12"/>
    </row>
    <row r="429620" spans="8:8">
      <c r="H429620" s="12"/>
    </row>
    <row r="429621" spans="8:8">
      <c r="H429621" s="12"/>
    </row>
    <row r="429622" spans="8:8">
      <c r="H429622" s="12"/>
    </row>
    <row r="429623" spans="8:8">
      <c r="H429623" s="12"/>
    </row>
    <row r="429624" spans="8:8">
      <c r="H429624" s="12"/>
    </row>
    <row r="429625" spans="8:8">
      <c r="H429625" s="12"/>
    </row>
    <row r="429626" spans="8:8">
      <c r="H429626" s="12"/>
    </row>
    <row r="429627" spans="8:8">
      <c r="H429627" s="12"/>
    </row>
    <row r="429628" spans="8:8">
      <c r="H429628" s="12"/>
    </row>
    <row r="429629" spans="8:8">
      <c r="H429629" s="12"/>
    </row>
    <row r="429630" spans="8:8">
      <c r="H429630" s="12"/>
    </row>
    <row r="429631" spans="8:8">
      <c r="H429631" s="12"/>
    </row>
    <row r="429632" spans="8:8">
      <c r="H429632" s="12"/>
    </row>
    <row r="429633" spans="8:8">
      <c r="H429633" s="12"/>
    </row>
    <row r="429634" spans="8:8">
      <c r="H429634" s="12"/>
    </row>
    <row r="429635" spans="8:8">
      <c r="H429635" s="12"/>
    </row>
    <row r="429636" spans="8:8">
      <c r="H429636" s="12"/>
    </row>
    <row r="429637" spans="8:8">
      <c r="H429637" s="12"/>
    </row>
    <row r="429638" spans="8:8">
      <c r="H429638" s="12"/>
    </row>
    <row r="429639" spans="8:8">
      <c r="H429639" s="12"/>
    </row>
    <row r="429640" spans="8:8">
      <c r="H429640" s="12"/>
    </row>
    <row r="429641" spans="8:8">
      <c r="H429641" s="12"/>
    </row>
    <row r="429642" spans="8:8">
      <c r="H429642" s="12"/>
    </row>
    <row r="429643" spans="8:8">
      <c r="H429643" s="12"/>
    </row>
    <row r="429644" spans="8:8">
      <c r="H429644" s="12"/>
    </row>
    <row r="429645" spans="8:8">
      <c r="H429645" s="12"/>
    </row>
    <row r="429646" spans="8:8">
      <c r="H429646" s="12"/>
    </row>
    <row r="429647" spans="8:8">
      <c r="H429647" s="12"/>
    </row>
    <row r="429648" spans="8:8">
      <c r="H429648" s="12"/>
    </row>
    <row r="429649" spans="8:8">
      <c r="H429649" s="12"/>
    </row>
    <row r="429650" spans="8:8">
      <c r="H429650" s="12"/>
    </row>
    <row r="429651" spans="8:8">
      <c r="H429651" s="12"/>
    </row>
    <row r="429652" spans="8:8">
      <c r="H429652" s="12"/>
    </row>
    <row r="429653" spans="8:8">
      <c r="H429653" s="12"/>
    </row>
    <row r="429654" spans="8:8">
      <c r="H429654" s="12"/>
    </row>
    <row r="429655" spans="8:8">
      <c r="H429655" s="12"/>
    </row>
    <row r="429656" spans="8:8">
      <c r="H429656" s="12"/>
    </row>
    <row r="429657" spans="8:8">
      <c r="H429657" s="12"/>
    </row>
    <row r="429658" spans="8:8">
      <c r="H429658" s="12"/>
    </row>
    <row r="429659" spans="8:8">
      <c r="H429659" s="12"/>
    </row>
    <row r="429660" spans="8:8">
      <c r="H429660" s="12"/>
    </row>
    <row r="429661" spans="8:8">
      <c r="H429661" s="12"/>
    </row>
    <row r="429662" spans="8:8">
      <c r="H429662" s="12"/>
    </row>
    <row r="429663" spans="8:8">
      <c r="H429663" s="12"/>
    </row>
    <row r="429664" spans="8:8">
      <c r="H429664" s="12"/>
    </row>
    <row r="429665" spans="8:8">
      <c r="H429665" s="12"/>
    </row>
    <row r="429666" spans="8:8">
      <c r="H429666" s="12"/>
    </row>
    <row r="429667" spans="8:8">
      <c r="H429667" s="12"/>
    </row>
    <row r="429668" spans="8:8">
      <c r="H429668" s="12"/>
    </row>
    <row r="429669" spans="8:8">
      <c r="H429669" s="12"/>
    </row>
    <row r="429670" spans="8:8">
      <c r="H429670" s="12"/>
    </row>
    <row r="429671" spans="8:8">
      <c r="H429671" s="12"/>
    </row>
    <row r="429672" spans="8:8">
      <c r="H429672" s="12"/>
    </row>
    <row r="429673" spans="8:8">
      <c r="H429673" s="12"/>
    </row>
    <row r="429674" spans="8:8">
      <c r="H429674" s="12"/>
    </row>
    <row r="429675" spans="8:8">
      <c r="H429675" s="12"/>
    </row>
    <row r="429676" spans="8:8">
      <c r="H429676" s="12"/>
    </row>
    <row r="429677" spans="8:8">
      <c r="H429677" s="12"/>
    </row>
    <row r="429678" spans="8:8">
      <c r="H429678" s="12"/>
    </row>
    <row r="429679" spans="8:8">
      <c r="H429679" s="12"/>
    </row>
    <row r="429680" spans="8:8">
      <c r="H429680" s="12"/>
    </row>
    <row r="429681" spans="8:8">
      <c r="H429681" s="12"/>
    </row>
    <row r="429682" spans="8:8">
      <c r="H429682" s="12"/>
    </row>
    <row r="429683" spans="8:8">
      <c r="H429683" s="12"/>
    </row>
    <row r="429684" spans="8:8">
      <c r="H429684" s="12"/>
    </row>
    <row r="429685" spans="8:8">
      <c r="H429685" s="12"/>
    </row>
    <row r="429686" spans="8:8">
      <c r="H429686" s="12"/>
    </row>
    <row r="429687" spans="8:8">
      <c r="H429687" s="12"/>
    </row>
    <row r="429688" spans="8:8">
      <c r="H429688" s="12"/>
    </row>
    <row r="429689" spans="8:8">
      <c r="H429689" s="12"/>
    </row>
    <row r="429690" spans="8:8">
      <c r="H429690" s="12"/>
    </row>
    <row r="429691" spans="8:8">
      <c r="H429691" s="12"/>
    </row>
    <row r="429692" spans="8:8">
      <c r="H429692" s="12"/>
    </row>
    <row r="429693" spans="8:8">
      <c r="H429693" s="12"/>
    </row>
    <row r="429694" spans="8:8">
      <c r="H429694" s="12"/>
    </row>
    <row r="429695" spans="8:8">
      <c r="H429695" s="12"/>
    </row>
    <row r="429696" spans="8:8">
      <c r="H429696" s="12"/>
    </row>
    <row r="429697" spans="8:8">
      <c r="H429697" s="12"/>
    </row>
    <row r="429698" spans="8:8">
      <c r="H429698" s="12"/>
    </row>
    <row r="429699" spans="8:8">
      <c r="H429699" s="12"/>
    </row>
    <row r="429700" spans="8:8">
      <c r="H429700" s="12"/>
    </row>
    <row r="429701" spans="8:8">
      <c r="H429701" s="12"/>
    </row>
    <row r="429702" spans="8:8">
      <c r="H429702" s="12"/>
    </row>
    <row r="429703" spans="8:8">
      <c r="H429703" s="12"/>
    </row>
    <row r="429704" spans="8:8">
      <c r="H429704" s="12"/>
    </row>
    <row r="429705" spans="8:8">
      <c r="H429705" s="12"/>
    </row>
    <row r="429706" spans="8:8">
      <c r="H429706" s="12"/>
    </row>
    <row r="429707" spans="8:8">
      <c r="H429707" s="12"/>
    </row>
    <row r="429708" spans="8:8">
      <c r="H429708" s="12"/>
    </row>
    <row r="429709" spans="8:8">
      <c r="H429709" s="12"/>
    </row>
    <row r="429710" spans="8:8">
      <c r="H429710" s="12"/>
    </row>
    <row r="429711" spans="8:8">
      <c r="H429711" s="12"/>
    </row>
    <row r="429712" spans="8:8">
      <c r="H429712" s="12"/>
    </row>
    <row r="429713" spans="8:8">
      <c r="H429713" s="12"/>
    </row>
    <row r="429714" spans="8:8">
      <c r="H429714" s="12"/>
    </row>
    <row r="429715" spans="8:8">
      <c r="H429715" s="12"/>
    </row>
    <row r="429716" spans="8:8">
      <c r="H429716" s="12"/>
    </row>
    <row r="429717" spans="8:8">
      <c r="H429717" s="12"/>
    </row>
    <row r="429718" spans="8:8">
      <c r="H429718" s="12"/>
    </row>
    <row r="429719" spans="8:8">
      <c r="H429719" s="12"/>
    </row>
    <row r="429720" spans="8:8">
      <c r="H429720" s="12"/>
    </row>
    <row r="429721" spans="8:8">
      <c r="H429721" s="12"/>
    </row>
    <row r="429722" spans="8:8">
      <c r="H429722" s="12"/>
    </row>
    <row r="429723" spans="8:8">
      <c r="H429723" s="12"/>
    </row>
    <row r="429724" spans="8:8">
      <c r="H429724" s="12"/>
    </row>
    <row r="429725" spans="8:8">
      <c r="H429725" s="12"/>
    </row>
    <row r="429726" spans="8:8">
      <c r="H429726" s="12"/>
    </row>
    <row r="429727" spans="8:8">
      <c r="H429727" s="12"/>
    </row>
    <row r="429728" spans="8:8">
      <c r="H429728" s="12"/>
    </row>
    <row r="429729" spans="8:8">
      <c r="H429729" s="12"/>
    </row>
    <row r="429730" spans="8:8">
      <c r="H429730" s="12"/>
    </row>
    <row r="429731" spans="8:8">
      <c r="H429731" s="12"/>
    </row>
    <row r="429732" spans="8:8">
      <c r="H429732" s="12"/>
    </row>
    <row r="429733" spans="8:8">
      <c r="H429733" s="12"/>
    </row>
    <row r="429734" spans="8:8">
      <c r="H429734" s="12"/>
    </row>
    <row r="429735" spans="8:8">
      <c r="H429735" s="12"/>
    </row>
    <row r="429736" spans="8:8">
      <c r="H429736" s="12"/>
    </row>
    <row r="429737" spans="8:8">
      <c r="H429737" s="12"/>
    </row>
    <row r="429738" spans="8:8">
      <c r="H429738" s="12"/>
    </row>
    <row r="429739" spans="8:8">
      <c r="H429739" s="12"/>
    </row>
    <row r="429740" spans="8:8">
      <c r="H429740" s="12"/>
    </row>
    <row r="429741" spans="8:8">
      <c r="H429741" s="12"/>
    </row>
    <row r="429742" spans="8:8">
      <c r="H429742" s="12"/>
    </row>
    <row r="429743" spans="8:8">
      <c r="H429743" s="12"/>
    </row>
    <row r="429744" spans="8:8">
      <c r="H429744" s="12"/>
    </row>
    <row r="429745" spans="8:8">
      <c r="H429745" s="12"/>
    </row>
    <row r="429746" spans="8:8">
      <c r="H429746" s="12"/>
    </row>
    <row r="429747" spans="8:8">
      <c r="H429747" s="12"/>
    </row>
    <row r="429748" spans="8:8">
      <c r="H429748" s="12"/>
    </row>
    <row r="429749" spans="8:8">
      <c r="H429749" s="12"/>
    </row>
    <row r="429750" spans="8:8">
      <c r="H429750" s="12"/>
    </row>
    <row r="429751" spans="8:8">
      <c r="H429751" s="12"/>
    </row>
    <row r="429752" spans="8:8">
      <c r="H429752" s="12"/>
    </row>
    <row r="429753" spans="8:8">
      <c r="H429753" s="12"/>
    </row>
    <row r="429754" spans="8:8">
      <c r="H429754" s="12"/>
    </row>
    <row r="429755" spans="8:8">
      <c r="H429755" s="12"/>
    </row>
    <row r="429756" spans="8:8">
      <c r="H429756" s="12"/>
    </row>
    <row r="429757" spans="8:8">
      <c r="H429757" s="12"/>
    </row>
    <row r="429758" spans="8:8">
      <c r="H429758" s="12"/>
    </row>
    <row r="429759" spans="8:8">
      <c r="H429759" s="12"/>
    </row>
    <row r="429760" spans="8:8">
      <c r="H429760" s="12"/>
    </row>
    <row r="429761" spans="8:8">
      <c r="H429761" s="12"/>
    </row>
    <row r="429762" spans="8:8">
      <c r="H429762" s="12"/>
    </row>
    <row r="429763" spans="8:8">
      <c r="H429763" s="12"/>
    </row>
    <row r="429764" spans="8:8">
      <c r="H429764" s="12"/>
    </row>
    <row r="429765" spans="8:8">
      <c r="H429765" s="12"/>
    </row>
    <row r="429766" spans="8:8">
      <c r="H429766" s="12"/>
    </row>
    <row r="429767" spans="8:8">
      <c r="H429767" s="12"/>
    </row>
    <row r="429768" spans="8:8">
      <c r="H429768" s="12"/>
    </row>
    <row r="429769" spans="8:8">
      <c r="H429769" s="12"/>
    </row>
    <row r="429770" spans="8:8">
      <c r="H429770" s="12"/>
    </row>
    <row r="429771" spans="8:8">
      <c r="H429771" s="12"/>
    </row>
    <row r="429772" spans="8:8">
      <c r="H429772" s="12"/>
    </row>
    <row r="429773" spans="8:8">
      <c r="H429773" s="12"/>
    </row>
    <row r="429774" spans="8:8">
      <c r="H429774" s="12"/>
    </row>
    <row r="429775" spans="8:8">
      <c r="H429775" s="12"/>
    </row>
    <row r="429776" spans="8:8">
      <c r="H429776" s="12"/>
    </row>
    <row r="429777" spans="8:8">
      <c r="H429777" s="12"/>
    </row>
    <row r="429778" spans="8:8">
      <c r="H429778" s="12"/>
    </row>
    <row r="429779" spans="8:8">
      <c r="H429779" s="12"/>
    </row>
    <row r="429780" spans="8:8">
      <c r="H429780" s="12"/>
    </row>
    <row r="429781" spans="8:8">
      <c r="H429781" s="12"/>
    </row>
    <row r="429782" spans="8:8">
      <c r="H429782" s="12"/>
    </row>
    <row r="429783" spans="8:8">
      <c r="H429783" s="12"/>
    </row>
    <row r="429784" spans="8:8">
      <c r="H429784" s="12"/>
    </row>
    <row r="429785" spans="8:8">
      <c r="H429785" s="12"/>
    </row>
    <row r="429786" spans="8:8">
      <c r="H429786" s="12"/>
    </row>
    <row r="429787" spans="8:8">
      <c r="H429787" s="12"/>
    </row>
    <row r="429788" spans="8:8">
      <c r="H429788" s="12"/>
    </row>
    <row r="429789" spans="8:8">
      <c r="H429789" s="12"/>
    </row>
    <row r="429790" spans="8:8">
      <c r="H429790" s="12"/>
    </row>
    <row r="429791" spans="8:8">
      <c r="H429791" s="12"/>
    </row>
    <row r="429792" spans="8:8">
      <c r="H429792" s="12"/>
    </row>
    <row r="429793" spans="8:8">
      <c r="H429793" s="12"/>
    </row>
    <row r="429794" spans="8:8">
      <c r="H429794" s="12"/>
    </row>
    <row r="429795" spans="8:8">
      <c r="H429795" s="12"/>
    </row>
    <row r="429796" spans="8:8">
      <c r="H429796" s="12"/>
    </row>
    <row r="429797" spans="8:8">
      <c r="H429797" s="12"/>
    </row>
    <row r="429798" spans="8:8">
      <c r="H429798" s="12"/>
    </row>
    <row r="429799" spans="8:8">
      <c r="H429799" s="12"/>
    </row>
    <row r="429800" spans="8:8">
      <c r="H429800" s="12"/>
    </row>
    <row r="429801" spans="8:8">
      <c r="H429801" s="12"/>
    </row>
    <row r="429802" spans="8:8">
      <c r="H429802" s="12"/>
    </row>
    <row r="429803" spans="8:8">
      <c r="H429803" s="12"/>
    </row>
    <row r="429804" spans="8:8">
      <c r="H429804" s="12"/>
    </row>
    <row r="429805" spans="8:8">
      <c r="H429805" s="12"/>
    </row>
    <row r="429806" spans="8:8">
      <c r="H429806" s="12"/>
    </row>
    <row r="429807" spans="8:8">
      <c r="H429807" s="12"/>
    </row>
    <row r="429808" spans="8:8">
      <c r="H429808" s="12"/>
    </row>
    <row r="429809" spans="8:8">
      <c r="H429809" s="12"/>
    </row>
    <row r="429810" spans="8:8">
      <c r="H429810" s="12"/>
    </row>
    <row r="429811" spans="8:8">
      <c r="H429811" s="12"/>
    </row>
    <row r="429812" spans="8:8">
      <c r="H429812" s="12"/>
    </row>
    <row r="429813" spans="8:8">
      <c r="H429813" s="12"/>
    </row>
    <row r="429814" spans="8:8">
      <c r="H429814" s="12"/>
    </row>
    <row r="429815" spans="8:8">
      <c r="H429815" s="12"/>
    </row>
    <row r="429816" spans="8:8">
      <c r="H429816" s="12"/>
    </row>
    <row r="429817" spans="8:8">
      <c r="H429817" s="12"/>
    </row>
    <row r="429818" spans="8:8">
      <c r="H429818" s="12"/>
    </row>
    <row r="429819" spans="8:8">
      <c r="H429819" s="12"/>
    </row>
    <row r="429820" spans="8:8">
      <c r="H429820" s="12"/>
    </row>
    <row r="429821" spans="8:8">
      <c r="H429821" s="12"/>
    </row>
    <row r="429822" spans="8:8">
      <c r="H429822" s="12"/>
    </row>
    <row r="429823" spans="8:8">
      <c r="H429823" s="12"/>
    </row>
    <row r="429824" spans="8:8">
      <c r="H429824" s="12"/>
    </row>
    <row r="429825" spans="8:8">
      <c r="H429825" s="12"/>
    </row>
    <row r="429826" spans="8:8">
      <c r="H429826" s="12"/>
    </row>
    <row r="429827" spans="8:8">
      <c r="H429827" s="12"/>
    </row>
    <row r="429828" spans="8:8">
      <c r="H429828" s="12"/>
    </row>
    <row r="429829" spans="8:8">
      <c r="H429829" s="12"/>
    </row>
    <row r="429830" spans="8:8">
      <c r="H429830" s="12"/>
    </row>
    <row r="429831" spans="8:8">
      <c r="H429831" s="12"/>
    </row>
    <row r="429832" spans="8:8">
      <c r="H429832" s="12"/>
    </row>
    <row r="429833" spans="8:8">
      <c r="H429833" s="12"/>
    </row>
    <row r="429834" spans="8:8">
      <c r="H429834" s="12"/>
    </row>
    <row r="429835" spans="8:8">
      <c r="H429835" s="12"/>
    </row>
    <row r="429836" spans="8:8">
      <c r="H429836" s="12"/>
    </row>
    <row r="429837" spans="8:8">
      <c r="H429837" s="12"/>
    </row>
    <row r="429838" spans="8:8">
      <c r="H429838" s="12"/>
    </row>
    <row r="429839" spans="8:8">
      <c r="H429839" s="12"/>
    </row>
    <row r="429840" spans="8:8">
      <c r="H429840" s="12"/>
    </row>
    <row r="429841" spans="8:8">
      <c r="H429841" s="12"/>
    </row>
    <row r="429842" spans="8:8">
      <c r="H429842" s="12"/>
    </row>
    <row r="429843" spans="8:8">
      <c r="H429843" s="12"/>
    </row>
    <row r="429844" spans="8:8">
      <c r="H429844" s="12"/>
    </row>
    <row r="429845" spans="8:8">
      <c r="H429845" s="12"/>
    </row>
    <row r="429846" spans="8:8">
      <c r="H429846" s="12"/>
    </row>
    <row r="429847" spans="8:8">
      <c r="H429847" s="12"/>
    </row>
    <row r="429848" spans="8:8">
      <c r="H429848" s="12"/>
    </row>
    <row r="429849" spans="8:8">
      <c r="H429849" s="12"/>
    </row>
    <row r="429850" spans="8:8">
      <c r="H429850" s="12"/>
    </row>
    <row r="429851" spans="8:8">
      <c r="H429851" s="12"/>
    </row>
    <row r="429852" spans="8:8">
      <c r="H429852" s="12"/>
    </row>
    <row r="429853" spans="8:8">
      <c r="H429853" s="12"/>
    </row>
    <row r="429854" spans="8:8">
      <c r="H429854" s="12"/>
    </row>
    <row r="429855" spans="8:8">
      <c r="H429855" s="12"/>
    </row>
    <row r="429856" spans="8:8">
      <c r="H429856" s="12"/>
    </row>
    <row r="429857" spans="8:8">
      <c r="H429857" s="12"/>
    </row>
    <row r="429858" spans="8:8">
      <c r="H429858" s="12"/>
    </row>
    <row r="429859" spans="8:8">
      <c r="H429859" s="12"/>
    </row>
    <row r="429860" spans="8:8">
      <c r="H429860" s="12"/>
    </row>
    <row r="429861" spans="8:8">
      <c r="H429861" s="12"/>
    </row>
    <row r="429862" spans="8:8">
      <c r="H429862" s="12"/>
    </row>
    <row r="429863" spans="8:8">
      <c r="H429863" s="12"/>
    </row>
    <row r="429864" spans="8:8">
      <c r="H429864" s="12"/>
    </row>
    <row r="429865" spans="8:8">
      <c r="H429865" s="12"/>
    </row>
    <row r="429866" spans="8:8">
      <c r="H429866" s="12"/>
    </row>
    <row r="429867" spans="8:8">
      <c r="H429867" s="12"/>
    </row>
    <row r="429868" spans="8:8">
      <c r="H429868" s="12"/>
    </row>
    <row r="429869" spans="8:8">
      <c r="H429869" s="12"/>
    </row>
    <row r="429870" spans="8:8">
      <c r="H429870" s="12"/>
    </row>
    <row r="429871" spans="8:8">
      <c r="H429871" s="12"/>
    </row>
    <row r="429872" spans="8:8">
      <c r="H429872" s="12"/>
    </row>
    <row r="429873" spans="8:8">
      <c r="H429873" s="12"/>
    </row>
    <row r="429874" spans="8:8">
      <c r="H429874" s="12"/>
    </row>
    <row r="429875" spans="8:8">
      <c r="H429875" s="12"/>
    </row>
    <row r="429876" spans="8:8">
      <c r="H429876" s="12"/>
    </row>
    <row r="429877" spans="8:8">
      <c r="H429877" s="12"/>
    </row>
    <row r="429878" spans="8:8">
      <c r="H429878" s="12"/>
    </row>
    <row r="429879" spans="8:8">
      <c r="H429879" s="12"/>
    </row>
    <row r="429880" spans="8:8">
      <c r="H429880" s="12"/>
    </row>
    <row r="429881" spans="8:8">
      <c r="H429881" s="12"/>
    </row>
    <row r="429882" spans="8:8">
      <c r="H429882" s="12"/>
    </row>
    <row r="429883" spans="8:8">
      <c r="H429883" s="12"/>
    </row>
    <row r="429884" spans="8:8">
      <c r="H429884" s="12"/>
    </row>
    <row r="429885" spans="8:8">
      <c r="H429885" s="12"/>
    </row>
    <row r="429886" spans="8:8">
      <c r="H429886" s="12"/>
    </row>
    <row r="429887" spans="8:8">
      <c r="H429887" s="12"/>
    </row>
    <row r="429888" spans="8:8">
      <c r="H429888" s="12"/>
    </row>
    <row r="429889" spans="8:8">
      <c r="H429889" s="12"/>
    </row>
    <row r="429890" spans="8:8">
      <c r="H429890" s="12"/>
    </row>
    <row r="429891" spans="8:8">
      <c r="H429891" s="12"/>
    </row>
    <row r="429892" spans="8:8">
      <c r="H429892" s="12"/>
    </row>
    <row r="429893" spans="8:8">
      <c r="H429893" s="12"/>
    </row>
    <row r="429894" spans="8:8">
      <c r="H429894" s="12"/>
    </row>
    <row r="429895" spans="8:8">
      <c r="H429895" s="12"/>
    </row>
    <row r="429896" spans="8:8">
      <c r="H429896" s="12"/>
    </row>
    <row r="429897" spans="8:8">
      <c r="H429897" s="12"/>
    </row>
    <row r="429898" spans="8:8">
      <c r="H429898" s="12"/>
    </row>
    <row r="429899" spans="8:8">
      <c r="H429899" s="12"/>
    </row>
    <row r="429900" spans="8:8">
      <c r="H429900" s="12"/>
    </row>
    <row r="429901" spans="8:8">
      <c r="H429901" s="12"/>
    </row>
    <row r="429902" spans="8:8">
      <c r="H429902" s="12"/>
    </row>
    <row r="429903" spans="8:8">
      <c r="H429903" s="12"/>
    </row>
    <row r="429904" spans="8:8">
      <c r="H429904" s="12"/>
    </row>
    <row r="429905" spans="8:8">
      <c r="H429905" s="12"/>
    </row>
    <row r="429906" spans="8:8">
      <c r="H429906" s="12"/>
    </row>
    <row r="429907" spans="8:8">
      <c r="H429907" s="12"/>
    </row>
    <row r="429908" spans="8:8">
      <c r="H429908" s="12"/>
    </row>
    <row r="429909" spans="8:8">
      <c r="H429909" s="12"/>
    </row>
    <row r="429910" spans="8:8">
      <c r="H429910" s="12"/>
    </row>
    <row r="429911" spans="8:8">
      <c r="H429911" s="12"/>
    </row>
    <row r="429912" spans="8:8">
      <c r="H429912" s="12"/>
    </row>
    <row r="429913" spans="8:8">
      <c r="H429913" s="12"/>
    </row>
    <row r="429914" spans="8:8">
      <c r="H429914" s="12"/>
    </row>
    <row r="429915" spans="8:8">
      <c r="H429915" s="12"/>
    </row>
    <row r="429916" spans="8:8">
      <c r="H429916" s="12"/>
    </row>
    <row r="429917" spans="8:8">
      <c r="H429917" s="12"/>
    </row>
    <row r="429918" spans="8:8">
      <c r="H429918" s="12"/>
    </row>
    <row r="429919" spans="8:8">
      <c r="H429919" s="12"/>
    </row>
    <row r="429920" spans="8:8">
      <c r="H429920" s="12"/>
    </row>
    <row r="429921" spans="8:8">
      <c r="H429921" s="12"/>
    </row>
    <row r="429922" spans="8:8">
      <c r="H429922" s="12"/>
    </row>
    <row r="429923" spans="8:8">
      <c r="H429923" s="12"/>
    </row>
    <row r="429924" spans="8:8">
      <c r="H429924" s="12"/>
    </row>
    <row r="429925" spans="8:8">
      <c r="H429925" s="12"/>
    </row>
    <row r="429926" spans="8:8">
      <c r="H429926" s="12"/>
    </row>
    <row r="429927" spans="8:8">
      <c r="H429927" s="12"/>
    </row>
    <row r="429928" spans="8:8">
      <c r="H429928" s="12"/>
    </row>
    <row r="429929" spans="8:8">
      <c r="H429929" s="12"/>
    </row>
    <row r="429930" spans="8:8">
      <c r="H429930" s="12"/>
    </row>
    <row r="429931" spans="8:8">
      <c r="H429931" s="12"/>
    </row>
    <row r="429932" spans="8:8">
      <c r="H429932" s="12"/>
    </row>
    <row r="429933" spans="8:8">
      <c r="H429933" s="12"/>
    </row>
    <row r="429934" spans="8:8">
      <c r="H429934" s="12"/>
    </row>
    <row r="429935" spans="8:8">
      <c r="H429935" s="12"/>
    </row>
    <row r="429936" spans="8:8">
      <c r="H429936" s="12"/>
    </row>
    <row r="429937" spans="8:8">
      <c r="H429937" s="12"/>
    </row>
    <row r="429938" spans="8:8">
      <c r="H429938" s="12"/>
    </row>
    <row r="429939" spans="8:8">
      <c r="H429939" s="12"/>
    </row>
    <row r="429940" spans="8:8">
      <c r="H429940" s="12"/>
    </row>
    <row r="429941" spans="8:8">
      <c r="H429941" s="12"/>
    </row>
    <row r="429942" spans="8:8">
      <c r="H429942" s="12"/>
    </row>
    <row r="429943" spans="8:8">
      <c r="H429943" s="12"/>
    </row>
    <row r="429944" spans="8:8">
      <c r="H429944" s="12"/>
    </row>
    <row r="429945" spans="8:8">
      <c r="H429945" s="12"/>
    </row>
    <row r="429946" spans="8:8">
      <c r="H429946" s="12"/>
    </row>
    <row r="429947" spans="8:8">
      <c r="H429947" s="12"/>
    </row>
    <row r="429948" spans="8:8">
      <c r="H429948" s="12"/>
    </row>
    <row r="429949" spans="8:8">
      <c r="H429949" s="12"/>
    </row>
    <row r="429950" spans="8:8">
      <c r="H429950" s="12"/>
    </row>
    <row r="429951" spans="8:8">
      <c r="H429951" s="12"/>
    </row>
    <row r="429952" spans="8:8">
      <c r="H429952" s="12"/>
    </row>
    <row r="429953" spans="8:8">
      <c r="H429953" s="12"/>
    </row>
    <row r="429954" spans="8:8">
      <c r="H429954" s="12"/>
    </row>
    <row r="429955" spans="8:8">
      <c r="H429955" s="12"/>
    </row>
    <row r="429956" spans="8:8">
      <c r="H429956" s="12"/>
    </row>
    <row r="429957" spans="8:8">
      <c r="H429957" s="12"/>
    </row>
    <row r="429958" spans="8:8">
      <c r="H429958" s="12"/>
    </row>
    <row r="429959" spans="8:8">
      <c r="H429959" s="12"/>
    </row>
    <row r="429960" spans="8:8">
      <c r="H429960" s="12"/>
    </row>
    <row r="429961" spans="8:8">
      <c r="H429961" s="12"/>
    </row>
    <row r="429962" spans="8:8">
      <c r="H429962" s="12"/>
    </row>
    <row r="429963" spans="8:8">
      <c r="H429963" s="12"/>
    </row>
    <row r="429964" spans="8:8">
      <c r="H429964" s="12"/>
    </row>
    <row r="429965" spans="8:8">
      <c r="H429965" s="12"/>
    </row>
    <row r="429966" spans="8:8">
      <c r="H429966" s="12"/>
    </row>
    <row r="429967" spans="8:8">
      <c r="H429967" s="12"/>
    </row>
    <row r="429968" spans="8:8">
      <c r="H429968" s="12"/>
    </row>
    <row r="429969" spans="8:8">
      <c r="H429969" s="12"/>
    </row>
    <row r="429970" spans="8:8">
      <c r="H429970" s="12"/>
    </row>
    <row r="429971" spans="8:8">
      <c r="H429971" s="12"/>
    </row>
    <row r="429972" spans="8:8">
      <c r="H429972" s="12"/>
    </row>
    <row r="429973" spans="8:8">
      <c r="H429973" s="12"/>
    </row>
    <row r="429974" spans="8:8">
      <c r="H429974" s="12"/>
    </row>
    <row r="429975" spans="8:8">
      <c r="H429975" s="12"/>
    </row>
    <row r="429976" spans="8:8">
      <c r="H429976" s="12"/>
    </row>
    <row r="429977" spans="8:8">
      <c r="H429977" s="12"/>
    </row>
    <row r="429978" spans="8:8">
      <c r="H429978" s="12"/>
    </row>
    <row r="429979" spans="8:8">
      <c r="H429979" s="12"/>
    </row>
    <row r="429980" spans="8:8">
      <c r="H429980" s="12"/>
    </row>
    <row r="429981" spans="8:8">
      <c r="H429981" s="12"/>
    </row>
    <row r="429982" spans="8:8">
      <c r="H429982" s="12"/>
    </row>
    <row r="429983" spans="8:8">
      <c r="H429983" s="12"/>
    </row>
    <row r="429984" spans="8:8">
      <c r="H429984" s="12"/>
    </row>
    <row r="429985" spans="8:8">
      <c r="H429985" s="12"/>
    </row>
    <row r="429986" spans="8:8">
      <c r="H429986" s="12"/>
    </row>
    <row r="429987" spans="8:8">
      <c r="H429987" s="12"/>
    </row>
    <row r="429988" spans="8:8">
      <c r="H429988" s="12"/>
    </row>
    <row r="429989" spans="8:8">
      <c r="H429989" s="12"/>
    </row>
    <row r="429990" spans="8:8">
      <c r="H429990" s="12"/>
    </row>
    <row r="429991" spans="8:8">
      <c r="H429991" s="12"/>
    </row>
    <row r="429992" spans="8:8">
      <c r="H429992" s="12"/>
    </row>
    <row r="429993" spans="8:8">
      <c r="H429993" s="12"/>
    </row>
    <row r="429994" spans="8:8">
      <c r="H429994" s="12"/>
    </row>
    <row r="429995" spans="8:8">
      <c r="H429995" s="12"/>
    </row>
    <row r="429996" spans="8:8">
      <c r="H429996" s="12"/>
    </row>
    <row r="429997" spans="8:8">
      <c r="H429997" s="12"/>
    </row>
    <row r="429998" spans="8:8">
      <c r="H429998" s="12"/>
    </row>
    <row r="429999" spans="8:8">
      <c r="H429999" s="12"/>
    </row>
    <row r="430000" spans="8:8">
      <c r="H430000" s="12"/>
    </row>
    <row r="430001" spans="8:8">
      <c r="H430001" s="12"/>
    </row>
    <row r="430002" spans="8:8">
      <c r="H430002" s="12"/>
    </row>
    <row r="430003" spans="8:8">
      <c r="H430003" s="12"/>
    </row>
    <row r="430004" spans="8:8">
      <c r="H430004" s="12"/>
    </row>
    <row r="430005" spans="8:8">
      <c r="H430005" s="12"/>
    </row>
    <row r="430006" spans="8:8">
      <c r="H430006" s="12"/>
    </row>
    <row r="430007" spans="8:8">
      <c r="H430007" s="12"/>
    </row>
    <row r="430008" spans="8:8">
      <c r="H430008" s="12"/>
    </row>
    <row r="430009" spans="8:8">
      <c r="H430009" s="12"/>
    </row>
    <row r="430010" spans="8:8">
      <c r="H430010" s="12"/>
    </row>
    <row r="430011" spans="8:8">
      <c r="H430011" s="12"/>
    </row>
    <row r="430012" spans="8:8">
      <c r="H430012" s="12"/>
    </row>
    <row r="430013" spans="8:8">
      <c r="H430013" s="12"/>
    </row>
    <row r="430014" spans="8:8">
      <c r="H430014" s="12"/>
    </row>
    <row r="430015" spans="8:8">
      <c r="H430015" s="12"/>
    </row>
    <row r="430016" spans="8:8">
      <c r="H430016" s="12"/>
    </row>
    <row r="430017" spans="8:8">
      <c r="H430017" s="12"/>
    </row>
    <row r="430018" spans="8:8">
      <c r="H430018" s="12"/>
    </row>
    <row r="430019" spans="8:8">
      <c r="H430019" s="12"/>
    </row>
    <row r="430020" spans="8:8">
      <c r="H430020" s="12"/>
    </row>
    <row r="430021" spans="8:8">
      <c r="H430021" s="12"/>
    </row>
    <row r="430022" spans="8:8">
      <c r="H430022" s="12"/>
    </row>
    <row r="430023" spans="8:8">
      <c r="H430023" s="12"/>
    </row>
    <row r="430024" spans="8:8">
      <c r="H430024" s="12"/>
    </row>
    <row r="430025" spans="8:8">
      <c r="H430025" s="12"/>
    </row>
    <row r="430026" spans="8:8">
      <c r="H430026" s="12"/>
    </row>
    <row r="430027" spans="8:8">
      <c r="H430027" s="12"/>
    </row>
    <row r="430028" spans="8:8">
      <c r="H430028" s="12"/>
    </row>
    <row r="430029" spans="8:8">
      <c r="H430029" s="12"/>
    </row>
    <row r="430030" spans="8:8">
      <c r="H430030" s="12"/>
    </row>
    <row r="430031" spans="8:8">
      <c r="H430031" s="12"/>
    </row>
    <row r="430032" spans="8:8">
      <c r="H430032" s="12"/>
    </row>
    <row r="430033" spans="8:8">
      <c r="H430033" s="12"/>
    </row>
    <row r="430034" spans="8:8">
      <c r="H430034" s="12"/>
    </row>
    <row r="430035" spans="8:8">
      <c r="H430035" s="12"/>
    </row>
    <row r="430036" spans="8:8">
      <c r="H430036" s="12"/>
    </row>
    <row r="430037" spans="8:8">
      <c r="H430037" s="12"/>
    </row>
    <row r="430038" spans="8:8">
      <c r="H430038" s="12"/>
    </row>
    <row r="430039" spans="8:8">
      <c r="H430039" s="12"/>
    </row>
    <row r="430040" spans="8:8">
      <c r="H430040" s="12"/>
    </row>
    <row r="430041" spans="8:8">
      <c r="H430041" s="12"/>
    </row>
    <row r="430042" spans="8:8">
      <c r="H430042" s="12"/>
    </row>
    <row r="430043" spans="8:8">
      <c r="H430043" s="12"/>
    </row>
    <row r="430044" spans="8:8">
      <c r="H430044" s="12"/>
    </row>
    <row r="430045" spans="8:8">
      <c r="H430045" s="12"/>
    </row>
    <row r="430046" spans="8:8">
      <c r="H430046" s="12"/>
    </row>
    <row r="430047" spans="8:8">
      <c r="H430047" s="12"/>
    </row>
    <row r="430048" spans="8:8">
      <c r="H430048" s="12"/>
    </row>
    <row r="430049" spans="8:8">
      <c r="H430049" s="12"/>
    </row>
    <row r="430050" spans="8:8">
      <c r="H430050" s="12"/>
    </row>
    <row r="430051" spans="8:8">
      <c r="H430051" s="12"/>
    </row>
    <row r="430052" spans="8:8">
      <c r="H430052" s="12"/>
    </row>
    <row r="430053" spans="8:8">
      <c r="H430053" s="12"/>
    </row>
    <row r="430054" spans="8:8">
      <c r="H430054" s="12"/>
    </row>
    <row r="430055" spans="8:8">
      <c r="H430055" s="12"/>
    </row>
    <row r="430056" spans="8:8">
      <c r="H430056" s="12"/>
    </row>
    <row r="430057" spans="8:8">
      <c r="H430057" s="12"/>
    </row>
    <row r="430058" spans="8:8">
      <c r="H430058" s="12"/>
    </row>
    <row r="430059" spans="8:8">
      <c r="H430059" s="12"/>
    </row>
    <row r="430060" spans="8:8">
      <c r="H430060" s="12"/>
    </row>
    <row r="430061" spans="8:8">
      <c r="H430061" s="12"/>
    </row>
    <row r="430062" spans="8:8">
      <c r="H430062" s="12"/>
    </row>
    <row r="430063" spans="8:8">
      <c r="H430063" s="12"/>
    </row>
    <row r="430064" spans="8:8">
      <c r="H430064" s="12"/>
    </row>
    <row r="430065" spans="8:8">
      <c r="H430065" s="12"/>
    </row>
    <row r="430066" spans="8:8">
      <c r="H430066" s="12"/>
    </row>
    <row r="430067" spans="8:8">
      <c r="H430067" s="12"/>
    </row>
    <row r="430068" spans="8:8">
      <c r="H430068" s="12"/>
    </row>
    <row r="430069" spans="8:8">
      <c r="H430069" s="12"/>
    </row>
    <row r="430070" spans="8:8">
      <c r="H430070" s="12"/>
    </row>
    <row r="430071" spans="8:8">
      <c r="H430071" s="12"/>
    </row>
    <row r="430072" spans="8:8">
      <c r="H430072" s="12"/>
    </row>
    <row r="430073" spans="8:8">
      <c r="H430073" s="12"/>
    </row>
    <row r="430074" spans="8:8">
      <c r="H430074" s="12"/>
    </row>
    <row r="430075" spans="8:8">
      <c r="H430075" s="12"/>
    </row>
    <row r="430076" spans="8:8">
      <c r="H430076" s="12"/>
    </row>
    <row r="430077" spans="8:8">
      <c r="H430077" s="12"/>
    </row>
    <row r="430078" spans="8:8">
      <c r="H430078" s="12"/>
    </row>
    <row r="430079" spans="8:8">
      <c r="H430079" s="12"/>
    </row>
    <row r="430080" spans="8:8">
      <c r="H430080" s="12"/>
    </row>
    <row r="430081" spans="8:8">
      <c r="H430081" s="12"/>
    </row>
    <row r="430082" spans="8:8">
      <c r="H430082" s="12"/>
    </row>
    <row r="430083" spans="8:8">
      <c r="H430083" s="12"/>
    </row>
    <row r="430084" spans="8:8">
      <c r="H430084" s="12"/>
    </row>
    <row r="430085" spans="8:8">
      <c r="H430085" s="12"/>
    </row>
    <row r="430086" spans="8:8">
      <c r="H430086" s="12"/>
    </row>
    <row r="430087" spans="8:8">
      <c r="H430087" s="12"/>
    </row>
    <row r="430088" spans="8:8">
      <c r="H430088" s="12"/>
    </row>
    <row r="430089" spans="8:8">
      <c r="H430089" s="12"/>
    </row>
    <row r="430090" spans="8:8">
      <c r="H430090" s="12"/>
    </row>
    <row r="430091" spans="8:8">
      <c r="H430091" s="12"/>
    </row>
    <row r="430092" spans="8:8">
      <c r="H430092" s="12"/>
    </row>
    <row r="430093" spans="8:8">
      <c r="H430093" s="12"/>
    </row>
    <row r="430094" spans="8:8">
      <c r="H430094" s="12"/>
    </row>
    <row r="430095" spans="8:8">
      <c r="H430095" s="12"/>
    </row>
    <row r="430096" spans="8:8">
      <c r="H430096" s="12"/>
    </row>
    <row r="430097" spans="8:8">
      <c r="H430097" s="12"/>
    </row>
    <row r="430098" spans="8:8">
      <c r="H430098" s="12"/>
    </row>
    <row r="430099" spans="8:8">
      <c r="H430099" s="12"/>
    </row>
    <row r="430100" spans="8:8">
      <c r="H430100" s="12"/>
    </row>
    <row r="430101" spans="8:8">
      <c r="H430101" s="12"/>
    </row>
    <row r="430102" spans="8:8">
      <c r="H430102" s="12"/>
    </row>
    <row r="430103" spans="8:8">
      <c r="H430103" s="12"/>
    </row>
    <row r="430104" spans="8:8">
      <c r="H430104" s="12"/>
    </row>
    <row r="430105" spans="8:8">
      <c r="H430105" s="12"/>
    </row>
    <row r="430106" spans="8:8">
      <c r="H430106" s="12"/>
    </row>
    <row r="430107" spans="8:8">
      <c r="H430107" s="12"/>
    </row>
    <row r="430108" spans="8:8">
      <c r="H430108" s="12"/>
    </row>
    <row r="430109" spans="8:8">
      <c r="H430109" s="12"/>
    </row>
    <row r="430110" spans="8:8">
      <c r="H430110" s="12"/>
    </row>
    <row r="430111" spans="8:8">
      <c r="H430111" s="12"/>
    </row>
    <row r="430112" spans="8:8">
      <c r="H430112" s="12"/>
    </row>
    <row r="430113" spans="8:8">
      <c r="H430113" s="12"/>
    </row>
    <row r="430114" spans="8:8">
      <c r="H430114" s="12"/>
    </row>
    <row r="430115" spans="8:8">
      <c r="H430115" s="12"/>
    </row>
    <row r="430116" spans="8:8">
      <c r="H430116" s="12"/>
    </row>
    <row r="430117" spans="8:8">
      <c r="H430117" s="12"/>
    </row>
    <row r="430118" spans="8:8">
      <c r="H430118" s="12"/>
    </row>
    <row r="430119" spans="8:8">
      <c r="H430119" s="12"/>
    </row>
    <row r="430120" spans="8:8">
      <c r="H430120" s="12"/>
    </row>
    <row r="430121" spans="8:8">
      <c r="H430121" s="12"/>
    </row>
    <row r="430122" spans="8:8">
      <c r="H430122" s="12"/>
    </row>
    <row r="430123" spans="8:8">
      <c r="H430123" s="12"/>
    </row>
    <row r="430124" spans="8:8">
      <c r="H430124" s="12"/>
    </row>
    <row r="430125" spans="8:8">
      <c r="H430125" s="12"/>
    </row>
    <row r="430126" spans="8:8">
      <c r="H430126" s="12"/>
    </row>
    <row r="430127" spans="8:8">
      <c r="H430127" s="12"/>
    </row>
    <row r="430128" spans="8:8">
      <c r="H430128" s="12"/>
    </row>
    <row r="430129" spans="8:8">
      <c r="H430129" s="12"/>
    </row>
    <row r="430130" spans="8:8">
      <c r="H430130" s="12"/>
    </row>
    <row r="430131" spans="8:8">
      <c r="H430131" s="12"/>
    </row>
    <row r="430132" spans="8:8">
      <c r="H430132" s="12"/>
    </row>
    <row r="430133" spans="8:8">
      <c r="H430133" s="12"/>
    </row>
    <row r="430134" spans="8:8">
      <c r="H430134" s="12"/>
    </row>
    <row r="430135" spans="8:8">
      <c r="H430135" s="12"/>
    </row>
    <row r="430136" spans="8:8">
      <c r="H430136" s="12"/>
    </row>
    <row r="430137" spans="8:8">
      <c r="H430137" s="12"/>
    </row>
    <row r="430138" spans="8:8">
      <c r="H430138" s="12"/>
    </row>
    <row r="430139" spans="8:8">
      <c r="H430139" s="12"/>
    </row>
    <row r="430140" spans="8:8">
      <c r="H430140" s="12"/>
    </row>
    <row r="430141" spans="8:8">
      <c r="H430141" s="12"/>
    </row>
    <row r="430142" spans="8:8">
      <c r="H430142" s="12"/>
    </row>
    <row r="430143" spans="8:8">
      <c r="H430143" s="12"/>
    </row>
    <row r="430144" spans="8:8">
      <c r="H430144" s="12"/>
    </row>
    <row r="430145" spans="8:8">
      <c r="H430145" s="12"/>
    </row>
    <row r="430146" spans="8:8">
      <c r="H430146" s="12"/>
    </row>
    <row r="430147" spans="8:8">
      <c r="H430147" s="12"/>
    </row>
    <row r="430148" spans="8:8">
      <c r="H430148" s="12"/>
    </row>
    <row r="430149" spans="8:8">
      <c r="H430149" s="12"/>
    </row>
    <row r="430150" spans="8:8">
      <c r="H430150" s="12"/>
    </row>
    <row r="430151" spans="8:8">
      <c r="H430151" s="12"/>
    </row>
    <row r="430152" spans="8:8">
      <c r="H430152" s="12"/>
    </row>
    <row r="430153" spans="8:8">
      <c r="H430153" s="12"/>
    </row>
    <row r="430154" spans="8:8">
      <c r="H430154" s="12"/>
    </row>
    <row r="430155" spans="8:8">
      <c r="H430155" s="12"/>
    </row>
    <row r="430156" spans="8:8">
      <c r="H430156" s="12"/>
    </row>
    <row r="430157" spans="8:8">
      <c r="H430157" s="12"/>
    </row>
    <row r="430158" spans="8:8">
      <c r="H430158" s="12"/>
    </row>
    <row r="430159" spans="8:8">
      <c r="H430159" s="12"/>
    </row>
    <row r="430160" spans="8:8">
      <c r="H430160" s="12"/>
    </row>
    <row r="430161" spans="8:8">
      <c r="H430161" s="12"/>
    </row>
    <row r="430162" spans="8:8">
      <c r="H430162" s="12"/>
    </row>
    <row r="430163" spans="8:8">
      <c r="H430163" s="12"/>
    </row>
    <row r="430164" spans="8:8">
      <c r="H430164" s="12"/>
    </row>
    <row r="430165" spans="8:8">
      <c r="H430165" s="12"/>
    </row>
    <row r="430166" spans="8:8">
      <c r="H430166" s="12"/>
    </row>
    <row r="430167" spans="8:8">
      <c r="H430167" s="12"/>
    </row>
    <row r="430168" spans="8:8">
      <c r="H430168" s="12"/>
    </row>
    <row r="430169" spans="8:8">
      <c r="H430169" s="12"/>
    </row>
    <row r="430170" spans="8:8">
      <c r="H430170" s="12"/>
    </row>
    <row r="430171" spans="8:8">
      <c r="H430171" s="12"/>
    </row>
    <row r="430172" spans="8:8">
      <c r="H430172" s="12"/>
    </row>
    <row r="430173" spans="8:8">
      <c r="H430173" s="12"/>
    </row>
    <row r="430174" spans="8:8">
      <c r="H430174" s="12"/>
    </row>
    <row r="430175" spans="8:8">
      <c r="H430175" s="12"/>
    </row>
    <row r="430176" spans="8:8">
      <c r="H430176" s="12"/>
    </row>
    <row r="430177" spans="8:8">
      <c r="H430177" s="12"/>
    </row>
    <row r="430178" spans="8:8">
      <c r="H430178" s="12"/>
    </row>
    <row r="430179" spans="8:8">
      <c r="H430179" s="12"/>
    </row>
    <row r="430180" spans="8:8">
      <c r="H430180" s="12"/>
    </row>
    <row r="430181" spans="8:8">
      <c r="H430181" s="12"/>
    </row>
    <row r="430182" spans="8:8">
      <c r="H430182" s="12"/>
    </row>
    <row r="430183" spans="8:8">
      <c r="H430183" s="12"/>
    </row>
    <row r="430184" spans="8:8">
      <c r="H430184" s="12"/>
    </row>
    <row r="430185" spans="8:8">
      <c r="H430185" s="12"/>
    </row>
    <row r="430186" spans="8:8">
      <c r="H430186" s="12"/>
    </row>
    <row r="430187" spans="8:8">
      <c r="H430187" s="12"/>
    </row>
    <row r="430188" spans="8:8">
      <c r="H430188" s="12"/>
    </row>
    <row r="430189" spans="8:8">
      <c r="H430189" s="12"/>
    </row>
    <row r="430190" spans="8:8">
      <c r="H430190" s="12"/>
    </row>
    <row r="430191" spans="8:8">
      <c r="H430191" s="12"/>
    </row>
    <row r="430192" spans="8:8">
      <c r="H430192" s="12"/>
    </row>
    <row r="430193" spans="8:8">
      <c r="H430193" s="12"/>
    </row>
    <row r="430194" spans="8:8">
      <c r="H430194" s="12"/>
    </row>
    <row r="430195" spans="8:8">
      <c r="H430195" s="12"/>
    </row>
    <row r="430196" spans="8:8">
      <c r="H430196" s="12"/>
    </row>
    <row r="430197" spans="8:8">
      <c r="H430197" s="12"/>
    </row>
    <row r="430198" spans="8:8">
      <c r="H430198" s="12"/>
    </row>
    <row r="430199" spans="8:8">
      <c r="H430199" s="12"/>
    </row>
    <row r="430200" spans="8:8">
      <c r="H430200" s="12"/>
    </row>
    <row r="430201" spans="8:8">
      <c r="H430201" s="12"/>
    </row>
    <row r="430202" spans="8:8">
      <c r="H430202" s="12"/>
    </row>
    <row r="430203" spans="8:8">
      <c r="H430203" s="12"/>
    </row>
    <row r="430204" spans="8:8">
      <c r="H430204" s="12"/>
    </row>
    <row r="430205" spans="8:8">
      <c r="H430205" s="12"/>
    </row>
    <row r="430206" spans="8:8">
      <c r="H430206" s="12"/>
    </row>
    <row r="430207" spans="8:8">
      <c r="H430207" s="12"/>
    </row>
    <row r="430208" spans="8:8">
      <c r="H430208" s="12"/>
    </row>
    <row r="430209" spans="8:8">
      <c r="H430209" s="12"/>
    </row>
    <row r="430210" spans="8:8">
      <c r="H430210" s="12"/>
    </row>
    <row r="430211" spans="8:8">
      <c r="H430211" s="12"/>
    </row>
    <row r="430212" spans="8:8">
      <c r="H430212" s="12"/>
    </row>
    <row r="430213" spans="8:8">
      <c r="H430213" s="12"/>
    </row>
    <row r="430214" spans="8:8">
      <c r="H430214" s="12"/>
    </row>
    <row r="430215" spans="8:8">
      <c r="H430215" s="12"/>
    </row>
    <row r="430216" spans="8:8">
      <c r="H430216" s="12"/>
    </row>
    <row r="430217" spans="8:8">
      <c r="H430217" s="12"/>
    </row>
    <row r="430218" spans="8:8">
      <c r="H430218" s="12"/>
    </row>
    <row r="430219" spans="8:8">
      <c r="H430219" s="12"/>
    </row>
    <row r="430220" spans="8:8">
      <c r="H430220" s="12"/>
    </row>
    <row r="430221" spans="8:8">
      <c r="H430221" s="12"/>
    </row>
    <row r="430222" spans="8:8">
      <c r="H430222" s="12"/>
    </row>
    <row r="430223" spans="8:8">
      <c r="H430223" s="12"/>
    </row>
    <row r="430224" spans="8:8">
      <c r="H430224" s="12"/>
    </row>
    <row r="430225" spans="8:8">
      <c r="H430225" s="12"/>
    </row>
    <row r="430226" spans="8:8">
      <c r="H430226" s="12"/>
    </row>
    <row r="430227" spans="8:8">
      <c r="H430227" s="12"/>
    </row>
    <row r="430228" spans="8:8">
      <c r="H430228" s="12"/>
    </row>
    <row r="430229" spans="8:8">
      <c r="H430229" s="12"/>
    </row>
    <row r="430230" spans="8:8">
      <c r="H430230" s="12"/>
    </row>
    <row r="430231" spans="8:8">
      <c r="H430231" s="12"/>
    </row>
    <row r="430232" spans="8:8">
      <c r="H430232" s="12"/>
    </row>
    <row r="430233" spans="8:8">
      <c r="H430233" s="12"/>
    </row>
    <row r="430234" spans="8:8">
      <c r="H430234" s="12"/>
    </row>
    <row r="430235" spans="8:8">
      <c r="H430235" s="12"/>
    </row>
    <row r="430236" spans="8:8">
      <c r="H430236" s="12"/>
    </row>
    <row r="430237" spans="8:8">
      <c r="H430237" s="12"/>
    </row>
    <row r="430238" spans="8:8">
      <c r="H430238" s="12"/>
    </row>
    <row r="430239" spans="8:8">
      <c r="H430239" s="12"/>
    </row>
    <row r="430240" spans="8:8">
      <c r="H430240" s="12"/>
    </row>
    <row r="430241" spans="8:8">
      <c r="H430241" s="12"/>
    </row>
    <row r="430242" spans="8:8">
      <c r="H430242" s="12"/>
    </row>
    <row r="430243" spans="8:8">
      <c r="H430243" s="12"/>
    </row>
    <row r="430244" spans="8:8">
      <c r="H430244" s="12"/>
    </row>
    <row r="430245" spans="8:8">
      <c r="H430245" s="12"/>
    </row>
    <row r="430246" spans="8:8">
      <c r="H430246" s="12"/>
    </row>
    <row r="430247" spans="8:8">
      <c r="H430247" s="12"/>
    </row>
    <row r="430248" spans="8:8">
      <c r="H430248" s="12"/>
    </row>
    <row r="430249" spans="8:8">
      <c r="H430249" s="12"/>
    </row>
    <row r="430250" spans="8:8">
      <c r="H430250" s="12"/>
    </row>
    <row r="430251" spans="8:8">
      <c r="H430251" s="12"/>
    </row>
    <row r="430252" spans="8:8">
      <c r="H430252" s="12"/>
    </row>
    <row r="430253" spans="8:8">
      <c r="H430253" s="12"/>
    </row>
    <row r="430254" spans="8:8">
      <c r="H430254" s="12"/>
    </row>
    <row r="430255" spans="8:8">
      <c r="H430255" s="12"/>
    </row>
    <row r="430256" spans="8:8">
      <c r="H430256" s="12"/>
    </row>
    <row r="430257" spans="8:8">
      <c r="H430257" s="12"/>
    </row>
    <row r="430258" spans="8:8">
      <c r="H430258" s="12"/>
    </row>
    <row r="430259" spans="8:8">
      <c r="H430259" s="12"/>
    </row>
    <row r="430260" spans="8:8">
      <c r="H430260" s="12"/>
    </row>
    <row r="430261" spans="8:8">
      <c r="H430261" s="12"/>
    </row>
    <row r="430262" spans="8:8">
      <c r="H430262" s="12"/>
    </row>
    <row r="430263" spans="8:8">
      <c r="H430263" s="12"/>
    </row>
    <row r="430264" spans="8:8">
      <c r="H430264" s="12"/>
    </row>
    <row r="430265" spans="8:8">
      <c r="H430265" s="12"/>
    </row>
    <row r="430266" spans="8:8">
      <c r="H430266" s="12"/>
    </row>
    <row r="430267" spans="8:8">
      <c r="H430267" s="12"/>
    </row>
    <row r="430268" spans="8:8">
      <c r="H430268" s="12"/>
    </row>
    <row r="430269" spans="8:8">
      <c r="H430269" s="12"/>
    </row>
    <row r="430270" spans="8:8">
      <c r="H430270" s="12"/>
    </row>
    <row r="430271" spans="8:8">
      <c r="H430271" s="12"/>
    </row>
    <row r="430272" spans="8:8">
      <c r="H430272" s="12"/>
    </row>
    <row r="430273" spans="8:8">
      <c r="H430273" s="12"/>
    </row>
    <row r="430274" spans="8:8">
      <c r="H430274" s="12"/>
    </row>
    <row r="430275" spans="8:8">
      <c r="H430275" s="12"/>
    </row>
    <row r="430276" spans="8:8">
      <c r="H430276" s="12"/>
    </row>
    <row r="430277" spans="8:8">
      <c r="H430277" s="12"/>
    </row>
    <row r="430278" spans="8:8">
      <c r="H430278" s="12"/>
    </row>
    <row r="430279" spans="8:8">
      <c r="H430279" s="12"/>
    </row>
    <row r="430280" spans="8:8">
      <c r="H430280" s="12"/>
    </row>
    <row r="430281" spans="8:8">
      <c r="H430281" s="12"/>
    </row>
    <row r="430282" spans="8:8">
      <c r="H430282" s="12"/>
    </row>
    <row r="430283" spans="8:8">
      <c r="H430283" s="12"/>
    </row>
    <row r="430284" spans="8:8">
      <c r="H430284" s="12"/>
    </row>
    <row r="430285" spans="8:8">
      <c r="H430285" s="12"/>
    </row>
    <row r="430286" spans="8:8">
      <c r="H430286" s="12"/>
    </row>
    <row r="430287" spans="8:8">
      <c r="H430287" s="12"/>
    </row>
    <row r="430288" spans="8:8">
      <c r="H430288" s="12"/>
    </row>
    <row r="430289" spans="8:8">
      <c r="H430289" s="12"/>
    </row>
    <row r="430290" spans="8:8">
      <c r="H430290" s="12"/>
    </row>
    <row r="430291" spans="8:8">
      <c r="H430291" s="12"/>
    </row>
    <row r="430292" spans="8:8">
      <c r="H430292" s="12"/>
    </row>
    <row r="430293" spans="8:8">
      <c r="H430293" s="12"/>
    </row>
    <row r="430294" spans="8:8">
      <c r="H430294" s="12"/>
    </row>
    <row r="430295" spans="8:8">
      <c r="H430295" s="12"/>
    </row>
    <row r="430296" spans="8:8">
      <c r="H430296" s="12"/>
    </row>
    <row r="430297" spans="8:8">
      <c r="H430297" s="12"/>
    </row>
    <row r="430298" spans="8:8">
      <c r="H430298" s="12"/>
    </row>
    <row r="430299" spans="8:8">
      <c r="H430299" s="12"/>
    </row>
    <row r="430300" spans="8:8">
      <c r="H430300" s="12"/>
    </row>
    <row r="430301" spans="8:8">
      <c r="H430301" s="12"/>
    </row>
    <row r="430302" spans="8:8">
      <c r="H430302" s="12"/>
    </row>
    <row r="430303" spans="8:8">
      <c r="H430303" s="12"/>
    </row>
    <row r="430304" spans="8:8">
      <c r="H430304" s="12"/>
    </row>
    <row r="430305" spans="8:8">
      <c r="H430305" s="12"/>
    </row>
    <row r="430306" spans="8:8">
      <c r="H430306" s="12"/>
    </row>
    <row r="430307" spans="8:8">
      <c r="H430307" s="12"/>
    </row>
    <row r="430308" spans="8:8">
      <c r="H430308" s="12"/>
    </row>
    <row r="430309" spans="8:8">
      <c r="H430309" s="12"/>
    </row>
    <row r="430310" spans="8:8">
      <c r="H430310" s="12"/>
    </row>
    <row r="430311" spans="8:8">
      <c r="H430311" s="12"/>
    </row>
    <row r="430312" spans="8:8">
      <c r="H430312" s="12"/>
    </row>
    <row r="430313" spans="8:8">
      <c r="H430313" s="12"/>
    </row>
    <row r="430314" spans="8:8">
      <c r="H430314" s="12"/>
    </row>
    <row r="430315" spans="8:8">
      <c r="H430315" s="12"/>
    </row>
    <row r="430316" spans="8:8">
      <c r="H430316" s="12"/>
    </row>
    <row r="430317" spans="8:8">
      <c r="H430317" s="12"/>
    </row>
    <row r="430318" spans="8:8">
      <c r="H430318" s="12"/>
    </row>
    <row r="430319" spans="8:8">
      <c r="H430319" s="12"/>
    </row>
    <row r="430320" spans="8:8">
      <c r="H430320" s="12"/>
    </row>
    <row r="430321" spans="8:8">
      <c r="H430321" s="12"/>
    </row>
    <row r="430322" spans="8:8">
      <c r="H430322" s="12"/>
    </row>
    <row r="430323" spans="8:8">
      <c r="H430323" s="12"/>
    </row>
    <row r="430324" spans="8:8">
      <c r="H430324" s="12"/>
    </row>
    <row r="430325" spans="8:8">
      <c r="H430325" s="12"/>
    </row>
    <row r="430326" spans="8:8">
      <c r="H430326" s="12"/>
    </row>
    <row r="430327" spans="8:8">
      <c r="H430327" s="12"/>
    </row>
    <row r="430328" spans="8:8">
      <c r="H430328" s="12"/>
    </row>
    <row r="430329" spans="8:8">
      <c r="H430329" s="12"/>
    </row>
    <row r="430330" spans="8:8">
      <c r="H430330" s="12"/>
    </row>
    <row r="430331" spans="8:8">
      <c r="H430331" s="12"/>
    </row>
    <row r="430332" spans="8:8">
      <c r="H430332" s="12"/>
    </row>
    <row r="430333" spans="8:8">
      <c r="H430333" s="12"/>
    </row>
    <row r="430334" spans="8:8">
      <c r="H430334" s="12"/>
    </row>
    <row r="430335" spans="8:8">
      <c r="H430335" s="12"/>
    </row>
    <row r="430336" spans="8:8">
      <c r="H430336" s="12"/>
    </row>
    <row r="430337" spans="8:8">
      <c r="H430337" s="12"/>
    </row>
    <row r="430338" spans="8:8">
      <c r="H430338" s="12"/>
    </row>
    <row r="430339" spans="8:8">
      <c r="H430339" s="12"/>
    </row>
    <row r="430340" spans="8:8">
      <c r="H430340" s="12"/>
    </row>
    <row r="430341" spans="8:8">
      <c r="H430341" s="12"/>
    </row>
    <row r="430342" spans="8:8">
      <c r="H430342" s="12"/>
    </row>
    <row r="430343" spans="8:8">
      <c r="H430343" s="12"/>
    </row>
    <row r="430344" spans="8:8">
      <c r="H430344" s="12"/>
    </row>
    <row r="430345" spans="8:8">
      <c r="H430345" s="12"/>
    </row>
    <row r="430346" spans="8:8">
      <c r="H430346" s="12"/>
    </row>
    <row r="430347" spans="8:8">
      <c r="H430347" s="12"/>
    </row>
    <row r="430348" spans="8:8">
      <c r="H430348" s="12"/>
    </row>
    <row r="430349" spans="8:8">
      <c r="H430349" s="12"/>
    </row>
    <row r="430350" spans="8:8">
      <c r="H430350" s="12"/>
    </row>
    <row r="430351" spans="8:8">
      <c r="H430351" s="12"/>
    </row>
    <row r="430352" spans="8:8">
      <c r="H430352" s="12"/>
    </row>
    <row r="430353" spans="8:8">
      <c r="H430353" s="12"/>
    </row>
    <row r="430354" spans="8:8">
      <c r="H430354" s="12"/>
    </row>
    <row r="430355" spans="8:8">
      <c r="H430355" s="12"/>
    </row>
    <row r="430356" spans="8:8">
      <c r="H430356" s="12"/>
    </row>
    <row r="430357" spans="8:8">
      <c r="H430357" s="12"/>
    </row>
    <row r="430358" spans="8:8">
      <c r="H430358" s="12"/>
    </row>
    <row r="430359" spans="8:8">
      <c r="H430359" s="12"/>
    </row>
    <row r="430360" spans="8:8">
      <c r="H430360" s="12"/>
    </row>
    <row r="430361" spans="8:8">
      <c r="H430361" s="12"/>
    </row>
    <row r="430362" spans="8:8">
      <c r="H430362" s="12"/>
    </row>
    <row r="430363" spans="8:8">
      <c r="H430363" s="12"/>
    </row>
    <row r="430364" spans="8:8">
      <c r="H430364" s="12"/>
    </row>
    <row r="430365" spans="8:8">
      <c r="H430365" s="12"/>
    </row>
    <row r="430366" spans="8:8">
      <c r="H430366" s="12"/>
    </row>
    <row r="430367" spans="8:8">
      <c r="H430367" s="12"/>
    </row>
    <row r="430368" spans="8:8">
      <c r="H430368" s="12"/>
    </row>
    <row r="430369" spans="8:8">
      <c r="H430369" s="12"/>
    </row>
    <row r="430370" spans="8:8">
      <c r="H430370" s="12"/>
    </row>
    <row r="430371" spans="8:8">
      <c r="H430371" s="12"/>
    </row>
    <row r="430372" spans="8:8">
      <c r="H430372" s="12"/>
    </row>
    <row r="430373" spans="8:8">
      <c r="H430373" s="12"/>
    </row>
    <row r="430374" spans="8:8">
      <c r="H430374" s="12"/>
    </row>
    <row r="430375" spans="8:8">
      <c r="H430375" s="12"/>
    </row>
    <row r="430376" spans="8:8">
      <c r="H430376" s="12"/>
    </row>
    <row r="430377" spans="8:8">
      <c r="H430377" s="12"/>
    </row>
    <row r="430378" spans="8:8">
      <c r="H430378" s="12"/>
    </row>
    <row r="430379" spans="8:8">
      <c r="H430379" s="12"/>
    </row>
    <row r="430380" spans="8:8">
      <c r="H430380" s="12"/>
    </row>
    <row r="430381" spans="8:8">
      <c r="H430381" s="12"/>
    </row>
    <row r="430382" spans="8:8">
      <c r="H430382" s="12"/>
    </row>
    <row r="430383" spans="8:8">
      <c r="H430383" s="12"/>
    </row>
    <row r="430384" spans="8:8">
      <c r="H430384" s="12"/>
    </row>
    <row r="430385" spans="8:8">
      <c r="H430385" s="12"/>
    </row>
    <row r="430386" spans="8:8">
      <c r="H430386" s="12"/>
    </row>
    <row r="430387" spans="8:8">
      <c r="H430387" s="12"/>
    </row>
    <row r="430388" spans="8:8">
      <c r="H430388" s="12"/>
    </row>
    <row r="430389" spans="8:8">
      <c r="H430389" s="12"/>
    </row>
    <row r="430390" spans="8:8">
      <c r="H430390" s="12"/>
    </row>
    <row r="430391" spans="8:8">
      <c r="H430391" s="12"/>
    </row>
    <row r="430392" spans="8:8">
      <c r="H430392" s="12"/>
    </row>
    <row r="430393" spans="8:8">
      <c r="H430393" s="12"/>
    </row>
    <row r="430394" spans="8:8">
      <c r="H430394" s="12"/>
    </row>
    <row r="430395" spans="8:8">
      <c r="H430395" s="12"/>
    </row>
    <row r="430396" spans="8:8">
      <c r="H430396" s="12"/>
    </row>
    <row r="430397" spans="8:8">
      <c r="H430397" s="12"/>
    </row>
    <row r="430398" spans="8:8">
      <c r="H430398" s="12"/>
    </row>
    <row r="430399" spans="8:8">
      <c r="H430399" s="12"/>
    </row>
    <row r="430400" spans="8:8">
      <c r="H430400" s="12"/>
    </row>
    <row r="430401" spans="8:8">
      <c r="H430401" s="12"/>
    </row>
    <row r="430402" spans="8:8">
      <c r="H430402" s="12"/>
    </row>
    <row r="430403" spans="8:8">
      <c r="H430403" s="12"/>
    </row>
    <row r="430404" spans="8:8">
      <c r="H430404" s="12"/>
    </row>
    <row r="430405" spans="8:8">
      <c r="H430405" s="12"/>
    </row>
    <row r="430406" spans="8:8">
      <c r="H430406" s="12"/>
    </row>
    <row r="430407" spans="8:8">
      <c r="H430407" s="12"/>
    </row>
    <row r="430408" spans="8:8">
      <c r="H430408" s="12"/>
    </row>
    <row r="430409" spans="8:8">
      <c r="H430409" s="12"/>
    </row>
    <row r="430410" spans="8:8">
      <c r="H430410" s="12"/>
    </row>
    <row r="430411" spans="8:8">
      <c r="H430411" s="12"/>
    </row>
    <row r="430412" spans="8:8">
      <c r="H430412" s="12"/>
    </row>
    <row r="430413" spans="8:8">
      <c r="H430413" s="12"/>
    </row>
    <row r="430414" spans="8:8">
      <c r="H430414" s="12"/>
    </row>
    <row r="430415" spans="8:8">
      <c r="H430415" s="12"/>
    </row>
    <row r="430416" spans="8:8">
      <c r="H430416" s="12"/>
    </row>
    <row r="430417" spans="8:8">
      <c r="H430417" s="12"/>
    </row>
    <row r="430418" spans="8:8">
      <c r="H430418" s="12"/>
    </row>
    <row r="430419" spans="8:8">
      <c r="H430419" s="12"/>
    </row>
    <row r="430420" spans="8:8">
      <c r="H430420" s="12"/>
    </row>
    <row r="430421" spans="8:8">
      <c r="H430421" s="12"/>
    </row>
    <row r="430422" spans="8:8">
      <c r="H430422" s="12"/>
    </row>
    <row r="430423" spans="8:8">
      <c r="H430423" s="12"/>
    </row>
    <row r="430424" spans="8:8">
      <c r="H430424" s="12"/>
    </row>
    <row r="430425" spans="8:8">
      <c r="H430425" s="12"/>
    </row>
    <row r="430426" spans="8:8">
      <c r="H430426" s="12"/>
    </row>
    <row r="430427" spans="8:8">
      <c r="H430427" s="12"/>
    </row>
    <row r="430428" spans="8:8">
      <c r="H430428" s="12"/>
    </row>
    <row r="430429" spans="8:8">
      <c r="H430429" s="12"/>
    </row>
    <row r="430430" spans="8:8">
      <c r="H430430" s="12"/>
    </row>
    <row r="430431" spans="8:8">
      <c r="H430431" s="12"/>
    </row>
    <row r="430432" spans="8:8">
      <c r="H430432" s="12"/>
    </row>
    <row r="430433" spans="8:8">
      <c r="H430433" s="12"/>
    </row>
    <row r="430434" spans="8:8">
      <c r="H430434" s="12"/>
    </row>
    <row r="430435" spans="8:8">
      <c r="H430435" s="12"/>
    </row>
    <row r="430436" spans="8:8">
      <c r="H430436" s="12"/>
    </row>
    <row r="430437" spans="8:8">
      <c r="H430437" s="12"/>
    </row>
    <row r="430438" spans="8:8">
      <c r="H430438" s="12"/>
    </row>
    <row r="430439" spans="8:8">
      <c r="H430439" s="12"/>
    </row>
    <row r="430440" spans="8:8">
      <c r="H430440" s="12"/>
    </row>
    <row r="430441" spans="8:8">
      <c r="H430441" s="12"/>
    </row>
    <row r="430442" spans="8:8">
      <c r="H430442" s="12"/>
    </row>
    <row r="430443" spans="8:8">
      <c r="H430443" s="12"/>
    </row>
    <row r="430444" spans="8:8">
      <c r="H430444" s="12"/>
    </row>
    <row r="430445" spans="8:8">
      <c r="H430445" s="12"/>
    </row>
    <row r="430446" spans="8:8">
      <c r="H430446" s="12"/>
    </row>
    <row r="430447" spans="8:8">
      <c r="H430447" s="12"/>
    </row>
    <row r="430448" spans="8:8">
      <c r="H430448" s="12"/>
    </row>
    <row r="430449" spans="8:8">
      <c r="H430449" s="12"/>
    </row>
    <row r="430450" spans="8:8">
      <c r="H430450" s="12"/>
    </row>
    <row r="430451" spans="8:8">
      <c r="H430451" s="12"/>
    </row>
    <row r="430452" spans="8:8">
      <c r="H430452" s="12"/>
    </row>
    <row r="430453" spans="8:8">
      <c r="H430453" s="12"/>
    </row>
    <row r="430454" spans="8:8">
      <c r="H430454" s="12"/>
    </row>
    <row r="430455" spans="8:8">
      <c r="H430455" s="12"/>
    </row>
    <row r="430456" spans="8:8">
      <c r="H430456" s="12"/>
    </row>
    <row r="430457" spans="8:8">
      <c r="H430457" s="12"/>
    </row>
    <row r="430458" spans="8:8">
      <c r="H430458" s="12"/>
    </row>
    <row r="430459" spans="8:8">
      <c r="H430459" s="12"/>
    </row>
    <row r="430460" spans="8:8">
      <c r="H430460" s="12"/>
    </row>
    <row r="430461" spans="8:8">
      <c r="H430461" s="12"/>
    </row>
    <row r="430462" spans="8:8">
      <c r="H430462" s="12"/>
    </row>
    <row r="430463" spans="8:8">
      <c r="H430463" s="12"/>
    </row>
    <row r="430464" spans="8:8">
      <c r="H430464" s="12"/>
    </row>
    <row r="430465" spans="8:8">
      <c r="H430465" s="12"/>
    </row>
    <row r="430466" spans="8:8">
      <c r="H430466" s="12"/>
    </row>
    <row r="430467" spans="8:8">
      <c r="H430467" s="12"/>
    </row>
    <row r="430468" spans="8:8">
      <c r="H430468" s="12"/>
    </row>
    <row r="430469" spans="8:8">
      <c r="H430469" s="12"/>
    </row>
    <row r="430470" spans="8:8">
      <c r="H430470" s="12"/>
    </row>
    <row r="430471" spans="8:8">
      <c r="H430471" s="12"/>
    </row>
    <row r="430472" spans="8:8">
      <c r="H430472" s="12"/>
    </row>
    <row r="430473" spans="8:8">
      <c r="H430473" s="12"/>
    </row>
    <row r="430474" spans="8:8">
      <c r="H430474" s="12"/>
    </row>
    <row r="430475" spans="8:8">
      <c r="H430475" s="12"/>
    </row>
    <row r="430476" spans="8:8">
      <c r="H430476" s="12"/>
    </row>
    <row r="430477" spans="8:8">
      <c r="H430477" s="12"/>
    </row>
    <row r="430478" spans="8:8">
      <c r="H430478" s="12"/>
    </row>
    <row r="430479" spans="8:8">
      <c r="H430479" s="12"/>
    </row>
    <row r="430480" spans="8:8">
      <c r="H430480" s="12"/>
    </row>
    <row r="430481" spans="8:8">
      <c r="H430481" s="12"/>
    </row>
    <row r="430482" spans="8:8">
      <c r="H430482" s="12"/>
    </row>
    <row r="430483" spans="8:8">
      <c r="H430483" s="12"/>
    </row>
    <row r="430484" spans="8:8">
      <c r="H430484" s="12"/>
    </row>
    <row r="430485" spans="8:8">
      <c r="H430485" s="12"/>
    </row>
    <row r="430486" spans="8:8">
      <c r="H430486" s="12"/>
    </row>
    <row r="430487" spans="8:8">
      <c r="H430487" s="12"/>
    </row>
    <row r="430488" spans="8:8">
      <c r="H430488" s="12"/>
    </row>
    <row r="430489" spans="8:8">
      <c r="H430489" s="12"/>
    </row>
    <row r="430490" spans="8:8">
      <c r="H430490" s="12"/>
    </row>
    <row r="430491" spans="8:8">
      <c r="H430491" s="12"/>
    </row>
    <row r="430492" spans="8:8">
      <c r="H430492" s="12"/>
    </row>
    <row r="430493" spans="8:8">
      <c r="H430493" s="12"/>
    </row>
    <row r="430494" spans="8:8">
      <c r="H430494" s="12"/>
    </row>
    <row r="430495" spans="8:8">
      <c r="H430495" s="12"/>
    </row>
    <row r="430496" spans="8:8">
      <c r="H430496" s="12"/>
    </row>
    <row r="430497" spans="8:8">
      <c r="H430497" s="12"/>
    </row>
    <row r="430498" spans="8:8">
      <c r="H430498" s="12"/>
    </row>
    <row r="430499" spans="8:8">
      <c r="H430499" s="12"/>
    </row>
    <row r="430500" spans="8:8">
      <c r="H430500" s="12"/>
    </row>
    <row r="430501" spans="8:8">
      <c r="H430501" s="12"/>
    </row>
    <row r="430502" spans="8:8">
      <c r="H430502" s="12"/>
    </row>
    <row r="430503" spans="8:8">
      <c r="H430503" s="12"/>
    </row>
    <row r="430504" spans="8:8">
      <c r="H430504" s="12"/>
    </row>
    <row r="430505" spans="8:8">
      <c r="H430505" s="12"/>
    </row>
    <row r="430506" spans="8:8">
      <c r="H430506" s="12"/>
    </row>
    <row r="430507" spans="8:8">
      <c r="H430507" s="12"/>
    </row>
    <row r="430508" spans="8:8">
      <c r="H430508" s="12"/>
    </row>
    <row r="430509" spans="8:8">
      <c r="H430509" s="12"/>
    </row>
    <row r="430510" spans="8:8">
      <c r="H430510" s="12"/>
    </row>
    <row r="430511" spans="8:8">
      <c r="H430511" s="12"/>
    </row>
    <row r="430512" spans="8:8">
      <c r="H430512" s="12"/>
    </row>
    <row r="430513" spans="8:8">
      <c r="H430513" s="12"/>
    </row>
    <row r="430514" spans="8:8">
      <c r="H430514" s="12"/>
    </row>
    <row r="430515" spans="8:8">
      <c r="H430515" s="12"/>
    </row>
    <row r="430516" spans="8:8">
      <c r="H430516" s="12"/>
    </row>
    <row r="430517" spans="8:8">
      <c r="H430517" s="12"/>
    </row>
    <row r="430518" spans="8:8">
      <c r="H430518" s="12"/>
    </row>
    <row r="430519" spans="8:8">
      <c r="H430519" s="12"/>
    </row>
    <row r="430520" spans="8:8">
      <c r="H430520" s="12"/>
    </row>
    <row r="430521" spans="8:8">
      <c r="H430521" s="12"/>
    </row>
    <row r="430522" spans="8:8">
      <c r="H430522" s="12"/>
    </row>
    <row r="430523" spans="8:8">
      <c r="H430523" s="12"/>
    </row>
    <row r="430524" spans="8:8">
      <c r="H430524" s="12"/>
    </row>
    <row r="430525" spans="8:8">
      <c r="H430525" s="12"/>
    </row>
    <row r="430526" spans="8:8">
      <c r="H430526" s="12"/>
    </row>
    <row r="430527" spans="8:8">
      <c r="H430527" s="12"/>
    </row>
    <row r="430528" spans="8:8">
      <c r="H430528" s="12"/>
    </row>
    <row r="430529" spans="8:8">
      <c r="H430529" s="12"/>
    </row>
    <row r="430530" spans="8:8">
      <c r="H430530" s="12"/>
    </row>
    <row r="430531" spans="8:8">
      <c r="H430531" s="12"/>
    </row>
    <row r="430532" spans="8:8">
      <c r="H430532" s="12"/>
    </row>
    <row r="430533" spans="8:8">
      <c r="H430533" s="12"/>
    </row>
    <row r="430534" spans="8:8">
      <c r="H430534" s="12"/>
    </row>
    <row r="430535" spans="8:8">
      <c r="H430535" s="12"/>
    </row>
    <row r="430536" spans="8:8">
      <c r="H430536" s="12"/>
    </row>
    <row r="430537" spans="8:8">
      <c r="H430537" s="12"/>
    </row>
    <row r="430538" spans="8:8">
      <c r="H430538" s="12"/>
    </row>
    <row r="430539" spans="8:8">
      <c r="H430539" s="12"/>
    </row>
    <row r="430540" spans="8:8">
      <c r="H430540" s="12"/>
    </row>
    <row r="430541" spans="8:8">
      <c r="H430541" s="12"/>
    </row>
    <row r="430542" spans="8:8">
      <c r="H430542" s="12"/>
    </row>
    <row r="430543" spans="8:8">
      <c r="H430543" s="12"/>
    </row>
    <row r="430544" spans="8:8">
      <c r="H430544" s="12"/>
    </row>
    <row r="430545" spans="8:8">
      <c r="H430545" s="12"/>
    </row>
    <row r="430546" spans="8:8">
      <c r="H430546" s="12"/>
    </row>
    <row r="430547" spans="8:8">
      <c r="H430547" s="12"/>
    </row>
    <row r="430548" spans="8:8">
      <c r="H430548" s="12"/>
    </row>
    <row r="430549" spans="8:8">
      <c r="H430549" s="12"/>
    </row>
    <row r="430550" spans="8:8">
      <c r="H430550" s="12"/>
    </row>
    <row r="430551" spans="8:8">
      <c r="H430551" s="12"/>
    </row>
    <row r="430552" spans="8:8">
      <c r="H430552" s="12"/>
    </row>
    <row r="430553" spans="8:8">
      <c r="H430553" s="12"/>
    </row>
    <row r="430554" spans="8:8">
      <c r="H430554" s="12"/>
    </row>
    <row r="430555" spans="8:8">
      <c r="H430555" s="12"/>
    </row>
    <row r="430556" spans="8:8">
      <c r="H430556" s="12"/>
    </row>
    <row r="430557" spans="8:8">
      <c r="H430557" s="12"/>
    </row>
    <row r="430558" spans="8:8">
      <c r="H430558" s="12"/>
    </row>
    <row r="430559" spans="8:8">
      <c r="H430559" s="12"/>
    </row>
    <row r="430560" spans="8:8">
      <c r="H430560" s="12"/>
    </row>
    <row r="430561" spans="8:8">
      <c r="H430561" s="12"/>
    </row>
    <row r="430562" spans="8:8">
      <c r="H430562" s="12"/>
    </row>
    <row r="430563" spans="8:8">
      <c r="H430563" s="12"/>
    </row>
    <row r="430564" spans="8:8">
      <c r="H430564" s="12"/>
    </row>
    <row r="430565" spans="8:8">
      <c r="H430565" s="12"/>
    </row>
    <row r="430566" spans="8:8">
      <c r="H430566" s="12"/>
    </row>
    <row r="430567" spans="8:8">
      <c r="H430567" s="12"/>
    </row>
    <row r="430568" spans="8:8">
      <c r="H430568" s="12"/>
    </row>
    <row r="430569" spans="8:8">
      <c r="H430569" s="12"/>
    </row>
    <row r="430570" spans="8:8">
      <c r="H430570" s="12"/>
    </row>
    <row r="430571" spans="8:8">
      <c r="H430571" s="12"/>
    </row>
    <row r="430572" spans="8:8">
      <c r="H430572" s="12"/>
    </row>
    <row r="430573" spans="8:8">
      <c r="H430573" s="12"/>
    </row>
    <row r="430574" spans="8:8">
      <c r="H430574" s="12"/>
    </row>
    <row r="430575" spans="8:8">
      <c r="H430575" s="12"/>
    </row>
    <row r="430576" spans="8:8">
      <c r="H430576" s="12"/>
    </row>
    <row r="430577" spans="8:8">
      <c r="H430577" s="12"/>
    </row>
    <row r="430578" spans="8:8">
      <c r="H430578" s="12"/>
    </row>
    <row r="430579" spans="8:8">
      <c r="H430579" s="12"/>
    </row>
    <row r="430580" spans="8:8">
      <c r="H430580" s="12"/>
    </row>
    <row r="430581" spans="8:8">
      <c r="H430581" s="12"/>
    </row>
    <row r="430582" spans="8:8">
      <c r="H430582" s="12"/>
    </row>
    <row r="430583" spans="8:8">
      <c r="H430583" s="12"/>
    </row>
    <row r="430584" spans="8:8">
      <c r="H430584" s="12"/>
    </row>
    <row r="430585" spans="8:8">
      <c r="H430585" s="12"/>
    </row>
    <row r="430586" spans="8:8">
      <c r="H430586" s="12"/>
    </row>
    <row r="430587" spans="8:8">
      <c r="H430587" s="12"/>
    </row>
    <row r="430588" spans="8:8">
      <c r="H430588" s="12"/>
    </row>
    <row r="430589" spans="8:8">
      <c r="H430589" s="12"/>
    </row>
    <row r="430590" spans="8:8">
      <c r="H430590" s="12"/>
    </row>
    <row r="430591" spans="8:8">
      <c r="H430591" s="12"/>
    </row>
    <row r="430592" spans="8:8">
      <c r="H430592" s="12"/>
    </row>
    <row r="430593" spans="8:8">
      <c r="H430593" s="12"/>
    </row>
    <row r="430594" spans="8:8">
      <c r="H430594" s="12"/>
    </row>
    <row r="430595" spans="8:8">
      <c r="H430595" s="12"/>
    </row>
    <row r="430596" spans="8:8">
      <c r="H430596" s="12"/>
    </row>
    <row r="430597" spans="8:8">
      <c r="H430597" s="12"/>
    </row>
    <row r="430598" spans="8:8">
      <c r="H430598" s="12"/>
    </row>
    <row r="430599" spans="8:8">
      <c r="H430599" s="12"/>
    </row>
    <row r="430600" spans="8:8">
      <c r="H430600" s="12"/>
    </row>
    <row r="430601" spans="8:8">
      <c r="H430601" s="12"/>
    </row>
    <row r="430602" spans="8:8">
      <c r="H430602" s="12"/>
    </row>
    <row r="430603" spans="8:8">
      <c r="H430603" s="12"/>
    </row>
    <row r="430604" spans="8:8">
      <c r="H430604" s="12"/>
    </row>
    <row r="430605" spans="8:8">
      <c r="H430605" s="12"/>
    </row>
    <row r="430606" spans="8:8">
      <c r="H430606" s="12"/>
    </row>
    <row r="430607" spans="8:8">
      <c r="H430607" s="12"/>
    </row>
    <row r="430608" spans="8:8">
      <c r="H430608" s="12"/>
    </row>
    <row r="430609" spans="8:8">
      <c r="H430609" s="12"/>
    </row>
    <row r="430610" spans="8:8">
      <c r="H430610" s="12"/>
    </row>
    <row r="430611" spans="8:8">
      <c r="H430611" s="12"/>
    </row>
    <row r="430612" spans="8:8">
      <c r="H430612" s="12"/>
    </row>
    <row r="430613" spans="8:8">
      <c r="H430613" s="12"/>
    </row>
    <row r="430614" spans="8:8">
      <c r="H430614" s="12"/>
    </row>
    <row r="430615" spans="8:8">
      <c r="H430615" s="12"/>
    </row>
    <row r="430616" spans="8:8">
      <c r="H430616" s="12"/>
    </row>
    <row r="430617" spans="8:8">
      <c r="H430617" s="12"/>
    </row>
    <row r="430618" spans="8:8">
      <c r="H430618" s="12"/>
    </row>
    <row r="430619" spans="8:8">
      <c r="H430619" s="12"/>
    </row>
    <row r="430620" spans="8:8">
      <c r="H430620" s="12"/>
    </row>
    <row r="430621" spans="8:8">
      <c r="H430621" s="12"/>
    </row>
    <row r="430622" spans="8:8">
      <c r="H430622" s="12"/>
    </row>
    <row r="430623" spans="8:8">
      <c r="H430623" s="12"/>
    </row>
    <row r="430624" spans="8:8">
      <c r="H430624" s="12"/>
    </row>
    <row r="430625" spans="8:8">
      <c r="H430625" s="12"/>
    </row>
    <row r="430626" spans="8:8">
      <c r="H430626" s="12"/>
    </row>
    <row r="430627" spans="8:8">
      <c r="H430627" s="12"/>
    </row>
    <row r="430628" spans="8:8">
      <c r="H430628" s="12"/>
    </row>
    <row r="430629" spans="8:8">
      <c r="H430629" s="12"/>
    </row>
    <row r="430630" spans="8:8">
      <c r="H430630" s="12"/>
    </row>
    <row r="430631" spans="8:8">
      <c r="H430631" s="12"/>
    </row>
    <row r="430632" spans="8:8">
      <c r="H430632" s="12"/>
    </row>
    <row r="430633" spans="8:8">
      <c r="H430633" s="12"/>
    </row>
    <row r="430634" spans="8:8">
      <c r="H430634" s="12"/>
    </row>
    <row r="430635" spans="8:8">
      <c r="H430635" s="12"/>
    </row>
    <row r="430636" spans="8:8">
      <c r="H430636" s="12"/>
    </row>
    <row r="430637" spans="8:8">
      <c r="H430637" s="12"/>
    </row>
    <row r="430638" spans="8:8">
      <c r="H430638" s="12"/>
    </row>
    <row r="430639" spans="8:8">
      <c r="H430639" s="12"/>
    </row>
    <row r="430640" spans="8:8">
      <c r="H430640" s="12"/>
    </row>
    <row r="430641" spans="8:8">
      <c r="H430641" s="12"/>
    </row>
    <row r="430642" spans="8:8">
      <c r="H430642" s="12"/>
    </row>
    <row r="430643" spans="8:8">
      <c r="H430643" s="12"/>
    </row>
    <row r="430644" spans="8:8">
      <c r="H430644" s="12"/>
    </row>
    <row r="430645" spans="8:8">
      <c r="H430645" s="12"/>
    </row>
    <row r="430646" spans="8:8">
      <c r="H430646" s="12"/>
    </row>
    <row r="430647" spans="8:8">
      <c r="H430647" s="12"/>
    </row>
    <row r="430648" spans="8:8">
      <c r="H430648" s="12"/>
    </row>
    <row r="430649" spans="8:8">
      <c r="H430649" s="12"/>
    </row>
    <row r="430650" spans="8:8">
      <c r="H430650" s="12"/>
    </row>
    <row r="430651" spans="8:8">
      <c r="H430651" s="12"/>
    </row>
    <row r="430652" spans="8:8">
      <c r="H430652" s="12"/>
    </row>
    <row r="430653" spans="8:8">
      <c r="H430653" s="12"/>
    </row>
    <row r="430654" spans="8:8">
      <c r="H430654" s="12"/>
    </row>
    <row r="430655" spans="8:8">
      <c r="H430655" s="12"/>
    </row>
    <row r="430656" spans="8:8">
      <c r="H430656" s="12"/>
    </row>
    <row r="430657" spans="8:8">
      <c r="H430657" s="12"/>
    </row>
    <row r="430658" spans="8:8">
      <c r="H430658" s="12"/>
    </row>
    <row r="430659" spans="8:8">
      <c r="H430659" s="12"/>
    </row>
    <row r="430660" spans="8:8">
      <c r="H430660" s="12"/>
    </row>
    <row r="430661" spans="8:8">
      <c r="H430661" s="12"/>
    </row>
    <row r="430662" spans="8:8">
      <c r="H430662" s="12"/>
    </row>
    <row r="430663" spans="8:8">
      <c r="H430663" s="12"/>
    </row>
    <row r="430664" spans="8:8">
      <c r="H430664" s="12"/>
    </row>
    <row r="430665" spans="8:8">
      <c r="H430665" s="12"/>
    </row>
    <row r="430666" spans="8:8">
      <c r="H430666" s="12"/>
    </row>
    <row r="430667" spans="8:8">
      <c r="H430667" s="12"/>
    </row>
    <row r="430668" spans="8:8">
      <c r="H430668" s="12"/>
    </row>
    <row r="430669" spans="8:8">
      <c r="H430669" s="12"/>
    </row>
    <row r="430670" spans="8:8">
      <c r="H430670" s="12"/>
    </row>
    <row r="430671" spans="8:8">
      <c r="H430671" s="12"/>
    </row>
    <row r="430672" spans="8:8">
      <c r="H430672" s="12"/>
    </row>
    <row r="430673" spans="8:8">
      <c r="H430673" s="12"/>
    </row>
    <row r="430674" spans="8:8">
      <c r="H430674" s="12"/>
    </row>
    <row r="430675" spans="8:8">
      <c r="H430675" s="12"/>
    </row>
    <row r="430676" spans="8:8">
      <c r="H430676" s="12"/>
    </row>
    <row r="430677" spans="8:8">
      <c r="H430677" s="12"/>
    </row>
    <row r="430678" spans="8:8">
      <c r="H430678" s="12"/>
    </row>
    <row r="430679" spans="8:8">
      <c r="H430679" s="12"/>
    </row>
    <row r="430680" spans="8:8">
      <c r="H430680" s="12"/>
    </row>
    <row r="430681" spans="8:8">
      <c r="H430681" s="12"/>
    </row>
    <row r="430682" spans="8:8">
      <c r="H430682" s="12"/>
    </row>
    <row r="430683" spans="8:8">
      <c r="H430683" s="12"/>
    </row>
    <row r="430684" spans="8:8">
      <c r="H430684" s="12"/>
    </row>
    <row r="430685" spans="8:8">
      <c r="H430685" s="12"/>
    </row>
    <row r="430686" spans="8:8">
      <c r="H430686" s="12"/>
    </row>
    <row r="430687" spans="8:8">
      <c r="H430687" s="12"/>
    </row>
    <row r="430688" spans="8:8">
      <c r="H430688" s="12"/>
    </row>
    <row r="430689" spans="8:8">
      <c r="H430689" s="12"/>
    </row>
    <row r="430690" spans="8:8">
      <c r="H430690" s="12"/>
    </row>
    <row r="430691" spans="8:8">
      <c r="H430691" s="12"/>
    </row>
    <row r="430692" spans="8:8">
      <c r="H430692" s="12"/>
    </row>
    <row r="430693" spans="8:8">
      <c r="H430693" s="12"/>
    </row>
    <row r="430694" spans="8:8">
      <c r="H430694" s="12"/>
    </row>
    <row r="430695" spans="8:8">
      <c r="H430695" s="12"/>
    </row>
    <row r="430696" spans="8:8">
      <c r="H430696" s="12"/>
    </row>
    <row r="430697" spans="8:8">
      <c r="H430697" s="12"/>
    </row>
    <row r="430698" spans="8:8">
      <c r="H430698" s="12"/>
    </row>
    <row r="430699" spans="8:8">
      <c r="H430699" s="12"/>
    </row>
    <row r="430700" spans="8:8">
      <c r="H430700" s="12"/>
    </row>
    <row r="430701" spans="8:8">
      <c r="H430701" s="12"/>
    </row>
    <row r="430702" spans="8:8">
      <c r="H430702" s="12"/>
    </row>
    <row r="430703" spans="8:8">
      <c r="H430703" s="12"/>
    </row>
    <row r="430704" spans="8:8">
      <c r="H430704" s="12"/>
    </row>
    <row r="430705" spans="8:8">
      <c r="H430705" s="12"/>
    </row>
    <row r="430706" spans="8:8">
      <c r="H430706" s="12"/>
    </row>
    <row r="430707" spans="8:8">
      <c r="H430707" s="12"/>
    </row>
    <row r="430708" spans="8:8">
      <c r="H430708" s="12"/>
    </row>
    <row r="430709" spans="8:8">
      <c r="H430709" s="12"/>
    </row>
    <row r="430710" spans="8:8">
      <c r="H430710" s="12"/>
    </row>
    <row r="430711" spans="8:8">
      <c r="H430711" s="12"/>
    </row>
    <row r="430712" spans="8:8">
      <c r="H430712" s="12"/>
    </row>
    <row r="430713" spans="8:8">
      <c r="H430713" s="12"/>
    </row>
    <row r="430714" spans="8:8">
      <c r="H430714" s="12"/>
    </row>
    <row r="430715" spans="8:8">
      <c r="H430715" s="12"/>
    </row>
    <row r="430716" spans="8:8">
      <c r="H430716" s="12"/>
    </row>
    <row r="430717" spans="8:8">
      <c r="H430717" s="12"/>
    </row>
    <row r="430718" spans="8:8">
      <c r="H430718" s="12"/>
    </row>
    <row r="430719" spans="8:8">
      <c r="H430719" s="12"/>
    </row>
    <row r="430720" spans="8:8">
      <c r="H430720" s="12"/>
    </row>
    <row r="430721" spans="8:8">
      <c r="H430721" s="12"/>
    </row>
    <row r="430722" spans="8:8">
      <c r="H430722" s="12"/>
    </row>
    <row r="430723" spans="8:8">
      <c r="H430723" s="12"/>
    </row>
    <row r="430724" spans="8:8">
      <c r="H430724" s="12"/>
    </row>
    <row r="430725" spans="8:8">
      <c r="H430725" s="12"/>
    </row>
    <row r="430726" spans="8:8">
      <c r="H430726" s="12"/>
    </row>
    <row r="430727" spans="8:8">
      <c r="H430727" s="12"/>
    </row>
    <row r="430728" spans="8:8">
      <c r="H430728" s="12"/>
    </row>
    <row r="430729" spans="8:8">
      <c r="H430729" s="12"/>
    </row>
    <row r="430730" spans="8:8">
      <c r="H430730" s="12"/>
    </row>
    <row r="430731" spans="8:8">
      <c r="H430731" s="12"/>
    </row>
    <row r="430732" spans="8:8">
      <c r="H430732" s="12"/>
    </row>
    <row r="430733" spans="8:8">
      <c r="H430733" s="12"/>
    </row>
    <row r="430734" spans="8:8">
      <c r="H430734" s="12"/>
    </row>
    <row r="430735" spans="8:8">
      <c r="H430735" s="12"/>
    </row>
    <row r="430736" spans="8:8">
      <c r="H430736" s="12"/>
    </row>
    <row r="430737" spans="8:8">
      <c r="H430737" s="12"/>
    </row>
    <row r="430738" spans="8:8">
      <c r="H430738" s="12"/>
    </row>
    <row r="430739" spans="8:8">
      <c r="H430739" s="12"/>
    </row>
    <row r="430740" spans="8:8">
      <c r="H430740" s="12"/>
    </row>
    <row r="430741" spans="8:8">
      <c r="H430741" s="12"/>
    </row>
    <row r="430742" spans="8:8">
      <c r="H430742" s="12"/>
    </row>
    <row r="430743" spans="8:8">
      <c r="H430743" s="12"/>
    </row>
    <row r="430744" spans="8:8">
      <c r="H430744" s="12"/>
    </row>
    <row r="430745" spans="8:8">
      <c r="H430745" s="12"/>
    </row>
    <row r="430746" spans="8:8">
      <c r="H430746" s="12"/>
    </row>
    <row r="430747" spans="8:8">
      <c r="H430747" s="12"/>
    </row>
    <row r="430748" spans="8:8">
      <c r="H430748" s="12"/>
    </row>
    <row r="430749" spans="8:8">
      <c r="H430749" s="12"/>
    </row>
    <row r="430750" spans="8:8">
      <c r="H430750" s="12"/>
    </row>
    <row r="430751" spans="8:8">
      <c r="H430751" s="12"/>
    </row>
    <row r="430752" spans="8:8">
      <c r="H430752" s="12"/>
    </row>
    <row r="430753" spans="8:8">
      <c r="H430753" s="12"/>
    </row>
    <row r="430754" spans="8:8">
      <c r="H430754" s="12"/>
    </row>
    <row r="430755" spans="8:8">
      <c r="H430755" s="12"/>
    </row>
    <row r="430756" spans="8:8">
      <c r="H430756" s="12"/>
    </row>
    <row r="430757" spans="8:8">
      <c r="H430757" s="12"/>
    </row>
    <row r="430758" spans="8:8">
      <c r="H430758" s="12"/>
    </row>
    <row r="430759" spans="8:8">
      <c r="H430759" s="12"/>
    </row>
    <row r="430760" spans="8:8">
      <c r="H430760" s="12"/>
    </row>
    <row r="430761" spans="8:8">
      <c r="H430761" s="12"/>
    </row>
    <row r="430762" spans="8:8">
      <c r="H430762" s="12"/>
    </row>
    <row r="430763" spans="8:8">
      <c r="H430763" s="12"/>
    </row>
    <row r="430764" spans="8:8">
      <c r="H430764" s="12"/>
    </row>
    <row r="430765" spans="8:8">
      <c r="H430765" s="12"/>
    </row>
    <row r="430766" spans="8:8">
      <c r="H430766" s="12"/>
    </row>
    <row r="430767" spans="8:8">
      <c r="H430767" s="12"/>
    </row>
    <row r="430768" spans="8:8">
      <c r="H430768" s="12"/>
    </row>
    <row r="430769" spans="8:8">
      <c r="H430769" s="12"/>
    </row>
    <row r="430770" spans="8:8">
      <c r="H430770" s="12"/>
    </row>
    <row r="430771" spans="8:8">
      <c r="H430771" s="12"/>
    </row>
    <row r="430772" spans="8:8">
      <c r="H430772" s="12"/>
    </row>
    <row r="430773" spans="8:8">
      <c r="H430773" s="12"/>
    </row>
    <row r="430774" spans="8:8">
      <c r="H430774" s="12"/>
    </row>
    <row r="430775" spans="8:8">
      <c r="H430775" s="12"/>
    </row>
    <row r="430776" spans="8:8">
      <c r="H430776" s="12"/>
    </row>
    <row r="430777" spans="8:8">
      <c r="H430777" s="12"/>
    </row>
    <row r="430778" spans="8:8">
      <c r="H430778" s="12"/>
    </row>
    <row r="430779" spans="8:8">
      <c r="H430779" s="12"/>
    </row>
    <row r="430780" spans="8:8">
      <c r="H430780" s="12"/>
    </row>
    <row r="430781" spans="8:8">
      <c r="H430781" s="12"/>
    </row>
    <row r="430782" spans="8:8">
      <c r="H430782" s="12"/>
    </row>
    <row r="430783" spans="8:8">
      <c r="H430783" s="12"/>
    </row>
    <row r="430784" spans="8:8">
      <c r="H430784" s="12"/>
    </row>
    <row r="430785" spans="8:8">
      <c r="H430785" s="12"/>
    </row>
    <row r="430786" spans="8:8">
      <c r="H430786" s="12"/>
    </row>
    <row r="430787" spans="8:8">
      <c r="H430787" s="12"/>
    </row>
    <row r="430788" spans="8:8">
      <c r="H430788" s="12"/>
    </row>
    <row r="430789" spans="8:8">
      <c r="H430789" s="12"/>
    </row>
    <row r="430790" spans="8:8">
      <c r="H430790" s="12"/>
    </row>
    <row r="430791" spans="8:8">
      <c r="H430791" s="12"/>
    </row>
    <row r="430792" spans="8:8">
      <c r="H430792" s="12"/>
    </row>
    <row r="430793" spans="8:8">
      <c r="H430793" s="12"/>
    </row>
    <row r="430794" spans="8:8">
      <c r="H430794" s="12"/>
    </row>
    <row r="430795" spans="8:8">
      <c r="H430795" s="12"/>
    </row>
    <row r="430796" spans="8:8">
      <c r="H430796" s="12"/>
    </row>
    <row r="430797" spans="8:8">
      <c r="H430797" s="12"/>
    </row>
    <row r="430798" spans="8:8">
      <c r="H430798" s="12"/>
    </row>
    <row r="430799" spans="8:8">
      <c r="H430799" s="12"/>
    </row>
    <row r="430800" spans="8:8">
      <c r="H430800" s="12"/>
    </row>
    <row r="430801" spans="8:8">
      <c r="H430801" s="12"/>
    </row>
    <row r="430802" spans="8:8">
      <c r="H430802" s="12"/>
    </row>
    <row r="430803" spans="8:8">
      <c r="H430803" s="12"/>
    </row>
    <row r="430804" spans="8:8">
      <c r="H430804" s="12"/>
    </row>
    <row r="430805" spans="8:8">
      <c r="H430805" s="12"/>
    </row>
    <row r="430806" spans="8:8">
      <c r="H430806" s="12"/>
    </row>
    <row r="430807" spans="8:8">
      <c r="H430807" s="12"/>
    </row>
    <row r="430808" spans="8:8">
      <c r="H430808" s="12"/>
    </row>
    <row r="430809" spans="8:8">
      <c r="H430809" s="12"/>
    </row>
    <row r="430810" spans="8:8">
      <c r="H430810" s="12"/>
    </row>
    <row r="430811" spans="8:8">
      <c r="H430811" s="12"/>
    </row>
    <row r="430812" spans="8:8">
      <c r="H430812" s="12"/>
    </row>
    <row r="430813" spans="8:8">
      <c r="H430813" s="12"/>
    </row>
    <row r="430814" spans="8:8">
      <c r="H430814" s="12"/>
    </row>
    <row r="430815" spans="8:8">
      <c r="H430815" s="12"/>
    </row>
    <row r="430816" spans="8:8">
      <c r="H430816" s="12"/>
    </row>
    <row r="430817" spans="8:8">
      <c r="H430817" s="12"/>
    </row>
    <row r="430818" spans="8:8">
      <c r="H430818" s="12"/>
    </row>
    <row r="430819" spans="8:8">
      <c r="H430819" s="12"/>
    </row>
    <row r="430820" spans="8:8">
      <c r="H430820" s="12"/>
    </row>
    <row r="430821" spans="8:8">
      <c r="H430821" s="12"/>
    </row>
    <row r="430822" spans="8:8">
      <c r="H430822" s="12"/>
    </row>
    <row r="430823" spans="8:8">
      <c r="H430823" s="12"/>
    </row>
    <row r="430824" spans="8:8">
      <c r="H430824" s="12"/>
    </row>
    <row r="430825" spans="8:8">
      <c r="H430825" s="12"/>
    </row>
    <row r="430826" spans="8:8">
      <c r="H430826" s="12"/>
    </row>
    <row r="430827" spans="8:8">
      <c r="H430827" s="12"/>
    </row>
    <row r="430828" spans="8:8">
      <c r="H430828" s="12"/>
    </row>
    <row r="430829" spans="8:8">
      <c r="H430829" s="12"/>
    </row>
    <row r="430830" spans="8:8">
      <c r="H430830" s="12"/>
    </row>
    <row r="430831" spans="8:8">
      <c r="H430831" s="12"/>
    </row>
    <row r="430832" spans="8:8">
      <c r="H430832" s="12"/>
    </row>
    <row r="430833" spans="8:8">
      <c r="H430833" s="12"/>
    </row>
    <row r="430834" spans="8:8">
      <c r="H430834" s="12"/>
    </row>
    <row r="430835" spans="8:8">
      <c r="H430835" s="12"/>
    </row>
    <row r="430836" spans="8:8">
      <c r="H430836" s="12"/>
    </row>
    <row r="430837" spans="8:8">
      <c r="H430837" s="12"/>
    </row>
    <row r="430838" spans="8:8">
      <c r="H430838" s="12"/>
    </row>
    <row r="430839" spans="8:8">
      <c r="H430839" s="12"/>
    </row>
    <row r="430840" spans="8:8">
      <c r="H430840" s="12"/>
    </row>
    <row r="430841" spans="8:8">
      <c r="H430841" s="12"/>
    </row>
    <row r="430842" spans="8:8">
      <c r="H430842" s="12"/>
    </row>
    <row r="430843" spans="8:8">
      <c r="H430843" s="12"/>
    </row>
    <row r="430844" spans="8:8">
      <c r="H430844" s="12"/>
    </row>
    <row r="430845" spans="8:8">
      <c r="H430845" s="12"/>
    </row>
    <row r="430846" spans="8:8">
      <c r="H430846" s="12"/>
    </row>
    <row r="430847" spans="8:8">
      <c r="H430847" s="12"/>
    </row>
    <row r="430848" spans="8:8">
      <c r="H430848" s="12"/>
    </row>
    <row r="430849" spans="8:8">
      <c r="H430849" s="12"/>
    </row>
    <row r="430850" spans="8:8">
      <c r="H430850" s="12"/>
    </row>
    <row r="430851" spans="8:8">
      <c r="H430851" s="12"/>
    </row>
    <row r="430852" spans="8:8">
      <c r="H430852" s="12"/>
    </row>
    <row r="430853" spans="8:8">
      <c r="H430853" s="12"/>
    </row>
    <row r="430854" spans="8:8">
      <c r="H430854" s="12"/>
    </row>
    <row r="430855" spans="8:8">
      <c r="H430855" s="12"/>
    </row>
    <row r="430856" spans="8:8">
      <c r="H430856" s="12"/>
    </row>
    <row r="430857" spans="8:8">
      <c r="H430857" s="12"/>
    </row>
    <row r="430858" spans="8:8">
      <c r="H430858" s="12"/>
    </row>
    <row r="430859" spans="8:8">
      <c r="H430859" s="12"/>
    </row>
    <row r="430860" spans="8:8">
      <c r="H430860" s="12"/>
    </row>
    <row r="430861" spans="8:8">
      <c r="H430861" s="12"/>
    </row>
    <row r="430862" spans="8:8">
      <c r="H430862" s="12"/>
    </row>
    <row r="430863" spans="8:8">
      <c r="H430863" s="12"/>
    </row>
    <row r="430864" spans="8:8">
      <c r="H430864" s="12"/>
    </row>
    <row r="430865" spans="8:8">
      <c r="H430865" s="12"/>
    </row>
    <row r="430866" spans="8:8">
      <c r="H430866" s="12"/>
    </row>
    <row r="430867" spans="8:8">
      <c r="H430867" s="12"/>
    </row>
    <row r="430868" spans="8:8">
      <c r="H430868" s="12"/>
    </row>
    <row r="430869" spans="8:8">
      <c r="H430869" s="12"/>
    </row>
    <row r="430870" spans="8:8">
      <c r="H430870" s="12"/>
    </row>
    <row r="430871" spans="8:8">
      <c r="H430871" s="12"/>
    </row>
    <row r="430872" spans="8:8">
      <c r="H430872" s="12"/>
    </row>
    <row r="430873" spans="8:8">
      <c r="H430873" s="12"/>
    </row>
    <row r="430874" spans="8:8">
      <c r="H430874" s="12"/>
    </row>
    <row r="430875" spans="8:8">
      <c r="H430875" s="12"/>
    </row>
    <row r="430876" spans="8:8">
      <c r="H430876" s="12"/>
    </row>
    <row r="430877" spans="8:8">
      <c r="H430877" s="12"/>
    </row>
    <row r="430878" spans="8:8">
      <c r="H430878" s="12"/>
    </row>
    <row r="430879" spans="8:8">
      <c r="H430879" s="12"/>
    </row>
    <row r="430880" spans="8:8">
      <c r="H430880" s="12"/>
    </row>
    <row r="430881" spans="8:8">
      <c r="H430881" s="12"/>
    </row>
    <row r="430882" spans="8:8">
      <c r="H430882" s="12"/>
    </row>
    <row r="430883" spans="8:8">
      <c r="H430883" s="12"/>
    </row>
    <row r="430884" spans="8:8">
      <c r="H430884" s="12"/>
    </row>
    <row r="430885" spans="8:8">
      <c r="H430885" s="12"/>
    </row>
    <row r="430886" spans="8:8">
      <c r="H430886" s="12"/>
    </row>
    <row r="430887" spans="8:8">
      <c r="H430887" s="12"/>
    </row>
    <row r="430888" spans="8:8">
      <c r="H430888" s="12"/>
    </row>
    <row r="430889" spans="8:8">
      <c r="H430889" s="12"/>
    </row>
    <row r="430890" spans="8:8">
      <c r="H430890" s="12"/>
    </row>
    <row r="430891" spans="8:8">
      <c r="H430891" s="12"/>
    </row>
    <row r="430892" spans="8:8">
      <c r="H430892" s="12"/>
    </row>
    <row r="430893" spans="8:8">
      <c r="H430893" s="12"/>
    </row>
    <row r="430894" spans="8:8">
      <c r="H430894" s="12"/>
    </row>
    <row r="430895" spans="8:8">
      <c r="H430895" s="12"/>
    </row>
    <row r="430896" spans="8:8">
      <c r="H430896" s="12"/>
    </row>
    <row r="430897" spans="8:8">
      <c r="H430897" s="12"/>
    </row>
    <row r="430898" spans="8:8">
      <c r="H430898" s="12"/>
    </row>
    <row r="430899" spans="8:8">
      <c r="H430899" s="12"/>
    </row>
    <row r="430900" spans="8:8">
      <c r="H430900" s="12"/>
    </row>
    <row r="430901" spans="8:8">
      <c r="H430901" s="12"/>
    </row>
    <row r="430902" spans="8:8">
      <c r="H430902" s="12"/>
    </row>
    <row r="430903" spans="8:8">
      <c r="H430903" s="12"/>
    </row>
    <row r="430904" spans="8:8">
      <c r="H430904" s="12"/>
    </row>
    <row r="430905" spans="8:8">
      <c r="H430905" s="12"/>
    </row>
    <row r="430906" spans="8:8">
      <c r="H430906" s="12"/>
    </row>
    <row r="430907" spans="8:8">
      <c r="H430907" s="12"/>
    </row>
    <row r="430908" spans="8:8">
      <c r="H430908" s="12"/>
    </row>
    <row r="430909" spans="8:8">
      <c r="H430909" s="12"/>
    </row>
    <row r="430910" spans="8:8">
      <c r="H430910" s="12"/>
    </row>
    <row r="430911" spans="8:8">
      <c r="H430911" s="12"/>
    </row>
    <row r="430912" spans="8:8">
      <c r="H430912" s="12"/>
    </row>
    <row r="430913" spans="8:8">
      <c r="H430913" s="12"/>
    </row>
    <row r="430914" spans="8:8">
      <c r="H430914" s="12"/>
    </row>
    <row r="430915" spans="8:8">
      <c r="H430915" s="12"/>
    </row>
    <row r="430916" spans="8:8">
      <c r="H430916" s="12"/>
    </row>
    <row r="430917" spans="8:8">
      <c r="H430917" s="12"/>
    </row>
    <row r="430918" spans="8:8">
      <c r="H430918" s="12"/>
    </row>
    <row r="430919" spans="8:8">
      <c r="H430919" s="12"/>
    </row>
    <row r="430920" spans="8:8">
      <c r="H430920" s="12"/>
    </row>
    <row r="430921" spans="8:8">
      <c r="H430921" s="12"/>
    </row>
    <row r="430922" spans="8:8">
      <c r="H430922" s="12"/>
    </row>
    <row r="430923" spans="8:8">
      <c r="H430923" s="12"/>
    </row>
    <row r="430924" spans="8:8">
      <c r="H430924" s="12"/>
    </row>
    <row r="430925" spans="8:8">
      <c r="H430925" s="12"/>
    </row>
    <row r="430926" spans="8:8">
      <c r="H430926" s="12"/>
    </row>
    <row r="430927" spans="8:8">
      <c r="H430927" s="12"/>
    </row>
    <row r="430928" spans="8:8">
      <c r="H430928" s="12"/>
    </row>
    <row r="430929" spans="8:8">
      <c r="H430929" s="12"/>
    </row>
    <row r="430930" spans="8:8">
      <c r="H430930" s="12"/>
    </row>
    <row r="430931" spans="8:8">
      <c r="H430931" s="12"/>
    </row>
    <row r="430932" spans="8:8">
      <c r="H430932" s="12"/>
    </row>
    <row r="430933" spans="8:8">
      <c r="H430933" s="12"/>
    </row>
    <row r="430934" spans="8:8">
      <c r="H430934" s="12"/>
    </row>
    <row r="430935" spans="8:8">
      <c r="H430935" s="12"/>
    </row>
    <row r="430936" spans="8:8">
      <c r="H430936" s="12"/>
    </row>
    <row r="430937" spans="8:8">
      <c r="H430937" s="12"/>
    </row>
    <row r="430938" spans="8:8">
      <c r="H430938" s="12"/>
    </row>
    <row r="430939" spans="8:8">
      <c r="H430939" s="12"/>
    </row>
    <row r="430940" spans="8:8">
      <c r="H430940" s="12"/>
    </row>
    <row r="430941" spans="8:8">
      <c r="H430941" s="12"/>
    </row>
    <row r="430942" spans="8:8">
      <c r="H430942" s="12"/>
    </row>
    <row r="430943" spans="8:8">
      <c r="H430943" s="12"/>
    </row>
    <row r="430944" spans="8:8">
      <c r="H430944" s="12"/>
    </row>
    <row r="430945" spans="8:8">
      <c r="H430945" s="12"/>
    </row>
    <row r="430946" spans="8:8">
      <c r="H430946" s="12"/>
    </row>
    <row r="430947" spans="8:8">
      <c r="H430947" s="12"/>
    </row>
    <row r="430948" spans="8:8">
      <c r="H430948" s="12"/>
    </row>
    <row r="430949" spans="8:8">
      <c r="H430949" s="12"/>
    </row>
    <row r="430950" spans="8:8">
      <c r="H430950" s="12"/>
    </row>
    <row r="430951" spans="8:8">
      <c r="H430951" s="12"/>
    </row>
    <row r="430952" spans="8:8">
      <c r="H430952" s="12"/>
    </row>
    <row r="430953" spans="8:8">
      <c r="H430953" s="12"/>
    </row>
    <row r="430954" spans="8:8">
      <c r="H430954" s="12"/>
    </row>
    <row r="430955" spans="8:8">
      <c r="H430955" s="12"/>
    </row>
    <row r="430956" spans="8:8">
      <c r="H430956" s="12"/>
    </row>
    <row r="430957" spans="8:8">
      <c r="H430957" s="12"/>
    </row>
    <row r="430958" spans="8:8">
      <c r="H430958" s="12"/>
    </row>
    <row r="430959" spans="8:8">
      <c r="H430959" s="12"/>
    </row>
    <row r="430960" spans="8:8">
      <c r="H430960" s="12"/>
    </row>
    <row r="430961" spans="8:8">
      <c r="H430961" s="12"/>
    </row>
    <row r="430962" spans="8:8">
      <c r="H430962" s="12"/>
    </row>
    <row r="430963" spans="8:8">
      <c r="H430963" s="12"/>
    </row>
    <row r="430964" spans="8:8">
      <c r="H430964" s="12"/>
    </row>
    <row r="430965" spans="8:8">
      <c r="H430965" s="12"/>
    </row>
    <row r="430966" spans="8:8">
      <c r="H430966" s="12"/>
    </row>
    <row r="430967" spans="8:8">
      <c r="H430967" s="12"/>
    </row>
    <row r="430968" spans="8:8">
      <c r="H430968" s="12"/>
    </row>
    <row r="430969" spans="8:8">
      <c r="H430969" s="12"/>
    </row>
    <row r="430970" spans="8:8">
      <c r="H430970" s="12"/>
    </row>
    <row r="430971" spans="8:8">
      <c r="H430971" s="12"/>
    </row>
    <row r="430972" spans="8:8">
      <c r="H430972" s="12"/>
    </row>
    <row r="430973" spans="8:8">
      <c r="H430973" s="12"/>
    </row>
    <row r="430974" spans="8:8">
      <c r="H430974" s="12"/>
    </row>
    <row r="430975" spans="8:8">
      <c r="H430975" s="12"/>
    </row>
    <row r="430976" spans="8:8">
      <c r="H430976" s="12"/>
    </row>
    <row r="430977" spans="8:8">
      <c r="H430977" s="12"/>
    </row>
    <row r="430978" spans="8:8">
      <c r="H430978" s="12"/>
    </row>
    <row r="430979" spans="8:8">
      <c r="H430979" s="12"/>
    </row>
    <row r="430980" spans="8:8">
      <c r="H430980" s="12"/>
    </row>
    <row r="430981" spans="8:8">
      <c r="H430981" s="12"/>
    </row>
    <row r="430982" spans="8:8">
      <c r="H430982" s="12"/>
    </row>
    <row r="430983" spans="8:8">
      <c r="H430983" s="12"/>
    </row>
    <row r="430984" spans="8:8">
      <c r="H430984" s="12"/>
    </row>
    <row r="430985" spans="8:8">
      <c r="H430985" s="12"/>
    </row>
    <row r="430986" spans="8:8">
      <c r="H430986" s="12"/>
    </row>
    <row r="430987" spans="8:8">
      <c r="H430987" s="12"/>
    </row>
    <row r="430988" spans="8:8">
      <c r="H430988" s="12"/>
    </row>
    <row r="430989" spans="8:8">
      <c r="H430989" s="12"/>
    </row>
    <row r="430990" spans="8:8">
      <c r="H430990" s="12"/>
    </row>
    <row r="430991" spans="8:8">
      <c r="H430991" s="12"/>
    </row>
    <row r="430992" spans="8:8">
      <c r="H430992" s="12"/>
    </row>
    <row r="430993" spans="8:8">
      <c r="H430993" s="12"/>
    </row>
    <row r="430994" spans="8:8">
      <c r="H430994" s="12"/>
    </row>
    <row r="430995" spans="8:8">
      <c r="H430995" s="12"/>
    </row>
    <row r="430996" spans="8:8">
      <c r="H430996" s="12"/>
    </row>
    <row r="430997" spans="8:8">
      <c r="H430997" s="12"/>
    </row>
    <row r="430998" spans="8:8">
      <c r="H430998" s="12"/>
    </row>
    <row r="430999" spans="8:8">
      <c r="H430999" s="12"/>
    </row>
    <row r="431000" spans="8:8">
      <c r="H431000" s="12"/>
    </row>
    <row r="431001" spans="8:8">
      <c r="H431001" s="12"/>
    </row>
    <row r="431002" spans="8:8">
      <c r="H431002" s="12"/>
    </row>
    <row r="431003" spans="8:8">
      <c r="H431003" s="12"/>
    </row>
    <row r="431004" spans="8:8">
      <c r="H431004" s="12"/>
    </row>
    <row r="431005" spans="8:8">
      <c r="H431005" s="12"/>
    </row>
    <row r="431006" spans="8:8">
      <c r="H431006" s="12"/>
    </row>
    <row r="431007" spans="8:8">
      <c r="H431007" s="12"/>
    </row>
    <row r="431008" spans="8:8">
      <c r="H431008" s="12"/>
    </row>
    <row r="431009" spans="8:8">
      <c r="H431009" s="12"/>
    </row>
    <row r="431010" spans="8:8">
      <c r="H431010" s="12"/>
    </row>
    <row r="431011" spans="8:8">
      <c r="H431011" s="12"/>
    </row>
    <row r="431012" spans="8:8">
      <c r="H431012" s="12"/>
    </row>
    <row r="431013" spans="8:8">
      <c r="H431013" s="12"/>
    </row>
    <row r="431014" spans="8:8">
      <c r="H431014" s="12"/>
    </row>
    <row r="431015" spans="8:8">
      <c r="H431015" s="12"/>
    </row>
    <row r="431016" spans="8:8">
      <c r="H431016" s="12"/>
    </row>
    <row r="431017" spans="8:8">
      <c r="H431017" s="12"/>
    </row>
    <row r="431018" spans="8:8">
      <c r="H431018" s="12"/>
    </row>
    <row r="431019" spans="8:8">
      <c r="H431019" s="12"/>
    </row>
    <row r="431020" spans="8:8">
      <c r="H431020" s="12"/>
    </row>
    <row r="431021" spans="8:8">
      <c r="H431021" s="12"/>
    </row>
    <row r="431022" spans="8:8">
      <c r="H431022" s="12"/>
    </row>
    <row r="431023" spans="8:8">
      <c r="H431023" s="12"/>
    </row>
    <row r="431024" spans="8:8">
      <c r="H431024" s="12"/>
    </row>
    <row r="431025" spans="8:8">
      <c r="H431025" s="12"/>
    </row>
    <row r="431026" spans="8:8">
      <c r="H431026" s="12"/>
    </row>
    <row r="431027" spans="8:8">
      <c r="H431027" s="12"/>
    </row>
    <row r="431028" spans="8:8">
      <c r="H431028" s="12"/>
    </row>
    <row r="431029" spans="8:8">
      <c r="H431029" s="12"/>
    </row>
    <row r="431030" spans="8:8">
      <c r="H431030" s="12"/>
    </row>
    <row r="431031" spans="8:8">
      <c r="H431031" s="12"/>
    </row>
    <row r="431032" spans="8:8">
      <c r="H431032" s="12"/>
    </row>
    <row r="431033" spans="8:8">
      <c r="H431033" s="12"/>
    </row>
    <row r="431034" spans="8:8">
      <c r="H431034" s="12"/>
    </row>
    <row r="431035" spans="8:8">
      <c r="H431035" s="12"/>
    </row>
    <row r="431036" spans="8:8">
      <c r="H431036" s="12"/>
    </row>
    <row r="431037" spans="8:8">
      <c r="H431037" s="12"/>
    </row>
    <row r="431038" spans="8:8">
      <c r="H431038" s="12"/>
    </row>
    <row r="431039" spans="8:8">
      <c r="H431039" s="12"/>
    </row>
    <row r="431040" spans="8:8">
      <c r="H431040" s="12"/>
    </row>
    <row r="431041" spans="8:8">
      <c r="H431041" s="12"/>
    </row>
    <row r="431042" spans="8:8">
      <c r="H431042" s="12"/>
    </row>
    <row r="431043" spans="8:8">
      <c r="H431043" s="12"/>
    </row>
    <row r="431044" spans="8:8">
      <c r="H431044" s="12"/>
    </row>
    <row r="431045" spans="8:8">
      <c r="H431045" s="12"/>
    </row>
    <row r="431046" spans="8:8">
      <c r="H431046" s="12"/>
    </row>
    <row r="431047" spans="8:8">
      <c r="H431047" s="12"/>
    </row>
    <row r="431048" spans="8:8">
      <c r="H431048" s="12"/>
    </row>
    <row r="431049" spans="8:8">
      <c r="H431049" s="12"/>
    </row>
    <row r="431050" spans="8:8">
      <c r="H431050" s="12"/>
    </row>
    <row r="431051" spans="8:8">
      <c r="H431051" s="12"/>
    </row>
    <row r="431052" spans="8:8">
      <c r="H431052" s="12"/>
    </row>
    <row r="431053" spans="8:8">
      <c r="H431053" s="12"/>
    </row>
    <row r="431054" spans="8:8">
      <c r="H431054" s="12"/>
    </row>
    <row r="431055" spans="8:8">
      <c r="H431055" s="12"/>
    </row>
    <row r="431056" spans="8:8">
      <c r="H431056" s="12"/>
    </row>
    <row r="431057" spans="8:8">
      <c r="H431057" s="12"/>
    </row>
    <row r="431058" spans="8:8">
      <c r="H431058" s="12"/>
    </row>
    <row r="431059" spans="8:8">
      <c r="H431059" s="12"/>
    </row>
    <row r="431060" spans="8:8">
      <c r="H431060" s="12"/>
    </row>
    <row r="431061" spans="8:8">
      <c r="H431061" s="12"/>
    </row>
    <row r="431062" spans="8:8">
      <c r="H431062" s="12"/>
    </row>
    <row r="431063" spans="8:8">
      <c r="H431063" s="12"/>
    </row>
    <row r="431064" spans="8:8">
      <c r="H431064" s="12"/>
    </row>
    <row r="431065" spans="8:8">
      <c r="H431065" s="12"/>
    </row>
    <row r="431066" spans="8:8">
      <c r="H431066" s="12"/>
    </row>
    <row r="431067" spans="8:8">
      <c r="H431067" s="12"/>
    </row>
    <row r="431068" spans="8:8">
      <c r="H431068" s="12"/>
    </row>
    <row r="431069" spans="8:8">
      <c r="H431069" s="12"/>
    </row>
    <row r="431070" spans="8:8">
      <c r="H431070" s="12"/>
    </row>
    <row r="431071" spans="8:8">
      <c r="H431071" s="12"/>
    </row>
    <row r="431072" spans="8:8">
      <c r="H431072" s="12"/>
    </row>
    <row r="431073" spans="8:8">
      <c r="H431073" s="12"/>
    </row>
    <row r="431074" spans="8:8">
      <c r="H431074" s="12"/>
    </row>
    <row r="431075" spans="8:8">
      <c r="H431075" s="12"/>
    </row>
    <row r="431076" spans="8:8">
      <c r="H431076" s="12"/>
    </row>
    <row r="431077" spans="8:8">
      <c r="H431077" s="12"/>
    </row>
    <row r="431078" spans="8:8">
      <c r="H431078" s="12"/>
    </row>
    <row r="431079" spans="8:8">
      <c r="H431079" s="12"/>
    </row>
    <row r="431080" spans="8:8">
      <c r="H431080" s="12"/>
    </row>
    <row r="431081" spans="8:8">
      <c r="H431081" s="12"/>
    </row>
    <row r="431082" spans="8:8">
      <c r="H431082" s="12"/>
    </row>
    <row r="431083" spans="8:8">
      <c r="H431083" s="12"/>
    </row>
    <row r="431084" spans="8:8">
      <c r="H431084" s="12"/>
    </row>
    <row r="431085" spans="8:8">
      <c r="H431085" s="12"/>
    </row>
    <row r="431086" spans="8:8">
      <c r="H431086" s="12"/>
    </row>
    <row r="431087" spans="8:8">
      <c r="H431087" s="12"/>
    </row>
    <row r="431088" spans="8:8">
      <c r="H431088" s="12"/>
    </row>
    <row r="431089" spans="8:8">
      <c r="H431089" s="12"/>
    </row>
    <row r="431090" spans="8:8">
      <c r="H431090" s="12"/>
    </row>
    <row r="431091" spans="8:8">
      <c r="H431091" s="12"/>
    </row>
    <row r="431092" spans="8:8">
      <c r="H431092" s="12"/>
    </row>
    <row r="431093" spans="8:8">
      <c r="H431093" s="12"/>
    </row>
    <row r="431094" spans="8:8">
      <c r="H431094" s="12"/>
    </row>
    <row r="431095" spans="8:8">
      <c r="H431095" s="12"/>
    </row>
    <row r="431096" spans="8:8">
      <c r="H431096" s="12"/>
    </row>
    <row r="431097" spans="8:8">
      <c r="H431097" s="12"/>
    </row>
    <row r="431098" spans="8:8">
      <c r="H431098" s="12"/>
    </row>
    <row r="431099" spans="8:8">
      <c r="H431099" s="12"/>
    </row>
    <row r="431100" spans="8:8">
      <c r="H431100" s="12"/>
    </row>
    <row r="431101" spans="8:8">
      <c r="H431101" s="12"/>
    </row>
    <row r="431102" spans="8:8">
      <c r="H431102" s="12"/>
    </row>
    <row r="431103" spans="8:8">
      <c r="H431103" s="12"/>
    </row>
    <row r="431104" spans="8:8">
      <c r="H431104" s="12"/>
    </row>
    <row r="431105" spans="8:8">
      <c r="H431105" s="12"/>
    </row>
    <row r="431106" spans="8:8">
      <c r="H431106" s="12"/>
    </row>
    <row r="431107" spans="8:8">
      <c r="H431107" s="12"/>
    </row>
    <row r="431108" spans="8:8">
      <c r="H431108" s="12"/>
    </row>
    <row r="431109" spans="8:8">
      <c r="H431109" s="12"/>
    </row>
    <row r="431110" spans="8:8">
      <c r="H431110" s="12"/>
    </row>
    <row r="431111" spans="8:8">
      <c r="H431111" s="12"/>
    </row>
    <row r="431112" spans="8:8">
      <c r="H431112" s="12"/>
    </row>
    <row r="431113" spans="8:8">
      <c r="H431113" s="12"/>
    </row>
    <row r="431114" spans="8:8">
      <c r="H431114" s="12"/>
    </row>
    <row r="431115" spans="8:8">
      <c r="H431115" s="12"/>
    </row>
    <row r="431116" spans="8:8">
      <c r="H431116" s="12"/>
    </row>
    <row r="431117" spans="8:8">
      <c r="H431117" s="12"/>
    </row>
    <row r="431118" spans="8:8">
      <c r="H431118" s="12"/>
    </row>
    <row r="431119" spans="8:8">
      <c r="H431119" s="12"/>
    </row>
    <row r="431120" spans="8:8">
      <c r="H431120" s="12"/>
    </row>
    <row r="431121" spans="8:8">
      <c r="H431121" s="12"/>
    </row>
    <row r="431122" spans="8:8">
      <c r="H431122" s="12"/>
    </row>
    <row r="431123" spans="8:8">
      <c r="H431123" s="12"/>
    </row>
    <row r="431124" spans="8:8">
      <c r="H431124" s="12"/>
    </row>
    <row r="431125" spans="8:8">
      <c r="H431125" s="12"/>
    </row>
    <row r="431126" spans="8:8">
      <c r="H431126" s="12"/>
    </row>
    <row r="431127" spans="8:8">
      <c r="H431127" s="12"/>
    </row>
    <row r="431128" spans="8:8">
      <c r="H431128" s="12"/>
    </row>
    <row r="431129" spans="8:8">
      <c r="H431129" s="12"/>
    </row>
    <row r="431130" spans="8:8">
      <c r="H431130" s="12"/>
    </row>
    <row r="431131" spans="8:8">
      <c r="H431131" s="12"/>
    </row>
    <row r="431132" spans="8:8">
      <c r="H431132" s="12"/>
    </row>
    <row r="431133" spans="8:8">
      <c r="H431133" s="12"/>
    </row>
    <row r="431134" spans="8:8">
      <c r="H431134" s="12"/>
    </row>
    <row r="431135" spans="8:8">
      <c r="H431135" s="12"/>
    </row>
    <row r="431136" spans="8:8">
      <c r="H431136" s="12"/>
    </row>
    <row r="431137" spans="8:8">
      <c r="H431137" s="12"/>
    </row>
    <row r="431138" spans="8:8">
      <c r="H431138" s="12"/>
    </row>
    <row r="431139" spans="8:8">
      <c r="H431139" s="12"/>
    </row>
    <row r="431140" spans="8:8">
      <c r="H431140" s="12"/>
    </row>
    <row r="431141" spans="8:8">
      <c r="H431141" s="12"/>
    </row>
    <row r="431142" spans="8:8">
      <c r="H431142" s="12"/>
    </row>
    <row r="431143" spans="8:8">
      <c r="H431143" s="12"/>
    </row>
    <row r="431144" spans="8:8">
      <c r="H431144" s="12"/>
    </row>
    <row r="431145" spans="8:8">
      <c r="H431145" s="12"/>
    </row>
    <row r="431146" spans="8:8">
      <c r="H431146" s="12"/>
    </row>
    <row r="431147" spans="8:8">
      <c r="H431147" s="12"/>
    </row>
    <row r="431148" spans="8:8">
      <c r="H431148" s="12"/>
    </row>
    <row r="431149" spans="8:8">
      <c r="H431149" s="12"/>
    </row>
    <row r="431150" spans="8:8">
      <c r="H431150" s="12"/>
    </row>
    <row r="431151" spans="8:8">
      <c r="H431151" s="12"/>
    </row>
    <row r="431152" spans="8:8">
      <c r="H431152" s="12"/>
    </row>
    <row r="431153" spans="8:8">
      <c r="H431153" s="12"/>
    </row>
    <row r="431154" spans="8:8">
      <c r="H431154" s="12"/>
    </row>
    <row r="431155" spans="8:8">
      <c r="H431155" s="12"/>
    </row>
    <row r="431156" spans="8:8">
      <c r="H431156" s="12"/>
    </row>
    <row r="431157" spans="8:8">
      <c r="H431157" s="12"/>
    </row>
    <row r="431158" spans="8:8">
      <c r="H431158" s="12"/>
    </row>
    <row r="431159" spans="8:8">
      <c r="H431159" s="12"/>
    </row>
    <row r="431160" spans="8:8">
      <c r="H431160" s="12"/>
    </row>
    <row r="431161" spans="8:8">
      <c r="H431161" s="12"/>
    </row>
    <row r="431162" spans="8:8">
      <c r="H431162" s="12"/>
    </row>
    <row r="431163" spans="8:8">
      <c r="H431163" s="12"/>
    </row>
    <row r="431164" spans="8:8">
      <c r="H431164" s="12"/>
    </row>
    <row r="431165" spans="8:8">
      <c r="H431165" s="12"/>
    </row>
    <row r="431166" spans="8:8">
      <c r="H431166" s="12"/>
    </row>
    <row r="431167" spans="8:8">
      <c r="H431167" s="12"/>
    </row>
    <row r="431168" spans="8:8">
      <c r="H431168" s="12"/>
    </row>
    <row r="431169" spans="8:8">
      <c r="H431169" s="12"/>
    </row>
    <row r="431170" spans="8:8">
      <c r="H431170" s="12"/>
    </row>
    <row r="431171" spans="8:8">
      <c r="H431171" s="12"/>
    </row>
    <row r="431172" spans="8:8">
      <c r="H431172" s="12"/>
    </row>
    <row r="431173" spans="8:8">
      <c r="H431173" s="12"/>
    </row>
    <row r="431174" spans="8:8">
      <c r="H431174" s="12"/>
    </row>
    <row r="431175" spans="8:8">
      <c r="H431175" s="12"/>
    </row>
    <row r="431176" spans="8:8">
      <c r="H431176" s="12"/>
    </row>
    <row r="431177" spans="8:8">
      <c r="H431177" s="12"/>
    </row>
    <row r="431178" spans="8:8">
      <c r="H431178" s="12"/>
    </row>
    <row r="431179" spans="8:8">
      <c r="H431179" s="12"/>
    </row>
    <row r="431180" spans="8:8">
      <c r="H431180" s="12"/>
    </row>
    <row r="431181" spans="8:8">
      <c r="H431181" s="12"/>
    </row>
    <row r="431182" spans="8:8">
      <c r="H431182" s="12"/>
    </row>
    <row r="431183" spans="8:8">
      <c r="H431183" s="12"/>
    </row>
    <row r="431184" spans="8:8">
      <c r="H431184" s="12"/>
    </row>
    <row r="431185" spans="8:8">
      <c r="H431185" s="12"/>
    </row>
    <row r="431186" spans="8:8">
      <c r="H431186" s="12"/>
    </row>
    <row r="431187" spans="8:8">
      <c r="H431187" s="12"/>
    </row>
    <row r="431188" spans="8:8">
      <c r="H431188" s="12"/>
    </row>
    <row r="431189" spans="8:8">
      <c r="H431189" s="12"/>
    </row>
    <row r="431190" spans="8:8">
      <c r="H431190" s="12"/>
    </row>
    <row r="431191" spans="8:8">
      <c r="H431191" s="12"/>
    </row>
    <row r="431192" spans="8:8">
      <c r="H431192" s="12"/>
    </row>
    <row r="431193" spans="8:8">
      <c r="H431193" s="12"/>
    </row>
    <row r="431194" spans="8:8">
      <c r="H431194" s="12"/>
    </row>
    <row r="431195" spans="8:8">
      <c r="H431195" s="12"/>
    </row>
    <row r="431196" spans="8:8">
      <c r="H431196" s="12"/>
    </row>
    <row r="431197" spans="8:8">
      <c r="H431197" s="12"/>
    </row>
    <row r="431198" spans="8:8">
      <c r="H431198" s="12"/>
    </row>
    <row r="431199" spans="8:8">
      <c r="H431199" s="12"/>
    </row>
    <row r="431200" spans="8:8">
      <c r="H431200" s="12"/>
    </row>
    <row r="431201" spans="8:8">
      <c r="H431201" s="12"/>
    </row>
    <row r="431202" spans="8:8">
      <c r="H431202" s="12"/>
    </row>
    <row r="431203" spans="8:8">
      <c r="H431203" s="12"/>
    </row>
    <row r="431204" spans="8:8">
      <c r="H431204" s="12"/>
    </row>
    <row r="431205" spans="8:8">
      <c r="H431205" s="12"/>
    </row>
    <row r="431206" spans="8:8">
      <c r="H431206" s="12"/>
    </row>
    <row r="431207" spans="8:8">
      <c r="H431207" s="12"/>
    </row>
    <row r="431208" spans="8:8">
      <c r="H431208" s="12"/>
    </row>
    <row r="431209" spans="8:8">
      <c r="H431209" s="12"/>
    </row>
    <row r="431210" spans="8:8">
      <c r="H431210" s="12"/>
    </row>
    <row r="431211" spans="8:8">
      <c r="H431211" s="12"/>
    </row>
    <row r="431212" spans="8:8">
      <c r="H431212" s="12"/>
    </row>
    <row r="431213" spans="8:8">
      <c r="H431213" s="12"/>
    </row>
    <row r="431214" spans="8:8">
      <c r="H431214" s="12"/>
    </row>
    <row r="431215" spans="8:8">
      <c r="H431215" s="12"/>
    </row>
    <row r="431216" spans="8:8">
      <c r="H431216" s="12"/>
    </row>
    <row r="431217" spans="8:8">
      <c r="H431217" s="12"/>
    </row>
    <row r="431218" spans="8:8">
      <c r="H431218" s="12"/>
    </row>
    <row r="431219" spans="8:8">
      <c r="H431219" s="12"/>
    </row>
    <row r="431220" spans="8:8">
      <c r="H431220" s="12"/>
    </row>
    <row r="431221" spans="8:8">
      <c r="H431221" s="12"/>
    </row>
    <row r="431222" spans="8:8">
      <c r="H431222" s="12"/>
    </row>
    <row r="431223" spans="8:8">
      <c r="H431223" s="12"/>
    </row>
    <row r="431224" spans="8:8">
      <c r="H431224" s="12"/>
    </row>
    <row r="431225" spans="8:8">
      <c r="H431225" s="12"/>
    </row>
    <row r="431226" spans="8:8">
      <c r="H431226" s="12"/>
    </row>
    <row r="431227" spans="8:8">
      <c r="H431227" s="12"/>
    </row>
    <row r="431228" spans="8:8">
      <c r="H431228" s="12"/>
    </row>
    <row r="431229" spans="8:8">
      <c r="H431229" s="12"/>
    </row>
    <row r="431230" spans="8:8">
      <c r="H431230" s="12"/>
    </row>
    <row r="431231" spans="8:8">
      <c r="H431231" s="12"/>
    </row>
    <row r="431232" spans="8:8">
      <c r="H431232" s="12"/>
    </row>
    <row r="431233" spans="8:8">
      <c r="H431233" s="12"/>
    </row>
    <row r="431234" spans="8:8">
      <c r="H431234" s="12"/>
    </row>
    <row r="431235" spans="8:8">
      <c r="H431235" s="12"/>
    </row>
    <row r="431236" spans="8:8">
      <c r="H431236" s="12"/>
    </row>
    <row r="431237" spans="8:8">
      <c r="H431237" s="12"/>
    </row>
    <row r="431238" spans="8:8">
      <c r="H431238" s="12"/>
    </row>
    <row r="431239" spans="8:8">
      <c r="H431239" s="12"/>
    </row>
    <row r="431240" spans="8:8">
      <c r="H431240" s="12"/>
    </row>
    <row r="431241" spans="8:8">
      <c r="H431241" s="12"/>
    </row>
    <row r="431242" spans="8:8">
      <c r="H431242" s="12"/>
    </row>
    <row r="431243" spans="8:8">
      <c r="H431243" s="12"/>
    </row>
    <row r="431244" spans="8:8">
      <c r="H431244" s="12"/>
    </row>
    <row r="431245" spans="8:8">
      <c r="H431245" s="12"/>
    </row>
    <row r="431246" spans="8:8">
      <c r="H431246" s="12"/>
    </row>
    <row r="431247" spans="8:8">
      <c r="H431247" s="12"/>
    </row>
    <row r="431248" spans="8:8">
      <c r="H431248" s="12"/>
    </row>
    <row r="431249" spans="8:8">
      <c r="H431249" s="12"/>
    </row>
    <row r="431250" spans="8:8">
      <c r="H431250" s="12"/>
    </row>
    <row r="431251" spans="8:8">
      <c r="H431251" s="12"/>
    </row>
    <row r="431252" spans="8:8">
      <c r="H431252" s="12"/>
    </row>
    <row r="431253" spans="8:8">
      <c r="H431253" s="12"/>
    </row>
    <row r="431254" spans="8:8">
      <c r="H431254" s="12"/>
    </row>
    <row r="431255" spans="8:8">
      <c r="H431255" s="12"/>
    </row>
    <row r="431256" spans="8:8">
      <c r="H431256" s="12"/>
    </row>
    <row r="431257" spans="8:8">
      <c r="H431257" s="12"/>
    </row>
    <row r="431258" spans="8:8">
      <c r="H431258" s="12"/>
    </row>
    <row r="431259" spans="8:8">
      <c r="H431259" s="12"/>
    </row>
    <row r="431260" spans="8:8">
      <c r="H431260" s="12"/>
    </row>
    <row r="431261" spans="8:8">
      <c r="H431261" s="12"/>
    </row>
    <row r="431262" spans="8:8">
      <c r="H431262" s="12"/>
    </row>
    <row r="431263" spans="8:8">
      <c r="H431263" s="12"/>
    </row>
    <row r="431264" spans="8:8">
      <c r="H431264" s="12"/>
    </row>
    <row r="431265" spans="8:8">
      <c r="H431265" s="12"/>
    </row>
    <row r="431266" spans="8:8">
      <c r="H431266" s="12"/>
    </row>
    <row r="431267" spans="8:8">
      <c r="H431267" s="12"/>
    </row>
    <row r="431268" spans="8:8">
      <c r="H431268" s="12"/>
    </row>
    <row r="431269" spans="8:8">
      <c r="H431269" s="12"/>
    </row>
    <row r="431270" spans="8:8">
      <c r="H431270" s="12"/>
    </row>
    <row r="431271" spans="8:8">
      <c r="H431271" s="12"/>
    </row>
    <row r="431272" spans="8:8">
      <c r="H431272" s="12"/>
    </row>
    <row r="431273" spans="8:8">
      <c r="H431273" s="12"/>
    </row>
    <row r="431274" spans="8:8">
      <c r="H431274" s="12"/>
    </row>
    <row r="431275" spans="8:8">
      <c r="H431275" s="12"/>
    </row>
    <row r="431276" spans="8:8">
      <c r="H431276" s="12"/>
    </row>
    <row r="431277" spans="8:8">
      <c r="H431277" s="12"/>
    </row>
    <row r="431278" spans="8:8">
      <c r="H431278" s="12"/>
    </row>
    <row r="431279" spans="8:8">
      <c r="H431279" s="12"/>
    </row>
    <row r="431280" spans="8:8">
      <c r="H431280" s="12"/>
    </row>
    <row r="431281" spans="8:8">
      <c r="H431281" s="12"/>
    </row>
    <row r="431282" spans="8:8">
      <c r="H431282" s="12"/>
    </row>
    <row r="431283" spans="8:8">
      <c r="H431283" s="12"/>
    </row>
    <row r="431284" spans="8:8">
      <c r="H431284" s="12"/>
    </row>
    <row r="431285" spans="8:8">
      <c r="H431285" s="12"/>
    </row>
    <row r="431286" spans="8:8">
      <c r="H431286" s="12"/>
    </row>
    <row r="431287" spans="8:8">
      <c r="H431287" s="12"/>
    </row>
    <row r="431288" spans="8:8">
      <c r="H431288" s="12"/>
    </row>
    <row r="431289" spans="8:8">
      <c r="H431289" s="12"/>
    </row>
    <row r="431290" spans="8:8">
      <c r="H431290" s="12"/>
    </row>
    <row r="431291" spans="8:8">
      <c r="H431291" s="12"/>
    </row>
    <row r="431292" spans="8:8">
      <c r="H431292" s="12"/>
    </row>
    <row r="431293" spans="8:8">
      <c r="H431293" s="12"/>
    </row>
    <row r="431294" spans="8:8">
      <c r="H431294" s="12"/>
    </row>
    <row r="431295" spans="8:8">
      <c r="H431295" s="12"/>
    </row>
    <row r="431296" spans="8:8">
      <c r="H431296" s="12"/>
    </row>
    <row r="431297" spans="8:8">
      <c r="H431297" s="12"/>
    </row>
    <row r="431298" spans="8:8">
      <c r="H431298" s="12"/>
    </row>
    <row r="431299" spans="8:8">
      <c r="H431299" s="12"/>
    </row>
    <row r="431300" spans="8:8">
      <c r="H431300" s="12"/>
    </row>
    <row r="431301" spans="8:8">
      <c r="H431301" s="12"/>
    </row>
    <row r="431302" spans="8:8">
      <c r="H431302" s="12"/>
    </row>
    <row r="431303" spans="8:8">
      <c r="H431303" s="12"/>
    </row>
    <row r="431304" spans="8:8">
      <c r="H431304" s="12"/>
    </row>
    <row r="431305" spans="8:8">
      <c r="H431305" s="12"/>
    </row>
    <row r="431306" spans="8:8">
      <c r="H431306" s="12"/>
    </row>
    <row r="431307" spans="8:8">
      <c r="H431307" s="12"/>
    </row>
    <row r="431308" spans="8:8">
      <c r="H431308" s="12"/>
    </row>
    <row r="431309" spans="8:8">
      <c r="H431309" s="12"/>
    </row>
    <row r="431310" spans="8:8">
      <c r="H431310" s="12"/>
    </row>
    <row r="431311" spans="8:8">
      <c r="H431311" s="12"/>
    </row>
    <row r="431312" spans="8:8">
      <c r="H431312" s="12"/>
    </row>
    <row r="431313" spans="8:8">
      <c r="H431313" s="12"/>
    </row>
    <row r="431314" spans="8:8">
      <c r="H431314" s="12"/>
    </row>
    <row r="431315" spans="8:8">
      <c r="H431315" s="12"/>
    </row>
    <row r="431316" spans="8:8">
      <c r="H431316" s="12"/>
    </row>
    <row r="431317" spans="8:8">
      <c r="H431317" s="12"/>
    </row>
    <row r="431318" spans="8:8">
      <c r="H431318" s="12"/>
    </row>
    <row r="431319" spans="8:8">
      <c r="H431319" s="12"/>
    </row>
    <row r="431320" spans="8:8">
      <c r="H431320" s="12"/>
    </row>
    <row r="431321" spans="8:8">
      <c r="H431321" s="12"/>
    </row>
    <row r="431322" spans="8:8">
      <c r="H431322" s="12"/>
    </row>
    <row r="431323" spans="8:8">
      <c r="H431323" s="12"/>
    </row>
    <row r="431324" spans="8:8">
      <c r="H431324" s="12"/>
    </row>
    <row r="431325" spans="8:8">
      <c r="H431325" s="12"/>
    </row>
    <row r="431326" spans="8:8">
      <c r="H431326" s="12"/>
    </row>
    <row r="431327" spans="8:8">
      <c r="H431327" s="12"/>
    </row>
    <row r="431328" spans="8:8">
      <c r="H431328" s="12"/>
    </row>
    <row r="431329" spans="8:8">
      <c r="H431329" s="12"/>
    </row>
    <row r="431330" spans="8:8">
      <c r="H431330" s="12"/>
    </row>
    <row r="431331" spans="8:8">
      <c r="H431331" s="12"/>
    </row>
    <row r="431332" spans="8:8">
      <c r="H431332" s="12"/>
    </row>
    <row r="431333" spans="8:8">
      <c r="H431333" s="12"/>
    </row>
    <row r="431334" spans="8:8">
      <c r="H431334" s="12"/>
    </row>
    <row r="431335" spans="8:8">
      <c r="H431335" s="12"/>
    </row>
    <row r="431336" spans="8:8">
      <c r="H431336" s="12"/>
    </row>
    <row r="431337" spans="8:8">
      <c r="H431337" s="12"/>
    </row>
    <row r="431338" spans="8:8">
      <c r="H431338" s="12"/>
    </row>
    <row r="431339" spans="8:8">
      <c r="H431339" s="12"/>
    </row>
    <row r="431340" spans="8:8">
      <c r="H431340" s="12"/>
    </row>
    <row r="431341" spans="8:8">
      <c r="H431341" s="12"/>
    </row>
    <row r="431342" spans="8:8">
      <c r="H431342" s="12"/>
    </row>
    <row r="431343" spans="8:8">
      <c r="H431343" s="12"/>
    </row>
    <row r="431344" spans="8:8">
      <c r="H431344" s="12"/>
    </row>
    <row r="431345" spans="8:8">
      <c r="H431345" s="12"/>
    </row>
    <row r="431346" spans="8:8">
      <c r="H431346" s="12"/>
    </row>
    <row r="431347" spans="8:8">
      <c r="H431347" s="12"/>
    </row>
    <row r="431348" spans="8:8">
      <c r="H431348" s="12"/>
    </row>
    <row r="431349" spans="8:8">
      <c r="H431349" s="12"/>
    </row>
    <row r="431350" spans="8:8">
      <c r="H431350" s="12"/>
    </row>
    <row r="431351" spans="8:8">
      <c r="H431351" s="12"/>
    </row>
    <row r="431352" spans="8:8">
      <c r="H431352" s="12"/>
    </row>
    <row r="431353" spans="8:8">
      <c r="H431353" s="12"/>
    </row>
    <row r="431354" spans="8:8">
      <c r="H431354" s="12"/>
    </row>
    <row r="431355" spans="8:8">
      <c r="H431355" s="12"/>
    </row>
    <row r="431356" spans="8:8">
      <c r="H431356" s="12"/>
    </row>
    <row r="431357" spans="8:8">
      <c r="H431357" s="12"/>
    </row>
    <row r="431358" spans="8:8">
      <c r="H431358" s="12"/>
    </row>
    <row r="431359" spans="8:8">
      <c r="H431359" s="12"/>
    </row>
    <row r="431360" spans="8:8">
      <c r="H431360" s="12"/>
    </row>
    <row r="431361" spans="8:8">
      <c r="H431361" s="12"/>
    </row>
    <row r="431362" spans="8:8">
      <c r="H431362" s="12"/>
    </row>
    <row r="431363" spans="8:8">
      <c r="H431363" s="12"/>
    </row>
    <row r="431364" spans="8:8">
      <c r="H431364" s="12"/>
    </row>
    <row r="431365" spans="8:8">
      <c r="H431365" s="12"/>
    </row>
    <row r="431366" spans="8:8">
      <c r="H431366" s="12"/>
    </row>
    <row r="431367" spans="8:8">
      <c r="H431367" s="12"/>
    </row>
    <row r="431368" spans="8:8">
      <c r="H431368" s="12"/>
    </row>
    <row r="431369" spans="8:8">
      <c r="H431369" s="12"/>
    </row>
    <row r="431370" spans="8:8">
      <c r="H431370" s="12"/>
    </row>
    <row r="431371" spans="8:8">
      <c r="H431371" s="12"/>
    </row>
    <row r="431372" spans="8:8">
      <c r="H431372" s="12"/>
    </row>
    <row r="431373" spans="8:8">
      <c r="H431373" s="12"/>
    </row>
    <row r="431374" spans="8:8">
      <c r="H431374" s="12"/>
    </row>
    <row r="431375" spans="8:8">
      <c r="H431375" s="12"/>
    </row>
    <row r="431376" spans="8:8">
      <c r="H431376" s="12"/>
    </row>
    <row r="431377" spans="8:8">
      <c r="H431377" s="12"/>
    </row>
    <row r="431378" spans="8:8">
      <c r="H431378" s="12"/>
    </row>
    <row r="431379" spans="8:8">
      <c r="H431379" s="12"/>
    </row>
    <row r="431380" spans="8:8">
      <c r="H431380" s="12"/>
    </row>
    <row r="431381" spans="8:8">
      <c r="H431381" s="12"/>
    </row>
    <row r="431382" spans="8:8">
      <c r="H431382" s="12"/>
    </row>
    <row r="431383" spans="8:8">
      <c r="H431383" s="12"/>
    </row>
    <row r="431384" spans="8:8">
      <c r="H431384" s="12"/>
    </row>
    <row r="431385" spans="8:8">
      <c r="H431385" s="12"/>
    </row>
    <row r="431386" spans="8:8">
      <c r="H431386" s="12"/>
    </row>
    <row r="431387" spans="8:8">
      <c r="H431387" s="12"/>
    </row>
    <row r="431388" spans="8:8">
      <c r="H431388" s="12"/>
    </row>
    <row r="431389" spans="8:8">
      <c r="H431389" s="12"/>
    </row>
    <row r="431390" spans="8:8">
      <c r="H431390" s="12"/>
    </row>
    <row r="431391" spans="8:8">
      <c r="H431391" s="12"/>
    </row>
    <row r="431392" spans="8:8">
      <c r="H431392" s="12"/>
    </row>
    <row r="431393" spans="8:8">
      <c r="H431393" s="12"/>
    </row>
    <row r="431394" spans="8:8">
      <c r="H431394" s="12"/>
    </row>
    <row r="431395" spans="8:8">
      <c r="H431395" s="12"/>
    </row>
    <row r="431396" spans="8:8">
      <c r="H431396" s="12"/>
    </row>
    <row r="431397" spans="8:8">
      <c r="H431397" s="12"/>
    </row>
    <row r="431398" spans="8:8">
      <c r="H431398" s="12"/>
    </row>
    <row r="431399" spans="8:8">
      <c r="H431399" s="12"/>
    </row>
    <row r="431400" spans="8:8">
      <c r="H431400" s="12"/>
    </row>
    <row r="431401" spans="8:8">
      <c r="H431401" s="12"/>
    </row>
    <row r="431402" spans="8:8">
      <c r="H431402" s="12"/>
    </row>
    <row r="431403" spans="8:8">
      <c r="H431403" s="12"/>
    </row>
    <row r="431404" spans="8:8">
      <c r="H431404" s="12"/>
    </row>
    <row r="431405" spans="8:8">
      <c r="H431405" s="12"/>
    </row>
    <row r="431406" spans="8:8">
      <c r="H431406" s="12"/>
    </row>
    <row r="431407" spans="8:8">
      <c r="H431407" s="12"/>
    </row>
    <row r="431408" spans="8:8">
      <c r="H431408" s="12"/>
    </row>
    <row r="431409" spans="8:8">
      <c r="H431409" s="12"/>
    </row>
    <row r="431410" spans="8:8">
      <c r="H431410" s="12"/>
    </row>
    <row r="431411" spans="8:8">
      <c r="H431411" s="12"/>
    </row>
    <row r="431412" spans="8:8">
      <c r="H431412" s="12"/>
    </row>
    <row r="431413" spans="8:8">
      <c r="H431413" s="12"/>
    </row>
    <row r="431414" spans="8:8">
      <c r="H431414" s="12"/>
    </row>
    <row r="431415" spans="8:8">
      <c r="H431415" s="12"/>
    </row>
    <row r="431416" spans="8:8">
      <c r="H431416" s="12"/>
    </row>
    <row r="431417" spans="8:8">
      <c r="H431417" s="12"/>
    </row>
    <row r="431418" spans="8:8">
      <c r="H431418" s="12"/>
    </row>
    <row r="431419" spans="8:8">
      <c r="H431419" s="12"/>
    </row>
    <row r="431420" spans="8:8">
      <c r="H431420" s="12"/>
    </row>
    <row r="431421" spans="8:8">
      <c r="H431421" s="12"/>
    </row>
    <row r="431422" spans="8:8">
      <c r="H431422" s="12"/>
    </row>
    <row r="431423" spans="8:8">
      <c r="H431423" s="12"/>
    </row>
    <row r="431424" spans="8:8">
      <c r="H431424" s="12"/>
    </row>
    <row r="431425" spans="8:8">
      <c r="H431425" s="12"/>
    </row>
    <row r="431426" spans="8:8">
      <c r="H431426" s="12"/>
    </row>
    <row r="431427" spans="8:8">
      <c r="H431427" s="12"/>
    </row>
    <row r="431428" spans="8:8">
      <c r="H431428" s="12"/>
    </row>
    <row r="431429" spans="8:8">
      <c r="H431429" s="12"/>
    </row>
    <row r="431430" spans="8:8">
      <c r="H431430" s="12"/>
    </row>
    <row r="431431" spans="8:8">
      <c r="H431431" s="12"/>
    </row>
    <row r="431432" spans="8:8">
      <c r="H431432" s="12"/>
    </row>
    <row r="431433" spans="8:8">
      <c r="H431433" s="12"/>
    </row>
    <row r="431434" spans="8:8">
      <c r="H431434" s="12"/>
    </row>
    <row r="431435" spans="8:8">
      <c r="H431435" s="12"/>
    </row>
    <row r="431436" spans="8:8">
      <c r="H431436" s="12"/>
    </row>
    <row r="431437" spans="8:8">
      <c r="H431437" s="12"/>
    </row>
    <row r="431438" spans="8:8">
      <c r="H431438" s="12"/>
    </row>
    <row r="431439" spans="8:8">
      <c r="H431439" s="12"/>
    </row>
    <row r="431440" spans="8:8">
      <c r="H431440" s="12"/>
    </row>
    <row r="431441" spans="8:8">
      <c r="H431441" s="12"/>
    </row>
    <row r="431442" spans="8:8">
      <c r="H431442" s="12"/>
    </row>
    <row r="431443" spans="8:8">
      <c r="H431443" s="12"/>
    </row>
    <row r="431444" spans="8:8">
      <c r="H431444" s="12"/>
    </row>
    <row r="431445" spans="8:8">
      <c r="H431445" s="12"/>
    </row>
    <row r="431446" spans="8:8">
      <c r="H431446" s="12"/>
    </row>
    <row r="431447" spans="8:8">
      <c r="H431447" s="12"/>
    </row>
    <row r="431448" spans="8:8">
      <c r="H431448" s="12"/>
    </row>
    <row r="431449" spans="8:8">
      <c r="H431449" s="12"/>
    </row>
    <row r="431450" spans="8:8">
      <c r="H431450" s="12"/>
    </row>
    <row r="431451" spans="8:8">
      <c r="H431451" s="12"/>
    </row>
    <row r="431452" spans="8:8">
      <c r="H431452" s="12"/>
    </row>
    <row r="431453" spans="8:8">
      <c r="H431453" s="12"/>
    </row>
    <row r="431454" spans="8:8">
      <c r="H431454" s="12"/>
    </row>
    <row r="431455" spans="8:8">
      <c r="H431455" s="12"/>
    </row>
    <row r="431456" spans="8:8">
      <c r="H431456" s="12"/>
    </row>
    <row r="431457" spans="8:8">
      <c r="H431457" s="12"/>
    </row>
    <row r="431458" spans="8:8">
      <c r="H431458" s="12"/>
    </row>
    <row r="431459" spans="8:8">
      <c r="H431459" s="12"/>
    </row>
    <row r="431460" spans="8:8">
      <c r="H431460" s="12"/>
    </row>
    <row r="431461" spans="8:8">
      <c r="H431461" s="12"/>
    </row>
    <row r="431462" spans="8:8">
      <c r="H431462" s="12"/>
    </row>
    <row r="431463" spans="8:8">
      <c r="H431463" s="12"/>
    </row>
    <row r="431464" spans="8:8">
      <c r="H431464" s="12"/>
    </row>
    <row r="431465" spans="8:8">
      <c r="H431465" s="12"/>
    </row>
    <row r="431466" spans="8:8">
      <c r="H431466" s="12"/>
    </row>
    <row r="431467" spans="8:8">
      <c r="H431467" s="12"/>
    </row>
    <row r="431468" spans="8:8">
      <c r="H431468" s="12"/>
    </row>
    <row r="431469" spans="8:8">
      <c r="H431469" s="12"/>
    </row>
    <row r="431470" spans="8:8">
      <c r="H431470" s="12"/>
    </row>
    <row r="431471" spans="8:8">
      <c r="H431471" s="12"/>
    </row>
    <row r="431472" spans="8:8">
      <c r="H431472" s="12"/>
    </row>
    <row r="431473" spans="8:8">
      <c r="H431473" s="12"/>
    </row>
    <row r="431474" spans="8:8">
      <c r="H431474" s="12"/>
    </row>
    <row r="431475" spans="8:8">
      <c r="H431475" s="12"/>
    </row>
    <row r="431476" spans="8:8">
      <c r="H431476" s="12"/>
    </row>
    <row r="431477" spans="8:8">
      <c r="H431477" s="12"/>
    </row>
    <row r="431478" spans="8:8">
      <c r="H431478" s="12"/>
    </row>
    <row r="431479" spans="8:8">
      <c r="H431479" s="12"/>
    </row>
    <row r="431480" spans="8:8">
      <c r="H431480" s="12"/>
    </row>
    <row r="431481" spans="8:8">
      <c r="H431481" s="12"/>
    </row>
    <row r="431482" spans="8:8">
      <c r="H431482" s="12"/>
    </row>
    <row r="431483" spans="8:8">
      <c r="H431483" s="12"/>
    </row>
    <row r="431484" spans="8:8">
      <c r="H431484" s="12"/>
    </row>
    <row r="431485" spans="8:8">
      <c r="H431485" s="12"/>
    </row>
    <row r="431486" spans="8:8">
      <c r="H431486" s="12"/>
    </row>
    <row r="431487" spans="8:8">
      <c r="H431487" s="12"/>
    </row>
    <row r="431488" spans="8:8">
      <c r="H431488" s="12"/>
    </row>
    <row r="431489" spans="8:8">
      <c r="H431489" s="12"/>
    </row>
    <row r="431490" spans="8:8">
      <c r="H431490" s="12"/>
    </row>
    <row r="431491" spans="8:8">
      <c r="H431491" s="12"/>
    </row>
    <row r="431492" spans="8:8">
      <c r="H431492" s="12"/>
    </row>
    <row r="431493" spans="8:8">
      <c r="H431493" s="12"/>
    </row>
    <row r="431494" spans="8:8">
      <c r="H431494" s="12"/>
    </row>
    <row r="431495" spans="8:8">
      <c r="H431495" s="12"/>
    </row>
    <row r="431496" spans="8:8">
      <c r="H431496" s="12"/>
    </row>
    <row r="431497" spans="8:8">
      <c r="H431497" s="12"/>
    </row>
    <row r="431498" spans="8:8">
      <c r="H431498" s="12"/>
    </row>
    <row r="431499" spans="8:8">
      <c r="H431499" s="12"/>
    </row>
    <row r="431500" spans="8:8">
      <c r="H431500" s="12"/>
    </row>
    <row r="431501" spans="8:8">
      <c r="H431501" s="12"/>
    </row>
    <row r="431502" spans="8:8">
      <c r="H431502" s="12"/>
    </row>
    <row r="431503" spans="8:8">
      <c r="H431503" s="12"/>
    </row>
    <row r="431504" spans="8:8">
      <c r="H431504" s="12"/>
    </row>
    <row r="431505" spans="8:8">
      <c r="H431505" s="12"/>
    </row>
    <row r="431506" spans="8:8">
      <c r="H431506" s="12"/>
    </row>
    <row r="431507" spans="8:8">
      <c r="H431507" s="12"/>
    </row>
    <row r="431508" spans="8:8">
      <c r="H431508" s="12"/>
    </row>
    <row r="431509" spans="8:8">
      <c r="H431509" s="12"/>
    </row>
    <row r="431510" spans="8:8">
      <c r="H431510" s="12"/>
    </row>
    <row r="431511" spans="8:8">
      <c r="H431511" s="12"/>
    </row>
    <row r="431512" spans="8:8">
      <c r="H431512" s="12"/>
    </row>
    <row r="431513" spans="8:8">
      <c r="H431513" s="12"/>
    </row>
    <row r="431514" spans="8:8">
      <c r="H431514" s="12"/>
    </row>
    <row r="431515" spans="8:8">
      <c r="H431515" s="12"/>
    </row>
    <row r="431516" spans="8:8">
      <c r="H431516" s="12"/>
    </row>
    <row r="431517" spans="8:8">
      <c r="H431517" s="12"/>
    </row>
    <row r="431518" spans="8:8">
      <c r="H431518" s="12"/>
    </row>
    <row r="431519" spans="8:8">
      <c r="H431519" s="12"/>
    </row>
    <row r="431520" spans="8:8">
      <c r="H431520" s="12"/>
    </row>
    <row r="431521" spans="8:8">
      <c r="H431521" s="12"/>
    </row>
    <row r="431522" spans="8:8">
      <c r="H431522" s="12"/>
    </row>
    <row r="431523" spans="8:8">
      <c r="H431523" s="12"/>
    </row>
    <row r="431524" spans="8:8">
      <c r="H431524" s="12"/>
    </row>
    <row r="431525" spans="8:8">
      <c r="H431525" s="12"/>
    </row>
    <row r="431526" spans="8:8">
      <c r="H431526" s="12"/>
    </row>
    <row r="431527" spans="8:8">
      <c r="H431527" s="12"/>
    </row>
    <row r="431528" spans="8:8">
      <c r="H431528" s="12"/>
    </row>
    <row r="431529" spans="8:8">
      <c r="H431529" s="12"/>
    </row>
    <row r="431530" spans="8:8">
      <c r="H431530" s="12"/>
    </row>
    <row r="431531" spans="8:8">
      <c r="H431531" s="12"/>
    </row>
    <row r="431532" spans="8:8">
      <c r="H431532" s="12"/>
    </row>
    <row r="431533" spans="8:8">
      <c r="H431533" s="12"/>
    </row>
    <row r="431534" spans="8:8">
      <c r="H431534" s="12"/>
    </row>
    <row r="431535" spans="8:8">
      <c r="H431535" s="12"/>
    </row>
    <row r="431536" spans="8:8">
      <c r="H431536" s="12"/>
    </row>
    <row r="431537" spans="8:8">
      <c r="H431537" s="12"/>
    </row>
    <row r="431538" spans="8:8">
      <c r="H431538" s="12"/>
    </row>
    <row r="431539" spans="8:8">
      <c r="H431539" s="12"/>
    </row>
    <row r="431540" spans="8:8">
      <c r="H431540" s="12"/>
    </row>
    <row r="431541" spans="8:8">
      <c r="H431541" s="12"/>
    </row>
    <row r="431542" spans="8:8">
      <c r="H431542" s="12"/>
    </row>
    <row r="431543" spans="8:8">
      <c r="H431543" s="12"/>
    </row>
    <row r="431544" spans="8:8">
      <c r="H431544" s="12"/>
    </row>
    <row r="431545" spans="8:8">
      <c r="H431545" s="12"/>
    </row>
    <row r="431546" spans="8:8">
      <c r="H431546" s="12"/>
    </row>
    <row r="431547" spans="8:8">
      <c r="H431547" s="12"/>
    </row>
    <row r="431548" spans="8:8">
      <c r="H431548" s="12"/>
    </row>
    <row r="431549" spans="8:8">
      <c r="H431549" s="12"/>
    </row>
    <row r="431550" spans="8:8">
      <c r="H431550" s="12"/>
    </row>
    <row r="431551" spans="8:8">
      <c r="H431551" s="12"/>
    </row>
    <row r="431552" spans="8:8">
      <c r="H431552" s="12"/>
    </row>
    <row r="431553" spans="8:8">
      <c r="H431553" s="12"/>
    </row>
    <row r="431554" spans="8:8">
      <c r="H431554" s="12"/>
    </row>
    <row r="431555" spans="8:8">
      <c r="H431555" s="12"/>
    </row>
    <row r="431556" spans="8:8">
      <c r="H431556" s="12"/>
    </row>
    <row r="431557" spans="8:8">
      <c r="H431557" s="12"/>
    </row>
    <row r="431558" spans="8:8">
      <c r="H431558" s="12"/>
    </row>
    <row r="431559" spans="8:8">
      <c r="H431559" s="12"/>
    </row>
    <row r="431560" spans="8:8">
      <c r="H431560" s="12"/>
    </row>
    <row r="431561" spans="8:8">
      <c r="H431561" s="12"/>
    </row>
    <row r="431562" spans="8:8">
      <c r="H431562" s="12"/>
    </row>
    <row r="431563" spans="8:8">
      <c r="H431563" s="12"/>
    </row>
    <row r="431564" spans="8:8">
      <c r="H431564" s="12"/>
    </row>
    <row r="431565" spans="8:8">
      <c r="H431565" s="12"/>
    </row>
    <row r="431566" spans="8:8">
      <c r="H431566" s="12"/>
    </row>
    <row r="431567" spans="8:8">
      <c r="H431567" s="12"/>
    </row>
    <row r="431568" spans="8:8">
      <c r="H431568" s="12"/>
    </row>
    <row r="431569" spans="8:8">
      <c r="H431569" s="12"/>
    </row>
    <row r="431570" spans="8:8">
      <c r="H431570" s="12"/>
    </row>
    <row r="431571" spans="8:8">
      <c r="H431571" s="12"/>
    </row>
    <row r="431572" spans="8:8">
      <c r="H431572" s="12"/>
    </row>
    <row r="431573" spans="8:8">
      <c r="H431573" s="12"/>
    </row>
    <row r="431574" spans="8:8">
      <c r="H431574" s="12"/>
    </row>
    <row r="431575" spans="8:8">
      <c r="H431575" s="12"/>
    </row>
    <row r="431576" spans="8:8">
      <c r="H431576" s="12"/>
    </row>
    <row r="431577" spans="8:8">
      <c r="H431577" s="12"/>
    </row>
    <row r="431578" spans="8:8">
      <c r="H431578" s="12"/>
    </row>
    <row r="431579" spans="8:8">
      <c r="H431579" s="12"/>
    </row>
    <row r="431580" spans="8:8">
      <c r="H431580" s="12"/>
    </row>
    <row r="431581" spans="8:8">
      <c r="H431581" s="12"/>
    </row>
    <row r="431582" spans="8:8">
      <c r="H431582" s="12"/>
    </row>
    <row r="431583" spans="8:8">
      <c r="H431583" s="12"/>
    </row>
    <row r="431584" spans="8:8">
      <c r="H431584" s="12"/>
    </row>
    <row r="431585" spans="8:8">
      <c r="H431585" s="12"/>
    </row>
    <row r="431586" spans="8:8">
      <c r="H431586" s="12"/>
    </row>
    <row r="431587" spans="8:8">
      <c r="H431587" s="12"/>
    </row>
    <row r="431588" spans="8:8">
      <c r="H431588" s="12"/>
    </row>
    <row r="431589" spans="8:8">
      <c r="H431589" s="12"/>
    </row>
    <row r="431590" spans="8:8">
      <c r="H431590" s="12"/>
    </row>
    <row r="431591" spans="8:8">
      <c r="H431591" s="12"/>
    </row>
    <row r="431592" spans="8:8">
      <c r="H431592" s="12"/>
    </row>
    <row r="431593" spans="8:8">
      <c r="H431593" s="12"/>
    </row>
    <row r="431594" spans="8:8">
      <c r="H431594" s="12"/>
    </row>
    <row r="431595" spans="8:8">
      <c r="H431595" s="12"/>
    </row>
    <row r="431596" spans="8:8">
      <c r="H431596" s="12"/>
    </row>
    <row r="431597" spans="8:8">
      <c r="H431597" s="12"/>
    </row>
    <row r="431598" spans="8:8">
      <c r="H431598" s="12"/>
    </row>
    <row r="431599" spans="8:8">
      <c r="H431599" s="12"/>
    </row>
    <row r="431600" spans="8:8">
      <c r="H431600" s="12"/>
    </row>
    <row r="431601" spans="8:8">
      <c r="H431601" s="12"/>
    </row>
    <row r="431602" spans="8:8">
      <c r="H431602" s="12"/>
    </row>
    <row r="431603" spans="8:8">
      <c r="H431603" s="12"/>
    </row>
    <row r="431604" spans="8:8">
      <c r="H431604" s="12"/>
    </row>
    <row r="431605" spans="8:8">
      <c r="H431605" s="12"/>
    </row>
    <row r="431606" spans="8:8">
      <c r="H431606" s="12"/>
    </row>
    <row r="431607" spans="8:8">
      <c r="H431607" s="12"/>
    </row>
    <row r="431608" spans="8:8">
      <c r="H431608" s="12"/>
    </row>
    <row r="431609" spans="8:8">
      <c r="H431609" s="12"/>
    </row>
    <row r="431610" spans="8:8">
      <c r="H431610" s="12"/>
    </row>
    <row r="431611" spans="8:8">
      <c r="H431611" s="12"/>
    </row>
    <row r="431612" spans="8:8">
      <c r="H431612" s="12"/>
    </row>
    <row r="431613" spans="8:8">
      <c r="H431613" s="12"/>
    </row>
    <row r="431614" spans="8:8">
      <c r="H431614" s="12"/>
    </row>
    <row r="431615" spans="8:8">
      <c r="H431615" s="12"/>
    </row>
    <row r="431616" spans="8:8">
      <c r="H431616" s="12"/>
    </row>
    <row r="431617" spans="8:8">
      <c r="H431617" s="12"/>
    </row>
    <row r="431618" spans="8:8">
      <c r="H431618" s="12"/>
    </row>
    <row r="431619" spans="8:8">
      <c r="H431619" s="12"/>
    </row>
    <row r="431620" spans="8:8">
      <c r="H431620" s="12"/>
    </row>
    <row r="431621" spans="8:8">
      <c r="H431621" s="12"/>
    </row>
    <row r="431622" spans="8:8">
      <c r="H431622" s="12"/>
    </row>
    <row r="431623" spans="8:8">
      <c r="H431623" s="12"/>
    </row>
    <row r="431624" spans="8:8">
      <c r="H431624" s="12"/>
    </row>
    <row r="431625" spans="8:8">
      <c r="H431625" s="12"/>
    </row>
    <row r="431626" spans="8:8">
      <c r="H431626" s="12"/>
    </row>
    <row r="431627" spans="8:8">
      <c r="H431627" s="12"/>
    </row>
    <row r="431628" spans="8:8">
      <c r="H431628" s="12"/>
    </row>
    <row r="431629" spans="8:8">
      <c r="H431629" s="12"/>
    </row>
    <row r="431630" spans="8:8">
      <c r="H431630" s="12"/>
    </row>
    <row r="431631" spans="8:8">
      <c r="H431631" s="12"/>
    </row>
    <row r="431632" spans="8:8">
      <c r="H431632" s="12"/>
    </row>
    <row r="431633" spans="8:8">
      <c r="H431633" s="12"/>
    </row>
    <row r="431634" spans="8:8">
      <c r="H431634" s="12"/>
    </row>
    <row r="431635" spans="8:8">
      <c r="H431635" s="12"/>
    </row>
    <row r="431636" spans="8:8">
      <c r="H431636" s="12"/>
    </row>
    <row r="431637" spans="8:8">
      <c r="H431637" s="12"/>
    </row>
    <row r="431638" spans="8:8">
      <c r="H431638" s="12"/>
    </row>
    <row r="431639" spans="8:8">
      <c r="H431639" s="12"/>
    </row>
    <row r="431640" spans="8:8">
      <c r="H431640" s="12"/>
    </row>
    <row r="431641" spans="8:8">
      <c r="H431641" s="12"/>
    </row>
    <row r="431642" spans="8:8">
      <c r="H431642" s="12"/>
    </row>
    <row r="431643" spans="8:8">
      <c r="H431643" s="12"/>
    </row>
    <row r="431644" spans="8:8">
      <c r="H431644" s="12"/>
    </row>
    <row r="431645" spans="8:8">
      <c r="H431645" s="12"/>
    </row>
    <row r="431646" spans="8:8">
      <c r="H431646" s="12"/>
    </row>
    <row r="431647" spans="8:8">
      <c r="H431647" s="12"/>
    </row>
    <row r="431648" spans="8:8">
      <c r="H431648" s="12"/>
    </row>
    <row r="431649" spans="8:8">
      <c r="H431649" s="12"/>
    </row>
    <row r="431650" spans="8:8">
      <c r="H431650" s="12"/>
    </row>
    <row r="431651" spans="8:8">
      <c r="H431651" s="12"/>
    </row>
    <row r="431652" spans="8:8">
      <c r="H431652" s="12"/>
    </row>
    <row r="431653" spans="8:8">
      <c r="H431653" s="12"/>
    </row>
    <row r="431654" spans="8:8">
      <c r="H431654" s="12"/>
    </row>
    <row r="431655" spans="8:8">
      <c r="H431655" s="12"/>
    </row>
    <row r="431656" spans="8:8">
      <c r="H431656" s="12"/>
    </row>
    <row r="431657" spans="8:8">
      <c r="H431657" s="12"/>
    </row>
    <row r="431658" spans="8:8">
      <c r="H431658" s="12"/>
    </row>
    <row r="431659" spans="8:8">
      <c r="H431659" s="12"/>
    </row>
    <row r="431660" spans="8:8">
      <c r="H431660" s="12"/>
    </row>
    <row r="431661" spans="8:8">
      <c r="H431661" s="12"/>
    </row>
    <row r="431662" spans="8:8">
      <c r="H431662" s="12"/>
    </row>
    <row r="431663" spans="8:8">
      <c r="H431663" s="12"/>
    </row>
    <row r="431664" spans="8:8">
      <c r="H431664" s="12"/>
    </row>
    <row r="431665" spans="8:8">
      <c r="H431665" s="12"/>
    </row>
    <row r="431666" spans="8:8">
      <c r="H431666" s="12"/>
    </row>
    <row r="431667" spans="8:8">
      <c r="H431667" s="12"/>
    </row>
    <row r="431668" spans="8:8">
      <c r="H431668" s="12"/>
    </row>
    <row r="431669" spans="8:8">
      <c r="H431669" s="12"/>
    </row>
    <row r="431670" spans="8:8">
      <c r="H431670" s="12"/>
    </row>
    <row r="431671" spans="8:8">
      <c r="H431671" s="12"/>
    </row>
    <row r="431672" spans="8:8">
      <c r="H431672" s="12"/>
    </row>
    <row r="431673" spans="8:8">
      <c r="H431673" s="12"/>
    </row>
    <row r="431674" spans="8:8">
      <c r="H431674" s="12"/>
    </row>
    <row r="431675" spans="8:8">
      <c r="H431675" s="12"/>
    </row>
    <row r="431676" spans="8:8">
      <c r="H431676" s="12"/>
    </row>
    <row r="431677" spans="8:8">
      <c r="H431677" s="12"/>
    </row>
    <row r="431678" spans="8:8">
      <c r="H431678" s="12"/>
    </row>
    <row r="431679" spans="8:8">
      <c r="H431679" s="12"/>
    </row>
    <row r="431680" spans="8:8">
      <c r="H431680" s="12"/>
    </row>
    <row r="431681" spans="8:8">
      <c r="H431681" s="12"/>
    </row>
    <row r="431682" spans="8:8">
      <c r="H431682" s="12"/>
    </row>
    <row r="431683" spans="8:8">
      <c r="H431683" s="12"/>
    </row>
    <row r="431684" spans="8:8">
      <c r="H431684" s="12"/>
    </row>
    <row r="431685" spans="8:8">
      <c r="H431685" s="12"/>
    </row>
    <row r="431686" spans="8:8">
      <c r="H431686" s="12"/>
    </row>
    <row r="431687" spans="8:8">
      <c r="H431687" s="12"/>
    </row>
    <row r="431688" spans="8:8">
      <c r="H431688" s="12"/>
    </row>
    <row r="431689" spans="8:8">
      <c r="H431689" s="12"/>
    </row>
    <row r="431690" spans="8:8">
      <c r="H431690" s="12"/>
    </row>
    <row r="431691" spans="8:8">
      <c r="H431691" s="12"/>
    </row>
    <row r="431692" spans="8:8">
      <c r="H431692" s="12"/>
    </row>
    <row r="431693" spans="8:8">
      <c r="H431693" s="12"/>
    </row>
    <row r="431694" spans="8:8">
      <c r="H431694" s="12"/>
    </row>
    <row r="431695" spans="8:8">
      <c r="H431695" s="12"/>
    </row>
    <row r="431696" spans="8:8">
      <c r="H431696" s="12"/>
    </row>
    <row r="431697" spans="8:8">
      <c r="H431697" s="12"/>
    </row>
    <row r="431698" spans="8:8">
      <c r="H431698" s="12"/>
    </row>
    <row r="431699" spans="8:8">
      <c r="H431699" s="12"/>
    </row>
    <row r="431700" spans="8:8">
      <c r="H431700" s="12"/>
    </row>
    <row r="431701" spans="8:8">
      <c r="H431701" s="12"/>
    </row>
    <row r="431702" spans="8:8">
      <c r="H431702" s="12"/>
    </row>
    <row r="431703" spans="8:8">
      <c r="H431703" s="12"/>
    </row>
    <row r="431704" spans="8:8">
      <c r="H431704" s="12"/>
    </row>
    <row r="431705" spans="8:8">
      <c r="H431705" s="12"/>
    </row>
    <row r="431706" spans="8:8">
      <c r="H431706" s="12"/>
    </row>
    <row r="431707" spans="8:8">
      <c r="H431707" s="12"/>
    </row>
    <row r="431708" spans="8:8">
      <c r="H431708" s="12"/>
    </row>
    <row r="431709" spans="8:8">
      <c r="H431709" s="12"/>
    </row>
    <row r="431710" spans="8:8">
      <c r="H431710" s="12"/>
    </row>
    <row r="431711" spans="8:8">
      <c r="H431711" s="12"/>
    </row>
    <row r="431712" spans="8:8">
      <c r="H431712" s="12"/>
    </row>
    <row r="431713" spans="8:8">
      <c r="H431713" s="12"/>
    </row>
    <row r="431714" spans="8:8">
      <c r="H431714" s="12"/>
    </row>
    <row r="431715" spans="8:8">
      <c r="H431715" s="12"/>
    </row>
    <row r="431716" spans="8:8">
      <c r="H431716" s="12"/>
    </row>
    <row r="431717" spans="8:8">
      <c r="H431717" s="12"/>
    </row>
    <row r="431718" spans="8:8">
      <c r="H431718" s="12"/>
    </row>
    <row r="431719" spans="8:8">
      <c r="H431719" s="12"/>
    </row>
    <row r="431720" spans="8:8">
      <c r="H431720" s="12"/>
    </row>
    <row r="431721" spans="8:8">
      <c r="H431721" s="12"/>
    </row>
    <row r="431722" spans="8:8">
      <c r="H431722" s="12"/>
    </row>
    <row r="431723" spans="8:8">
      <c r="H431723" s="12"/>
    </row>
    <row r="431724" spans="8:8">
      <c r="H431724" s="12"/>
    </row>
    <row r="431725" spans="8:8">
      <c r="H431725" s="12"/>
    </row>
    <row r="431726" spans="8:8">
      <c r="H431726" s="12"/>
    </row>
    <row r="431727" spans="8:8">
      <c r="H431727" s="12"/>
    </row>
    <row r="431728" spans="8:8">
      <c r="H431728" s="12"/>
    </row>
    <row r="431729" spans="8:8">
      <c r="H431729" s="12"/>
    </row>
    <row r="431730" spans="8:8">
      <c r="H431730" s="12"/>
    </row>
    <row r="431731" spans="8:8">
      <c r="H431731" s="12"/>
    </row>
    <row r="431732" spans="8:8">
      <c r="H431732" s="12"/>
    </row>
    <row r="431733" spans="8:8">
      <c r="H431733" s="12"/>
    </row>
    <row r="431734" spans="8:8">
      <c r="H431734" s="12"/>
    </row>
    <row r="431735" spans="8:8">
      <c r="H431735" s="12"/>
    </row>
    <row r="431736" spans="8:8">
      <c r="H431736" s="12"/>
    </row>
    <row r="431737" spans="8:8">
      <c r="H431737" s="12"/>
    </row>
    <row r="431738" spans="8:8">
      <c r="H431738" s="12"/>
    </row>
    <row r="431739" spans="8:8">
      <c r="H431739" s="12"/>
    </row>
    <row r="431740" spans="8:8">
      <c r="H431740" s="12"/>
    </row>
    <row r="431741" spans="8:8">
      <c r="H431741" s="12"/>
    </row>
    <row r="431742" spans="8:8">
      <c r="H431742" s="12"/>
    </row>
    <row r="431743" spans="8:8">
      <c r="H431743" s="12"/>
    </row>
    <row r="431744" spans="8:8">
      <c r="H431744" s="12"/>
    </row>
    <row r="431745" spans="8:8">
      <c r="H431745" s="12"/>
    </row>
    <row r="431746" spans="8:8">
      <c r="H431746" s="12"/>
    </row>
    <row r="431747" spans="8:8">
      <c r="H431747" s="12"/>
    </row>
    <row r="431748" spans="8:8">
      <c r="H431748" s="12"/>
    </row>
    <row r="431749" spans="8:8">
      <c r="H431749" s="12"/>
    </row>
    <row r="431750" spans="8:8">
      <c r="H431750" s="12"/>
    </row>
    <row r="431751" spans="8:8">
      <c r="H431751" s="12"/>
    </row>
    <row r="431752" spans="8:8">
      <c r="H431752" s="12"/>
    </row>
    <row r="431753" spans="8:8">
      <c r="H431753" s="12"/>
    </row>
    <row r="431754" spans="8:8">
      <c r="H431754" s="12"/>
    </row>
    <row r="431755" spans="8:8">
      <c r="H431755" s="12"/>
    </row>
    <row r="431756" spans="8:8">
      <c r="H431756" s="12"/>
    </row>
    <row r="431757" spans="8:8">
      <c r="H431757" s="12"/>
    </row>
    <row r="431758" spans="8:8">
      <c r="H431758" s="12"/>
    </row>
    <row r="431759" spans="8:8">
      <c r="H431759" s="12"/>
    </row>
    <row r="431760" spans="8:8">
      <c r="H431760" s="12"/>
    </row>
    <row r="431761" spans="8:8">
      <c r="H431761" s="12"/>
    </row>
    <row r="431762" spans="8:8">
      <c r="H431762" s="12"/>
    </row>
    <row r="431763" spans="8:8">
      <c r="H431763" s="12"/>
    </row>
    <row r="431764" spans="8:8">
      <c r="H431764" s="12"/>
    </row>
    <row r="431765" spans="8:8">
      <c r="H431765" s="12"/>
    </row>
    <row r="431766" spans="8:8">
      <c r="H431766" s="12"/>
    </row>
    <row r="431767" spans="8:8">
      <c r="H431767" s="12"/>
    </row>
    <row r="431768" spans="8:8">
      <c r="H431768" s="12"/>
    </row>
    <row r="431769" spans="8:8">
      <c r="H431769" s="12"/>
    </row>
    <row r="431770" spans="8:8">
      <c r="H431770" s="12"/>
    </row>
    <row r="431771" spans="8:8">
      <c r="H431771" s="12"/>
    </row>
    <row r="431772" spans="8:8">
      <c r="H431772" s="12"/>
    </row>
    <row r="431773" spans="8:8">
      <c r="H431773" s="12"/>
    </row>
    <row r="431774" spans="8:8">
      <c r="H431774" s="12"/>
    </row>
    <row r="431775" spans="8:8">
      <c r="H431775" s="12"/>
    </row>
    <row r="431776" spans="8:8">
      <c r="H431776" s="12"/>
    </row>
    <row r="431777" spans="8:8">
      <c r="H431777" s="12"/>
    </row>
    <row r="431778" spans="8:8">
      <c r="H431778" s="12"/>
    </row>
    <row r="431779" spans="8:8">
      <c r="H431779" s="12"/>
    </row>
    <row r="431780" spans="8:8">
      <c r="H431780" s="12"/>
    </row>
    <row r="431781" spans="8:8">
      <c r="H431781" s="12"/>
    </row>
    <row r="431782" spans="8:8">
      <c r="H431782" s="12"/>
    </row>
    <row r="431783" spans="8:8">
      <c r="H431783" s="12"/>
    </row>
    <row r="431784" spans="8:8">
      <c r="H431784" s="12"/>
    </row>
    <row r="431785" spans="8:8">
      <c r="H431785" s="12"/>
    </row>
    <row r="431786" spans="8:8">
      <c r="H431786" s="12"/>
    </row>
    <row r="431787" spans="8:8">
      <c r="H431787" s="12"/>
    </row>
    <row r="431788" spans="8:8">
      <c r="H431788" s="12"/>
    </row>
    <row r="431789" spans="8:8">
      <c r="H431789" s="12"/>
    </row>
    <row r="431790" spans="8:8">
      <c r="H431790" s="12"/>
    </row>
    <row r="431791" spans="8:8">
      <c r="H431791" s="12"/>
    </row>
    <row r="431792" spans="8:8">
      <c r="H431792" s="12"/>
    </row>
    <row r="431793" spans="8:8">
      <c r="H431793" s="12"/>
    </row>
    <row r="431794" spans="8:8">
      <c r="H431794" s="12"/>
    </row>
    <row r="431795" spans="8:8">
      <c r="H431795" s="12"/>
    </row>
    <row r="431796" spans="8:8">
      <c r="H431796" s="12"/>
    </row>
    <row r="431797" spans="8:8">
      <c r="H431797" s="12"/>
    </row>
    <row r="431798" spans="8:8">
      <c r="H431798" s="12"/>
    </row>
    <row r="431799" spans="8:8">
      <c r="H431799" s="12"/>
    </row>
    <row r="431800" spans="8:8">
      <c r="H431800" s="12"/>
    </row>
    <row r="431801" spans="8:8">
      <c r="H431801" s="12"/>
    </row>
    <row r="431802" spans="8:8">
      <c r="H431802" s="12"/>
    </row>
    <row r="431803" spans="8:8">
      <c r="H431803" s="12"/>
    </row>
    <row r="431804" spans="8:8">
      <c r="H431804" s="12"/>
    </row>
    <row r="431805" spans="8:8">
      <c r="H431805" s="12"/>
    </row>
    <row r="431806" spans="8:8">
      <c r="H431806" s="12"/>
    </row>
    <row r="431807" spans="8:8">
      <c r="H431807" s="12"/>
    </row>
    <row r="431808" spans="8:8">
      <c r="H431808" s="12"/>
    </row>
    <row r="431809" spans="8:8">
      <c r="H431809" s="12"/>
    </row>
    <row r="431810" spans="8:8">
      <c r="H431810" s="12"/>
    </row>
    <row r="431811" spans="8:8">
      <c r="H431811" s="12"/>
    </row>
    <row r="431812" spans="8:8">
      <c r="H431812" s="12"/>
    </row>
    <row r="431813" spans="8:8">
      <c r="H431813" s="12"/>
    </row>
    <row r="431814" spans="8:8">
      <c r="H431814" s="12"/>
    </row>
    <row r="431815" spans="8:8">
      <c r="H431815" s="12"/>
    </row>
    <row r="431816" spans="8:8">
      <c r="H431816" s="12"/>
    </row>
    <row r="431817" spans="8:8">
      <c r="H431817" s="12"/>
    </row>
    <row r="431818" spans="8:8">
      <c r="H431818" s="12"/>
    </row>
    <row r="431819" spans="8:8">
      <c r="H431819" s="12"/>
    </row>
    <row r="431820" spans="8:8">
      <c r="H431820" s="12"/>
    </row>
    <row r="431821" spans="8:8">
      <c r="H431821" s="12"/>
    </row>
    <row r="431822" spans="8:8">
      <c r="H431822" s="12"/>
    </row>
    <row r="431823" spans="8:8">
      <c r="H431823" s="12"/>
    </row>
    <row r="431824" spans="8:8">
      <c r="H431824" s="12"/>
    </row>
    <row r="431825" spans="8:8">
      <c r="H431825" s="12"/>
    </row>
    <row r="431826" spans="8:8">
      <c r="H431826" s="12"/>
    </row>
    <row r="431827" spans="8:8">
      <c r="H431827" s="12"/>
    </row>
    <row r="431828" spans="8:8">
      <c r="H431828" s="12"/>
    </row>
    <row r="431829" spans="8:8">
      <c r="H431829" s="12"/>
    </row>
    <row r="431830" spans="8:8">
      <c r="H431830" s="12"/>
    </row>
    <row r="431831" spans="8:8">
      <c r="H431831" s="12"/>
    </row>
    <row r="431832" spans="8:8">
      <c r="H431832" s="12"/>
    </row>
    <row r="431833" spans="8:8">
      <c r="H431833" s="12"/>
    </row>
    <row r="431834" spans="8:8">
      <c r="H431834" s="12"/>
    </row>
    <row r="431835" spans="8:8">
      <c r="H431835" s="12"/>
    </row>
    <row r="431836" spans="8:8">
      <c r="H431836" s="12"/>
    </row>
    <row r="431837" spans="8:8">
      <c r="H431837" s="12"/>
    </row>
    <row r="431838" spans="8:8">
      <c r="H431838" s="12"/>
    </row>
    <row r="431839" spans="8:8">
      <c r="H431839" s="12"/>
    </row>
    <row r="431840" spans="8:8">
      <c r="H431840" s="12"/>
    </row>
    <row r="431841" spans="8:8">
      <c r="H431841" s="12"/>
    </row>
    <row r="431842" spans="8:8">
      <c r="H431842" s="12"/>
    </row>
    <row r="431843" spans="8:8">
      <c r="H431843" s="12"/>
    </row>
    <row r="431844" spans="8:8">
      <c r="H431844" s="12"/>
    </row>
    <row r="431845" spans="8:8">
      <c r="H431845" s="12"/>
    </row>
    <row r="431846" spans="8:8">
      <c r="H431846" s="12"/>
    </row>
    <row r="431847" spans="8:8">
      <c r="H431847" s="12"/>
    </row>
    <row r="431848" spans="8:8">
      <c r="H431848" s="12"/>
    </row>
    <row r="431849" spans="8:8">
      <c r="H431849" s="12"/>
    </row>
    <row r="431850" spans="8:8">
      <c r="H431850" s="12"/>
    </row>
    <row r="431851" spans="8:8">
      <c r="H431851" s="12"/>
    </row>
    <row r="431852" spans="8:8">
      <c r="H431852" s="12"/>
    </row>
    <row r="431853" spans="8:8">
      <c r="H431853" s="12"/>
    </row>
    <row r="431854" spans="8:8">
      <c r="H431854" s="12"/>
    </row>
    <row r="431855" spans="8:8">
      <c r="H431855" s="12"/>
    </row>
    <row r="431856" spans="8:8">
      <c r="H431856" s="12"/>
    </row>
    <row r="431857" spans="8:8">
      <c r="H431857" s="12"/>
    </row>
    <row r="431858" spans="8:8">
      <c r="H431858" s="12"/>
    </row>
    <row r="431859" spans="8:8">
      <c r="H431859" s="12"/>
    </row>
    <row r="431860" spans="8:8">
      <c r="H431860" s="12"/>
    </row>
    <row r="431861" spans="8:8">
      <c r="H431861" s="12"/>
    </row>
    <row r="431862" spans="8:8">
      <c r="H431862" s="12"/>
    </row>
    <row r="431863" spans="8:8">
      <c r="H431863" s="12"/>
    </row>
    <row r="431864" spans="8:8">
      <c r="H431864" s="12"/>
    </row>
    <row r="431865" spans="8:8">
      <c r="H431865" s="12"/>
    </row>
    <row r="431866" spans="8:8">
      <c r="H431866" s="12"/>
    </row>
    <row r="431867" spans="8:8">
      <c r="H431867" s="12"/>
    </row>
    <row r="431868" spans="8:8">
      <c r="H431868" s="12"/>
    </row>
    <row r="431869" spans="8:8">
      <c r="H431869" s="12"/>
    </row>
    <row r="431870" spans="8:8">
      <c r="H431870" s="12"/>
    </row>
    <row r="431871" spans="8:8">
      <c r="H431871" s="12"/>
    </row>
    <row r="431872" spans="8:8">
      <c r="H431872" s="12"/>
    </row>
    <row r="431873" spans="8:8">
      <c r="H431873" s="12"/>
    </row>
    <row r="431874" spans="8:8">
      <c r="H431874" s="12"/>
    </row>
    <row r="431875" spans="8:8">
      <c r="H431875" s="12"/>
    </row>
    <row r="431876" spans="8:8">
      <c r="H431876" s="12"/>
    </row>
    <row r="431877" spans="8:8">
      <c r="H431877" s="12"/>
    </row>
    <row r="431878" spans="8:8">
      <c r="H431878" s="12"/>
    </row>
    <row r="431879" spans="8:8">
      <c r="H431879" s="12"/>
    </row>
    <row r="431880" spans="8:8">
      <c r="H431880" s="12"/>
    </row>
    <row r="431881" spans="8:8">
      <c r="H431881" s="12"/>
    </row>
    <row r="431882" spans="8:8">
      <c r="H431882" s="12"/>
    </row>
    <row r="431883" spans="8:8">
      <c r="H431883" s="12"/>
    </row>
    <row r="431884" spans="8:8">
      <c r="H431884" s="12"/>
    </row>
    <row r="431885" spans="8:8">
      <c r="H431885" s="12"/>
    </row>
    <row r="431886" spans="8:8">
      <c r="H431886" s="12"/>
    </row>
    <row r="431887" spans="8:8">
      <c r="H431887" s="12"/>
    </row>
    <row r="431888" spans="8:8">
      <c r="H431888" s="12"/>
    </row>
    <row r="431889" spans="8:8">
      <c r="H431889" s="12"/>
    </row>
    <row r="431890" spans="8:8">
      <c r="H431890" s="12"/>
    </row>
    <row r="431891" spans="8:8">
      <c r="H431891" s="12"/>
    </row>
    <row r="431892" spans="8:8">
      <c r="H431892" s="12"/>
    </row>
    <row r="431893" spans="8:8">
      <c r="H431893" s="12"/>
    </row>
    <row r="431894" spans="8:8">
      <c r="H431894" s="12"/>
    </row>
    <row r="431895" spans="8:8">
      <c r="H431895" s="12"/>
    </row>
    <row r="431896" spans="8:8">
      <c r="H431896" s="12"/>
    </row>
    <row r="431897" spans="8:8">
      <c r="H431897" s="12"/>
    </row>
    <row r="431898" spans="8:8">
      <c r="H431898" s="12"/>
    </row>
    <row r="431899" spans="8:8">
      <c r="H431899" s="12"/>
    </row>
    <row r="431900" spans="8:8">
      <c r="H431900" s="12"/>
    </row>
    <row r="431901" spans="8:8">
      <c r="H431901" s="12"/>
    </row>
    <row r="431902" spans="8:8">
      <c r="H431902" s="12"/>
    </row>
    <row r="431903" spans="8:8">
      <c r="H431903" s="12"/>
    </row>
    <row r="431904" spans="8:8">
      <c r="H431904" s="12"/>
    </row>
    <row r="431905" spans="8:8">
      <c r="H431905" s="12"/>
    </row>
    <row r="431906" spans="8:8">
      <c r="H431906" s="12"/>
    </row>
    <row r="431907" spans="8:8">
      <c r="H431907" s="12"/>
    </row>
    <row r="431908" spans="8:8">
      <c r="H431908" s="12"/>
    </row>
    <row r="431909" spans="8:8">
      <c r="H431909" s="12"/>
    </row>
    <row r="431910" spans="8:8">
      <c r="H431910" s="12"/>
    </row>
    <row r="431911" spans="8:8">
      <c r="H431911" s="12"/>
    </row>
    <row r="431912" spans="8:8">
      <c r="H431912" s="12"/>
    </row>
    <row r="431913" spans="8:8">
      <c r="H431913" s="12"/>
    </row>
    <row r="431914" spans="8:8">
      <c r="H431914" s="12"/>
    </row>
    <row r="431915" spans="8:8">
      <c r="H431915" s="12"/>
    </row>
    <row r="431916" spans="8:8">
      <c r="H431916" s="12"/>
    </row>
    <row r="431917" spans="8:8">
      <c r="H431917" s="12"/>
    </row>
    <row r="431918" spans="8:8">
      <c r="H431918" s="12"/>
    </row>
    <row r="431919" spans="8:8">
      <c r="H431919" s="12"/>
    </row>
    <row r="431920" spans="8:8">
      <c r="H431920" s="12"/>
    </row>
    <row r="431921" spans="8:8">
      <c r="H431921" s="12"/>
    </row>
    <row r="431922" spans="8:8">
      <c r="H431922" s="12"/>
    </row>
    <row r="431923" spans="8:8">
      <c r="H431923" s="12"/>
    </row>
    <row r="431924" spans="8:8">
      <c r="H431924" s="12"/>
    </row>
    <row r="431925" spans="8:8">
      <c r="H431925" s="12"/>
    </row>
    <row r="431926" spans="8:8">
      <c r="H431926" s="12"/>
    </row>
    <row r="431927" spans="8:8">
      <c r="H431927" s="12"/>
    </row>
    <row r="431928" spans="8:8">
      <c r="H431928" s="12"/>
    </row>
    <row r="431929" spans="8:8">
      <c r="H431929" s="12"/>
    </row>
    <row r="431930" spans="8:8">
      <c r="H431930" s="12"/>
    </row>
    <row r="431931" spans="8:8">
      <c r="H431931" s="12"/>
    </row>
    <row r="431932" spans="8:8">
      <c r="H431932" s="12"/>
    </row>
    <row r="431933" spans="8:8">
      <c r="H431933" s="12"/>
    </row>
    <row r="431934" spans="8:8">
      <c r="H431934" s="12"/>
    </row>
    <row r="431935" spans="8:8">
      <c r="H431935" s="12"/>
    </row>
    <row r="431936" spans="8:8">
      <c r="H431936" s="12"/>
    </row>
    <row r="431937" spans="8:8">
      <c r="H431937" s="12"/>
    </row>
    <row r="431938" spans="8:8">
      <c r="H431938" s="12"/>
    </row>
    <row r="431939" spans="8:8">
      <c r="H431939" s="12"/>
    </row>
    <row r="431940" spans="8:8">
      <c r="H431940" s="12"/>
    </row>
    <row r="431941" spans="8:8">
      <c r="H431941" s="12"/>
    </row>
    <row r="431942" spans="8:8">
      <c r="H431942" s="12"/>
    </row>
    <row r="431943" spans="8:8">
      <c r="H431943" s="12"/>
    </row>
    <row r="431944" spans="8:8">
      <c r="H431944" s="12"/>
    </row>
    <row r="431945" spans="8:8">
      <c r="H431945" s="12"/>
    </row>
    <row r="431946" spans="8:8">
      <c r="H431946" s="12"/>
    </row>
    <row r="431947" spans="8:8">
      <c r="H431947" s="12"/>
    </row>
    <row r="431948" spans="8:8">
      <c r="H431948" s="12"/>
    </row>
    <row r="431949" spans="8:8">
      <c r="H431949" s="12"/>
    </row>
    <row r="431950" spans="8:8">
      <c r="H431950" s="12"/>
    </row>
    <row r="431951" spans="8:8">
      <c r="H431951" s="12"/>
    </row>
    <row r="431952" spans="8:8">
      <c r="H431952" s="12"/>
    </row>
    <row r="431953" spans="8:8">
      <c r="H431953" s="12"/>
    </row>
    <row r="431954" spans="8:8">
      <c r="H431954" s="12"/>
    </row>
    <row r="431955" spans="8:8">
      <c r="H431955" s="12"/>
    </row>
    <row r="431956" spans="8:8">
      <c r="H431956" s="12"/>
    </row>
    <row r="431957" spans="8:8">
      <c r="H431957" s="12"/>
    </row>
    <row r="431958" spans="8:8">
      <c r="H431958" s="12"/>
    </row>
    <row r="431959" spans="8:8">
      <c r="H431959" s="12"/>
    </row>
    <row r="431960" spans="8:8">
      <c r="H431960" s="12"/>
    </row>
    <row r="431961" spans="8:8">
      <c r="H431961" s="12"/>
    </row>
    <row r="431962" spans="8:8">
      <c r="H431962" s="12"/>
    </row>
    <row r="431963" spans="8:8">
      <c r="H431963" s="12"/>
    </row>
    <row r="431964" spans="8:8">
      <c r="H431964" s="12"/>
    </row>
    <row r="431965" spans="8:8">
      <c r="H431965" s="12"/>
    </row>
    <row r="431966" spans="8:8">
      <c r="H431966" s="12"/>
    </row>
    <row r="431967" spans="8:8">
      <c r="H431967" s="12"/>
    </row>
    <row r="431968" spans="8:8">
      <c r="H431968" s="12"/>
    </row>
    <row r="431969" spans="8:8">
      <c r="H431969" s="12"/>
    </row>
    <row r="431970" spans="8:8">
      <c r="H431970" s="12"/>
    </row>
    <row r="431971" spans="8:8">
      <c r="H431971" s="12"/>
    </row>
    <row r="431972" spans="8:8">
      <c r="H431972" s="12"/>
    </row>
    <row r="431973" spans="8:8">
      <c r="H431973" s="12"/>
    </row>
    <row r="431974" spans="8:8">
      <c r="H431974" s="12"/>
    </row>
    <row r="431975" spans="8:8">
      <c r="H431975" s="12"/>
    </row>
    <row r="431976" spans="8:8">
      <c r="H431976" s="12"/>
    </row>
    <row r="431977" spans="8:8">
      <c r="H431977" s="12"/>
    </row>
    <row r="431978" spans="8:8">
      <c r="H431978" s="12"/>
    </row>
    <row r="431979" spans="8:8">
      <c r="H431979" s="12"/>
    </row>
    <row r="431980" spans="8:8">
      <c r="H431980" s="12"/>
    </row>
    <row r="431981" spans="8:8">
      <c r="H431981" s="12"/>
    </row>
    <row r="431982" spans="8:8">
      <c r="H431982" s="12"/>
    </row>
    <row r="431983" spans="8:8">
      <c r="H431983" s="12"/>
    </row>
    <row r="431984" spans="8:8">
      <c r="H431984" s="12"/>
    </row>
    <row r="431985" spans="8:8">
      <c r="H431985" s="12"/>
    </row>
    <row r="431986" spans="8:8">
      <c r="H431986" s="12"/>
    </row>
    <row r="431987" spans="8:8">
      <c r="H431987" s="12"/>
    </row>
    <row r="431988" spans="8:8">
      <c r="H431988" s="12"/>
    </row>
    <row r="431989" spans="8:8">
      <c r="H431989" s="12"/>
    </row>
    <row r="431990" spans="8:8">
      <c r="H431990" s="12"/>
    </row>
    <row r="431991" spans="8:8">
      <c r="H431991" s="12"/>
    </row>
    <row r="431992" spans="8:8">
      <c r="H431992" s="12"/>
    </row>
    <row r="431993" spans="8:8">
      <c r="H431993" s="12"/>
    </row>
    <row r="431994" spans="8:8">
      <c r="H431994" s="12"/>
    </row>
    <row r="431995" spans="8:8">
      <c r="H431995" s="12"/>
    </row>
    <row r="431996" spans="8:8">
      <c r="H431996" s="12"/>
    </row>
    <row r="431997" spans="8:8">
      <c r="H431997" s="12"/>
    </row>
    <row r="431998" spans="8:8">
      <c r="H431998" s="12"/>
    </row>
    <row r="431999" spans="8:8">
      <c r="H431999" s="12"/>
    </row>
    <row r="432000" spans="8:8">
      <c r="H432000" s="12"/>
    </row>
    <row r="432001" spans="8:8">
      <c r="H432001" s="12"/>
    </row>
    <row r="432002" spans="8:8">
      <c r="H432002" s="12"/>
    </row>
    <row r="432003" spans="8:8">
      <c r="H432003" s="12"/>
    </row>
    <row r="432004" spans="8:8">
      <c r="H432004" s="12"/>
    </row>
    <row r="432005" spans="8:8">
      <c r="H432005" s="12"/>
    </row>
    <row r="432006" spans="8:8">
      <c r="H432006" s="12"/>
    </row>
    <row r="432007" spans="8:8">
      <c r="H432007" s="12"/>
    </row>
    <row r="432008" spans="8:8">
      <c r="H432008" s="12"/>
    </row>
    <row r="432009" spans="8:8">
      <c r="H432009" s="12"/>
    </row>
    <row r="432010" spans="8:8">
      <c r="H432010" s="12"/>
    </row>
    <row r="432011" spans="8:8">
      <c r="H432011" s="12"/>
    </row>
    <row r="432012" spans="8:8">
      <c r="H432012" s="12"/>
    </row>
    <row r="432013" spans="8:8">
      <c r="H432013" s="12"/>
    </row>
    <row r="432014" spans="8:8">
      <c r="H432014" s="12"/>
    </row>
    <row r="432015" spans="8:8">
      <c r="H432015" s="12"/>
    </row>
    <row r="432016" spans="8:8">
      <c r="H432016" s="12"/>
    </row>
    <row r="432017" spans="8:8">
      <c r="H432017" s="12"/>
    </row>
    <row r="432018" spans="8:8">
      <c r="H432018" s="12"/>
    </row>
    <row r="432019" spans="8:8">
      <c r="H432019" s="12"/>
    </row>
    <row r="432020" spans="8:8">
      <c r="H432020" s="12"/>
    </row>
    <row r="432021" spans="8:8">
      <c r="H432021" s="12"/>
    </row>
    <row r="432022" spans="8:8">
      <c r="H432022" s="12"/>
    </row>
    <row r="432023" spans="8:8">
      <c r="H432023" s="12"/>
    </row>
    <row r="432024" spans="8:8">
      <c r="H432024" s="12"/>
    </row>
    <row r="432025" spans="8:8">
      <c r="H432025" s="12"/>
    </row>
    <row r="432026" spans="8:8">
      <c r="H432026" s="12"/>
    </row>
    <row r="432027" spans="8:8">
      <c r="H432027" s="12"/>
    </row>
    <row r="432028" spans="8:8">
      <c r="H432028" s="12"/>
    </row>
    <row r="432029" spans="8:8">
      <c r="H432029" s="12"/>
    </row>
    <row r="432030" spans="8:8">
      <c r="H432030" s="12"/>
    </row>
    <row r="432031" spans="8:8">
      <c r="H432031" s="12"/>
    </row>
    <row r="432032" spans="8:8">
      <c r="H432032" s="12"/>
    </row>
    <row r="432033" spans="8:8">
      <c r="H432033" s="12"/>
    </row>
    <row r="432034" spans="8:8">
      <c r="H432034" s="12"/>
    </row>
    <row r="432035" spans="8:8">
      <c r="H432035" s="12"/>
    </row>
    <row r="432036" spans="8:8">
      <c r="H432036" s="12"/>
    </row>
    <row r="432037" spans="8:8">
      <c r="H432037" s="12"/>
    </row>
    <row r="432038" spans="8:8">
      <c r="H432038" s="12"/>
    </row>
    <row r="432039" spans="8:8">
      <c r="H432039" s="12"/>
    </row>
    <row r="432040" spans="8:8">
      <c r="H432040" s="12"/>
    </row>
    <row r="432041" spans="8:8">
      <c r="H432041" s="12"/>
    </row>
    <row r="432042" spans="8:8">
      <c r="H432042" s="12"/>
    </row>
    <row r="432043" spans="8:8">
      <c r="H432043" s="12"/>
    </row>
    <row r="432044" spans="8:8">
      <c r="H432044" s="12"/>
    </row>
    <row r="432045" spans="8:8">
      <c r="H432045" s="12"/>
    </row>
    <row r="432046" spans="8:8">
      <c r="H432046" s="12"/>
    </row>
    <row r="432047" spans="8:8">
      <c r="H432047" s="12"/>
    </row>
    <row r="432048" spans="8:8">
      <c r="H432048" s="12"/>
    </row>
    <row r="432049" spans="8:8">
      <c r="H432049" s="12"/>
    </row>
    <row r="432050" spans="8:8">
      <c r="H432050" s="12"/>
    </row>
    <row r="432051" spans="8:8">
      <c r="H432051" s="12"/>
    </row>
    <row r="432052" spans="8:8">
      <c r="H432052" s="12"/>
    </row>
    <row r="432053" spans="8:8">
      <c r="H432053" s="12"/>
    </row>
    <row r="432054" spans="8:8">
      <c r="H432054" s="12"/>
    </row>
    <row r="432055" spans="8:8">
      <c r="H432055" s="12"/>
    </row>
    <row r="432056" spans="8:8">
      <c r="H432056" s="12"/>
    </row>
    <row r="432057" spans="8:8">
      <c r="H432057" s="12"/>
    </row>
    <row r="432058" spans="8:8">
      <c r="H432058" s="12"/>
    </row>
    <row r="432059" spans="8:8">
      <c r="H432059" s="12"/>
    </row>
    <row r="432060" spans="8:8">
      <c r="H432060" s="12"/>
    </row>
    <row r="432061" spans="8:8">
      <c r="H432061" s="12"/>
    </row>
    <row r="432062" spans="8:8">
      <c r="H432062" s="12"/>
    </row>
    <row r="432063" spans="8:8">
      <c r="H432063" s="12"/>
    </row>
    <row r="432064" spans="8:8">
      <c r="H432064" s="12"/>
    </row>
    <row r="432065" spans="8:8">
      <c r="H432065" s="12"/>
    </row>
    <row r="432066" spans="8:8">
      <c r="H432066" s="12"/>
    </row>
    <row r="432067" spans="8:8">
      <c r="H432067" s="12"/>
    </row>
    <row r="432068" spans="8:8">
      <c r="H432068" s="12"/>
    </row>
    <row r="432069" spans="8:8">
      <c r="H432069" s="12"/>
    </row>
    <row r="432070" spans="8:8">
      <c r="H432070" s="12"/>
    </row>
    <row r="432071" spans="8:8">
      <c r="H432071" s="12"/>
    </row>
    <row r="432072" spans="8:8">
      <c r="H432072" s="12"/>
    </row>
    <row r="432073" spans="8:8">
      <c r="H432073" s="12"/>
    </row>
    <row r="432074" spans="8:8">
      <c r="H432074" s="12"/>
    </row>
    <row r="432075" spans="8:8">
      <c r="H432075" s="12"/>
    </row>
    <row r="432076" spans="8:8">
      <c r="H432076" s="12"/>
    </row>
    <row r="432077" spans="8:8">
      <c r="H432077" s="12"/>
    </row>
    <row r="432078" spans="8:8">
      <c r="H432078" s="12"/>
    </row>
    <row r="432079" spans="8:8">
      <c r="H432079" s="12"/>
    </row>
    <row r="432080" spans="8:8">
      <c r="H432080" s="12"/>
    </row>
    <row r="432081" spans="8:8">
      <c r="H432081" s="12"/>
    </row>
    <row r="432082" spans="8:8">
      <c r="H432082" s="12"/>
    </row>
    <row r="432083" spans="8:8">
      <c r="H432083" s="12"/>
    </row>
    <row r="432084" spans="8:8">
      <c r="H432084" s="12"/>
    </row>
    <row r="432085" spans="8:8">
      <c r="H432085" s="12"/>
    </row>
    <row r="432086" spans="8:8">
      <c r="H432086" s="12"/>
    </row>
    <row r="432087" spans="8:8">
      <c r="H432087" s="12"/>
    </row>
    <row r="432088" spans="8:8">
      <c r="H432088" s="12"/>
    </row>
    <row r="432089" spans="8:8">
      <c r="H432089" s="12"/>
    </row>
    <row r="432090" spans="8:8">
      <c r="H432090" s="12"/>
    </row>
    <row r="432091" spans="8:8">
      <c r="H432091" s="12"/>
    </row>
    <row r="432092" spans="8:8">
      <c r="H432092" s="12"/>
    </row>
    <row r="432093" spans="8:8">
      <c r="H432093" s="12"/>
    </row>
    <row r="432094" spans="8:8">
      <c r="H432094" s="12"/>
    </row>
    <row r="432095" spans="8:8">
      <c r="H432095" s="12"/>
    </row>
    <row r="432096" spans="8:8">
      <c r="H432096" s="12"/>
    </row>
    <row r="432097" spans="8:8">
      <c r="H432097" s="12"/>
    </row>
    <row r="432098" spans="8:8">
      <c r="H432098" s="12"/>
    </row>
    <row r="432099" spans="8:8">
      <c r="H432099" s="12"/>
    </row>
    <row r="432100" spans="8:8">
      <c r="H432100" s="12"/>
    </row>
    <row r="432101" spans="8:8">
      <c r="H432101" s="12"/>
    </row>
    <row r="432102" spans="8:8">
      <c r="H432102" s="12"/>
    </row>
    <row r="432103" spans="8:8">
      <c r="H432103" s="12"/>
    </row>
    <row r="432104" spans="8:8">
      <c r="H432104" s="12"/>
    </row>
    <row r="432105" spans="8:8">
      <c r="H432105" s="12"/>
    </row>
    <row r="432106" spans="8:8">
      <c r="H432106" s="12"/>
    </row>
    <row r="432107" spans="8:8">
      <c r="H432107" s="12"/>
    </row>
    <row r="432108" spans="8:8">
      <c r="H432108" s="12"/>
    </row>
    <row r="432109" spans="8:8">
      <c r="H432109" s="12"/>
    </row>
    <row r="432110" spans="8:8">
      <c r="H432110" s="12"/>
    </row>
    <row r="432111" spans="8:8">
      <c r="H432111" s="12"/>
    </row>
    <row r="432112" spans="8:8">
      <c r="H432112" s="12"/>
    </row>
    <row r="432113" spans="8:8">
      <c r="H432113" s="12"/>
    </row>
    <row r="432114" spans="8:8">
      <c r="H432114" s="12"/>
    </row>
    <row r="432115" spans="8:8">
      <c r="H432115" s="12"/>
    </row>
    <row r="432116" spans="8:8">
      <c r="H432116" s="12"/>
    </row>
    <row r="432117" spans="8:8">
      <c r="H432117" s="12"/>
    </row>
    <row r="432118" spans="8:8">
      <c r="H432118" s="12"/>
    </row>
    <row r="432119" spans="8:8">
      <c r="H432119" s="12"/>
    </row>
    <row r="432120" spans="8:8">
      <c r="H432120" s="12"/>
    </row>
    <row r="432121" spans="8:8">
      <c r="H432121" s="12"/>
    </row>
    <row r="432122" spans="8:8">
      <c r="H432122" s="12"/>
    </row>
    <row r="432123" spans="8:8">
      <c r="H432123" s="12"/>
    </row>
    <row r="432124" spans="8:8">
      <c r="H432124" s="12"/>
    </row>
    <row r="432125" spans="8:8">
      <c r="H432125" s="12"/>
    </row>
    <row r="432126" spans="8:8">
      <c r="H432126" s="12"/>
    </row>
    <row r="432127" spans="8:8">
      <c r="H432127" s="12"/>
    </row>
    <row r="432128" spans="8:8">
      <c r="H432128" s="12"/>
    </row>
    <row r="432129" spans="8:8">
      <c r="H432129" s="12"/>
    </row>
    <row r="432130" spans="8:8">
      <c r="H432130" s="12"/>
    </row>
    <row r="432131" spans="8:8">
      <c r="H432131" s="12"/>
    </row>
    <row r="432132" spans="8:8">
      <c r="H432132" s="12"/>
    </row>
    <row r="432133" spans="8:8">
      <c r="H432133" s="12"/>
    </row>
    <row r="432134" spans="8:8">
      <c r="H432134" s="12"/>
    </row>
    <row r="432135" spans="8:8">
      <c r="H432135" s="12"/>
    </row>
    <row r="432136" spans="8:8">
      <c r="H432136" s="12"/>
    </row>
    <row r="432137" spans="8:8">
      <c r="H432137" s="12"/>
    </row>
    <row r="432138" spans="8:8">
      <c r="H432138" s="12"/>
    </row>
    <row r="432139" spans="8:8">
      <c r="H432139" s="12"/>
    </row>
    <row r="432140" spans="8:8">
      <c r="H432140" s="12"/>
    </row>
    <row r="432141" spans="8:8">
      <c r="H432141" s="12"/>
    </row>
    <row r="432142" spans="8:8">
      <c r="H432142" s="12"/>
    </row>
    <row r="432143" spans="8:8">
      <c r="H432143" s="12"/>
    </row>
    <row r="432144" spans="8:8">
      <c r="H432144" s="12"/>
    </row>
    <row r="432145" spans="8:8">
      <c r="H432145" s="12"/>
    </row>
    <row r="432146" spans="8:8">
      <c r="H432146" s="12"/>
    </row>
    <row r="432147" spans="8:8">
      <c r="H432147" s="12"/>
    </row>
    <row r="432148" spans="8:8">
      <c r="H432148" s="12"/>
    </row>
    <row r="432149" spans="8:8">
      <c r="H432149" s="12"/>
    </row>
    <row r="432150" spans="8:8">
      <c r="H432150" s="12"/>
    </row>
    <row r="432151" spans="8:8">
      <c r="H432151" s="12"/>
    </row>
    <row r="432152" spans="8:8">
      <c r="H432152" s="12"/>
    </row>
    <row r="432153" spans="8:8">
      <c r="H432153" s="12"/>
    </row>
    <row r="432154" spans="8:8">
      <c r="H432154" s="12"/>
    </row>
    <row r="432155" spans="8:8">
      <c r="H432155" s="12"/>
    </row>
    <row r="432156" spans="8:8">
      <c r="H432156" s="12"/>
    </row>
    <row r="432157" spans="8:8">
      <c r="H432157" s="12"/>
    </row>
    <row r="432158" spans="8:8">
      <c r="H432158" s="12"/>
    </row>
    <row r="432159" spans="8:8">
      <c r="H432159" s="12"/>
    </row>
    <row r="432160" spans="8:8">
      <c r="H432160" s="12"/>
    </row>
    <row r="432161" spans="8:8">
      <c r="H432161" s="12"/>
    </row>
    <row r="432162" spans="8:8">
      <c r="H432162" s="12"/>
    </row>
    <row r="432163" spans="8:8">
      <c r="H432163" s="12"/>
    </row>
    <row r="432164" spans="8:8">
      <c r="H432164" s="12"/>
    </row>
    <row r="432165" spans="8:8">
      <c r="H432165" s="12"/>
    </row>
    <row r="432166" spans="8:8">
      <c r="H432166" s="12"/>
    </row>
    <row r="432167" spans="8:8">
      <c r="H432167" s="12"/>
    </row>
    <row r="432168" spans="8:8">
      <c r="H432168" s="12"/>
    </row>
    <row r="432169" spans="8:8">
      <c r="H432169" s="12"/>
    </row>
    <row r="432170" spans="8:8">
      <c r="H432170" s="12"/>
    </row>
    <row r="432171" spans="8:8">
      <c r="H432171" s="12"/>
    </row>
    <row r="432172" spans="8:8">
      <c r="H432172" s="12"/>
    </row>
    <row r="432173" spans="8:8">
      <c r="H432173" s="12"/>
    </row>
    <row r="432174" spans="8:8">
      <c r="H432174" s="12"/>
    </row>
    <row r="432175" spans="8:8">
      <c r="H432175" s="12"/>
    </row>
    <row r="432176" spans="8:8">
      <c r="H432176" s="12"/>
    </row>
    <row r="432177" spans="8:8">
      <c r="H432177" s="12"/>
    </row>
    <row r="432178" spans="8:8">
      <c r="H432178" s="12"/>
    </row>
    <row r="432179" spans="8:8">
      <c r="H432179" s="12"/>
    </row>
    <row r="432180" spans="8:8">
      <c r="H432180" s="12"/>
    </row>
    <row r="432181" spans="8:8">
      <c r="H432181" s="12"/>
    </row>
    <row r="432182" spans="8:8">
      <c r="H432182" s="12"/>
    </row>
    <row r="432183" spans="8:8">
      <c r="H432183" s="12"/>
    </row>
    <row r="432184" spans="8:8">
      <c r="H432184" s="12"/>
    </row>
    <row r="432185" spans="8:8">
      <c r="H432185" s="12"/>
    </row>
    <row r="432186" spans="8:8">
      <c r="H432186" s="12"/>
    </row>
    <row r="432187" spans="8:8">
      <c r="H432187" s="12"/>
    </row>
    <row r="432188" spans="8:8">
      <c r="H432188" s="12"/>
    </row>
    <row r="432189" spans="8:8">
      <c r="H432189" s="12"/>
    </row>
    <row r="432190" spans="8:8">
      <c r="H432190" s="12"/>
    </row>
    <row r="432191" spans="8:8">
      <c r="H432191" s="12"/>
    </row>
    <row r="432192" spans="8:8">
      <c r="H432192" s="12"/>
    </row>
    <row r="432193" spans="8:8">
      <c r="H432193" s="12"/>
    </row>
    <row r="432194" spans="8:8">
      <c r="H432194" s="12"/>
    </row>
    <row r="432195" spans="8:8">
      <c r="H432195" s="12"/>
    </row>
    <row r="432196" spans="8:8">
      <c r="H432196" s="12"/>
    </row>
    <row r="432197" spans="8:8">
      <c r="H432197" s="12"/>
    </row>
    <row r="432198" spans="8:8">
      <c r="H432198" s="12"/>
    </row>
    <row r="432199" spans="8:8">
      <c r="H432199" s="12"/>
    </row>
    <row r="432200" spans="8:8">
      <c r="H432200" s="12"/>
    </row>
    <row r="432201" spans="8:8">
      <c r="H432201" s="12"/>
    </row>
    <row r="432202" spans="8:8">
      <c r="H432202" s="12"/>
    </row>
    <row r="432203" spans="8:8">
      <c r="H432203" s="12"/>
    </row>
    <row r="432204" spans="8:8">
      <c r="H432204" s="12"/>
    </row>
    <row r="432205" spans="8:8">
      <c r="H432205" s="12"/>
    </row>
    <row r="432206" spans="8:8">
      <c r="H432206" s="12"/>
    </row>
    <row r="432207" spans="8:8">
      <c r="H432207" s="12"/>
    </row>
    <row r="432208" spans="8:8">
      <c r="H432208" s="12"/>
    </row>
    <row r="432209" spans="8:8">
      <c r="H432209" s="12"/>
    </row>
    <row r="432210" spans="8:8">
      <c r="H432210" s="12"/>
    </row>
    <row r="432211" spans="8:8">
      <c r="H432211" s="12"/>
    </row>
    <row r="432212" spans="8:8">
      <c r="H432212" s="12"/>
    </row>
    <row r="432213" spans="8:8">
      <c r="H432213" s="12"/>
    </row>
    <row r="432214" spans="8:8">
      <c r="H432214" s="12"/>
    </row>
    <row r="432215" spans="8:8">
      <c r="H432215" s="12"/>
    </row>
    <row r="432216" spans="8:8">
      <c r="H432216" s="12"/>
    </row>
    <row r="432217" spans="8:8">
      <c r="H432217" s="12"/>
    </row>
    <row r="432218" spans="8:8">
      <c r="H432218" s="12"/>
    </row>
    <row r="432219" spans="8:8">
      <c r="H432219" s="12"/>
    </row>
    <row r="432220" spans="8:8">
      <c r="H432220" s="12"/>
    </row>
    <row r="432221" spans="8:8">
      <c r="H432221" s="12"/>
    </row>
    <row r="432222" spans="8:8">
      <c r="H432222" s="12"/>
    </row>
    <row r="432223" spans="8:8">
      <c r="H432223" s="12"/>
    </row>
    <row r="432224" spans="8:8">
      <c r="H432224" s="12"/>
    </row>
    <row r="432225" spans="8:8">
      <c r="H432225" s="12"/>
    </row>
    <row r="432226" spans="8:8">
      <c r="H432226" s="12"/>
    </row>
    <row r="432227" spans="8:8">
      <c r="H432227" s="12"/>
    </row>
    <row r="432228" spans="8:8">
      <c r="H432228" s="12"/>
    </row>
    <row r="432229" spans="8:8">
      <c r="H432229" s="12"/>
    </row>
    <row r="432230" spans="8:8">
      <c r="H432230" s="12"/>
    </row>
    <row r="432231" spans="8:8">
      <c r="H432231" s="12"/>
    </row>
    <row r="432232" spans="8:8">
      <c r="H432232" s="12"/>
    </row>
    <row r="432233" spans="8:8">
      <c r="H432233" s="12"/>
    </row>
    <row r="432234" spans="8:8">
      <c r="H432234" s="12"/>
    </row>
    <row r="432235" spans="8:8">
      <c r="H432235" s="12"/>
    </row>
    <row r="432236" spans="8:8">
      <c r="H432236" s="12"/>
    </row>
    <row r="432237" spans="8:8">
      <c r="H432237" s="12"/>
    </row>
    <row r="432238" spans="8:8">
      <c r="H432238" s="12"/>
    </row>
    <row r="432239" spans="8:8">
      <c r="H432239" s="12"/>
    </row>
    <row r="432240" spans="8:8">
      <c r="H432240" s="12"/>
    </row>
    <row r="432241" spans="8:8">
      <c r="H432241" s="12"/>
    </row>
    <row r="432242" spans="8:8">
      <c r="H432242" s="12"/>
    </row>
    <row r="432243" spans="8:8">
      <c r="H432243" s="12"/>
    </row>
    <row r="432244" spans="8:8">
      <c r="H432244" s="12"/>
    </row>
    <row r="432245" spans="8:8">
      <c r="H432245" s="12"/>
    </row>
    <row r="432246" spans="8:8">
      <c r="H432246" s="12"/>
    </row>
    <row r="432247" spans="8:8">
      <c r="H432247" s="12"/>
    </row>
    <row r="432248" spans="8:8">
      <c r="H432248" s="12"/>
    </row>
    <row r="432249" spans="8:8">
      <c r="H432249" s="12"/>
    </row>
    <row r="432250" spans="8:8">
      <c r="H432250" s="12"/>
    </row>
    <row r="432251" spans="8:8">
      <c r="H432251" s="12"/>
    </row>
    <row r="432252" spans="8:8">
      <c r="H432252" s="12"/>
    </row>
    <row r="432253" spans="8:8">
      <c r="H432253" s="12"/>
    </row>
    <row r="432254" spans="8:8">
      <c r="H432254" s="12"/>
    </row>
    <row r="432255" spans="8:8">
      <c r="H432255" s="12"/>
    </row>
    <row r="432256" spans="8:8">
      <c r="H432256" s="12"/>
    </row>
    <row r="432257" spans="8:8">
      <c r="H432257" s="12"/>
    </row>
    <row r="432258" spans="8:8">
      <c r="H432258" s="12"/>
    </row>
    <row r="432259" spans="8:8">
      <c r="H432259" s="12"/>
    </row>
    <row r="432260" spans="8:8">
      <c r="H432260" s="12"/>
    </row>
    <row r="432261" spans="8:8">
      <c r="H432261" s="12"/>
    </row>
    <row r="432262" spans="8:8">
      <c r="H432262" s="12"/>
    </row>
    <row r="432263" spans="8:8">
      <c r="H432263" s="12"/>
    </row>
    <row r="432264" spans="8:8">
      <c r="H432264" s="12"/>
    </row>
    <row r="432265" spans="8:8">
      <c r="H432265" s="12"/>
    </row>
    <row r="432266" spans="8:8">
      <c r="H432266" s="12"/>
    </row>
    <row r="432267" spans="8:8">
      <c r="H432267" s="12"/>
    </row>
    <row r="432268" spans="8:8">
      <c r="H432268" s="12"/>
    </row>
    <row r="432269" spans="8:8">
      <c r="H432269" s="12"/>
    </row>
    <row r="432270" spans="8:8">
      <c r="H432270" s="12"/>
    </row>
    <row r="432271" spans="8:8">
      <c r="H432271" s="12"/>
    </row>
    <row r="432272" spans="8:8">
      <c r="H432272" s="12"/>
    </row>
    <row r="432273" spans="8:8">
      <c r="H432273" s="12"/>
    </row>
    <row r="432274" spans="8:8">
      <c r="H432274" s="12"/>
    </row>
    <row r="432275" spans="8:8">
      <c r="H432275" s="12"/>
    </row>
    <row r="432276" spans="8:8">
      <c r="H432276" s="12"/>
    </row>
    <row r="432277" spans="8:8">
      <c r="H432277" s="12"/>
    </row>
    <row r="432278" spans="8:8">
      <c r="H432278" s="12"/>
    </row>
    <row r="432279" spans="8:8">
      <c r="H432279" s="12"/>
    </row>
    <row r="432280" spans="8:8">
      <c r="H432280" s="12"/>
    </row>
    <row r="432281" spans="8:8">
      <c r="H432281" s="12"/>
    </row>
    <row r="432282" spans="8:8">
      <c r="H432282" s="12"/>
    </row>
    <row r="432283" spans="8:8">
      <c r="H432283" s="12"/>
    </row>
    <row r="432284" spans="8:8">
      <c r="H432284" s="12"/>
    </row>
    <row r="432285" spans="8:8">
      <c r="H432285" s="12"/>
    </row>
    <row r="432286" spans="8:8">
      <c r="H432286" s="12"/>
    </row>
    <row r="432287" spans="8:8">
      <c r="H432287" s="12"/>
    </row>
    <row r="432288" spans="8:8">
      <c r="H432288" s="12"/>
    </row>
    <row r="432289" spans="8:8">
      <c r="H432289" s="12"/>
    </row>
    <row r="432290" spans="8:8">
      <c r="H432290" s="12"/>
    </row>
    <row r="432291" spans="8:8">
      <c r="H432291" s="12"/>
    </row>
    <row r="432292" spans="8:8">
      <c r="H432292" s="12"/>
    </row>
    <row r="432293" spans="8:8">
      <c r="H432293" s="12"/>
    </row>
    <row r="432294" spans="8:8">
      <c r="H432294" s="12"/>
    </row>
    <row r="432295" spans="8:8">
      <c r="H432295" s="12"/>
    </row>
    <row r="432296" spans="8:8">
      <c r="H432296" s="12"/>
    </row>
    <row r="432297" spans="8:8">
      <c r="H432297" s="12"/>
    </row>
    <row r="432298" spans="8:8">
      <c r="H432298" s="12"/>
    </row>
    <row r="432299" spans="8:8">
      <c r="H432299" s="12"/>
    </row>
    <row r="432300" spans="8:8">
      <c r="H432300" s="12"/>
    </row>
    <row r="432301" spans="8:8">
      <c r="H432301" s="12"/>
    </row>
    <row r="432302" spans="8:8">
      <c r="H432302" s="12"/>
    </row>
    <row r="432303" spans="8:8">
      <c r="H432303" s="12"/>
    </row>
    <row r="432304" spans="8:8">
      <c r="H432304" s="12"/>
    </row>
    <row r="432305" spans="8:8">
      <c r="H432305" s="12"/>
    </row>
    <row r="432306" spans="8:8">
      <c r="H432306" s="12"/>
    </row>
    <row r="432307" spans="8:8">
      <c r="H432307" s="12"/>
    </row>
    <row r="432308" spans="8:8">
      <c r="H432308" s="12"/>
    </row>
    <row r="432309" spans="8:8">
      <c r="H432309" s="12"/>
    </row>
    <row r="432310" spans="8:8">
      <c r="H432310" s="12"/>
    </row>
    <row r="432311" spans="8:8">
      <c r="H432311" s="12"/>
    </row>
    <row r="432312" spans="8:8">
      <c r="H432312" s="12"/>
    </row>
    <row r="432313" spans="8:8">
      <c r="H432313" s="12"/>
    </row>
    <row r="432314" spans="8:8">
      <c r="H432314" s="12"/>
    </row>
    <row r="432315" spans="8:8">
      <c r="H432315" s="12"/>
    </row>
    <row r="432316" spans="8:8">
      <c r="H432316" s="12"/>
    </row>
    <row r="432317" spans="8:8">
      <c r="H432317" s="12"/>
    </row>
    <row r="432318" spans="8:8">
      <c r="H432318" s="12"/>
    </row>
    <row r="432319" spans="8:8">
      <c r="H432319" s="12"/>
    </row>
    <row r="432320" spans="8:8">
      <c r="H432320" s="12"/>
    </row>
    <row r="432321" spans="8:8">
      <c r="H432321" s="12"/>
    </row>
    <row r="432322" spans="8:8">
      <c r="H432322" s="12"/>
    </row>
    <row r="432323" spans="8:8">
      <c r="H432323" s="12"/>
    </row>
    <row r="432324" spans="8:8">
      <c r="H432324" s="12"/>
    </row>
    <row r="432325" spans="8:8">
      <c r="H432325" s="12"/>
    </row>
    <row r="432326" spans="8:8">
      <c r="H432326" s="12"/>
    </row>
    <row r="432327" spans="8:8">
      <c r="H432327" s="12"/>
    </row>
    <row r="432328" spans="8:8">
      <c r="H432328" s="12"/>
    </row>
    <row r="432329" spans="8:8">
      <c r="H432329" s="12"/>
    </row>
    <row r="432330" spans="8:8">
      <c r="H432330" s="12"/>
    </row>
    <row r="432331" spans="8:8">
      <c r="H432331" s="12"/>
    </row>
    <row r="432332" spans="8:8">
      <c r="H432332" s="12"/>
    </row>
    <row r="432333" spans="8:8">
      <c r="H432333" s="12"/>
    </row>
    <row r="432334" spans="8:8">
      <c r="H432334" s="12"/>
    </row>
    <row r="432335" spans="8:8">
      <c r="H432335" s="12"/>
    </row>
    <row r="432336" spans="8:8">
      <c r="H432336" s="12"/>
    </row>
    <row r="432337" spans="8:8">
      <c r="H432337" s="12"/>
    </row>
    <row r="432338" spans="8:8">
      <c r="H432338" s="12"/>
    </row>
    <row r="432339" spans="8:8">
      <c r="H432339" s="12"/>
    </row>
    <row r="432340" spans="8:8">
      <c r="H432340" s="12"/>
    </row>
    <row r="432341" spans="8:8">
      <c r="H432341" s="12"/>
    </row>
    <row r="432342" spans="8:8">
      <c r="H432342" s="12"/>
    </row>
    <row r="432343" spans="8:8">
      <c r="H432343" s="12"/>
    </row>
    <row r="432344" spans="8:8">
      <c r="H432344" s="12"/>
    </row>
    <row r="432345" spans="8:8">
      <c r="H432345" s="12"/>
    </row>
    <row r="432346" spans="8:8">
      <c r="H432346" s="12"/>
    </row>
    <row r="432347" spans="8:8">
      <c r="H432347" s="12"/>
    </row>
    <row r="432348" spans="8:8">
      <c r="H432348" s="12"/>
    </row>
    <row r="432349" spans="8:8">
      <c r="H432349" s="12"/>
    </row>
    <row r="432350" spans="8:8">
      <c r="H432350" s="12"/>
    </row>
    <row r="432351" spans="8:8">
      <c r="H432351" s="12"/>
    </row>
    <row r="432352" spans="8:8">
      <c r="H432352" s="12"/>
    </row>
    <row r="432353" spans="8:8">
      <c r="H432353" s="12"/>
    </row>
    <row r="432354" spans="8:8">
      <c r="H432354" s="12"/>
    </row>
    <row r="432355" spans="8:8">
      <c r="H432355" s="12"/>
    </row>
    <row r="432356" spans="8:8">
      <c r="H432356" s="12"/>
    </row>
    <row r="432357" spans="8:8">
      <c r="H432357" s="12"/>
    </row>
    <row r="432358" spans="8:8">
      <c r="H432358" s="12"/>
    </row>
    <row r="432359" spans="8:8">
      <c r="H432359" s="12"/>
    </row>
    <row r="432360" spans="8:8">
      <c r="H432360" s="12"/>
    </row>
    <row r="432361" spans="8:8">
      <c r="H432361" s="12"/>
    </row>
    <row r="432362" spans="8:8">
      <c r="H432362" s="12"/>
    </row>
    <row r="432363" spans="8:8">
      <c r="H432363" s="12"/>
    </row>
    <row r="432364" spans="8:8">
      <c r="H432364" s="12"/>
    </row>
    <row r="432365" spans="8:8">
      <c r="H432365" s="12"/>
    </row>
    <row r="432366" spans="8:8">
      <c r="H432366" s="12"/>
    </row>
    <row r="432367" spans="8:8">
      <c r="H432367" s="12"/>
    </row>
    <row r="432368" spans="8:8">
      <c r="H432368" s="12"/>
    </row>
    <row r="432369" spans="8:8">
      <c r="H432369" s="12"/>
    </row>
    <row r="432370" spans="8:8">
      <c r="H432370" s="12"/>
    </row>
    <row r="432371" spans="8:8">
      <c r="H432371" s="12"/>
    </row>
    <row r="432372" spans="8:8">
      <c r="H432372" s="12"/>
    </row>
    <row r="432373" spans="8:8">
      <c r="H432373" s="12"/>
    </row>
    <row r="432374" spans="8:8">
      <c r="H432374" s="12"/>
    </row>
    <row r="432375" spans="8:8">
      <c r="H432375" s="12"/>
    </row>
    <row r="432376" spans="8:8">
      <c r="H432376" s="12"/>
    </row>
    <row r="432377" spans="8:8">
      <c r="H432377" s="12"/>
    </row>
    <row r="432378" spans="8:8">
      <c r="H432378" s="12"/>
    </row>
    <row r="432379" spans="8:8">
      <c r="H432379" s="12"/>
    </row>
    <row r="432380" spans="8:8">
      <c r="H432380" s="12"/>
    </row>
    <row r="432381" spans="8:8">
      <c r="H432381" s="12"/>
    </row>
    <row r="432382" spans="8:8">
      <c r="H432382" s="12"/>
    </row>
    <row r="432383" spans="8:8">
      <c r="H432383" s="12"/>
    </row>
    <row r="432384" spans="8:8">
      <c r="H432384" s="12"/>
    </row>
    <row r="432385" spans="8:8">
      <c r="H432385" s="12"/>
    </row>
    <row r="432386" spans="8:8">
      <c r="H432386" s="12"/>
    </row>
    <row r="432387" spans="8:8">
      <c r="H432387" s="12"/>
    </row>
    <row r="432388" spans="8:8">
      <c r="H432388" s="12"/>
    </row>
    <row r="432389" spans="8:8">
      <c r="H432389" s="12"/>
    </row>
    <row r="432390" spans="8:8">
      <c r="H432390" s="12"/>
    </row>
    <row r="432391" spans="8:8">
      <c r="H432391" s="12"/>
    </row>
    <row r="432392" spans="8:8">
      <c r="H432392" s="12"/>
    </row>
    <row r="432393" spans="8:8">
      <c r="H432393" s="12"/>
    </row>
    <row r="432394" spans="8:8">
      <c r="H432394" s="12"/>
    </row>
    <row r="432395" spans="8:8">
      <c r="H432395" s="12"/>
    </row>
    <row r="432396" spans="8:8">
      <c r="H432396" s="12"/>
    </row>
    <row r="432397" spans="8:8">
      <c r="H432397" s="12"/>
    </row>
    <row r="432398" spans="8:8">
      <c r="H432398" s="12"/>
    </row>
    <row r="432399" spans="8:8">
      <c r="H432399" s="12"/>
    </row>
    <row r="432400" spans="8:8">
      <c r="H432400" s="12"/>
    </row>
    <row r="432401" spans="8:8">
      <c r="H432401" s="12"/>
    </row>
    <row r="432402" spans="8:8">
      <c r="H432402" s="12"/>
    </row>
    <row r="432403" spans="8:8">
      <c r="H432403" s="12"/>
    </row>
    <row r="432404" spans="8:8">
      <c r="H432404" s="12"/>
    </row>
    <row r="432405" spans="8:8">
      <c r="H432405" s="12"/>
    </row>
    <row r="432406" spans="8:8">
      <c r="H432406" s="12"/>
    </row>
    <row r="432407" spans="8:8">
      <c r="H432407" s="12"/>
    </row>
    <row r="432408" spans="8:8">
      <c r="H432408" s="12"/>
    </row>
    <row r="432409" spans="8:8">
      <c r="H432409" s="12"/>
    </row>
    <row r="432410" spans="8:8">
      <c r="H432410" s="12"/>
    </row>
    <row r="432411" spans="8:8">
      <c r="H432411" s="12"/>
    </row>
    <row r="432412" spans="8:8">
      <c r="H432412" s="12"/>
    </row>
    <row r="432413" spans="8:8">
      <c r="H432413" s="12"/>
    </row>
    <row r="432414" spans="8:8">
      <c r="H432414" s="12"/>
    </row>
    <row r="432415" spans="8:8">
      <c r="H432415" s="12"/>
    </row>
    <row r="432416" spans="8:8">
      <c r="H432416" s="12"/>
    </row>
    <row r="432417" spans="8:8">
      <c r="H432417" s="12"/>
    </row>
    <row r="432418" spans="8:8">
      <c r="H432418" s="12"/>
    </row>
    <row r="432419" spans="8:8">
      <c r="H432419" s="12"/>
    </row>
    <row r="432420" spans="8:8">
      <c r="H432420" s="12"/>
    </row>
    <row r="432421" spans="8:8">
      <c r="H432421" s="12"/>
    </row>
    <row r="432422" spans="8:8">
      <c r="H432422" s="12"/>
    </row>
    <row r="432423" spans="8:8">
      <c r="H432423" s="12"/>
    </row>
    <row r="432424" spans="8:8">
      <c r="H432424" s="12"/>
    </row>
    <row r="432425" spans="8:8">
      <c r="H432425" s="12"/>
    </row>
    <row r="432426" spans="8:8">
      <c r="H432426" s="12"/>
    </row>
    <row r="432427" spans="8:8">
      <c r="H432427" s="12"/>
    </row>
    <row r="432428" spans="8:8">
      <c r="H432428" s="12"/>
    </row>
    <row r="432429" spans="8:8">
      <c r="H432429" s="12"/>
    </row>
    <row r="432430" spans="8:8">
      <c r="H432430" s="12"/>
    </row>
    <row r="432431" spans="8:8">
      <c r="H432431" s="12"/>
    </row>
    <row r="432432" spans="8:8">
      <c r="H432432" s="12"/>
    </row>
    <row r="432433" spans="8:8">
      <c r="H432433" s="12"/>
    </row>
    <row r="432434" spans="8:8">
      <c r="H432434" s="12"/>
    </row>
    <row r="432435" spans="8:8">
      <c r="H432435" s="12"/>
    </row>
    <row r="432436" spans="8:8">
      <c r="H432436" s="12"/>
    </row>
    <row r="432437" spans="8:8">
      <c r="H432437" s="12"/>
    </row>
    <row r="432438" spans="8:8">
      <c r="H432438" s="12"/>
    </row>
    <row r="432439" spans="8:8">
      <c r="H432439" s="12"/>
    </row>
    <row r="432440" spans="8:8">
      <c r="H432440" s="12"/>
    </row>
    <row r="432441" spans="8:8">
      <c r="H432441" s="12"/>
    </row>
    <row r="432442" spans="8:8">
      <c r="H432442" s="12"/>
    </row>
    <row r="432443" spans="8:8">
      <c r="H432443" s="12"/>
    </row>
    <row r="432444" spans="8:8">
      <c r="H432444" s="12"/>
    </row>
    <row r="432445" spans="8:8">
      <c r="H432445" s="12"/>
    </row>
    <row r="432446" spans="8:8">
      <c r="H432446" s="12"/>
    </row>
    <row r="432447" spans="8:8">
      <c r="H432447" s="12"/>
    </row>
    <row r="432448" spans="8:8">
      <c r="H432448" s="12"/>
    </row>
    <row r="432449" spans="8:8">
      <c r="H432449" s="12"/>
    </row>
    <row r="432450" spans="8:8">
      <c r="H432450" s="12"/>
    </row>
    <row r="432451" spans="8:8">
      <c r="H432451" s="12"/>
    </row>
    <row r="432452" spans="8:8">
      <c r="H432452" s="12"/>
    </row>
    <row r="432453" spans="8:8">
      <c r="H432453" s="12"/>
    </row>
    <row r="432454" spans="8:8">
      <c r="H432454" s="12"/>
    </row>
    <row r="432455" spans="8:8">
      <c r="H432455" s="12"/>
    </row>
    <row r="432456" spans="8:8">
      <c r="H432456" s="12"/>
    </row>
    <row r="432457" spans="8:8">
      <c r="H432457" s="12"/>
    </row>
    <row r="432458" spans="8:8">
      <c r="H432458" s="12"/>
    </row>
    <row r="432459" spans="8:8">
      <c r="H432459" s="12"/>
    </row>
    <row r="432460" spans="8:8">
      <c r="H432460" s="12"/>
    </row>
    <row r="432461" spans="8:8">
      <c r="H432461" s="12"/>
    </row>
    <row r="432462" spans="8:8">
      <c r="H432462" s="12"/>
    </row>
    <row r="432463" spans="8:8">
      <c r="H432463" s="12"/>
    </row>
    <row r="432464" spans="8:8">
      <c r="H432464" s="12"/>
    </row>
    <row r="432465" spans="8:8">
      <c r="H432465" s="12"/>
    </row>
    <row r="432466" spans="8:8">
      <c r="H432466" s="12"/>
    </row>
    <row r="432467" spans="8:8">
      <c r="H432467" s="12"/>
    </row>
    <row r="432468" spans="8:8">
      <c r="H432468" s="12"/>
    </row>
    <row r="432469" spans="8:8">
      <c r="H432469" s="12"/>
    </row>
    <row r="432470" spans="8:8">
      <c r="H432470" s="12"/>
    </row>
    <row r="432471" spans="8:8">
      <c r="H432471" s="12"/>
    </row>
    <row r="432472" spans="8:8">
      <c r="H432472" s="12"/>
    </row>
    <row r="432473" spans="8:8">
      <c r="H432473" s="12"/>
    </row>
    <row r="432474" spans="8:8">
      <c r="H432474" s="12"/>
    </row>
    <row r="432475" spans="8:8">
      <c r="H432475" s="12"/>
    </row>
    <row r="432476" spans="8:8">
      <c r="H432476" s="12"/>
    </row>
    <row r="432477" spans="8:8">
      <c r="H432477" s="12"/>
    </row>
    <row r="432478" spans="8:8">
      <c r="H432478" s="12"/>
    </row>
    <row r="432479" spans="8:8">
      <c r="H432479" s="12"/>
    </row>
    <row r="432480" spans="8:8">
      <c r="H432480" s="12"/>
    </row>
    <row r="432481" spans="8:8">
      <c r="H432481" s="12"/>
    </row>
    <row r="432482" spans="8:8">
      <c r="H432482" s="12"/>
    </row>
    <row r="432483" spans="8:8">
      <c r="H432483" s="12"/>
    </row>
    <row r="432484" spans="8:8">
      <c r="H432484" s="12"/>
    </row>
    <row r="432485" spans="8:8">
      <c r="H432485" s="12"/>
    </row>
    <row r="432486" spans="8:8">
      <c r="H432486" s="12"/>
    </row>
    <row r="432487" spans="8:8">
      <c r="H432487" s="12"/>
    </row>
    <row r="432488" spans="8:8">
      <c r="H432488" s="12"/>
    </row>
    <row r="432489" spans="8:8">
      <c r="H432489" s="12"/>
    </row>
    <row r="432490" spans="8:8">
      <c r="H432490" s="12"/>
    </row>
    <row r="432491" spans="8:8">
      <c r="H432491" s="12"/>
    </row>
    <row r="432492" spans="8:8">
      <c r="H432492" s="12"/>
    </row>
    <row r="432493" spans="8:8">
      <c r="H432493" s="12"/>
    </row>
    <row r="432494" spans="8:8">
      <c r="H432494" s="12"/>
    </row>
    <row r="432495" spans="8:8">
      <c r="H432495" s="12"/>
    </row>
    <row r="432496" spans="8:8">
      <c r="H432496" s="12"/>
    </row>
    <row r="432497" spans="8:8">
      <c r="H432497" s="12"/>
    </row>
    <row r="432498" spans="8:8">
      <c r="H432498" s="12"/>
    </row>
    <row r="432499" spans="8:8">
      <c r="H432499" s="12"/>
    </row>
    <row r="432500" spans="8:8">
      <c r="H432500" s="12"/>
    </row>
    <row r="432501" spans="8:8">
      <c r="H432501" s="12"/>
    </row>
    <row r="432502" spans="8:8">
      <c r="H432502" s="12"/>
    </row>
    <row r="432503" spans="8:8">
      <c r="H432503" s="12"/>
    </row>
    <row r="432504" spans="8:8">
      <c r="H432504" s="12"/>
    </row>
    <row r="432505" spans="8:8">
      <c r="H432505" s="12"/>
    </row>
    <row r="432506" spans="8:8">
      <c r="H432506" s="12"/>
    </row>
    <row r="432507" spans="8:8">
      <c r="H432507" s="12"/>
    </row>
    <row r="432508" spans="8:8">
      <c r="H432508" s="12"/>
    </row>
    <row r="432509" spans="8:8">
      <c r="H432509" s="12"/>
    </row>
    <row r="432510" spans="8:8">
      <c r="H432510" s="12"/>
    </row>
    <row r="432511" spans="8:8">
      <c r="H432511" s="12"/>
    </row>
    <row r="432512" spans="8:8">
      <c r="H432512" s="12"/>
    </row>
    <row r="432513" spans="8:8">
      <c r="H432513" s="12"/>
    </row>
    <row r="432514" spans="8:8">
      <c r="H432514" s="12"/>
    </row>
    <row r="432515" spans="8:8">
      <c r="H432515" s="12"/>
    </row>
    <row r="432516" spans="8:8">
      <c r="H432516" s="12"/>
    </row>
    <row r="432517" spans="8:8">
      <c r="H432517" s="12"/>
    </row>
    <row r="432518" spans="8:8">
      <c r="H432518" s="12"/>
    </row>
    <row r="432519" spans="8:8">
      <c r="H432519" s="12"/>
    </row>
    <row r="432520" spans="8:8">
      <c r="H432520" s="12"/>
    </row>
    <row r="432521" spans="8:8">
      <c r="H432521" s="12"/>
    </row>
    <row r="432522" spans="8:8">
      <c r="H432522" s="12"/>
    </row>
    <row r="432523" spans="8:8">
      <c r="H432523" s="12"/>
    </row>
    <row r="432524" spans="8:8">
      <c r="H432524" s="12"/>
    </row>
    <row r="432525" spans="8:8">
      <c r="H432525" s="12"/>
    </row>
    <row r="432526" spans="8:8">
      <c r="H432526" s="12"/>
    </row>
    <row r="432527" spans="8:8">
      <c r="H432527" s="12"/>
    </row>
    <row r="432528" spans="8:8">
      <c r="H432528" s="12"/>
    </row>
    <row r="432529" spans="8:8">
      <c r="H432529" s="12"/>
    </row>
    <row r="432530" spans="8:8">
      <c r="H432530" s="12"/>
    </row>
    <row r="432531" spans="8:8">
      <c r="H432531" s="12"/>
    </row>
    <row r="432532" spans="8:8">
      <c r="H432532" s="12"/>
    </row>
    <row r="432533" spans="8:8">
      <c r="H432533" s="12"/>
    </row>
    <row r="432534" spans="8:8">
      <c r="H432534" s="12"/>
    </row>
    <row r="432535" spans="8:8">
      <c r="H432535" s="12"/>
    </row>
    <row r="432536" spans="8:8">
      <c r="H432536" s="12"/>
    </row>
    <row r="432537" spans="8:8">
      <c r="H432537" s="12"/>
    </row>
    <row r="432538" spans="8:8">
      <c r="H432538" s="12"/>
    </row>
    <row r="432539" spans="8:8">
      <c r="H432539" s="12"/>
    </row>
    <row r="432540" spans="8:8">
      <c r="H432540" s="12"/>
    </row>
    <row r="432541" spans="8:8">
      <c r="H432541" s="12"/>
    </row>
    <row r="432542" spans="8:8">
      <c r="H432542" s="12"/>
    </row>
    <row r="432543" spans="8:8">
      <c r="H432543" s="12"/>
    </row>
    <row r="432544" spans="8:8">
      <c r="H432544" s="12"/>
    </row>
    <row r="432545" spans="8:8">
      <c r="H432545" s="12"/>
    </row>
    <row r="432546" spans="8:8">
      <c r="H432546" s="12"/>
    </row>
    <row r="432547" spans="8:8">
      <c r="H432547" s="12"/>
    </row>
    <row r="432548" spans="8:8">
      <c r="H432548" s="12"/>
    </row>
    <row r="432549" spans="8:8">
      <c r="H432549" s="12"/>
    </row>
    <row r="432550" spans="8:8">
      <c r="H432550" s="12"/>
    </row>
    <row r="432551" spans="8:8">
      <c r="H432551" s="12"/>
    </row>
    <row r="432552" spans="8:8">
      <c r="H432552" s="12"/>
    </row>
    <row r="432553" spans="8:8">
      <c r="H432553" s="12"/>
    </row>
    <row r="432554" spans="8:8">
      <c r="H432554" s="12"/>
    </row>
    <row r="432555" spans="8:8">
      <c r="H432555" s="12"/>
    </row>
    <row r="432556" spans="8:8">
      <c r="H432556" s="12"/>
    </row>
    <row r="432557" spans="8:8">
      <c r="H432557" s="12"/>
    </row>
    <row r="432558" spans="8:8">
      <c r="H432558" s="12"/>
    </row>
    <row r="432559" spans="8:8">
      <c r="H432559" s="12"/>
    </row>
    <row r="432560" spans="8:8">
      <c r="H432560" s="12"/>
    </row>
    <row r="432561" spans="8:8">
      <c r="H432561" s="12"/>
    </row>
    <row r="432562" spans="8:8">
      <c r="H432562" s="12"/>
    </row>
    <row r="432563" spans="8:8">
      <c r="H432563" s="12"/>
    </row>
    <row r="432564" spans="8:8">
      <c r="H432564" s="12"/>
    </row>
    <row r="432565" spans="8:8">
      <c r="H432565" s="12"/>
    </row>
    <row r="432566" spans="8:8">
      <c r="H432566" s="12"/>
    </row>
    <row r="432567" spans="8:8">
      <c r="H432567" s="12"/>
    </row>
    <row r="432568" spans="8:8">
      <c r="H432568" s="12"/>
    </row>
    <row r="432569" spans="8:8">
      <c r="H432569" s="12"/>
    </row>
    <row r="432570" spans="8:8">
      <c r="H432570" s="12"/>
    </row>
    <row r="432571" spans="8:8">
      <c r="H432571" s="12"/>
    </row>
    <row r="432572" spans="8:8">
      <c r="H432572" s="12"/>
    </row>
    <row r="432573" spans="8:8">
      <c r="H432573" s="12"/>
    </row>
    <row r="432574" spans="8:8">
      <c r="H432574" s="12"/>
    </row>
    <row r="432575" spans="8:8">
      <c r="H432575" s="12"/>
    </row>
    <row r="432576" spans="8:8">
      <c r="H432576" s="12"/>
    </row>
    <row r="432577" spans="8:8">
      <c r="H432577" s="12"/>
    </row>
    <row r="432578" spans="8:8">
      <c r="H432578" s="12"/>
    </row>
    <row r="432579" spans="8:8">
      <c r="H432579" s="12"/>
    </row>
    <row r="432580" spans="8:8">
      <c r="H432580" s="12"/>
    </row>
    <row r="432581" spans="8:8">
      <c r="H432581" s="12"/>
    </row>
    <row r="432582" spans="8:8">
      <c r="H432582" s="12"/>
    </row>
    <row r="432583" spans="8:8">
      <c r="H432583" s="12"/>
    </row>
    <row r="432584" spans="8:8">
      <c r="H432584" s="12"/>
    </row>
    <row r="432585" spans="8:8">
      <c r="H432585" s="12"/>
    </row>
    <row r="432586" spans="8:8">
      <c r="H432586" s="12"/>
    </row>
    <row r="432587" spans="8:8">
      <c r="H432587" s="12"/>
    </row>
    <row r="432588" spans="8:8">
      <c r="H432588" s="12"/>
    </row>
    <row r="432589" spans="8:8">
      <c r="H432589" s="12"/>
    </row>
    <row r="432590" spans="8:8">
      <c r="H432590" s="12"/>
    </row>
    <row r="432591" spans="8:8">
      <c r="H432591" s="12"/>
    </row>
    <row r="432592" spans="8:8">
      <c r="H432592" s="12"/>
    </row>
    <row r="432593" spans="8:8">
      <c r="H432593" s="12"/>
    </row>
    <row r="432594" spans="8:8">
      <c r="H432594" s="12"/>
    </row>
    <row r="432595" spans="8:8">
      <c r="H432595" s="12"/>
    </row>
    <row r="432596" spans="8:8">
      <c r="H432596" s="12"/>
    </row>
    <row r="432597" spans="8:8">
      <c r="H432597" s="12"/>
    </row>
    <row r="432598" spans="8:8">
      <c r="H432598" s="12"/>
    </row>
    <row r="432599" spans="8:8">
      <c r="H432599" s="12"/>
    </row>
    <row r="432600" spans="8:8">
      <c r="H432600" s="12"/>
    </row>
    <row r="432601" spans="8:8">
      <c r="H432601" s="12"/>
    </row>
    <row r="432602" spans="8:8">
      <c r="H432602" s="12"/>
    </row>
    <row r="432603" spans="8:8">
      <c r="H432603" s="12"/>
    </row>
    <row r="432604" spans="8:8">
      <c r="H432604" s="12"/>
    </row>
    <row r="432605" spans="8:8">
      <c r="H432605" s="12"/>
    </row>
    <row r="432606" spans="8:8">
      <c r="H432606" s="12"/>
    </row>
    <row r="432607" spans="8:8">
      <c r="H432607" s="12"/>
    </row>
    <row r="432608" spans="8:8">
      <c r="H432608" s="12"/>
    </row>
    <row r="432609" spans="8:8">
      <c r="H432609" s="12"/>
    </row>
    <row r="432610" spans="8:8">
      <c r="H432610" s="12"/>
    </row>
    <row r="432611" spans="8:8">
      <c r="H432611" s="12"/>
    </row>
    <row r="432612" spans="8:8">
      <c r="H432612" s="12"/>
    </row>
    <row r="432613" spans="8:8">
      <c r="H432613" s="12"/>
    </row>
    <row r="432614" spans="8:8">
      <c r="H432614" s="12"/>
    </row>
    <row r="432615" spans="8:8">
      <c r="H432615" s="12"/>
    </row>
    <row r="432616" spans="8:8">
      <c r="H432616" s="12"/>
    </row>
    <row r="432617" spans="8:8">
      <c r="H432617" s="12"/>
    </row>
    <row r="432618" spans="8:8">
      <c r="H432618" s="12"/>
    </row>
    <row r="432619" spans="8:8">
      <c r="H432619" s="12"/>
    </row>
    <row r="432620" spans="8:8">
      <c r="H432620" s="12"/>
    </row>
    <row r="432621" spans="8:8">
      <c r="H432621" s="12"/>
    </row>
    <row r="432622" spans="8:8">
      <c r="H432622" s="12"/>
    </row>
    <row r="432623" spans="8:8">
      <c r="H432623" s="12"/>
    </row>
    <row r="432624" spans="8:8">
      <c r="H432624" s="12"/>
    </row>
    <row r="432625" spans="8:8">
      <c r="H432625" s="12"/>
    </row>
    <row r="432626" spans="8:8">
      <c r="H432626" s="12"/>
    </row>
    <row r="432627" spans="8:8">
      <c r="H432627" s="12"/>
    </row>
    <row r="432628" spans="8:8">
      <c r="H432628" s="12"/>
    </row>
    <row r="432629" spans="8:8">
      <c r="H432629" s="12"/>
    </row>
    <row r="432630" spans="8:8">
      <c r="H432630" s="12"/>
    </row>
    <row r="432631" spans="8:8">
      <c r="H432631" s="12"/>
    </row>
    <row r="432632" spans="8:8">
      <c r="H432632" s="12"/>
    </row>
    <row r="432633" spans="8:8">
      <c r="H432633" s="12"/>
    </row>
    <row r="432634" spans="8:8">
      <c r="H432634" s="12"/>
    </row>
    <row r="432635" spans="8:8">
      <c r="H432635" s="12"/>
    </row>
    <row r="432636" spans="8:8">
      <c r="H432636" s="12"/>
    </row>
    <row r="432637" spans="8:8">
      <c r="H432637" s="12"/>
    </row>
    <row r="432638" spans="8:8">
      <c r="H432638" s="12"/>
    </row>
    <row r="432639" spans="8:8">
      <c r="H432639" s="12"/>
    </row>
    <row r="432640" spans="8:8">
      <c r="H432640" s="12"/>
    </row>
    <row r="432641" spans="8:8">
      <c r="H432641" s="12"/>
    </row>
    <row r="432642" spans="8:8">
      <c r="H432642" s="12"/>
    </row>
    <row r="432643" spans="8:8">
      <c r="H432643" s="12"/>
    </row>
    <row r="432644" spans="8:8">
      <c r="H432644" s="12"/>
    </row>
    <row r="432645" spans="8:8">
      <c r="H432645" s="12"/>
    </row>
    <row r="432646" spans="8:8">
      <c r="H432646" s="12"/>
    </row>
    <row r="432647" spans="8:8">
      <c r="H432647" s="12"/>
    </row>
    <row r="432648" spans="8:8">
      <c r="H432648" s="12"/>
    </row>
    <row r="432649" spans="8:8">
      <c r="H432649" s="12"/>
    </row>
    <row r="432650" spans="8:8">
      <c r="H432650" s="12"/>
    </row>
    <row r="432651" spans="8:8">
      <c r="H432651" s="12"/>
    </row>
    <row r="432652" spans="8:8">
      <c r="H432652" s="12"/>
    </row>
    <row r="432653" spans="8:8">
      <c r="H432653" s="12"/>
    </row>
    <row r="432654" spans="8:8">
      <c r="H432654" s="12"/>
    </row>
    <row r="432655" spans="8:8">
      <c r="H432655" s="12"/>
    </row>
    <row r="432656" spans="8:8">
      <c r="H432656" s="12"/>
    </row>
    <row r="432657" spans="8:8">
      <c r="H432657" s="12"/>
    </row>
    <row r="432658" spans="8:8">
      <c r="H432658" s="12"/>
    </row>
    <row r="432659" spans="8:8">
      <c r="H432659" s="12"/>
    </row>
    <row r="432660" spans="8:8">
      <c r="H432660" s="12"/>
    </row>
    <row r="432661" spans="8:8">
      <c r="H432661" s="12"/>
    </row>
    <row r="432662" spans="8:8">
      <c r="H432662" s="12"/>
    </row>
    <row r="432663" spans="8:8">
      <c r="H432663" s="12"/>
    </row>
    <row r="432664" spans="8:8">
      <c r="H432664" s="12"/>
    </row>
    <row r="432665" spans="8:8">
      <c r="H432665" s="12"/>
    </row>
    <row r="432666" spans="8:8">
      <c r="H432666" s="12"/>
    </row>
    <row r="432667" spans="8:8">
      <c r="H432667" s="12"/>
    </row>
    <row r="432668" spans="8:8">
      <c r="H432668" s="12"/>
    </row>
    <row r="432669" spans="8:8">
      <c r="H432669" s="12"/>
    </row>
    <row r="432670" spans="8:8">
      <c r="H432670" s="12"/>
    </row>
    <row r="432671" spans="8:8">
      <c r="H432671" s="12"/>
    </row>
    <row r="432672" spans="8:8">
      <c r="H432672" s="12"/>
    </row>
    <row r="432673" spans="8:8">
      <c r="H432673" s="12"/>
    </row>
    <row r="432674" spans="8:8">
      <c r="H432674" s="12"/>
    </row>
    <row r="432675" spans="8:8">
      <c r="H432675" s="12"/>
    </row>
    <row r="432676" spans="8:8">
      <c r="H432676" s="12"/>
    </row>
    <row r="432677" spans="8:8">
      <c r="H432677" s="12"/>
    </row>
    <row r="432678" spans="8:8">
      <c r="H432678" s="12"/>
    </row>
    <row r="432679" spans="8:8">
      <c r="H432679" s="12"/>
    </row>
    <row r="432680" spans="8:8">
      <c r="H432680" s="12"/>
    </row>
    <row r="432681" spans="8:8">
      <c r="H432681" s="12"/>
    </row>
    <row r="432682" spans="8:8">
      <c r="H432682" s="12"/>
    </row>
    <row r="432683" spans="8:8">
      <c r="H432683" s="12"/>
    </row>
    <row r="432684" spans="8:8">
      <c r="H432684" s="12"/>
    </row>
    <row r="432685" spans="8:8">
      <c r="H432685" s="12"/>
    </row>
    <row r="432686" spans="8:8">
      <c r="H432686" s="12"/>
    </row>
    <row r="432687" spans="8:8">
      <c r="H432687" s="12"/>
    </row>
    <row r="432688" spans="8:8">
      <c r="H432688" s="12"/>
    </row>
    <row r="432689" spans="8:8">
      <c r="H432689" s="12"/>
    </row>
    <row r="432690" spans="8:8">
      <c r="H432690" s="12"/>
    </row>
    <row r="432691" spans="8:8">
      <c r="H432691" s="12"/>
    </row>
    <row r="432692" spans="8:8">
      <c r="H432692" s="12"/>
    </row>
    <row r="432693" spans="8:8">
      <c r="H432693" s="12"/>
    </row>
    <row r="432694" spans="8:8">
      <c r="H432694" s="12"/>
    </row>
    <row r="432695" spans="8:8">
      <c r="H432695" s="12"/>
    </row>
    <row r="432696" spans="8:8">
      <c r="H432696" s="12"/>
    </row>
    <row r="432697" spans="8:8">
      <c r="H432697" s="12"/>
    </row>
    <row r="432698" spans="8:8">
      <c r="H432698" s="12"/>
    </row>
    <row r="432699" spans="8:8">
      <c r="H432699" s="12"/>
    </row>
    <row r="432700" spans="8:8">
      <c r="H432700" s="12"/>
    </row>
    <row r="432701" spans="8:8">
      <c r="H432701" s="12"/>
    </row>
    <row r="432702" spans="8:8">
      <c r="H432702" s="12"/>
    </row>
    <row r="432703" spans="8:8">
      <c r="H432703" s="12"/>
    </row>
    <row r="432704" spans="8:8">
      <c r="H432704" s="12"/>
    </row>
    <row r="432705" spans="8:8">
      <c r="H432705" s="12"/>
    </row>
    <row r="432706" spans="8:8">
      <c r="H432706" s="12"/>
    </row>
    <row r="432707" spans="8:8">
      <c r="H432707" s="12"/>
    </row>
    <row r="432708" spans="8:8">
      <c r="H432708" s="12"/>
    </row>
    <row r="432709" spans="8:8">
      <c r="H432709" s="12"/>
    </row>
    <row r="432710" spans="8:8">
      <c r="H432710" s="12"/>
    </row>
    <row r="432711" spans="8:8">
      <c r="H432711" s="12"/>
    </row>
    <row r="432712" spans="8:8">
      <c r="H432712" s="12"/>
    </row>
    <row r="432713" spans="8:8">
      <c r="H432713" s="12"/>
    </row>
    <row r="432714" spans="8:8">
      <c r="H432714" s="12"/>
    </row>
    <row r="432715" spans="8:8">
      <c r="H432715" s="12"/>
    </row>
    <row r="432716" spans="8:8">
      <c r="H432716" s="12"/>
    </row>
    <row r="432717" spans="8:8">
      <c r="H432717" s="12"/>
    </row>
    <row r="432718" spans="8:8">
      <c r="H432718" s="12"/>
    </row>
    <row r="432719" spans="8:8">
      <c r="H432719" s="12"/>
    </row>
    <row r="432720" spans="8:8">
      <c r="H432720" s="12"/>
    </row>
    <row r="432721" spans="8:8">
      <c r="H432721" s="12"/>
    </row>
    <row r="432722" spans="8:8">
      <c r="H432722" s="12"/>
    </row>
    <row r="432723" spans="8:8">
      <c r="H432723" s="12"/>
    </row>
    <row r="432724" spans="8:8">
      <c r="H432724" s="12"/>
    </row>
    <row r="432725" spans="8:8">
      <c r="H432725" s="12"/>
    </row>
    <row r="432726" spans="8:8">
      <c r="H432726" s="12"/>
    </row>
    <row r="432727" spans="8:8">
      <c r="H432727" s="12"/>
    </row>
    <row r="432728" spans="8:8">
      <c r="H432728" s="12"/>
    </row>
    <row r="432729" spans="8:8">
      <c r="H432729" s="12"/>
    </row>
    <row r="432730" spans="8:8">
      <c r="H432730" s="12"/>
    </row>
    <row r="432731" spans="8:8">
      <c r="H432731" s="12"/>
    </row>
    <row r="432732" spans="8:8">
      <c r="H432732" s="12"/>
    </row>
    <row r="432733" spans="8:8">
      <c r="H432733" s="12"/>
    </row>
    <row r="432734" spans="8:8">
      <c r="H432734" s="12"/>
    </row>
    <row r="432735" spans="8:8">
      <c r="H432735" s="12"/>
    </row>
    <row r="432736" spans="8:8">
      <c r="H432736" s="12"/>
    </row>
    <row r="432737" spans="8:8">
      <c r="H432737" s="12"/>
    </row>
    <row r="432738" spans="8:8">
      <c r="H432738" s="12"/>
    </row>
    <row r="432739" spans="8:8">
      <c r="H432739" s="12"/>
    </row>
    <row r="432740" spans="8:8">
      <c r="H432740" s="12"/>
    </row>
    <row r="432741" spans="8:8">
      <c r="H432741" s="12"/>
    </row>
    <row r="432742" spans="8:8">
      <c r="H432742" s="12"/>
    </row>
    <row r="432743" spans="8:8">
      <c r="H432743" s="12"/>
    </row>
    <row r="432744" spans="8:8">
      <c r="H432744" s="12"/>
    </row>
    <row r="432745" spans="8:8">
      <c r="H432745" s="12"/>
    </row>
    <row r="432746" spans="8:8">
      <c r="H432746" s="12"/>
    </row>
    <row r="432747" spans="8:8">
      <c r="H432747" s="12"/>
    </row>
    <row r="432748" spans="8:8">
      <c r="H432748" s="12"/>
    </row>
    <row r="432749" spans="8:8">
      <c r="H432749" s="12"/>
    </row>
    <row r="432750" spans="8:8">
      <c r="H432750" s="12"/>
    </row>
    <row r="432751" spans="8:8">
      <c r="H432751" s="12"/>
    </row>
    <row r="432752" spans="8:8">
      <c r="H432752" s="12"/>
    </row>
    <row r="432753" spans="8:8">
      <c r="H432753" s="12"/>
    </row>
    <row r="432754" spans="8:8">
      <c r="H432754" s="12"/>
    </row>
    <row r="432755" spans="8:8">
      <c r="H432755" s="12"/>
    </row>
    <row r="432756" spans="8:8">
      <c r="H432756" s="12"/>
    </row>
    <row r="432757" spans="8:8">
      <c r="H432757" s="12"/>
    </row>
    <row r="432758" spans="8:8">
      <c r="H432758" s="12"/>
    </row>
    <row r="432759" spans="8:8">
      <c r="H432759" s="12"/>
    </row>
    <row r="432760" spans="8:8">
      <c r="H432760" s="12"/>
    </row>
    <row r="432761" spans="8:8">
      <c r="H432761" s="12"/>
    </row>
    <row r="432762" spans="8:8">
      <c r="H432762" s="12"/>
    </row>
    <row r="432763" spans="8:8">
      <c r="H432763" s="12"/>
    </row>
    <row r="432764" spans="8:8">
      <c r="H432764" s="12"/>
    </row>
    <row r="432765" spans="8:8">
      <c r="H432765" s="12"/>
    </row>
    <row r="432766" spans="8:8">
      <c r="H432766" s="12"/>
    </row>
    <row r="432767" spans="8:8">
      <c r="H432767" s="12"/>
    </row>
    <row r="432768" spans="8:8">
      <c r="H432768" s="12"/>
    </row>
    <row r="432769" spans="8:8">
      <c r="H432769" s="12"/>
    </row>
    <row r="432770" spans="8:8">
      <c r="H432770" s="12"/>
    </row>
    <row r="432771" spans="8:8">
      <c r="H432771" s="12"/>
    </row>
    <row r="432772" spans="8:8">
      <c r="H432772" s="12"/>
    </row>
    <row r="432773" spans="8:8">
      <c r="H432773" s="12"/>
    </row>
    <row r="432774" spans="8:8">
      <c r="H432774" s="12"/>
    </row>
    <row r="432775" spans="8:8">
      <c r="H432775" s="12"/>
    </row>
    <row r="432776" spans="8:8">
      <c r="H432776" s="12"/>
    </row>
    <row r="432777" spans="8:8">
      <c r="H432777" s="12"/>
    </row>
    <row r="432778" spans="8:8">
      <c r="H432778" s="12"/>
    </row>
    <row r="432779" spans="8:8">
      <c r="H432779" s="12"/>
    </row>
    <row r="432780" spans="8:8">
      <c r="H432780" s="12"/>
    </row>
    <row r="432781" spans="8:8">
      <c r="H432781" s="12"/>
    </row>
    <row r="432782" spans="8:8">
      <c r="H432782" s="12"/>
    </row>
    <row r="432783" spans="8:8">
      <c r="H432783" s="12"/>
    </row>
    <row r="432784" spans="8:8">
      <c r="H432784" s="12"/>
    </row>
    <row r="432785" spans="8:8">
      <c r="H432785" s="12"/>
    </row>
    <row r="432786" spans="8:8">
      <c r="H432786" s="12"/>
    </row>
    <row r="432787" spans="8:8">
      <c r="H432787" s="12"/>
    </row>
    <row r="432788" spans="8:8">
      <c r="H432788" s="12"/>
    </row>
    <row r="432789" spans="8:8">
      <c r="H432789" s="12"/>
    </row>
    <row r="432790" spans="8:8">
      <c r="H432790" s="12"/>
    </row>
    <row r="432791" spans="8:8">
      <c r="H432791" s="12"/>
    </row>
    <row r="432792" spans="8:8">
      <c r="H432792" s="12"/>
    </row>
    <row r="432793" spans="8:8">
      <c r="H432793" s="12"/>
    </row>
    <row r="432794" spans="8:8">
      <c r="H432794" s="12"/>
    </row>
    <row r="432795" spans="8:8">
      <c r="H432795" s="12"/>
    </row>
    <row r="432796" spans="8:8">
      <c r="H432796" s="12"/>
    </row>
    <row r="432797" spans="8:8">
      <c r="H432797" s="12"/>
    </row>
    <row r="432798" spans="8:8">
      <c r="H432798" s="12"/>
    </row>
    <row r="432799" spans="8:8">
      <c r="H432799" s="12"/>
    </row>
    <row r="432800" spans="8:8">
      <c r="H432800" s="12"/>
    </row>
    <row r="432801" spans="8:8">
      <c r="H432801" s="12"/>
    </row>
    <row r="432802" spans="8:8">
      <c r="H432802" s="12"/>
    </row>
    <row r="432803" spans="8:8">
      <c r="H432803" s="12"/>
    </row>
    <row r="432804" spans="8:8">
      <c r="H432804" s="12"/>
    </row>
    <row r="432805" spans="8:8">
      <c r="H432805" s="12"/>
    </row>
    <row r="432806" spans="8:8">
      <c r="H432806" s="12"/>
    </row>
    <row r="432807" spans="8:8">
      <c r="H432807" s="12"/>
    </row>
    <row r="432808" spans="8:8">
      <c r="H432808" s="12"/>
    </row>
    <row r="432809" spans="8:8">
      <c r="H432809" s="12"/>
    </row>
    <row r="432810" spans="8:8">
      <c r="H432810" s="12"/>
    </row>
    <row r="432811" spans="8:8">
      <c r="H432811" s="12"/>
    </row>
    <row r="432812" spans="8:8">
      <c r="H432812" s="12"/>
    </row>
    <row r="432813" spans="8:8">
      <c r="H432813" s="12"/>
    </row>
    <row r="432814" spans="8:8">
      <c r="H432814" s="12"/>
    </row>
    <row r="432815" spans="8:8">
      <c r="H432815" s="12"/>
    </row>
    <row r="432816" spans="8:8">
      <c r="H432816" s="12"/>
    </row>
    <row r="432817" spans="8:8">
      <c r="H432817" s="12"/>
    </row>
    <row r="432818" spans="8:8">
      <c r="H432818" s="12"/>
    </row>
    <row r="432819" spans="8:8">
      <c r="H432819" s="12"/>
    </row>
    <row r="432820" spans="8:8">
      <c r="H432820" s="12"/>
    </row>
    <row r="432821" spans="8:8">
      <c r="H432821" s="12"/>
    </row>
    <row r="432822" spans="8:8">
      <c r="H432822" s="12"/>
    </row>
    <row r="432823" spans="8:8">
      <c r="H432823" s="12"/>
    </row>
    <row r="432824" spans="8:8">
      <c r="H432824" s="12"/>
    </row>
    <row r="432825" spans="8:8">
      <c r="H432825" s="12"/>
    </row>
    <row r="432826" spans="8:8">
      <c r="H432826" s="12"/>
    </row>
    <row r="432827" spans="8:8">
      <c r="H432827" s="12"/>
    </row>
    <row r="432828" spans="8:8">
      <c r="H432828" s="12"/>
    </row>
    <row r="432829" spans="8:8">
      <c r="H432829" s="12"/>
    </row>
    <row r="432830" spans="8:8">
      <c r="H432830" s="12"/>
    </row>
    <row r="432831" spans="8:8">
      <c r="H432831" s="12"/>
    </row>
    <row r="432832" spans="8:8">
      <c r="H432832" s="12"/>
    </row>
    <row r="432833" spans="8:8">
      <c r="H432833" s="12"/>
    </row>
    <row r="432834" spans="8:8">
      <c r="H432834" s="12"/>
    </row>
    <row r="432835" spans="8:8">
      <c r="H432835" s="12"/>
    </row>
    <row r="432836" spans="8:8">
      <c r="H432836" s="12"/>
    </row>
    <row r="432837" spans="8:8">
      <c r="H432837" s="12"/>
    </row>
    <row r="432838" spans="8:8">
      <c r="H432838" s="12"/>
    </row>
    <row r="432839" spans="8:8">
      <c r="H432839" s="12"/>
    </row>
    <row r="432840" spans="8:8">
      <c r="H432840" s="12"/>
    </row>
    <row r="432841" spans="8:8">
      <c r="H432841" s="12"/>
    </row>
    <row r="432842" spans="8:8">
      <c r="H432842" s="12"/>
    </row>
    <row r="432843" spans="8:8">
      <c r="H432843" s="12"/>
    </row>
    <row r="432844" spans="8:8">
      <c r="H432844" s="12"/>
    </row>
    <row r="432845" spans="8:8">
      <c r="H432845" s="12"/>
    </row>
    <row r="432846" spans="8:8">
      <c r="H432846" s="12"/>
    </row>
    <row r="432847" spans="8:8">
      <c r="H432847" s="12"/>
    </row>
    <row r="432848" spans="8:8">
      <c r="H432848" s="12"/>
    </row>
    <row r="432849" spans="8:8">
      <c r="H432849" s="12"/>
    </row>
    <row r="432850" spans="8:8">
      <c r="H432850" s="12"/>
    </row>
    <row r="432851" spans="8:8">
      <c r="H432851" s="12"/>
    </row>
    <row r="432852" spans="8:8">
      <c r="H432852" s="12"/>
    </row>
    <row r="432853" spans="8:8">
      <c r="H432853" s="12"/>
    </row>
    <row r="432854" spans="8:8">
      <c r="H432854" s="12"/>
    </row>
    <row r="432855" spans="8:8">
      <c r="H432855" s="12"/>
    </row>
    <row r="432856" spans="8:8">
      <c r="H432856" s="12"/>
    </row>
    <row r="432857" spans="8:8">
      <c r="H432857" s="12"/>
    </row>
    <row r="432858" spans="8:8">
      <c r="H432858" s="12"/>
    </row>
    <row r="432859" spans="8:8">
      <c r="H432859" s="12"/>
    </row>
    <row r="432860" spans="8:8">
      <c r="H432860" s="12"/>
    </row>
    <row r="432861" spans="8:8">
      <c r="H432861" s="12"/>
    </row>
    <row r="432862" spans="8:8">
      <c r="H432862" s="12"/>
    </row>
    <row r="432863" spans="8:8">
      <c r="H432863" s="12"/>
    </row>
    <row r="432864" spans="8:8">
      <c r="H432864" s="12"/>
    </row>
    <row r="432865" spans="8:8">
      <c r="H432865" s="12"/>
    </row>
    <row r="432866" spans="8:8">
      <c r="H432866" s="12"/>
    </row>
    <row r="432867" spans="8:8">
      <c r="H432867" s="12"/>
    </row>
    <row r="432868" spans="8:8">
      <c r="H432868" s="12"/>
    </row>
    <row r="432869" spans="8:8">
      <c r="H432869" s="12"/>
    </row>
    <row r="432870" spans="8:8">
      <c r="H432870" s="12"/>
    </row>
    <row r="432871" spans="8:8">
      <c r="H432871" s="12"/>
    </row>
    <row r="432872" spans="8:8">
      <c r="H432872" s="12"/>
    </row>
    <row r="432873" spans="8:8">
      <c r="H432873" s="12"/>
    </row>
    <row r="432874" spans="8:8">
      <c r="H432874" s="12"/>
    </row>
    <row r="432875" spans="8:8">
      <c r="H432875" s="12"/>
    </row>
    <row r="432876" spans="8:8">
      <c r="H432876" s="12"/>
    </row>
    <row r="432877" spans="8:8">
      <c r="H432877" s="12"/>
    </row>
    <row r="432878" spans="8:8">
      <c r="H432878" s="12"/>
    </row>
    <row r="432879" spans="8:8">
      <c r="H432879" s="12"/>
    </row>
    <row r="432880" spans="8:8">
      <c r="H432880" s="12"/>
    </row>
    <row r="432881" spans="8:8">
      <c r="H432881" s="12"/>
    </row>
    <row r="432882" spans="8:8">
      <c r="H432882" s="12"/>
    </row>
    <row r="432883" spans="8:8">
      <c r="H432883" s="12"/>
    </row>
    <row r="432884" spans="8:8">
      <c r="H432884" s="12"/>
    </row>
    <row r="432885" spans="8:8">
      <c r="H432885" s="12"/>
    </row>
    <row r="432886" spans="8:8">
      <c r="H432886" s="12"/>
    </row>
    <row r="432887" spans="8:8">
      <c r="H432887" s="12"/>
    </row>
    <row r="432888" spans="8:8">
      <c r="H432888" s="12"/>
    </row>
    <row r="432889" spans="8:8">
      <c r="H432889" s="12"/>
    </row>
    <row r="432890" spans="8:8">
      <c r="H432890" s="12"/>
    </row>
    <row r="432891" spans="8:8">
      <c r="H432891" s="12"/>
    </row>
    <row r="432892" spans="8:8">
      <c r="H432892" s="12"/>
    </row>
    <row r="432893" spans="8:8">
      <c r="H432893" s="12"/>
    </row>
    <row r="432894" spans="8:8">
      <c r="H432894" s="12"/>
    </row>
    <row r="432895" spans="8:8">
      <c r="H432895" s="12"/>
    </row>
    <row r="432896" spans="8:8">
      <c r="H432896" s="12"/>
    </row>
    <row r="432897" spans="8:8">
      <c r="H432897" s="12"/>
    </row>
    <row r="432898" spans="8:8">
      <c r="H432898" s="12"/>
    </row>
    <row r="432899" spans="8:8">
      <c r="H432899" s="12"/>
    </row>
    <row r="432900" spans="8:8">
      <c r="H432900" s="12"/>
    </row>
    <row r="432901" spans="8:8">
      <c r="H432901" s="12"/>
    </row>
    <row r="432902" spans="8:8">
      <c r="H432902" s="12"/>
    </row>
    <row r="432903" spans="8:8">
      <c r="H432903" s="12"/>
    </row>
    <row r="432904" spans="8:8">
      <c r="H432904" s="12"/>
    </row>
    <row r="432905" spans="8:8">
      <c r="H432905" s="12"/>
    </row>
    <row r="432906" spans="8:8">
      <c r="H432906" s="12"/>
    </row>
    <row r="432907" spans="8:8">
      <c r="H432907" s="12"/>
    </row>
    <row r="432908" spans="8:8">
      <c r="H432908" s="12"/>
    </row>
    <row r="432909" spans="8:8">
      <c r="H432909" s="12"/>
    </row>
    <row r="432910" spans="8:8">
      <c r="H432910" s="12"/>
    </row>
    <row r="432911" spans="8:8">
      <c r="H432911" s="12"/>
    </row>
    <row r="432912" spans="8:8">
      <c r="H432912" s="12"/>
    </row>
    <row r="432913" spans="8:8">
      <c r="H432913" s="12"/>
    </row>
    <row r="432914" spans="8:8">
      <c r="H432914" s="12"/>
    </row>
    <row r="432915" spans="8:8">
      <c r="H432915" s="12"/>
    </row>
    <row r="432916" spans="8:8">
      <c r="H432916" s="12"/>
    </row>
    <row r="432917" spans="8:8">
      <c r="H432917" s="12"/>
    </row>
    <row r="432918" spans="8:8">
      <c r="H432918" s="12"/>
    </row>
    <row r="432919" spans="8:8">
      <c r="H432919" s="12"/>
    </row>
    <row r="432920" spans="8:8">
      <c r="H432920" s="12"/>
    </row>
    <row r="432921" spans="8:8">
      <c r="H432921" s="12"/>
    </row>
    <row r="432922" spans="8:8">
      <c r="H432922" s="12"/>
    </row>
    <row r="432923" spans="8:8">
      <c r="H432923" s="12"/>
    </row>
    <row r="432924" spans="8:8">
      <c r="H432924" s="12"/>
    </row>
    <row r="432925" spans="8:8">
      <c r="H432925" s="12"/>
    </row>
    <row r="432926" spans="8:8">
      <c r="H432926" s="12"/>
    </row>
    <row r="432927" spans="8:8">
      <c r="H432927" s="12"/>
    </row>
    <row r="432928" spans="8:8">
      <c r="H432928" s="12"/>
    </row>
    <row r="432929" spans="8:8">
      <c r="H432929" s="12"/>
    </row>
    <row r="432930" spans="8:8">
      <c r="H432930" s="12"/>
    </row>
    <row r="432931" spans="8:8">
      <c r="H432931" s="12"/>
    </row>
    <row r="432932" spans="8:8">
      <c r="H432932" s="12"/>
    </row>
    <row r="432933" spans="8:8">
      <c r="H432933" s="12"/>
    </row>
    <row r="432934" spans="8:8">
      <c r="H432934" s="12"/>
    </row>
    <row r="432935" spans="8:8">
      <c r="H432935" s="12"/>
    </row>
    <row r="432936" spans="8:8">
      <c r="H432936" s="12"/>
    </row>
    <row r="432937" spans="8:8">
      <c r="H432937" s="12"/>
    </row>
    <row r="432938" spans="8:8">
      <c r="H432938" s="12"/>
    </row>
    <row r="432939" spans="8:8">
      <c r="H432939" s="12"/>
    </row>
    <row r="432940" spans="8:8">
      <c r="H432940" s="12"/>
    </row>
    <row r="432941" spans="8:8">
      <c r="H432941" s="12"/>
    </row>
    <row r="432942" spans="8:8">
      <c r="H432942" s="12"/>
    </row>
    <row r="432943" spans="8:8">
      <c r="H432943" s="12"/>
    </row>
    <row r="432944" spans="8:8">
      <c r="H432944" s="12"/>
    </row>
    <row r="432945" spans="8:8">
      <c r="H432945" s="12"/>
    </row>
    <row r="432946" spans="8:8">
      <c r="H432946" s="12"/>
    </row>
    <row r="432947" spans="8:8">
      <c r="H432947" s="12"/>
    </row>
    <row r="432948" spans="8:8">
      <c r="H432948" s="12"/>
    </row>
    <row r="432949" spans="8:8">
      <c r="H432949" s="12"/>
    </row>
    <row r="432950" spans="8:8">
      <c r="H432950" s="12"/>
    </row>
    <row r="432951" spans="8:8">
      <c r="H432951" s="12"/>
    </row>
    <row r="432952" spans="8:8">
      <c r="H432952" s="12"/>
    </row>
    <row r="432953" spans="8:8">
      <c r="H432953" s="12"/>
    </row>
    <row r="432954" spans="8:8">
      <c r="H432954" s="12"/>
    </row>
    <row r="432955" spans="8:8">
      <c r="H432955" s="12"/>
    </row>
    <row r="432956" spans="8:8">
      <c r="H432956" s="12"/>
    </row>
    <row r="432957" spans="8:8">
      <c r="H432957" s="12"/>
    </row>
    <row r="432958" spans="8:8">
      <c r="H432958" s="12"/>
    </row>
    <row r="432959" spans="8:8">
      <c r="H432959" s="12"/>
    </row>
    <row r="432960" spans="8:8">
      <c r="H432960" s="12"/>
    </row>
    <row r="432961" spans="8:8">
      <c r="H432961" s="12"/>
    </row>
    <row r="432962" spans="8:8">
      <c r="H432962" s="12"/>
    </row>
    <row r="432963" spans="8:8">
      <c r="H432963" s="12"/>
    </row>
    <row r="432964" spans="8:8">
      <c r="H432964" s="12"/>
    </row>
    <row r="432965" spans="8:8">
      <c r="H432965" s="12"/>
    </row>
    <row r="432966" spans="8:8">
      <c r="H432966" s="12"/>
    </row>
    <row r="432967" spans="8:8">
      <c r="H432967" s="12"/>
    </row>
    <row r="432968" spans="8:8">
      <c r="H432968" s="12"/>
    </row>
    <row r="432969" spans="8:8">
      <c r="H432969" s="12"/>
    </row>
    <row r="432970" spans="8:8">
      <c r="H432970" s="12"/>
    </row>
    <row r="432971" spans="8:8">
      <c r="H432971" s="12"/>
    </row>
    <row r="432972" spans="8:8">
      <c r="H432972" s="12"/>
    </row>
    <row r="432973" spans="8:8">
      <c r="H432973" s="12"/>
    </row>
    <row r="432974" spans="8:8">
      <c r="H432974" s="12"/>
    </row>
    <row r="432975" spans="8:8">
      <c r="H432975" s="12"/>
    </row>
    <row r="432976" spans="8:8">
      <c r="H432976" s="12"/>
    </row>
    <row r="432977" spans="8:8">
      <c r="H432977" s="12"/>
    </row>
    <row r="432978" spans="8:8">
      <c r="H432978" s="12"/>
    </row>
    <row r="432979" spans="8:8">
      <c r="H432979" s="12"/>
    </row>
    <row r="432980" spans="8:8">
      <c r="H432980" s="12"/>
    </row>
    <row r="432981" spans="8:8">
      <c r="H432981" s="12"/>
    </row>
    <row r="432982" spans="8:8">
      <c r="H432982" s="12"/>
    </row>
    <row r="432983" spans="8:8">
      <c r="H432983" s="12"/>
    </row>
    <row r="432984" spans="8:8">
      <c r="H432984" s="12"/>
    </row>
    <row r="432985" spans="8:8">
      <c r="H432985" s="12"/>
    </row>
    <row r="432986" spans="8:8">
      <c r="H432986" s="12"/>
    </row>
    <row r="432987" spans="8:8">
      <c r="H432987" s="12"/>
    </row>
    <row r="432988" spans="8:8">
      <c r="H432988" s="12"/>
    </row>
    <row r="432989" spans="8:8">
      <c r="H432989" s="12"/>
    </row>
    <row r="432990" spans="8:8">
      <c r="H432990" s="12"/>
    </row>
    <row r="432991" spans="8:8">
      <c r="H432991" s="12"/>
    </row>
    <row r="432992" spans="8:8">
      <c r="H432992" s="12"/>
    </row>
    <row r="432993" spans="8:8">
      <c r="H432993" s="12"/>
    </row>
    <row r="432994" spans="8:8">
      <c r="H432994" s="12"/>
    </row>
    <row r="432995" spans="8:8">
      <c r="H432995" s="12"/>
    </row>
    <row r="432996" spans="8:8">
      <c r="H432996" s="12"/>
    </row>
    <row r="432997" spans="8:8">
      <c r="H432997" s="12"/>
    </row>
    <row r="432998" spans="8:8">
      <c r="H432998" s="12"/>
    </row>
    <row r="432999" spans="8:8">
      <c r="H432999" s="12"/>
    </row>
    <row r="433000" spans="8:8">
      <c r="H433000" s="12"/>
    </row>
    <row r="433001" spans="8:8">
      <c r="H433001" s="12"/>
    </row>
    <row r="433002" spans="8:8">
      <c r="H433002" s="12"/>
    </row>
    <row r="433003" spans="8:8">
      <c r="H433003" s="12"/>
    </row>
    <row r="433004" spans="8:8">
      <c r="H433004" s="12"/>
    </row>
    <row r="433005" spans="8:8">
      <c r="H433005" s="12"/>
    </row>
    <row r="433006" spans="8:8">
      <c r="H433006" s="12"/>
    </row>
    <row r="433007" spans="8:8">
      <c r="H433007" s="12"/>
    </row>
    <row r="433008" spans="8:8">
      <c r="H433008" s="12"/>
    </row>
    <row r="433009" spans="8:8">
      <c r="H433009" s="12"/>
    </row>
    <row r="433010" spans="8:8">
      <c r="H433010" s="12"/>
    </row>
    <row r="433011" spans="8:8">
      <c r="H433011" s="12"/>
    </row>
    <row r="433012" spans="8:8">
      <c r="H433012" s="12"/>
    </row>
    <row r="433013" spans="8:8">
      <c r="H433013" s="12"/>
    </row>
    <row r="433014" spans="8:8">
      <c r="H433014" s="12"/>
    </row>
    <row r="433015" spans="8:8">
      <c r="H433015" s="12"/>
    </row>
    <row r="433016" spans="8:8">
      <c r="H433016" s="12"/>
    </row>
    <row r="433017" spans="8:8">
      <c r="H433017" s="12"/>
    </row>
    <row r="433018" spans="8:8">
      <c r="H433018" s="12"/>
    </row>
    <row r="433019" spans="8:8">
      <c r="H433019" s="12"/>
    </row>
    <row r="433020" spans="8:8">
      <c r="H433020" s="12"/>
    </row>
    <row r="433021" spans="8:8">
      <c r="H433021" s="12"/>
    </row>
    <row r="433022" spans="8:8">
      <c r="H433022" s="12"/>
    </row>
    <row r="433023" spans="8:8">
      <c r="H433023" s="12"/>
    </row>
    <row r="433024" spans="8:8">
      <c r="H433024" s="12"/>
    </row>
    <row r="433025" spans="8:8">
      <c r="H433025" s="12"/>
    </row>
    <row r="433026" spans="8:8">
      <c r="H433026" s="12"/>
    </row>
    <row r="433027" spans="8:8">
      <c r="H433027" s="12"/>
    </row>
    <row r="433028" spans="8:8">
      <c r="H433028" s="12"/>
    </row>
    <row r="433029" spans="8:8">
      <c r="H433029" s="12"/>
    </row>
    <row r="433030" spans="8:8">
      <c r="H433030" s="12"/>
    </row>
    <row r="433031" spans="8:8">
      <c r="H433031" s="12"/>
    </row>
    <row r="433032" spans="8:8">
      <c r="H433032" s="12"/>
    </row>
    <row r="433033" spans="8:8">
      <c r="H433033" s="12"/>
    </row>
    <row r="433034" spans="8:8">
      <c r="H433034" s="12"/>
    </row>
    <row r="433035" spans="8:8">
      <c r="H433035" s="12"/>
    </row>
    <row r="433036" spans="8:8">
      <c r="H433036" s="12"/>
    </row>
    <row r="433037" spans="8:8">
      <c r="H433037" s="12"/>
    </row>
    <row r="433038" spans="8:8">
      <c r="H433038" s="12"/>
    </row>
    <row r="433039" spans="8:8">
      <c r="H433039" s="12"/>
    </row>
    <row r="433040" spans="8:8">
      <c r="H433040" s="12"/>
    </row>
    <row r="433041" spans="8:8">
      <c r="H433041" s="12"/>
    </row>
    <row r="433042" spans="8:8">
      <c r="H433042" s="12"/>
    </row>
    <row r="433043" spans="8:8">
      <c r="H433043" s="12"/>
    </row>
    <row r="433044" spans="8:8">
      <c r="H433044" s="12"/>
    </row>
    <row r="433045" spans="8:8">
      <c r="H433045" s="12"/>
    </row>
    <row r="433046" spans="8:8">
      <c r="H433046" s="12"/>
    </row>
    <row r="433047" spans="8:8">
      <c r="H433047" s="12"/>
    </row>
    <row r="433048" spans="8:8">
      <c r="H433048" s="12"/>
    </row>
    <row r="433049" spans="8:8">
      <c r="H433049" s="12"/>
    </row>
    <row r="433050" spans="8:8">
      <c r="H433050" s="12"/>
    </row>
    <row r="433051" spans="8:8">
      <c r="H433051" s="12"/>
    </row>
    <row r="433052" spans="8:8">
      <c r="H433052" s="12"/>
    </row>
    <row r="433053" spans="8:8">
      <c r="H433053" s="12"/>
    </row>
    <row r="433054" spans="8:8">
      <c r="H433054" s="12"/>
    </row>
    <row r="433055" spans="8:8">
      <c r="H433055" s="12"/>
    </row>
    <row r="433056" spans="8:8">
      <c r="H433056" s="12"/>
    </row>
    <row r="433057" spans="8:8">
      <c r="H433057" s="12"/>
    </row>
    <row r="433058" spans="8:8">
      <c r="H433058" s="12"/>
    </row>
    <row r="433059" spans="8:8">
      <c r="H433059" s="12"/>
    </row>
    <row r="433060" spans="8:8">
      <c r="H433060" s="12"/>
    </row>
    <row r="433061" spans="8:8">
      <c r="H433061" s="12"/>
    </row>
    <row r="433062" spans="8:8">
      <c r="H433062" s="12"/>
    </row>
    <row r="433063" spans="8:8">
      <c r="H433063" s="12"/>
    </row>
    <row r="433064" spans="8:8">
      <c r="H433064" s="12"/>
    </row>
    <row r="433065" spans="8:8">
      <c r="H433065" s="12"/>
    </row>
    <row r="433066" spans="8:8">
      <c r="H433066" s="12"/>
    </row>
    <row r="433067" spans="8:8">
      <c r="H433067" s="12"/>
    </row>
    <row r="433068" spans="8:8">
      <c r="H433068" s="12"/>
    </row>
    <row r="433069" spans="8:8">
      <c r="H433069" s="12"/>
    </row>
    <row r="433070" spans="8:8">
      <c r="H433070" s="12"/>
    </row>
    <row r="433071" spans="8:8">
      <c r="H433071" s="12"/>
    </row>
    <row r="433072" spans="8:8">
      <c r="H433072" s="12"/>
    </row>
    <row r="433073" spans="8:8">
      <c r="H433073" s="12"/>
    </row>
    <row r="433074" spans="8:8">
      <c r="H433074" s="12"/>
    </row>
    <row r="433075" spans="8:8">
      <c r="H433075" s="12"/>
    </row>
    <row r="433076" spans="8:8">
      <c r="H433076" s="12"/>
    </row>
    <row r="433077" spans="8:8">
      <c r="H433077" s="12"/>
    </row>
    <row r="433078" spans="8:8">
      <c r="H433078" s="12"/>
    </row>
    <row r="433079" spans="8:8">
      <c r="H433079" s="12"/>
    </row>
    <row r="433080" spans="8:8">
      <c r="H433080" s="12"/>
    </row>
    <row r="433081" spans="8:8">
      <c r="H433081" s="12"/>
    </row>
    <row r="433082" spans="8:8">
      <c r="H433082" s="12"/>
    </row>
    <row r="433083" spans="8:8">
      <c r="H433083" s="12"/>
    </row>
    <row r="433084" spans="8:8">
      <c r="H433084" s="12"/>
    </row>
    <row r="433085" spans="8:8">
      <c r="H433085" s="12"/>
    </row>
    <row r="433086" spans="8:8">
      <c r="H433086" s="12"/>
    </row>
    <row r="433087" spans="8:8">
      <c r="H433087" s="12"/>
    </row>
    <row r="433088" spans="8:8">
      <c r="H433088" s="12"/>
    </row>
    <row r="433089" spans="8:8">
      <c r="H433089" s="12"/>
    </row>
    <row r="433090" spans="8:8">
      <c r="H433090" s="12"/>
    </row>
    <row r="433091" spans="8:8">
      <c r="H433091" s="12"/>
    </row>
    <row r="433092" spans="8:8">
      <c r="H433092" s="12"/>
    </row>
    <row r="433093" spans="8:8">
      <c r="H433093" s="12"/>
    </row>
    <row r="433094" spans="8:8">
      <c r="H433094" s="12"/>
    </row>
    <row r="433095" spans="8:8">
      <c r="H433095" s="12"/>
    </row>
    <row r="433096" spans="8:8">
      <c r="H433096" s="12"/>
    </row>
    <row r="433097" spans="8:8">
      <c r="H433097" s="12"/>
    </row>
    <row r="433098" spans="8:8">
      <c r="H433098" s="12"/>
    </row>
    <row r="433099" spans="8:8">
      <c r="H433099" s="12"/>
    </row>
    <row r="433100" spans="8:8">
      <c r="H433100" s="12"/>
    </row>
    <row r="433101" spans="8:8">
      <c r="H433101" s="12"/>
    </row>
    <row r="433102" spans="8:8">
      <c r="H433102" s="12"/>
    </row>
    <row r="433103" spans="8:8">
      <c r="H433103" s="12"/>
    </row>
    <row r="433104" spans="8:8">
      <c r="H433104" s="12"/>
    </row>
    <row r="433105" spans="8:8">
      <c r="H433105" s="12"/>
    </row>
    <row r="433106" spans="8:8">
      <c r="H433106" s="12"/>
    </row>
    <row r="433107" spans="8:8">
      <c r="H433107" s="12"/>
    </row>
    <row r="433108" spans="8:8">
      <c r="H433108" s="12"/>
    </row>
    <row r="433109" spans="8:8">
      <c r="H433109" s="12"/>
    </row>
    <row r="433110" spans="8:8">
      <c r="H433110" s="12"/>
    </row>
    <row r="433111" spans="8:8">
      <c r="H433111" s="12"/>
    </row>
    <row r="433112" spans="8:8">
      <c r="H433112" s="12"/>
    </row>
    <row r="433113" spans="8:8">
      <c r="H433113" s="12"/>
    </row>
    <row r="433114" spans="8:8">
      <c r="H433114" s="12"/>
    </row>
    <row r="433115" spans="8:8">
      <c r="H433115" s="12"/>
    </row>
    <row r="433116" spans="8:8">
      <c r="H433116" s="12"/>
    </row>
    <row r="433117" spans="8:8">
      <c r="H433117" s="12"/>
    </row>
    <row r="433118" spans="8:8">
      <c r="H433118" s="12"/>
    </row>
    <row r="433119" spans="8:8">
      <c r="H433119" s="12"/>
    </row>
    <row r="433120" spans="8:8">
      <c r="H433120" s="12"/>
    </row>
    <row r="433121" spans="8:8">
      <c r="H433121" s="12"/>
    </row>
    <row r="433122" spans="8:8">
      <c r="H433122" s="12"/>
    </row>
    <row r="433123" spans="8:8">
      <c r="H433123" s="12"/>
    </row>
    <row r="433124" spans="8:8">
      <c r="H433124" s="12"/>
    </row>
    <row r="433125" spans="8:8">
      <c r="H433125" s="12"/>
    </row>
    <row r="433126" spans="8:8">
      <c r="H433126" s="12"/>
    </row>
    <row r="433127" spans="8:8">
      <c r="H433127" s="12"/>
    </row>
    <row r="433128" spans="8:8">
      <c r="H433128" s="12"/>
    </row>
    <row r="433129" spans="8:8">
      <c r="H433129" s="12"/>
    </row>
    <row r="433130" spans="8:8">
      <c r="H433130" s="12"/>
    </row>
    <row r="433131" spans="8:8">
      <c r="H433131" s="12"/>
    </row>
    <row r="433132" spans="8:8">
      <c r="H433132" s="12"/>
    </row>
    <row r="433133" spans="8:8">
      <c r="H433133" s="12"/>
    </row>
    <row r="433134" spans="8:8">
      <c r="H433134" s="12"/>
    </row>
    <row r="433135" spans="8:8">
      <c r="H433135" s="12"/>
    </row>
    <row r="433136" spans="8:8">
      <c r="H433136" s="12"/>
    </row>
    <row r="433137" spans="8:8">
      <c r="H433137" s="12"/>
    </row>
    <row r="433138" spans="8:8">
      <c r="H433138" s="12"/>
    </row>
    <row r="433139" spans="8:8">
      <c r="H433139" s="12"/>
    </row>
    <row r="433140" spans="8:8">
      <c r="H433140" s="12"/>
    </row>
    <row r="433141" spans="8:8">
      <c r="H433141" s="12"/>
    </row>
    <row r="433142" spans="8:8">
      <c r="H433142" s="12"/>
    </row>
    <row r="433143" spans="8:8">
      <c r="H433143" s="12"/>
    </row>
    <row r="433144" spans="8:8">
      <c r="H433144" s="12"/>
    </row>
    <row r="433145" spans="8:8">
      <c r="H433145" s="12"/>
    </row>
    <row r="433146" spans="8:8">
      <c r="H433146" s="12"/>
    </row>
    <row r="433147" spans="8:8">
      <c r="H433147" s="12"/>
    </row>
    <row r="433148" spans="8:8">
      <c r="H433148" s="12"/>
    </row>
    <row r="433149" spans="8:8">
      <c r="H433149" s="12"/>
    </row>
    <row r="433150" spans="8:8">
      <c r="H433150" s="12"/>
    </row>
    <row r="433151" spans="8:8">
      <c r="H433151" s="12"/>
    </row>
    <row r="433152" spans="8:8">
      <c r="H433152" s="12"/>
    </row>
    <row r="433153" spans="8:8">
      <c r="H433153" s="12"/>
    </row>
    <row r="433154" spans="8:8">
      <c r="H433154" s="12"/>
    </row>
    <row r="433155" spans="8:8">
      <c r="H433155" s="12"/>
    </row>
    <row r="433156" spans="8:8">
      <c r="H433156" s="12"/>
    </row>
    <row r="433157" spans="8:8">
      <c r="H433157" s="12"/>
    </row>
    <row r="433158" spans="8:8">
      <c r="H433158" s="12"/>
    </row>
    <row r="433159" spans="8:8">
      <c r="H433159" s="12"/>
    </row>
    <row r="433160" spans="8:8">
      <c r="H433160" s="12"/>
    </row>
    <row r="433161" spans="8:8">
      <c r="H433161" s="12"/>
    </row>
    <row r="433162" spans="8:8">
      <c r="H433162" s="12"/>
    </row>
    <row r="433163" spans="8:8">
      <c r="H433163" s="12"/>
    </row>
    <row r="433164" spans="8:8">
      <c r="H433164" s="12"/>
    </row>
    <row r="433165" spans="8:8">
      <c r="H433165" s="12"/>
    </row>
    <row r="433166" spans="8:8">
      <c r="H433166" s="12"/>
    </row>
    <row r="433167" spans="8:8">
      <c r="H433167" s="12"/>
    </row>
    <row r="433168" spans="8:8">
      <c r="H433168" s="12"/>
    </row>
    <row r="433169" spans="8:8">
      <c r="H433169" s="12"/>
    </row>
    <row r="433170" spans="8:8">
      <c r="H433170" s="12"/>
    </row>
    <row r="433171" spans="8:8">
      <c r="H433171" s="12"/>
    </row>
    <row r="433172" spans="8:8">
      <c r="H433172" s="12"/>
    </row>
    <row r="433173" spans="8:8">
      <c r="H433173" s="12"/>
    </row>
    <row r="433174" spans="8:8">
      <c r="H433174" s="12"/>
    </row>
    <row r="433175" spans="8:8">
      <c r="H433175" s="12"/>
    </row>
    <row r="433176" spans="8:8">
      <c r="H433176" s="12"/>
    </row>
    <row r="433177" spans="8:8">
      <c r="H433177" s="12"/>
    </row>
    <row r="433178" spans="8:8">
      <c r="H433178" s="12"/>
    </row>
    <row r="433179" spans="8:8">
      <c r="H433179" s="12"/>
    </row>
    <row r="433180" spans="8:8">
      <c r="H433180" s="12"/>
    </row>
    <row r="433181" spans="8:8">
      <c r="H433181" s="12"/>
    </row>
    <row r="433182" spans="8:8">
      <c r="H433182" s="12"/>
    </row>
    <row r="433183" spans="8:8">
      <c r="H433183" s="12"/>
    </row>
    <row r="433184" spans="8:8">
      <c r="H433184" s="12"/>
    </row>
    <row r="433185" spans="8:8">
      <c r="H433185" s="12"/>
    </row>
    <row r="433186" spans="8:8">
      <c r="H433186" s="12"/>
    </row>
    <row r="433187" spans="8:8">
      <c r="H433187" s="12"/>
    </row>
    <row r="433188" spans="8:8">
      <c r="H433188" s="12"/>
    </row>
    <row r="433189" spans="8:8">
      <c r="H433189" s="12"/>
    </row>
    <row r="433190" spans="8:8">
      <c r="H433190" s="12"/>
    </row>
    <row r="433191" spans="8:8">
      <c r="H433191" s="12"/>
    </row>
    <row r="433192" spans="8:8">
      <c r="H433192" s="12"/>
    </row>
    <row r="433193" spans="8:8">
      <c r="H433193" s="12"/>
    </row>
    <row r="433194" spans="8:8">
      <c r="H433194" s="12"/>
    </row>
    <row r="433195" spans="8:8">
      <c r="H433195" s="12"/>
    </row>
    <row r="433196" spans="8:8">
      <c r="H433196" s="12"/>
    </row>
    <row r="433197" spans="8:8">
      <c r="H433197" s="12"/>
    </row>
    <row r="433198" spans="8:8">
      <c r="H433198" s="12"/>
    </row>
    <row r="433199" spans="8:8">
      <c r="H433199" s="12"/>
    </row>
    <row r="433200" spans="8:8">
      <c r="H433200" s="12"/>
    </row>
    <row r="433201" spans="8:8">
      <c r="H433201" s="12"/>
    </row>
    <row r="433202" spans="8:8">
      <c r="H433202" s="12"/>
    </row>
    <row r="433203" spans="8:8">
      <c r="H433203" s="12"/>
    </row>
    <row r="433204" spans="8:8">
      <c r="H433204" s="12"/>
    </row>
    <row r="433205" spans="8:8">
      <c r="H433205" s="12"/>
    </row>
    <row r="433206" spans="8:8">
      <c r="H433206" s="12"/>
    </row>
    <row r="433207" spans="8:8">
      <c r="H433207" s="12"/>
    </row>
    <row r="433208" spans="8:8">
      <c r="H433208" s="12"/>
    </row>
    <row r="433209" spans="8:8">
      <c r="H433209" s="12"/>
    </row>
    <row r="433210" spans="8:8">
      <c r="H433210" s="12"/>
    </row>
    <row r="433211" spans="8:8">
      <c r="H433211" s="12"/>
    </row>
    <row r="433212" spans="8:8">
      <c r="H433212" s="12"/>
    </row>
    <row r="433213" spans="8:8">
      <c r="H433213" s="12"/>
    </row>
    <row r="433214" spans="8:8">
      <c r="H433214" s="12"/>
    </row>
    <row r="433215" spans="8:8">
      <c r="H433215" s="12"/>
    </row>
    <row r="433216" spans="8:8">
      <c r="H433216" s="12"/>
    </row>
    <row r="433217" spans="8:8">
      <c r="H433217" s="12"/>
    </row>
    <row r="433218" spans="8:8">
      <c r="H433218" s="12"/>
    </row>
    <row r="433219" spans="8:8">
      <c r="H433219" s="12"/>
    </row>
    <row r="433220" spans="8:8">
      <c r="H433220" s="12"/>
    </row>
    <row r="433221" spans="8:8">
      <c r="H433221" s="12"/>
    </row>
    <row r="433222" spans="8:8">
      <c r="H433222" s="12"/>
    </row>
    <row r="433223" spans="8:8">
      <c r="H433223" s="12"/>
    </row>
    <row r="433224" spans="8:8">
      <c r="H433224" s="12"/>
    </row>
    <row r="433225" spans="8:8">
      <c r="H433225" s="12"/>
    </row>
    <row r="433226" spans="8:8">
      <c r="H433226" s="12"/>
    </row>
    <row r="433227" spans="8:8">
      <c r="H433227" s="12"/>
    </row>
    <row r="433228" spans="8:8">
      <c r="H433228" s="12"/>
    </row>
    <row r="433229" spans="8:8">
      <c r="H433229" s="12"/>
    </row>
    <row r="433230" spans="8:8">
      <c r="H433230" s="12"/>
    </row>
    <row r="433231" spans="8:8">
      <c r="H433231" s="12"/>
    </row>
    <row r="433232" spans="8:8">
      <c r="H433232" s="12"/>
    </row>
    <row r="433233" spans="8:8">
      <c r="H433233" s="12"/>
    </row>
    <row r="433234" spans="8:8">
      <c r="H433234" s="12"/>
    </row>
    <row r="433235" spans="8:8">
      <c r="H433235" s="12"/>
    </row>
    <row r="433236" spans="8:8">
      <c r="H433236" s="12"/>
    </row>
    <row r="433237" spans="8:8">
      <c r="H433237" s="12"/>
    </row>
    <row r="433238" spans="8:8">
      <c r="H433238" s="12"/>
    </row>
    <row r="433239" spans="8:8">
      <c r="H433239" s="12"/>
    </row>
    <row r="433240" spans="8:8">
      <c r="H433240" s="12"/>
    </row>
    <row r="433241" spans="8:8">
      <c r="H433241" s="12"/>
    </row>
    <row r="433242" spans="8:8">
      <c r="H433242" s="12"/>
    </row>
    <row r="433243" spans="8:8">
      <c r="H433243" s="12"/>
    </row>
    <row r="433244" spans="8:8">
      <c r="H433244" s="12"/>
    </row>
    <row r="433245" spans="8:8">
      <c r="H433245" s="12"/>
    </row>
    <row r="433246" spans="8:8">
      <c r="H433246" s="12"/>
    </row>
    <row r="433247" spans="8:8">
      <c r="H433247" s="12"/>
    </row>
    <row r="433248" spans="8:8">
      <c r="H433248" s="12"/>
    </row>
    <row r="433249" spans="8:8">
      <c r="H433249" s="12"/>
    </row>
    <row r="433250" spans="8:8">
      <c r="H433250" s="12"/>
    </row>
    <row r="433251" spans="8:8">
      <c r="H433251" s="12"/>
    </row>
    <row r="433252" spans="8:8">
      <c r="H433252" s="12"/>
    </row>
    <row r="433253" spans="8:8">
      <c r="H433253" s="12"/>
    </row>
    <row r="433254" spans="8:8">
      <c r="H433254" s="12"/>
    </row>
    <row r="433255" spans="8:8">
      <c r="H433255" s="12"/>
    </row>
    <row r="433256" spans="8:8">
      <c r="H433256" s="12"/>
    </row>
    <row r="433257" spans="8:8">
      <c r="H433257" s="12"/>
    </row>
    <row r="433258" spans="8:8">
      <c r="H433258" s="12"/>
    </row>
    <row r="433259" spans="8:8">
      <c r="H433259" s="12"/>
    </row>
    <row r="433260" spans="8:8">
      <c r="H433260" s="12"/>
    </row>
    <row r="433261" spans="8:8">
      <c r="H433261" s="12"/>
    </row>
    <row r="433262" spans="8:8">
      <c r="H433262" s="12"/>
    </row>
    <row r="433263" spans="8:8">
      <c r="H433263" s="12"/>
    </row>
    <row r="433264" spans="8:8">
      <c r="H433264" s="12"/>
    </row>
    <row r="433265" spans="8:8">
      <c r="H433265" s="12"/>
    </row>
    <row r="433266" spans="8:8">
      <c r="H433266" s="12"/>
    </row>
    <row r="433267" spans="8:8">
      <c r="H433267" s="12"/>
    </row>
    <row r="433268" spans="8:8">
      <c r="H433268" s="12"/>
    </row>
    <row r="433269" spans="8:8">
      <c r="H433269" s="12"/>
    </row>
    <row r="433270" spans="8:8">
      <c r="H433270" s="12"/>
    </row>
    <row r="433271" spans="8:8">
      <c r="H433271" s="12"/>
    </row>
    <row r="433272" spans="8:8">
      <c r="H433272" s="12"/>
    </row>
    <row r="433273" spans="8:8">
      <c r="H433273" s="12"/>
    </row>
    <row r="433274" spans="8:8">
      <c r="H433274" s="12"/>
    </row>
    <row r="433275" spans="8:8">
      <c r="H433275" s="12"/>
    </row>
    <row r="433276" spans="8:8">
      <c r="H433276" s="12"/>
    </row>
    <row r="433277" spans="8:8">
      <c r="H433277" s="12"/>
    </row>
    <row r="433278" spans="8:8">
      <c r="H433278" s="12"/>
    </row>
    <row r="433279" spans="8:8">
      <c r="H433279" s="12"/>
    </row>
    <row r="433280" spans="8:8">
      <c r="H433280" s="12"/>
    </row>
    <row r="433281" spans="8:8">
      <c r="H433281" s="12"/>
    </row>
    <row r="433282" spans="8:8">
      <c r="H433282" s="12"/>
    </row>
    <row r="433283" spans="8:8">
      <c r="H433283" s="12"/>
    </row>
    <row r="433284" spans="8:8">
      <c r="H433284" s="12"/>
    </row>
    <row r="433285" spans="8:8">
      <c r="H433285" s="12"/>
    </row>
    <row r="433286" spans="8:8">
      <c r="H433286" s="12"/>
    </row>
    <row r="433287" spans="8:8">
      <c r="H433287" s="12"/>
    </row>
    <row r="433288" spans="8:8">
      <c r="H433288" s="12"/>
    </row>
    <row r="433289" spans="8:8">
      <c r="H433289" s="12"/>
    </row>
    <row r="433290" spans="8:8">
      <c r="H433290" s="12"/>
    </row>
    <row r="433291" spans="8:8">
      <c r="H433291" s="12"/>
    </row>
    <row r="433292" spans="8:8">
      <c r="H433292" s="12"/>
    </row>
    <row r="433293" spans="8:8">
      <c r="H433293" s="12"/>
    </row>
    <row r="433294" spans="8:8">
      <c r="H433294" s="12"/>
    </row>
    <row r="433295" spans="8:8">
      <c r="H433295" s="12"/>
    </row>
    <row r="433296" spans="8:8">
      <c r="H433296" s="12"/>
    </row>
    <row r="433297" spans="8:8">
      <c r="H433297" s="12"/>
    </row>
    <row r="433298" spans="8:8">
      <c r="H433298" s="12"/>
    </row>
    <row r="433299" spans="8:8">
      <c r="H433299" s="12"/>
    </row>
    <row r="433300" spans="8:8">
      <c r="H433300" s="12"/>
    </row>
    <row r="433301" spans="8:8">
      <c r="H433301" s="12"/>
    </row>
    <row r="433302" spans="8:8">
      <c r="H433302" s="12"/>
    </row>
    <row r="433303" spans="8:8">
      <c r="H433303" s="12"/>
    </row>
    <row r="433304" spans="8:8">
      <c r="H433304" s="12"/>
    </row>
    <row r="433305" spans="8:8">
      <c r="H433305" s="12"/>
    </row>
    <row r="433306" spans="8:8">
      <c r="H433306" s="12"/>
    </row>
    <row r="433307" spans="8:8">
      <c r="H433307" s="12"/>
    </row>
    <row r="433308" spans="8:8">
      <c r="H433308" s="12"/>
    </row>
    <row r="433309" spans="8:8">
      <c r="H433309" s="12"/>
    </row>
    <row r="433310" spans="8:8">
      <c r="H433310" s="12"/>
    </row>
    <row r="433311" spans="8:8">
      <c r="H433311" s="12"/>
    </row>
    <row r="433312" spans="8:8">
      <c r="H433312" s="12"/>
    </row>
    <row r="433313" spans="8:8">
      <c r="H433313" s="12"/>
    </row>
    <row r="433314" spans="8:8">
      <c r="H433314" s="12"/>
    </row>
    <row r="433315" spans="8:8">
      <c r="H433315" s="12"/>
    </row>
    <row r="433316" spans="8:8">
      <c r="H433316" s="12"/>
    </row>
    <row r="433317" spans="8:8">
      <c r="H433317" s="12"/>
    </row>
    <row r="433318" spans="8:8">
      <c r="H433318" s="12"/>
    </row>
    <row r="433319" spans="8:8">
      <c r="H433319" s="12"/>
    </row>
    <row r="433320" spans="8:8">
      <c r="H433320" s="12"/>
    </row>
    <row r="433321" spans="8:8">
      <c r="H433321" s="12"/>
    </row>
    <row r="433322" spans="8:8">
      <c r="H433322" s="12"/>
    </row>
    <row r="433323" spans="8:8">
      <c r="H433323" s="12"/>
    </row>
    <row r="433324" spans="8:8">
      <c r="H433324" s="12"/>
    </row>
    <row r="433325" spans="8:8">
      <c r="H433325" s="12"/>
    </row>
    <row r="433326" spans="8:8">
      <c r="H433326" s="12"/>
    </row>
    <row r="433327" spans="8:8">
      <c r="H433327" s="12"/>
    </row>
    <row r="433328" spans="8:8">
      <c r="H433328" s="12"/>
    </row>
    <row r="433329" spans="8:8">
      <c r="H433329" s="12"/>
    </row>
    <row r="433330" spans="8:8">
      <c r="H433330" s="12"/>
    </row>
    <row r="433331" spans="8:8">
      <c r="H433331" s="12"/>
    </row>
    <row r="433332" spans="8:8">
      <c r="H433332" s="12"/>
    </row>
    <row r="433333" spans="8:8">
      <c r="H433333" s="12"/>
    </row>
    <row r="433334" spans="8:8">
      <c r="H433334" s="12"/>
    </row>
    <row r="433335" spans="8:8">
      <c r="H433335" s="12"/>
    </row>
    <row r="433336" spans="8:8">
      <c r="H433336" s="12"/>
    </row>
    <row r="433337" spans="8:8">
      <c r="H433337" s="12"/>
    </row>
    <row r="433338" spans="8:8">
      <c r="H433338" s="12"/>
    </row>
    <row r="433339" spans="8:8">
      <c r="H433339" s="12"/>
    </row>
    <row r="433340" spans="8:8">
      <c r="H433340" s="12"/>
    </row>
    <row r="433341" spans="8:8">
      <c r="H433341" s="12"/>
    </row>
    <row r="433342" spans="8:8">
      <c r="H433342" s="12"/>
    </row>
    <row r="433343" spans="8:8">
      <c r="H433343" s="12"/>
    </row>
    <row r="433344" spans="8:8">
      <c r="H433344" s="12"/>
    </row>
    <row r="433345" spans="8:8">
      <c r="H433345" s="12"/>
    </row>
    <row r="433346" spans="8:8">
      <c r="H433346" s="12"/>
    </row>
    <row r="433347" spans="8:8">
      <c r="H433347" s="12"/>
    </row>
    <row r="433348" spans="8:8">
      <c r="H433348" s="12"/>
    </row>
    <row r="433349" spans="8:8">
      <c r="H433349" s="12"/>
    </row>
    <row r="433350" spans="8:8">
      <c r="H433350" s="12"/>
    </row>
    <row r="433351" spans="8:8">
      <c r="H433351" s="12"/>
    </row>
    <row r="433352" spans="8:8">
      <c r="H433352" s="12"/>
    </row>
    <row r="433353" spans="8:8">
      <c r="H433353" s="12"/>
    </row>
    <row r="433354" spans="8:8">
      <c r="H433354" s="12"/>
    </row>
    <row r="433355" spans="8:8">
      <c r="H433355" s="12"/>
    </row>
    <row r="433356" spans="8:8">
      <c r="H433356" s="12"/>
    </row>
    <row r="433357" spans="8:8">
      <c r="H433357" s="12"/>
    </row>
    <row r="433358" spans="8:8">
      <c r="H433358" s="12"/>
    </row>
    <row r="433359" spans="8:8">
      <c r="H433359" s="12"/>
    </row>
    <row r="433360" spans="8:8">
      <c r="H433360" s="12"/>
    </row>
    <row r="433361" spans="8:8">
      <c r="H433361" s="12"/>
    </row>
    <row r="433362" spans="8:8">
      <c r="H433362" s="12"/>
    </row>
    <row r="433363" spans="8:8">
      <c r="H433363" s="12"/>
    </row>
    <row r="433364" spans="8:8">
      <c r="H433364" s="12"/>
    </row>
    <row r="433365" spans="8:8">
      <c r="H433365" s="12"/>
    </row>
    <row r="433366" spans="8:8">
      <c r="H433366" s="12"/>
    </row>
    <row r="433367" spans="8:8">
      <c r="H433367" s="12"/>
    </row>
    <row r="433368" spans="8:8">
      <c r="H433368" s="12"/>
    </row>
    <row r="433369" spans="8:8">
      <c r="H433369" s="12"/>
    </row>
    <row r="433370" spans="8:8">
      <c r="H433370" s="12"/>
    </row>
    <row r="433371" spans="8:8">
      <c r="H433371" s="12"/>
    </row>
    <row r="433372" spans="8:8">
      <c r="H433372" s="12"/>
    </row>
    <row r="433373" spans="8:8">
      <c r="H433373" s="12"/>
    </row>
    <row r="433374" spans="8:8">
      <c r="H433374" s="12"/>
    </row>
    <row r="433375" spans="8:8">
      <c r="H433375" s="12"/>
    </row>
    <row r="433376" spans="8:8">
      <c r="H433376" s="12"/>
    </row>
    <row r="433377" spans="8:8">
      <c r="H433377" s="12"/>
    </row>
    <row r="433378" spans="8:8">
      <c r="H433378" s="12"/>
    </row>
    <row r="433379" spans="8:8">
      <c r="H433379" s="12"/>
    </row>
    <row r="433380" spans="8:8">
      <c r="H433380" s="12"/>
    </row>
    <row r="433381" spans="8:8">
      <c r="H433381" s="12"/>
    </row>
    <row r="433382" spans="8:8">
      <c r="H433382" s="12"/>
    </row>
    <row r="433383" spans="8:8">
      <c r="H433383" s="12"/>
    </row>
    <row r="433384" spans="8:8">
      <c r="H433384" s="12"/>
    </row>
    <row r="433385" spans="8:8">
      <c r="H433385" s="12"/>
    </row>
    <row r="433386" spans="8:8">
      <c r="H433386" s="12"/>
    </row>
    <row r="433387" spans="8:8">
      <c r="H433387" s="12"/>
    </row>
    <row r="433388" spans="8:8">
      <c r="H433388" s="12"/>
    </row>
    <row r="433389" spans="8:8">
      <c r="H433389" s="12"/>
    </row>
    <row r="433390" spans="8:8">
      <c r="H433390" s="12"/>
    </row>
    <row r="433391" spans="8:8">
      <c r="H433391" s="12"/>
    </row>
    <row r="433392" spans="8:8">
      <c r="H433392" s="12"/>
    </row>
    <row r="433393" spans="8:8">
      <c r="H433393" s="12"/>
    </row>
    <row r="433394" spans="8:8">
      <c r="H433394" s="12"/>
    </row>
    <row r="433395" spans="8:8">
      <c r="H433395" s="12"/>
    </row>
    <row r="433396" spans="8:8">
      <c r="H433396" s="12"/>
    </row>
    <row r="433397" spans="8:8">
      <c r="H433397" s="12"/>
    </row>
    <row r="433398" spans="8:8">
      <c r="H433398" s="12"/>
    </row>
    <row r="433399" spans="8:8">
      <c r="H433399" s="12"/>
    </row>
    <row r="433400" spans="8:8">
      <c r="H433400" s="12"/>
    </row>
    <row r="433401" spans="8:8">
      <c r="H433401" s="12"/>
    </row>
    <row r="433402" spans="8:8">
      <c r="H433402" s="12"/>
    </row>
    <row r="433403" spans="8:8">
      <c r="H433403" s="12"/>
    </row>
    <row r="433404" spans="8:8">
      <c r="H433404" s="12"/>
    </row>
    <row r="433405" spans="8:8">
      <c r="H433405" s="12"/>
    </row>
    <row r="433406" spans="8:8">
      <c r="H433406" s="12"/>
    </row>
    <row r="433407" spans="8:8">
      <c r="H433407" s="12"/>
    </row>
    <row r="433408" spans="8:8">
      <c r="H433408" s="12"/>
    </row>
    <row r="433409" spans="8:8">
      <c r="H433409" s="12"/>
    </row>
    <row r="433410" spans="8:8">
      <c r="H433410" s="12"/>
    </row>
    <row r="433411" spans="8:8">
      <c r="H433411" s="12"/>
    </row>
    <row r="433412" spans="8:8">
      <c r="H433412" s="12"/>
    </row>
    <row r="433413" spans="8:8">
      <c r="H433413" s="12"/>
    </row>
    <row r="433414" spans="8:8">
      <c r="H433414" s="12"/>
    </row>
    <row r="433415" spans="8:8">
      <c r="H433415" s="12"/>
    </row>
    <row r="433416" spans="8:8">
      <c r="H433416" s="12"/>
    </row>
    <row r="433417" spans="8:8">
      <c r="H433417" s="12"/>
    </row>
    <row r="433418" spans="8:8">
      <c r="H433418" s="12"/>
    </row>
    <row r="433419" spans="8:8">
      <c r="H433419" s="12"/>
    </row>
    <row r="433420" spans="8:8">
      <c r="H433420" s="12"/>
    </row>
    <row r="433421" spans="8:8">
      <c r="H433421" s="12"/>
    </row>
    <row r="433422" spans="8:8">
      <c r="H433422" s="12"/>
    </row>
    <row r="433423" spans="8:8">
      <c r="H433423" s="12"/>
    </row>
    <row r="433424" spans="8:8">
      <c r="H433424" s="12"/>
    </row>
    <row r="433425" spans="8:8">
      <c r="H433425" s="12"/>
    </row>
    <row r="433426" spans="8:8">
      <c r="H433426" s="12"/>
    </row>
    <row r="433427" spans="8:8">
      <c r="H433427" s="12"/>
    </row>
    <row r="433428" spans="8:8">
      <c r="H433428" s="12"/>
    </row>
    <row r="433429" spans="8:8">
      <c r="H433429" s="12"/>
    </row>
    <row r="433430" spans="8:8">
      <c r="H433430" s="12"/>
    </row>
    <row r="433431" spans="8:8">
      <c r="H433431" s="12"/>
    </row>
    <row r="433432" spans="8:8">
      <c r="H433432" s="12"/>
    </row>
    <row r="433433" spans="8:8">
      <c r="H433433" s="12"/>
    </row>
    <row r="433434" spans="8:8">
      <c r="H433434" s="12"/>
    </row>
    <row r="433435" spans="8:8">
      <c r="H433435" s="12"/>
    </row>
    <row r="433436" spans="8:8">
      <c r="H433436" s="12"/>
    </row>
    <row r="433437" spans="8:8">
      <c r="H433437" s="12"/>
    </row>
    <row r="433438" spans="8:8">
      <c r="H433438" s="12"/>
    </row>
    <row r="433439" spans="8:8">
      <c r="H433439" s="12"/>
    </row>
    <row r="433440" spans="8:8">
      <c r="H433440" s="12"/>
    </row>
    <row r="433441" spans="8:8">
      <c r="H433441" s="12"/>
    </row>
    <row r="433442" spans="8:8">
      <c r="H433442" s="12"/>
    </row>
    <row r="433443" spans="8:8">
      <c r="H433443" s="12"/>
    </row>
    <row r="433444" spans="8:8">
      <c r="H433444" s="12"/>
    </row>
    <row r="433445" spans="8:8">
      <c r="H433445" s="12"/>
    </row>
    <row r="433446" spans="8:8">
      <c r="H433446" s="12"/>
    </row>
    <row r="433447" spans="8:8">
      <c r="H433447" s="12"/>
    </row>
    <row r="433448" spans="8:8">
      <c r="H433448" s="12"/>
    </row>
    <row r="433449" spans="8:8">
      <c r="H433449" s="12"/>
    </row>
    <row r="433450" spans="8:8">
      <c r="H433450" s="12"/>
    </row>
    <row r="433451" spans="8:8">
      <c r="H433451" s="12"/>
    </row>
    <row r="433452" spans="8:8">
      <c r="H433452" s="12"/>
    </row>
    <row r="433453" spans="8:8">
      <c r="H433453" s="12"/>
    </row>
    <row r="433454" spans="8:8">
      <c r="H433454" s="12"/>
    </row>
    <row r="433455" spans="8:8">
      <c r="H433455" s="12"/>
    </row>
    <row r="433456" spans="8:8">
      <c r="H433456" s="12"/>
    </row>
    <row r="433457" spans="8:8">
      <c r="H433457" s="12"/>
    </row>
    <row r="433458" spans="8:8">
      <c r="H433458" s="12"/>
    </row>
    <row r="433459" spans="8:8">
      <c r="H433459" s="12"/>
    </row>
    <row r="433460" spans="8:8">
      <c r="H433460" s="12"/>
    </row>
    <row r="433461" spans="8:8">
      <c r="H433461" s="12"/>
    </row>
    <row r="433462" spans="8:8">
      <c r="H433462" s="12"/>
    </row>
    <row r="433463" spans="8:8">
      <c r="H433463" s="12"/>
    </row>
    <row r="433464" spans="8:8">
      <c r="H433464" s="12"/>
    </row>
    <row r="433465" spans="8:8">
      <c r="H433465" s="12"/>
    </row>
    <row r="433466" spans="8:8">
      <c r="H433466" s="12"/>
    </row>
    <row r="433467" spans="8:8">
      <c r="H433467" s="12"/>
    </row>
    <row r="433468" spans="8:8">
      <c r="H433468" s="12"/>
    </row>
    <row r="433469" spans="8:8">
      <c r="H433469" s="12"/>
    </row>
    <row r="433470" spans="8:8">
      <c r="H433470" s="12"/>
    </row>
    <row r="433471" spans="8:8">
      <c r="H433471" s="12"/>
    </row>
    <row r="433472" spans="8:8">
      <c r="H433472" s="12"/>
    </row>
    <row r="433473" spans="8:8">
      <c r="H433473" s="12"/>
    </row>
    <row r="433474" spans="8:8">
      <c r="H433474" s="12"/>
    </row>
    <row r="433475" spans="8:8">
      <c r="H433475" s="12"/>
    </row>
    <row r="433476" spans="8:8">
      <c r="H433476" s="12"/>
    </row>
    <row r="433477" spans="8:8">
      <c r="H433477" s="12"/>
    </row>
    <row r="433478" spans="8:8">
      <c r="H433478" s="12"/>
    </row>
    <row r="433479" spans="8:8">
      <c r="H433479" s="12"/>
    </row>
    <row r="433480" spans="8:8">
      <c r="H433480" s="12"/>
    </row>
    <row r="433481" spans="8:8">
      <c r="H433481" s="12"/>
    </row>
    <row r="433482" spans="8:8">
      <c r="H433482" s="12"/>
    </row>
    <row r="433483" spans="8:8">
      <c r="H433483" s="12"/>
    </row>
    <row r="433484" spans="8:8">
      <c r="H433484" s="12"/>
    </row>
    <row r="433485" spans="8:8">
      <c r="H433485" s="12"/>
    </row>
    <row r="433486" spans="8:8">
      <c r="H433486" s="12"/>
    </row>
    <row r="433487" spans="8:8">
      <c r="H433487" s="12"/>
    </row>
    <row r="433488" spans="8:8">
      <c r="H433488" s="12"/>
    </row>
    <row r="433489" spans="8:8">
      <c r="H433489" s="12"/>
    </row>
    <row r="433490" spans="8:8">
      <c r="H433490" s="12"/>
    </row>
    <row r="433491" spans="8:8">
      <c r="H433491" s="12"/>
    </row>
    <row r="433492" spans="8:8">
      <c r="H433492" s="12"/>
    </row>
    <row r="433493" spans="8:8">
      <c r="H433493" s="12"/>
    </row>
    <row r="433494" spans="8:8">
      <c r="H433494" s="12"/>
    </row>
    <row r="433495" spans="8:8">
      <c r="H433495" s="12"/>
    </row>
    <row r="433496" spans="8:8">
      <c r="H433496" s="12"/>
    </row>
    <row r="433497" spans="8:8">
      <c r="H433497" s="12"/>
    </row>
    <row r="433498" spans="8:8">
      <c r="H433498" s="12"/>
    </row>
    <row r="433499" spans="8:8">
      <c r="H433499" s="12"/>
    </row>
    <row r="433500" spans="8:8">
      <c r="H433500" s="12"/>
    </row>
    <row r="433501" spans="8:8">
      <c r="H433501" s="12"/>
    </row>
    <row r="433502" spans="8:8">
      <c r="H433502" s="12"/>
    </row>
    <row r="433503" spans="8:8">
      <c r="H433503" s="12"/>
    </row>
    <row r="433504" spans="8:8">
      <c r="H433504" s="12"/>
    </row>
    <row r="433505" spans="8:8">
      <c r="H433505" s="12"/>
    </row>
    <row r="433506" spans="8:8">
      <c r="H433506" s="12"/>
    </row>
    <row r="433507" spans="8:8">
      <c r="H433507" s="12"/>
    </row>
    <row r="433508" spans="8:8">
      <c r="H433508" s="12"/>
    </row>
    <row r="433509" spans="8:8">
      <c r="H433509" s="12"/>
    </row>
    <row r="433510" spans="8:8">
      <c r="H433510" s="12"/>
    </row>
    <row r="433511" spans="8:8">
      <c r="H433511" s="12"/>
    </row>
    <row r="433512" spans="8:8">
      <c r="H433512" s="12"/>
    </row>
    <row r="433513" spans="8:8">
      <c r="H433513" s="12"/>
    </row>
    <row r="433514" spans="8:8">
      <c r="H433514" s="12"/>
    </row>
    <row r="433515" spans="8:8">
      <c r="H433515" s="12"/>
    </row>
    <row r="433516" spans="8:8">
      <c r="H433516" s="12"/>
    </row>
    <row r="433517" spans="8:8">
      <c r="H433517" s="12"/>
    </row>
    <row r="433518" spans="8:8">
      <c r="H433518" s="12"/>
    </row>
    <row r="433519" spans="8:8">
      <c r="H433519" s="12"/>
    </row>
    <row r="433520" spans="8:8">
      <c r="H433520" s="12"/>
    </row>
    <row r="433521" spans="8:8">
      <c r="H433521" s="12"/>
    </row>
    <row r="433522" spans="8:8">
      <c r="H433522" s="12"/>
    </row>
    <row r="433523" spans="8:8">
      <c r="H433523" s="12"/>
    </row>
    <row r="433524" spans="8:8">
      <c r="H433524" s="12"/>
    </row>
    <row r="433525" spans="8:8">
      <c r="H433525" s="12"/>
    </row>
    <row r="433526" spans="8:8">
      <c r="H433526" s="12"/>
    </row>
    <row r="433527" spans="8:8">
      <c r="H433527" s="12"/>
    </row>
    <row r="433528" spans="8:8">
      <c r="H433528" s="12"/>
    </row>
    <row r="433529" spans="8:8">
      <c r="H433529" s="12"/>
    </row>
    <row r="433530" spans="8:8">
      <c r="H433530" s="12"/>
    </row>
    <row r="433531" spans="8:8">
      <c r="H433531" s="12"/>
    </row>
    <row r="433532" spans="8:8">
      <c r="H433532" s="12"/>
    </row>
    <row r="433533" spans="8:8">
      <c r="H433533" s="12"/>
    </row>
    <row r="433534" spans="8:8">
      <c r="H433534" s="12"/>
    </row>
    <row r="433535" spans="8:8">
      <c r="H433535" s="12"/>
    </row>
    <row r="433536" spans="8:8">
      <c r="H433536" s="12"/>
    </row>
    <row r="433537" spans="8:8">
      <c r="H433537" s="12"/>
    </row>
    <row r="433538" spans="8:8">
      <c r="H433538" s="12"/>
    </row>
    <row r="433539" spans="8:8">
      <c r="H433539" s="12"/>
    </row>
    <row r="433540" spans="8:8">
      <c r="H433540" s="12"/>
    </row>
    <row r="433541" spans="8:8">
      <c r="H433541" s="12"/>
    </row>
    <row r="433542" spans="8:8">
      <c r="H433542" s="12"/>
    </row>
    <row r="433543" spans="8:8">
      <c r="H433543" s="12"/>
    </row>
    <row r="433544" spans="8:8">
      <c r="H433544" s="12"/>
    </row>
    <row r="433545" spans="8:8">
      <c r="H433545" s="12"/>
    </row>
    <row r="433546" spans="8:8">
      <c r="H433546" s="12"/>
    </row>
    <row r="433547" spans="8:8">
      <c r="H433547" s="12"/>
    </row>
    <row r="433548" spans="8:8">
      <c r="H433548" s="12"/>
    </row>
    <row r="433549" spans="8:8">
      <c r="H433549" s="12"/>
    </row>
    <row r="433550" spans="8:8">
      <c r="H433550" s="12"/>
    </row>
    <row r="433551" spans="8:8">
      <c r="H433551" s="12"/>
    </row>
    <row r="433552" spans="8:8">
      <c r="H433552" s="12"/>
    </row>
    <row r="433553" spans="8:8">
      <c r="H433553" s="12"/>
    </row>
    <row r="433554" spans="8:8">
      <c r="H433554" s="12"/>
    </row>
    <row r="433555" spans="8:8">
      <c r="H433555" s="12"/>
    </row>
    <row r="433556" spans="8:8">
      <c r="H433556" s="12"/>
    </row>
    <row r="433557" spans="8:8">
      <c r="H433557" s="12"/>
    </row>
    <row r="433558" spans="8:8">
      <c r="H433558" s="12"/>
    </row>
    <row r="433559" spans="8:8">
      <c r="H433559" s="12"/>
    </row>
    <row r="433560" spans="8:8">
      <c r="H433560" s="12"/>
    </row>
    <row r="433561" spans="8:8">
      <c r="H433561" s="12"/>
    </row>
    <row r="433562" spans="8:8">
      <c r="H433562" s="12"/>
    </row>
    <row r="433563" spans="8:8">
      <c r="H433563" s="12"/>
    </row>
    <row r="433564" spans="8:8">
      <c r="H433564" s="12"/>
    </row>
    <row r="433565" spans="8:8">
      <c r="H433565" s="12"/>
    </row>
    <row r="433566" spans="8:8">
      <c r="H433566" s="12"/>
    </row>
    <row r="433567" spans="8:8">
      <c r="H433567" s="12"/>
    </row>
    <row r="433568" spans="8:8">
      <c r="H433568" s="12"/>
    </row>
    <row r="433569" spans="8:8">
      <c r="H433569" s="12"/>
    </row>
    <row r="433570" spans="8:8">
      <c r="H433570" s="12"/>
    </row>
    <row r="433571" spans="8:8">
      <c r="H433571" s="12"/>
    </row>
    <row r="433572" spans="8:8">
      <c r="H433572" s="12"/>
    </row>
    <row r="433573" spans="8:8">
      <c r="H433573" s="12"/>
    </row>
    <row r="433574" spans="8:8">
      <c r="H433574" s="12"/>
    </row>
    <row r="433575" spans="8:8">
      <c r="H433575" s="12"/>
    </row>
    <row r="433576" spans="8:8">
      <c r="H433576" s="12"/>
    </row>
    <row r="433577" spans="8:8">
      <c r="H433577" s="12"/>
    </row>
    <row r="433578" spans="8:8">
      <c r="H433578" s="12"/>
    </row>
    <row r="433579" spans="8:8">
      <c r="H433579" s="12"/>
    </row>
    <row r="433580" spans="8:8">
      <c r="H433580" s="12"/>
    </row>
    <row r="433581" spans="8:8">
      <c r="H433581" s="12"/>
    </row>
    <row r="433582" spans="8:8">
      <c r="H433582" s="12"/>
    </row>
    <row r="433583" spans="8:8">
      <c r="H433583" s="12"/>
    </row>
    <row r="433584" spans="8:8">
      <c r="H433584" s="12"/>
    </row>
    <row r="433585" spans="8:8">
      <c r="H433585" s="12"/>
    </row>
    <row r="433586" spans="8:8">
      <c r="H433586" s="12"/>
    </row>
    <row r="433587" spans="8:8">
      <c r="H433587" s="12"/>
    </row>
    <row r="433588" spans="8:8">
      <c r="H433588" s="12"/>
    </row>
    <row r="433589" spans="8:8">
      <c r="H433589" s="12"/>
    </row>
    <row r="433590" spans="8:8">
      <c r="H433590" s="12"/>
    </row>
    <row r="433591" spans="8:8">
      <c r="H433591" s="12"/>
    </row>
    <row r="433592" spans="8:8">
      <c r="H433592" s="12"/>
    </row>
    <row r="433593" spans="8:8">
      <c r="H433593" s="12"/>
    </row>
    <row r="433594" spans="8:8">
      <c r="H433594" s="12"/>
    </row>
    <row r="433595" spans="8:8">
      <c r="H433595" s="12"/>
    </row>
    <row r="433596" spans="8:8">
      <c r="H433596" s="12"/>
    </row>
    <row r="433597" spans="8:8">
      <c r="H433597" s="12"/>
    </row>
    <row r="433598" spans="8:8">
      <c r="H433598" s="12"/>
    </row>
    <row r="433599" spans="8:8">
      <c r="H433599" s="12"/>
    </row>
    <row r="433600" spans="8:8">
      <c r="H433600" s="12"/>
    </row>
    <row r="433601" spans="8:8">
      <c r="H433601" s="12"/>
    </row>
    <row r="433602" spans="8:8">
      <c r="H433602" s="12"/>
    </row>
    <row r="433603" spans="8:8">
      <c r="H433603" s="12"/>
    </row>
    <row r="433604" spans="8:8">
      <c r="H433604" s="12"/>
    </row>
    <row r="433605" spans="8:8">
      <c r="H433605" s="12"/>
    </row>
    <row r="433606" spans="8:8">
      <c r="H433606" s="12"/>
    </row>
    <row r="433607" spans="8:8">
      <c r="H433607" s="12"/>
    </row>
    <row r="433608" spans="8:8">
      <c r="H433608" s="12"/>
    </row>
    <row r="433609" spans="8:8">
      <c r="H433609" s="12"/>
    </row>
    <row r="433610" spans="8:8">
      <c r="H433610" s="12"/>
    </row>
    <row r="433611" spans="8:8">
      <c r="H433611" s="12"/>
    </row>
    <row r="433612" spans="8:8">
      <c r="H433612" s="12"/>
    </row>
    <row r="433613" spans="8:8">
      <c r="H433613" s="12"/>
    </row>
    <row r="433614" spans="8:8">
      <c r="H433614" s="12"/>
    </row>
    <row r="433615" spans="8:8">
      <c r="H433615" s="12"/>
    </row>
    <row r="433616" spans="8:8">
      <c r="H433616" s="12"/>
    </row>
    <row r="433617" spans="8:8">
      <c r="H433617" s="12"/>
    </row>
    <row r="433618" spans="8:8">
      <c r="H433618" s="12"/>
    </row>
    <row r="433619" spans="8:8">
      <c r="H433619" s="12"/>
    </row>
    <row r="433620" spans="8:8">
      <c r="H433620" s="12"/>
    </row>
    <row r="433621" spans="8:8">
      <c r="H433621" s="12"/>
    </row>
    <row r="433622" spans="8:8">
      <c r="H433622" s="12"/>
    </row>
    <row r="433623" spans="8:8">
      <c r="H433623" s="12"/>
    </row>
    <row r="433624" spans="8:8">
      <c r="H433624" s="12"/>
    </row>
    <row r="433625" spans="8:8">
      <c r="H433625" s="12"/>
    </row>
    <row r="433626" spans="8:8">
      <c r="H433626" s="12"/>
    </row>
    <row r="433627" spans="8:8">
      <c r="H433627" s="12"/>
    </row>
    <row r="433628" spans="8:8">
      <c r="H433628" s="12"/>
    </row>
    <row r="433629" spans="8:8">
      <c r="H433629" s="12"/>
    </row>
    <row r="433630" spans="8:8">
      <c r="H433630" s="12"/>
    </row>
    <row r="433631" spans="8:8">
      <c r="H433631" s="12"/>
    </row>
    <row r="433632" spans="8:8">
      <c r="H433632" s="12"/>
    </row>
    <row r="433633" spans="8:8">
      <c r="H433633" s="12"/>
    </row>
    <row r="433634" spans="8:8">
      <c r="H433634" s="12"/>
    </row>
    <row r="433635" spans="8:8">
      <c r="H433635" s="12"/>
    </row>
    <row r="433636" spans="8:8">
      <c r="H433636" s="12"/>
    </row>
    <row r="433637" spans="8:8">
      <c r="H433637" s="12"/>
    </row>
    <row r="433638" spans="8:8">
      <c r="H433638" s="12"/>
    </row>
    <row r="433639" spans="8:8">
      <c r="H433639" s="12"/>
    </row>
    <row r="433640" spans="8:8">
      <c r="H433640" s="12"/>
    </row>
    <row r="433641" spans="8:8">
      <c r="H433641" s="12"/>
    </row>
    <row r="433642" spans="8:8">
      <c r="H433642" s="12"/>
    </row>
    <row r="433643" spans="8:8">
      <c r="H433643" s="12"/>
    </row>
    <row r="433644" spans="8:8">
      <c r="H433644" s="12"/>
    </row>
    <row r="433645" spans="8:8">
      <c r="H433645" s="12"/>
    </row>
    <row r="433646" spans="8:8">
      <c r="H433646" s="12"/>
    </row>
    <row r="433647" spans="8:8">
      <c r="H433647" s="12"/>
    </row>
    <row r="433648" spans="8:8">
      <c r="H433648" s="12"/>
    </row>
    <row r="433649" spans="8:8">
      <c r="H433649" s="12"/>
    </row>
    <row r="433650" spans="8:8">
      <c r="H433650" s="12"/>
    </row>
    <row r="433651" spans="8:8">
      <c r="H433651" s="12"/>
    </row>
    <row r="433652" spans="8:8">
      <c r="H433652" s="12"/>
    </row>
    <row r="433653" spans="8:8">
      <c r="H433653" s="12"/>
    </row>
    <row r="433654" spans="8:8">
      <c r="H433654" s="12"/>
    </row>
    <row r="433655" spans="8:8">
      <c r="H433655" s="12"/>
    </row>
    <row r="433656" spans="8:8">
      <c r="H433656" s="12"/>
    </row>
    <row r="433657" spans="8:8">
      <c r="H433657" s="12"/>
    </row>
    <row r="433658" spans="8:8">
      <c r="H433658" s="12"/>
    </row>
    <row r="433659" spans="8:8">
      <c r="H433659" s="12"/>
    </row>
    <row r="433660" spans="8:8">
      <c r="H433660" s="12"/>
    </row>
    <row r="433661" spans="8:8">
      <c r="H433661" s="12"/>
    </row>
    <row r="433662" spans="8:8">
      <c r="H433662" s="12"/>
    </row>
    <row r="433663" spans="8:8">
      <c r="H433663" s="12"/>
    </row>
    <row r="433664" spans="8:8">
      <c r="H433664" s="12"/>
    </row>
    <row r="433665" spans="8:8">
      <c r="H433665" s="12"/>
    </row>
    <row r="433666" spans="8:8">
      <c r="H433666" s="12"/>
    </row>
    <row r="433667" spans="8:8">
      <c r="H433667" s="12"/>
    </row>
    <row r="433668" spans="8:8">
      <c r="H433668" s="12"/>
    </row>
    <row r="433669" spans="8:8">
      <c r="H433669" s="12"/>
    </row>
    <row r="433670" spans="8:8">
      <c r="H433670" s="12"/>
    </row>
    <row r="433671" spans="8:8">
      <c r="H433671" s="12"/>
    </row>
    <row r="433672" spans="8:8">
      <c r="H433672" s="12"/>
    </row>
    <row r="433673" spans="8:8">
      <c r="H433673" s="12"/>
    </row>
    <row r="433674" spans="8:8">
      <c r="H433674" s="12"/>
    </row>
    <row r="433675" spans="8:8">
      <c r="H433675" s="12"/>
    </row>
    <row r="433676" spans="8:8">
      <c r="H433676" s="12"/>
    </row>
    <row r="433677" spans="8:8">
      <c r="H433677" s="12"/>
    </row>
    <row r="433678" spans="8:8">
      <c r="H433678" s="12"/>
    </row>
    <row r="433679" spans="8:8">
      <c r="H433679" s="12"/>
    </row>
    <row r="433680" spans="8:8">
      <c r="H433680" s="12"/>
    </row>
    <row r="433681" spans="8:8">
      <c r="H433681" s="12"/>
    </row>
    <row r="433682" spans="8:8">
      <c r="H433682" s="12"/>
    </row>
    <row r="433683" spans="8:8">
      <c r="H433683" s="12"/>
    </row>
    <row r="433684" spans="8:8">
      <c r="H433684" s="12"/>
    </row>
    <row r="433685" spans="8:8">
      <c r="H433685" s="12"/>
    </row>
    <row r="433686" spans="8:8">
      <c r="H433686" s="12"/>
    </row>
    <row r="433687" spans="8:8">
      <c r="H433687" s="12"/>
    </row>
    <row r="433688" spans="8:8">
      <c r="H433688" s="12"/>
    </row>
    <row r="433689" spans="8:8">
      <c r="H433689" s="12"/>
    </row>
    <row r="433690" spans="8:8">
      <c r="H433690" s="12"/>
    </row>
    <row r="433691" spans="8:8">
      <c r="H433691" s="12"/>
    </row>
    <row r="433692" spans="8:8">
      <c r="H433692" s="12"/>
    </row>
    <row r="433693" spans="8:8">
      <c r="H433693" s="12"/>
    </row>
    <row r="433694" spans="8:8">
      <c r="H433694" s="12"/>
    </row>
    <row r="433695" spans="8:8">
      <c r="H433695" s="12"/>
    </row>
    <row r="433696" spans="8:8">
      <c r="H433696" s="12"/>
    </row>
    <row r="433697" spans="8:8">
      <c r="H433697" s="12"/>
    </row>
    <row r="433698" spans="8:8">
      <c r="H433698" s="12"/>
    </row>
    <row r="433699" spans="8:8">
      <c r="H433699" s="12"/>
    </row>
    <row r="433700" spans="8:8">
      <c r="H433700" s="12"/>
    </row>
    <row r="433701" spans="8:8">
      <c r="H433701" s="12"/>
    </row>
    <row r="433702" spans="8:8">
      <c r="H433702" s="12"/>
    </row>
    <row r="433703" spans="8:8">
      <c r="H433703" s="12"/>
    </row>
    <row r="433704" spans="8:8">
      <c r="H433704" s="12"/>
    </row>
    <row r="433705" spans="8:8">
      <c r="H433705" s="12"/>
    </row>
    <row r="433706" spans="8:8">
      <c r="H433706" s="12"/>
    </row>
    <row r="433707" spans="8:8">
      <c r="H433707" s="12"/>
    </row>
    <row r="433708" spans="8:8">
      <c r="H433708" s="12"/>
    </row>
    <row r="433709" spans="8:8">
      <c r="H433709" s="12"/>
    </row>
    <row r="433710" spans="8:8">
      <c r="H433710" s="12"/>
    </row>
    <row r="433711" spans="8:8">
      <c r="H433711" s="12"/>
    </row>
    <row r="433712" spans="8:8">
      <c r="H433712" s="12"/>
    </row>
    <row r="433713" spans="8:8">
      <c r="H433713" s="12"/>
    </row>
    <row r="433714" spans="8:8">
      <c r="H433714" s="12"/>
    </row>
    <row r="433715" spans="8:8">
      <c r="H433715" s="12"/>
    </row>
    <row r="433716" spans="8:8">
      <c r="H433716" s="12"/>
    </row>
    <row r="433717" spans="8:8">
      <c r="H433717" s="12"/>
    </row>
    <row r="433718" spans="8:8">
      <c r="H433718" s="12"/>
    </row>
    <row r="433719" spans="8:8">
      <c r="H433719" s="12"/>
    </row>
    <row r="433720" spans="8:8">
      <c r="H433720" s="12"/>
    </row>
    <row r="433721" spans="8:8">
      <c r="H433721" s="12"/>
    </row>
    <row r="433722" spans="8:8">
      <c r="H433722" s="12"/>
    </row>
    <row r="433723" spans="8:8">
      <c r="H433723" s="12"/>
    </row>
    <row r="433724" spans="8:8">
      <c r="H433724" s="12"/>
    </row>
    <row r="433725" spans="8:8">
      <c r="H433725" s="12"/>
    </row>
    <row r="433726" spans="8:8">
      <c r="H433726" s="12"/>
    </row>
    <row r="433727" spans="8:8">
      <c r="H433727" s="12"/>
    </row>
    <row r="433728" spans="8:8">
      <c r="H433728" s="12"/>
    </row>
    <row r="433729" spans="8:8">
      <c r="H433729" s="12"/>
    </row>
    <row r="433730" spans="8:8">
      <c r="H433730" s="12"/>
    </row>
    <row r="433731" spans="8:8">
      <c r="H433731" s="12"/>
    </row>
    <row r="433732" spans="8:8">
      <c r="H433732" s="12"/>
    </row>
    <row r="433733" spans="8:8">
      <c r="H433733" s="12"/>
    </row>
    <row r="433734" spans="8:8">
      <c r="H433734" s="12"/>
    </row>
    <row r="433735" spans="8:8">
      <c r="H433735" s="12"/>
    </row>
    <row r="433736" spans="8:8">
      <c r="H433736" s="12"/>
    </row>
    <row r="433737" spans="8:8">
      <c r="H433737" s="12"/>
    </row>
    <row r="433738" spans="8:8">
      <c r="H433738" s="12"/>
    </row>
    <row r="433739" spans="8:8">
      <c r="H433739" s="12"/>
    </row>
    <row r="433740" spans="8:8">
      <c r="H433740" s="12"/>
    </row>
    <row r="433741" spans="8:8">
      <c r="H433741" s="12"/>
    </row>
    <row r="433742" spans="8:8">
      <c r="H433742" s="12"/>
    </row>
    <row r="433743" spans="8:8">
      <c r="H433743" s="12"/>
    </row>
    <row r="433744" spans="8:8">
      <c r="H433744" s="12"/>
    </row>
    <row r="433745" spans="8:8">
      <c r="H433745" s="12"/>
    </row>
    <row r="433746" spans="8:8">
      <c r="H433746" s="12"/>
    </row>
    <row r="433747" spans="8:8">
      <c r="H433747" s="12"/>
    </row>
    <row r="433748" spans="8:8">
      <c r="H433748" s="12"/>
    </row>
    <row r="433749" spans="8:8">
      <c r="H433749" s="12"/>
    </row>
    <row r="433750" spans="8:8">
      <c r="H433750" s="12"/>
    </row>
    <row r="433751" spans="8:8">
      <c r="H433751" s="12"/>
    </row>
    <row r="433752" spans="8:8">
      <c r="H433752" s="12"/>
    </row>
    <row r="433753" spans="8:8">
      <c r="H433753" s="12"/>
    </row>
    <row r="433754" spans="8:8">
      <c r="H433754" s="12"/>
    </row>
    <row r="433755" spans="8:8">
      <c r="H433755" s="12"/>
    </row>
    <row r="433756" spans="8:8">
      <c r="H433756" s="12"/>
    </row>
    <row r="433757" spans="8:8">
      <c r="H433757" s="12"/>
    </row>
    <row r="433758" spans="8:8">
      <c r="H433758" s="12"/>
    </row>
    <row r="433759" spans="8:8">
      <c r="H433759" s="12"/>
    </row>
    <row r="433760" spans="8:8">
      <c r="H433760" s="12"/>
    </row>
    <row r="433761" spans="8:8">
      <c r="H433761" s="12"/>
    </row>
    <row r="433762" spans="8:8">
      <c r="H433762" s="12"/>
    </row>
    <row r="433763" spans="8:8">
      <c r="H433763" s="12"/>
    </row>
    <row r="433764" spans="8:8">
      <c r="H433764" s="12"/>
    </row>
    <row r="433765" spans="8:8">
      <c r="H433765" s="12"/>
    </row>
    <row r="433766" spans="8:8">
      <c r="H433766" s="12"/>
    </row>
    <row r="433767" spans="8:8">
      <c r="H433767" s="12"/>
    </row>
    <row r="433768" spans="8:8">
      <c r="H433768" s="12"/>
    </row>
    <row r="433769" spans="8:8">
      <c r="H433769" s="12"/>
    </row>
    <row r="433770" spans="8:8">
      <c r="H433770" s="12"/>
    </row>
    <row r="433771" spans="8:8">
      <c r="H433771" s="12"/>
    </row>
    <row r="433772" spans="8:8">
      <c r="H433772" s="12"/>
    </row>
    <row r="433773" spans="8:8">
      <c r="H433773" s="12"/>
    </row>
    <row r="433774" spans="8:8">
      <c r="H433774" s="12"/>
    </row>
    <row r="433775" spans="8:8">
      <c r="H433775" s="12"/>
    </row>
    <row r="433776" spans="8:8">
      <c r="H433776" s="12"/>
    </row>
    <row r="433777" spans="8:8">
      <c r="H433777" s="12"/>
    </row>
    <row r="433778" spans="8:8">
      <c r="H433778" s="12"/>
    </row>
    <row r="433779" spans="8:8">
      <c r="H433779" s="12"/>
    </row>
    <row r="433780" spans="8:8">
      <c r="H433780" s="12"/>
    </row>
    <row r="433781" spans="8:8">
      <c r="H433781" s="12"/>
    </row>
    <row r="433782" spans="8:8">
      <c r="H433782" s="12"/>
    </row>
    <row r="433783" spans="8:8">
      <c r="H433783" s="12"/>
    </row>
    <row r="433784" spans="8:8">
      <c r="H433784" s="12"/>
    </row>
    <row r="433785" spans="8:8">
      <c r="H433785" s="12"/>
    </row>
    <row r="433786" spans="8:8">
      <c r="H433786" s="12"/>
    </row>
    <row r="433787" spans="8:8">
      <c r="H433787" s="12"/>
    </row>
    <row r="433788" spans="8:8">
      <c r="H433788" s="12"/>
    </row>
    <row r="433789" spans="8:8">
      <c r="H433789" s="12"/>
    </row>
    <row r="433790" spans="8:8">
      <c r="H433790" s="12"/>
    </row>
    <row r="433791" spans="8:8">
      <c r="H433791" s="12"/>
    </row>
    <row r="433792" spans="8:8">
      <c r="H433792" s="12"/>
    </row>
    <row r="433793" spans="8:8">
      <c r="H433793" s="12"/>
    </row>
    <row r="433794" spans="8:8">
      <c r="H433794" s="12"/>
    </row>
    <row r="433795" spans="8:8">
      <c r="H433795" s="12"/>
    </row>
    <row r="433796" spans="8:8">
      <c r="H433796" s="12"/>
    </row>
    <row r="433797" spans="8:8">
      <c r="H433797" s="12"/>
    </row>
    <row r="433798" spans="8:8">
      <c r="H433798" s="12"/>
    </row>
    <row r="433799" spans="8:8">
      <c r="H433799" s="12"/>
    </row>
    <row r="433800" spans="8:8">
      <c r="H433800" s="12"/>
    </row>
    <row r="433801" spans="8:8">
      <c r="H433801" s="12"/>
    </row>
    <row r="433802" spans="8:8">
      <c r="H433802" s="12"/>
    </row>
    <row r="433803" spans="8:8">
      <c r="H433803" s="12"/>
    </row>
    <row r="433804" spans="8:8">
      <c r="H433804" s="12"/>
    </row>
    <row r="433805" spans="8:8">
      <c r="H433805" s="12"/>
    </row>
    <row r="433806" spans="8:8">
      <c r="H433806" s="12"/>
    </row>
    <row r="433807" spans="8:8">
      <c r="H433807" s="12"/>
    </row>
    <row r="433808" spans="8:8">
      <c r="H433808" s="12"/>
    </row>
    <row r="433809" spans="8:8">
      <c r="H433809" s="12"/>
    </row>
    <row r="433810" spans="8:8">
      <c r="H433810" s="12"/>
    </row>
    <row r="433811" spans="8:8">
      <c r="H433811" s="12"/>
    </row>
    <row r="433812" spans="8:8">
      <c r="H433812" s="12"/>
    </row>
    <row r="433813" spans="8:8">
      <c r="H433813" s="12"/>
    </row>
    <row r="433814" spans="8:8">
      <c r="H433814" s="12"/>
    </row>
    <row r="433815" spans="8:8">
      <c r="H433815" s="12"/>
    </row>
    <row r="433816" spans="8:8">
      <c r="H433816" s="12"/>
    </row>
    <row r="433817" spans="8:8">
      <c r="H433817" s="12"/>
    </row>
    <row r="433818" spans="8:8">
      <c r="H433818" s="12"/>
    </row>
    <row r="433819" spans="8:8">
      <c r="H433819" s="12"/>
    </row>
    <row r="433820" spans="8:8">
      <c r="H433820" s="12"/>
    </row>
    <row r="433821" spans="8:8">
      <c r="H433821" s="12"/>
    </row>
    <row r="433822" spans="8:8">
      <c r="H433822" s="12"/>
    </row>
    <row r="433823" spans="8:8">
      <c r="H433823" s="12"/>
    </row>
    <row r="433824" spans="8:8">
      <c r="H433824" s="12"/>
    </row>
    <row r="433825" spans="8:8">
      <c r="H433825" s="12"/>
    </row>
    <row r="433826" spans="8:8">
      <c r="H433826" s="12"/>
    </row>
    <row r="433827" spans="8:8">
      <c r="H433827" s="12"/>
    </row>
    <row r="433828" spans="8:8">
      <c r="H433828" s="12"/>
    </row>
    <row r="433829" spans="8:8">
      <c r="H433829" s="12"/>
    </row>
    <row r="433830" spans="8:8">
      <c r="H433830" s="12"/>
    </row>
    <row r="433831" spans="8:8">
      <c r="H433831" s="12"/>
    </row>
    <row r="433832" spans="8:8">
      <c r="H433832" s="12"/>
    </row>
    <row r="433833" spans="8:8">
      <c r="H433833" s="12"/>
    </row>
    <row r="433834" spans="8:8">
      <c r="H433834" s="12"/>
    </row>
    <row r="433835" spans="8:8">
      <c r="H433835" s="12"/>
    </row>
    <row r="433836" spans="8:8">
      <c r="H433836" s="12"/>
    </row>
    <row r="433837" spans="8:8">
      <c r="H433837" s="12"/>
    </row>
    <row r="433838" spans="8:8">
      <c r="H433838" s="12"/>
    </row>
    <row r="433839" spans="8:8">
      <c r="H433839" s="12"/>
    </row>
    <row r="433840" spans="8:8">
      <c r="H433840" s="12"/>
    </row>
    <row r="433841" spans="8:8">
      <c r="H433841" s="12"/>
    </row>
    <row r="433842" spans="8:8">
      <c r="H433842" s="12"/>
    </row>
    <row r="433843" spans="8:8">
      <c r="H433843" s="12"/>
    </row>
    <row r="433844" spans="8:8">
      <c r="H433844" s="12"/>
    </row>
    <row r="433845" spans="8:8">
      <c r="H433845" s="12"/>
    </row>
    <row r="433846" spans="8:8">
      <c r="H433846" s="12"/>
    </row>
    <row r="433847" spans="8:8">
      <c r="H433847" s="12"/>
    </row>
    <row r="433848" spans="8:8">
      <c r="H433848" s="12"/>
    </row>
    <row r="433849" spans="8:8">
      <c r="H433849" s="12"/>
    </row>
    <row r="433850" spans="8:8">
      <c r="H433850" s="12"/>
    </row>
    <row r="433851" spans="8:8">
      <c r="H433851" s="12"/>
    </row>
    <row r="433852" spans="8:8">
      <c r="H433852" s="12"/>
    </row>
    <row r="433853" spans="8:8">
      <c r="H433853" s="12"/>
    </row>
    <row r="433854" spans="8:8">
      <c r="H433854" s="12"/>
    </row>
    <row r="433855" spans="8:8">
      <c r="H433855" s="12"/>
    </row>
    <row r="433856" spans="8:8">
      <c r="H433856" s="12"/>
    </row>
    <row r="433857" spans="8:8">
      <c r="H433857" s="12"/>
    </row>
    <row r="433858" spans="8:8">
      <c r="H433858" s="12"/>
    </row>
    <row r="433859" spans="8:8">
      <c r="H433859" s="12"/>
    </row>
    <row r="433860" spans="8:8">
      <c r="H433860" s="12"/>
    </row>
    <row r="433861" spans="8:8">
      <c r="H433861" s="12"/>
    </row>
    <row r="433862" spans="8:8">
      <c r="H433862" s="12"/>
    </row>
    <row r="433863" spans="8:8">
      <c r="H433863" s="12"/>
    </row>
    <row r="433864" spans="8:8">
      <c r="H433864" s="12"/>
    </row>
    <row r="433865" spans="8:8">
      <c r="H433865" s="12"/>
    </row>
    <row r="433866" spans="8:8">
      <c r="H433866" s="12"/>
    </row>
    <row r="433867" spans="8:8">
      <c r="H433867" s="12"/>
    </row>
    <row r="433868" spans="8:8">
      <c r="H433868" s="12"/>
    </row>
    <row r="433869" spans="8:8">
      <c r="H433869" s="12"/>
    </row>
    <row r="433870" spans="8:8">
      <c r="H433870" s="12"/>
    </row>
    <row r="433871" spans="8:8">
      <c r="H433871" s="12"/>
    </row>
    <row r="433872" spans="8:8">
      <c r="H433872" s="12"/>
    </row>
    <row r="433873" spans="8:8">
      <c r="H433873" s="12"/>
    </row>
    <row r="433874" spans="8:8">
      <c r="H433874" s="12"/>
    </row>
    <row r="433875" spans="8:8">
      <c r="H433875" s="12"/>
    </row>
    <row r="433876" spans="8:8">
      <c r="H433876" s="12"/>
    </row>
    <row r="433877" spans="8:8">
      <c r="H433877" s="12"/>
    </row>
    <row r="433878" spans="8:8">
      <c r="H433878" s="12"/>
    </row>
    <row r="433879" spans="8:8">
      <c r="H433879" s="12"/>
    </row>
    <row r="433880" spans="8:8">
      <c r="H433880" s="12"/>
    </row>
    <row r="433881" spans="8:8">
      <c r="H433881" s="12"/>
    </row>
    <row r="433882" spans="8:8">
      <c r="H433882" s="12"/>
    </row>
    <row r="433883" spans="8:8">
      <c r="H433883" s="12"/>
    </row>
    <row r="433884" spans="8:8">
      <c r="H433884" s="12"/>
    </row>
    <row r="433885" spans="8:8">
      <c r="H433885" s="12"/>
    </row>
    <row r="433886" spans="8:8">
      <c r="H433886" s="12"/>
    </row>
    <row r="433887" spans="8:8">
      <c r="H433887" s="12"/>
    </row>
    <row r="433888" spans="8:8">
      <c r="H433888" s="12"/>
    </row>
    <row r="433889" spans="8:8">
      <c r="H433889" s="12"/>
    </row>
    <row r="433890" spans="8:8">
      <c r="H433890" s="12"/>
    </row>
    <row r="433891" spans="8:8">
      <c r="H433891" s="12"/>
    </row>
    <row r="433892" spans="8:8">
      <c r="H433892" s="12"/>
    </row>
    <row r="433893" spans="8:8">
      <c r="H433893" s="12"/>
    </row>
    <row r="433894" spans="8:8">
      <c r="H433894" s="12"/>
    </row>
    <row r="433895" spans="8:8">
      <c r="H433895" s="12"/>
    </row>
    <row r="433896" spans="8:8">
      <c r="H433896" s="12"/>
    </row>
    <row r="433897" spans="8:8">
      <c r="H433897" s="12"/>
    </row>
    <row r="433898" spans="8:8">
      <c r="H433898" s="12"/>
    </row>
    <row r="433899" spans="8:8">
      <c r="H433899" s="12"/>
    </row>
    <row r="433900" spans="8:8">
      <c r="H433900" s="12"/>
    </row>
    <row r="433901" spans="8:8">
      <c r="H433901" s="12"/>
    </row>
    <row r="433902" spans="8:8">
      <c r="H433902" s="12"/>
    </row>
    <row r="433903" spans="8:8">
      <c r="H433903" s="12"/>
    </row>
    <row r="433904" spans="8:8">
      <c r="H433904" s="12"/>
    </row>
    <row r="433905" spans="8:8">
      <c r="H433905" s="12"/>
    </row>
    <row r="433906" spans="8:8">
      <c r="H433906" s="12"/>
    </row>
    <row r="433907" spans="8:8">
      <c r="H433907" s="12"/>
    </row>
    <row r="433908" spans="8:8">
      <c r="H433908" s="12"/>
    </row>
    <row r="433909" spans="8:8">
      <c r="H433909" s="12"/>
    </row>
    <row r="433910" spans="8:8">
      <c r="H433910" s="12"/>
    </row>
    <row r="433911" spans="8:8">
      <c r="H433911" s="12"/>
    </row>
    <row r="433912" spans="8:8">
      <c r="H433912" s="12"/>
    </row>
    <row r="433913" spans="8:8">
      <c r="H433913" s="12"/>
    </row>
    <row r="433914" spans="8:8">
      <c r="H433914" s="12"/>
    </row>
    <row r="433915" spans="8:8">
      <c r="H433915" s="12"/>
    </row>
    <row r="433916" spans="8:8">
      <c r="H433916" s="12"/>
    </row>
    <row r="433917" spans="8:8">
      <c r="H433917" s="12"/>
    </row>
    <row r="433918" spans="8:8">
      <c r="H433918" s="12"/>
    </row>
    <row r="433919" spans="8:8">
      <c r="H433919" s="12"/>
    </row>
    <row r="433920" spans="8:8">
      <c r="H433920" s="12"/>
    </row>
    <row r="433921" spans="8:8">
      <c r="H433921" s="12"/>
    </row>
    <row r="433922" spans="8:8">
      <c r="H433922" s="12"/>
    </row>
    <row r="433923" spans="8:8">
      <c r="H433923" s="12"/>
    </row>
    <row r="433924" spans="8:8">
      <c r="H433924" s="12"/>
    </row>
    <row r="433925" spans="8:8">
      <c r="H433925" s="12"/>
    </row>
    <row r="433926" spans="8:8">
      <c r="H433926" s="12"/>
    </row>
    <row r="433927" spans="8:8">
      <c r="H433927" s="12"/>
    </row>
    <row r="433928" spans="8:8">
      <c r="H433928" s="12"/>
    </row>
    <row r="433929" spans="8:8">
      <c r="H433929" s="12"/>
    </row>
    <row r="433930" spans="8:8">
      <c r="H433930" s="12"/>
    </row>
    <row r="433931" spans="8:8">
      <c r="H433931" s="12"/>
    </row>
    <row r="433932" spans="8:8">
      <c r="H433932" s="12"/>
    </row>
    <row r="433933" spans="8:8">
      <c r="H433933" s="12"/>
    </row>
    <row r="433934" spans="8:8">
      <c r="H433934" s="12"/>
    </row>
    <row r="433935" spans="8:8">
      <c r="H433935" s="12"/>
    </row>
    <row r="433936" spans="8:8">
      <c r="H433936" s="12"/>
    </row>
    <row r="433937" spans="8:8">
      <c r="H433937" s="12"/>
    </row>
    <row r="433938" spans="8:8">
      <c r="H433938" s="12"/>
    </row>
    <row r="433939" spans="8:8">
      <c r="H433939" s="12"/>
    </row>
    <row r="433940" spans="8:8">
      <c r="H433940" s="12"/>
    </row>
    <row r="433941" spans="8:8">
      <c r="H433941" s="12"/>
    </row>
    <row r="433942" spans="8:8">
      <c r="H433942" s="12"/>
    </row>
    <row r="433943" spans="8:8">
      <c r="H433943" s="12"/>
    </row>
    <row r="433944" spans="8:8">
      <c r="H433944" s="12"/>
    </row>
    <row r="433945" spans="8:8">
      <c r="H433945" s="12"/>
    </row>
    <row r="433946" spans="8:8">
      <c r="H433946" s="12"/>
    </row>
    <row r="433947" spans="8:8">
      <c r="H433947" s="12"/>
    </row>
    <row r="433948" spans="8:8">
      <c r="H433948" s="12"/>
    </row>
    <row r="433949" spans="8:8">
      <c r="H433949" s="12"/>
    </row>
    <row r="433950" spans="8:8">
      <c r="H433950" s="12"/>
    </row>
    <row r="433951" spans="8:8">
      <c r="H433951" s="12"/>
    </row>
    <row r="433952" spans="8:8">
      <c r="H433952" s="12"/>
    </row>
    <row r="433953" spans="8:8">
      <c r="H433953" s="12"/>
    </row>
    <row r="433954" spans="8:8">
      <c r="H433954" s="12"/>
    </row>
    <row r="433955" spans="8:8">
      <c r="H433955" s="12"/>
    </row>
    <row r="433956" spans="8:8">
      <c r="H433956" s="12"/>
    </row>
    <row r="433957" spans="8:8">
      <c r="H433957" s="12"/>
    </row>
    <row r="433958" spans="8:8">
      <c r="H433958" s="12"/>
    </row>
    <row r="433959" spans="8:8">
      <c r="H433959" s="12"/>
    </row>
    <row r="433960" spans="8:8">
      <c r="H433960" s="12"/>
    </row>
    <row r="433961" spans="8:8">
      <c r="H433961" s="12"/>
    </row>
    <row r="433962" spans="8:8">
      <c r="H433962" s="12"/>
    </row>
    <row r="433963" spans="8:8">
      <c r="H433963" s="12"/>
    </row>
    <row r="433964" spans="8:8">
      <c r="H433964" s="12"/>
    </row>
    <row r="433965" spans="8:8">
      <c r="H433965" s="12"/>
    </row>
    <row r="433966" spans="8:8">
      <c r="H433966" s="12"/>
    </row>
    <row r="433967" spans="8:8">
      <c r="H433967" s="12"/>
    </row>
    <row r="433968" spans="8:8">
      <c r="H433968" s="12"/>
    </row>
    <row r="433969" spans="8:8">
      <c r="H433969" s="12"/>
    </row>
    <row r="433970" spans="8:8">
      <c r="H433970" s="12"/>
    </row>
    <row r="433971" spans="8:8">
      <c r="H433971" s="12"/>
    </row>
    <row r="433972" spans="8:8">
      <c r="H433972" s="12"/>
    </row>
    <row r="433973" spans="8:8">
      <c r="H433973" s="12"/>
    </row>
    <row r="433974" spans="8:8">
      <c r="H433974" s="12"/>
    </row>
    <row r="433975" spans="8:8">
      <c r="H433975" s="12"/>
    </row>
    <row r="433976" spans="8:8">
      <c r="H433976" s="12"/>
    </row>
    <row r="433977" spans="8:8">
      <c r="H433977" s="12"/>
    </row>
    <row r="433978" spans="8:8">
      <c r="H433978" s="12"/>
    </row>
    <row r="433979" spans="8:8">
      <c r="H433979" s="12"/>
    </row>
    <row r="433980" spans="8:8">
      <c r="H433980" s="12"/>
    </row>
    <row r="433981" spans="8:8">
      <c r="H433981" s="12"/>
    </row>
    <row r="433982" spans="8:8">
      <c r="H433982" s="12"/>
    </row>
    <row r="433983" spans="8:8">
      <c r="H433983" s="12"/>
    </row>
    <row r="433984" spans="8:8">
      <c r="H433984" s="12"/>
    </row>
    <row r="433985" spans="8:8">
      <c r="H433985" s="12"/>
    </row>
    <row r="433986" spans="8:8">
      <c r="H433986" s="12"/>
    </row>
    <row r="433987" spans="8:8">
      <c r="H433987" s="12"/>
    </row>
    <row r="433988" spans="8:8">
      <c r="H433988" s="12"/>
    </row>
    <row r="433989" spans="8:8">
      <c r="H433989" s="12"/>
    </row>
    <row r="433990" spans="8:8">
      <c r="H433990" s="12"/>
    </row>
    <row r="433991" spans="8:8">
      <c r="H433991" s="12"/>
    </row>
    <row r="433992" spans="8:8">
      <c r="H433992" s="12"/>
    </row>
    <row r="433993" spans="8:8">
      <c r="H433993" s="12"/>
    </row>
    <row r="433994" spans="8:8">
      <c r="H433994" s="12"/>
    </row>
    <row r="433995" spans="8:8">
      <c r="H433995" s="12"/>
    </row>
    <row r="433996" spans="8:8">
      <c r="H433996" s="12"/>
    </row>
    <row r="433997" spans="8:8">
      <c r="H433997" s="12"/>
    </row>
    <row r="433998" spans="8:8">
      <c r="H433998" s="12"/>
    </row>
    <row r="433999" spans="8:8">
      <c r="H433999" s="12"/>
    </row>
    <row r="434000" spans="8:8">
      <c r="H434000" s="12"/>
    </row>
    <row r="434001" spans="8:8">
      <c r="H434001" s="12"/>
    </row>
    <row r="434002" spans="8:8">
      <c r="H434002" s="12"/>
    </row>
    <row r="434003" spans="8:8">
      <c r="H434003" s="12"/>
    </row>
    <row r="434004" spans="8:8">
      <c r="H434004" s="12"/>
    </row>
    <row r="434005" spans="8:8">
      <c r="H434005" s="12"/>
    </row>
    <row r="434006" spans="8:8">
      <c r="H434006" s="12"/>
    </row>
    <row r="434007" spans="8:8">
      <c r="H434007" s="12"/>
    </row>
    <row r="434008" spans="8:8">
      <c r="H434008" s="12"/>
    </row>
    <row r="434009" spans="8:8">
      <c r="H434009" s="12"/>
    </row>
    <row r="434010" spans="8:8">
      <c r="H434010" s="12"/>
    </row>
    <row r="434011" spans="8:8">
      <c r="H434011" s="12"/>
    </row>
    <row r="434012" spans="8:8">
      <c r="H434012" s="12"/>
    </row>
    <row r="434013" spans="8:8">
      <c r="H434013" s="12"/>
    </row>
    <row r="434014" spans="8:8">
      <c r="H434014" s="12"/>
    </row>
    <row r="434015" spans="8:8">
      <c r="H434015" s="12"/>
    </row>
    <row r="434016" spans="8:8">
      <c r="H434016" s="12"/>
    </row>
    <row r="434017" spans="8:8">
      <c r="H434017" s="12"/>
    </row>
    <row r="434018" spans="8:8">
      <c r="H434018" s="12"/>
    </row>
    <row r="434019" spans="8:8">
      <c r="H434019" s="12"/>
    </row>
    <row r="434020" spans="8:8">
      <c r="H434020" s="12"/>
    </row>
    <row r="434021" spans="8:8">
      <c r="H434021" s="12"/>
    </row>
    <row r="434022" spans="8:8">
      <c r="H434022" s="12"/>
    </row>
    <row r="434023" spans="8:8">
      <c r="H434023" s="12"/>
    </row>
    <row r="434024" spans="8:8">
      <c r="H434024" s="12"/>
    </row>
    <row r="434025" spans="8:8">
      <c r="H434025" s="12"/>
    </row>
    <row r="434026" spans="8:8">
      <c r="H434026" s="12"/>
    </row>
    <row r="434027" spans="8:8">
      <c r="H434027" s="12"/>
    </row>
    <row r="434028" spans="8:8">
      <c r="H434028" s="12"/>
    </row>
    <row r="434029" spans="8:8">
      <c r="H434029" s="12"/>
    </row>
    <row r="434030" spans="8:8">
      <c r="H434030" s="12"/>
    </row>
    <row r="434031" spans="8:8">
      <c r="H434031" s="12"/>
    </row>
    <row r="434032" spans="8:8">
      <c r="H434032" s="12"/>
    </row>
    <row r="434033" spans="8:8">
      <c r="H434033" s="12"/>
    </row>
    <row r="434034" spans="8:8">
      <c r="H434034" s="12"/>
    </row>
    <row r="434035" spans="8:8">
      <c r="H434035" s="12"/>
    </row>
    <row r="434036" spans="8:8">
      <c r="H434036" s="12"/>
    </row>
    <row r="434037" spans="8:8">
      <c r="H434037" s="12"/>
    </row>
    <row r="434038" spans="8:8">
      <c r="H434038" s="12"/>
    </row>
    <row r="434039" spans="8:8">
      <c r="H434039" s="12"/>
    </row>
    <row r="434040" spans="8:8">
      <c r="H434040" s="12"/>
    </row>
    <row r="434041" spans="8:8">
      <c r="H434041" s="12"/>
    </row>
    <row r="434042" spans="8:8">
      <c r="H434042" s="12"/>
    </row>
    <row r="434043" spans="8:8">
      <c r="H434043" s="12"/>
    </row>
    <row r="434044" spans="8:8">
      <c r="H434044" s="12"/>
    </row>
    <row r="434045" spans="8:8">
      <c r="H434045" s="12"/>
    </row>
    <row r="434046" spans="8:8">
      <c r="H434046" s="12"/>
    </row>
    <row r="434047" spans="8:8">
      <c r="H434047" s="12"/>
    </row>
    <row r="434048" spans="8:8">
      <c r="H434048" s="12"/>
    </row>
    <row r="434049" spans="8:8">
      <c r="H434049" s="12"/>
    </row>
    <row r="434050" spans="8:8">
      <c r="H434050" s="12"/>
    </row>
    <row r="434051" spans="8:8">
      <c r="H434051" s="12"/>
    </row>
    <row r="434052" spans="8:8">
      <c r="H434052" s="12"/>
    </row>
    <row r="434053" spans="8:8">
      <c r="H434053" s="12"/>
    </row>
    <row r="434054" spans="8:8">
      <c r="H434054" s="12"/>
    </row>
    <row r="434055" spans="8:8">
      <c r="H434055" s="12"/>
    </row>
    <row r="434056" spans="8:8">
      <c r="H434056" s="12"/>
    </row>
    <row r="434057" spans="8:8">
      <c r="H434057" s="12"/>
    </row>
    <row r="434058" spans="8:8">
      <c r="H434058" s="12"/>
    </row>
    <row r="434059" spans="8:8">
      <c r="H434059" s="12"/>
    </row>
    <row r="434060" spans="8:8">
      <c r="H434060" s="12"/>
    </row>
    <row r="434061" spans="8:8">
      <c r="H434061" s="12"/>
    </row>
    <row r="434062" spans="8:8">
      <c r="H434062" s="12"/>
    </row>
    <row r="434063" spans="8:8">
      <c r="H434063" s="12"/>
    </row>
    <row r="434064" spans="8:8">
      <c r="H434064" s="12"/>
    </row>
    <row r="434065" spans="8:8">
      <c r="H434065" s="12"/>
    </row>
    <row r="434066" spans="8:8">
      <c r="H434066" s="12"/>
    </row>
    <row r="434067" spans="8:8">
      <c r="H434067" s="12"/>
    </row>
    <row r="434068" spans="8:8">
      <c r="H434068" s="12"/>
    </row>
    <row r="434069" spans="8:8">
      <c r="H434069" s="12"/>
    </row>
    <row r="434070" spans="8:8">
      <c r="H434070" s="12"/>
    </row>
    <row r="434071" spans="8:8">
      <c r="H434071" s="12"/>
    </row>
    <row r="434072" spans="8:8">
      <c r="H434072" s="12"/>
    </row>
    <row r="434073" spans="8:8">
      <c r="H434073" s="12"/>
    </row>
    <row r="434074" spans="8:8">
      <c r="H434074" s="12"/>
    </row>
    <row r="434075" spans="8:8">
      <c r="H434075" s="12"/>
    </row>
    <row r="434076" spans="8:8">
      <c r="H434076" s="12"/>
    </row>
    <row r="434077" spans="8:8">
      <c r="H434077" s="12"/>
    </row>
    <row r="434078" spans="8:8">
      <c r="H434078" s="12"/>
    </row>
    <row r="434079" spans="8:8">
      <c r="H434079" s="12"/>
    </row>
    <row r="434080" spans="8:8">
      <c r="H434080" s="12"/>
    </row>
    <row r="434081" spans="8:8">
      <c r="H434081" s="12"/>
    </row>
    <row r="434082" spans="8:8">
      <c r="H434082" s="12"/>
    </row>
    <row r="434083" spans="8:8">
      <c r="H434083" s="12"/>
    </row>
    <row r="434084" spans="8:8">
      <c r="H434084" s="12"/>
    </row>
    <row r="434085" spans="8:8">
      <c r="H434085" s="12"/>
    </row>
    <row r="434086" spans="8:8">
      <c r="H434086" s="12"/>
    </row>
    <row r="434087" spans="8:8">
      <c r="H434087" s="12"/>
    </row>
    <row r="434088" spans="8:8">
      <c r="H434088" s="12"/>
    </row>
    <row r="434089" spans="8:8">
      <c r="H434089" s="12"/>
    </row>
    <row r="434090" spans="8:8">
      <c r="H434090" s="12"/>
    </row>
    <row r="434091" spans="8:8">
      <c r="H434091" s="12"/>
    </row>
    <row r="434092" spans="8:8">
      <c r="H434092" s="12"/>
    </row>
    <row r="434093" spans="8:8">
      <c r="H434093" s="12"/>
    </row>
    <row r="434094" spans="8:8">
      <c r="H434094" s="12"/>
    </row>
    <row r="434095" spans="8:8">
      <c r="H434095" s="12"/>
    </row>
    <row r="434096" spans="8:8">
      <c r="H434096" s="12"/>
    </row>
    <row r="434097" spans="8:8">
      <c r="H434097" s="12"/>
    </row>
    <row r="434098" spans="8:8">
      <c r="H434098" s="12"/>
    </row>
    <row r="434099" spans="8:8">
      <c r="H434099" s="12"/>
    </row>
    <row r="434100" spans="8:8">
      <c r="H434100" s="12"/>
    </row>
    <row r="434101" spans="8:8">
      <c r="H434101" s="12"/>
    </row>
    <row r="434102" spans="8:8">
      <c r="H434102" s="12"/>
    </row>
    <row r="434103" spans="8:8">
      <c r="H434103" s="12"/>
    </row>
    <row r="434104" spans="8:8">
      <c r="H434104" s="12"/>
    </row>
    <row r="434105" spans="8:8">
      <c r="H434105" s="12"/>
    </row>
    <row r="434106" spans="8:8">
      <c r="H434106" s="12"/>
    </row>
    <row r="434107" spans="8:8">
      <c r="H434107" s="12"/>
    </row>
    <row r="434108" spans="8:8">
      <c r="H434108" s="12"/>
    </row>
    <row r="434109" spans="8:8">
      <c r="H434109" s="12"/>
    </row>
    <row r="434110" spans="8:8">
      <c r="H434110" s="12"/>
    </row>
    <row r="434111" spans="8:8">
      <c r="H434111" s="12"/>
    </row>
    <row r="434112" spans="8:8">
      <c r="H434112" s="12"/>
    </row>
    <row r="434113" spans="8:8">
      <c r="H434113" s="12"/>
    </row>
    <row r="434114" spans="8:8">
      <c r="H434114" s="12"/>
    </row>
    <row r="434115" spans="8:8">
      <c r="H434115" s="12"/>
    </row>
    <row r="434116" spans="8:8">
      <c r="H434116" s="12"/>
    </row>
    <row r="434117" spans="8:8">
      <c r="H434117" s="12"/>
    </row>
    <row r="434118" spans="8:8">
      <c r="H434118" s="12"/>
    </row>
    <row r="434119" spans="8:8">
      <c r="H434119" s="12"/>
    </row>
    <row r="434120" spans="8:8">
      <c r="H434120" s="12"/>
    </row>
    <row r="434121" spans="8:8">
      <c r="H434121" s="12"/>
    </row>
    <row r="434122" spans="8:8">
      <c r="H434122" s="12"/>
    </row>
    <row r="434123" spans="8:8">
      <c r="H434123" s="12"/>
    </row>
    <row r="434124" spans="8:8">
      <c r="H434124" s="12"/>
    </row>
    <row r="434125" spans="8:8">
      <c r="H434125" s="12"/>
    </row>
    <row r="434126" spans="8:8">
      <c r="H434126" s="12"/>
    </row>
    <row r="434127" spans="8:8">
      <c r="H434127" s="12"/>
    </row>
    <row r="434128" spans="8:8">
      <c r="H434128" s="12"/>
    </row>
    <row r="434129" spans="8:8">
      <c r="H434129" s="12"/>
    </row>
    <row r="434130" spans="8:8">
      <c r="H434130" s="12"/>
    </row>
    <row r="434131" spans="8:8">
      <c r="H434131" s="12"/>
    </row>
    <row r="434132" spans="8:8">
      <c r="H434132" s="12"/>
    </row>
    <row r="434133" spans="8:8">
      <c r="H434133" s="12"/>
    </row>
    <row r="434134" spans="8:8">
      <c r="H434134" s="12"/>
    </row>
    <row r="434135" spans="8:8">
      <c r="H434135" s="12"/>
    </row>
    <row r="434136" spans="8:8">
      <c r="H434136" s="12"/>
    </row>
    <row r="434137" spans="8:8">
      <c r="H434137" s="12"/>
    </row>
    <row r="434138" spans="8:8">
      <c r="H434138" s="12"/>
    </row>
    <row r="434139" spans="8:8">
      <c r="H434139" s="12"/>
    </row>
    <row r="434140" spans="8:8">
      <c r="H434140" s="12"/>
    </row>
    <row r="434141" spans="8:8">
      <c r="H434141" s="12"/>
    </row>
    <row r="434142" spans="8:8">
      <c r="H434142" s="12"/>
    </row>
    <row r="434143" spans="8:8">
      <c r="H434143" s="12"/>
    </row>
    <row r="434144" spans="8:8">
      <c r="H434144" s="12"/>
    </row>
    <row r="434145" spans="8:8">
      <c r="H434145" s="12"/>
    </row>
    <row r="434146" spans="8:8">
      <c r="H434146" s="12"/>
    </row>
    <row r="434147" spans="8:8">
      <c r="H434147" s="12"/>
    </row>
    <row r="434148" spans="8:8">
      <c r="H434148" s="12"/>
    </row>
    <row r="434149" spans="8:8">
      <c r="H434149" s="12"/>
    </row>
    <row r="434150" spans="8:8">
      <c r="H434150" s="12"/>
    </row>
    <row r="434151" spans="8:8">
      <c r="H434151" s="12"/>
    </row>
    <row r="434152" spans="8:8">
      <c r="H434152" s="12"/>
    </row>
    <row r="434153" spans="8:8">
      <c r="H434153" s="12"/>
    </row>
    <row r="434154" spans="8:8">
      <c r="H434154" s="12"/>
    </row>
    <row r="434155" spans="8:8">
      <c r="H434155" s="12"/>
    </row>
    <row r="434156" spans="8:8">
      <c r="H434156" s="12"/>
    </row>
    <row r="434157" spans="8:8">
      <c r="H434157" s="12"/>
    </row>
    <row r="434158" spans="8:8">
      <c r="H434158" s="12"/>
    </row>
    <row r="434159" spans="8:8">
      <c r="H434159" s="12"/>
    </row>
    <row r="434160" spans="8:8">
      <c r="H434160" s="12"/>
    </row>
    <row r="434161" spans="8:8">
      <c r="H434161" s="12"/>
    </row>
    <row r="434162" spans="8:8">
      <c r="H434162" s="12"/>
    </row>
    <row r="434163" spans="8:8">
      <c r="H434163" s="12"/>
    </row>
    <row r="434164" spans="8:8">
      <c r="H434164" s="12"/>
    </row>
    <row r="434165" spans="8:8">
      <c r="H434165" s="12"/>
    </row>
    <row r="434166" spans="8:8">
      <c r="H434166" s="12"/>
    </row>
    <row r="434167" spans="8:8">
      <c r="H434167" s="12"/>
    </row>
    <row r="434168" spans="8:8">
      <c r="H434168" s="12"/>
    </row>
    <row r="434169" spans="8:8">
      <c r="H434169" s="12"/>
    </row>
    <row r="434170" spans="8:8">
      <c r="H434170" s="12"/>
    </row>
    <row r="434171" spans="8:8">
      <c r="H434171" s="12"/>
    </row>
    <row r="434172" spans="8:8">
      <c r="H434172" s="12"/>
    </row>
    <row r="434173" spans="8:8">
      <c r="H434173" s="12"/>
    </row>
    <row r="434174" spans="8:8">
      <c r="H434174" s="12"/>
    </row>
    <row r="434175" spans="8:8">
      <c r="H434175" s="12"/>
    </row>
    <row r="434176" spans="8:8">
      <c r="H434176" s="12"/>
    </row>
    <row r="434177" spans="8:8">
      <c r="H434177" s="12"/>
    </row>
    <row r="434178" spans="8:8">
      <c r="H434178" s="12"/>
    </row>
    <row r="434179" spans="8:8">
      <c r="H434179" s="12"/>
    </row>
    <row r="434180" spans="8:8">
      <c r="H434180" s="12"/>
    </row>
    <row r="434181" spans="8:8">
      <c r="H434181" s="12"/>
    </row>
    <row r="434182" spans="8:8">
      <c r="H434182" s="12"/>
    </row>
    <row r="434183" spans="8:8">
      <c r="H434183" s="12"/>
    </row>
    <row r="434184" spans="8:8">
      <c r="H434184" s="12"/>
    </row>
    <row r="434185" spans="8:8">
      <c r="H434185" s="12"/>
    </row>
    <row r="434186" spans="8:8">
      <c r="H434186" s="12"/>
    </row>
    <row r="434187" spans="8:8">
      <c r="H434187" s="12"/>
    </row>
    <row r="434188" spans="8:8">
      <c r="H434188" s="12"/>
    </row>
    <row r="434189" spans="8:8">
      <c r="H434189" s="12"/>
    </row>
    <row r="434190" spans="8:8">
      <c r="H434190" s="12"/>
    </row>
    <row r="434191" spans="8:8">
      <c r="H434191" s="12"/>
    </row>
    <row r="434192" spans="8:8">
      <c r="H434192" s="12"/>
    </row>
    <row r="434193" spans="8:8">
      <c r="H434193" s="12"/>
    </row>
    <row r="434194" spans="8:8">
      <c r="H434194" s="12"/>
    </row>
    <row r="434195" spans="8:8">
      <c r="H434195" s="12"/>
    </row>
    <row r="434196" spans="8:8">
      <c r="H434196" s="12"/>
    </row>
    <row r="434197" spans="8:8">
      <c r="H434197" s="12"/>
    </row>
    <row r="434198" spans="8:8">
      <c r="H434198" s="12"/>
    </row>
    <row r="434199" spans="8:8">
      <c r="H434199" s="12"/>
    </row>
    <row r="434200" spans="8:8">
      <c r="H434200" s="12"/>
    </row>
    <row r="434201" spans="8:8">
      <c r="H434201" s="12"/>
    </row>
    <row r="434202" spans="8:8">
      <c r="H434202" s="12"/>
    </row>
    <row r="434203" spans="8:8">
      <c r="H434203" s="12"/>
    </row>
    <row r="434204" spans="8:8">
      <c r="H434204" s="12"/>
    </row>
    <row r="434205" spans="8:8">
      <c r="H434205" s="12"/>
    </row>
    <row r="434206" spans="8:8">
      <c r="H434206" s="12"/>
    </row>
    <row r="434207" spans="8:8">
      <c r="H434207" s="12"/>
    </row>
    <row r="434208" spans="8:8">
      <c r="H434208" s="12"/>
    </row>
    <row r="434209" spans="8:8">
      <c r="H434209" s="12"/>
    </row>
    <row r="434210" spans="8:8">
      <c r="H434210" s="12"/>
    </row>
    <row r="434211" spans="8:8">
      <c r="H434211" s="12"/>
    </row>
    <row r="434212" spans="8:8">
      <c r="H434212" s="12"/>
    </row>
    <row r="434213" spans="8:8">
      <c r="H434213" s="12"/>
    </row>
    <row r="434214" spans="8:8">
      <c r="H434214" s="12"/>
    </row>
    <row r="434215" spans="8:8">
      <c r="H434215" s="12"/>
    </row>
    <row r="434216" spans="8:8">
      <c r="H434216" s="12"/>
    </row>
    <row r="434217" spans="8:8">
      <c r="H434217" s="12"/>
    </row>
    <row r="434218" spans="8:8">
      <c r="H434218" s="12"/>
    </row>
    <row r="434219" spans="8:8">
      <c r="H434219" s="12"/>
    </row>
    <row r="434220" spans="8:8">
      <c r="H434220" s="12"/>
    </row>
    <row r="434221" spans="8:8">
      <c r="H434221" s="12"/>
    </row>
    <row r="434222" spans="8:8">
      <c r="H434222" s="12"/>
    </row>
    <row r="434223" spans="8:8">
      <c r="H434223" s="12"/>
    </row>
    <row r="434224" spans="8:8">
      <c r="H434224" s="12"/>
    </row>
    <row r="434225" spans="8:8">
      <c r="H434225" s="12"/>
    </row>
    <row r="434226" spans="8:8">
      <c r="H434226" s="12"/>
    </row>
    <row r="434227" spans="8:8">
      <c r="H434227" s="12"/>
    </row>
    <row r="434228" spans="8:8">
      <c r="H434228" s="12"/>
    </row>
    <row r="434229" spans="8:8">
      <c r="H434229" s="12"/>
    </row>
    <row r="434230" spans="8:8">
      <c r="H434230" s="12"/>
    </row>
    <row r="434231" spans="8:8">
      <c r="H434231" s="12"/>
    </row>
    <row r="434232" spans="8:8">
      <c r="H434232" s="12"/>
    </row>
    <row r="434233" spans="8:8">
      <c r="H434233" s="12"/>
    </row>
    <row r="434234" spans="8:8">
      <c r="H434234" s="12"/>
    </row>
    <row r="434235" spans="8:8">
      <c r="H434235" s="12"/>
    </row>
    <row r="434236" spans="8:8">
      <c r="H434236" s="12"/>
    </row>
    <row r="434237" spans="8:8">
      <c r="H434237" s="12"/>
    </row>
    <row r="434238" spans="8:8">
      <c r="H434238" s="12"/>
    </row>
    <row r="434239" spans="8:8">
      <c r="H434239" s="12"/>
    </row>
    <row r="434240" spans="8:8">
      <c r="H434240" s="12"/>
    </row>
    <row r="434241" spans="8:8">
      <c r="H434241" s="12"/>
    </row>
    <row r="434242" spans="8:8">
      <c r="H434242" s="12"/>
    </row>
    <row r="434243" spans="8:8">
      <c r="H434243" s="12"/>
    </row>
    <row r="434244" spans="8:8">
      <c r="H434244" s="12"/>
    </row>
    <row r="434245" spans="8:8">
      <c r="H434245" s="12"/>
    </row>
    <row r="434246" spans="8:8">
      <c r="H434246" s="12"/>
    </row>
    <row r="434247" spans="8:8">
      <c r="H434247" s="12"/>
    </row>
    <row r="434248" spans="8:8">
      <c r="H434248" s="12"/>
    </row>
    <row r="434249" spans="8:8">
      <c r="H434249" s="12"/>
    </row>
    <row r="434250" spans="8:8">
      <c r="H434250" s="12"/>
    </row>
    <row r="434251" spans="8:8">
      <c r="H434251" s="12"/>
    </row>
    <row r="434252" spans="8:8">
      <c r="H434252" s="12"/>
    </row>
    <row r="434253" spans="8:8">
      <c r="H434253" s="12"/>
    </row>
    <row r="434254" spans="8:8">
      <c r="H434254" s="12"/>
    </row>
    <row r="434255" spans="8:8">
      <c r="H434255" s="12"/>
    </row>
    <row r="434256" spans="8:8">
      <c r="H434256" s="12"/>
    </row>
    <row r="434257" spans="8:8">
      <c r="H434257" s="12"/>
    </row>
    <row r="434258" spans="8:8">
      <c r="H434258" s="12"/>
    </row>
    <row r="434259" spans="8:8">
      <c r="H434259" s="12"/>
    </row>
    <row r="434260" spans="8:8">
      <c r="H434260" s="12"/>
    </row>
    <row r="434261" spans="8:8">
      <c r="H434261" s="12"/>
    </row>
    <row r="434262" spans="8:8">
      <c r="H434262" s="12"/>
    </row>
    <row r="434263" spans="8:8">
      <c r="H434263" s="12"/>
    </row>
    <row r="434264" spans="8:8">
      <c r="H434264" s="12"/>
    </row>
    <row r="434265" spans="8:8">
      <c r="H434265" s="12"/>
    </row>
    <row r="434266" spans="8:8">
      <c r="H434266" s="12"/>
    </row>
    <row r="434267" spans="8:8">
      <c r="H434267" s="12"/>
    </row>
    <row r="434268" spans="8:8">
      <c r="H434268" s="12"/>
    </row>
    <row r="434269" spans="8:8">
      <c r="H434269" s="12"/>
    </row>
    <row r="434270" spans="8:8">
      <c r="H434270" s="12"/>
    </row>
    <row r="434271" spans="8:8">
      <c r="H434271" s="12"/>
    </row>
    <row r="434272" spans="8:8">
      <c r="H434272" s="12"/>
    </row>
    <row r="434273" spans="8:8">
      <c r="H434273" s="12"/>
    </row>
    <row r="434274" spans="8:8">
      <c r="H434274" s="12"/>
    </row>
    <row r="434275" spans="8:8">
      <c r="H434275" s="12"/>
    </row>
    <row r="434276" spans="8:8">
      <c r="H434276" s="12"/>
    </row>
    <row r="434277" spans="8:8">
      <c r="H434277" s="12"/>
    </row>
    <row r="434278" spans="8:8">
      <c r="H434278" s="12"/>
    </row>
    <row r="434279" spans="8:8">
      <c r="H434279" s="12"/>
    </row>
    <row r="434280" spans="8:8">
      <c r="H434280" s="12"/>
    </row>
    <row r="434281" spans="8:8">
      <c r="H434281" s="12"/>
    </row>
    <row r="434282" spans="8:8">
      <c r="H434282" s="12"/>
    </row>
    <row r="434283" spans="8:8">
      <c r="H434283" s="12"/>
    </row>
    <row r="434284" spans="8:8">
      <c r="H434284" s="12"/>
    </row>
    <row r="434285" spans="8:8">
      <c r="H434285" s="12"/>
    </row>
    <row r="434286" spans="8:8">
      <c r="H434286" s="12"/>
    </row>
    <row r="434287" spans="8:8">
      <c r="H434287" s="12"/>
    </row>
    <row r="434288" spans="8:8">
      <c r="H434288" s="12"/>
    </row>
    <row r="434289" spans="8:8">
      <c r="H434289" s="12"/>
    </row>
    <row r="434290" spans="8:8">
      <c r="H434290" s="12"/>
    </row>
    <row r="434291" spans="8:8">
      <c r="H434291" s="12"/>
    </row>
    <row r="434292" spans="8:8">
      <c r="H434292" s="12"/>
    </row>
    <row r="434293" spans="8:8">
      <c r="H434293" s="12"/>
    </row>
    <row r="434294" spans="8:8">
      <c r="H434294" s="12"/>
    </row>
    <row r="434295" spans="8:8">
      <c r="H434295" s="12"/>
    </row>
    <row r="434296" spans="8:8">
      <c r="H434296" s="12"/>
    </row>
    <row r="434297" spans="8:8">
      <c r="H434297" s="12"/>
    </row>
    <row r="434298" spans="8:8">
      <c r="H434298" s="12"/>
    </row>
    <row r="434299" spans="8:8">
      <c r="H434299" s="12"/>
    </row>
    <row r="434300" spans="8:8">
      <c r="H434300" s="12"/>
    </row>
    <row r="434301" spans="8:8">
      <c r="H434301" s="12"/>
    </row>
    <row r="434302" spans="8:8">
      <c r="H434302" s="12"/>
    </row>
    <row r="434303" spans="8:8">
      <c r="H434303" s="12"/>
    </row>
    <row r="434304" spans="8:8">
      <c r="H434304" s="12"/>
    </row>
    <row r="434305" spans="8:8">
      <c r="H434305" s="12"/>
    </row>
    <row r="434306" spans="8:8">
      <c r="H434306" s="12"/>
    </row>
    <row r="434307" spans="8:8">
      <c r="H434307" s="12"/>
    </row>
    <row r="434308" spans="8:8">
      <c r="H434308" s="12"/>
    </row>
    <row r="434309" spans="8:8">
      <c r="H434309" s="12"/>
    </row>
    <row r="434310" spans="8:8">
      <c r="H434310" s="12"/>
    </row>
    <row r="434311" spans="8:8">
      <c r="H434311" s="12"/>
    </row>
    <row r="434312" spans="8:8">
      <c r="H434312" s="12"/>
    </row>
    <row r="434313" spans="8:8">
      <c r="H434313" s="12"/>
    </row>
    <row r="434314" spans="8:8">
      <c r="H434314" s="12"/>
    </row>
    <row r="434315" spans="8:8">
      <c r="H434315" s="12"/>
    </row>
    <row r="434316" spans="8:8">
      <c r="H434316" s="12"/>
    </row>
    <row r="434317" spans="8:8">
      <c r="H434317" s="12"/>
    </row>
    <row r="434318" spans="8:8">
      <c r="H434318" s="12"/>
    </row>
    <row r="434319" spans="8:8">
      <c r="H434319" s="12"/>
    </row>
    <row r="434320" spans="8:8">
      <c r="H434320" s="12"/>
    </row>
    <row r="434321" spans="8:8">
      <c r="H434321" s="12"/>
    </row>
    <row r="434322" spans="8:8">
      <c r="H434322" s="12"/>
    </row>
    <row r="434323" spans="8:8">
      <c r="H434323" s="12"/>
    </row>
    <row r="434324" spans="8:8">
      <c r="H434324" s="12"/>
    </row>
    <row r="434325" spans="8:8">
      <c r="H434325" s="12"/>
    </row>
    <row r="434326" spans="8:8">
      <c r="H434326" s="12"/>
    </row>
    <row r="434327" spans="8:8">
      <c r="H434327" s="12"/>
    </row>
    <row r="434328" spans="8:8">
      <c r="H434328" s="12"/>
    </row>
    <row r="434329" spans="8:8">
      <c r="H434329" s="12"/>
    </row>
    <row r="434330" spans="8:8">
      <c r="H434330" s="12"/>
    </row>
    <row r="434331" spans="8:8">
      <c r="H434331" s="12"/>
    </row>
    <row r="434332" spans="8:8">
      <c r="H434332" s="12"/>
    </row>
    <row r="434333" spans="8:8">
      <c r="H434333" s="12"/>
    </row>
    <row r="434334" spans="8:8">
      <c r="H434334" s="12"/>
    </row>
    <row r="434335" spans="8:8">
      <c r="H434335" s="12"/>
    </row>
    <row r="434336" spans="8:8">
      <c r="H434336" s="12"/>
    </row>
    <row r="434337" spans="8:8">
      <c r="H434337" s="12"/>
    </row>
    <row r="434338" spans="8:8">
      <c r="H434338" s="12"/>
    </row>
    <row r="434339" spans="8:8">
      <c r="H434339" s="12"/>
    </row>
    <row r="434340" spans="8:8">
      <c r="H434340" s="12"/>
    </row>
    <row r="434341" spans="8:8">
      <c r="H434341" s="12"/>
    </row>
    <row r="434342" spans="8:8">
      <c r="H434342" s="12"/>
    </row>
    <row r="434343" spans="8:8">
      <c r="H434343" s="12"/>
    </row>
    <row r="434344" spans="8:8">
      <c r="H434344" s="12"/>
    </row>
    <row r="434345" spans="8:8">
      <c r="H434345" s="12"/>
    </row>
    <row r="434346" spans="8:8">
      <c r="H434346" s="12"/>
    </row>
    <row r="434347" spans="8:8">
      <c r="H434347" s="12"/>
    </row>
    <row r="434348" spans="8:8">
      <c r="H434348" s="12"/>
    </row>
    <row r="434349" spans="8:8">
      <c r="H434349" s="12"/>
    </row>
    <row r="434350" spans="8:8">
      <c r="H434350" s="12"/>
    </row>
    <row r="434351" spans="8:8">
      <c r="H434351" s="12"/>
    </row>
    <row r="434352" spans="8:8">
      <c r="H434352" s="12"/>
    </row>
    <row r="434353" spans="8:8">
      <c r="H434353" s="12"/>
    </row>
    <row r="434354" spans="8:8">
      <c r="H434354" s="12"/>
    </row>
    <row r="434355" spans="8:8">
      <c r="H434355" s="12"/>
    </row>
    <row r="434356" spans="8:8">
      <c r="H434356" s="12"/>
    </row>
    <row r="434357" spans="8:8">
      <c r="H434357" s="12"/>
    </row>
    <row r="434358" spans="8:8">
      <c r="H434358" s="12"/>
    </row>
    <row r="434359" spans="8:8">
      <c r="H434359" s="12"/>
    </row>
    <row r="434360" spans="8:8">
      <c r="H434360" s="12"/>
    </row>
    <row r="434361" spans="8:8">
      <c r="H434361" s="12"/>
    </row>
    <row r="434362" spans="8:8">
      <c r="H434362" s="12"/>
    </row>
    <row r="434363" spans="8:8">
      <c r="H434363" s="12"/>
    </row>
    <row r="434364" spans="8:8">
      <c r="H434364" s="12"/>
    </row>
    <row r="434365" spans="8:8">
      <c r="H434365" s="12"/>
    </row>
    <row r="434366" spans="8:8">
      <c r="H434366" s="12"/>
    </row>
    <row r="434367" spans="8:8">
      <c r="H434367" s="12"/>
    </row>
    <row r="434368" spans="8:8">
      <c r="H434368" s="12"/>
    </row>
    <row r="434369" spans="8:8">
      <c r="H434369" s="12"/>
    </row>
    <row r="434370" spans="8:8">
      <c r="H434370" s="12"/>
    </row>
    <row r="434371" spans="8:8">
      <c r="H434371" s="12"/>
    </row>
    <row r="434372" spans="8:8">
      <c r="H434372" s="12"/>
    </row>
    <row r="434373" spans="8:8">
      <c r="H434373" s="12"/>
    </row>
    <row r="434374" spans="8:8">
      <c r="H434374" s="12"/>
    </row>
    <row r="434375" spans="8:8">
      <c r="H434375" s="12"/>
    </row>
    <row r="434376" spans="8:8">
      <c r="H434376" s="12"/>
    </row>
    <row r="434377" spans="8:8">
      <c r="H434377" s="12"/>
    </row>
    <row r="434378" spans="8:8">
      <c r="H434378" s="12"/>
    </row>
    <row r="434379" spans="8:8">
      <c r="H434379" s="12"/>
    </row>
    <row r="434380" spans="8:8">
      <c r="H434380" s="12"/>
    </row>
    <row r="434381" spans="8:8">
      <c r="H434381" s="12"/>
    </row>
    <row r="434382" spans="8:8">
      <c r="H434382" s="12"/>
    </row>
    <row r="434383" spans="8:8">
      <c r="H434383" s="12"/>
    </row>
    <row r="434384" spans="8:8">
      <c r="H434384" s="12"/>
    </row>
    <row r="434385" spans="8:8">
      <c r="H434385" s="12"/>
    </row>
    <row r="434386" spans="8:8">
      <c r="H434386" s="12"/>
    </row>
    <row r="434387" spans="8:8">
      <c r="H434387" s="12"/>
    </row>
    <row r="434388" spans="8:8">
      <c r="H434388" s="12"/>
    </row>
    <row r="434389" spans="8:8">
      <c r="H434389" s="12"/>
    </row>
    <row r="434390" spans="8:8">
      <c r="H434390" s="12"/>
    </row>
    <row r="434391" spans="8:8">
      <c r="H434391" s="12"/>
    </row>
    <row r="434392" spans="8:8">
      <c r="H434392" s="12"/>
    </row>
    <row r="434393" spans="8:8">
      <c r="H434393" s="12"/>
    </row>
    <row r="434394" spans="8:8">
      <c r="H434394" s="12"/>
    </row>
    <row r="434395" spans="8:8">
      <c r="H434395" s="12"/>
    </row>
    <row r="434396" spans="8:8">
      <c r="H434396" s="12"/>
    </row>
    <row r="434397" spans="8:8">
      <c r="H434397" s="12"/>
    </row>
    <row r="434398" spans="8:8">
      <c r="H434398" s="12"/>
    </row>
    <row r="434399" spans="8:8">
      <c r="H434399" s="12"/>
    </row>
    <row r="434400" spans="8:8">
      <c r="H434400" s="12"/>
    </row>
    <row r="434401" spans="8:8">
      <c r="H434401" s="12"/>
    </row>
    <row r="434402" spans="8:8">
      <c r="H434402" s="12"/>
    </row>
    <row r="434403" spans="8:8">
      <c r="H434403" s="12"/>
    </row>
    <row r="434404" spans="8:8">
      <c r="H434404" s="12"/>
    </row>
    <row r="434405" spans="8:8">
      <c r="H434405" s="12"/>
    </row>
    <row r="434406" spans="8:8">
      <c r="H434406" s="12"/>
    </row>
    <row r="434407" spans="8:8">
      <c r="H434407" s="12"/>
    </row>
    <row r="434408" spans="8:8">
      <c r="H434408" s="12"/>
    </row>
    <row r="434409" spans="8:8">
      <c r="H434409" s="12"/>
    </row>
    <row r="434410" spans="8:8">
      <c r="H434410" s="12"/>
    </row>
    <row r="434411" spans="8:8">
      <c r="H434411" s="12"/>
    </row>
    <row r="434412" spans="8:8">
      <c r="H434412" s="12"/>
    </row>
    <row r="434413" spans="8:8">
      <c r="H434413" s="12"/>
    </row>
    <row r="434414" spans="8:8">
      <c r="H434414" s="12"/>
    </row>
    <row r="434415" spans="8:8">
      <c r="H434415" s="12"/>
    </row>
    <row r="434416" spans="8:8">
      <c r="H434416" s="12"/>
    </row>
    <row r="434417" spans="8:8">
      <c r="H434417" s="12"/>
    </row>
    <row r="434418" spans="8:8">
      <c r="H434418" s="12"/>
    </row>
    <row r="434419" spans="8:8">
      <c r="H434419" s="12"/>
    </row>
    <row r="434420" spans="8:8">
      <c r="H434420" s="12"/>
    </row>
    <row r="434421" spans="8:8">
      <c r="H434421" s="12"/>
    </row>
    <row r="434422" spans="8:8">
      <c r="H434422" s="12"/>
    </row>
    <row r="434423" spans="8:8">
      <c r="H434423" s="12"/>
    </row>
    <row r="434424" spans="8:8">
      <c r="H434424" s="12"/>
    </row>
    <row r="434425" spans="8:8">
      <c r="H434425" s="12"/>
    </row>
    <row r="434426" spans="8:8">
      <c r="H434426" s="12"/>
    </row>
    <row r="434427" spans="8:8">
      <c r="H434427" s="12"/>
    </row>
    <row r="434428" spans="8:8">
      <c r="H434428" s="12"/>
    </row>
    <row r="434429" spans="8:8">
      <c r="H434429" s="12"/>
    </row>
    <row r="434430" spans="8:8">
      <c r="H434430" s="12"/>
    </row>
    <row r="434431" spans="8:8">
      <c r="H434431" s="12"/>
    </row>
    <row r="434432" spans="8:8">
      <c r="H434432" s="12"/>
    </row>
    <row r="434433" spans="8:8">
      <c r="H434433" s="12"/>
    </row>
    <row r="434434" spans="8:8">
      <c r="H434434" s="12"/>
    </row>
    <row r="434435" spans="8:8">
      <c r="H434435" s="12"/>
    </row>
    <row r="434436" spans="8:8">
      <c r="H434436" s="12"/>
    </row>
    <row r="434437" spans="8:8">
      <c r="H434437" s="12"/>
    </row>
    <row r="434438" spans="8:8">
      <c r="H434438" s="12"/>
    </row>
    <row r="434439" spans="8:8">
      <c r="H434439" s="12"/>
    </row>
    <row r="434440" spans="8:8">
      <c r="H434440" s="12"/>
    </row>
    <row r="434441" spans="8:8">
      <c r="H434441" s="12"/>
    </row>
    <row r="434442" spans="8:8">
      <c r="H434442" s="12"/>
    </row>
    <row r="434443" spans="8:8">
      <c r="H434443" s="12"/>
    </row>
    <row r="434444" spans="8:8">
      <c r="H434444" s="12"/>
    </row>
    <row r="434445" spans="8:8">
      <c r="H434445" s="12"/>
    </row>
    <row r="434446" spans="8:8">
      <c r="H434446" s="12"/>
    </row>
    <row r="434447" spans="8:8">
      <c r="H434447" s="12"/>
    </row>
    <row r="434448" spans="8:8">
      <c r="H434448" s="12"/>
    </row>
    <row r="434449" spans="8:8">
      <c r="H434449" s="12"/>
    </row>
    <row r="434450" spans="8:8">
      <c r="H434450" s="12"/>
    </row>
    <row r="434451" spans="8:8">
      <c r="H434451" s="12"/>
    </row>
    <row r="434452" spans="8:8">
      <c r="H434452" s="12"/>
    </row>
    <row r="434453" spans="8:8">
      <c r="H434453" s="12"/>
    </row>
    <row r="434454" spans="8:8">
      <c r="H434454" s="12"/>
    </row>
    <row r="434455" spans="8:8">
      <c r="H434455" s="12"/>
    </row>
    <row r="434456" spans="8:8">
      <c r="H434456" s="12"/>
    </row>
    <row r="434457" spans="8:8">
      <c r="H434457" s="12"/>
    </row>
    <row r="434458" spans="8:8">
      <c r="H434458" s="12"/>
    </row>
    <row r="434459" spans="8:8">
      <c r="H434459" s="12"/>
    </row>
    <row r="434460" spans="8:8">
      <c r="H434460" s="12"/>
    </row>
    <row r="434461" spans="8:8">
      <c r="H434461" s="12"/>
    </row>
    <row r="434462" spans="8:8">
      <c r="H434462" s="12"/>
    </row>
    <row r="434463" spans="8:8">
      <c r="H434463" s="12"/>
    </row>
    <row r="434464" spans="8:8">
      <c r="H434464" s="12"/>
    </row>
    <row r="434465" spans="8:8">
      <c r="H434465" s="12"/>
    </row>
    <row r="434466" spans="8:8">
      <c r="H434466" s="12"/>
    </row>
    <row r="434467" spans="8:8">
      <c r="H434467" s="12"/>
    </row>
    <row r="434468" spans="8:8">
      <c r="H434468" s="12"/>
    </row>
    <row r="434469" spans="8:8">
      <c r="H434469" s="12"/>
    </row>
    <row r="434470" spans="8:8">
      <c r="H434470" s="12"/>
    </row>
    <row r="434471" spans="8:8">
      <c r="H434471" s="12"/>
    </row>
    <row r="434472" spans="8:8">
      <c r="H434472" s="12"/>
    </row>
    <row r="434473" spans="8:8">
      <c r="H434473" s="12"/>
    </row>
    <row r="434474" spans="8:8">
      <c r="H434474" s="12"/>
    </row>
    <row r="434475" spans="8:8">
      <c r="H434475" s="12"/>
    </row>
    <row r="434476" spans="8:8">
      <c r="H434476" s="12"/>
    </row>
    <row r="434477" spans="8:8">
      <c r="H434477" s="12"/>
    </row>
    <row r="434478" spans="8:8">
      <c r="H434478" s="12"/>
    </row>
    <row r="434479" spans="8:8">
      <c r="H434479" s="12"/>
    </row>
    <row r="434480" spans="8:8">
      <c r="H434480" s="12"/>
    </row>
    <row r="434481" spans="8:8">
      <c r="H434481" s="12"/>
    </row>
    <row r="434482" spans="8:8">
      <c r="H434482" s="12"/>
    </row>
    <row r="434483" spans="8:8">
      <c r="H434483" s="12"/>
    </row>
    <row r="434484" spans="8:8">
      <c r="H434484" s="12"/>
    </row>
    <row r="434485" spans="8:8">
      <c r="H434485" s="12"/>
    </row>
    <row r="434486" spans="8:8">
      <c r="H434486" s="12"/>
    </row>
    <row r="434487" spans="8:8">
      <c r="H434487" s="12"/>
    </row>
    <row r="434488" spans="8:8">
      <c r="H434488" s="12"/>
    </row>
    <row r="434489" spans="8:8">
      <c r="H434489" s="12"/>
    </row>
    <row r="434490" spans="8:8">
      <c r="H434490" s="12"/>
    </row>
    <row r="434491" spans="8:8">
      <c r="H434491" s="12"/>
    </row>
    <row r="434492" spans="8:8">
      <c r="H434492" s="12"/>
    </row>
    <row r="434493" spans="8:8">
      <c r="H434493" s="12"/>
    </row>
    <row r="434494" spans="8:8">
      <c r="H434494" s="12"/>
    </row>
    <row r="434495" spans="8:8">
      <c r="H434495" s="12"/>
    </row>
    <row r="434496" spans="8:8">
      <c r="H434496" s="12"/>
    </row>
    <row r="434497" spans="8:8">
      <c r="H434497" s="12"/>
    </row>
    <row r="434498" spans="8:8">
      <c r="H434498" s="12"/>
    </row>
    <row r="434499" spans="8:8">
      <c r="H434499" s="12"/>
    </row>
    <row r="434500" spans="8:8">
      <c r="H434500" s="12"/>
    </row>
    <row r="434501" spans="8:8">
      <c r="H434501" s="12"/>
    </row>
    <row r="434502" spans="8:8">
      <c r="H434502" s="12"/>
    </row>
    <row r="434503" spans="8:8">
      <c r="H434503" s="12"/>
    </row>
    <row r="434504" spans="8:8">
      <c r="H434504" s="12"/>
    </row>
    <row r="434505" spans="8:8">
      <c r="H434505" s="12"/>
    </row>
    <row r="434506" spans="8:8">
      <c r="H434506" s="12"/>
    </row>
    <row r="434507" spans="8:8">
      <c r="H434507" s="12"/>
    </row>
    <row r="434508" spans="8:8">
      <c r="H434508" s="12"/>
    </row>
    <row r="434509" spans="8:8">
      <c r="H434509" s="12"/>
    </row>
    <row r="434510" spans="8:8">
      <c r="H434510" s="12"/>
    </row>
    <row r="434511" spans="8:8">
      <c r="H434511" s="12"/>
    </row>
    <row r="434512" spans="8:8">
      <c r="H434512" s="12"/>
    </row>
    <row r="434513" spans="8:8">
      <c r="H434513" s="12"/>
    </row>
    <row r="434514" spans="8:8">
      <c r="H434514" s="12"/>
    </row>
    <row r="434515" spans="8:8">
      <c r="H434515" s="12"/>
    </row>
    <row r="434516" spans="8:8">
      <c r="H434516" s="12"/>
    </row>
    <row r="434517" spans="8:8">
      <c r="H434517" s="12"/>
    </row>
    <row r="434518" spans="8:8">
      <c r="H434518" s="12"/>
    </row>
    <row r="434519" spans="8:8">
      <c r="H434519" s="12"/>
    </row>
    <row r="434520" spans="8:8">
      <c r="H434520" s="12"/>
    </row>
    <row r="434521" spans="8:8">
      <c r="H434521" s="12"/>
    </row>
    <row r="434522" spans="8:8">
      <c r="H434522" s="12"/>
    </row>
    <row r="434523" spans="8:8">
      <c r="H434523" s="12"/>
    </row>
    <row r="434524" spans="8:8">
      <c r="H434524" s="12"/>
    </row>
    <row r="434525" spans="8:8">
      <c r="H434525" s="12"/>
    </row>
    <row r="434526" spans="8:8">
      <c r="H434526" s="12"/>
    </row>
    <row r="434527" spans="8:8">
      <c r="H434527" s="12"/>
    </row>
    <row r="434528" spans="8:8">
      <c r="H434528" s="12"/>
    </row>
    <row r="434529" spans="8:8">
      <c r="H434529" s="12"/>
    </row>
    <row r="434530" spans="8:8">
      <c r="H434530" s="12"/>
    </row>
    <row r="434531" spans="8:8">
      <c r="H434531" s="12"/>
    </row>
    <row r="434532" spans="8:8">
      <c r="H434532" s="12"/>
    </row>
    <row r="434533" spans="8:8">
      <c r="H434533" s="12"/>
    </row>
    <row r="434534" spans="8:8">
      <c r="H434534" s="12"/>
    </row>
    <row r="434535" spans="8:8">
      <c r="H434535" s="12"/>
    </row>
    <row r="434536" spans="8:8">
      <c r="H434536" s="12"/>
    </row>
    <row r="434537" spans="8:8">
      <c r="H434537" s="12"/>
    </row>
    <row r="434538" spans="8:8">
      <c r="H434538" s="12"/>
    </row>
    <row r="434539" spans="8:8">
      <c r="H434539" s="12"/>
    </row>
    <row r="434540" spans="8:8">
      <c r="H434540" s="12"/>
    </row>
    <row r="434541" spans="8:8">
      <c r="H434541" s="12"/>
    </row>
    <row r="434542" spans="8:8">
      <c r="H434542" s="12"/>
    </row>
    <row r="434543" spans="8:8">
      <c r="H434543" s="12"/>
    </row>
    <row r="434544" spans="8:8">
      <c r="H434544" s="12"/>
    </row>
    <row r="434545" spans="8:8">
      <c r="H434545" s="12"/>
    </row>
    <row r="434546" spans="8:8">
      <c r="H434546" s="12"/>
    </row>
    <row r="434547" spans="8:8">
      <c r="H434547" s="12"/>
    </row>
    <row r="434548" spans="8:8">
      <c r="H434548" s="12"/>
    </row>
    <row r="434549" spans="8:8">
      <c r="H434549" s="12"/>
    </row>
    <row r="434550" spans="8:8">
      <c r="H434550" s="12"/>
    </row>
    <row r="434551" spans="8:8">
      <c r="H434551" s="12"/>
    </row>
    <row r="434552" spans="8:8">
      <c r="H434552" s="12"/>
    </row>
    <row r="434553" spans="8:8">
      <c r="H434553" s="12"/>
    </row>
    <row r="434554" spans="8:8">
      <c r="H434554" s="12"/>
    </row>
    <row r="434555" spans="8:8">
      <c r="H434555" s="12"/>
    </row>
    <row r="434556" spans="8:8">
      <c r="H434556" s="12"/>
    </row>
    <row r="434557" spans="8:8">
      <c r="H434557" s="12"/>
    </row>
    <row r="434558" spans="8:8">
      <c r="H434558" s="12"/>
    </row>
    <row r="434559" spans="8:8">
      <c r="H434559" s="12"/>
    </row>
    <row r="434560" spans="8:8">
      <c r="H434560" s="12"/>
    </row>
    <row r="434561" spans="8:8">
      <c r="H434561" s="12"/>
    </row>
    <row r="434562" spans="8:8">
      <c r="H434562" s="12"/>
    </row>
    <row r="434563" spans="8:8">
      <c r="H434563" s="12"/>
    </row>
    <row r="434564" spans="8:8">
      <c r="H434564" s="12"/>
    </row>
    <row r="434565" spans="8:8">
      <c r="H434565" s="12"/>
    </row>
    <row r="434566" spans="8:8">
      <c r="H434566" s="12"/>
    </row>
    <row r="434567" spans="8:8">
      <c r="H434567" s="12"/>
    </row>
    <row r="434568" spans="8:8">
      <c r="H434568" s="12"/>
    </row>
    <row r="434569" spans="8:8">
      <c r="H434569" s="12"/>
    </row>
    <row r="434570" spans="8:8">
      <c r="H434570" s="12"/>
    </row>
    <row r="434571" spans="8:8">
      <c r="H434571" s="12"/>
    </row>
    <row r="434572" spans="8:8">
      <c r="H434572" s="12"/>
    </row>
    <row r="434573" spans="8:8">
      <c r="H434573" s="12"/>
    </row>
    <row r="434574" spans="8:8">
      <c r="H434574" s="12"/>
    </row>
    <row r="434575" spans="8:8">
      <c r="H434575" s="12"/>
    </row>
    <row r="434576" spans="8:8">
      <c r="H434576" s="12"/>
    </row>
    <row r="434577" spans="8:8">
      <c r="H434577" s="12"/>
    </row>
    <row r="434578" spans="8:8">
      <c r="H434578" s="12"/>
    </row>
    <row r="434579" spans="8:8">
      <c r="H434579" s="12"/>
    </row>
    <row r="434580" spans="8:8">
      <c r="H434580" s="12"/>
    </row>
    <row r="434581" spans="8:8">
      <c r="H434581" s="12"/>
    </row>
    <row r="434582" spans="8:8">
      <c r="H434582" s="12"/>
    </row>
    <row r="434583" spans="8:8">
      <c r="H434583" s="12"/>
    </row>
    <row r="434584" spans="8:8">
      <c r="H434584" s="12"/>
    </row>
    <row r="434585" spans="8:8">
      <c r="H434585" s="12"/>
    </row>
    <row r="434586" spans="8:8">
      <c r="H434586" s="12"/>
    </row>
    <row r="434587" spans="8:8">
      <c r="H434587" s="12"/>
    </row>
    <row r="434588" spans="8:8">
      <c r="H434588" s="12"/>
    </row>
    <row r="434589" spans="8:8">
      <c r="H434589" s="12"/>
    </row>
    <row r="434590" spans="8:8">
      <c r="H434590" s="12"/>
    </row>
    <row r="434591" spans="8:8">
      <c r="H434591" s="12"/>
    </row>
    <row r="434592" spans="8:8">
      <c r="H434592" s="12"/>
    </row>
    <row r="434593" spans="8:8">
      <c r="H434593" s="12"/>
    </row>
    <row r="434594" spans="8:8">
      <c r="H434594" s="12"/>
    </row>
    <row r="434595" spans="8:8">
      <c r="H434595" s="12"/>
    </row>
    <row r="434596" spans="8:8">
      <c r="H434596" s="12"/>
    </row>
    <row r="434597" spans="8:8">
      <c r="H434597" s="12"/>
    </row>
    <row r="434598" spans="8:8">
      <c r="H434598" s="12"/>
    </row>
    <row r="434599" spans="8:8">
      <c r="H434599" s="12"/>
    </row>
    <row r="434600" spans="8:8">
      <c r="H434600" s="12"/>
    </row>
    <row r="434601" spans="8:8">
      <c r="H434601" s="12"/>
    </row>
    <row r="434602" spans="8:8">
      <c r="H434602" s="12"/>
    </row>
    <row r="434603" spans="8:8">
      <c r="H434603" s="12"/>
    </row>
    <row r="434604" spans="8:8">
      <c r="H434604" s="12"/>
    </row>
    <row r="434605" spans="8:8">
      <c r="H434605" s="12"/>
    </row>
    <row r="434606" spans="8:8">
      <c r="H434606" s="12"/>
    </row>
    <row r="434607" spans="8:8">
      <c r="H434607" s="12"/>
    </row>
    <row r="434608" spans="8:8">
      <c r="H434608" s="12"/>
    </row>
    <row r="434609" spans="8:8">
      <c r="H434609" s="12"/>
    </row>
    <row r="434610" spans="8:8">
      <c r="H434610" s="12"/>
    </row>
    <row r="434611" spans="8:8">
      <c r="H434611" s="12"/>
    </row>
    <row r="434612" spans="8:8">
      <c r="H434612" s="12"/>
    </row>
    <row r="434613" spans="8:8">
      <c r="H434613" s="12"/>
    </row>
    <row r="434614" spans="8:8">
      <c r="H434614" s="12"/>
    </row>
    <row r="434615" spans="8:8">
      <c r="H434615" s="12"/>
    </row>
    <row r="434616" spans="8:8">
      <c r="H434616" s="12"/>
    </row>
    <row r="434617" spans="8:8">
      <c r="H434617" s="12"/>
    </row>
    <row r="434618" spans="8:8">
      <c r="H434618" s="12"/>
    </row>
    <row r="434619" spans="8:8">
      <c r="H434619" s="12"/>
    </row>
    <row r="434620" spans="8:8">
      <c r="H434620" s="12"/>
    </row>
    <row r="434621" spans="8:8">
      <c r="H434621" s="12"/>
    </row>
    <row r="434622" spans="8:8">
      <c r="H434622" s="12"/>
    </row>
    <row r="434623" spans="8:8">
      <c r="H434623" s="12"/>
    </row>
    <row r="434624" spans="8:8">
      <c r="H434624" s="12"/>
    </row>
    <row r="434625" spans="8:8">
      <c r="H434625" s="12"/>
    </row>
    <row r="434626" spans="8:8">
      <c r="H434626" s="12"/>
    </row>
    <row r="434627" spans="8:8">
      <c r="H434627" s="12"/>
    </row>
    <row r="434628" spans="8:8">
      <c r="H434628" s="12"/>
    </row>
    <row r="434629" spans="8:8">
      <c r="H434629" s="12"/>
    </row>
    <row r="434630" spans="8:8">
      <c r="H434630" s="12"/>
    </row>
    <row r="434631" spans="8:8">
      <c r="H434631" s="12"/>
    </row>
    <row r="434632" spans="8:8">
      <c r="H434632" s="12"/>
    </row>
    <row r="434633" spans="8:8">
      <c r="H434633" s="12"/>
    </row>
    <row r="434634" spans="8:8">
      <c r="H434634" s="12"/>
    </row>
    <row r="434635" spans="8:8">
      <c r="H434635" s="12"/>
    </row>
    <row r="434636" spans="8:8">
      <c r="H434636" s="12"/>
    </row>
    <row r="434637" spans="8:8">
      <c r="H434637" s="12"/>
    </row>
    <row r="434638" spans="8:8">
      <c r="H434638" s="12"/>
    </row>
    <row r="434639" spans="8:8">
      <c r="H434639" s="12"/>
    </row>
    <row r="434640" spans="8:8">
      <c r="H434640" s="12"/>
    </row>
    <row r="434641" spans="8:8">
      <c r="H434641" s="12"/>
    </row>
    <row r="434642" spans="8:8">
      <c r="H434642" s="12"/>
    </row>
    <row r="434643" spans="8:8">
      <c r="H434643" s="12"/>
    </row>
    <row r="434644" spans="8:8">
      <c r="H434644" s="12"/>
    </row>
    <row r="434645" spans="8:8">
      <c r="H434645" s="12"/>
    </row>
    <row r="434646" spans="8:8">
      <c r="H434646" s="12"/>
    </row>
    <row r="434647" spans="8:8">
      <c r="H434647" s="12"/>
    </row>
    <row r="434648" spans="8:8">
      <c r="H434648" s="12"/>
    </row>
    <row r="434649" spans="8:8">
      <c r="H434649" s="12"/>
    </row>
    <row r="434650" spans="8:8">
      <c r="H434650" s="12"/>
    </row>
    <row r="434651" spans="8:8">
      <c r="H434651" s="12"/>
    </row>
    <row r="434652" spans="8:8">
      <c r="H434652" s="12"/>
    </row>
    <row r="434653" spans="8:8">
      <c r="H434653" s="12"/>
    </row>
    <row r="434654" spans="8:8">
      <c r="H434654" s="12"/>
    </row>
    <row r="434655" spans="8:8">
      <c r="H434655" s="12"/>
    </row>
    <row r="434656" spans="8:8">
      <c r="H434656" s="12"/>
    </row>
    <row r="434657" spans="8:8">
      <c r="H434657" s="12"/>
    </row>
    <row r="434658" spans="8:8">
      <c r="H434658" s="12"/>
    </row>
    <row r="434659" spans="8:8">
      <c r="H434659" s="12"/>
    </row>
    <row r="434660" spans="8:8">
      <c r="H434660" s="12"/>
    </row>
    <row r="434661" spans="8:8">
      <c r="H434661" s="12"/>
    </row>
    <row r="434662" spans="8:8">
      <c r="H434662" s="12"/>
    </row>
    <row r="434663" spans="8:8">
      <c r="H434663" s="12"/>
    </row>
    <row r="434664" spans="8:8">
      <c r="H434664" s="12"/>
    </row>
    <row r="434665" spans="8:8">
      <c r="H434665" s="12"/>
    </row>
    <row r="434666" spans="8:8">
      <c r="H434666" s="12"/>
    </row>
    <row r="434667" spans="8:8">
      <c r="H434667" s="12"/>
    </row>
    <row r="434668" spans="8:8">
      <c r="H434668" s="12"/>
    </row>
    <row r="434669" spans="8:8">
      <c r="H434669" s="12"/>
    </row>
    <row r="434670" spans="8:8">
      <c r="H434670" s="12"/>
    </row>
    <row r="434671" spans="8:8">
      <c r="H434671" s="12"/>
    </row>
    <row r="434672" spans="8:8">
      <c r="H434672" s="12"/>
    </row>
    <row r="434673" spans="8:8">
      <c r="H434673" s="12"/>
    </row>
    <row r="434674" spans="8:8">
      <c r="H434674" s="12"/>
    </row>
    <row r="434675" spans="8:8">
      <c r="H434675" s="12"/>
    </row>
    <row r="434676" spans="8:8">
      <c r="H434676" s="12"/>
    </row>
    <row r="434677" spans="8:8">
      <c r="H434677" s="12"/>
    </row>
    <row r="434678" spans="8:8">
      <c r="H434678" s="12"/>
    </row>
    <row r="434679" spans="8:8">
      <c r="H434679" s="12"/>
    </row>
    <row r="434680" spans="8:8">
      <c r="H434680" s="12"/>
    </row>
    <row r="434681" spans="8:8">
      <c r="H434681" s="12"/>
    </row>
    <row r="434682" spans="8:8">
      <c r="H434682" s="12"/>
    </row>
    <row r="434683" spans="8:8">
      <c r="H434683" s="12"/>
    </row>
    <row r="434684" spans="8:8">
      <c r="H434684" s="12"/>
    </row>
    <row r="434685" spans="8:8">
      <c r="H434685" s="12"/>
    </row>
    <row r="434686" spans="8:8">
      <c r="H434686" s="12"/>
    </row>
    <row r="434687" spans="8:8">
      <c r="H434687" s="12"/>
    </row>
    <row r="434688" spans="8:8">
      <c r="H434688" s="12"/>
    </row>
    <row r="434689" spans="8:8">
      <c r="H434689" s="12"/>
    </row>
    <row r="434690" spans="8:8">
      <c r="H434690" s="12"/>
    </row>
    <row r="434691" spans="8:8">
      <c r="H434691" s="12"/>
    </row>
    <row r="434692" spans="8:8">
      <c r="H434692" s="12"/>
    </row>
    <row r="434693" spans="8:8">
      <c r="H434693" s="12"/>
    </row>
    <row r="434694" spans="8:8">
      <c r="H434694" s="12"/>
    </row>
    <row r="434695" spans="8:8">
      <c r="H434695" s="12"/>
    </row>
    <row r="434696" spans="8:8">
      <c r="H434696" s="12"/>
    </row>
    <row r="434697" spans="8:8">
      <c r="H434697" s="12"/>
    </row>
    <row r="434698" spans="8:8">
      <c r="H434698" s="12"/>
    </row>
    <row r="434699" spans="8:8">
      <c r="H434699" s="12"/>
    </row>
    <row r="434700" spans="8:8">
      <c r="H434700" s="12"/>
    </row>
    <row r="434701" spans="8:8">
      <c r="H434701" s="12"/>
    </row>
    <row r="434702" spans="8:8">
      <c r="H434702" s="12"/>
    </row>
    <row r="434703" spans="8:8">
      <c r="H434703" s="12"/>
    </row>
    <row r="434704" spans="8:8">
      <c r="H434704" s="12"/>
    </row>
    <row r="434705" spans="8:8">
      <c r="H434705" s="12"/>
    </row>
    <row r="434706" spans="8:8">
      <c r="H434706" s="12"/>
    </row>
    <row r="434707" spans="8:8">
      <c r="H434707" s="12"/>
    </row>
    <row r="434708" spans="8:8">
      <c r="H434708" s="12"/>
    </row>
    <row r="434709" spans="8:8">
      <c r="H434709" s="12"/>
    </row>
    <row r="434710" spans="8:8">
      <c r="H434710" s="12"/>
    </row>
    <row r="434711" spans="8:8">
      <c r="H434711" s="12"/>
    </row>
    <row r="434712" spans="8:8">
      <c r="H434712" s="12"/>
    </row>
    <row r="434713" spans="8:8">
      <c r="H434713" s="12"/>
    </row>
    <row r="434714" spans="8:8">
      <c r="H434714" s="12"/>
    </row>
    <row r="434715" spans="8:8">
      <c r="H434715" s="12"/>
    </row>
    <row r="434716" spans="8:8">
      <c r="H434716" s="12"/>
    </row>
    <row r="434717" spans="8:8">
      <c r="H434717" s="12"/>
    </row>
    <row r="434718" spans="8:8">
      <c r="H434718" s="12"/>
    </row>
    <row r="434719" spans="8:8">
      <c r="H434719" s="12"/>
    </row>
    <row r="434720" spans="8:8">
      <c r="H434720" s="12"/>
    </row>
    <row r="434721" spans="8:8">
      <c r="H434721" s="12"/>
    </row>
    <row r="434722" spans="8:8">
      <c r="H434722" s="12"/>
    </row>
    <row r="434723" spans="8:8">
      <c r="H434723" s="12"/>
    </row>
    <row r="434724" spans="8:8">
      <c r="H434724" s="12"/>
    </row>
    <row r="434725" spans="8:8">
      <c r="H434725" s="12"/>
    </row>
    <row r="434726" spans="8:8">
      <c r="H434726" s="12"/>
    </row>
    <row r="434727" spans="8:8">
      <c r="H434727" s="12"/>
    </row>
    <row r="434728" spans="8:8">
      <c r="H434728" s="12"/>
    </row>
    <row r="434729" spans="8:8">
      <c r="H434729" s="12"/>
    </row>
    <row r="434730" spans="8:8">
      <c r="H434730" s="12"/>
    </row>
    <row r="434731" spans="8:8">
      <c r="H434731" s="12"/>
    </row>
    <row r="434732" spans="8:8">
      <c r="H434732" s="12"/>
    </row>
    <row r="434733" spans="8:8">
      <c r="H434733" s="12"/>
    </row>
    <row r="434734" spans="8:8">
      <c r="H434734" s="12"/>
    </row>
    <row r="434735" spans="8:8">
      <c r="H434735" s="12"/>
    </row>
    <row r="434736" spans="8:8">
      <c r="H434736" s="12"/>
    </row>
    <row r="434737" spans="8:8">
      <c r="H434737" s="12"/>
    </row>
    <row r="434738" spans="8:8">
      <c r="H434738" s="12"/>
    </row>
    <row r="434739" spans="8:8">
      <c r="H434739" s="12"/>
    </row>
    <row r="434740" spans="8:8">
      <c r="H434740" s="12"/>
    </row>
    <row r="434741" spans="8:8">
      <c r="H434741" s="12"/>
    </row>
    <row r="434742" spans="8:8">
      <c r="H434742" s="12"/>
    </row>
    <row r="434743" spans="8:8">
      <c r="H434743" s="12"/>
    </row>
    <row r="434744" spans="8:8">
      <c r="H434744" s="12"/>
    </row>
    <row r="434745" spans="8:8">
      <c r="H434745" s="12"/>
    </row>
    <row r="434746" spans="8:8">
      <c r="H434746" s="12"/>
    </row>
    <row r="434747" spans="8:8">
      <c r="H434747" s="12"/>
    </row>
    <row r="434748" spans="8:8">
      <c r="H434748" s="12"/>
    </row>
    <row r="434749" spans="8:8">
      <c r="H434749" s="12"/>
    </row>
    <row r="434750" spans="8:8">
      <c r="H434750" s="12"/>
    </row>
    <row r="434751" spans="8:8">
      <c r="H434751" s="12"/>
    </row>
    <row r="434752" spans="8:8">
      <c r="H434752" s="12"/>
    </row>
    <row r="434753" spans="8:8">
      <c r="H434753" s="12"/>
    </row>
    <row r="434754" spans="8:8">
      <c r="H434754" s="12"/>
    </row>
    <row r="434755" spans="8:8">
      <c r="H434755" s="12"/>
    </row>
    <row r="434756" spans="8:8">
      <c r="H434756" s="12"/>
    </row>
    <row r="434757" spans="8:8">
      <c r="H434757" s="12"/>
    </row>
    <row r="434758" spans="8:8">
      <c r="H434758" s="12"/>
    </row>
    <row r="434759" spans="8:8">
      <c r="H434759" s="12"/>
    </row>
    <row r="434760" spans="8:8">
      <c r="H434760" s="12"/>
    </row>
    <row r="434761" spans="8:8">
      <c r="H434761" s="12"/>
    </row>
    <row r="434762" spans="8:8">
      <c r="H434762" s="12"/>
    </row>
    <row r="434763" spans="8:8">
      <c r="H434763" s="12"/>
    </row>
    <row r="434764" spans="8:8">
      <c r="H434764" s="12"/>
    </row>
    <row r="434765" spans="8:8">
      <c r="H434765" s="12"/>
    </row>
    <row r="434766" spans="8:8">
      <c r="H434766" s="12"/>
    </row>
    <row r="434767" spans="8:8">
      <c r="H434767" s="12"/>
    </row>
    <row r="434768" spans="8:8">
      <c r="H434768" s="12"/>
    </row>
    <row r="434769" spans="8:8">
      <c r="H434769" s="12"/>
    </row>
    <row r="434770" spans="8:8">
      <c r="H434770" s="12"/>
    </row>
    <row r="434771" spans="8:8">
      <c r="H434771" s="12"/>
    </row>
    <row r="434772" spans="8:8">
      <c r="H434772" s="12"/>
    </row>
    <row r="434773" spans="8:8">
      <c r="H434773" s="12"/>
    </row>
    <row r="434774" spans="8:8">
      <c r="H434774" s="12"/>
    </row>
    <row r="434775" spans="8:8">
      <c r="H434775" s="12"/>
    </row>
    <row r="434776" spans="8:8">
      <c r="H434776" s="12"/>
    </row>
    <row r="434777" spans="8:8">
      <c r="H434777" s="12"/>
    </row>
    <row r="434778" spans="8:8">
      <c r="H434778" s="12"/>
    </row>
    <row r="434779" spans="8:8">
      <c r="H434779" s="12"/>
    </row>
    <row r="434780" spans="8:8">
      <c r="H434780" s="12"/>
    </row>
    <row r="434781" spans="8:8">
      <c r="H434781" s="12"/>
    </row>
    <row r="434782" spans="8:8">
      <c r="H434782" s="12"/>
    </row>
    <row r="434783" spans="8:8">
      <c r="H434783" s="12"/>
    </row>
    <row r="434784" spans="8:8">
      <c r="H434784" s="12"/>
    </row>
    <row r="434785" spans="8:8">
      <c r="H434785" s="12"/>
    </row>
    <row r="434786" spans="8:8">
      <c r="H434786" s="12"/>
    </row>
    <row r="434787" spans="8:8">
      <c r="H434787" s="12"/>
    </row>
    <row r="434788" spans="8:8">
      <c r="H434788" s="12"/>
    </row>
    <row r="434789" spans="8:8">
      <c r="H434789" s="12"/>
    </row>
    <row r="434790" spans="8:8">
      <c r="H434790" s="12"/>
    </row>
    <row r="434791" spans="8:8">
      <c r="H434791" s="12"/>
    </row>
    <row r="434792" spans="8:8">
      <c r="H434792" s="12"/>
    </row>
    <row r="434793" spans="8:8">
      <c r="H434793" s="12"/>
    </row>
    <row r="434794" spans="8:8">
      <c r="H434794" s="12"/>
    </row>
    <row r="434795" spans="8:8">
      <c r="H434795" s="12"/>
    </row>
    <row r="434796" spans="8:8">
      <c r="H434796" s="12"/>
    </row>
    <row r="434797" spans="8:8">
      <c r="H434797" s="12"/>
    </row>
    <row r="434798" spans="8:8">
      <c r="H434798" s="12"/>
    </row>
    <row r="434799" spans="8:8">
      <c r="H434799" s="12"/>
    </row>
    <row r="434800" spans="8:8">
      <c r="H434800" s="12"/>
    </row>
    <row r="434801" spans="8:8">
      <c r="H434801" s="12"/>
    </row>
    <row r="434802" spans="8:8">
      <c r="H434802" s="12"/>
    </row>
    <row r="434803" spans="8:8">
      <c r="H434803" s="12"/>
    </row>
    <row r="434804" spans="8:8">
      <c r="H434804" s="12"/>
    </row>
    <row r="434805" spans="8:8">
      <c r="H434805" s="12"/>
    </row>
    <row r="434806" spans="8:8">
      <c r="H434806" s="12"/>
    </row>
    <row r="434807" spans="8:8">
      <c r="H434807" s="12"/>
    </row>
    <row r="434808" spans="8:8">
      <c r="H434808" s="12"/>
    </row>
    <row r="434809" spans="8:8">
      <c r="H434809" s="12"/>
    </row>
    <row r="434810" spans="8:8">
      <c r="H434810" s="12"/>
    </row>
    <row r="434811" spans="8:8">
      <c r="H434811" s="12"/>
    </row>
    <row r="434812" spans="8:8">
      <c r="H434812" s="12"/>
    </row>
    <row r="434813" spans="8:8">
      <c r="H434813" s="12"/>
    </row>
    <row r="434814" spans="8:8">
      <c r="H434814" s="12"/>
    </row>
    <row r="434815" spans="8:8">
      <c r="H434815" s="12"/>
    </row>
    <row r="434816" spans="8:8">
      <c r="H434816" s="12"/>
    </row>
    <row r="434817" spans="8:8">
      <c r="H434817" s="12"/>
    </row>
    <row r="434818" spans="8:8">
      <c r="H434818" s="12"/>
    </row>
    <row r="434819" spans="8:8">
      <c r="H434819" s="12"/>
    </row>
    <row r="434820" spans="8:8">
      <c r="H434820" s="12"/>
    </row>
    <row r="434821" spans="8:8">
      <c r="H434821" s="12"/>
    </row>
    <row r="434822" spans="8:8">
      <c r="H434822" s="12"/>
    </row>
    <row r="434823" spans="8:8">
      <c r="H434823" s="12"/>
    </row>
    <row r="434824" spans="8:8">
      <c r="H434824" s="12"/>
    </row>
    <row r="434825" spans="8:8">
      <c r="H434825" s="12"/>
    </row>
    <row r="434826" spans="8:8">
      <c r="H434826" s="12"/>
    </row>
    <row r="434827" spans="8:8">
      <c r="H434827" s="12"/>
    </row>
    <row r="434828" spans="8:8">
      <c r="H434828" s="12"/>
    </row>
    <row r="434829" spans="8:8">
      <c r="H434829" s="12"/>
    </row>
    <row r="434830" spans="8:8">
      <c r="H434830" s="12"/>
    </row>
    <row r="434831" spans="8:8">
      <c r="H434831" s="12"/>
    </row>
    <row r="434832" spans="8:8">
      <c r="H434832" s="12"/>
    </row>
    <row r="434833" spans="8:8">
      <c r="H434833" s="12"/>
    </row>
    <row r="434834" spans="8:8">
      <c r="H434834" s="12"/>
    </row>
    <row r="434835" spans="8:8">
      <c r="H434835" s="12"/>
    </row>
    <row r="434836" spans="8:8">
      <c r="H434836" s="12"/>
    </row>
    <row r="434837" spans="8:8">
      <c r="H434837" s="12"/>
    </row>
    <row r="434838" spans="8:8">
      <c r="H434838" s="12"/>
    </row>
    <row r="434839" spans="8:8">
      <c r="H434839" s="12"/>
    </row>
    <row r="434840" spans="8:8">
      <c r="H434840" s="12"/>
    </row>
    <row r="434841" spans="8:8">
      <c r="H434841" s="12"/>
    </row>
    <row r="434842" spans="8:8">
      <c r="H434842" s="12"/>
    </row>
    <row r="434843" spans="8:8">
      <c r="H434843" s="12"/>
    </row>
    <row r="434844" spans="8:8">
      <c r="H434844" s="12"/>
    </row>
    <row r="434845" spans="8:8">
      <c r="H434845" s="12"/>
    </row>
    <row r="434846" spans="8:8">
      <c r="H434846" s="12"/>
    </row>
    <row r="434847" spans="8:8">
      <c r="H434847" s="12"/>
    </row>
    <row r="434848" spans="8:8">
      <c r="H434848" s="12"/>
    </row>
    <row r="434849" spans="8:8">
      <c r="H434849" s="12"/>
    </row>
    <row r="434850" spans="8:8">
      <c r="H434850" s="12"/>
    </row>
    <row r="434851" spans="8:8">
      <c r="H434851" s="12"/>
    </row>
    <row r="434852" spans="8:8">
      <c r="H434852" s="12"/>
    </row>
    <row r="434853" spans="8:8">
      <c r="H434853" s="12"/>
    </row>
    <row r="434854" spans="8:8">
      <c r="H434854" s="12"/>
    </row>
    <row r="434855" spans="8:8">
      <c r="H434855" s="12"/>
    </row>
    <row r="434856" spans="8:8">
      <c r="H434856" s="12"/>
    </row>
    <row r="434857" spans="8:8">
      <c r="H434857" s="12"/>
    </row>
    <row r="434858" spans="8:8">
      <c r="H434858" s="12"/>
    </row>
    <row r="434859" spans="8:8">
      <c r="H434859" s="12"/>
    </row>
    <row r="434860" spans="8:8">
      <c r="H434860" s="12"/>
    </row>
    <row r="434861" spans="8:8">
      <c r="H434861" s="12"/>
    </row>
    <row r="434862" spans="8:8">
      <c r="H434862" s="12"/>
    </row>
    <row r="434863" spans="8:8">
      <c r="H434863" s="12"/>
    </row>
    <row r="434864" spans="8:8">
      <c r="H434864" s="12"/>
    </row>
    <row r="434865" spans="8:8">
      <c r="H434865" s="12"/>
    </row>
    <row r="434866" spans="8:8">
      <c r="H434866" s="12"/>
    </row>
    <row r="434867" spans="8:8">
      <c r="H434867" s="12"/>
    </row>
    <row r="434868" spans="8:8">
      <c r="H434868" s="12"/>
    </row>
    <row r="434869" spans="8:8">
      <c r="H434869" s="12"/>
    </row>
    <row r="434870" spans="8:8">
      <c r="H434870" s="12"/>
    </row>
    <row r="434871" spans="8:8">
      <c r="H434871" s="12"/>
    </row>
    <row r="434872" spans="8:8">
      <c r="H434872" s="12"/>
    </row>
    <row r="434873" spans="8:8">
      <c r="H434873" s="12"/>
    </row>
    <row r="434874" spans="8:8">
      <c r="H434874" s="12"/>
    </row>
    <row r="434875" spans="8:8">
      <c r="H434875" s="12"/>
    </row>
    <row r="434876" spans="8:8">
      <c r="H434876" s="12"/>
    </row>
    <row r="434877" spans="8:8">
      <c r="H434877" s="12"/>
    </row>
    <row r="434878" spans="8:8">
      <c r="H434878" s="12"/>
    </row>
    <row r="434879" spans="8:8">
      <c r="H434879" s="12"/>
    </row>
    <row r="434880" spans="8:8">
      <c r="H434880" s="12"/>
    </row>
    <row r="434881" spans="8:8">
      <c r="H434881" s="12"/>
    </row>
    <row r="434882" spans="8:8">
      <c r="H434882" s="12"/>
    </row>
    <row r="434883" spans="8:8">
      <c r="H434883" s="12"/>
    </row>
    <row r="434884" spans="8:8">
      <c r="H434884" s="12"/>
    </row>
    <row r="434885" spans="8:8">
      <c r="H434885" s="12"/>
    </row>
    <row r="434886" spans="8:8">
      <c r="H434886" s="12"/>
    </row>
    <row r="434887" spans="8:8">
      <c r="H434887" s="12"/>
    </row>
    <row r="434888" spans="8:8">
      <c r="H434888" s="12"/>
    </row>
    <row r="434889" spans="8:8">
      <c r="H434889" s="12"/>
    </row>
    <row r="434890" spans="8:8">
      <c r="H434890" s="12"/>
    </row>
    <row r="434891" spans="8:8">
      <c r="H434891" s="12"/>
    </row>
    <row r="434892" spans="8:8">
      <c r="H434892" s="12"/>
    </row>
    <row r="434893" spans="8:8">
      <c r="H434893" s="12"/>
    </row>
    <row r="434894" spans="8:8">
      <c r="H434894" s="12"/>
    </row>
    <row r="434895" spans="8:8">
      <c r="H434895" s="12"/>
    </row>
    <row r="434896" spans="8:8">
      <c r="H434896" s="12"/>
    </row>
    <row r="434897" spans="8:8">
      <c r="H434897" s="12"/>
    </row>
    <row r="434898" spans="8:8">
      <c r="H434898" s="12"/>
    </row>
    <row r="434899" spans="8:8">
      <c r="H434899" s="12"/>
    </row>
    <row r="434900" spans="8:8">
      <c r="H434900" s="12"/>
    </row>
    <row r="434901" spans="8:8">
      <c r="H434901" s="12"/>
    </row>
    <row r="434902" spans="8:8">
      <c r="H434902" s="12"/>
    </row>
    <row r="434903" spans="8:8">
      <c r="H434903" s="12"/>
    </row>
    <row r="434904" spans="8:8">
      <c r="H434904" s="12"/>
    </row>
    <row r="434905" spans="8:8">
      <c r="H434905" s="12"/>
    </row>
    <row r="434906" spans="8:8">
      <c r="H434906" s="12"/>
    </row>
    <row r="434907" spans="8:8">
      <c r="H434907" s="12"/>
    </row>
    <row r="434908" spans="8:8">
      <c r="H434908" s="12"/>
    </row>
    <row r="434909" spans="8:8">
      <c r="H434909" s="12"/>
    </row>
    <row r="434910" spans="8:8">
      <c r="H434910" s="12"/>
    </row>
    <row r="434911" spans="8:8">
      <c r="H434911" s="12"/>
    </row>
    <row r="434912" spans="8:8">
      <c r="H434912" s="12"/>
    </row>
    <row r="434913" spans="8:8">
      <c r="H434913" s="12"/>
    </row>
    <row r="434914" spans="8:8">
      <c r="H434914" s="12"/>
    </row>
    <row r="434915" spans="8:8">
      <c r="H434915" s="12"/>
    </row>
    <row r="434916" spans="8:8">
      <c r="H434916" s="12"/>
    </row>
    <row r="434917" spans="8:8">
      <c r="H434917" s="12"/>
    </row>
    <row r="434918" spans="8:8">
      <c r="H434918" s="12"/>
    </row>
    <row r="434919" spans="8:8">
      <c r="H434919" s="12"/>
    </row>
    <row r="434920" spans="8:8">
      <c r="H434920" s="12"/>
    </row>
    <row r="434921" spans="8:8">
      <c r="H434921" s="12"/>
    </row>
    <row r="434922" spans="8:8">
      <c r="H434922" s="12"/>
    </row>
    <row r="434923" spans="8:8">
      <c r="H434923" s="12"/>
    </row>
    <row r="434924" spans="8:8">
      <c r="H434924" s="12"/>
    </row>
    <row r="434925" spans="8:8">
      <c r="H434925" s="12"/>
    </row>
    <row r="434926" spans="8:8">
      <c r="H434926" s="12"/>
    </row>
    <row r="434927" spans="8:8">
      <c r="H434927" s="12"/>
    </row>
    <row r="434928" spans="8:8">
      <c r="H434928" s="12"/>
    </row>
    <row r="434929" spans="8:8">
      <c r="H434929" s="12"/>
    </row>
    <row r="434930" spans="8:8">
      <c r="H434930" s="12"/>
    </row>
    <row r="434931" spans="8:8">
      <c r="H434931" s="12"/>
    </row>
    <row r="434932" spans="8:8">
      <c r="H434932" s="12"/>
    </row>
    <row r="434933" spans="8:8">
      <c r="H434933" s="12"/>
    </row>
    <row r="434934" spans="8:8">
      <c r="H434934" s="12"/>
    </row>
    <row r="434935" spans="8:8">
      <c r="H434935" s="12"/>
    </row>
    <row r="434936" spans="8:8">
      <c r="H434936" s="12"/>
    </row>
    <row r="434937" spans="8:8">
      <c r="H434937" s="12"/>
    </row>
    <row r="434938" spans="8:8">
      <c r="H434938" s="12"/>
    </row>
    <row r="434939" spans="8:8">
      <c r="H434939" s="12"/>
    </row>
    <row r="434940" spans="8:8">
      <c r="H434940" s="12"/>
    </row>
    <row r="434941" spans="8:8">
      <c r="H434941" s="12"/>
    </row>
    <row r="434942" spans="8:8">
      <c r="H434942" s="12"/>
    </row>
    <row r="434943" spans="8:8">
      <c r="H434943" s="12"/>
    </row>
    <row r="434944" spans="8:8">
      <c r="H434944" s="12"/>
    </row>
    <row r="434945" spans="8:8">
      <c r="H434945" s="12"/>
    </row>
    <row r="434946" spans="8:8">
      <c r="H434946" s="12"/>
    </row>
    <row r="434947" spans="8:8">
      <c r="H434947" s="12"/>
    </row>
    <row r="434948" spans="8:8">
      <c r="H434948" s="12"/>
    </row>
    <row r="434949" spans="8:8">
      <c r="H434949" s="12"/>
    </row>
    <row r="434950" spans="8:8">
      <c r="H434950" s="12"/>
    </row>
    <row r="434951" spans="8:8">
      <c r="H434951" s="12"/>
    </row>
    <row r="434952" spans="8:8">
      <c r="H434952" s="12"/>
    </row>
    <row r="434953" spans="8:8">
      <c r="H434953" s="12"/>
    </row>
    <row r="434954" spans="8:8">
      <c r="H434954" s="12"/>
    </row>
    <row r="434955" spans="8:8">
      <c r="H434955" s="12"/>
    </row>
    <row r="434956" spans="8:8">
      <c r="H434956" s="12"/>
    </row>
    <row r="434957" spans="8:8">
      <c r="H434957" s="12"/>
    </row>
    <row r="434958" spans="8:8">
      <c r="H434958" s="12"/>
    </row>
    <row r="434959" spans="8:8">
      <c r="H434959" s="12"/>
    </row>
    <row r="434960" spans="8:8">
      <c r="H434960" s="12"/>
    </row>
    <row r="434961" spans="8:8">
      <c r="H434961" s="12"/>
    </row>
    <row r="434962" spans="8:8">
      <c r="H434962" s="12"/>
    </row>
    <row r="434963" spans="8:8">
      <c r="H434963" s="12"/>
    </row>
    <row r="434964" spans="8:8">
      <c r="H434964" s="12"/>
    </row>
    <row r="434965" spans="8:8">
      <c r="H434965" s="12"/>
    </row>
    <row r="434966" spans="8:8">
      <c r="H434966" s="12"/>
    </row>
    <row r="434967" spans="8:8">
      <c r="H434967" s="12"/>
    </row>
    <row r="434968" spans="8:8">
      <c r="H434968" s="12"/>
    </row>
    <row r="434969" spans="8:8">
      <c r="H434969" s="12"/>
    </row>
    <row r="434970" spans="8:8">
      <c r="H434970" s="12"/>
    </row>
    <row r="434971" spans="8:8">
      <c r="H434971" s="12"/>
    </row>
    <row r="434972" spans="8:8">
      <c r="H434972" s="12"/>
    </row>
    <row r="434973" spans="8:8">
      <c r="H434973" s="12"/>
    </row>
    <row r="434974" spans="8:8">
      <c r="H434974" s="12"/>
    </row>
    <row r="434975" spans="8:8">
      <c r="H434975" s="12"/>
    </row>
    <row r="434976" spans="8:8">
      <c r="H434976" s="12"/>
    </row>
    <row r="434977" spans="8:8">
      <c r="H434977" s="12"/>
    </row>
    <row r="434978" spans="8:8">
      <c r="H434978" s="12"/>
    </row>
    <row r="434979" spans="8:8">
      <c r="H434979" s="12"/>
    </row>
    <row r="434980" spans="8:8">
      <c r="H434980" s="12"/>
    </row>
    <row r="434981" spans="8:8">
      <c r="H434981" s="12"/>
    </row>
    <row r="434982" spans="8:8">
      <c r="H434982" s="12"/>
    </row>
    <row r="434983" spans="8:8">
      <c r="H434983" s="12"/>
    </row>
    <row r="434984" spans="8:8">
      <c r="H434984" s="12"/>
    </row>
    <row r="434985" spans="8:8">
      <c r="H434985" s="12"/>
    </row>
    <row r="434986" spans="8:8">
      <c r="H434986" s="12"/>
    </row>
    <row r="434987" spans="8:8">
      <c r="H434987" s="12"/>
    </row>
    <row r="434988" spans="8:8">
      <c r="H434988" s="12"/>
    </row>
    <row r="434989" spans="8:8">
      <c r="H434989" s="12"/>
    </row>
    <row r="434990" spans="8:8">
      <c r="H434990" s="12"/>
    </row>
    <row r="434991" spans="8:8">
      <c r="H434991" s="12"/>
    </row>
    <row r="434992" spans="8:8">
      <c r="H434992" s="12"/>
    </row>
    <row r="434993" spans="8:8">
      <c r="H434993" s="12"/>
    </row>
    <row r="434994" spans="8:8">
      <c r="H434994" s="12"/>
    </row>
    <row r="434995" spans="8:8">
      <c r="H434995" s="12"/>
    </row>
    <row r="434996" spans="8:8">
      <c r="H434996" s="12"/>
    </row>
    <row r="434997" spans="8:8">
      <c r="H434997" s="12"/>
    </row>
    <row r="434998" spans="8:8">
      <c r="H434998" s="12"/>
    </row>
    <row r="434999" spans="8:8">
      <c r="H434999" s="12"/>
    </row>
    <row r="435000" spans="8:8">
      <c r="H435000" s="12"/>
    </row>
    <row r="435001" spans="8:8">
      <c r="H435001" s="12"/>
    </row>
    <row r="435002" spans="8:8">
      <c r="H435002" s="12"/>
    </row>
    <row r="435003" spans="8:8">
      <c r="H435003" s="12"/>
    </row>
    <row r="435004" spans="8:8">
      <c r="H435004" s="12"/>
    </row>
    <row r="435005" spans="8:8">
      <c r="H435005" s="12"/>
    </row>
    <row r="435006" spans="8:8">
      <c r="H435006" s="12"/>
    </row>
    <row r="435007" spans="8:8">
      <c r="H435007" s="12"/>
    </row>
    <row r="435008" spans="8:8">
      <c r="H435008" s="12"/>
    </row>
    <row r="435009" spans="8:8">
      <c r="H435009" s="12"/>
    </row>
    <row r="435010" spans="8:8">
      <c r="H435010" s="12"/>
    </row>
    <row r="435011" spans="8:8">
      <c r="H435011" s="12"/>
    </row>
    <row r="435012" spans="8:8">
      <c r="H435012" s="12"/>
    </row>
    <row r="435013" spans="8:8">
      <c r="H435013" s="12"/>
    </row>
    <row r="435014" spans="8:8">
      <c r="H435014" s="12"/>
    </row>
    <row r="435015" spans="8:8">
      <c r="H435015" s="12"/>
    </row>
    <row r="435016" spans="8:8">
      <c r="H435016" s="12"/>
    </row>
    <row r="435017" spans="8:8">
      <c r="H435017" s="12"/>
    </row>
    <row r="435018" spans="8:8">
      <c r="H435018" s="12"/>
    </row>
    <row r="435019" spans="8:8">
      <c r="H435019" s="12"/>
    </row>
    <row r="435020" spans="8:8">
      <c r="H435020" s="12"/>
    </row>
    <row r="435021" spans="8:8">
      <c r="H435021" s="12"/>
    </row>
    <row r="435022" spans="8:8">
      <c r="H435022" s="12"/>
    </row>
    <row r="435023" spans="8:8">
      <c r="H435023" s="12"/>
    </row>
    <row r="435024" spans="8:8">
      <c r="H435024" s="12"/>
    </row>
    <row r="435025" spans="8:8">
      <c r="H435025" s="12"/>
    </row>
    <row r="435026" spans="8:8">
      <c r="H435026" s="12"/>
    </row>
    <row r="435027" spans="8:8">
      <c r="H435027" s="12"/>
    </row>
    <row r="435028" spans="8:8">
      <c r="H435028" s="12"/>
    </row>
    <row r="435029" spans="8:8">
      <c r="H435029" s="12"/>
    </row>
    <row r="435030" spans="8:8">
      <c r="H435030" s="12"/>
    </row>
    <row r="435031" spans="8:8">
      <c r="H435031" s="12"/>
    </row>
    <row r="435032" spans="8:8">
      <c r="H435032" s="12"/>
    </row>
    <row r="435033" spans="8:8">
      <c r="H435033" s="12"/>
    </row>
    <row r="435034" spans="8:8">
      <c r="H435034" s="12"/>
    </row>
    <row r="435035" spans="8:8">
      <c r="H435035" s="12"/>
    </row>
    <row r="435036" spans="8:8">
      <c r="H435036" s="12"/>
    </row>
    <row r="435037" spans="8:8">
      <c r="H435037" s="12"/>
    </row>
    <row r="435038" spans="8:8">
      <c r="H435038" s="12"/>
    </row>
    <row r="435039" spans="8:8">
      <c r="H435039" s="12"/>
    </row>
    <row r="435040" spans="8:8">
      <c r="H435040" s="12"/>
    </row>
    <row r="435041" spans="8:8">
      <c r="H435041" s="12"/>
    </row>
    <row r="435042" spans="8:8">
      <c r="H435042" s="12"/>
    </row>
    <row r="435043" spans="8:8">
      <c r="H435043" s="12"/>
    </row>
    <row r="435044" spans="8:8">
      <c r="H435044" s="12"/>
    </row>
    <row r="435045" spans="8:8">
      <c r="H435045" s="12"/>
    </row>
    <row r="435046" spans="8:8">
      <c r="H435046" s="12"/>
    </row>
    <row r="435047" spans="8:8">
      <c r="H435047" s="12"/>
    </row>
    <row r="435048" spans="8:8">
      <c r="H435048" s="12"/>
    </row>
    <row r="435049" spans="8:8">
      <c r="H435049" s="12"/>
    </row>
    <row r="435050" spans="8:8">
      <c r="H435050" s="12"/>
    </row>
    <row r="435051" spans="8:8">
      <c r="H435051" s="12"/>
    </row>
    <row r="435052" spans="8:8">
      <c r="H435052" s="12"/>
    </row>
    <row r="435053" spans="8:8">
      <c r="H435053" s="12"/>
    </row>
    <row r="435054" spans="8:8">
      <c r="H435054" s="12"/>
    </row>
    <row r="435055" spans="8:8">
      <c r="H435055" s="12"/>
    </row>
    <row r="435056" spans="8:8">
      <c r="H435056" s="12"/>
    </row>
    <row r="435057" spans="8:8">
      <c r="H435057" s="12"/>
    </row>
    <row r="435058" spans="8:8">
      <c r="H435058" s="12"/>
    </row>
    <row r="435059" spans="8:8">
      <c r="H435059" s="12"/>
    </row>
    <row r="435060" spans="8:8">
      <c r="H435060" s="12"/>
    </row>
    <row r="435061" spans="8:8">
      <c r="H435061" s="12"/>
    </row>
    <row r="435062" spans="8:8">
      <c r="H435062" s="12"/>
    </row>
    <row r="435063" spans="8:8">
      <c r="H435063" s="12"/>
    </row>
    <row r="435064" spans="8:8">
      <c r="H435064" s="12"/>
    </row>
    <row r="435065" spans="8:8">
      <c r="H435065" s="12"/>
    </row>
    <row r="435066" spans="8:8">
      <c r="H435066" s="12"/>
    </row>
    <row r="435067" spans="8:8">
      <c r="H435067" s="12"/>
    </row>
    <row r="435068" spans="8:8">
      <c r="H435068" s="12"/>
    </row>
    <row r="435069" spans="8:8">
      <c r="H435069" s="12"/>
    </row>
    <row r="435070" spans="8:8">
      <c r="H435070" s="12"/>
    </row>
    <row r="435071" spans="8:8">
      <c r="H435071" s="12"/>
    </row>
    <row r="435072" spans="8:8">
      <c r="H435072" s="12"/>
    </row>
    <row r="435073" spans="8:8">
      <c r="H435073" s="12"/>
    </row>
    <row r="435074" spans="8:8">
      <c r="H435074" s="12"/>
    </row>
    <row r="435075" spans="8:8">
      <c r="H435075" s="12"/>
    </row>
    <row r="435076" spans="8:8">
      <c r="H435076" s="12"/>
    </row>
    <row r="435077" spans="8:8">
      <c r="H435077" s="12"/>
    </row>
    <row r="435078" spans="8:8">
      <c r="H435078" s="12"/>
    </row>
    <row r="435079" spans="8:8">
      <c r="H435079" s="12"/>
    </row>
    <row r="435080" spans="8:8">
      <c r="H435080" s="12"/>
    </row>
    <row r="435081" spans="8:8">
      <c r="H435081" s="12"/>
    </row>
    <row r="435082" spans="8:8">
      <c r="H435082" s="12"/>
    </row>
    <row r="435083" spans="8:8">
      <c r="H435083" s="12"/>
    </row>
    <row r="435084" spans="8:8">
      <c r="H435084" s="12"/>
    </row>
    <row r="435085" spans="8:8">
      <c r="H435085" s="12"/>
    </row>
    <row r="435086" spans="8:8">
      <c r="H435086" s="12"/>
    </row>
    <row r="435087" spans="8:8">
      <c r="H435087" s="12"/>
    </row>
    <row r="435088" spans="8:8">
      <c r="H435088" s="12"/>
    </row>
    <row r="435089" spans="8:8">
      <c r="H435089" s="12"/>
    </row>
    <row r="435090" spans="8:8">
      <c r="H435090" s="12"/>
    </row>
    <row r="435091" spans="8:8">
      <c r="H435091" s="12"/>
    </row>
    <row r="435092" spans="8:8">
      <c r="H435092" s="12"/>
    </row>
    <row r="435093" spans="8:8">
      <c r="H435093" s="12"/>
    </row>
    <row r="435094" spans="8:8">
      <c r="H435094" s="12"/>
    </row>
    <row r="435095" spans="8:8">
      <c r="H435095" s="12"/>
    </row>
    <row r="435096" spans="8:8">
      <c r="H435096" s="12"/>
    </row>
    <row r="435097" spans="8:8">
      <c r="H435097" s="12"/>
    </row>
    <row r="435098" spans="8:8">
      <c r="H435098" s="12"/>
    </row>
    <row r="435099" spans="8:8">
      <c r="H435099" s="12"/>
    </row>
    <row r="435100" spans="8:8">
      <c r="H435100" s="12"/>
    </row>
    <row r="435101" spans="8:8">
      <c r="H435101" s="12"/>
    </row>
    <row r="435102" spans="8:8">
      <c r="H435102" s="12"/>
    </row>
    <row r="435103" spans="8:8">
      <c r="H435103" s="12"/>
    </row>
    <row r="435104" spans="8:8">
      <c r="H435104" s="12"/>
    </row>
    <row r="435105" spans="8:8">
      <c r="H435105" s="12"/>
    </row>
    <row r="435106" spans="8:8">
      <c r="H435106" s="12"/>
    </row>
    <row r="435107" spans="8:8">
      <c r="H435107" s="12"/>
    </row>
    <row r="435108" spans="8:8">
      <c r="H435108" s="12"/>
    </row>
    <row r="435109" spans="8:8">
      <c r="H435109" s="12"/>
    </row>
    <row r="435110" spans="8:8">
      <c r="H435110" s="12"/>
    </row>
    <row r="435111" spans="8:8">
      <c r="H435111" s="12"/>
    </row>
    <row r="435112" spans="8:8">
      <c r="H435112" s="12"/>
    </row>
    <row r="435113" spans="8:8">
      <c r="H435113" s="12"/>
    </row>
    <row r="435114" spans="8:8">
      <c r="H435114" s="12"/>
    </row>
    <row r="435115" spans="8:8">
      <c r="H435115" s="12"/>
    </row>
    <row r="435116" spans="8:8">
      <c r="H435116" s="12"/>
    </row>
    <row r="435117" spans="8:8">
      <c r="H435117" s="12"/>
    </row>
    <row r="435118" spans="8:8">
      <c r="H435118" s="12"/>
    </row>
    <row r="435119" spans="8:8">
      <c r="H435119" s="12"/>
    </row>
    <row r="435120" spans="8:8">
      <c r="H435120" s="12"/>
    </row>
    <row r="435121" spans="8:8">
      <c r="H435121" s="12"/>
    </row>
    <row r="435122" spans="8:8">
      <c r="H435122" s="12"/>
    </row>
    <row r="435123" spans="8:8">
      <c r="H435123" s="12"/>
    </row>
    <row r="435124" spans="8:8">
      <c r="H435124" s="12"/>
    </row>
    <row r="435125" spans="8:8">
      <c r="H435125" s="12"/>
    </row>
    <row r="435126" spans="8:8">
      <c r="H435126" s="12"/>
    </row>
    <row r="435127" spans="8:8">
      <c r="H435127" s="12"/>
    </row>
    <row r="435128" spans="8:8">
      <c r="H435128" s="12"/>
    </row>
    <row r="435129" spans="8:8">
      <c r="H435129" s="12"/>
    </row>
    <row r="435130" spans="8:8">
      <c r="H435130" s="12"/>
    </row>
    <row r="435131" spans="8:8">
      <c r="H435131" s="12"/>
    </row>
    <row r="435132" spans="8:8">
      <c r="H435132" s="12"/>
    </row>
    <row r="435133" spans="8:8">
      <c r="H435133" s="12"/>
    </row>
    <row r="435134" spans="8:8">
      <c r="H435134" s="12"/>
    </row>
    <row r="435135" spans="8:8">
      <c r="H435135" s="12"/>
    </row>
    <row r="435136" spans="8:8">
      <c r="H435136" s="12"/>
    </row>
    <row r="435137" spans="8:8">
      <c r="H435137" s="12"/>
    </row>
    <row r="435138" spans="8:8">
      <c r="H435138" s="12"/>
    </row>
    <row r="435139" spans="8:8">
      <c r="H435139" s="12"/>
    </row>
    <row r="435140" spans="8:8">
      <c r="H435140" s="12"/>
    </row>
    <row r="435141" spans="8:8">
      <c r="H435141" s="12"/>
    </row>
    <row r="435142" spans="8:8">
      <c r="H435142" s="12"/>
    </row>
    <row r="435143" spans="8:8">
      <c r="H435143" s="12"/>
    </row>
    <row r="435144" spans="8:8">
      <c r="H435144" s="12"/>
    </row>
    <row r="435145" spans="8:8">
      <c r="H435145" s="12"/>
    </row>
    <row r="435146" spans="8:8">
      <c r="H435146" s="12"/>
    </row>
    <row r="435147" spans="8:8">
      <c r="H435147" s="12"/>
    </row>
    <row r="435148" spans="8:8">
      <c r="H435148" s="12"/>
    </row>
    <row r="435149" spans="8:8">
      <c r="H435149" s="12"/>
    </row>
    <row r="435150" spans="8:8">
      <c r="H435150" s="12"/>
    </row>
    <row r="435151" spans="8:8">
      <c r="H435151" s="12"/>
    </row>
    <row r="435152" spans="8:8">
      <c r="H435152" s="12"/>
    </row>
    <row r="435153" spans="8:8">
      <c r="H435153" s="12"/>
    </row>
    <row r="435154" spans="8:8">
      <c r="H435154" s="12"/>
    </row>
    <row r="435155" spans="8:8">
      <c r="H435155" s="12"/>
    </row>
    <row r="435156" spans="8:8">
      <c r="H435156" s="12"/>
    </row>
    <row r="435157" spans="8:8">
      <c r="H435157" s="12"/>
    </row>
    <row r="435158" spans="8:8">
      <c r="H435158" s="12"/>
    </row>
    <row r="435159" spans="8:8">
      <c r="H435159" s="12"/>
    </row>
    <row r="435160" spans="8:8">
      <c r="H435160" s="12"/>
    </row>
    <row r="435161" spans="8:8">
      <c r="H435161" s="12"/>
    </row>
    <row r="435162" spans="8:8">
      <c r="H435162" s="12"/>
    </row>
    <row r="435163" spans="8:8">
      <c r="H435163" s="12"/>
    </row>
    <row r="435164" spans="8:8">
      <c r="H435164" s="12"/>
    </row>
    <row r="435165" spans="8:8">
      <c r="H435165" s="12"/>
    </row>
    <row r="435166" spans="8:8">
      <c r="H435166" s="12"/>
    </row>
    <row r="435167" spans="8:8">
      <c r="H435167" s="12"/>
    </row>
    <row r="435168" spans="8:8">
      <c r="H435168" s="12"/>
    </row>
    <row r="435169" spans="8:8">
      <c r="H435169" s="12"/>
    </row>
    <row r="435170" spans="8:8">
      <c r="H435170" s="12"/>
    </row>
    <row r="435171" spans="8:8">
      <c r="H435171" s="12"/>
    </row>
    <row r="435172" spans="8:8">
      <c r="H435172" s="12"/>
    </row>
    <row r="435173" spans="8:8">
      <c r="H435173" s="12"/>
    </row>
    <row r="435174" spans="8:8">
      <c r="H435174" s="12"/>
    </row>
    <row r="435175" spans="8:8">
      <c r="H435175" s="12"/>
    </row>
    <row r="435176" spans="8:8">
      <c r="H435176" s="12"/>
    </row>
    <row r="435177" spans="8:8">
      <c r="H435177" s="12"/>
    </row>
    <row r="435178" spans="8:8">
      <c r="H435178" s="12"/>
    </row>
    <row r="435179" spans="8:8">
      <c r="H435179" s="12"/>
    </row>
    <row r="435180" spans="8:8">
      <c r="H435180" s="12"/>
    </row>
    <row r="435181" spans="8:8">
      <c r="H435181" s="12"/>
    </row>
    <row r="435182" spans="8:8">
      <c r="H435182" s="12"/>
    </row>
    <row r="435183" spans="8:8">
      <c r="H435183" s="12"/>
    </row>
    <row r="435184" spans="8:8">
      <c r="H435184" s="12"/>
    </row>
    <row r="435185" spans="8:8">
      <c r="H435185" s="12"/>
    </row>
    <row r="435186" spans="8:8">
      <c r="H435186" s="12"/>
    </row>
    <row r="435187" spans="8:8">
      <c r="H435187" s="12"/>
    </row>
    <row r="435188" spans="8:8">
      <c r="H435188" s="12"/>
    </row>
    <row r="435189" spans="8:8">
      <c r="H435189" s="12"/>
    </row>
    <row r="435190" spans="8:8">
      <c r="H435190" s="12"/>
    </row>
    <row r="435191" spans="8:8">
      <c r="H435191" s="12"/>
    </row>
    <row r="435192" spans="8:8">
      <c r="H435192" s="12"/>
    </row>
    <row r="435193" spans="8:8">
      <c r="H435193" s="12"/>
    </row>
    <row r="435194" spans="8:8">
      <c r="H435194" s="12"/>
    </row>
    <row r="435195" spans="8:8">
      <c r="H435195" s="12"/>
    </row>
    <row r="435196" spans="8:8">
      <c r="H435196" s="12"/>
    </row>
    <row r="435197" spans="8:8">
      <c r="H435197" s="12"/>
    </row>
    <row r="435198" spans="8:8">
      <c r="H435198" s="12"/>
    </row>
    <row r="435199" spans="8:8">
      <c r="H435199" s="12"/>
    </row>
    <row r="435200" spans="8:8">
      <c r="H435200" s="12"/>
    </row>
    <row r="435201" spans="8:8">
      <c r="H435201" s="12"/>
    </row>
    <row r="435202" spans="8:8">
      <c r="H435202" s="12"/>
    </row>
    <row r="435203" spans="8:8">
      <c r="H435203" s="12"/>
    </row>
    <row r="435204" spans="8:8">
      <c r="H435204" s="12"/>
    </row>
    <row r="435205" spans="8:8">
      <c r="H435205" s="12"/>
    </row>
    <row r="435206" spans="8:8">
      <c r="H435206" s="12"/>
    </row>
    <row r="435207" spans="8:8">
      <c r="H435207" s="12"/>
    </row>
    <row r="435208" spans="8:8">
      <c r="H435208" s="12"/>
    </row>
    <row r="435209" spans="8:8">
      <c r="H435209" s="12"/>
    </row>
    <row r="435210" spans="8:8">
      <c r="H435210" s="12"/>
    </row>
    <row r="435211" spans="8:8">
      <c r="H435211" s="12"/>
    </row>
    <row r="435212" spans="8:8">
      <c r="H435212" s="12"/>
    </row>
    <row r="435213" spans="8:8">
      <c r="H435213" s="12"/>
    </row>
    <row r="435214" spans="8:8">
      <c r="H435214" s="12"/>
    </row>
    <row r="435215" spans="8:8">
      <c r="H435215" s="12"/>
    </row>
    <row r="435216" spans="8:8">
      <c r="H435216" s="12"/>
    </row>
    <row r="435217" spans="8:8">
      <c r="H435217" s="12"/>
    </row>
    <row r="435218" spans="8:8">
      <c r="H435218" s="12"/>
    </row>
    <row r="435219" spans="8:8">
      <c r="H435219" s="12"/>
    </row>
    <row r="435220" spans="8:8">
      <c r="H435220" s="12"/>
    </row>
    <row r="435221" spans="8:8">
      <c r="H435221" s="12"/>
    </row>
    <row r="435222" spans="8:8">
      <c r="H435222" s="12"/>
    </row>
    <row r="435223" spans="8:8">
      <c r="H435223" s="12"/>
    </row>
    <row r="435224" spans="8:8">
      <c r="H435224" s="12"/>
    </row>
    <row r="435225" spans="8:8">
      <c r="H435225" s="12"/>
    </row>
    <row r="435226" spans="8:8">
      <c r="H435226" s="12"/>
    </row>
    <row r="435227" spans="8:8">
      <c r="H435227" s="12"/>
    </row>
    <row r="435228" spans="8:8">
      <c r="H435228" s="12"/>
    </row>
    <row r="435229" spans="8:8">
      <c r="H435229" s="12"/>
    </row>
    <row r="435230" spans="8:8">
      <c r="H435230" s="12"/>
    </row>
    <row r="435231" spans="8:8">
      <c r="H435231" s="12"/>
    </row>
    <row r="435232" spans="8:8">
      <c r="H435232" s="12"/>
    </row>
    <row r="435233" spans="8:8">
      <c r="H435233" s="12"/>
    </row>
    <row r="435234" spans="8:8">
      <c r="H435234" s="12"/>
    </row>
    <row r="435235" spans="8:8">
      <c r="H435235" s="12"/>
    </row>
    <row r="435236" spans="8:8">
      <c r="H435236" s="12"/>
    </row>
    <row r="435237" spans="8:8">
      <c r="H435237" s="12"/>
    </row>
    <row r="435238" spans="8:8">
      <c r="H435238" s="12"/>
    </row>
    <row r="435239" spans="8:8">
      <c r="H435239" s="12"/>
    </row>
    <row r="435240" spans="8:8">
      <c r="H435240" s="12"/>
    </row>
    <row r="435241" spans="8:8">
      <c r="H435241" s="12"/>
    </row>
    <row r="435242" spans="8:8">
      <c r="H435242" s="12"/>
    </row>
    <row r="435243" spans="8:8">
      <c r="H435243" s="12"/>
    </row>
    <row r="435244" spans="8:8">
      <c r="H435244" s="12"/>
    </row>
    <row r="435245" spans="8:8">
      <c r="H435245" s="12"/>
    </row>
    <row r="435246" spans="8:8">
      <c r="H435246" s="12"/>
    </row>
    <row r="435247" spans="8:8">
      <c r="H435247" s="12"/>
    </row>
    <row r="435248" spans="8:8">
      <c r="H435248" s="12"/>
    </row>
    <row r="435249" spans="8:8">
      <c r="H435249" s="12"/>
    </row>
    <row r="435250" spans="8:8">
      <c r="H435250" s="12"/>
    </row>
    <row r="435251" spans="8:8">
      <c r="H435251" s="12"/>
    </row>
    <row r="435252" spans="8:8">
      <c r="H435252" s="12"/>
    </row>
    <row r="435253" spans="8:8">
      <c r="H435253" s="12"/>
    </row>
    <row r="435254" spans="8:8">
      <c r="H435254" s="12"/>
    </row>
    <row r="435255" spans="8:8">
      <c r="H435255" s="12"/>
    </row>
    <row r="435256" spans="8:8">
      <c r="H435256" s="12"/>
    </row>
    <row r="435257" spans="8:8">
      <c r="H435257" s="12"/>
    </row>
    <row r="435258" spans="8:8">
      <c r="H435258" s="12"/>
    </row>
    <row r="435259" spans="8:8">
      <c r="H435259" s="12"/>
    </row>
    <row r="435260" spans="8:8">
      <c r="H435260" s="12"/>
    </row>
    <row r="435261" spans="8:8">
      <c r="H435261" s="12"/>
    </row>
    <row r="435262" spans="8:8">
      <c r="H435262" s="12"/>
    </row>
    <row r="435263" spans="8:8">
      <c r="H435263" s="12"/>
    </row>
    <row r="435264" spans="8:8">
      <c r="H435264" s="12"/>
    </row>
    <row r="435265" spans="8:8">
      <c r="H435265" s="12"/>
    </row>
    <row r="435266" spans="8:8">
      <c r="H435266" s="12"/>
    </row>
    <row r="435267" spans="8:8">
      <c r="H435267" s="12"/>
    </row>
    <row r="435268" spans="8:8">
      <c r="H435268" s="12"/>
    </row>
    <row r="435269" spans="8:8">
      <c r="H435269" s="12"/>
    </row>
    <row r="435270" spans="8:8">
      <c r="H435270" s="12"/>
    </row>
    <row r="435271" spans="8:8">
      <c r="H435271" s="12"/>
    </row>
    <row r="435272" spans="8:8">
      <c r="H435272" s="12"/>
    </row>
    <row r="435273" spans="8:8">
      <c r="H435273" s="12"/>
    </row>
    <row r="435274" spans="8:8">
      <c r="H435274" s="12"/>
    </row>
    <row r="435275" spans="8:8">
      <c r="H435275" s="12"/>
    </row>
    <row r="435276" spans="8:8">
      <c r="H435276" s="12"/>
    </row>
    <row r="435277" spans="8:8">
      <c r="H435277" s="12"/>
    </row>
    <row r="435278" spans="8:8">
      <c r="H435278" s="12"/>
    </row>
    <row r="435279" spans="8:8">
      <c r="H435279" s="12"/>
    </row>
    <row r="435280" spans="8:8">
      <c r="H435280" s="12"/>
    </row>
    <row r="435281" spans="8:8">
      <c r="H435281" s="12"/>
    </row>
    <row r="435282" spans="8:8">
      <c r="H435282" s="12"/>
    </row>
    <row r="435283" spans="8:8">
      <c r="H435283" s="12"/>
    </row>
    <row r="435284" spans="8:8">
      <c r="H435284" s="12"/>
    </row>
    <row r="435285" spans="8:8">
      <c r="H435285" s="12"/>
    </row>
    <row r="435286" spans="8:8">
      <c r="H435286" s="12"/>
    </row>
    <row r="435287" spans="8:8">
      <c r="H435287" s="12"/>
    </row>
    <row r="435288" spans="8:8">
      <c r="H435288" s="12"/>
    </row>
    <row r="435289" spans="8:8">
      <c r="H435289" s="12"/>
    </row>
    <row r="435290" spans="8:8">
      <c r="H435290" s="12"/>
    </row>
    <row r="435291" spans="8:8">
      <c r="H435291" s="12"/>
    </row>
    <row r="435292" spans="8:8">
      <c r="H435292" s="12"/>
    </row>
    <row r="435293" spans="8:8">
      <c r="H435293" s="12"/>
    </row>
    <row r="435294" spans="8:8">
      <c r="H435294" s="12"/>
    </row>
    <row r="435295" spans="8:8">
      <c r="H435295" s="12"/>
    </row>
    <row r="435296" spans="8:8">
      <c r="H435296" s="12"/>
    </row>
    <row r="435297" spans="8:8">
      <c r="H435297" s="12"/>
    </row>
    <row r="435298" spans="8:8">
      <c r="H435298" s="12"/>
    </row>
    <row r="435299" spans="8:8">
      <c r="H435299" s="12"/>
    </row>
    <row r="435300" spans="8:8">
      <c r="H435300" s="12"/>
    </row>
    <row r="435301" spans="8:8">
      <c r="H435301" s="12"/>
    </row>
    <row r="435302" spans="8:8">
      <c r="H435302" s="12"/>
    </row>
    <row r="435303" spans="8:8">
      <c r="H435303" s="12"/>
    </row>
    <row r="435304" spans="8:8">
      <c r="H435304" s="12"/>
    </row>
    <row r="435305" spans="8:8">
      <c r="H435305" s="12"/>
    </row>
    <row r="435306" spans="8:8">
      <c r="H435306" s="12"/>
    </row>
    <row r="435307" spans="8:8">
      <c r="H435307" s="12"/>
    </row>
    <row r="435308" spans="8:8">
      <c r="H435308" s="12"/>
    </row>
    <row r="435309" spans="8:8">
      <c r="H435309" s="12"/>
    </row>
    <row r="435310" spans="8:8">
      <c r="H435310" s="12"/>
    </row>
    <row r="435311" spans="8:8">
      <c r="H435311" s="12"/>
    </row>
    <row r="435312" spans="8:8">
      <c r="H435312" s="12"/>
    </row>
    <row r="435313" spans="8:8">
      <c r="H435313" s="12"/>
    </row>
    <row r="435314" spans="8:8">
      <c r="H435314" s="12"/>
    </row>
    <row r="435315" spans="8:8">
      <c r="H435315" s="12"/>
    </row>
    <row r="435316" spans="8:8">
      <c r="H435316" s="12"/>
    </row>
    <row r="435317" spans="8:8">
      <c r="H435317" s="12"/>
    </row>
    <row r="435318" spans="8:8">
      <c r="H435318" s="12"/>
    </row>
    <row r="435319" spans="8:8">
      <c r="H435319" s="12"/>
    </row>
    <row r="435320" spans="8:8">
      <c r="H435320" s="12"/>
    </row>
    <row r="435321" spans="8:8">
      <c r="H435321" s="12"/>
    </row>
    <row r="435322" spans="8:8">
      <c r="H435322" s="12"/>
    </row>
    <row r="435323" spans="8:8">
      <c r="H435323" s="12"/>
    </row>
    <row r="435324" spans="8:8">
      <c r="H435324" s="12"/>
    </row>
    <row r="435325" spans="8:8">
      <c r="H435325" s="12"/>
    </row>
    <row r="435326" spans="8:8">
      <c r="H435326" s="12"/>
    </row>
    <row r="435327" spans="8:8">
      <c r="H435327" s="12"/>
    </row>
    <row r="435328" spans="8:8">
      <c r="H435328" s="12"/>
    </row>
    <row r="435329" spans="8:8">
      <c r="H435329" s="12"/>
    </row>
    <row r="435330" spans="8:8">
      <c r="H435330" s="12"/>
    </row>
    <row r="435331" spans="8:8">
      <c r="H435331" s="12"/>
    </row>
    <row r="435332" spans="8:8">
      <c r="H435332" s="12"/>
    </row>
    <row r="435333" spans="8:8">
      <c r="H435333" s="12"/>
    </row>
    <row r="435334" spans="8:8">
      <c r="H435334" s="12"/>
    </row>
    <row r="435335" spans="8:8">
      <c r="H435335" s="12"/>
    </row>
    <row r="435336" spans="8:8">
      <c r="H435336" s="12"/>
    </row>
    <row r="435337" spans="8:8">
      <c r="H435337" s="12"/>
    </row>
    <row r="435338" spans="8:8">
      <c r="H435338" s="12"/>
    </row>
    <row r="435339" spans="8:8">
      <c r="H435339" s="12"/>
    </row>
    <row r="435340" spans="8:8">
      <c r="H435340" s="12"/>
    </row>
    <row r="435341" spans="8:8">
      <c r="H435341" s="12"/>
    </row>
    <row r="435342" spans="8:8">
      <c r="H435342" s="12"/>
    </row>
    <row r="435343" spans="8:8">
      <c r="H435343" s="12"/>
    </row>
    <row r="435344" spans="8:8">
      <c r="H435344" s="12"/>
    </row>
    <row r="435345" spans="8:8">
      <c r="H435345" s="12"/>
    </row>
    <row r="435346" spans="8:8">
      <c r="H435346" s="12"/>
    </row>
    <row r="435347" spans="8:8">
      <c r="H435347" s="12"/>
    </row>
    <row r="435348" spans="8:8">
      <c r="H435348" s="12"/>
    </row>
    <row r="435349" spans="8:8">
      <c r="H435349" s="12"/>
    </row>
    <row r="435350" spans="8:8">
      <c r="H435350" s="12"/>
    </row>
    <row r="435351" spans="8:8">
      <c r="H435351" s="12"/>
    </row>
    <row r="435352" spans="8:8">
      <c r="H435352" s="12"/>
    </row>
    <row r="435353" spans="8:8">
      <c r="H435353" s="12"/>
    </row>
    <row r="435354" spans="8:8">
      <c r="H435354" s="12"/>
    </row>
    <row r="435355" spans="8:8">
      <c r="H435355" s="12"/>
    </row>
    <row r="435356" spans="8:8">
      <c r="H435356" s="12"/>
    </row>
    <row r="435357" spans="8:8">
      <c r="H435357" s="12"/>
    </row>
    <row r="435358" spans="8:8">
      <c r="H435358" s="12"/>
    </row>
    <row r="435359" spans="8:8">
      <c r="H435359" s="12"/>
    </row>
    <row r="435360" spans="8:8">
      <c r="H435360" s="12"/>
    </row>
    <row r="435361" spans="8:8">
      <c r="H435361" s="12"/>
    </row>
    <row r="435362" spans="8:8">
      <c r="H435362" s="12"/>
    </row>
    <row r="435363" spans="8:8">
      <c r="H435363" s="12"/>
    </row>
    <row r="435364" spans="8:8">
      <c r="H435364" s="12"/>
    </row>
    <row r="435365" spans="8:8">
      <c r="H435365" s="12"/>
    </row>
    <row r="435366" spans="8:8">
      <c r="H435366" s="12"/>
    </row>
    <row r="435367" spans="8:8">
      <c r="H435367" s="12"/>
    </row>
    <row r="435368" spans="8:8">
      <c r="H435368" s="12"/>
    </row>
    <row r="435369" spans="8:8">
      <c r="H435369" s="12"/>
    </row>
    <row r="435370" spans="8:8">
      <c r="H435370" s="12"/>
    </row>
    <row r="435371" spans="8:8">
      <c r="H435371" s="12"/>
    </row>
    <row r="435372" spans="8:8">
      <c r="H435372" s="12"/>
    </row>
    <row r="435373" spans="8:8">
      <c r="H435373" s="12"/>
    </row>
    <row r="435374" spans="8:8">
      <c r="H435374" s="12"/>
    </row>
    <row r="435375" spans="8:8">
      <c r="H435375" s="12"/>
    </row>
    <row r="435376" spans="8:8">
      <c r="H435376" s="12"/>
    </row>
    <row r="435377" spans="8:8">
      <c r="H435377" s="12"/>
    </row>
    <row r="435378" spans="8:8">
      <c r="H435378" s="12"/>
    </row>
    <row r="435379" spans="8:8">
      <c r="H435379" s="12"/>
    </row>
    <row r="435380" spans="8:8">
      <c r="H435380" s="12"/>
    </row>
    <row r="435381" spans="8:8">
      <c r="H435381" s="12"/>
    </row>
    <row r="435382" spans="8:8">
      <c r="H435382" s="12"/>
    </row>
    <row r="435383" spans="8:8">
      <c r="H435383" s="12"/>
    </row>
    <row r="435384" spans="8:8">
      <c r="H435384" s="12"/>
    </row>
    <row r="435385" spans="8:8">
      <c r="H435385" s="12"/>
    </row>
    <row r="435386" spans="8:8">
      <c r="H435386" s="12"/>
    </row>
    <row r="435387" spans="8:8">
      <c r="H435387" s="12"/>
    </row>
    <row r="435388" spans="8:8">
      <c r="H435388" s="12"/>
    </row>
    <row r="435389" spans="8:8">
      <c r="H435389" s="12"/>
    </row>
    <row r="435390" spans="8:8">
      <c r="H435390" s="12"/>
    </row>
    <row r="435391" spans="8:8">
      <c r="H435391" s="12"/>
    </row>
    <row r="435392" spans="8:8">
      <c r="H435392" s="12"/>
    </row>
    <row r="435393" spans="8:8">
      <c r="H435393" s="12"/>
    </row>
    <row r="435394" spans="8:8">
      <c r="H435394" s="12"/>
    </row>
    <row r="435395" spans="8:8">
      <c r="H435395" s="12"/>
    </row>
    <row r="435396" spans="8:8">
      <c r="H435396" s="12"/>
    </row>
    <row r="435397" spans="8:8">
      <c r="H435397" s="12"/>
    </row>
    <row r="435398" spans="8:8">
      <c r="H435398" s="12"/>
    </row>
    <row r="435399" spans="8:8">
      <c r="H435399" s="12"/>
    </row>
    <row r="435400" spans="8:8">
      <c r="H435400" s="12"/>
    </row>
    <row r="435401" spans="8:8">
      <c r="H435401" s="12"/>
    </row>
    <row r="435402" spans="8:8">
      <c r="H435402" s="12"/>
    </row>
    <row r="435403" spans="8:8">
      <c r="H435403" s="12"/>
    </row>
    <row r="435404" spans="8:8">
      <c r="H435404" s="12"/>
    </row>
    <row r="435405" spans="8:8">
      <c r="H435405" s="12"/>
    </row>
    <row r="435406" spans="8:8">
      <c r="H435406" s="12"/>
    </row>
    <row r="435407" spans="8:8">
      <c r="H435407" s="12"/>
    </row>
    <row r="435408" spans="8:8">
      <c r="H435408" s="12"/>
    </row>
    <row r="435409" spans="8:8">
      <c r="H435409" s="12"/>
    </row>
    <row r="435410" spans="8:8">
      <c r="H435410" s="12"/>
    </row>
    <row r="435411" spans="8:8">
      <c r="H435411" s="12"/>
    </row>
    <row r="435412" spans="8:8">
      <c r="H435412" s="12"/>
    </row>
    <row r="435413" spans="8:8">
      <c r="H435413" s="12"/>
    </row>
    <row r="435414" spans="8:8">
      <c r="H435414" s="12"/>
    </row>
    <row r="435415" spans="8:8">
      <c r="H435415" s="12"/>
    </row>
    <row r="435416" spans="8:8">
      <c r="H435416" s="12"/>
    </row>
    <row r="435417" spans="8:8">
      <c r="H435417" s="12"/>
    </row>
    <row r="435418" spans="8:8">
      <c r="H435418" s="12"/>
    </row>
    <row r="435419" spans="8:8">
      <c r="H435419" s="12"/>
    </row>
    <row r="435420" spans="8:8">
      <c r="H435420" s="12"/>
    </row>
    <row r="435421" spans="8:8">
      <c r="H435421" s="12"/>
    </row>
    <row r="435422" spans="8:8">
      <c r="H435422" s="12"/>
    </row>
    <row r="435423" spans="8:8">
      <c r="H435423" s="12"/>
    </row>
    <row r="435424" spans="8:8">
      <c r="H435424" s="12"/>
    </row>
    <row r="435425" spans="8:8">
      <c r="H435425" s="12"/>
    </row>
    <row r="435426" spans="8:8">
      <c r="H435426" s="12"/>
    </row>
    <row r="435427" spans="8:8">
      <c r="H435427" s="12"/>
    </row>
    <row r="435428" spans="8:8">
      <c r="H435428" s="12"/>
    </row>
    <row r="435429" spans="8:8">
      <c r="H435429" s="12"/>
    </row>
    <row r="435430" spans="8:8">
      <c r="H435430" s="12"/>
    </row>
    <row r="435431" spans="8:8">
      <c r="H435431" s="12"/>
    </row>
    <row r="435432" spans="8:8">
      <c r="H435432" s="12"/>
    </row>
    <row r="435433" spans="8:8">
      <c r="H435433" s="12"/>
    </row>
    <row r="435434" spans="8:8">
      <c r="H435434" s="12"/>
    </row>
    <row r="435435" spans="8:8">
      <c r="H435435" s="12"/>
    </row>
    <row r="435436" spans="8:8">
      <c r="H435436" s="12"/>
    </row>
    <row r="435437" spans="8:8">
      <c r="H435437" s="12"/>
    </row>
    <row r="435438" spans="8:8">
      <c r="H435438" s="12"/>
    </row>
    <row r="435439" spans="8:8">
      <c r="H435439" s="12"/>
    </row>
    <row r="435440" spans="8:8">
      <c r="H435440" s="12"/>
    </row>
    <row r="435441" spans="8:8">
      <c r="H435441" s="12"/>
    </row>
    <row r="435442" spans="8:8">
      <c r="H435442" s="12"/>
    </row>
    <row r="435443" spans="8:8">
      <c r="H435443" s="12"/>
    </row>
    <row r="435444" spans="8:8">
      <c r="H435444" s="12"/>
    </row>
    <row r="435445" spans="8:8">
      <c r="H435445" s="12"/>
    </row>
    <row r="435446" spans="8:8">
      <c r="H435446" s="12"/>
    </row>
    <row r="435447" spans="8:8">
      <c r="H435447" s="12"/>
    </row>
    <row r="435448" spans="8:8">
      <c r="H435448" s="12"/>
    </row>
    <row r="435449" spans="8:8">
      <c r="H435449" s="12"/>
    </row>
    <row r="435450" spans="8:8">
      <c r="H435450" s="12"/>
    </row>
    <row r="435451" spans="8:8">
      <c r="H435451" s="12"/>
    </row>
    <row r="435452" spans="8:8">
      <c r="H435452" s="12"/>
    </row>
    <row r="435453" spans="8:8">
      <c r="H435453" s="12"/>
    </row>
    <row r="435454" spans="8:8">
      <c r="H435454" s="12"/>
    </row>
    <row r="435455" spans="8:8">
      <c r="H435455" s="12"/>
    </row>
    <row r="435456" spans="8:8">
      <c r="H435456" s="12"/>
    </row>
    <row r="435457" spans="8:8">
      <c r="H435457" s="12"/>
    </row>
    <row r="435458" spans="8:8">
      <c r="H435458" s="12"/>
    </row>
    <row r="435459" spans="8:8">
      <c r="H435459" s="12"/>
    </row>
    <row r="435460" spans="8:8">
      <c r="H435460" s="12"/>
    </row>
    <row r="435461" spans="8:8">
      <c r="H435461" s="12"/>
    </row>
    <row r="435462" spans="8:8">
      <c r="H435462" s="12"/>
    </row>
    <row r="435463" spans="8:8">
      <c r="H435463" s="12"/>
    </row>
    <row r="435464" spans="8:8">
      <c r="H435464" s="12"/>
    </row>
    <row r="435465" spans="8:8">
      <c r="H435465" s="12"/>
    </row>
    <row r="435466" spans="8:8">
      <c r="H435466" s="12"/>
    </row>
    <row r="435467" spans="8:8">
      <c r="H435467" s="12"/>
    </row>
    <row r="435468" spans="8:8">
      <c r="H435468" s="12"/>
    </row>
    <row r="435469" spans="8:8">
      <c r="H435469" s="12"/>
    </row>
    <row r="435470" spans="8:8">
      <c r="H435470" s="12"/>
    </row>
    <row r="435471" spans="8:8">
      <c r="H435471" s="12"/>
    </row>
    <row r="435472" spans="8:8">
      <c r="H435472" s="12"/>
    </row>
    <row r="435473" spans="8:8">
      <c r="H435473" s="12"/>
    </row>
    <row r="435474" spans="8:8">
      <c r="H435474" s="12"/>
    </row>
    <row r="435475" spans="8:8">
      <c r="H435475" s="12"/>
    </row>
    <row r="435476" spans="8:8">
      <c r="H435476" s="12"/>
    </row>
    <row r="435477" spans="8:8">
      <c r="H435477" s="12"/>
    </row>
    <row r="435478" spans="8:8">
      <c r="H435478" s="12"/>
    </row>
    <row r="435479" spans="8:8">
      <c r="H435479" s="12"/>
    </row>
    <row r="435480" spans="8:8">
      <c r="H435480" s="12"/>
    </row>
    <row r="435481" spans="8:8">
      <c r="H435481" s="12"/>
    </row>
    <row r="435482" spans="8:8">
      <c r="H435482" s="12"/>
    </row>
    <row r="435483" spans="8:8">
      <c r="H435483" s="12"/>
    </row>
    <row r="435484" spans="8:8">
      <c r="H435484" s="12"/>
    </row>
    <row r="435485" spans="8:8">
      <c r="H435485" s="12"/>
    </row>
    <row r="435486" spans="8:8">
      <c r="H435486" s="12"/>
    </row>
    <row r="435487" spans="8:8">
      <c r="H435487" s="12"/>
    </row>
    <row r="435488" spans="8:8">
      <c r="H435488" s="12"/>
    </row>
    <row r="435489" spans="8:8">
      <c r="H435489" s="12"/>
    </row>
    <row r="435490" spans="8:8">
      <c r="H435490" s="12"/>
    </row>
    <row r="435491" spans="8:8">
      <c r="H435491" s="12"/>
    </row>
    <row r="435492" spans="8:8">
      <c r="H435492" s="12"/>
    </row>
    <row r="435493" spans="8:8">
      <c r="H435493" s="12"/>
    </row>
    <row r="435494" spans="8:8">
      <c r="H435494" s="12"/>
    </row>
    <row r="435495" spans="8:8">
      <c r="H435495" s="12"/>
    </row>
    <row r="435496" spans="8:8">
      <c r="H435496" s="12"/>
    </row>
    <row r="435497" spans="8:8">
      <c r="H435497" s="12"/>
    </row>
    <row r="435498" spans="8:8">
      <c r="H435498" s="12"/>
    </row>
    <row r="435499" spans="8:8">
      <c r="H435499" s="12"/>
    </row>
    <row r="435500" spans="8:8">
      <c r="H435500" s="12"/>
    </row>
    <row r="435501" spans="8:8">
      <c r="H435501" s="12"/>
    </row>
    <row r="435502" spans="8:8">
      <c r="H435502" s="12"/>
    </row>
    <row r="435503" spans="8:8">
      <c r="H435503" s="12"/>
    </row>
    <row r="435504" spans="8:8">
      <c r="H435504" s="12"/>
    </row>
    <row r="435505" spans="8:8">
      <c r="H435505" s="12"/>
    </row>
    <row r="435506" spans="8:8">
      <c r="H435506" s="12"/>
    </row>
    <row r="435507" spans="8:8">
      <c r="H435507" s="12"/>
    </row>
    <row r="435508" spans="8:8">
      <c r="H435508" s="12"/>
    </row>
    <row r="435509" spans="8:8">
      <c r="H435509" s="12"/>
    </row>
    <row r="435510" spans="8:8">
      <c r="H435510" s="12"/>
    </row>
    <row r="435511" spans="8:8">
      <c r="H435511" s="12"/>
    </row>
    <row r="435512" spans="8:8">
      <c r="H435512" s="12"/>
    </row>
    <row r="435513" spans="8:8">
      <c r="H435513" s="12"/>
    </row>
    <row r="435514" spans="8:8">
      <c r="H435514" s="12"/>
    </row>
    <row r="435515" spans="8:8">
      <c r="H435515" s="12"/>
    </row>
    <row r="435516" spans="8:8">
      <c r="H435516" s="12"/>
    </row>
    <row r="435517" spans="8:8">
      <c r="H435517" s="12"/>
    </row>
    <row r="435518" spans="8:8">
      <c r="H435518" s="12"/>
    </row>
    <row r="435519" spans="8:8">
      <c r="H435519" s="12"/>
    </row>
    <row r="435520" spans="8:8">
      <c r="H435520" s="12"/>
    </row>
    <row r="435521" spans="8:8">
      <c r="H435521" s="12"/>
    </row>
    <row r="435522" spans="8:8">
      <c r="H435522" s="12"/>
    </row>
    <row r="435523" spans="8:8">
      <c r="H435523" s="12"/>
    </row>
    <row r="435524" spans="8:8">
      <c r="H435524" s="12"/>
    </row>
    <row r="435525" spans="8:8">
      <c r="H435525" s="12"/>
    </row>
    <row r="435526" spans="8:8">
      <c r="H435526" s="12"/>
    </row>
    <row r="435527" spans="8:8">
      <c r="H435527" s="12"/>
    </row>
    <row r="435528" spans="8:8">
      <c r="H435528" s="12"/>
    </row>
    <row r="435529" spans="8:8">
      <c r="H435529" s="12"/>
    </row>
    <row r="435530" spans="8:8">
      <c r="H435530" s="12"/>
    </row>
    <row r="435531" spans="8:8">
      <c r="H435531" s="12"/>
    </row>
    <row r="435532" spans="8:8">
      <c r="H435532" s="12"/>
    </row>
    <row r="435533" spans="8:8">
      <c r="H435533" s="12"/>
    </row>
    <row r="435534" spans="8:8">
      <c r="H435534" s="12"/>
    </row>
    <row r="435535" spans="8:8">
      <c r="H435535" s="12"/>
    </row>
    <row r="435536" spans="8:8">
      <c r="H435536" s="12"/>
    </row>
    <row r="435537" spans="8:8">
      <c r="H435537" s="12"/>
    </row>
    <row r="435538" spans="8:8">
      <c r="H435538" s="12"/>
    </row>
    <row r="435539" spans="8:8">
      <c r="H435539" s="12"/>
    </row>
    <row r="435540" spans="8:8">
      <c r="H435540" s="12"/>
    </row>
    <row r="435541" spans="8:8">
      <c r="H435541" s="12"/>
    </row>
    <row r="435542" spans="8:8">
      <c r="H435542" s="12"/>
    </row>
    <row r="435543" spans="8:8">
      <c r="H435543" s="12"/>
    </row>
    <row r="435544" spans="8:8">
      <c r="H435544" s="12"/>
    </row>
    <row r="435545" spans="8:8">
      <c r="H435545" s="12"/>
    </row>
    <row r="435546" spans="8:8">
      <c r="H435546" s="12"/>
    </row>
    <row r="435547" spans="8:8">
      <c r="H435547" s="12"/>
    </row>
    <row r="435548" spans="8:8">
      <c r="H435548" s="12"/>
    </row>
    <row r="435549" spans="8:8">
      <c r="H435549" s="12"/>
    </row>
    <row r="435550" spans="8:8">
      <c r="H435550" s="12"/>
    </row>
    <row r="435551" spans="8:8">
      <c r="H435551" s="12"/>
    </row>
    <row r="435552" spans="8:8">
      <c r="H435552" s="12"/>
    </row>
    <row r="435553" spans="8:8">
      <c r="H435553" s="12"/>
    </row>
    <row r="435554" spans="8:8">
      <c r="H435554" s="12"/>
    </row>
    <row r="435555" spans="8:8">
      <c r="H435555" s="12"/>
    </row>
    <row r="435556" spans="8:8">
      <c r="H435556" s="12"/>
    </row>
    <row r="435557" spans="8:8">
      <c r="H435557" s="12"/>
    </row>
    <row r="435558" spans="8:8">
      <c r="H435558" s="12"/>
    </row>
    <row r="435559" spans="8:8">
      <c r="H435559" s="12"/>
    </row>
    <row r="435560" spans="8:8">
      <c r="H435560" s="12"/>
    </row>
    <row r="435561" spans="8:8">
      <c r="H435561" s="12"/>
    </row>
    <row r="435562" spans="8:8">
      <c r="H435562" s="12"/>
    </row>
    <row r="435563" spans="8:8">
      <c r="H435563" s="12"/>
    </row>
    <row r="435564" spans="8:8">
      <c r="H435564" s="12"/>
    </row>
    <row r="435565" spans="8:8">
      <c r="H435565" s="12"/>
    </row>
    <row r="435566" spans="8:8">
      <c r="H435566" s="12"/>
    </row>
    <row r="435567" spans="8:8">
      <c r="H435567" s="12"/>
    </row>
    <row r="435568" spans="8:8">
      <c r="H435568" s="12"/>
    </row>
    <row r="435569" spans="8:8">
      <c r="H435569" s="12"/>
    </row>
    <row r="435570" spans="8:8">
      <c r="H435570" s="12"/>
    </row>
    <row r="435571" spans="8:8">
      <c r="H435571" s="12"/>
    </row>
    <row r="435572" spans="8:8">
      <c r="H435572" s="12"/>
    </row>
    <row r="435573" spans="8:8">
      <c r="H435573" s="12"/>
    </row>
    <row r="435574" spans="8:8">
      <c r="H435574" s="12"/>
    </row>
    <row r="435575" spans="8:8">
      <c r="H435575" s="12"/>
    </row>
    <row r="435576" spans="8:8">
      <c r="H435576" s="12"/>
    </row>
    <row r="435577" spans="8:8">
      <c r="H435577" s="12"/>
    </row>
    <row r="435578" spans="8:8">
      <c r="H435578" s="12"/>
    </row>
    <row r="435579" spans="8:8">
      <c r="H435579" s="12"/>
    </row>
    <row r="435580" spans="8:8">
      <c r="H435580" s="12"/>
    </row>
    <row r="435581" spans="8:8">
      <c r="H435581" s="12"/>
    </row>
    <row r="435582" spans="8:8">
      <c r="H435582" s="12"/>
    </row>
    <row r="435583" spans="8:8">
      <c r="H435583" s="12"/>
    </row>
    <row r="435584" spans="8:8">
      <c r="H435584" s="12"/>
    </row>
    <row r="435585" spans="8:8">
      <c r="H435585" s="12"/>
    </row>
    <row r="435586" spans="8:8">
      <c r="H435586" s="12"/>
    </row>
    <row r="435587" spans="8:8">
      <c r="H435587" s="12"/>
    </row>
    <row r="435588" spans="8:8">
      <c r="H435588" s="12"/>
    </row>
    <row r="435589" spans="8:8">
      <c r="H435589" s="12"/>
    </row>
    <row r="435590" spans="8:8">
      <c r="H435590" s="12"/>
    </row>
    <row r="435591" spans="8:8">
      <c r="H435591" s="12"/>
    </row>
    <row r="435592" spans="8:8">
      <c r="H435592" s="12"/>
    </row>
    <row r="435593" spans="8:8">
      <c r="H435593" s="12"/>
    </row>
    <row r="435594" spans="8:8">
      <c r="H435594" s="12"/>
    </row>
    <row r="435595" spans="8:8">
      <c r="H435595" s="12"/>
    </row>
    <row r="435596" spans="8:8">
      <c r="H435596" s="12"/>
    </row>
    <row r="435597" spans="8:8">
      <c r="H435597" s="12"/>
    </row>
    <row r="435598" spans="8:8">
      <c r="H435598" s="12"/>
    </row>
    <row r="435599" spans="8:8">
      <c r="H435599" s="12"/>
    </row>
    <row r="435600" spans="8:8">
      <c r="H435600" s="12"/>
    </row>
    <row r="435601" spans="8:8">
      <c r="H435601" s="12"/>
    </row>
    <row r="435602" spans="8:8">
      <c r="H435602" s="12"/>
    </row>
    <row r="435603" spans="8:8">
      <c r="H435603" s="12"/>
    </row>
    <row r="435604" spans="8:8">
      <c r="H435604" s="12"/>
    </row>
    <row r="435605" spans="8:8">
      <c r="H435605" s="12"/>
    </row>
    <row r="435606" spans="8:8">
      <c r="H435606" s="12"/>
    </row>
    <row r="435607" spans="8:8">
      <c r="H435607" s="12"/>
    </row>
    <row r="435608" spans="8:8">
      <c r="H435608" s="12"/>
    </row>
    <row r="435609" spans="8:8">
      <c r="H435609" s="12"/>
    </row>
    <row r="435610" spans="8:8">
      <c r="H435610" s="12"/>
    </row>
    <row r="435611" spans="8:8">
      <c r="H435611" s="12"/>
    </row>
    <row r="435612" spans="8:8">
      <c r="H435612" s="12"/>
    </row>
    <row r="435613" spans="8:8">
      <c r="H435613" s="12"/>
    </row>
    <row r="435614" spans="8:8">
      <c r="H435614" s="12"/>
    </row>
    <row r="435615" spans="8:8">
      <c r="H435615" s="12"/>
    </row>
    <row r="435616" spans="8:8">
      <c r="H435616" s="12"/>
    </row>
    <row r="435617" spans="8:8">
      <c r="H435617" s="12"/>
    </row>
    <row r="435618" spans="8:8">
      <c r="H435618" s="12"/>
    </row>
    <row r="435619" spans="8:8">
      <c r="H435619" s="12"/>
    </row>
    <row r="435620" spans="8:8">
      <c r="H435620" s="12"/>
    </row>
    <row r="435621" spans="8:8">
      <c r="H435621" s="12"/>
    </row>
    <row r="435622" spans="8:8">
      <c r="H435622" s="12"/>
    </row>
    <row r="435623" spans="8:8">
      <c r="H435623" s="12"/>
    </row>
    <row r="435624" spans="8:8">
      <c r="H435624" s="12"/>
    </row>
    <row r="435625" spans="8:8">
      <c r="H435625" s="12"/>
    </row>
    <row r="435626" spans="8:8">
      <c r="H435626" s="12"/>
    </row>
    <row r="435627" spans="8:8">
      <c r="H435627" s="12"/>
    </row>
    <row r="435628" spans="8:8">
      <c r="H435628" s="12"/>
    </row>
    <row r="435629" spans="8:8">
      <c r="H435629" s="12"/>
    </row>
    <row r="435630" spans="8:8">
      <c r="H435630" s="12"/>
    </row>
    <row r="435631" spans="8:8">
      <c r="H435631" s="12"/>
    </row>
    <row r="435632" spans="8:8">
      <c r="H435632" s="12"/>
    </row>
    <row r="435633" spans="8:8">
      <c r="H435633" s="12"/>
    </row>
    <row r="435634" spans="8:8">
      <c r="H435634" s="12"/>
    </row>
    <row r="435635" spans="8:8">
      <c r="H435635" s="12"/>
    </row>
    <row r="435636" spans="8:8">
      <c r="H435636" s="12"/>
    </row>
    <row r="435637" spans="8:8">
      <c r="H435637" s="12"/>
    </row>
    <row r="435638" spans="8:8">
      <c r="H435638" s="12"/>
    </row>
    <row r="435639" spans="8:8">
      <c r="H435639" s="12"/>
    </row>
    <row r="435640" spans="8:8">
      <c r="H435640" s="12"/>
    </row>
    <row r="435641" spans="8:8">
      <c r="H435641" s="12"/>
    </row>
    <row r="435642" spans="8:8">
      <c r="H435642" s="12"/>
    </row>
    <row r="435643" spans="8:8">
      <c r="H435643" s="12"/>
    </row>
    <row r="435644" spans="8:8">
      <c r="H435644" s="12"/>
    </row>
    <row r="435645" spans="8:8">
      <c r="H435645" s="12"/>
    </row>
    <row r="435646" spans="8:8">
      <c r="H435646" s="12"/>
    </row>
    <row r="435647" spans="8:8">
      <c r="H435647" s="12"/>
    </row>
    <row r="435648" spans="8:8">
      <c r="H435648" s="12"/>
    </row>
    <row r="435649" spans="8:8">
      <c r="H435649" s="12"/>
    </row>
    <row r="435650" spans="8:8">
      <c r="H435650" s="12"/>
    </row>
    <row r="435651" spans="8:8">
      <c r="H435651" s="12"/>
    </row>
    <row r="435652" spans="8:8">
      <c r="H435652" s="12"/>
    </row>
    <row r="435653" spans="8:8">
      <c r="H435653" s="12"/>
    </row>
    <row r="435654" spans="8:8">
      <c r="H435654" s="12"/>
    </row>
    <row r="435655" spans="8:8">
      <c r="H435655" s="12"/>
    </row>
    <row r="435656" spans="8:8">
      <c r="H435656" s="12"/>
    </row>
    <row r="435657" spans="8:8">
      <c r="H435657" s="12"/>
    </row>
    <row r="435658" spans="8:8">
      <c r="H435658" s="12"/>
    </row>
    <row r="435659" spans="8:8">
      <c r="H435659" s="12"/>
    </row>
    <row r="435660" spans="8:8">
      <c r="H435660" s="12"/>
    </row>
    <row r="435661" spans="8:8">
      <c r="H435661" s="12"/>
    </row>
    <row r="435662" spans="8:8">
      <c r="H435662" s="12"/>
    </row>
    <row r="435663" spans="8:8">
      <c r="H435663" s="12"/>
    </row>
    <row r="435664" spans="8:8">
      <c r="H435664" s="12"/>
    </row>
    <row r="435665" spans="8:8">
      <c r="H435665" s="12"/>
    </row>
    <row r="435666" spans="8:8">
      <c r="H435666" s="12"/>
    </row>
    <row r="435667" spans="8:8">
      <c r="H435667" s="12"/>
    </row>
    <row r="435668" spans="8:8">
      <c r="H435668" s="12"/>
    </row>
    <row r="435669" spans="8:8">
      <c r="H435669" s="12"/>
    </row>
    <row r="435670" spans="8:8">
      <c r="H435670" s="12"/>
    </row>
    <row r="435671" spans="8:8">
      <c r="H435671" s="12"/>
    </row>
    <row r="435672" spans="8:8">
      <c r="H435672" s="12"/>
    </row>
    <row r="435673" spans="8:8">
      <c r="H435673" s="12"/>
    </row>
    <row r="435674" spans="8:8">
      <c r="H435674" s="12"/>
    </row>
    <row r="435675" spans="8:8">
      <c r="H435675" s="12"/>
    </row>
    <row r="435676" spans="8:8">
      <c r="H435676" s="12"/>
    </row>
    <row r="435677" spans="8:8">
      <c r="H435677" s="12"/>
    </row>
    <row r="435678" spans="8:8">
      <c r="H435678" s="12"/>
    </row>
    <row r="435679" spans="8:8">
      <c r="H435679" s="12"/>
    </row>
    <row r="435680" spans="8:8">
      <c r="H435680" s="12"/>
    </row>
    <row r="435681" spans="8:8">
      <c r="H435681" s="12"/>
    </row>
    <row r="435682" spans="8:8">
      <c r="H435682" s="12"/>
    </row>
    <row r="435683" spans="8:8">
      <c r="H435683" s="12"/>
    </row>
    <row r="435684" spans="8:8">
      <c r="H435684" s="12"/>
    </row>
    <row r="435685" spans="8:8">
      <c r="H435685" s="12"/>
    </row>
    <row r="435686" spans="8:8">
      <c r="H435686" s="12"/>
    </row>
    <row r="435687" spans="8:8">
      <c r="H435687" s="12"/>
    </row>
    <row r="435688" spans="8:8">
      <c r="H435688" s="12"/>
    </row>
    <row r="435689" spans="8:8">
      <c r="H435689" s="12"/>
    </row>
    <row r="435690" spans="8:8">
      <c r="H435690" s="12"/>
    </row>
    <row r="435691" spans="8:8">
      <c r="H435691" s="12"/>
    </row>
    <row r="435692" spans="8:8">
      <c r="H435692" s="12"/>
    </row>
    <row r="435693" spans="8:8">
      <c r="H435693" s="12"/>
    </row>
    <row r="435694" spans="8:8">
      <c r="H435694" s="12"/>
    </row>
    <row r="435695" spans="8:8">
      <c r="H435695" s="12"/>
    </row>
    <row r="435696" spans="8:8">
      <c r="H435696" s="12"/>
    </row>
    <row r="435697" spans="8:8">
      <c r="H435697" s="12"/>
    </row>
    <row r="435698" spans="8:8">
      <c r="H435698" s="12"/>
    </row>
    <row r="435699" spans="8:8">
      <c r="H435699" s="12"/>
    </row>
    <row r="435700" spans="8:8">
      <c r="H435700" s="12"/>
    </row>
    <row r="435701" spans="8:8">
      <c r="H435701" s="12"/>
    </row>
    <row r="435702" spans="8:8">
      <c r="H435702" s="12"/>
    </row>
    <row r="435703" spans="8:8">
      <c r="H435703" s="12"/>
    </row>
    <row r="435704" spans="8:8">
      <c r="H435704" s="12"/>
    </row>
    <row r="435705" spans="8:8">
      <c r="H435705" s="12"/>
    </row>
    <row r="435706" spans="8:8">
      <c r="H435706" s="12"/>
    </row>
    <row r="435707" spans="8:8">
      <c r="H435707" s="12"/>
    </row>
    <row r="435708" spans="8:8">
      <c r="H435708" s="12"/>
    </row>
    <row r="435709" spans="8:8">
      <c r="H435709" s="12"/>
    </row>
    <row r="435710" spans="8:8">
      <c r="H435710" s="12"/>
    </row>
    <row r="435711" spans="8:8">
      <c r="H435711" s="12"/>
    </row>
    <row r="435712" spans="8:8">
      <c r="H435712" s="12"/>
    </row>
    <row r="435713" spans="8:8">
      <c r="H435713" s="12"/>
    </row>
    <row r="435714" spans="8:8">
      <c r="H435714" s="12"/>
    </row>
    <row r="435715" spans="8:8">
      <c r="H435715" s="12"/>
    </row>
    <row r="435716" spans="8:8">
      <c r="H435716" s="12"/>
    </row>
    <row r="435717" spans="8:8">
      <c r="H435717" s="12"/>
    </row>
    <row r="435718" spans="8:8">
      <c r="H435718" s="12"/>
    </row>
    <row r="435719" spans="8:8">
      <c r="H435719" s="12"/>
    </row>
    <row r="435720" spans="8:8">
      <c r="H435720" s="12"/>
    </row>
    <row r="435721" spans="8:8">
      <c r="H435721" s="12"/>
    </row>
    <row r="435722" spans="8:8">
      <c r="H435722" s="12"/>
    </row>
    <row r="435723" spans="8:8">
      <c r="H435723" s="12"/>
    </row>
    <row r="435724" spans="8:8">
      <c r="H435724" s="12"/>
    </row>
    <row r="435725" spans="8:8">
      <c r="H435725" s="12"/>
    </row>
    <row r="435726" spans="8:8">
      <c r="H435726" s="12"/>
    </row>
    <row r="435727" spans="8:8">
      <c r="H435727" s="12"/>
    </row>
    <row r="435728" spans="8:8">
      <c r="H435728" s="12"/>
    </row>
    <row r="435729" spans="8:8">
      <c r="H435729" s="12"/>
    </row>
    <row r="435730" spans="8:8">
      <c r="H435730" s="12"/>
    </row>
    <row r="435731" spans="8:8">
      <c r="H435731" s="12"/>
    </row>
    <row r="435732" spans="8:8">
      <c r="H435732" s="12"/>
    </row>
    <row r="435733" spans="8:8">
      <c r="H435733" s="12"/>
    </row>
    <row r="435734" spans="8:8">
      <c r="H435734" s="12"/>
    </row>
    <row r="435735" spans="8:8">
      <c r="H435735" s="12"/>
    </row>
    <row r="435736" spans="8:8">
      <c r="H435736" s="12"/>
    </row>
    <row r="435737" spans="8:8">
      <c r="H435737" s="12"/>
    </row>
    <row r="435738" spans="8:8">
      <c r="H435738" s="12"/>
    </row>
    <row r="435739" spans="8:8">
      <c r="H435739" s="12"/>
    </row>
    <row r="435740" spans="8:8">
      <c r="H435740" s="12"/>
    </row>
    <row r="435741" spans="8:8">
      <c r="H435741" s="12"/>
    </row>
    <row r="435742" spans="8:8">
      <c r="H435742" s="12"/>
    </row>
    <row r="435743" spans="8:8">
      <c r="H435743" s="12"/>
    </row>
    <row r="435744" spans="8:8">
      <c r="H435744" s="12"/>
    </row>
    <row r="435745" spans="8:8">
      <c r="H435745" s="12"/>
    </row>
    <row r="435746" spans="8:8">
      <c r="H435746" s="12"/>
    </row>
    <row r="435747" spans="8:8">
      <c r="H435747" s="12"/>
    </row>
    <row r="435748" spans="8:8">
      <c r="H435748" s="12"/>
    </row>
    <row r="435749" spans="8:8">
      <c r="H435749" s="12"/>
    </row>
    <row r="435750" spans="8:8">
      <c r="H435750" s="12"/>
    </row>
    <row r="435751" spans="8:8">
      <c r="H435751" s="12"/>
    </row>
    <row r="435752" spans="8:8">
      <c r="H435752" s="12"/>
    </row>
    <row r="435753" spans="8:8">
      <c r="H435753" s="12"/>
    </row>
    <row r="435754" spans="8:8">
      <c r="H435754" s="12"/>
    </row>
    <row r="435755" spans="8:8">
      <c r="H435755" s="12"/>
    </row>
    <row r="435756" spans="8:8">
      <c r="H435756" s="12"/>
    </row>
    <row r="435757" spans="8:8">
      <c r="H435757" s="12"/>
    </row>
    <row r="435758" spans="8:8">
      <c r="H435758" s="12"/>
    </row>
    <row r="435759" spans="8:8">
      <c r="H435759" s="12"/>
    </row>
    <row r="435760" spans="8:8">
      <c r="H435760" s="12"/>
    </row>
    <row r="435761" spans="8:8">
      <c r="H435761" s="12"/>
    </row>
    <row r="435762" spans="8:8">
      <c r="H435762" s="12"/>
    </row>
    <row r="435763" spans="8:8">
      <c r="H435763" s="12"/>
    </row>
    <row r="435764" spans="8:8">
      <c r="H435764" s="12"/>
    </row>
    <row r="435765" spans="8:8">
      <c r="H435765" s="12"/>
    </row>
    <row r="435766" spans="8:8">
      <c r="H435766" s="12"/>
    </row>
    <row r="435767" spans="8:8">
      <c r="H435767" s="12"/>
    </row>
    <row r="435768" spans="8:8">
      <c r="H435768" s="12"/>
    </row>
    <row r="435769" spans="8:8">
      <c r="H435769" s="12"/>
    </row>
    <row r="435770" spans="8:8">
      <c r="H435770" s="12"/>
    </row>
    <row r="435771" spans="8:8">
      <c r="H435771" s="12"/>
    </row>
    <row r="435772" spans="8:8">
      <c r="H435772" s="12"/>
    </row>
    <row r="435773" spans="8:8">
      <c r="H435773" s="12"/>
    </row>
    <row r="435774" spans="8:8">
      <c r="H435774" s="12"/>
    </row>
    <row r="435775" spans="8:8">
      <c r="H435775" s="12"/>
    </row>
    <row r="435776" spans="8:8">
      <c r="H435776" s="12"/>
    </row>
    <row r="435777" spans="8:8">
      <c r="H435777" s="12"/>
    </row>
    <row r="435778" spans="8:8">
      <c r="H435778" s="12"/>
    </row>
    <row r="435779" spans="8:8">
      <c r="H435779" s="12"/>
    </row>
    <row r="435780" spans="8:8">
      <c r="H435780" s="12"/>
    </row>
    <row r="435781" spans="8:8">
      <c r="H435781" s="12"/>
    </row>
    <row r="435782" spans="8:8">
      <c r="H435782" s="12"/>
    </row>
    <row r="435783" spans="8:8">
      <c r="H435783" s="12"/>
    </row>
    <row r="435784" spans="8:8">
      <c r="H435784" s="12"/>
    </row>
    <row r="435785" spans="8:8">
      <c r="H435785" s="12"/>
    </row>
    <row r="435786" spans="8:8">
      <c r="H435786" s="12"/>
    </row>
    <row r="435787" spans="8:8">
      <c r="H435787" s="12"/>
    </row>
    <row r="435788" spans="8:8">
      <c r="H435788" s="12"/>
    </row>
    <row r="435789" spans="8:8">
      <c r="H435789" s="12"/>
    </row>
    <row r="435790" spans="8:8">
      <c r="H435790" s="12"/>
    </row>
    <row r="435791" spans="8:8">
      <c r="H435791" s="12"/>
    </row>
    <row r="435792" spans="8:8">
      <c r="H435792" s="12"/>
    </row>
    <row r="435793" spans="8:8">
      <c r="H435793" s="12"/>
    </row>
    <row r="435794" spans="8:8">
      <c r="H435794" s="12"/>
    </row>
    <row r="435795" spans="8:8">
      <c r="H435795" s="12"/>
    </row>
    <row r="435796" spans="8:8">
      <c r="H435796" s="12"/>
    </row>
    <row r="435797" spans="8:8">
      <c r="H435797" s="12"/>
    </row>
    <row r="435798" spans="8:8">
      <c r="H435798" s="12"/>
    </row>
    <row r="435799" spans="8:8">
      <c r="H435799" s="12"/>
    </row>
    <row r="435800" spans="8:8">
      <c r="H435800" s="12"/>
    </row>
    <row r="435801" spans="8:8">
      <c r="H435801" s="12"/>
    </row>
    <row r="435802" spans="8:8">
      <c r="H435802" s="12"/>
    </row>
    <row r="435803" spans="8:8">
      <c r="H435803" s="12"/>
    </row>
    <row r="435804" spans="8:8">
      <c r="H435804" s="12"/>
    </row>
    <row r="435805" spans="8:8">
      <c r="H435805" s="12"/>
    </row>
    <row r="435806" spans="8:8">
      <c r="H435806" s="12"/>
    </row>
    <row r="435807" spans="8:8">
      <c r="H435807" s="12"/>
    </row>
    <row r="435808" spans="8:8">
      <c r="H435808" s="12"/>
    </row>
    <row r="435809" spans="8:8">
      <c r="H435809" s="12"/>
    </row>
    <row r="435810" spans="8:8">
      <c r="H435810" s="12"/>
    </row>
    <row r="435811" spans="8:8">
      <c r="H435811" s="12"/>
    </row>
    <row r="435812" spans="8:8">
      <c r="H435812" s="12"/>
    </row>
    <row r="435813" spans="8:8">
      <c r="H435813" s="12"/>
    </row>
    <row r="435814" spans="8:8">
      <c r="H435814" s="12"/>
    </row>
    <row r="435815" spans="8:8">
      <c r="H435815" s="12"/>
    </row>
    <row r="435816" spans="8:8">
      <c r="H435816" s="12"/>
    </row>
    <row r="435817" spans="8:8">
      <c r="H435817" s="12"/>
    </row>
    <row r="435818" spans="8:8">
      <c r="H435818" s="12"/>
    </row>
    <row r="435819" spans="8:8">
      <c r="H435819" s="12"/>
    </row>
    <row r="435820" spans="8:8">
      <c r="H435820" s="12"/>
    </row>
    <row r="435821" spans="8:8">
      <c r="H435821" s="12"/>
    </row>
    <row r="435822" spans="8:8">
      <c r="H435822" s="12"/>
    </row>
    <row r="435823" spans="8:8">
      <c r="H435823" s="12"/>
    </row>
    <row r="435824" spans="8:8">
      <c r="H435824" s="12"/>
    </row>
    <row r="435825" spans="8:8">
      <c r="H435825" s="12"/>
    </row>
    <row r="435826" spans="8:8">
      <c r="H435826" s="12"/>
    </row>
    <row r="435827" spans="8:8">
      <c r="H435827" s="12"/>
    </row>
    <row r="435828" spans="8:8">
      <c r="H435828" s="12"/>
    </row>
    <row r="435829" spans="8:8">
      <c r="H435829" s="12"/>
    </row>
    <row r="435830" spans="8:8">
      <c r="H435830" s="12"/>
    </row>
    <row r="435831" spans="8:8">
      <c r="H435831" s="12"/>
    </row>
    <row r="435832" spans="8:8">
      <c r="H435832" s="12"/>
    </row>
    <row r="435833" spans="8:8">
      <c r="H435833" s="12"/>
    </row>
    <row r="435834" spans="8:8">
      <c r="H435834" s="12"/>
    </row>
    <row r="435835" spans="8:8">
      <c r="H435835" s="12"/>
    </row>
    <row r="435836" spans="8:8">
      <c r="H435836" s="12"/>
    </row>
    <row r="435837" spans="8:8">
      <c r="H435837" s="12"/>
    </row>
    <row r="435838" spans="8:8">
      <c r="H435838" s="12"/>
    </row>
    <row r="435839" spans="8:8">
      <c r="H435839" s="12"/>
    </row>
    <row r="435840" spans="8:8">
      <c r="H435840" s="12"/>
    </row>
    <row r="435841" spans="8:8">
      <c r="H435841" s="12"/>
    </row>
    <row r="435842" spans="8:8">
      <c r="H435842" s="12"/>
    </row>
    <row r="435843" spans="8:8">
      <c r="H435843" s="12"/>
    </row>
    <row r="435844" spans="8:8">
      <c r="H435844" s="12"/>
    </row>
    <row r="435845" spans="8:8">
      <c r="H435845" s="12"/>
    </row>
    <row r="435846" spans="8:8">
      <c r="H435846" s="12"/>
    </row>
    <row r="435847" spans="8:8">
      <c r="H435847" s="12"/>
    </row>
    <row r="435848" spans="8:8">
      <c r="H435848" s="12"/>
    </row>
    <row r="435849" spans="8:8">
      <c r="H435849" s="12"/>
    </row>
    <row r="435850" spans="8:8">
      <c r="H435850" s="12"/>
    </row>
    <row r="435851" spans="8:8">
      <c r="H435851" s="12"/>
    </row>
    <row r="435852" spans="8:8">
      <c r="H435852" s="12"/>
    </row>
    <row r="435853" spans="8:8">
      <c r="H435853" s="12"/>
    </row>
    <row r="435854" spans="8:8">
      <c r="H435854" s="12"/>
    </row>
    <row r="435855" spans="8:8">
      <c r="H435855" s="12"/>
    </row>
    <row r="435856" spans="8:8">
      <c r="H435856" s="12"/>
    </row>
    <row r="435857" spans="8:8">
      <c r="H435857" s="12"/>
    </row>
    <row r="435858" spans="8:8">
      <c r="H435858" s="12"/>
    </row>
    <row r="435859" spans="8:8">
      <c r="H435859" s="12"/>
    </row>
    <row r="435860" spans="8:8">
      <c r="H435860" s="12"/>
    </row>
    <row r="435861" spans="8:8">
      <c r="H435861" s="12"/>
    </row>
    <row r="435862" spans="8:8">
      <c r="H435862" s="12"/>
    </row>
    <row r="435863" spans="8:8">
      <c r="H435863" s="12"/>
    </row>
    <row r="435864" spans="8:8">
      <c r="H435864" s="12"/>
    </row>
    <row r="435865" spans="8:8">
      <c r="H435865" s="12"/>
    </row>
    <row r="435866" spans="8:8">
      <c r="H435866" s="12"/>
    </row>
    <row r="435867" spans="8:8">
      <c r="H435867" s="12"/>
    </row>
    <row r="435868" spans="8:8">
      <c r="H435868" s="12"/>
    </row>
    <row r="435869" spans="8:8">
      <c r="H435869" s="12"/>
    </row>
    <row r="435870" spans="8:8">
      <c r="H435870" s="12"/>
    </row>
    <row r="435871" spans="8:8">
      <c r="H435871" s="12"/>
    </row>
    <row r="435872" spans="8:8">
      <c r="H435872" s="12"/>
    </row>
    <row r="435873" spans="8:8">
      <c r="H435873" s="12"/>
    </row>
    <row r="435874" spans="8:8">
      <c r="H435874" s="12"/>
    </row>
    <row r="435875" spans="8:8">
      <c r="H435875" s="12"/>
    </row>
    <row r="435876" spans="8:8">
      <c r="H435876" s="12"/>
    </row>
    <row r="435877" spans="8:8">
      <c r="H435877" s="12"/>
    </row>
    <row r="435878" spans="8:8">
      <c r="H435878" s="12"/>
    </row>
    <row r="435879" spans="8:8">
      <c r="H435879" s="12"/>
    </row>
    <row r="435880" spans="8:8">
      <c r="H435880" s="12"/>
    </row>
    <row r="435881" spans="8:8">
      <c r="H435881" s="12"/>
    </row>
    <row r="435882" spans="8:8">
      <c r="H435882" s="12"/>
    </row>
    <row r="435883" spans="8:8">
      <c r="H435883" s="12"/>
    </row>
    <row r="435884" spans="8:8">
      <c r="H435884" s="12"/>
    </row>
    <row r="435885" spans="8:8">
      <c r="H435885" s="12"/>
    </row>
    <row r="435886" spans="8:8">
      <c r="H435886" s="12"/>
    </row>
    <row r="435887" spans="8:8">
      <c r="H435887" s="12"/>
    </row>
    <row r="435888" spans="8:8">
      <c r="H435888" s="12"/>
    </row>
    <row r="435889" spans="8:8">
      <c r="H435889" s="12"/>
    </row>
    <row r="435890" spans="8:8">
      <c r="H435890" s="12"/>
    </row>
    <row r="435891" spans="8:8">
      <c r="H435891" s="12"/>
    </row>
    <row r="435892" spans="8:8">
      <c r="H435892" s="12"/>
    </row>
    <row r="435893" spans="8:8">
      <c r="H435893" s="12"/>
    </row>
    <row r="435894" spans="8:8">
      <c r="H435894" s="12"/>
    </row>
    <row r="435895" spans="8:8">
      <c r="H435895" s="12"/>
    </row>
    <row r="435896" spans="8:8">
      <c r="H435896" s="12"/>
    </row>
    <row r="435897" spans="8:8">
      <c r="H435897" s="12"/>
    </row>
    <row r="435898" spans="8:8">
      <c r="H435898" s="12"/>
    </row>
    <row r="435899" spans="8:8">
      <c r="H435899" s="12"/>
    </row>
    <row r="435900" spans="8:8">
      <c r="H435900" s="12"/>
    </row>
    <row r="435901" spans="8:8">
      <c r="H435901" s="12"/>
    </row>
    <row r="435902" spans="8:8">
      <c r="H435902" s="12"/>
    </row>
    <row r="435903" spans="8:8">
      <c r="H435903" s="12"/>
    </row>
    <row r="435904" spans="8:8">
      <c r="H435904" s="12"/>
    </row>
    <row r="435905" spans="8:8">
      <c r="H435905" s="12"/>
    </row>
    <row r="435906" spans="8:8">
      <c r="H435906" s="12"/>
    </row>
    <row r="435907" spans="8:8">
      <c r="H435907" s="12"/>
    </row>
    <row r="435908" spans="8:8">
      <c r="H435908" s="12"/>
    </row>
    <row r="435909" spans="8:8">
      <c r="H435909" s="12"/>
    </row>
    <row r="435910" spans="8:8">
      <c r="H435910" s="12"/>
    </row>
    <row r="435911" spans="8:8">
      <c r="H435911" s="12"/>
    </row>
    <row r="435912" spans="8:8">
      <c r="H435912" s="12"/>
    </row>
    <row r="435913" spans="8:8">
      <c r="H435913" s="12"/>
    </row>
    <row r="435914" spans="8:8">
      <c r="H435914" s="12"/>
    </row>
    <row r="435915" spans="8:8">
      <c r="H435915" s="12"/>
    </row>
    <row r="435916" spans="8:8">
      <c r="H435916" s="12"/>
    </row>
    <row r="435917" spans="8:8">
      <c r="H435917" s="12"/>
    </row>
    <row r="435918" spans="8:8">
      <c r="H435918" s="12"/>
    </row>
    <row r="435919" spans="8:8">
      <c r="H435919" s="12"/>
    </row>
    <row r="435920" spans="8:8">
      <c r="H435920" s="12"/>
    </row>
    <row r="435921" spans="8:8">
      <c r="H435921" s="12"/>
    </row>
    <row r="435922" spans="8:8">
      <c r="H435922" s="12"/>
    </row>
    <row r="435923" spans="8:8">
      <c r="H435923" s="12"/>
    </row>
    <row r="435924" spans="8:8">
      <c r="H435924" s="12"/>
    </row>
    <row r="435925" spans="8:8">
      <c r="H435925" s="12"/>
    </row>
    <row r="435926" spans="8:8">
      <c r="H435926" s="12"/>
    </row>
    <row r="435927" spans="8:8">
      <c r="H435927" s="12"/>
    </row>
    <row r="435928" spans="8:8">
      <c r="H435928" s="12"/>
    </row>
    <row r="435929" spans="8:8">
      <c r="H435929" s="12"/>
    </row>
    <row r="435930" spans="8:8">
      <c r="H435930" s="12"/>
    </row>
    <row r="435931" spans="8:8">
      <c r="H435931" s="12"/>
    </row>
    <row r="435932" spans="8:8">
      <c r="H435932" s="12"/>
    </row>
    <row r="435933" spans="8:8">
      <c r="H435933" s="12"/>
    </row>
    <row r="435934" spans="8:8">
      <c r="H435934" s="12"/>
    </row>
    <row r="435935" spans="8:8">
      <c r="H435935" s="12"/>
    </row>
    <row r="435936" spans="8:8">
      <c r="H435936" s="12"/>
    </row>
    <row r="435937" spans="8:8">
      <c r="H435937" s="12"/>
    </row>
    <row r="435938" spans="8:8">
      <c r="H435938" s="12"/>
    </row>
    <row r="435939" spans="8:8">
      <c r="H435939" s="12"/>
    </row>
    <row r="435940" spans="8:8">
      <c r="H435940" s="12"/>
    </row>
    <row r="435941" spans="8:8">
      <c r="H435941" s="12"/>
    </row>
    <row r="435942" spans="8:8">
      <c r="H435942" s="12"/>
    </row>
    <row r="435943" spans="8:8">
      <c r="H435943" s="12"/>
    </row>
    <row r="435944" spans="8:8">
      <c r="H435944" s="12"/>
    </row>
    <row r="435945" spans="8:8">
      <c r="H435945" s="12"/>
    </row>
    <row r="435946" spans="8:8">
      <c r="H435946" s="12"/>
    </row>
    <row r="435947" spans="8:8">
      <c r="H435947" s="12"/>
    </row>
    <row r="435948" spans="8:8">
      <c r="H435948" s="12"/>
    </row>
    <row r="435949" spans="8:8">
      <c r="H435949" s="12"/>
    </row>
    <row r="435950" spans="8:8">
      <c r="H435950" s="12"/>
    </row>
    <row r="435951" spans="8:8">
      <c r="H435951" s="12"/>
    </row>
    <row r="435952" spans="8:8">
      <c r="H435952" s="12"/>
    </row>
    <row r="435953" spans="8:8">
      <c r="H435953" s="12"/>
    </row>
    <row r="435954" spans="8:8">
      <c r="H435954" s="12"/>
    </row>
    <row r="435955" spans="8:8">
      <c r="H435955" s="12"/>
    </row>
    <row r="435956" spans="8:8">
      <c r="H435956" s="12"/>
    </row>
    <row r="435957" spans="8:8">
      <c r="H435957" s="12"/>
    </row>
    <row r="435958" spans="8:8">
      <c r="H435958" s="12"/>
    </row>
    <row r="435959" spans="8:8">
      <c r="H435959" s="12"/>
    </row>
    <row r="435960" spans="8:8">
      <c r="H435960" s="12"/>
    </row>
    <row r="435961" spans="8:8">
      <c r="H435961" s="12"/>
    </row>
    <row r="435962" spans="8:8">
      <c r="H435962" s="12"/>
    </row>
    <row r="435963" spans="8:8">
      <c r="H435963" s="12"/>
    </row>
    <row r="435964" spans="8:8">
      <c r="H435964" s="12"/>
    </row>
    <row r="435965" spans="8:8">
      <c r="H435965" s="12"/>
    </row>
    <row r="435966" spans="8:8">
      <c r="H435966" s="12"/>
    </row>
    <row r="435967" spans="8:8">
      <c r="H435967" s="12"/>
    </row>
    <row r="435968" spans="8:8">
      <c r="H435968" s="12"/>
    </row>
    <row r="435969" spans="8:8">
      <c r="H435969" s="12"/>
    </row>
    <row r="435970" spans="8:8">
      <c r="H435970" s="12"/>
    </row>
    <row r="435971" spans="8:8">
      <c r="H435971" s="12"/>
    </row>
    <row r="435972" spans="8:8">
      <c r="H435972" s="12"/>
    </row>
    <row r="435973" spans="8:8">
      <c r="H435973" s="12"/>
    </row>
    <row r="435974" spans="8:8">
      <c r="H435974" s="12"/>
    </row>
    <row r="435975" spans="8:8">
      <c r="H435975" s="12"/>
    </row>
    <row r="435976" spans="8:8">
      <c r="H435976" s="12"/>
    </row>
    <row r="435977" spans="8:8">
      <c r="H435977" s="12"/>
    </row>
    <row r="435978" spans="8:8">
      <c r="H435978" s="12"/>
    </row>
    <row r="435979" spans="8:8">
      <c r="H435979" s="12"/>
    </row>
    <row r="435980" spans="8:8">
      <c r="H435980" s="12"/>
    </row>
    <row r="435981" spans="8:8">
      <c r="H435981" s="12"/>
    </row>
    <row r="435982" spans="8:8">
      <c r="H435982" s="12"/>
    </row>
    <row r="435983" spans="8:8">
      <c r="H435983" s="12"/>
    </row>
    <row r="435984" spans="8:8">
      <c r="H435984" s="12"/>
    </row>
    <row r="435985" spans="8:8">
      <c r="H435985" s="12"/>
    </row>
    <row r="435986" spans="8:8">
      <c r="H435986" s="12"/>
    </row>
    <row r="435987" spans="8:8">
      <c r="H435987" s="12"/>
    </row>
    <row r="435988" spans="8:8">
      <c r="H435988" s="12"/>
    </row>
    <row r="435989" spans="8:8">
      <c r="H435989" s="12"/>
    </row>
    <row r="435990" spans="8:8">
      <c r="H435990" s="12"/>
    </row>
    <row r="435991" spans="8:8">
      <c r="H435991" s="12"/>
    </row>
    <row r="435992" spans="8:8">
      <c r="H435992" s="12"/>
    </row>
    <row r="435993" spans="8:8">
      <c r="H435993" s="12"/>
    </row>
    <row r="435994" spans="8:8">
      <c r="H435994" s="12"/>
    </row>
    <row r="435995" spans="8:8">
      <c r="H435995" s="12"/>
    </row>
    <row r="435996" spans="8:8">
      <c r="H435996" s="12"/>
    </row>
    <row r="435997" spans="8:8">
      <c r="H435997" s="12"/>
    </row>
    <row r="435998" spans="8:8">
      <c r="H435998" s="12"/>
    </row>
    <row r="435999" spans="8:8">
      <c r="H435999" s="12"/>
    </row>
    <row r="436000" spans="8:8">
      <c r="H436000" s="12"/>
    </row>
    <row r="436001" spans="8:8">
      <c r="H436001" s="12"/>
    </row>
    <row r="436002" spans="8:8">
      <c r="H436002" s="12"/>
    </row>
    <row r="436003" spans="8:8">
      <c r="H436003" s="12"/>
    </row>
    <row r="436004" spans="8:8">
      <c r="H436004" s="12"/>
    </row>
    <row r="436005" spans="8:8">
      <c r="H436005" s="12"/>
    </row>
    <row r="436006" spans="8:8">
      <c r="H436006" s="12"/>
    </row>
    <row r="436007" spans="8:8">
      <c r="H436007" s="12"/>
    </row>
    <row r="436008" spans="8:8">
      <c r="H436008" s="12"/>
    </row>
    <row r="436009" spans="8:8">
      <c r="H436009" s="12"/>
    </row>
    <row r="436010" spans="8:8">
      <c r="H436010" s="12"/>
    </row>
    <row r="436011" spans="8:8">
      <c r="H436011" s="12"/>
    </row>
    <row r="436012" spans="8:8">
      <c r="H436012" s="12"/>
    </row>
    <row r="436013" spans="8:8">
      <c r="H436013" s="12"/>
    </row>
    <row r="436014" spans="8:8">
      <c r="H436014" s="12"/>
    </row>
    <row r="436015" spans="8:8">
      <c r="H436015" s="12"/>
    </row>
    <row r="436016" spans="8:8">
      <c r="H436016" s="12"/>
    </row>
    <row r="436017" spans="8:8">
      <c r="H436017" s="12"/>
    </row>
    <row r="436018" spans="8:8">
      <c r="H436018" s="12"/>
    </row>
    <row r="436019" spans="8:8">
      <c r="H436019" s="12"/>
    </row>
    <row r="436020" spans="8:8">
      <c r="H436020" s="12"/>
    </row>
    <row r="436021" spans="8:8">
      <c r="H436021" s="12"/>
    </row>
    <row r="436022" spans="8:8">
      <c r="H436022" s="12"/>
    </row>
    <row r="436023" spans="8:8">
      <c r="H436023" s="12"/>
    </row>
    <row r="436024" spans="8:8">
      <c r="H436024" s="12"/>
    </row>
    <row r="436025" spans="8:8">
      <c r="H436025" s="12"/>
    </row>
    <row r="436026" spans="8:8">
      <c r="H436026" s="12"/>
    </row>
    <row r="436027" spans="8:8">
      <c r="H436027" s="12"/>
    </row>
    <row r="436028" spans="8:8">
      <c r="H436028" s="12"/>
    </row>
    <row r="436029" spans="8:8">
      <c r="H436029" s="12"/>
    </row>
    <row r="436030" spans="8:8">
      <c r="H436030" s="12"/>
    </row>
    <row r="436031" spans="8:8">
      <c r="H436031" s="12"/>
    </row>
    <row r="436032" spans="8:8">
      <c r="H436032" s="12"/>
    </row>
    <row r="436033" spans="8:8">
      <c r="H436033" s="12"/>
    </row>
    <row r="436034" spans="8:8">
      <c r="H436034" s="12"/>
    </row>
    <row r="436035" spans="8:8">
      <c r="H436035" s="12"/>
    </row>
    <row r="436036" spans="8:8">
      <c r="H436036" s="12"/>
    </row>
    <row r="436037" spans="8:8">
      <c r="H436037" s="12"/>
    </row>
    <row r="436038" spans="8:8">
      <c r="H436038" s="12"/>
    </row>
    <row r="436039" spans="8:8">
      <c r="H436039" s="12"/>
    </row>
    <row r="436040" spans="8:8">
      <c r="H436040" s="12"/>
    </row>
    <row r="436041" spans="8:8">
      <c r="H436041" s="12"/>
    </row>
    <row r="436042" spans="8:8">
      <c r="H436042" s="12"/>
    </row>
    <row r="436043" spans="8:8">
      <c r="H436043" s="12"/>
    </row>
    <row r="436044" spans="8:8">
      <c r="H436044" s="12"/>
    </row>
    <row r="436045" spans="8:8">
      <c r="H436045" s="12"/>
    </row>
    <row r="436046" spans="8:8">
      <c r="H436046" s="12"/>
    </row>
    <row r="436047" spans="8:8">
      <c r="H436047" s="12"/>
    </row>
    <row r="436048" spans="8:8">
      <c r="H436048" s="12"/>
    </row>
    <row r="436049" spans="8:8">
      <c r="H436049" s="12"/>
    </row>
    <row r="436050" spans="8:8">
      <c r="H436050" s="12"/>
    </row>
    <row r="436051" spans="8:8">
      <c r="H436051" s="12"/>
    </row>
    <row r="436052" spans="8:8">
      <c r="H436052" s="12"/>
    </row>
    <row r="436053" spans="8:8">
      <c r="H436053" s="12"/>
    </row>
    <row r="436054" spans="8:8">
      <c r="H436054" s="12"/>
    </row>
    <row r="436055" spans="8:8">
      <c r="H436055" s="12"/>
    </row>
    <row r="436056" spans="8:8">
      <c r="H436056" s="12"/>
    </row>
    <row r="436057" spans="8:8">
      <c r="H436057" s="12"/>
    </row>
    <row r="436058" spans="8:8">
      <c r="H436058" s="12"/>
    </row>
    <row r="436059" spans="8:8">
      <c r="H436059" s="12"/>
    </row>
    <row r="436060" spans="8:8">
      <c r="H436060" s="12"/>
    </row>
    <row r="436061" spans="8:8">
      <c r="H436061" s="12"/>
    </row>
    <row r="436062" spans="8:8">
      <c r="H436062" s="12"/>
    </row>
    <row r="436063" spans="8:8">
      <c r="H436063" s="12"/>
    </row>
    <row r="436064" spans="8:8">
      <c r="H436064" s="12"/>
    </row>
    <row r="436065" spans="8:8">
      <c r="H436065" s="12"/>
    </row>
    <row r="436066" spans="8:8">
      <c r="H436066" s="12"/>
    </row>
    <row r="436067" spans="8:8">
      <c r="H436067" s="12"/>
    </row>
    <row r="436068" spans="8:8">
      <c r="H436068" s="12"/>
    </row>
    <row r="436069" spans="8:8">
      <c r="H436069" s="12"/>
    </row>
    <row r="436070" spans="8:8">
      <c r="H436070" s="12"/>
    </row>
    <row r="436071" spans="8:8">
      <c r="H436071" s="12"/>
    </row>
    <row r="436072" spans="8:8">
      <c r="H436072" s="12"/>
    </row>
    <row r="436073" spans="8:8">
      <c r="H436073" s="12"/>
    </row>
    <row r="436074" spans="8:8">
      <c r="H436074" s="12"/>
    </row>
    <row r="436075" spans="8:8">
      <c r="H436075" s="12"/>
    </row>
    <row r="436076" spans="8:8">
      <c r="H436076" s="12"/>
    </row>
    <row r="436077" spans="8:8">
      <c r="H436077" s="12"/>
    </row>
    <row r="436078" spans="8:8">
      <c r="H436078" s="12"/>
    </row>
    <row r="436079" spans="8:8">
      <c r="H436079" s="12"/>
    </row>
    <row r="436080" spans="8:8">
      <c r="H436080" s="12"/>
    </row>
    <row r="436081" spans="8:8">
      <c r="H436081" s="12"/>
    </row>
    <row r="436082" spans="8:8">
      <c r="H436082" s="12"/>
    </row>
    <row r="436083" spans="8:8">
      <c r="H436083" s="12"/>
    </row>
    <row r="436084" spans="8:8">
      <c r="H436084" s="12"/>
    </row>
    <row r="436085" spans="8:8">
      <c r="H436085" s="12"/>
    </row>
    <row r="436086" spans="8:8">
      <c r="H436086" s="12"/>
    </row>
    <row r="436087" spans="8:8">
      <c r="H436087" s="12"/>
    </row>
    <row r="436088" spans="8:8">
      <c r="H436088" s="12"/>
    </row>
    <row r="436089" spans="8:8">
      <c r="H436089" s="12"/>
    </row>
    <row r="436090" spans="8:8">
      <c r="H436090" s="12"/>
    </row>
    <row r="436091" spans="8:8">
      <c r="H436091" s="12"/>
    </row>
    <row r="436092" spans="8:8">
      <c r="H436092" s="12"/>
    </row>
    <row r="436093" spans="8:8">
      <c r="H436093" s="12"/>
    </row>
    <row r="436094" spans="8:8">
      <c r="H436094" s="12"/>
    </row>
    <row r="436095" spans="8:8">
      <c r="H436095" s="12"/>
    </row>
    <row r="436096" spans="8:8">
      <c r="H436096" s="12"/>
    </row>
    <row r="436097" spans="8:8">
      <c r="H436097" s="12"/>
    </row>
    <row r="436098" spans="8:8">
      <c r="H436098" s="12"/>
    </row>
    <row r="436099" spans="8:8">
      <c r="H436099" s="12"/>
    </row>
    <row r="436100" spans="8:8">
      <c r="H436100" s="12"/>
    </row>
    <row r="436101" spans="8:8">
      <c r="H436101" s="12"/>
    </row>
    <row r="436102" spans="8:8">
      <c r="H436102" s="12"/>
    </row>
    <row r="436103" spans="8:8">
      <c r="H436103" s="12"/>
    </row>
    <row r="436104" spans="8:8">
      <c r="H436104" s="12"/>
    </row>
    <row r="436105" spans="8:8">
      <c r="H436105" s="12"/>
    </row>
    <row r="436106" spans="8:8">
      <c r="H436106" s="12"/>
    </row>
    <row r="436107" spans="8:8">
      <c r="H436107" s="12"/>
    </row>
    <row r="436108" spans="8:8">
      <c r="H436108" s="12"/>
    </row>
    <row r="436109" spans="8:8">
      <c r="H436109" s="12"/>
    </row>
    <row r="436110" spans="8:8">
      <c r="H436110" s="12"/>
    </row>
    <row r="436111" spans="8:8">
      <c r="H436111" s="12"/>
    </row>
    <row r="436112" spans="8:8">
      <c r="H436112" s="12"/>
    </row>
    <row r="436113" spans="8:8">
      <c r="H436113" s="12"/>
    </row>
    <row r="436114" spans="8:8">
      <c r="H436114" s="12"/>
    </row>
    <row r="436115" spans="8:8">
      <c r="H436115" s="12"/>
    </row>
    <row r="436116" spans="8:8">
      <c r="H436116" s="12"/>
    </row>
    <row r="436117" spans="8:8">
      <c r="H436117" s="12"/>
    </row>
    <row r="436118" spans="8:8">
      <c r="H436118" s="12"/>
    </row>
    <row r="436119" spans="8:8">
      <c r="H436119" s="12"/>
    </row>
    <row r="436120" spans="8:8">
      <c r="H436120" s="12"/>
    </row>
    <row r="436121" spans="8:8">
      <c r="H436121" s="12"/>
    </row>
    <row r="436122" spans="8:8">
      <c r="H436122" s="12"/>
    </row>
    <row r="436123" spans="8:8">
      <c r="H436123" s="12"/>
    </row>
    <row r="436124" spans="8:8">
      <c r="H436124" s="12"/>
    </row>
    <row r="436125" spans="8:8">
      <c r="H436125" s="12"/>
    </row>
    <row r="436126" spans="8:8">
      <c r="H436126" s="12"/>
    </row>
    <row r="436127" spans="8:8">
      <c r="H436127" s="12"/>
    </row>
    <row r="436128" spans="8:8">
      <c r="H436128" s="12"/>
    </row>
    <row r="436129" spans="8:8">
      <c r="H436129" s="12"/>
    </row>
    <row r="436130" spans="8:8">
      <c r="H436130" s="12"/>
    </row>
    <row r="436131" spans="8:8">
      <c r="H436131" s="12"/>
    </row>
    <row r="436132" spans="8:8">
      <c r="H436132" s="12"/>
    </row>
    <row r="436133" spans="8:8">
      <c r="H436133" s="12"/>
    </row>
    <row r="436134" spans="8:8">
      <c r="H436134" s="12"/>
    </row>
    <row r="436135" spans="8:8">
      <c r="H436135" s="12"/>
    </row>
    <row r="436136" spans="8:8">
      <c r="H436136" s="12"/>
    </row>
    <row r="436137" spans="8:8">
      <c r="H436137" s="12"/>
    </row>
    <row r="436138" spans="8:8">
      <c r="H436138" s="12"/>
    </row>
    <row r="436139" spans="8:8">
      <c r="H436139" s="12"/>
    </row>
    <row r="436140" spans="8:8">
      <c r="H436140" s="12"/>
    </row>
    <row r="436141" spans="8:8">
      <c r="H436141" s="12"/>
    </row>
    <row r="436142" spans="8:8">
      <c r="H436142" s="12"/>
    </row>
    <row r="436143" spans="8:8">
      <c r="H436143" s="12"/>
    </row>
    <row r="436144" spans="8:8">
      <c r="H436144" s="12"/>
    </row>
    <row r="436145" spans="8:8">
      <c r="H436145" s="12"/>
    </row>
    <row r="436146" spans="8:8">
      <c r="H436146" s="12"/>
    </row>
    <row r="436147" spans="8:8">
      <c r="H436147" s="12"/>
    </row>
    <row r="436148" spans="8:8">
      <c r="H436148" s="12"/>
    </row>
    <row r="436149" spans="8:8">
      <c r="H436149" s="12"/>
    </row>
    <row r="436150" spans="8:8">
      <c r="H436150" s="12"/>
    </row>
    <row r="436151" spans="8:8">
      <c r="H436151" s="12"/>
    </row>
    <row r="436152" spans="8:8">
      <c r="H436152" s="12"/>
    </row>
    <row r="436153" spans="8:8">
      <c r="H436153" s="12"/>
    </row>
    <row r="436154" spans="8:8">
      <c r="H436154" s="12"/>
    </row>
    <row r="436155" spans="8:8">
      <c r="H436155" s="12"/>
    </row>
    <row r="436156" spans="8:8">
      <c r="H436156" s="12"/>
    </row>
    <row r="436157" spans="8:8">
      <c r="H436157" s="12"/>
    </row>
    <row r="436158" spans="8:8">
      <c r="H436158" s="12"/>
    </row>
    <row r="436159" spans="8:8">
      <c r="H436159" s="12"/>
    </row>
    <row r="436160" spans="8:8">
      <c r="H436160" s="12"/>
    </row>
    <row r="436161" spans="8:8">
      <c r="H436161" s="12"/>
    </row>
    <row r="436162" spans="8:8">
      <c r="H436162" s="12"/>
    </row>
    <row r="436163" spans="8:8">
      <c r="H436163" s="12"/>
    </row>
    <row r="436164" spans="8:8">
      <c r="H436164" s="12"/>
    </row>
    <row r="436165" spans="8:8">
      <c r="H436165" s="12"/>
    </row>
    <row r="436166" spans="8:8">
      <c r="H436166" s="12"/>
    </row>
    <row r="436167" spans="8:8">
      <c r="H436167" s="12"/>
    </row>
    <row r="436168" spans="8:8">
      <c r="H436168" s="12"/>
    </row>
    <row r="436169" spans="8:8">
      <c r="H436169" s="12"/>
    </row>
    <row r="436170" spans="8:8">
      <c r="H436170" s="12"/>
    </row>
    <row r="436171" spans="8:8">
      <c r="H436171" s="12"/>
    </row>
    <row r="436172" spans="8:8">
      <c r="H436172" s="12"/>
    </row>
    <row r="436173" spans="8:8">
      <c r="H436173" s="12"/>
    </row>
    <row r="436174" spans="8:8">
      <c r="H436174" s="12"/>
    </row>
    <row r="436175" spans="8:8">
      <c r="H436175" s="12"/>
    </row>
    <row r="436176" spans="8:8">
      <c r="H436176" s="12"/>
    </row>
    <row r="436177" spans="8:8">
      <c r="H436177" s="12"/>
    </row>
    <row r="436178" spans="8:8">
      <c r="H436178" s="12"/>
    </row>
    <row r="436179" spans="8:8">
      <c r="H436179" s="12"/>
    </row>
    <row r="436180" spans="8:8">
      <c r="H436180" s="12"/>
    </row>
    <row r="436181" spans="8:8">
      <c r="H436181" s="12"/>
    </row>
    <row r="436182" spans="8:8">
      <c r="H436182" s="12"/>
    </row>
    <row r="436183" spans="8:8">
      <c r="H436183" s="12"/>
    </row>
    <row r="436184" spans="8:8">
      <c r="H436184" s="12"/>
    </row>
    <row r="436185" spans="8:8">
      <c r="H436185" s="12"/>
    </row>
    <row r="436186" spans="8:8">
      <c r="H436186" s="12"/>
    </row>
    <row r="436187" spans="8:8">
      <c r="H436187" s="12"/>
    </row>
    <row r="436188" spans="8:8">
      <c r="H436188" s="12"/>
    </row>
    <row r="436189" spans="8:8">
      <c r="H436189" s="12"/>
    </row>
    <row r="436190" spans="8:8">
      <c r="H436190" s="12"/>
    </row>
    <row r="436191" spans="8:8">
      <c r="H436191" s="12"/>
    </row>
    <row r="436192" spans="8:8">
      <c r="H436192" s="12"/>
    </row>
    <row r="436193" spans="8:8">
      <c r="H436193" s="12"/>
    </row>
    <row r="436194" spans="8:8">
      <c r="H436194" s="12"/>
    </row>
    <row r="436195" spans="8:8">
      <c r="H436195" s="12"/>
    </row>
    <row r="436196" spans="8:8">
      <c r="H436196" s="12"/>
    </row>
    <row r="436197" spans="8:8">
      <c r="H436197" s="12"/>
    </row>
    <row r="436198" spans="8:8">
      <c r="H436198" s="12"/>
    </row>
    <row r="436199" spans="8:8">
      <c r="H436199" s="12"/>
    </row>
    <row r="436200" spans="8:8">
      <c r="H436200" s="12"/>
    </row>
    <row r="436201" spans="8:8">
      <c r="H436201" s="12"/>
    </row>
    <row r="436202" spans="8:8">
      <c r="H436202" s="12"/>
    </row>
    <row r="436203" spans="8:8">
      <c r="H436203" s="12"/>
    </row>
    <row r="436204" spans="8:8">
      <c r="H436204" s="12"/>
    </row>
    <row r="436205" spans="8:8">
      <c r="H436205" s="12"/>
    </row>
    <row r="436206" spans="8:8">
      <c r="H436206" s="12"/>
    </row>
    <row r="436207" spans="8:8">
      <c r="H436207" s="12"/>
    </row>
    <row r="436208" spans="8:8">
      <c r="H436208" s="12"/>
    </row>
    <row r="436209" spans="8:8">
      <c r="H436209" s="12"/>
    </row>
    <row r="436210" spans="8:8">
      <c r="H436210" s="12"/>
    </row>
    <row r="436211" spans="8:8">
      <c r="H436211" s="12"/>
    </row>
    <row r="436212" spans="8:8">
      <c r="H436212" s="12"/>
    </row>
    <row r="436213" spans="8:8">
      <c r="H436213" s="12"/>
    </row>
    <row r="436214" spans="8:8">
      <c r="H436214" s="12"/>
    </row>
    <row r="436215" spans="8:8">
      <c r="H436215" s="12"/>
    </row>
    <row r="436216" spans="8:8">
      <c r="H436216" s="12"/>
    </row>
    <row r="436217" spans="8:8">
      <c r="H436217" s="12"/>
    </row>
    <row r="436218" spans="8:8">
      <c r="H436218" s="12"/>
    </row>
    <row r="436219" spans="8:8">
      <c r="H436219" s="12"/>
    </row>
    <row r="436220" spans="8:8">
      <c r="H436220" s="12"/>
    </row>
    <row r="436221" spans="8:8">
      <c r="H436221" s="12"/>
    </row>
    <row r="436222" spans="8:8">
      <c r="H436222" s="12"/>
    </row>
    <row r="436223" spans="8:8">
      <c r="H436223" s="12"/>
    </row>
    <row r="436224" spans="8:8">
      <c r="H436224" s="12"/>
    </row>
    <row r="436225" spans="8:8">
      <c r="H436225" s="12"/>
    </row>
    <row r="436226" spans="8:8">
      <c r="H436226" s="12"/>
    </row>
    <row r="436227" spans="8:8">
      <c r="H436227" s="12"/>
    </row>
    <row r="436228" spans="8:8">
      <c r="H436228" s="12"/>
    </row>
    <row r="436229" spans="8:8">
      <c r="H436229" s="12"/>
    </row>
    <row r="436230" spans="8:8">
      <c r="H436230" s="12"/>
    </row>
    <row r="436231" spans="8:8">
      <c r="H436231" s="12"/>
    </row>
    <row r="436232" spans="8:8">
      <c r="H436232" s="12"/>
    </row>
    <row r="436233" spans="8:8">
      <c r="H436233" s="12"/>
    </row>
    <row r="436234" spans="8:8">
      <c r="H436234" s="12"/>
    </row>
    <row r="436235" spans="8:8">
      <c r="H436235" s="12"/>
    </row>
    <row r="436236" spans="8:8">
      <c r="H436236" s="12"/>
    </row>
    <row r="436237" spans="8:8">
      <c r="H436237" s="12"/>
    </row>
    <row r="436238" spans="8:8">
      <c r="H436238" s="12"/>
    </row>
    <row r="436239" spans="8:8">
      <c r="H436239" s="12"/>
    </row>
    <row r="436240" spans="8:8">
      <c r="H436240" s="12"/>
    </row>
    <row r="436241" spans="8:8">
      <c r="H436241" s="12"/>
    </row>
    <row r="436242" spans="8:8">
      <c r="H436242" s="12"/>
    </row>
    <row r="436243" spans="8:8">
      <c r="H436243" s="12"/>
    </row>
    <row r="436244" spans="8:8">
      <c r="H436244" s="12"/>
    </row>
    <row r="436245" spans="8:8">
      <c r="H436245" s="12"/>
    </row>
    <row r="436246" spans="8:8">
      <c r="H436246" s="12"/>
    </row>
    <row r="436247" spans="8:8">
      <c r="H436247" s="12"/>
    </row>
    <row r="436248" spans="8:8">
      <c r="H436248" s="12"/>
    </row>
    <row r="436249" spans="8:8">
      <c r="H436249" s="12"/>
    </row>
    <row r="436250" spans="8:8">
      <c r="H436250" s="12"/>
    </row>
    <row r="436251" spans="8:8">
      <c r="H436251" s="12"/>
    </row>
    <row r="436252" spans="8:8">
      <c r="H436252" s="12"/>
    </row>
    <row r="436253" spans="8:8">
      <c r="H436253" s="12"/>
    </row>
    <row r="436254" spans="8:8">
      <c r="H436254" s="12"/>
    </row>
    <row r="436255" spans="8:8">
      <c r="H436255" s="12"/>
    </row>
    <row r="436256" spans="8:8">
      <c r="H436256" s="12"/>
    </row>
    <row r="436257" spans="8:8">
      <c r="H436257" s="12"/>
    </row>
    <row r="436258" spans="8:8">
      <c r="H436258" s="12"/>
    </row>
    <row r="436259" spans="8:8">
      <c r="H436259" s="12"/>
    </row>
    <row r="436260" spans="8:8">
      <c r="H436260" s="12"/>
    </row>
    <row r="436261" spans="8:8">
      <c r="H436261" s="12"/>
    </row>
    <row r="436262" spans="8:8">
      <c r="H436262" s="12"/>
    </row>
    <row r="436263" spans="8:8">
      <c r="H436263" s="12"/>
    </row>
    <row r="436264" spans="8:8">
      <c r="H436264" s="12"/>
    </row>
    <row r="436265" spans="8:8">
      <c r="H436265" s="12"/>
    </row>
    <row r="436266" spans="8:8">
      <c r="H436266" s="12"/>
    </row>
    <row r="436267" spans="8:8">
      <c r="H436267" s="12"/>
    </row>
    <row r="436268" spans="8:8">
      <c r="H436268" s="12"/>
    </row>
    <row r="436269" spans="8:8">
      <c r="H436269" s="12"/>
    </row>
    <row r="436270" spans="8:8">
      <c r="H436270" s="12"/>
    </row>
    <row r="436271" spans="8:8">
      <c r="H436271" s="12"/>
    </row>
    <row r="436272" spans="8:8">
      <c r="H436272" s="12"/>
    </row>
    <row r="436273" spans="8:8">
      <c r="H436273" s="12"/>
    </row>
    <row r="436274" spans="8:8">
      <c r="H436274" s="12"/>
    </row>
    <row r="436275" spans="8:8">
      <c r="H436275" s="12"/>
    </row>
    <row r="436276" spans="8:8">
      <c r="H436276" s="12"/>
    </row>
    <row r="436277" spans="8:8">
      <c r="H436277" s="12"/>
    </row>
    <row r="436278" spans="8:8">
      <c r="H436278" s="12"/>
    </row>
    <row r="436279" spans="8:8">
      <c r="H436279" s="12"/>
    </row>
    <row r="436280" spans="8:8">
      <c r="H436280" s="12"/>
    </row>
    <row r="436281" spans="8:8">
      <c r="H436281" s="12"/>
    </row>
    <row r="436282" spans="8:8">
      <c r="H436282" s="12"/>
    </row>
    <row r="436283" spans="8:8">
      <c r="H436283" s="12"/>
    </row>
    <row r="436284" spans="8:8">
      <c r="H436284" s="12"/>
    </row>
    <row r="436285" spans="8:8">
      <c r="H436285" s="12"/>
    </row>
    <row r="436286" spans="8:8">
      <c r="H436286" s="12"/>
    </row>
    <row r="436287" spans="8:8">
      <c r="H436287" s="12"/>
    </row>
    <row r="436288" spans="8:8">
      <c r="H436288" s="12"/>
    </row>
    <row r="436289" spans="8:8">
      <c r="H436289" s="12"/>
    </row>
    <row r="436290" spans="8:8">
      <c r="H436290" s="12"/>
    </row>
    <row r="436291" spans="8:8">
      <c r="H436291" s="12"/>
    </row>
    <row r="436292" spans="8:8">
      <c r="H436292" s="12"/>
    </row>
    <row r="436293" spans="8:8">
      <c r="H436293" s="12"/>
    </row>
    <row r="436294" spans="8:8">
      <c r="H436294" s="12"/>
    </row>
    <row r="436295" spans="8:8">
      <c r="H436295" s="12"/>
    </row>
    <row r="436296" spans="8:8">
      <c r="H436296" s="12"/>
    </row>
    <row r="436297" spans="8:8">
      <c r="H436297" s="12"/>
    </row>
    <row r="436298" spans="8:8">
      <c r="H436298" s="12"/>
    </row>
    <row r="436299" spans="8:8">
      <c r="H436299" s="12"/>
    </row>
    <row r="436300" spans="8:8">
      <c r="H436300" s="12"/>
    </row>
    <row r="436301" spans="8:8">
      <c r="H436301" s="12"/>
    </row>
    <row r="436302" spans="8:8">
      <c r="H436302" s="12"/>
    </row>
    <row r="436303" spans="8:8">
      <c r="H436303" s="12"/>
    </row>
    <row r="436304" spans="8:8">
      <c r="H436304" s="12"/>
    </row>
    <row r="436305" spans="8:8">
      <c r="H436305" s="12"/>
    </row>
    <row r="436306" spans="8:8">
      <c r="H436306" s="12"/>
    </row>
    <row r="436307" spans="8:8">
      <c r="H436307" s="12"/>
    </row>
    <row r="436308" spans="8:8">
      <c r="H436308" s="12"/>
    </row>
    <row r="436309" spans="8:8">
      <c r="H436309" s="12"/>
    </row>
    <row r="436310" spans="8:8">
      <c r="H436310" s="12"/>
    </row>
    <row r="436311" spans="8:8">
      <c r="H436311" s="12"/>
    </row>
    <row r="436312" spans="8:8">
      <c r="H436312" s="12"/>
    </row>
    <row r="436313" spans="8:8">
      <c r="H436313" s="12"/>
    </row>
    <row r="436314" spans="8:8">
      <c r="H436314" s="12"/>
    </row>
    <row r="436315" spans="8:8">
      <c r="H436315" s="12"/>
    </row>
    <row r="436316" spans="8:8">
      <c r="H436316" s="12"/>
    </row>
    <row r="436317" spans="8:8">
      <c r="H436317" s="12"/>
    </row>
    <row r="436318" spans="8:8">
      <c r="H436318" s="12"/>
    </row>
    <row r="436319" spans="8:8">
      <c r="H436319" s="12"/>
    </row>
    <row r="436320" spans="8:8">
      <c r="H436320" s="12"/>
    </row>
    <row r="436321" spans="8:8">
      <c r="H436321" s="12"/>
    </row>
    <row r="436322" spans="8:8">
      <c r="H436322" s="12"/>
    </row>
    <row r="436323" spans="8:8">
      <c r="H436323" s="12"/>
    </row>
    <row r="436324" spans="8:8">
      <c r="H436324" s="12"/>
    </row>
    <row r="436325" spans="8:8">
      <c r="H436325" s="12"/>
    </row>
    <row r="436326" spans="8:8">
      <c r="H436326" s="12"/>
    </row>
    <row r="436327" spans="8:8">
      <c r="H436327" s="12"/>
    </row>
    <row r="436328" spans="8:8">
      <c r="H436328" s="12"/>
    </row>
    <row r="436329" spans="8:8">
      <c r="H436329" s="12"/>
    </row>
    <row r="436330" spans="8:8">
      <c r="H436330" s="12"/>
    </row>
    <row r="436331" spans="8:8">
      <c r="H436331" s="12"/>
    </row>
    <row r="436332" spans="8:8">
      <c r="H436332" s="12"/>
    </row>
    <row r="436333" spans="8:8">
      <c r="H436333" s="12"/>
    </row>
    <row r="436334" spans="8:8">
      <c r="H436334" s="12"/>
    </row>
    <row r="436335" spans="8:8">
      <c r="H436335" s="12"/>
    </row>
    <row r="436336" spans="8:8">
      <c r="H436336" s="12"/>
    </row>
    <row r="436337" spans="8:8">
      <c r="H436337" s="12"/>
    </row>
    <row r="436338" spans="8:8">
      <c r="H436338" s="12"/>
    </row>
    <row r="436339" spans="8:8">
      <c r="H436339" s="12"/>
    </row>
    <row r="436340" spans="8:8">
      <c r="H436340" s="12"/>
    </row>
    <row r="436341" spans="8:8">
      <c r="H436341" s="12"/>
    </row>
    <row r="436342" spans="8:8">
      <c r="H436342" s="12"/>
    </row>
    <row r="436343" spans="8:8">
      <c r="H436343" s="12"/>
    </row>
    <row r="436344" spans="8:8">
      <c r="H436344" s="12"/>
    </row>
    <row r="436345" spans="8:8">
      <c r="H436345" s="12"/>
    </row>
    <row r="436346" spans="8:8">
      <c r="H436346" s="12"/>
    </row>
    <row r="436347" spans="8:8">
      <c r="H436347" s="12"/>
    </row>
    <row r="436348" spans="8:8">
      <c r="H436348" s="12"/>
    </row>
    <row r="436349" spans="8:8">
      <c r="H436349" s="12"/>
    </row>
    <row r="436350" spans="8:8">
      <c r="H436350" s="12"/>
    </row>
    <row r="436351" spans="8:8">
      <c r="H436351" s="12"/>
    </row>
    <row r="436352" spans="8:8">
      <c r="H436352" s="12"/>
    </row>
    <row r="436353" spans="8:8">
      <c r="H436353" s="12"/>
    </row>
    <row r="436354" spans="8:8">
      <c r="H436354" s="12"/>
    </row>
    <row r="436355" spans="8:8">
      <c r="H436355" s="12"/>
    </row>
    <row r="436356" spans="8:8">
      <c r="H436356" s="12"/>
    </row>
    <row r="436357" spans="8:8">
      <c r="H436357" s="12"/>
    </row>
    <row r="436358" spans="8:8">
      <c r="H436358" s="12"/>
    </row>
    <row r="436359" spans="8:8">
      <c r="H436359" s="12"/>
    </row>
    <row r="436360" spans="8:8">
      <c r="H436360" s="12"/>
    </row>
    <row r="436361" spans="8:8">
      <c r="H436361" s="12"/>
    </row>
    <row r="436362" spans="8:8">
      <c r="H436362" s="12"/>
    </row>
    <row r="436363" spans="8:8">
      <c r="H436363" s="12"/>
    </row>
    <row r="436364" spans="8:8">
      <c r="H436364" s="12"/>
    </row>
    <row r="436365" spans="8:8">
      <c r="H436365" s="12"/>
    </row>
    <row r="436366" spans="8:8">
      <c r="H436366" s="12"/>
    </row>
    <row r="436367" spans="8:8">
      <c r="H436367" s="12"/>
    </row>
    <row r="436368" spans="8:8">
      <c r="H436368" s="12"/>
    </row>
    <row r="436369" spans="8:8">
      <c r="H436369" s="12"/>
    </row>
    <row r="436370" spans="8:8">
      <c r="H436370" s="12"/>
    </row>
    <row r="436371" spans="8:8">
      <c r="H436371" s="12"/>
    </row>
    <row r="436372" spans="8:8">
      <c r="H436372" s="12"/>
    </row>
    <row r="436373" spans="8:8">
      <c r="H436373" s="12"/>
    </row>
    <row r="436374" spans="8:8">
      <c r="H436374" s="12"/>
    </row>
    <row r="436375" spans="8:8">
      <c r="H436375" s="12"/>
    </row>
    <row r="436376" spans="8:8">
      <c r="H436376" s="12"/>
    </row>
    <row r="436377" spans="8:8">
      <c r="H436377" s="12"/>
    </row>
    <row r="436378" spans="8:8">
      <c r="H436378" s="12"/>
    </row>
    <row r="436379" spans="8:8">
      <c r="H436379" s="12"/>
    </row>
    <row r="436380" spans="8:8">
      <c r="H436380" s="12"/>
    </row>
    <row r="436381" spans="8:8">
      <c r="H436381" s="12"/>
    </row>
    <row r="436382" spans="8:8">
      <c r="H436382" s="12"/>
    </row>
    <row r="436383" spans="8:8">
      <c r="H436383" s="12"/>
    </row>
    <row r="436384" spans="8:8">
      <c r="H436384" s="12"/>
    </row>
    <row r="436385" spans="8:8">
      <c r="H436385" s="12"/>
    </row>
    <row r="436386" spans="8:8">
      <c r="H436386" s="12"/>
    </row>
    <row r="436387" spans="8:8">
      <c r="H436387" s="12"/>
    </row>
    <row r="436388" spans="8:8">
      <c r="H436388" s="12"/>
    </row>
    <row r="436389" spans="8:8">
      <c r="H436389" s="12"/>
    </row>
    <row r="436390" spans="8:8">
      <c r="H436390" s="12"/>
    </row>
    <row r="436391" spans="8:8">
      <c r="H436391" s="12"/>
    </row>
    <row r="436392" spans="8:8">
      <c r="H436392" s="12"/>
    </row>
    <row r="436393" spans="8:8">
      <c r="H436393" s="12"/>
    </row>
    <row r="436394" spans="8:8">
      <c r="H436394" s="12"/>
    </row>
    <row r="436395" spans="8:8">
      <c r="H436395" s="12"/>
    </row>
    <row r="436396" spans="8:8">
      <c r="H436396" s="12"/>
    </row>
    <row r="436397" spans="8:8">
      <c r="H436397" s="12"/>
    </row>
    <row r="436398" spans="8:8">
      <c r="H436398" s="12"/>
    </row>
    <row r="436399" spans="8:8">
      <c r="H436399" s="12"/>
    </row>
    <row r="436400" spans="8:8">
      <c r="H436400" s="12"/>
    </row>
    <row r="436401" spans="8:8">
      <c r="H436401" s="12"/>
    </row>
    <row r="436402" spans="8:8">
      <c r="H436402" s="12"/>
    </row>
    <row r="436403" spans="8:8">
      <c r="H436403" s="12"/>
    </row>
    <row r="436404" spans="8:8">
      <c r="H436404" s="12"/>
    </row>
    <row r="436405" spans="8:8">
      <c r="H436405" s="12"/>
    </row>
    <row r="436406" spans="8:8">
      <c r="H436406" s="12"/>
    </row>
    <row r="436407" spans="8:8">
      <c r="H436407" s="12"/>
    </row>
    <row r="436408" spans="8:8">
      <c r="H436408" s="12"/>
    </row>
    <row r="436409" spans="8:8">
      <c r="H436409" s="12"/>
    </row>
    <row r="436410" spans="8:8">
      <c r="H436410" s="12"/>
    </row>
    <row r="436411" spans="8:8">
      <c r="H436411" s="12"/>
    </row>
    <row r="436412" spans="8:8">
      <c r="H436412" s="12"/>
    </row>
    <row r="436413" spans="8:8">
      <c r="H436413" s="12"/>
    </row>
    <row r="436414" spans="8:8">
      <c r="H436414" s="12"/>
    </row>
    <row r="436415" spans="8:8">
      <c r="H436415" s="12"/>
    </row>
    <row r="436416" spans="8:8">
      <c r="H436416" s="12"/>
    </row>
    <row r="436417" spans="8:8">
      <c r="H436417" s="12"/>
    </row>
    <row r="436418" spans="8:8">
      <c r="H436418" s="12"/>
    </row>
    <row r="436419" spans="8:8">
      <c r="H436419" s="12"/>
    </row>
    <row r="436420" spans="8:8">
      <c r="H436420" s="12"/>
    </row>
    <row r="436421" spans="8:8">
      <c r="H436421" s="12"/>
    </row>
    <row r="436422" spans="8:8">
      <c r="H436422" s="12"/>
    </row>
    <row r="436423" spans="8:8">
      <c r="H436423" s="12"/>
    </row>
    <row r="436424" spans="8:8">
      <c r="H436424" s="12"/>
    </row>
    <row r="436425" spans="8:8">
      <c r="H436425" s="12"/>
    </row>
    <row r="436426" spans="8:8">
      <c r="H436426" s="12"/>
    </row>
    <row r="436427" spans="8:8">
      <c r="H436427" s="12"/>
    </row>
    <row r="436428" spans="8:8">
      <c r="H436428" s="12"/>
    </row>
    <row r="436429" spans="8:8">
      <c r="H436429" s="12"/>
    </row>
    <row r="436430" spans="8:8">
      <c r="H436430" s="12"/>
    </row>
    <row r="436431" spans="8:8">
      <c r="H436431" s="12"/>
    </row>
    <row r="436432" spans="8:8">
      <c r="H436432" s="12"/>
    </row>
    <row r="436433" spans="8:8">
      <c r="H436433" s="12"/>
    </row>
    <row r="436434" spans="8:8">
      <c r="H436434" s="12"/>
    </row>
    <row r="436435" spans="8:8">
      <c r="H436435" s="12"/>
    </row>
    <row r="436436" spans="8:8">
      <c r="H436436" s="12"/>
    </row>
    <row r="436437" spans="8:8">
      <c r="H436437" s="12"/>
    </row>
    <row r="436438" spans="8:8">
      <c r="H436438" s="12"/>
    </row>
    <row r="436439" spans="8:8">
      <c r="H436439" s="12"/>
    </row>
    <row r="436440" spans="8:8">
      <c r="H436440" s="12"/>
    </row>
    <row r="436441" spans="8:8">
      <c r="H436441" s="12"/>
    </row>
    <row r="436442" spans="8:8">
      <c r="H436442" s="12"/>
    </row>
    <row r="436443" spans="8:8">
      <c r="H436443" s="12"/>
    </row>
    <row r="436444" spans="8:8">
      <c r="H436444" s="12"/>
    </row>
    <row r="436445" spans="8:8">
      <c r="H436445" s="12"/>
    </row>
    <row r="436446" spans="8:8">
      <c r="H436446" s="12"/>
    </row>
    <row r="436447" spans="8:8">
      <c r="H436447" s="12"/>
    </row>
    <row r="436448" spans="8:8">
      <c r="H436448" s="12"/>
    </row>
    <row r="436449" spans="8:8">
      <c r="H436449" s="12"/>
    </row>
    <row r="436450" spans="8:8">
      <c r="H436450" s="12"/>
    </row>
    <row r="436451" spans="8:8">
      <c r="H436451" s="12"/>
    </row>
    <row r="436452" spans="8:8">
      <c r="H436452" s="12"/>
    </row>
    <row r="436453" spans="8:8">
      <c r="H436453" s="12"/>
    </row>
    <row r="436454" spans="8:8">
      <c r="H436454" s="12"/>
    </row>
    <row r="436455" spans="8:8">
      <c r="H436455" s="12"/>
    </row>
    <row r="436456" spans="8:8">
      <c r="H436456" s="12"/>
    </row>
    <row r="436457" spans="8:8">
      <c r="H436457" s="12"/>
    </row>
    <row r="436458" spans="8:8">
      <c r="H436458" s="12"/>
    </row>
    <row r="436459" spans="8:8">
      <c r="H436459" s="12"/>
    </row>
    <row r="436460" spans="8:8">
      <c r="H436460" s="12"/>
    </row>
    <row r="436461" spans="8:8">
      <c r="H436461" s="12"/>
    </row>
    <row r="436462" spans="8:8">
      <c r="H436462" s="12"/>
    </row>
    <row r="436463" spans="8:8">
      <c r="H436463" s="12"/>
    </row>
    <row r="436464" spans="8:8">
      <c r="H436464" s="12"/>
    </row>
    <row r="436465" spans="8:8">
      <c r="H436465" s="12"/>
    </row>
    <row r="436466" spans="8:8">
      <c r="H436466" s="12"/>
    </row>
    <row r="436467" spans="8:8">
      <c r="H436467" s="12"/>
    </row>
    <row r="436468" spans="8:8">
      <c r="H436468" s="12"/>
    </row>
    <row r="436469" spans="8:8">
      <c r="H436469" s="12"/>
    </row>
    <row r="436470" spans="8:8">
      <c r="H436470" s="12"/>
    </row>
    <row r="436471" spans="8:8">
      <c r="H436471" s="12"/>
    </row>
    <row r="436472" spans="8:8">
      <c r="H436472" s="12"/>
    </row>
    <row r="436473" spans="8:8">
      <c r="H436473" s="12"/>
    </row>
    <row r="436474" spans="8:8">
      <c r="H436474" s="12"/>
    </row>
    <row r="436475" spans="8:8">
      <c r="H436475" s="12"/>
    </row>
    <row r="436476" spans="8:8">
      <c r="H436476" s="12"/>
    </row>
    <row r="436477" spans="8:8">
      <c r="H436477" s="12"/>
    </row>
    <row r="436478" spans="8:8">
      <c r="H436478" s="12"/>
    </row>
    <row r="436479" spans="8:8">
      <c r="H436479" s="12"/>
    </row>
    <row r="436480" spans="8:8">
      <c r="H436480" s="12"/>
    </row>
    <row r="436481" spans="8:8">
      <c r="H436481" s="12"/>
    </row>
    <row r="436482" spans="8:8">
      <c r="H436482" s="12"/>
    </row>
    <row r="436483" spans="8:8">
      <c r="H436483" s="12"/>
    </row>
    <row r="436484" spans="8:8">
      <c r="H436484" s="12"/>
    </row>
    <row r="436485" spans="8:8">
      <c r="H436485" s="12"/>
    </row>
    <row r="436486" spans="8:8">
      <c r="H436486" s="12"/>
    </row>
    <row r="436487" spans="8:8">
      <c r="H436487" s="12"/>
    </row>
    <row r="436488" spans="8:8">
      <c r="H436488" s="12"/>
    </row>
    <row r="436489" spans="8:8">
      <c r="H436489" s="12"/>
    </row>
    <row r="436490" spans="8:8">
      <c r="H436490" s="12"/>
    </row>
    <row r="436491" spans="8:8">
      <c r="H436491" s="12"/>
    </row>
    <row r="436492" spans="8:8">
      <c r="H436492" s="12"/>
    </row>
    <row r="436493" spans="8:8">
      <c r="H436493" s="12"/>
    </row>
    <row r="436494" spans="8:8">
      <c r="H436494" s="12"/>
    </row>
    <row r="436495" spans="8:8">
      <c r="H436495" s="12"/>
    </row>
    <row r="436496" spans="8:8">
      <c r="H436496" s="12"/>
    </row>
    <row r="436497" spans="8:8">
      <c r="H436497" s="12"/>
    </row>
    <row r="436498" spans="8:8">
      <c r="H436498" s="12"/>
    </row>
    <row r="436499" spans="8:8">
      <c r="H436499" s="12"/>
    </row>
    <row r="436500" spans="8:8">
      <c r="H436500" s="12"/>
    </row>
    <row r="436501" spans="8:8">
      <c r="H436501" s="12"/>
    </row>
    <row r="436502" spans="8:8">
      <c r="H436502" s="12"/>
    </row>
    <row r="436503" spans="8:8">
      <c r="H436503" s="12"/>
    </row>
    <row r="436504" spans="8:8">
      <c r="H436504" s="12"/>
    </row>
    <row r="436505" spans="8:8">
      <c r="H436505" s="12"/>
    </row>
    <row r="436506" spans="8:8">
      <c r="H436506" s="12"/>
    </row>
    <row r="436507" spans="8:8">
      <c r="H436507" s="12"/>
    </row>
    <row r="436508" spans="8:8">
      <c r="H436508" s="12"/>
    </row>
    <row r="436509" spans="8:8">
      <c r="H436509" s="12"/>
    </row>
    <row r="436510" spans="8:8">
      <c r="H436510" s="12"/>
    </row>
    <row r="436511" spans="8:8">
      <c r="H436511" s="12"/>
    </row>
    <row r="436512" spans="8:8">
      <c r="H436512" s="12"/>
    </row>
    <row r="436513" spans="8:8">
      <c r="H436513" s="12"/>
    </row>
    <row r="436514" spans="8:8">
      <c r="H436514" s="12"/>
    </row>
    <row r="436515" spans="8:8">
      <c r="H436515" s="12"/>
    </row>
    <row r="436516" spans="8:8">
      <c r="H436516" s="12"/>
    </row>
    <row r="436517" spans="8:8">
      <c r="H436517" s="12"/>
    </row>
    <row r="436518" spans="8:8">
      <c r="H436518" s="12"/>
    </row>
    <row r="436519" spans="8:8">
      <c r="H436519" s="12"/>
    </row>
    <row r="436520" spans="8:8">
      <c r="H436520" s="12"/>
    </row>
    <row r="436521" spans="8:8">
      <c r="H436521" s="12"/>
    </row>
    <row r="436522" spans="8:8">
      <c r="H436522" s="12"/>
    </row>
    <row r="436523" spans="8:8">
      <c r="H436523" s="12"/>
    </row>
    <row r="436524" spans="8:8">
      <c r="H436524" s="12"/>
    </row>
    <row r="436525" spans="8:8">
      <c r="H436525" s="12"/>
    </row>
    <row r="436526" spans="8:8">
      <c r="H436526" s="12"/>
    </row>
    <row r="436527" spans="8:8">
      <c r="H436527" s="12"/>
    </row>
    <row r="436528" spans="8:8">
      <c r="H436528" s="12"/>
    </row>
    <row r="436529" spans="8:8">
      <c r="H436529" s="12"/>
    </row>
    <row r="436530" spans="8:8">
      <c r="H436530" s="12"/>
    </row>
    <row r="436531" spans="8:8">
      <c r="H436531" s="12"/>
    </row>
    <row r="436532" spans="8:8">
      <c r="H436532" s="12"/>
    </row>
    <row r="436533" spans="8:8">
      <c r="H436533" s="12"/>
    </row>
    <row r="436534" spans="8:8">
      <c r="H436534" s="12"/>
    </row>
    <row r="436535" spans="8:8">
      <c r="H436535" s="12"/>
    </row>
    <row r="436536" spans="8:8">
      <c r="H436536" s="12"/>
    </row>
    <row r="436537" spans="8:8">
      <c r="H436537" s="12"/>
    </row>
    <row r="436538" spans="8:8">
      <c r="H436538" s="12"/>
    </row>
    <row r="436539" spans="8:8">
      <c r="H436539" s="12"/>
    </row>
    <row r="436540" spans="8:8">
      <c r="H436540" s="12"/>
    </row>
    <row r="436541" spans="8:8">
      <c r="H436541" s="12"/>
    </row>
    <row r="436542" spans="8:8">
      <c r="H436542" s="12"/>
    </row>
    <row r="436543" spans="8:8">
      <c r="H436543" s="12"/>
    </row>
    <row r="436544" spans="8:8">
      <c r="H436544" s="12"/>
    </row>
    <row r="436545" spans="8:8">
      <c r="H436545" s="12"/>
    </row>
    <row r="436546" spans="8:8">
      <c r="H436546" s="12"/>
    </row>
    <row r="436547" spans="8:8">
      <c r="H436547" s="12"/>
    </row>
    <row r="436548" spans="8:8">
      <c r="H436548" s="12"/>
    </row>
    <row r="436549" spans="8:8">
      <c r="H436549" s="12"/>
    </row>
    <row r="436550" spans="8:8">
      <c r="H436550" s="12"/>
    </row>
    <row r="436551" spans="8:8">
      <c r="H436551" s="12"/>
    </row>
    <row r="436552" spans="8:8">
      <c r="H436552" s="12"/>
    </row>
    <row r="436553" spans="8:8">
      <c r="H436553" s="12"/>
    </row>
    <row r="436554" spans="8:8">
      <c r="H436554" s="12"/>
    </row>
    <row r="436555" spans="8:8">
      <c r="H436555" s="12"/>
    </row>
    <row r="436556" spans="8:8">
      <c r="H436556" s="12"/>
    </row>
    <row r="436557" spans="8:8">
      <c r="H436557" s="12"/>
    </row>
    <row r="436558" spans="8:8">
      <c r="H436558" s="12"/>
    </row>
    <row r="436559" spans="8:8">
      <c r="H436559" s="12"/>
    </row>
    <row r="436560" spans="8:8">
      <c r="H436560" s="12"/>
    </row>
    <row r="436561" spans="8:8">
      <c r="H436561" s="12"/>
    </row>
    <row r="436562" spans="8:8">
      <c r="H436562" s="12"/>
    </row>
    <row r="436563" spans="8:8">
      <c r="H436563" s="12"/>
    </row>
    <row r="436564" spans="8:8">
      <c r="H436564" s="12"/>
    </row>
    <row r="436565" spans="8:8">
      <c r="H436565" s="12"/>
    </row>
    <row r="436566" spans="8:8">
      <c r="H436566" s="12"/>
    </row>
    <row r="436567" spans="8:8">
      <c r="H436567" s="12"/>
    </row>
    <row r="436568" spans="8:8">
      <c r="H436568" s="12"/>
    </row>
    <row r="436569" spans="8:8">
      <c r="H436569" s="12"/>
    </row>
    <row r="436570" spans="8:8">
      <c r="H436570" s="12"/>
    </row>
    <row r="436571" spans="8:8">
      <c r="H436571" s="12"/>
    </row>
    <row r="436572" spans="8:8">
      <c r="H436572" s="12"/>
    </row>
    <row r="436573" spans="8:8">
      <c r="H436573" s="12"/>
    </row>
    <row r="436574" spans="8:8">
      <c r="H436574" s="12"/>
    </row>
    <row r="436575" spans="8:8">
      <c r="H436575" s="12"/>
    </row>
    <row r="436576" spans="8:8">
      <c r="H436576" s="12"/>
    </row>
    <row r="436577" spans="8:8">
      <c r="H436577" s="12"/>
    </row>
    <row r="436578" spans="8:8">
      <c r="H436578" s="12"/>
    </row>
    <row r="436579" spans="8:8">
      <c r="H436579" s="12"/>
    </row>
    <row r="436580" spans="8:8">
      <c r="H436580" s="12"/>
    </row>
    <row r="436581" spans="8:8">
      <c r="H436581" s="12"/>
    </row>
    <row r="436582" spans="8:8">
      <c r="H436582" s="12"/>
    </row>
    <row r="436583" spans="8:8">
      <c r="H436583" s="12"/>
    </row>
    <row r="436584" spans="8:8">
      <c r="H436584" s="12"/>
    </row>
    <row r="436585" spans="8:8">
      <c r="H436585" s="12"/>
    </row>
    <row r="436586" spans="8:8">
      <c r="H436586" s="12"/>
    </row>
    <row r="436587" spans="8:8">
      <c r="H436587" s="12"/>
    </row>
    <row r="436588" spans="8:8">
      <c r="H436588" s="12"/>
    </row>
    <row r="436589" spans="8:8">
      <c r="H436589" s="12"/>
    </row>
    <row r="436590" spans="8:8">
      <c r="H436590" s="12"/>
    </row>
    <row r="436591" spans="8:8">
      <c r="H436591" s="12"/>
    </row>
    <row r="436592" spans="8:8">
      <c r="H436592" s="12"/>
    </row>
    <row r="436593" spans="8:8">
      <c r="H436593" s="12"/>
    </row>
    <row r="436594" spans="8:8">
      <c r="H436594" s="12"/>
    </row>
    <row r="436595" spans="8:8">
      <c r="H436595" s="12"/>
    </row>
    <row r="436596" spans="8:8">
      <c r="H436596" s="12"/>
    </row>
    <row r="436597" spans="8:8">
      <c r="H436597" s="12"/>
    </row>
    <row r="436598" spans="8:8">
      <c r="H436598" s="12"/>
    </row>
    <row r="436599" spans="8:8">
      <c r="H436599" s="12"/>
    </row>
    <row r="436600" spans="8:8">
      <c r="H436600" s="12"/>
    </row>
    <row r="436601" spans="8:8">
      <c r="H436601" s="12"/>
    </row>
    <row r="436602" spans="8:8">
      <c r="H436602" s="12"/>
    </row>
    <row r="436603" spans="8:8">
      <c r="H436603" s="12"/>
    </row>
    <row r="436604" spans="8:8">
      <c r="H436604" s="12"/>
    </row>
    <row r="436605" spans="8:8">
      <c r="H436605" s="12"/>
    </row>
    <row r="436606" spans="8:8">
      <c r="H436606" s="12"/>
    </row>
    <row r="436607" spans="8:8">
      <c r="H436607" s="12"/>
    </row>
    <row r="436608" spans="8:8">
      <c r="H436608" s="12"/>
    </row>
    <row r="436609" spans="8:8">
      <c r="H436609" s="12"/>
    </row>
    <row r="436610" spans="8:8">
      <c r="H436610" s="12"/>
    </row>
    <row r="436611" spans="8:8">
      <c r="H436611" s="12"/>
    </row>
    <row r="436612" spans="8:8">
      <c r="H436612" s="12"/>
    </row>
    <row r="436613" spans="8:8">
      <c r="H436613" s="12"/>
    </row>
    <row r="436614" spans="8:8">
      <c r="H436614" s="12"/>
    </row>
    <row r="436615" spans="8:8">
      <c r="H436615" s="12"/>
    </row>
    <row r="436616" spans="8:8">
      <c r="H436616" s="12"/>
    </row>
    <row r="436617" spans="8:8">
      <c r="H436617" s="12"/>
    </row>
    <row r="436618" spans="8:8">
      <c r="H436618" s="12"/>
    </row>
    <row r="436619" spans="8:8">
      <c r="H436619" s="12"/>
    </row>
    <row r="436620" spans="8:8">
      <c r="H436620" s="12"/>
    </row>
    <row r="436621" spans="8:8">
      <c r="H436621" s="12"/>
    </row>
    <row r="436622" spans="8:8">
      <c r="H436622" s="12"/>
    </row>
    <row r="436623" spans="8:8">
      <c r="H436623" s="12"/>
    </row>
    <row r="436624" spans="8:8">
      <c r="H436624" s="12"/>
    </row>
    <row r="436625" spans="8:8">
      <c r="H436625" s="12"/>
    </row>
    <row r="436626" spans="8:8">
      <c r="H436626" s="12"/>
    </row>
    <row r="436627" spans="8:8">
      <c r="H436627" s="12"/>
    </row>
    <row r="436628" spans="8:8">
      <c r="H436628" s="12"/>
    </row>
    <row r="436629" spans="8:8">
      <c r="H436629" s="12"/>
    </row>
    <row r="436630" spans="8:8">
      <c r="H436630" s="12"/>
    </row>
    <row r="436631" spans="8:8">
      <c r="H436631" s="12"/>
    </row>
    <row r="436632" spans="8:8">
      <c r="H436632" s="12"/>
    </row>
    <row r="436633" spans="8:8">
      <c r="H436633" s="12"/>
    </row>
    <row r="436634" spans="8:8">
      <c r="H436634" s="12"/>
    </row>
    <row r="436635" spans="8:8">
      <c r="H436635" s="12"/>
    </row>
    <row r="436636" spans="8:8">
      <c r="H436636" s="12"/>
    </row>
    <row r="436637" spans="8:8">
      <c r="H436637" s="12"/>
    </row>
    <row r="436638" spans="8:8">
      <c r="H436638" s="12"/>
    </row>
    <row r="436639" spans="8:8">
      <c r="H436639" s="12"/>
    </row>
    <row r="436640" spans="8:8">
      <c r="H436640" s="12"/>
    </row>
    <row r="436641" spans="8:8">
      <c r="H436641" s="12"/>
    </row>
    <row r="436642" spans="8:8">
      <c r="H436642" s="12"/>
    </row>
    <row r="436643" spans="8:8">
      <c r="H436643" s="12"/>
    </row>
    <row r="436644" spans="8:8">
      <c r="H436644" s="12"/>
    </row>
    <row r="436645" spans="8:8">
      <c r="H436645" s="12"/>
    </row>
    <row r="436646" spans="8:8">
      <c r="H436646" s="12"/>
    </row>
    <row r="436647" spans="8:8">
      <c r="H436647" s="12"/>
    </row>
    <row r="436648" spans="8:8">
      <c r="H436648" s="12"/>
    </row>
    <row r="436649" spans="8:8">
      <c r="H436649" s="12"/>
    </row>
    <row r="436650" spans="8:8">
      <c r="H436650" s="12"/>
    </row>
    <row r="436651" spans="8:8">
      <c r="H436651" s="12"/>
    </row>
    <row r="436652" spans="8:8">
      <c r="H436652" s="12"/>
    </row>
    <row r="436653" spans="8:8">
      <c r="H436653" s="12"/>
    </row>
    <row r="436654" spans="8:8">
      <c r="H436654" s="12"/>
    </row>
    <row r="436655" spans="8:8">
      <c r="H436655" s="12"/>
    </row>
    <row r="436656" spans="8:8">
      <c r="H436656" s="12"/>
    </row>
    <row r="436657" spans="8:8">
      <c r="H436657" s="12"/>
    </row>
    <row r="436658" spans="8:8">
      <c r="H436658" s="12"/>
    </row>
    <row r="436659" spans="8:8">
      <c r="H436659" s="12"/>
    </row>
    <row r="436660" spans="8:8">
      <c r="H436660" s="12"/>
    </row>
    <row r="436661" spans="8:8">
      <c r="H436661" s="12"/>
    </row>
    <row r="436662" spans="8:8">
      <c r="H436662" s="12"/>
    </row>
    <row r="436663" spans="8:8">
      <c r="H436663" s="12"/>
    </row>
    <row r="436664" spans="8:8">
      <c r="H436664" s="12"/>
    </row>
    <row r="436665" spans="8:8">
      <c r="H436665" s="12"/>
    </row>
    <row r="436666" spans="8:8">
      <c r="H436666" s="12"/>
    </row>
    <row r="436667" spans="8:8">
      <c r="H436667" s="12"/>
    </row>
    <row r="436668" spans="8:8">
      <c r="H436668" s="12"/>
    </row>
    <row r="436669" spans="8:8">
      <c r="H436669" s="12"/>
    </row>
    <row r="436670" spans="8:8">
      <c r="H436670" s="12"/>
    </row>
    <row r="436671" spans="8:8">
      <c r="H436671" s="12"/>
    </row>
    <row r="436672" spans="8:8">
      <c r="H436672" s="12"/>
    </row>
    <row r="436673" spans="8:8">
      <c r="H436673" s="12"/>
    </row>
    <row r="436674" spans="8:8">
      <c r="H436674" s="12"/>
    </row>
    <row r="436675" spans="8:8">
      <c r="H436675" s="12"/>
    </row>
    <row r="436676" spans="8:8">
      <c r="H436676" s="12"/>
    </row>
    <row r="436677" spans="8:8">
      <c r="H436677" s="12"/>
    </row>
    <row r="436678" spans="8:8">
      <c r="H436678" s="12"/>
    </row>
    <row r="436679" spans="8:8">
      <c r="H436679" s="12"/>
    </row>
    <row r="436680" spans="8:8">
      <c r="H436680" s="12"/>
    </row>
    <row r="436681" spans="8:8">
      <c r="H436681" s="12"/>
    </row>
    <row r="436682" spans="8:8">
      <c r="H436682" s="12"/>
    </row>
    <row r="436683" spans="8:8">
      <c r="H436683" s="12"/>
    </row>
    <row r="436684" spans="8:8">
      <c r="H436684" s="12"/>
    </row>
    <row r="436685" spans="8:8">
      <c r="H436685" s="12"/>
    </row>
    <row r="436686" spans="8:8">
      <c r="H436686" s="12"/>
    </row>
    <row r="436687" spans="8:8">
      <c r="H436687" s="12"/>
    </row>
    <row r="436688" spans="8:8">
      <c r="H436688" s="12"/>
    </row>
    <row r="436689" spans="8:8">
      <c r="H436689" s="12"/>
    </row>
    <row r="436690" spans="8:8">
      <c r="H436690" s="12"/>
    </row>
    <row r="436691" spans="8:8">
      <c r="H436691" s="12"/>
    </row>
    <row r="436692" spans="8:8">
      <c r="H436692" s="12"/>
    </row>
    <row r="436693" spans="8:8">
      <c r="H436693" s="12"/>
    </row>
    <row r="436694" spans="8:8">
      <c r="H436694" s="12"/>
    </row>
    <row r="436695" spans="8:8">
      <c r="H436695" s="12"/>
    </row>
    <row r="436696" spans="8:8">
      <c r="H436696" s="12"/>
    </row>
    <row r="436697" spans="8:8">
      <c r="H436697" s="12"/>
    </row>
    <row r="436698" spans="8:8">
      <c r="H436698" s="12"/>
    </row>
    <row r="436699" spans="8:8">
      <c r="H436699" s="12"/>
    </row>
    <row r="436700" spans="8:8">
      <c r="H436700" s="12"/>
    </row>
    <row r="436701" spans="8:8">
      <c r="H436701" s="12"/>
    </row>
    <row r="436702" spans="8:8">
      <c r="H436702" s="12"/>
    </row>
    <row r="436703" spans="8:8">
      <c r="H436703" s="12"/>
    </row>
    <row r="436704" spans="8:8">
      <c r="H436704" s="12"/>
    </row>
    <row r="436705" spans="8:8">
      <c r="H436705" s="12"/>
    </row>
    <row r="436706" spans="8:8">
      <c r="H436706" s="12"/>
    </row>
    <row r="436707" spans="8:8">
      <c r="H436707" s="12"/>
    </row>
    <row r="436708" spans="8:8">
      <c r="H436708" s="12"/>
    </row>
    <row r="436709" spans="8:8">
      <c r="H436709" s="12"/>
    </row>
    <row r="436710" spans="8:8">
      <c r="H436710" s="12"/>
    </row>
    <row r="436711" spans="8:8">
      <c r="H436711" s="12"/>
    </row>
    <row r="436712" spans="8:8">
      <c r="H436712" s="12"/>
    </row>
    <row r="436713" spans="8:8">
      <c r="H436713" s="12"/>
    </row>
    <row r="436714" spans="8:8">
      <c r="H436714" s="12"/>
    </row>
    <row r="436715" spans="8:8">
      <c r="H436715" s="12"/>
    </row>
    <row r="436716" spans="8:8">
      <c r="H436716" s="12"/>
    </row>
    <row r="436717" spans="8:8">
      <c r="H436717" s="12"/>
    </row>
    <row r="436718" spans="8:8">
      <c r="H436718" s="12"/>
    </row>
    <row r="436719" spans="8:8">
      <c r="H436719" s="12"/>
    </row>
    <row r="436720" spans="8:8">
      <c r="H436720" s="12"/>
    </row>
    <row r="436721" spans="8:8">
      <c r="H436721" s="12"/>
    </row>
    <row r="436722" spans="8:8">
      <c r="H436722" s="12"/>
    </row>
    <row r="436723" spans="8:8">
      <c r="H436723" s="12"/>
    </row>
    <row r="436724" spans="8:8">
      <c r="H436724" s="12"/>
    </row>
    <row r="436725" spans="8:8">
      <c r="H436725" s="12"/>
    </row>
    <row r="436726" spans="8:8">
      <c r="H436726" s="12"/>
    </row>
    <row r="436727" spans="8:8">
      <c r="H436727" s="12"/>
    </row>
    <row r="436728" spans="8:8">
      <c r="H436728" s="12"/>
    </row>
    <row r="436729" spans="8:8">
      <c r="H436729" s="12"/>
    </row>
    <row r="436730" spans="8:8">
      <c r="H436730" s="12"/>
    </row>
    <row r="436731" spans="8:8">
      <c r="H436731" s="12"/>
    </row>
    <row r="436732" spans="8:8">
      <c r="H436732" s="12"/>
    </row>
    <row r="436733" spans="8:8">
      <c r="H436733" s="12"/>
    </row>
    <row r="436734" spans="8:8">
      <c r="H436734" s="12"/>
    </row>
    <row r="436735" spans="8:8">
      <c r="H436735" s="12"/>
    </row>
    <row r="436736" spans="8:8">
      <c r="H436736" s="12"/>
    </row>
    <row r="436737" spans="8:8">
      <c r="H436737" s="12"/>
    </row>
    <row r="436738" spans="8:8">
      <c r="H436738" s="12"/>
    </row>
    <row r="436739" spans="8:8">
      <c r="H436739" s="12"/>
    </row>
    <row r="436740" spans="8:8">
      <c r="H436740" s="12"/>
    </row>
    <row r="436741" spans="8:8">
      <c r="H436741" s="12"/>
    </row>
    <row r="436742" spans="8:8">
      <c r="H436742" s="12"/>
    </row>
    <row r="436743" spans="8:8">
      <c r="H436743" s="12"/>
    </row>
    <row r="436744" spans="8:8">
      <c r="H436744" s="12"/>
    </row>
    <row r="436745" spans="8:8">
      <c r="H436745" s="12"/>
    </row>
    <row r="436746" spans="8:8">
      <c r="H436746" s="12"/>
    </row>
    <row r="436747" spans="8:8">
      <c r="H436747" s="12"/>
    </row>
    <row r="436748" spans="8:8">
      <c r="H436748" s="12"/>
    </row>
    <row r="436749" spans="8:8">
      <c r="H436749" s="12"/>
    </row>
    <row r="436750" spans="8:8">
      <c r="H436750" s="12"/>
    </row>
    <row r="436751" spans="8:8">
      <c r="H436751" s="12"/>
    </row>
    <row r="436752" spans="8:8">
      <c r="H436752" s="12"/>
    </row>
    <row r="436753" spans="8:8">
      <c r="H436753" s="12"/>
    </row>
    <row r="436754" spans="8:8">
      <c r="H436754" s="12"/>
    </row>
    <row r="436755" spans="8:8">
      <c r="H436755" s="12"/>
    </row>
    <row r="436756" spans="8:8">
      <c r="H436756" s="12"/>
    </row>
    <row r="436757" spans="8:8">
      <c r="H436757" s="12"/>
    </row>
    <row r="436758" spans="8:8">
      <c r="H436758" s="12"/>
    </row>
    <row r="436759" spans="8:8">
      <c r="H436759" s="12"/>
    </row>
    <row r="436760" spans="8:8">
      <c r="H436760" s="12"/>
    </row>
    <row r="436761" spans="8:8">
      <c r="H436761" s="12"/>
    </row>
    <row r="436762" spans="8:8">
      <c r="H436762" s="12"/>
    </row>
    <row r="436763" spans="8:8">
      <c r="H436763" s="12"/>
    </row>
    <row r="436764" spans="8:8">
      <c r="H436764" s="12"/>
    </row>
    <row r="436765" spans="8:8">
      <c r="H436765" s="12"/>
    </row>
    <row r="436766" spans="8:8">
      <c r="H436766" s="12"/>
    </row>
    <row r="436767" spans="8:8">
      <c r="H436767" s="12"/>
    </row>
    <row r="436768" spans="8:8">
      <c r="H436768" s="12"/>
    </row>
    <row r="436769" spans="8:8">
      <c r="H436769" s="12"/>
    </row>
    <row r="436770" spans="8:8">
      <c r="H436770" s="12"/>
    </row>
    <row r="436771" spans="8:8">
      <c r="H436771" s="12"/>
    </row>
    <row r="436772" spans="8:8">
      <c r="H436772" s="12"/>
    </row>
    <row r="436773" spans="8:8">
      <c r="H436773" s="12"/>
    </row>
    <row r="436774" spans="8:8">
      <c r="H436774" s="12"/>
    </row>
    <row r="436775" spans="8:8">
      <c r="H436775" s="12"/>
    </row>
    <row r="436776" spans="8:8">
      <c r="H436776" s="12"/>
    </row>
    <row r="436777" spans="8:8">
      <c r="H436777" s="12"/>
    </row>
    <row r="436778" spans="8:8">
      <c r="H436778" s="12"/>
    </row>
    <row r="436779" spans="8:8">
      <c r="H436779" s="12"/>
    </row>
    <row r="436780" spans="8:8">
      <c r="H436780" s="12"/>
    </row>
    <row r="436781" spans="8:8">
      <c r="H436781" s="12"/>
    </row>
    <row r="436782" spans="8:8">
      <c r="H436782" s="12"/>
    </row>
    <row r="436783" spans="8:8">
      <c r="H436783" s="12"/>
    </row>
    <row r="436784" spans="8:8">
      <c r="H436784" s="12"/>
    </row>
    <row r="436785" spans="8:8">
      <c r="H436785" s="12"/>
    </row>
    <row r="436786" spans="8:8">
      <c r="H436786" s="12"/>
    </row>
    <row r="436787" spans="8:8">
      <c r="H436787" s="12"/>
    </row>
    <row r="436788" spans="8:8">
      <c r="H436788" s="12"/>
    </row>
    <row r="436789" spans="8:8">
      <c r="H436789" s="12"/>
    </row>
    <row r="436790" spans="8:8">
      <c r="H436790" s="12"/>
    </row>
    <row r="436791" spans="8:8">
      <c r="H436791" s="12"/>
    </row>
    <row r="436792" spans="8:8">
      <c r="H436792" s="12"/>
    </row>
    <row r="436793" spans="8:8">
      <c r="H436793" s="12"/>
    </row>
    <row r="436794" spans="8:8">
      <c r="H436794" s="12"/>
    </row>
    <row r="436795" spans="8:8">
      <c r="H436795" s="12"/>
    </row>
    <row r="436796" spans="8:8">
      <c r="H436796" s="12"/>
    </row>
    <row r="436797" spans="8:8">
      <c r="H436797" s="12"/>
    </row>
    <row r="436798" spans="8:8">
      <c r="H436798" s="12"/>
    </row>
    <row r="436799" spans="8:8">
      <c r="H436799" s="12"/>
    </row>
    <row r="436800" spans="8:8">
      <c r="H436800" s="12"/>
    </row>
    <row r="436801" spans="8:8">
      <c r="H436801" s="12"/>
    </row>
    <row r="436802" spans="8:8">
      <c r="H436802" s="12"/>
    </row>
    <row r="436803" spans="8:8">
      <c r="H436803" s="12"/>
    </row>
    <row r="436804" spans="8:8">
      <c r="H436804" s="12"/>
    </row>
    <row r="436805" spans="8:8">
      <c r="H436805" s="12"/>
    </row>
    <row r="436806" spans="8:8">
      <c r="H436806" s="12"/>
    </row>
    <row r="436807" spans="8:8">
      <c r="H436807" s="12"/>
    </row>
    <row r="436808" spans="8:8">
      <c r="H436808" s="12"/>
    </row>
    <row r="436809" spans="8:8">
      <c r="H436809" s="12"/>
    </row>
    <row r="436810" spans="8:8">
      <c r="H436810" s="12"/>
    </row>
    <row r="436811" spans="8:8">
      <c r="H436811" s="12"/>
    </row>
    <row r="436812" spans="8:8">
      <c r="H436812" s="12"/>
    </row>
    <row r="436813" spans="8:8">
      <c r="H436813" s="12"/>
    </row>
    <row r="436814" spans="8:8">
      <c r="H436814" s="12"/>
    </row>
    <row r="436815" spans="8:8">
      <c r="H436815" s="12"/>
    </row>
    <row r="436816" spans="8:8">
      <c r="H436816" s="12"/>
    </row>
    <row r="436817" spans="8:8">
      <c r="H436817" s="12"/>
    </row>
    <row r="436818" spans="8:8">
      <c r="H436818" s="12"/>
    </row>
    <row r="436819" spans="8:8">
      <c r="H436819" s="12"/>
    </row>
    <row r="436820" spans="8:8">
      <c r="H436820" s="12"/>
    </row>
    <row r="436821" spans="8:8">
      <c r="H436821" s="12"/>
    </row>
    <row r="436822" spans="8:8">
      <c r="H436822" s="12"/>
    </row>
    <row r="436823" spans="8:8">
      <c r="H436823" s="12"/>
    </row>
    <row r="436824" spans="8:8">
      <c r="H436824" s="12"/>
    </row>
    <row r="436825" spans="8:8">
      <c r="H436825" s="12"/>
    </row>
    <row r="436826" spans="8:8">
      <c r="H436826" s="12"/>
    </row>
    <row r="436827" spans="8:8">
      <c r="H436827" s="12"/>
    </row>
    <row r="436828" spans="8:8">
      <c r="H436828" s="12"/>
    </row>
    <row r="436829" spans="8:8">
      <c r="H436829" s="12"/>
    </row>
    <row r="436830" spans="8:8">
      <c r="H436830" s="12"/>
    </row>
    <row r="436831" spans="8:8">
      <c r="H436831" s="12"/>
    </row>
    <row r="436832" spans="8:8">
      <c r="H436832" s="12"/>
    </row>
    <row r="436833" spans="8:8">
      <c r="H436833" s="12"/>
    </row>
    <row r="436834" spans="8:8">
      <c r="H436834" s="12"/>
    </row>
    <row r="436835" spans="8:8">
      <c r="H436835" s="12"/>
    </row>
    <row r="436836" spans="8:8">
      <c r="H436836" s="12"/>
    </row>
    <row r="436837" spans="8:8">
      <c r="H436837" s="12"/>
    </row>
    <row r="436838" spans="8:8">
      <c r="H436838" s="12"/>
    </row>
    <row r="436839" spans="8:8">
      <c r="H436839" s="12"/>
    </row>
    <row r="436840" spans="8:8">
      <c r="H436840" s="12"/>
    </row>
    <row r="436841" spans="8:8">
      <c r="H436841" s="12"/>
    </row>
    <row r="436842" spans="8:8">
      <c r="H436842" s="12"/>
    </row>
    <row r="436843" spans="8:8">
      <c r="H436843" s="12"/>
    </row>
    <row r="436844" spans="8:8">
      <c r="H436844" s="12"/>
    </row>
    <row r="436845" spans="8:8">
      <c r="H436845" s="12"/>
    </row>
    <row r="436846" spans="8:8">
      <c r="H436846" s="12"/>
    </row>
    <row r="436847" spans="8:8">
      <c r="H436847" s="12"/>
    </row>
    <row r="436848" spans="8:8">
      <c r="H436848" s="12"/>
    </row>
    <row r="436849" spans="8:8">
      <c r="H436849" s="12"/>
    </row>
    <row r="436850" spans="8:8">
      <c r="H436850" s="12"/>
    </row>
    <row r="436851" spans="8:8">
      <c r="H436851" s="12"/>
    </row>
    <row r="436852" spans="8:8">
      <c r="H436852" s="12"/>
    </row>
    <row r="436853" spans="8:8">
      <c r="H436853" s="12"/>
    </row>
    <row r="436854" spans="8:8">
      <c r="H436854" s="12"/>
    </row>
    <row r="436855" spans="8:8">
      <c r="H436855" s="12"/>
    </row>
    <row r="436856" spans="8:8">
      <c r="H436856" s="12"/>
    </row>
    <row r="436857" spans="8:8">
      <c r="H436857" s="12"/>
    </row>
    <row r="436858" spans="8:8">
      <c r="H436858" s="12"/>
    </row>
    <row r="436859" spans="8:8">
      <c r="H436859" s="12"/>
    </row>
    <row r="436860" spans="8:8">
      <c r="H436860" s="12"/>
    </row>
    <row r="436861" spans="8:8">
      <c r="H436861" s="12"/>
    </row>
    <row r="436862" spans="8:8">
      <c r="H436862" s="12"/>
    </row>
    <row r="436863" spans="8:8">
      <c r="H436863" s="12"/>
    </row>
    <row r="436864" spans="8:8">
      <c r="H436864" s="12"/>
    </row>
    <row r="436865" spans="8:8">
      <c r="H436865" s="12"/>
    </row>
    <row r="436866" spans="8:8">
      <c r="H436866" s="12"/>
    </row>
    <row r="436867" spans="8:8">
      <c r="H436867" s="12"/>
    </row>
    <row r="436868" spans="8:8">
      <c r="H436868" s="12"/>
    </row>
    <row r="436869" spans="8:8">
      <c r="H436869" s="12"/>
    </row>
    <row r="436870" spans="8:8">
      <c r="H436870" s="12"/>
    </row>
    <row r="436871" spans="8:8">
      <c r="H436871" s="12"/>
    </row>
    <row r="436872" spans="8:8">
      <c r="H436872" s="12"/>
    </row>
    <row r="436873" spans="8:8">
      <c r="H436873" s="12"/>
    </row>
    <row r="436874" spans="8:8">
      <c r="H436874" s="12"/>
    </row>
    <row r="436875" spans="8:8">
      <c r="H436875" s="12"/>
    </row>
    <row r="436876" spans="8:8">
      <c r="H436876" s="12"/>
    </row>
    <row r="436877" spans="8:8">
      <c r="H436877" s="12"/>
    </row>
    <row r="436878" spans="8:8">
      <c r="H436878" s="12"/>
    </row>
    <row r="436879" spans="8:8">
      <c r="H436879" s="12"/>
    </row>
    <row r="436880" spans="8:8">
      <c r="H436880" s="12"/>
    </row>
    <row r="436881" spans="8:8">
      <c r="H436881" s="12"/>
    </row>
    <row r="436882" spans="8:8">
      <c r="H436882" s="12"/>
    </row>
    <row r="436883" spans="8:8">
      <c r="H436883" s="12"/>
    </row>
    <row r="436884" spans="8:8">
      <c r="H436884" s="12"/>
    </row>
    <row r="436885" spans="8:8">
      <c r="H436885" s="12"/>
    </row>
    <row r="436886" spans="8:8">
      <c r="H436886" s="12"/>
    </row>
    <row r="436887" spans="8:8">
      <c r="H436887" s="12"/>
    </row>
    <row r="436888" spans="8:8">
      <c r="H436888" s="12"/>
    </row>
    <row r="436889" spans="8:8">
      <c r="H436889" s="12"/>
    </row>
    <row r="436890" spans="8:8">
      <c r="H436890" s="12"/>
    </row>
    <row r="436891" spans="8:8">
      <c r="H436891" s="12"/>
    </row>
    <row r="436892" spans="8:8">
      <c r="H436892" s="12"/>
    </row>
    <row r="436893" spans="8:8">
      <c r="H436893" s="12"/>
    </row>
    <row r="436894" spans="8:8">
      <c r="H436894" s="12"/>
    </row>
    <row r="436895" spans="8:8">
      <c r="H436895" s="12"/>
    </row>
    <row r="436896" spans="8:8">
      <c r="H436896" s="12"/>
    </row>
    <row r="436897" spans="8:8">
      <c r="H436897" s="12"/>
    </row>
    <row r="436898" spans="8:8">
      <c r="H436898" s="12"/>
    </row>
    <row r="436899" spans="8:8">
      <c r="H436899" s="12"/>
    </row>
    <row r="436900" spans="8:8">
      <c r="H436900" s="12"/>
    </row>
    <row r="436901" spans="8:8">
      <c r="H436901" s="12"/>
    </row>
    <row r="436902" spans="8:8">
      <c r="H436902" s="12"/>
    </row>
    <row r="436903" spans="8:8">
      <c r="H436903" s="12"/>
    </row>
    <row r="436904" spans="8:8">
      <c r="H436904" s="12"/>
    </row>
    <row r="436905" spans="8:8">
      <c r="H436905" s="12"/>
    </row>
    <row r="436906" spans="8:8">
      <c r="H436906" s="12"/>
    </row>
    <row r="436907" spans="8:8">
      <c r="H436907" s="12"/>
    </row>
    <row r="436908" spans="8:8">
      <c r="H436908" s="12"/>
    </row>
    <row r="436909" spans="8:8">
      <c r="H436909" s="12"/>
    </row>
    <row r="436910" spans="8:8">
      <c r="H436910" s="12"/>
    </row>
    <row r="436911" spans="8:8">
      <c r="H436911" s="12"/>
    </row>
    <row r="436912" spans="8:8">
      <c r="H436912" s="12"/>
    </row>
    <row r="436913" spans="8:8">
      <c r="H436913" s="12"/>
    </row>
    <row r="436914" spans="8:8">
      <c r="H436914" s="12"/>
    </row>
    <row r="436915" spans="8:8">
      <c r="H436915" s="12"/>
    </row>
    <row r="436916" spans="8:8">
      <c r="H436916" s="12"/>
    </row>
    <row r="436917" spans="8:8">
      <c r="H436917" s="12"/>
    </row>
    <row r="436918" spans="8:8">
      <c r="H436918" s="12"/>
    </row>
    <row r="436919" spans="8:8">
      <c r="H436919" s="12"/>
    </row>
    <row r="436920" spans="8:8">
      <c r="H436920" s="12"/>
    </row>
    <row r="436921" spans="8:8">
      <c r="H436921" s="12"/>
    </row>
    <row r="436922" spans="8:8">
      <c r="H436922" s="12"/>
    </row>
    <row r="436923" spans="8:8">
      <c r="H436923" s="12"/>
    </row>
    <row r="436924" spans="8:8">
      <c r="H436924" s="12"/>
    </row>
    <row r="436925" spans="8:8">
      <c r="H436925" s="12"/>
    </row>
    <row r="436926" spans="8:8">
      <c r="H436926" s="12"/>
    </row>
    <row r="436927" spans="8:8">
      <c r="H436927" s="12"/>
    </row>
    <row r="436928" spans="8:8">
      <c r="H436928" s="12"/>
    </row>
    <row r="436929" spans="8:8">
      <c r="H436929" s="12"/>
    </row>
    <row r="436930" spans="8:8">
      <c r="H436930" s="12"/>
    </row>
    <row r="436931" spans="8:8">
      <c r="H436931" s="12"/>
    </row>
    <row r="436932" spans="8:8">
      <c r="H436932" s="12"/>
    </row>
    <row r="436933" spans="8:8">
      <c r="H436933" s="12"/>
    </row>
    <row r="436934" spans="8:8">
      <c r="H436934" s="12"/>
    </row>
    <row r="436935" spans="8:8">
      <c r="H436935" s="12"/>
    </row>
    <row r="436936" spans="8:8">
      <c r="H436936" s="12"/>
    </row>
    <row r="436937" spans="8:8">
      <c r="H436937" s="12"/>
    </row>
    <row r="436938" spans="8:8">
      <c r="H436938" s="12"/>
    </row>
    <row r="436939" spans="8:8">
      <c r="H436939" s="12"/>
    </row>
    <row r="436940" spans="8:8">
      <c r="H436940" s="12"/>
    </row>
    <row r="436941" spans="8:8">
      <c r="H436941" s="12"/>
    </row>
    <row r="436942" spans="8:8">
      <c r="H436942" s="12"/>
    </row>
    <row r="436943" spans="8:8">
      <c r="H436943" s="12"/>
    </row>
    <row r="436944" spans="8:8">
      <c r="H436944" s="12"/>
    </row>
    <row r="436945" spans="8:8">
      <c r="H436945" s="12"/>
    </row>
    <row r="436946" spans="8:8">
      <c r="H436946" s="12"/>
    </row>
    <row r="436947" spans="8:8">
      <c r="H436947" s="12"/>
    </row>
    <row r="436948" spans="8:8">
      <c r="H436948" s="12"/>
    </row>
    <row r="436949" spans="8:8">
      <c r="H436949" s="12"/>
    </row>
    <row r="436950" spans="8:8">
      <c r="H436950" s="12"/>
    </row>
    <row r="436951" spans="8:8">
      <c r="H436951" s="12"/>
    </row>
    <row r="436952" spans="8:8">
      <c r="H436952" s="12"/>
    </row>
    <row r="436953" spans="8:8">
      <c r="H436953" s="12"/>
    </row>
    <row r="436954" spans="8:8">
      <c r="H436954" s="12"/>
    </row>
    <row r="436955" spans="8:8">
      <c r="H436955" s="12"/>
    </row>
    <row r="436956" spans="8:8">
      <c r="H436956" s="12"/>
    </row>
    <row r="436957" spans="8:8">
      <c r="H436957" s="12"/>
    </row>
    <row r="436958" spans="8:8">
      <c r="H436958" s="12"/>
    </row>
    <row r="436959" spans="8:8">
      <c r="H436959" s="12"/>
    </row>
    <row r="436960" spans="8:8">
      <c r="H436960" s="12"/>
    </row>
    <row r="436961" spans="8:8">
      <c r="H436961" s="12"/>
    </row>
    <row r="436962" spans="8:8">
      <c r="H436962" s="12"/>
    </row>
    <row r="436963" spans="8:8">
      <c r="H436963" s="12"/>
    </row>
    <row r="436964" spans="8:8">
      <c r="H436964" s="12"/>
    </row>
    <row r="436965" spans="8:8">
      <c r="H436965" s="12"/>
    </row>
    <row r="436966" spans="8:8">
      <c r="H436966" s="12"/>
    </row>
    <row r="436967" spans="8:8">
      <c r="H436967" s="12"/>
    </row>
    <row r="436968" spans="8:8">
      <c r="H436968" s="12"/>
    </row>
    <row r="436969" spans="8:8">
      <c r="H436969" s="12"/>
    </row>
    <row r="436970" spans="8:8">
      <c r="H436970" s="12"/>
    </row>
    <row r="436971" spans="8:8">
      <c r="H436971" s="12"/>
    </row>
    <row r="436972" spans="8:8">
      <c r="H436972" s="12"/>
    </row>
    <row r="436973" spans="8:8">
      <c r="H436973" s="12"/>
    </row>
    <row r="436974" spans="8:8">
      <c r="H436974" s="12"/>
    </row>
    <row r="436975" spans="8:8">
      <c r="H436975" s="12"/>
    </row>
    <row r="436976" spans="8:8">
      <c r="H436976" s="12"/>
    </row>
    <row r="436977" spans="8:8">
      <c r="H436977" s="12"/>
    </row>
    <row r="436978" spans="8:8">
      <c r="H436978" s="12"/>
    </row>
    <row r="436979" spans="8:8">
      <c r="H436979" s="12"/>
    </row>
    <row r="436980" spans="8:8">
      <c r="H436980" s="12"/>
    </row>
    <row r="436981" spans="8:8">
      <c r="H436981" s="12"/>
    </row>
    <row r="436982" spans="8:8">
      <c r="H436982" s="12"/>
    </row>
    <row r="436983" spans="8:8">
      <c r="H436983" s="12"/>
    </row>
    <row r="436984" spans="8:8">
      <c r="H436984" s="12"/>
    </row>
    <row r="436985" spans="8:8">
      <c r="H436985" s="12"/>
    </row>
    <row r="436986" spans="8:8">
      <c r="H436986" s="12"/>
    </row>
    <row r="436987" spans="8:8">
      <c r="H436987" s="12"/>
    </row>
    <row r="436988" spans="8:8">
      <c r="H436988" s="12"/>
    </row>
    <row r="436989" spans="8:8">
      <c r="H436989" s="12"/>
    </row>
    <row r="436990" spans="8:8">
      <c r="H436990" s="12"/>
    </row>
    <row r="436991" spans="8:8">
      <c r="H436991" s="12"/>
    </row>
    <row r="436992" spans="8:8">
      <c r="H436992" s="12"/>
    </row>
    <row r="436993" spans="8:8">
      <c r="H436993" s="12"/>
    </row>
    <row r="436994" spans="8:8">
      <c r="H436994" s="12"/>
    </row>
    <row r="436995" spans="8:8">
      <c r="H436995" s="12"/>
    </row>
    <row r="436996" spans="8:8">
      <c r="H436996" s="12"/>
    </row>
    <row r="436997" spans="8:8">
      <c r="H436997" s="12"/>
    </row>
    <row r="436998" spans="8:8">
      <c r="H436998" s="12"/>
    </row>
    <row r="436999" spans="8:8">
      <c r="H436999" s="12"/>
    </row>
    <row r="437000" spans="8:8">
      <c r="H437000" s="12"/>
    </row>
    <row r="437001" spans="8:8">
      <c r="H437001" s="12"/>
    </row>
    <row r="437002" spans="8:8">
      <c r="H437002" s="12"/>
    </row>
    <row r="437003" spans="8:8">
      <c r="H437003" s="12"/>
    </row>
    <row r="437004" spans="8:8">
      <c r="H437004" s="12"/>
    </row>
    <row r="437005" spans="8:8">
      <c r="H437005" s="12"/>
    </row>
    <row r="437006" spans="8:8">
      <c r="H437006" s="12"/>
    </row>
    <row r="437007" spans="8:8">
      <c r="H437007" s="12"/>
    </row>
    <row r="437008" spans="8:8">
      <c r="H437008" s="12"/>
    </row>
    <row r="437009" spans="8:8">
      <c r="H437009" s="12"/>
    </row>
    <row r="437010" spans="8:8">
      <c r="H437010" s="12"/>
    </row>
    <row r="437011" spans="8:8">
      <c r="H437011" s="12"/>
    </row>
    <row r="437012" spans="8:8">
      <c r="H437012" s="12"/>
    </row>
    <row r="437013" spans="8:8">
      <c r="H437013" s="12"/>
    </row>
    <row r="437014" spans="8:8">
      <c r="H437014" s="12"/>
    </row>
    <row r="437015" spans="8:8">
      <c r="H437015" s="12"/>
    </row>
    <row r="437016" spans="8:8">
      <c r="H437016" s="12"/>
    </row>
    <row r="437017" spans="8:8">
      <c r="H437017" s="12"/>
    </row>
    <row r="437018" spans="8:8">
      <c r="H437018" s="12"/>
    </row>
    <row r="437019" spans="8:8">
      <c r="H437019" s="12"/>
    </row>
    <row r="437020" spans="8:8">
      <c r="H437020" s="12"/>
    </row>
    <row r="437021" spans="8:8">
      <c r="H437021" s="12"/>
    </row>
    <row r="437022" spans="8:8">
      <c r="H437022" s="12"/>
    </row>
    <row r="437023" spans="8:8">
      <c r="H437023" s="12"/>
    </row>
    <row r="437024" spans="8:8">
      <c r="H437024" s="12"/>
    </row>
    <row r="437025" spans="8:8">
      <c r="H437025" s="12"/>
    </row>
    <row r="437026" spans="8:8">
      <c r="H437026" s="12"/>
    </row>
    <row r="437027" spans="8:8">
      <c r="H437027" s="12"/>
    </row>
    <row r="437028" spans="8:8">
      <c r="H437028" s="12"/>
    </row>
    <row r="437029" spans="8:8">
      <c r="H437029" s="12"/>
    </row>
    <row r="437030" spans="8:8">
      <c r="H437030" s="12"/>
    </row>
    <row r="437031" spans="8:8">
      <c r="H437031" s="12"/>
    </row>
    <row r="437032" spans="8:8">
      <c r="H437032" s="12"/>
    </row>
    <row r="437033" spans="8:8">
      <c r="H437033" s="12"/>
    </row>
    <row r="437034" spans="8:8">
      <c r="H437034" s="12"/>
    </row>
    <row r="437035" spans="8:8">
      <c r="H437035" s="12"/>
    </row>
    <row r="437036" spans="8:8">
      <c r="H437036" s="12"/>
    </row>
    <row r="437037" spans="8:8">
      <c r="H437037" s="12"/>
    </row>
    <row r="437038" spans="8:8">
      <c r="H437038" s="12"/>
    </row>
    <row r="437039" spans="8:8">
      <c r="H437039" s="12"/>
    </row>
    <row r="437040" spans="8:8">
      <c r="H437040" s="12"/>
    </row>
    <row r="437041" spans="8:8">
      <c r="H437041" s="12"/>
    </row>
    <row r="437042" spans="8:8">
      <c r="H437042" s="12"/>
    </row>
    <row r="437043" spans="8:8">
      <c r="H437043" s="12"/>
    </row>
    <row r="437044" spans="8:8">
      <c r="H437044" s="12"/>
    </row>
    <row r="437045" spans="8:8">
      <c r="H437045" s="12"/>
    </row>
    <row r="437046" spans="8:8">
      <c r="H437046" s="12"/>
    </row>
    <row r="437047" spans="8:8">
      <c r="H437047" s="12"/>
    </row>
    <row r="437048" spans="8:8">
      <c r="H437048" s="12"/>
    </row>
    <row r="437049" spans="8:8">
      <c r="H437049" s="12"/>
    </row>
    <row r="437050" spans="8:8">
      <c r="H437050" s="12"/>
    </row>
    <row r="437051" spans="8:8">
      <c r="H437051" s="12"/>
    </row>
    <row r="437052" spans="8:8">
      <c r="H437052" s="12"/>
    </row>
    <row r="437053" spans="8:8">
      <c r="H437053" s="12"/>
    </row>
    <row r="437054" spans="8:8">
      <c r="H437054" s="12"/>
    </row>
    <row r="437055" spans="8:8">
      <c r="H437055" s="12"/>
    </row>
    <row r="437056" spans="8:8">
      <c r="H437056" s="12"/>
    </row>
    <row r="437057" spans="8:8">
      <c r="H437057" s="12"/>
    </row>
    <row r="437058" spans="8:8">
      <c r="H437058" s="12"/>
    </row>
    <row r="437059" spans="8:8">
      <c r="H437059" s="12"/>
    </row>
    <row r="437060" spans="8:8">
      <c r="H437060" s="12"/>
    </row>
    <row r="437061" spans="8:8">
      <c r="H437061" s="12"/>
    </row>
    <row r="437062" spans="8:8">
      <c r="H437062" s="12"/>
    </row>
    <row r="437063" spans="8:8">
      <c r="H437063" s="12"/>
    </row>
    <row r="437064" spans="8:8">
      <c r="H437064" s="12"/>
    </row>
    <row r="437065" spans="8:8">
      <c r="H437065" s="12"/>
    </row>
    <row r="437066" spans="8:8">
      <c r="H437066" s="12"/>
    </row>
    <row r="437067" spans="8:8">
      <c r="H437067" s="12"/>
    </row>
    <row r="437068" spans="8:8">
      <c r="H437068" s="12"/>
    </row>
    <row r="437069" spans="8:8">
      <c r="H437069" s="12"/>
    </row>
    <row r="437070" spans="8:8">
      <c r="H437070" s="12"/>
    </row>
    <row r="437071" spans="8:8">
      <c r="H437071" s="12"/>
    </row>
    <row r="437072" spans="8:8">
      <c r="H437072" s="12"/>
    </row>
    <row r="437073" spans="8:8">
      <c r="H437073" s="12"/>
    </row>
    <row r="437074" spans="8:8">
      <c r="H437074" s="12"/>
    </row>
    <row r="437075" spans="8:8">
      <c r="H437075" s="12"/>
    </row>
    <row r="437076" spans="8:8">
      <c r="H437076" s="12"/>
    </row>
    <row r="437077" spans="8:8">
      <c r="H437077" s="12"/>
    </row>
    <row r="437078" spans="8:8">
      <c r="H437078" s="12"/>
    </row>
    <row r="437079" spans="8:8">
      <c r="H437079" s="12"/>
    </row>
    <row r="437080" spans="8:8">
      <c r="H437080" s="12"/>
    </row>
    <row r="437081" spans="8:8">
      <c r="H437081" s="12"/>
    </row>
    <row r="437082" spans="8:8">
      <c r="H437082" s="12"/>
    </row>
    <row r="437083" spans="8:8">
      <c r="H437083" s="12"/>
    </row>
    <row r="437084" spans="8:8">
      <c r="H437084" s="12"/>
    </row>
    <row r="437085" spans="8:8">
      <c r="H437085" s="12"/>
    </row>
    <row r="437086" spans="8:8">
      <c r="H437086" s="12"/>
    </row>
    <row r="437087" spans="8:8">
      <c r="H437087" s="12"/>
    </row>
    <row r="437088" spans="8:8">
      <c r="H437088" s="12"/>
    </row>
    <row r="437089" spans="8:8">
      <c r="H437089" s="12"/>
    </row>
    <row r="437090" spans="8:8">
      <c r="H437090" s="12"/>
    </row>
    <row r="437091" spans="8:8">
      <c r="H437091" s="12"/>
    </row>
    <row r="437092" spans="8:8">
      <c r="H437092" s="12"/>
    </row>
    <row r="437093" spans="8:8">
      <c r="H437093" s="12"/>
    </row>
    <row r="437094" spans="8:8">
      <c r="H437094" s="12"/>
    </row>
    <row r="437095" spans="8:8">
      <c r="H437095" s="12"/>
    </row>
    <row r="437096" spans="8:8">
      <c r="H437096" s="12"/>
    </row>
    <row r="437097" spans="8:8">
      <c r="H437097" s="12"/>
    </row>
    <row r="437098" spans="8:8">
      <c r="H437098" s="12"/>
    </row>
    <row r="437099" spans="8:8">
      <c r="H437099" s="12"/>
    </row>
    <row r="437100" spans="8:8">
      <c r="H437100" s="12"/>
    </row>
    <row r="437101" spans="8:8">
      <c r="H437101" s="12"/>
    </row>
    <row r="437102" spans="8:8">
      <c r="H437102" s="12"/>
    </row>
    <row r="437103" spans="8:8">
      <c r="H437103" s="12"/>
    </row>
    <row r="437104" spans="8:8">
      <c r="H437104" s="12"/>
    </row>
    <row r="437105" spans="8:8">
      <c r="H437105" s="12"/>
    </row>
    <row r="437106" spans="8:8">
      <c r="H437106" s="12"/>
    </row>
    <row r="437107" spans="8:8">
      <c r="H437107" s="12"/>
    </row>
    <row r="437108" spans="8:8">
      <c r="H437108" s="12"/>
    </row>
    <row r="437109" spans="8:8">
      <c r="H437109" s="12"/>
    </row>
    <row r="437110" spans="8:8">
      <c r="H437110" s="12"/>
    </row>
    <row r="437111" spans="8:8">
      <c r="H437111" s="12"/>
    </row>
    <row r="437112" spans="8:8">
      <c r="H437112" s="12"/>
    </row>
    <row r="437113" spans="8:8">
      <c r="H437113" s="12"/>
    </row>
    <row r="437114" spans="8:8">
      <c r="H437114" s="12"/>
    </row>
    <row r="437115" spans="8:8">
      <c r="H437115" s="12"/>
    </row>
    <row r="437116" spans="8:8">
      <c r="H437116" s="12"/>
    </row>
    <row r="437117" spans="8:8">
      <c r="H437117" s="12"/>
    </row>
    <row r="437118" spans="8:8">
      <c r="H437118" s="12"/>
    </row>
    <row r="437119" spans="8:8">
      <c r="H437119" s="12"/>
    </row>
    <row r="437120" spans="8:8">
      <c r="H437120" s="12"/>
    </row>
    <row r="437121" spans="8:8">
      <c r="H437121" s="12"/>
    </row>
    <row r="437122" spans="8:8">
      <c r="H437122" s="12"/>
    </row>
    <row r="437123" spans="8:8">
      <c r="H437123" s="12"/>
    </row>
    <row r="437124" spans="8:8">
      <c r="H437124" s="12"/>
    </row>
    <row r="437125" spans="8:8">
      <c r="H437125" s="12"/>
    </row>
    <row r="437126" spans="8:8">
      <c r="H437126" s="12"/>
    </row>
    <row r="437127" spans="8:8">
      <c r="H437127" s="12"/>
    </row>
    <row r="437128" spans="8:8">
      <c r="H437128" s="12"/>
    </row>
    <row r="437129" spans="8:8">
      <c r="H437129" s="12"/>
    </row>
    <row r="437130" spans="8:8">
      <c r="H437130" s="12"/>
    </row>
    <row r="437131" spans="8:8">
      <c r="H437131" s="12"/>
    </row>
    <row r="437132" spans="8:8">
      <c r="H437132" s="12"/>
    </row>
    <row r="437133" spans="8:8">
      <c r="H437133" s="12"/>
    </row>
    <row r="437134" spans="8:8">
      <c r="H437134" s="12"/>
    </row>
    <row r="437135" spans="8:8">
      <c r="H437135" s="12"/>
    </row>
    <row r="437136" spans="8:8">
      <c r="H437136" s="12"/>
    </row>
    <row r="437137" spans="8:8">
      <c r="H437137" s="12"/>
    </row>
    <row r="437138" spans="8:8">
      <c r="H437138" s="12"/>
    </row>
    <row r="437139" spans="8:8">
      <c r="H437139" s="12"/>
    </row>
    <row r="437140" spans="8:8">
      <c r="H437140" s="12"/>
    </row>
    <row r="437141" spans="8:8">
      <c r="H437141" s="12"/>
    </row>
    <row r="437142" spans="8:8">
      <c r="H437142" s="12"/>
    </row>
    <row r="437143" spans="8:8">
      <c r="H437143" s="12"/>
    </row>
    <row r="437144" spans="8:8">
      <c r="H437144" s="12"/>
    </row>
    <row r="437145" spans="8:8">
      <c r="H437145" s="12"/>
    </row>
    <row r="437146" spans="8:8">
      <c r="H437146" s="12"/>
    </row>
    <row r="437147" spans="8:8">
      <c r="H437147" s="12"/>
    </row>
    <row r="437148" spans="8:8">
      <c r="H437148" s="12"/>
    </row>
    <row r="437149" spans="8:8">
      <c r="H437149" s="12"/>
    </row>
    <row r="437150" spans="8:8">
      <c r="H437150" s="12"/>
    </row>
    <row r="437151" spans="8:8">
      <c r="H437151" s="12"/>
    </row>
    <row r="437152" spans="8:8">
      <c r="H437152" s="12"/>
    </row>
    <row r="437153" spans="8:8">
      <c r="H437153" s="12"/>
    </row>
    <row r="437154" spans="8:8">
      <c r="H437154" s="12"/>
    </row>
    <row r="437155" spans="8:8">
      <c r="H437155" s="12"/>
    </row>
    <row r="437156" spans="8:8">
      <c r="H437156" s="12"/>
    </row>
    <row r="437157" spans="8:8">
      <c r="H437157" s="12"/>
    </row>
    <row r="437158" spans="8:8">
      <c r="H437158" s="12"/>
    </row>
    <row r="437159" spans="8:8">
      <c r="H437159" s="12"/>
    </row>
    <row r="437160" spans="8:8">
      <c r="H437160" s="12"/>
    </row>
    <row r="437161" spans="8:8">
      <c r="H437161" s="12"/>
    </row>
    <row r="437162" spans="8:8">
      <c r="H437162" s="12"/>
    </row>
    <row r="437163" spans="8:8">
      <c r="H437163" s="12"/>
    </row>
    <row r="437164" spans="8:8">
      <c r="H437164" s="12"/>
    </row>
    <row r="437165" spans="8:8">
      <c r="H437165" s="12"/>
    </row>
    <row r="437166" spans="8:8">
      <c r="H437166" s="12"/>
    </row>
    <row r="437167" spans="8:8">
      <c r="H437167" s="12"/>
    </row>
    <row r="437168" spans="8:8">
      <c r="H437168" s="12"/>
    </row>
    <row r="437169" spans="8:8">
      <c r="H437169" s="12"/>
    </row>
    <row r="437170" spans="8:8">
      <c r="H437170" s="12"/>
    </row>
    <row r="437171" spans="8:8">
      <c r="H437171" s="12"/>
    </row>
    <row r="437172" spans="8:8">
      <c r="H437172" s="12"/>
    </row>
    <row r="437173" spans="8:8">
      <c r="H437173" s="12"/>
    </row>
    <row r="437174" spans="8:8">
      <c r="H437174" s="12"/>
    </row>
    <row r="437175" spans="8:8">
      <c r="H437175" s="12"/>
    </row>
    <row r="437176" spans="8:8">
      <c r="H437176" s="12"/>
    </row>
    <row r="437177" spans="8:8">
      <c r="H437177" s="12"/>
    </row>
    <row r="437178" spans="8:8">
      <c r="H437178" s="12"/>
    </row>
    <row r="437179" spans="8:8">
      <c r="H437179" s="12"/>
    </row>
    <row r="437180" spans="8:8">
      <c r="H437180" s="12"/>
    </row>
    <row r="437181" spans="8:8">
      <c r="H437181" s="12"/>
    </row>
    <row r="437182" spans="8:8">
      <c r="H437182" s="12"/>
    </row>
    <row r="437183" spans="8:8">
      <c r="H437183" s="12"/>
    </row>
    <row r="437184" spans="8:8">
      <c r="H437184" s="12"/>
    </row>
    <row r="437185" spans="8:8">
      <c r="H437185" s="12"/>
    </row>
    <row r="437186" spans="8:8">
      <c r="H437186" s="12"/>
    </row>
    <row r="437187" spans="8:8">
      <c r="H437187" s="12"/>
    </row>
    <row r="437188" spans="8:8">
      <c r="H437188" s="12"/>
    </row>
    <row r="437189" spans="8:8">
      <c r="H437189" s="12"/>
    </row>
    <row r="437190" spans="8:8">
      <c r="H437190" s="12"/>
    </row>
    <row r="437191" spans="8:8">
      <c r="H437191" s="12"/>
    </row>
    <row r="437192" spans="8:8">
      <c r="H437192" s="12"/>
    </row>
    <row r="437193" spans="8:8">
      <c r="H437193" s="12"/>
    </row>
    <row r="437194" spans="8:8">
      <c r="H437194" s="12"/>
    </row>
    <row r="437195" spans="8:8">
      <c r="H437195" s="12"/>
    </row>
    <row r="437196" spans="8:8">
      <c r="H437196" s="12"/>
    </row>
    <row r="437197" spans="8:8">
      <c r="H437197" s="12"/>
    </row>
    <row r="437198" spans="8:8">
      <c r="H437198" s="12"/>
    </row>
    <row r="437199" spans="8:8">
      <c r="H437199" s="12"/>
    </row>
    <row r="437200" spans="8:8">
      <c r="H437200" s="12"/>
    </row>
    <row r="437201" spans="8:8">
      <c r="H437201" s="12"/>
    </row>
    <row r="437202" spans="8:8">
      <c r="H437202" s="12"/>
    </row>
    <row r="437203" spans="8:8">
      <c r="H437203" s="12"/>
    </row>
    <row r="437204" spans="8:8">
      <c r="H437204" s="12"/>
    </row>
    <row r="437205" spans="8:8">
      <c r="H437205" s="12"/>
    </row>
    <row r="437206" spans="8:8">
      <c r="H437206" s="12"/>
    </row>
    <row r="437207" spans="8:8">
      <c r="H437207" s="12"/>
    </row>
    <row r="437208" spans="8:8">
      <c r="H437208" s="12"/>
    </row>
    <row r="437209" spans="8:8">
      <c r="H437209" s="12"/>
    </row>
    <row r="437210" spans="8:8">
      <c r="H437210" s="12"/>
    </row>
    <row r="437211" spans="8:8">
      <c r="H437211" s="12"/>
    </row>
    <row r="437212" spans="8:8">
      <c r="H437212" s="12"/>
    </row>
    <row r="437213" spans="8:8">
      <c r="H437213" s="12"/>
    </row>
    <row r="437214" spans="8:8">
      <c r="H437214" s="12"/>
    </row>
    <row r="437215" spans="8:8">
      <c r="H437215" s="12"/>
    </row>
    <row r="437216" spans="8:8">
      <c r="H437216" s="12"/>
    </row>
    <row r="437217" spans="8:8">
      <c r="H437217" s="12"/>
    </row>
    <row r="437218" spans="8:8">
      <c r="H437218" s="12"/>
    </row>
    <row r="437219" spans="8:8">
      <c r="H437219" s="12"/>
    </row>
    <row r="437220" spans="8:8">
      <c r="H437220" s="12"/>
    </row>
    <row r="437221" spans="8:8">
      <c r="H437221" s="12"/>
    </row>
    <row r="437222" spans="8:8">
      <c r="H437222" s="12"/>
    </row>
    <row r="437223" spans="8:8">
      <c r="H437223" s="12"/>
    </row>
    <row r="437224" spans="8:8">
      <c r="H437224" s="12"/>
    </row>
    <row r="437225" spans="8:8">
      <c r="H437225" s="12"/>
    </row>
    <row r="437226" spans="8:8">
      <c r="H437226" s="12"/>
    </row>
    <row r="437227" spans="8:8">
      <c r="H437227" s="12"/>
    </row>
    <row r="437228" spans="8:8">
      <c r="H437228" s="12"/>
    </row>
    <row r="437229" spans="8:8">
      <c r="H437229" s="12"/>
    </row>
    <row r="437230" spans="8:8">
      <c r="H437230" s="12"/>
    </row>
    <row r="437231" spans="8:8">
      <c r="H437231" s="12"/>
    </row>
    <row r="437232" spans="8:8">
      <c r="H437232" s="12"/>
    </row>
    <row r="437233" spans="8:8">
      <c r="H437233" s="12"/>
    </row>
    <row r="437234" spans="8:8">
      <c r="H437234" s="12"/>
    </row>
    <row r="437235" spans="8:8">
      <c r="H437235" s="12"/>
    </row>
    <row r="437236" spans="8:8">
      <c r="H437236" s="12"/>
    </row>
    <row r="437237" spans="8:8">
      <c r="H437237" s="12"/>
    </row>
    <row r="437238" spans="8:8">
      <c r="H437238" s="12"/>
    </row>
    <row r="437239" spans="8:8">
      <c r="H437239" s="12"/>
    </row>
    <row r="437240" spans="8:8">
      <c r="H437240" s="12"/>
    </row>
    <row r="437241" spans="8:8">
      <c r="H437241" s="12"/>
    </row>
    <row r="437242" spans="8:8">
      <c r="H437242" s="12"/>
    </row>
    <row r="437243" spans="8:8">
      <c r="H437243" s="12"/>
    </row>
    <row r="437244" spans="8:8">
      <c r="H437244" s="12"/>
    </row>
    <row r="437245" spans="8:8">
      <c r="H437245" s="12"/>
    </row>
    <row r="437246" spans="8:8">
      <c r="H437246" s="12"/>
    </row>
    <row r="437247" spans="8:8">
      <c r="H437247" s="12"/>
    </row>
    <row r="437248" spans="8:8">
      <c r="H437248" s="12"/>
    </row>
    <row r="437249" spans="8:8">
      <c r="H437249" s="12"/>
    </row>
    <row r="437250" spans="8:8">
      <c r="H437250" s="12"/>
    </row>
    <row r="437251" spans="8:8">
      <c r="H437251" s="12"/>
    </row>
    <row r="437252" spans="8:8">
      <c r="H437252" s="12"/>
    </row>
    <row r="437253" spans="8:8">
      <c r="H437253" s="12"/>
    </row>
    <row r="437254" spans="8:8">
      <c r="H437254" s="12"/>
    </row>
    <row r="437255" spans="8:8">
      <c r="H437255" s="12"/>
    </row>
    <row r="437256" spans="8:8">
      <c r="H437256" s="12"/>
    </row>
    <row r="437257" spans="8:8">
      <c r="H437257" s="12"/>
    </row>
    <row r="437258" spans="8:8">
      <c r="H437258" s="12"/>
    </row>
    <row r="437259" spans="8:8">
      <c r="H437259" s="12"/>
    </row>
    <row r="437260" spans="8:8">
      <c r="H437260" s="12"/>
    </row>
    <row r="437261" spans="8:8">
      <c r="H437261" s="12"/>
    </row>
    <row r="437262" spans="8:8">
      <c r="H437262" s="12"/>
    </row>
    <row r="437263" spans="8:8">
      <c r="H437263" s="12"/>
    </row>
    <row r="437264" spans="8:8">
      <c r="H437264" s="12"/>
    </row>
    <row r="437265" spans="8:8">
      <c r="H437265" s="12"/>
    </row>
    <row r="437266" spans="8:8">
      <c r="H437266" s="12"/>
    </row>
    <row r="437267" spans="8:8">
      <c r="H437267" s="12"/>
    </row>
    <row r="437268" spans="8:8">
      <c r="H437268" s="12"/>
    </row>
    <row r="437269" spans="8:8">
      <c r="H437269" s="12"/>
    </row>
    <row r="437270" spans="8:8">
      <c r="H437270" s="12"/>
    </row>
    <row r="437271" spans="8:8">
      <c r="H437271" s="12"/>
    </row>
    <row r="437272" spans="8:8">
      <c r="H437272" s="12"/>
    </row>
    <row r="437273" spans="8:8">
      <c r="H437273" s="12"/>
    </row>
    <row r="437274" spans="8:8">
      <c r="H437274" s="12"/>
    </row>
    <row r="437275" spans="8:8">
      <c r="H437275" s="12"/>
    </row>
    <row r="437276" spans="8:8">
      <c r="H437276" s="12"/>
    </row>
    <row r="437277" spans="8:8">
      <c r="H437277" s="12"/>
    </row>
    <row r="437278" spans="8:8">
      <c r="H437278" s="12"/>
    </row>
    <row r="437279" spans="8:8">
      <c r="H437279" s="12"/>
    </row>
    <row r="437280" spans="8:8">
      <c r="H437280" s="12"/>
    </row>
    <row r="437281" spans="8:8">
      <c r="H437281" s="12"/>
    </row>
    <row r="437282" spans="8:8">
      <c r="H437282" s="12"/>
    </row>
    <row r="437283" spans="8:8">
      <c r="H437283" s="12"/>
    </row>
    <row r="437284" spans="8:8">
      <c r="H437284" s="12"/>
    </row>
    <row r="437285" spans="8:8">
      <c r="H437285" s="12"/>
    </row>
    <row r="437286" spans="8:8">
      <c r="H437286" s="12"/>
    </row>
    <row r="437287" spans="8:8">
      <c r="H437287" s="12"/>
    </row>
    <row r="437288" spans="8:8">
      <c r="H437288" s="12"/>
    </row>
    <row r="437289" spans="8:8">
      <c r="H437289" s="12"/>
    </row>
    <row r="437290" spans="8:8">
      <c r="H437290" s="12"/>
    </row>
    <row r="437291" spans="8:8">
      <c r="H437291" s="12"/>
    </row>
    <row r="437292" spans="8:8">
      <c r="H437292" s="12"/>
    </row>
    <row r="437293" spans="8:8">
      <c r="H437293" s="12"/>
    </row>
    <row r="437294" spans="8:8">
      <c r="H437294" s="12"/>
    </row>
    <row r="437295" spans="8:8">
      <c r="H437295" s="12"/>
    </row>
    <row r="437296" spans="8:8">
      <c r="H437296" s="12"/>
    </row>
    <row r="437297" spans="8:8">
      <c r="H437297" s="12"/>
    </row>
    <row r="437298" spans="8:8">
      <c r="H437298" s="12"/>
    </row>
    <row r="437299" spans="8:8">
      <c r="H437299" s="12"/>
    </row>
    <row r="437300" spans="8:8">
      <c r="H437300" s="12"/>
    </row>
    <row r="437301" spans="8:8">
      <c r="H437301" s="12"/>
    </row>
    <row r="437302" spans="8:8">
      <c r="H437302" s="12"/>
    </row>
    <row r="437303" spans="8:8">
      <c r="H437303" s="12"/>
    </row>
    <row r="437304" spans="8:8">
      <c r="H437304" s="12"/>
    </row>
    <row r="437305" spans="8:8">
      <c r="H437305" s="12"/>
    </row>
    <row r="437306" spans="8:8">
      <c r="H437306" s="12"/>
    </row>
    <row r="437307" spans="8:8">
      <c r="H437307" s="12"/>
    </row>
    <row r="437308" spans="8:8">
      <c r="H437308" s="12"/>
    </row>
    <row r="437309" spans="8:8">
      <c r="H437309" s="12"/>
    </row>
    <row r="437310" spans="8:8">
      <c r="H437310" s="12"/>
    </row>
    <row r="437311" spans="8:8">
      <c r="H437311" s="12"/>
    </row>
    <row r="437312" spans="8:8">
      <c r="H437312" s="12"/>
    </row>
    <row r="437313" spans="8:8">
      <c r="H437313" s="12"/>
    </row>
    <row r="437314" spans="8:8">
      <c r="H437314" s="12"/>
    </row>
    <row r="437315" spans="8:8">
      <c r="H437315" s="12"/>
    </row>
    <row r="437316" spans="8:8">
      <c r="H437316" s="12"/>
    </row>
    <row r="437317" spans="8:8">
      <c r="H437317" s="12"/>
    </row>
    <row r="437318" spans="8:8">
      <c r="H437318" s="12"/>
    </row>
    <row r="437319" spans="8:8">
      <c r="H437319" s="12"/>
    </row>
    <row r="437320" spans="8:8">
      <c r="H437320" s="12"/>
    </row>
    <row r="437321" spans="8:8">
      <c r="H437321" s="12"/>
    </row>
    <row r="437322" spans="8:8">
      <c r="H437322" s="12"/>
    </row>
    <row r="437323" spans="8:8">
      <c r="H437323" s="12"/>
    </row>
    <row r="437324" spans="8:8">
      <c r="H437324" s="12"/>
    </row>
    <row r="437325" spans="8:8">
      <c r="H437325" s="12"/>
    </row>
    <row r="437326" spans="8:8">
      <c r="H437326" s="12"/>
    </row>
    <row r="437327" spans="8:8">
      <c r="H437327" s="12"/>
    </row>
    <row r="437328" spans="8:8">
      <c r="H437328" s="12"/>
    </row>
    <row r="437329" spans="8:8">
      <c r="H437329" s="12"/>
    </row>
    <row r="437330" spans="8:8">
      <c r="H437330" s="12"/>
    </row>
    <row r="437331" spans="8:8">
      <c r="H437331" s="12"/>
    </row>
    <row r="437332" spans="8:8">
      <c r="H437332" s="12"/>
    </row>
    <row r="437333" spans="8:8">
      <c r="H437333" s="12"/>
    </row>
    <row r="437334" spans="8:8">
      <c r="H437334" s="12"/>
    </row>
    <row r="437335" spans="8:8">
      <c r="H437335" s="12"/>
    </row>
    <row r="437336" spans="8:8">
      <c r="H437336" s="12"/>
    </row>
    <row r="437337" spans="8:8">
      <c r="H437337" s="12"/>
    </row>
    <row r="437338" spans="8:8">
      <c r="H437338" s="12"/>
    </row>
    <row r="437339" spans="8:8">
      <c r="H437339" s="12"/>
    </row>
    <row r="437340" spans="8:8">
      <c r="H437340" s="12"/>
    </row>
    <row r="437341" spans="8:8">
      <c r="H437341" s="12"/>
    </row>
    <row r="437342" spans="8:8">
      <c r="H437342" s="12"/>
    </row>
    <row r="437343" spans="8:8">
      <c r="H437343" s="12"/>
    </row>
    <row r="437344" spans="8:8">
      <c r="H437344" s="12"/>
    </row>
    <row r="437345" spans="8:8">
      <c r="H437345" s="12"/>
    </row>
    <row r="437346" spans="8:8">
      <c r="H437346" s="12"/>
    </row>
    <row r="437347" spans="8:8">
      <c r="H437347" s="12"/>
    </row>
    <row r="437348" spans="8:8">
      <c r="H437348" s="12"/>
    </row>
    <row r="437349" spans="8:8">
      <c r="H437349" s="12"/>
    </row>
    <row r="437350" spans="8:8">
      <c r="H437350" s="12"/>
    </row>
    <row r="437351" spans="8:8">
      <c r="H437351" s="12"/>
    </row>
    <row r="437352" spans="8:8">
      <c r="H437352" s="12"/>
    </row>
    <row r="437353" spans="8:8">
      <c r="H437353" s="12"/>
    </row>
    <row r="437354" spans="8:8">
      <c r="H437354" s="12"/>
    </row>
    <row r="437355" spans="8:8">
      <c r="H437355" s="12"/>
    </row>
    <row r="437356" spans="8:8">
      <c r="H437356" s="12"/>
    </row>
    <row r="437357" spans="8:8">
      <c r="H437357" s="12"/>
    </row>
    <row r="437358" spans="8:8">
      <c r="H437358" s="12"/>
    </row>
    <row r="437359" spans="8:8">
      <c r="H437359" s="12"/>
    </row>
    <row r="437360" spans="8:8">
      <c r="H437360" s="12"/>
    </row>
    <row r="437361" spans="8:8">
      <c r="H437361" s="12"/>
    </row>
    <row r="437362" spans="8:8">
      <c r="H437362" s="12"/>
    </row>
    <row r="437363" spans="8:8">
      <c r="H437363" s="12"/>
    </row>
    <row r="437364" spans="8:8">
      <c r="H437364" s="12"/>
    </row>
    <row r="437365" spans="8:8">
      <c r="H437365" s="12"/>
    </row>
    <row r="437366" spans="8:8">
      <c r="H437366" s="12"/>
    </row>
    <row r="437367" spans="8:8">
      <c r="H437367" s="12"/>
    </row>
    <row r="437368" spans="8:8">
      <c r="H437368" s="12"/>
    </row>
    <row r="437369" spans="8:8">
      <c r="H437369" s="12"/>
    </row>
    <row r="437370" spans="8:8">
      <c r="H437370" s="12"/>
    </row>
    <row r="437371" spans="8:8">
      <c r="H437371" s="12"/>
    </row>
    <row r="437372" spans="8:8">
      <c r="H437372" s="12"/>
    </row>
    <row r="437373" spans="8:8">
      <c r="H437373" s="12"/>
    </row>
    <row r="437374" spans="8:8">
      <c r="H437374" s="12"/>
    </row>
    <row r="437375" spans="8:8">
      <c r="H437375" s="12"/>
    </row>
    <row r="437376" spans="8:8">
      <c r="H437376" s="12"/>
    </row>
    <row r="437377" spans="8:8">
      <c r="H437377" s="12"/>
    </row>
    <row r="437378" spans="8:8">
      <c r="H437378" s="12"/>
    </row>
    <row r="437379" spans="8:8">
      <c r="H437379" s="12"/>
    </row>
    <row r="437380" spans="8:8">
      <c r="H437380" s="12"/>
    </row>
    <row r="437381" spans="8:8">
      <c r="H437381" s="12"/>
    </row>
    <row r="437382" spans="8:8">
      <c r="H437382" s="12"/>
    </row>
    <row r="437383" spans="8:8">
      <c r="H437383" s="12"/>
    </row>
    <row r="437384" spans="8:8">
      <c r="H437384" s="12"/>
    </row>
    <row r="437385" spans="8:8">
      <c r="H437385" s="12"/>
    </row>
    <row r="437386" spans="8:8">
      <c r="H437386" s="12"/>
    </row>
    <row r="437387" spans="8:8">
      <c r="H437387" s="12"/>
    </row>
    <row r="437388" spans="8:8">
      <c r="H437388" s="12"/>
    </row>
    <row r="437389" spans="8:8">
      <c r="H437389" s="12"/>
    </row>
    <row r="437390" spans="8:8">
      <c r="H437390" s="12"/>
    </row>
    <row r="437391" spans="8:8">
      <c r="H437391" s="12"/>
    </row>
    <row r="437392" spans="8:8">
      <c r="H437392" s="12"/>
    </row>
    <row r="437393" spans="8:8">
      <c r="H437393" s="12"/>
    </row>
    <row r="437394" spans="8:8">
      <c r="H437394" s="12"/>
    </row>
    <row r="437395" spans="8:8">
      <c r="H437395" s="12"/>
    </row>
    <row r="437396" spans="8:8">
      <c r="H437396" s="12"/>
    </row>
    <row r="437397" spans="8:8">
      <c r="H437397" s="12"/>
    </row>
    <row r="437398" spans="8:8">
      <c r="H437398" s="12"/>
    </row>
    <row r="437399" spans="8:8">
      <c r="H437399" s="12"/>
    </row>
    <row r="437400" spans="8:8">
      <c r="H437400" s="12"/>
    </row>
    <row r="437401" spans="8:8">
      <c r="H437401" s="12"/>
    </row>
    <row r="437402" spans="8:8">
      <c r="H437402" s="12"/>
    </row>
    <row r="437403" spans="8:8">
      <c r="H437403" s="12"/>
    </row>
    <row r="437404" spans="8:8">
      <c r="H437404" s="12"/>
    </row>
    <row r="437405" spans="8:8">
      <c r="H437405" s="12"/>
    </row>
    <row r="437406" spans="8:8">
      <c r="H437406" s="12"/>
    </row>
    <row r="437407" spans="8:8">
      <c r="H437407" s="12"/>
    </row>
    <row r="437408" spans="8:8">
      <c r="H437408" s="12"/>
    </row>
    <row r="437409" spans="8:8">
      <c r="H437409" s="12"/>
    </row>
    <row r="437410" spans="8:8">
      <c r="H437410" s="12"/>
    </row>
    <row r="437411" spans="8:8">
      <c r="H437411" s="12"/>
    </row>
    <row r="437412" spans="8:8">
      <c r="H437412" s="12"/>
    </row>
    <row r="437413" spans="8:8">
      <c r="H437413" s="12"/>
    </row>
    <row r="437414" spans="8:8">
      <c r="H437414" s="12"/>
    </row>
    <row r="437415" spans="8:8">
      <c r="H437415" s="12"/>
    </row>
    <row r="437416" spans="8:8">
      <c r="H437416" s="12"/>
    </row>
    <row r="437417" spans="8:8">
      <c r="H437417" s="12"/>
    </row>
    <row r="437418" spans="8:8">
      <c r="H437418" s="12"/>
    </row>
    <row r="437419" spans="8:8">
      <c r="H437419" s="12"/>
    </row>
    <row r="437420" spans="8:8">
      <c r="H437420" s="12"/>
    </row>
    <row r="437421" spans="8:8">
      <c r="H437421" s="12"/>
    </row>
    <row r="437422" spans="8:8">
      <c r="H437422" s="12"/>
    </row>
    <row r="437423" spans="8:8">
      <c r="H437423" s="12"/>
    </row>
    <row r="437424" spans="8:8">
      <c r="H437424" s="12"/>
    </row>
    <row r="437425" spans="8:8">
      <c r="H437425" s="12"/>
    </row>
    <row r="437426" spans="8:8">
      <c r="H437426" s="12"/>
    </row>
    <row r="437427" spans="8:8">
      <c r="H437427" s="12"/>
    </row>
    <row r="437428" spans="8:8">
      <c r="H437428" s="12"/>
    </row>
    <row r="437429" spans="8:8">
      <c r="H437429" s="12"/>
    </row>
    <row r="437430" spans="8:8">
      <c r="H437430" s="12"/>
    </row>
    <row r="437431" spans="8:8">
      <c r="H437431" s="12"/>
    </row>
    <row r="437432" spans="8:8">
      <c r="H437432" s="12"/>
    </row>
    <row r="437433" spans="8:8">
      <c r="H437433" s="12"/>
    </row>
    <row r="437434" spans="8:8">
      <c r="H437434" s="12"/>
    </row>
    <row r="437435" spans="8:8">
      <c r="H437435" s="12"/>
    </row>
    <row r="437436" spans="8:8">
      <c r="H437436" s="12"/>
    </row>
    <row r="437437" spans="8:8">
      <c r="H437437" s="12"/>
    </row>
    <row r="437438" spans="8:8">
      <c r="H437438" s="12"/>
    </row>
    <row r="437439" spans="8:8">
      <c r="H437439" s="12"/>
    </row>
    <row r="437440" spans="8:8">
      <c r="H437440" s="12"/>
    </row>
    <row r="437441" spans="8:8">
      <c r="H437441" s="12"/>
    </row>
    <row r="437442" spans="8:8">
      <c r="H437442" s="12"/>
    </row>
    <row r="437443" spans="8:8">
      <c r="H437443" s="12"/>
    </row>
    <row r="437444" spans="8:8">
      <c r="H437444" s="12"/>
    </row>
    <row r="437445" spans="8:8">
      <c r="H437445" s="12"/>
    </row>
    <row r="437446" spans="8:8">
      <c r="H437446" s="12"/>
    </row>
    <row r="437447" spans="8:8">
      <c r="H437447" s="12"/>
    </row>
    <row r="437448" spans="8:8">
      <c r="H437448" s="12"/>
    </row>
    <row r="437449" spans="8:8">
      <c r="H437449" s="12"/>
    </row>
    <row r="437450" spans="8:8">
      <c r="H437450" s="12"/>
    </row>
    <row r="437451" spans="8:8">
      <c r="H437451" s="12"/>
    </row>
    <row r="437452" spans="8:8">
      <c r="H437452" s="12"/>
    </row>
    <row r="437453" spans="8:8">
      <c r="H437453" s="12"/>
    </row>
    <row r="437454" spans="8:8">
      <c r="H437454" s="12"/>
    </row>
    <row r="437455" spans="8:8">
      <c r="H437455" s="12"/>
    </row>
    <row r="437456" spans="8:8">
      <c r="H437456" s="12"/>
    </row>
    <row r="437457" spans="8:8">
      <c r="H437457" s="12"/>
    </row>
    <row r="437458" spans="8:8">
      <c r="H437458" s="12"/>
    </row>
    <row r="437459" spans="8:8">
      <c r="H437459" s="12"/>
    </row>
    <row r="437460" spans="8:8">
      <c r="H437460" s="12"/>
    </row>
    <row r="437461" spans="8:8">
      <c r="H437461" s="12"/>
    </row>
    <row r="437462" spans="8:8">
      <c r="H437462" s="12"/>
    </row>
    <row r="437463" spans="8:8">
      <c r="H437463" s="12"/>
    </row>
    <row r="437464" spans="8:8">
      <c r="H437464" s="12"/>
    </row>
    <row r="437465" spans="8:8">
      <c r="H437465" s="12"/>
    </row>
    <row r="437466" spans="8:8">
      <c r="H437466" s="12"/>
    </row>
    <row r="437467" spans="8:8">
      <c r="H437467" s="12"/>
    </row>
    <row r="437468" spans="8:8">
      <c r="H437468" s="12"/>
    </row>
    <row r="437469" spans="8:8">
      <c r="H437469" s="12"/>
    </row>
    <row r="437470" spans="8:8">
      <c r="H437470" s="12"/>
    </row>
    <row r="437471" spans="8:8">
      <c r="H437471" s="12"/>
    </row>
    <row r="437472" spans="8:8">
      <c r="H437472" s="12"/>
    </row>
    <row r="437473" spans="8:8">
      <c r="H437473" s="12"/>
    </row>
    <row r="437474" spans="8:8">
      <c r="H437474" s="12"/>
    </row>
    <row r="437475" spans="8:8">
      <c r="H437475" s="12"/>
    </row>
    <row r="437476" spans="8:8">
      <c r="H437476" s="12"/>
    </row>
    <row r="437477" spans="8:8">
      <c r="H437477" s="12"/>
    </row>
    <row r="437478" spans="8:8">
      <c r="H437478" s="12"/>
    </row>
    <row r="437479" spans="8:8">
      <c r="H437479" s="12"/>
    </row>
    <row r="437480" spans="8:8">
      <c r="H437480" s="12"/>
    </row>
    <row r="437481" spans="8:8">
      <c r="H437481" s="12"/>
    </row>
    <row r="437482" spans="8:8">
      <c r="H437482" s="12"/>
    </row>
    <row r="437483" spans="8:8">
      <c r="H437483" s="12"/>
    </row>
    <row r="437484" spans="8:8">
      <c r="H437484" s="12"/>
    </row>
    <row r="437485" spans="8:8">
      <c r="H437485" s="12"/>
    </row>
    <row r="437486" spans="8:8">
      <c r="H437486" s="12"/>
    </row>
    <row r="437487" spans="8:8">
      <c r="H437487" s="12"/>
    </row>
    <row r="437488" spans="8:8">
      <c r="H437488" s="12"/>
    </row>
    <row r="437489" spans="8:8">
      <c r="H437489" s="12"/>
    </row>
    <row r="437490" spans="8:8">
      <c r="H437490" s="12"/>
    </row>
    <row r="437491" spans="8:8">
      <c r="H437491" s="12"/>
    </row>
    <row r="437492" spans="8:8">
      <c r="H437492" s="12"/>
    </row>
    <row r="437493" spans="8:8">
      <c r="H437493" s="12"/>
    </row>
    <row r="437494" spans="8:8">
      <c r="H437494" s="12"/>
    </row>
    <row r="437495" spans="8:8">
      <c r="H437495" s="12"/>
    </row>
    <row r="437496" spans="8:8">
      <c r="H437496" s="12"/>
    </row>
    <row r="437497" spans="8:8">
      <c r="H437497" s="12"/>
    </row>
    <row r="437498" spans="8:8">
      <c r="H437498" s="12"/>
    </row>
    <row r="437499" spans="8:8">
      <c r="H437499" s="12"/>
    </row>
    <row r="437500" spans="8:8">
      <c r="H437500" s="12"/>
    </row>
    <row r="437501" spans="8:8">
      <c r="H437501" s="12"/>
    </row>
    <row r="437502" spans="8:8">
      <c r="H437502" s="12"/>
    </row>
    <row r="437503" spans="8:8">
      <c r="H437503" s="12"/>
    </row>
    <row r="437504" spans="8:8">
      <c r="H437504" s="12"/>
    </row>
    <row r="437505" spans="8:8">
      <c r="H437505" s="12"/>
    </row>
    <row r="437506" spans="8:8">
      <c r="H437506" s="12"/>
    </row>
    <row r="437507" spans="8:8">
      <c r="H437507" s="12"/>
    </row>
    <row r="437508" spans="8:8">
      <c r="H437508" s="12"/>
    </row>
    <row r="437509" spans="8:8">
      <c r="H437509" s="12"/>
    </row>
    <row r="437510" spans="8:8">
      <c r="H437510" s="12"/>
    </row>
    <row r="437511" spans="8:8">
      <c r="H437511" s="12"/>
    </row>
    <row r="437512" spans="8:8">
      <c r="H437512" s="12"/>
    </row>
    <row r="437513" spans="8:8">
      <c r="H437513" s="12"/>
    </row>
    <row r="437514" spans="8:8">
      <c r="H437514" s="12"/>
    </row>
    <row r="437515" spans="8:8">
      <c r="H437515" s="12"/>
    </row>
    <row r="437516" spans="8:8">
      <c r="H437516" s="12"/>
    </row>
    <row r="437517" spans="8:8">
      <c r="H437517" s="12"/>
    </row>
    <row r="437518" spans="8:8">
      <c r="H437518" s="12"/>
    </row>
    <row r="437519" spans="8:8">
      <c r="H437519" s="12"/>
    </row>
    <row r="437520" spans="8:8">
      <c r="H437520" s="12"/>
    </row>
    <row r="437521" spans="8:8">
      <c r="H437521" s="12"/>
    </row>
    <row r="437522" spans="8:8">
      <c r="H437522" s="12"/>
    </row>
    <row r="437523" spans="8:8">
      <c r="H437523" s="12"/>
    </row>
    <row r="437524" spans="8:8">
      <c r="H437524" s="12"/>
    </row>
    <row r="437525" spans="8:8">
      <c r="H437525" s="12"/>
    </row>
    <row r="437526" spans="8:8">
      <c r="H437526" s="12"/>
    </row>
    <row r="437527" spans="8:8">
      <c r="H437527" s="12"/>
    </row>
    <row r="437528" spans="8:8">
      <c r="H437528" s="12"/>
    </row>
    <row r="437529" spans="8:8">
      <c r="H437529" s="12"/>
    </row>
    <row r="437530" spans="8:8">
      <c r="H437530" s="12"/>
    </row>
    <row r="437531" spans="8:8">
      <c r="H437531" s="12"/>
    </row>
    <row r="437532" spans="8:8">
      <c r="H437532" s="12"/>
    </row>
    <row r="437533" spans="8:8">
      <c r="H437533" s="12"/>
    </row>
    <row r="437534" spans="8:8">
      <c r="H437534" s="12"/>
    </row>
    <row r="437535" spans="8:8">
      <c r="H437535" s="12"/>
    </row>
    <row r="437536" spans="8:8">
      <c r="H437536" s="12"/>
    </row>
    <row r="437537" spans="8:8">
      <c r="H437537" s="12"/>
    </row>
    <row r="437538" spans="8:8">
      <c r="H437538" s="12"/>
    </row>
    <row r="437539" spans="8:8">
      <c r="H437539" s="12"/>
    </row>
    <row r="437540" spans="8:8">
      <c r="H437540" s="12"/>
    </row>
    <row r="437541" spans="8:8">
      <c r="H437541" s="12"/>
    </row>
    <row r="437542" spans="8:8">
      <c r="H437542" s="12"/>
    </row>
    <row r="437543" spans="8:8">
      <c r="H437543" s="12"/>
    </row>
    <row r="437544" spans="8:8">
      <c r="H437544" s="12"/>
    </row>
    <row r="437545" spans="8:8">
      <c r="H437545" s="12"/>
    </row>
    <row r="437546" spans="8:8">
      <c r="H437546" s="12"/>
    </row>
    <row r="437547" spans="8:8">
      <c r="H437547" s="12"/>
    </row>
    <row r="437548" spans="8:8">
      <c r="H437548" s="12"/>
    </row>
    <row r="437549" spans="8:8">
      <c r="H437549" s="12"/>
    </row>
    <row r="437550" spans="8:8">
      <c r="H437550" s="12"/>
    </row>
    <row r="437551" spans="8:8">
      <c r="H437551" s="12"/>
    </row>
    <row r="437552" spans="8:8">
      <c r="H437552" s="12"/>
    </row>
    <row r="437553" spans="8:8">
      <c r="H437553" s="12"/>
    </row>
    <row r="437554" spans="8:8">
      <c r="H437554" s="12"/>
    </row>
    <row r="437555" spans="8:8">
      <c r="H437555" s="12"/>
    </row>
    <row r="437556" spans="8:8">
      <c r="H437556" s="12"/>
    </row>
    <row r="437557" spans="8:8">
      <c r="H437557" s="12"/>
    </row>
    <row r="437558" spans="8:8">
      <c r="H437558" s="12"/>
    </row>
    <row r="437559" spans="8:8">
      <c r="H437559" s="12"/>
    </row>
    <row r="437560" spans="8:8">
      <c r="H437560" s="12"/>
    </row>
    <row r="437561" spans="8:8">
      <c r="H437561" s="12"/>
    </row>
    <row r="437562" spans="8:8">
      <c r="H437562" s="12"/>
    </row>
    <row r="437563" spans="8:8">
      <c r="H437563" s="12"/>
    </row>
    <row r="437564" spans="8:8">
      <c r="H437564" s="12"/>
    </row>
    <row r="437565" spans="8:8">
      <c r="H437565" s="12"/>
    </row>
    <row r="437566" spans="8:8">
      <c r="H437566" s="12"/>
    </row>
    <row r="437567" spans="8:8">
      <c r="H437567" s="12"/>
    </row>
    <row r="437568" spans="8:8">
      <c r="H437568" s="12"/>
    </row>
    <row r="437569" spans="8:8">
      <c r="H437569" s="12"/>
    </row>
    <row r="437570" spans="8:8">
      <c r="H437570" s="12"/>
    </row>
    <row r="437571" spans="8:8">
      <c r="H437571" s="12"/>
    </row>
    <row r="437572" spans="8:8">
      <c r="H437572" s="12"/>
    </row>
    <row r="437573" spans="8:8">
      <c r="H437573" s="12"/>
    </row>
    <row r="437574" spans="8:8">
      <c r="H437574" s="12"/>
    </row>
    <row r="437575" spans="8:8">
      <c r="H437575" s="12"/>
    </row>
    <row r="437576" spans="8:8">
      <c r="H437576" s="12"/>
    </row>
    <row r="437577" spans="8:8">
      <c r="H437577" s="12"/>
    </row>
    <row r="437578" spans="8:8">
      <c r="H437578" s="12"/>
    </row>
    <row r="437579" spans="8:8">
      <c r="H437579" s="12"/>
    </row>
    <row r="437580" spans="8:8">
      <c r="H437580" s="12"/>
    </row>
    <row r="437581" spans="8:8">
      <c r="H437581" s="12"/>
    </row>
    <row r="437582" spans="8:8">
      <c r="H437582" s="12"/>
    </row>
    <row r="437583" spans="8:8">
      <c r="H437583" s="12"/>
    </row>
    <row r="437584" spans="8:8">
      <c r="H437584" s="12"/>
    </row>
    <row r="437585" spans="8:8">
      <c r="H437585" s="12"/>
    </row>
    <row r="437586" spans="8:8">
      <c r="H437586" s="12"/>
    </row>
    <row r="437587" spans="8:8">
      <c r="H437587" s="12"/>
    </row>
    <row r="437588" spans="8:8">
      <c r="H437588" s="12"/>
    </row>
    <row r="437589" spans="8:8">
      <c r="H437589" s="12"/>
    </row>
    <row r="437590" spans="8:8">
      <c r="H437590" s="12"/>
    </row>
    <row r="437591" spans="8:8">
      <c r="H437591" s="12"/>
    </row>
    <row r="437592" spans="8:8">
      <c r="H437592" s="12"/>
    </row>
    <row r="437593" spans="8:8">
      <c r="H437593" s="12"/>
    </row>
    <row r="437594" spans="8:8">
      <c r="H437594" s="12"/>
    </row>
    <row r="437595" spans="8:8">
      <c r="H437595" s="12"/>
    </row>
    <row r="437596" spans="8:8">
      <c r="H437596" s="12"/>
    </row>
    <row r="437597" spans="8:8">
      <c r="H437597" s="12"/>
    </row>
    <row r="437598" spans="8:8">
      <c r="H437598" s="12"/>
    </row>
    <row r="437599" spans="8:8">
      <c r="H437599" s="12"/>
    </row>
    <row r="437600" spans="8:8">
      <c r="H437600" s="12"/>
    </row>
    <row r="437601" spans="8:8">
      <c r="H437601" s="12"/>
    </row>
    <row r="437602" spans="8:8">
      <c r="H437602" s="12"/>
    </row>
    <row r="437603" spans="8:8">
      <c r="H437603" s="12"/>
    </row>
    <row r="437604" spans="8:8">
      <c r="H437604" s="12"/>
    </row>
    <row r="437605" spans="8:8">
      <c r="H437605" s="12"/>
    </row>
    <row r="437606" spans="8:8">
      <c r="H437606" s="12"/>
    </row>
    <row r="437607" spans="8:8">
      <c r="H437607" s="12"/>
    </row>
    <row r="437608" spans="8:8">
      <c r="H437608" s="12"/>
    </row>
    <row r="437609" spans="8:8">
      <c r="H437609" s="12"/>
    </row>
    <row r="437610" spans="8:8">
      <c r="H437610" s="12"/>
    </row>
    <row r="437611" spans="8:8">
      <c r="H437611" s="12"/>
    </row>
    <row r="437612" spans="8:8">
      <c r="H437612" s="12"/>
    </row>
    <row r="437613" spans="8:8">
      <c r="H437613" s="12"/>
    </row>
    <row r="437614" spans="8:8">
      <c r="H437614" s="12"/>
    </row>
    <row r="437615" spans="8:8">
      <c r="H437615" s="12"/>
    </row>
    <row r="437616" spans="8:8">
      <c r="H437616" s="12"/>
    </row>
    <row r="437617" spans="8:8">
      <c r="H437617" s="12"/>
    </row>
    <row r="437618" spans="8:8">
      <c r="H437618" s="12"/>
    </row>
    <row r="437619" spans="8:8">
      <c r="H437619" s="12"/>
    </row>
    <row r="437620" spans="8:8">
      <c r="H437620" s="12"/>
    </row>
    <row r="437621" spans="8:8">
      <c r="H437621" s="12"/>
    </row>
    <row r="437622" spans="8:8">
      <c r="H437622" s="12"/>
    </row>
    <row r="437623" spans="8:8">
      <c r="H437623" s="12"/>
    </row>
    <row r="437624" spans="8:8">
      <c r="H437624" s="12"/>
    </row>
    <row r="437625" spans="8:8">
      <c r="H437625" s="12"/>
    </row>
    <row r="437626" spans="8:8">
      <c r="H437626" s="12"/>
    </row>
    <row r="437627" spans="8:8">
      <c r="H437627" s="12"/>
    </row>
    <row r="437628" spans="8:8">
      <c r="H437628" s="12"/>
    </row>
    <row r="437629" spans="8:8">
      <c r="H437629" s="12"/>
    </row>
    <row r="437630" spans="8:8">
      <c r="H437630" s="12"/>
    </row>
    <row r="437631" spans="8:8">
      <c r="H437631" s="12"/>
    </row>
    <row r="437632" spans="8:8">
      <c r="H437632" s="12"/>
    </row>
    <row r="437633" spans="8:8">
      <c r="H437633" s="12"/>
    </row>
    <row r="437634" spans="8:8">
      <c r="H437634" s="12"/>
    </row>
    <row r="437635" spans="8:8">
      <c r="H437635" s="12"/>
    </row>
    <row r="437636" spans="8:8">
      <c r="H437636" s="12"/>
    </row>
    <row r="437637" spans="8:8">
      <c r="H437637" s="12"/>
    </row>
    <row r="437638" spans="8:8">
      <c r="H437638" s="12"/>
    </row>
    <row r="437639" spans="8:8">
      <c r="H437639" s="12"/>
    </row>
    <row r="437640" spans="8:8">
      <c r="H437640" s="12"/>
    </row>
    <row r="437641" spans="8:8">
      <c r="H437641" s="12"/>
    </row>
    <row r="437642" spans="8:8">
      <c r="H437642" s="12"/>
    </row>
    <row r="437643" spans="8:8">
      <c r="H437643" s="12"/>
    </row>
    <row r="437644" spans="8:8">
      <c r="H437644" s="12"/>
    </row>
    <row r="437645" spans="8:8">
      <c r="H437645" s="12"/>
    </row>
    <row r="437646" spans="8:8">
      <c r="H437646" s="12"/>
    </row>
    <row r="437647" spans="8:8">
      <c r="H437647" s="12"/>
    </row>
    <row r="437648" spans="8:8">
      <c r="H437648" s="12"/>
    </row>
    <row r="437649" spans="8:8">
      <c r="H437649" s="12"/>
    </row>
    <row r="437650" spans="8:8">
      <c r="H437650" s="12"/>
    </row>
    <row r="437651" spans="8:8">
      <c r="H437651" s="12"/>
    </row>
    <row r="437652" spans="8:8">
      <c r="H437652" s="12"/>
    </row>
    <row r="437653" spans="8:8">
      <c r="H437653" s="12"/>
    </row>
    <row r="437654" spans="8:8">
      <c r="H437654" s="12"/>
    </row>
    <row r="437655" spans="8:8">
      <c r="H437655" s="12"/>
    </row>
    <row r="437656" spans="8:8">
      <c r="H437656" s="12"/>
    </row>
    <row r="437657" spans="8:8">
      <c r="H437657" s="12"/>
    </row>
    <row r="437658" spans="8:8">
      <c r="H437658" s="12"/>
    </row>
    <row r="437659" spans="8:8">
      <c r="H437659" s="12"/>
    </row>
    <row r="437660" spans="8:8">
      <c r="H437660" s="12"/>
    </row>
    <row r="437661" spans="8:8">
      <c r="H437661" s="12"/>
    </row>
    <row r="437662" spans="8:8">
      <c r="H437662" s="12"/>
    </row>
    <row r="437663" spans="8:8">
      <c r="H437663" s="12"/>
    </row>
    <row r="437664" spans="8:8">
      <c r="H437664" s="12"/>
    </row>
    <row r="437665" spans="8:8">
      <c r="H437665" s="12"/>
    </row>
    <row r="437666" spans="8:8">
      <c r="H437666" s="12"/>
    </row>
    <row r="437667" spans="8:8">
      <c r="H437667" s="12"/>
    </row>
    <row r="437668" spans="8:8">
      <c r="H437668" s="12"/>
    </row>
    <row r="437669" spans="8:8">
      <c r="H437669" s="12"/>
    </row>
    <row r="437670" spans="8:8">
      <c r="H437670" s="12"/>
    </row>
    <row r="437671" spans="8:8">
      <c r="H437671" s="12"/>
    </row>
    <row r="437672" spans="8:8">
      <c r="H437672" s="12"/>
    </row>
    <row r="437673" spans="8:8">
      <c r="H437673" s="12"/>
    </row>
    <row r="437674" spans="8:8">
      <c r="H437674" s="12"/>
    </row>
    <row r="437675" spans="8:8">
      <c r="H437675" s="12"/>
    </row>
    <row r="437676" spans="8:8">
      <c r="H437676" s="12"/>
    </row>
    <row r="437677" spans="8:8">
      <c r="H437677" s="12"/>
    </row>
    <row r="437678" spans="8:8">
      <c r="H437678" s="12"/>
    </row>
    <row r="437679" spans="8:8">
      <c r="H437679" s="12"/>
    </row>
    <row r="437680" spans="8:8">
      <c r="H437680" s="12"/>
    </row>
    <row r="437681" spans="8:8">
      <c r="H437681" s="12"/>
    </row>
    <row r="437682" spans="8:8">
      <c r="H437682" s="12"/>
    </row>
    <row r="437683" spans="8:8">
      <c r="H437683" s="12"/>
    </row>
    <row r="437684" spans="8:8">
      <c r="H437684" s="12"/>
    </row>
    <row r="437685" spans="8:8">
      <c r="H437685" s="12"/>
    </row>
    <row r="437686" spans="8:8">
      <c r="H437686" s="12"/>
    </row>
    <row r="437687" spans="8:8">
      <c r="H437687" s="12"/>
    </row>
    <row r="437688" spans="8:8">
      <c r="H437688" s="12"/>
    </row>
    <row r="437689" spans="8:8">
      <c r="H437689" s="12"/>
    </row>
    <row r="437690" spans="8:8">
      <c r="H437690" s="12"/>
    </row>
    <row r="437691" spans="8:8">
      <c r="H437691" s="12"/>
    </row>
    <row r="437692" spans="8:8">
      <c r="H437692" s="12"/>
    </row>
    <row r="437693" spans="8:8">
      <c r="H437693" s="12"/>
    </row>
    <row r="437694" spans="8:8">
      <c r="H437694" s="12"/>
    </row>
    <row r="437695" spans="8:8">
      <c r="H437695" s="12"/>
    </row>
    <row r="437696" spans="8:8">
      <c r="H437696" s="12"/>
    </row>
    <row r="437697" spans="8:8">
      <c r="H437697" s="12"/>
    </row>
    <row r="437698" spans="8:8">
      <c r="H437698" s="12"/>
    </row>
    <row r="437699" spans="8:8">
      <c r="H437699" s="12"/>
    </row>
    <row r="437700" spans="8:8">
      <c r="H437700" s="12"/>
    </row>
    <row r="437701" spans="8:8">
      <c r="H437701" s="12"/>
    </row>
    <row r="437702" spans="8:8">
      <c r="H437702" s="12"/>
    </row>
    <row r="437703" spans="8:8">
      <c r="H437703" s="12"/>
    </row>
    <row r="437704" spans="8:8">
      <c r="H437704" s="12"/>
    </row>
    <row r="437705" spans="8:8">
      <c r="H437705" s="12"/>
    </row>
    <row r="437706" spans="8:8">
      <c r="H437706" s="12"/>
    </row>
    <row r="437707" spans="8:8">
      <c r="H437707" s="12"/>
    </row>
    <row r="437708" spans="8:8">
      <c r="H437708" s="12"/>
    </row>
    <row r="437709" spans="8:8">
      <c r="H437709" s="12"/>
    </row>
    <row r="437710" spans="8:8">
      <c r="H437710" s="12"/>
    </row>
    <row r="437711" spans="8:8">
      <c r="H437711" s="12"/>
    </row>
    <row r="437712" spans="8:8">
      <c r="H437712" s="12"/>
    </row>
    <row r="437713" spans="8:8">
      <c r="H437713" s="12"/>
    </row>
    <row r="437714" spans="8:8">
      <c r="H437714" s="12"/>
    </row>
    <row r="437715" spans="8:8">
      <c r="H437715" s="12"/>
    </row>
    <row r="437716" spans="8:8">
      <c r="H437716" s="12"/>
    </row>
    <row r="437717" spans="8:8">
      <c r="H437717" s="12"/>
    </row>
    <row r="437718" spans="8:8">
      <c r="H437718" s="12"/>
    </row>
    <row r="437719" spans="8:8">
      <c r="H437719" s="12"/>
    </row>
    <row r="437720" spans="8:8">
      <c r="H437720" s="12"/>
    </row>
    <row r="437721" spans="8:8">
      <c r="H437721" s="12"/>
    </row>
    <row r="437722" spans="8:8">
      <c r="H437722" s="12"/>
    </row>
    <row r="437723" spans="8:8">
      <c r="H437723" s="12"/>
    </row>
    <row r="437724" spans="8:8">
      <c r="H437724" s="12"/>
    </row>
    <row r="437725" spans="8:8">
      <c r="H437725" s="12"/>
    </row>
    <row r="437726" spans="8:8">
      <c r="H437726" s="12"/>
    </row>
    <row r="437727" spans="8:8">
      <c r="H437727" s="12"/>
    </row>
    <row r="437728" spans="8:8">
      <c r="H437728" s="12"/>
    </row>
    <row r="437729" spans="8:8">
      <c r="H437729" s="12"/>
    </row>
    <row r="437730" spans="8:8">
      <c r="H437730" s="12"/>
    </row>
    <row r="437731" spans="8:8">
      <c r="H437731" s="12"/>
    </row>
    <row r="437732" spans="8:8">
      <c r="H437732" s="12"/>
    </row>
    <row r="437733" spans="8:8">
      <c r="H437733" s="12"/>
    </row>
    <row r="437734" spans="8:8">
      <c r="H437734" s="12"/>
    </row>
    <row r="437735" spans="8:8">
      <c r="H437735" s="12"/>
    </row>
    <row r="437736" spans="8:8">
      <c r="H437736" s="12"/>
    </row>
    <row r="437737" spans="8:8">
      <c r="H437737" s="12"/>
    </row>
    <row r="437738" spans="8:8">
      <c r="H437738" s="12"/>
    </row>
    <row r="437739" spans="8:8">
      <c r="H437739" s="12"/>
    </row>
    <row r="437740" spans="8:8">
      <c r="H437740" s="12"/>
    </row>
    <row r="437741" spans="8:8">
      <c r="H437741" s="12"/>
    </row>
    <row r="437742" spans="8:8">
      <c r="H437742" s="12"/>
    </row>
    <row r="437743" spans="8:8">
      <c r="H437743" s="12"/>
    </row>
    <row r="437744" spans="8:8">
      <c r="H437744" s="12"/>
    </row>
    <row r="437745" spans="8:8">
      <c r="H437745" s="12"/>
    </row>
    <row r="437746" spans="8:8">
      <c r="H437746" s="12"/>
    </row>
    <row r="437747" spans="8:8">
      <c r="H437747" s="12"/>
    </row>
    <row r="437748" spans="8:8">
      <c r="H437748" s="12"/>
    </row>
    <row r="437749" spans="8:8">
      <c r="H437749" s="12"/>
    </row>
    <row r="437750" spans="8:8">
      <c r="H437750" s="12"/>
    </row>
    <row r="437751" spans="8:8">
      <c r="H437751" s="12"/>
    </row>
    <row r="437752" spans="8:8">
      <c r="H437752" s="12"/>
    </row>
    <row r="437753" spans="8:8">
      <c r="H437753" s="12"/>
    </row>
    <row r="437754" spans="8:8">
      <c r="H437754" s="12"/>
    </row>
    <row r="437755" spans="8:8">
      <c r="H437755" s="12"/>
    </row>
    <row r="437756" spans="8:8">
      <c r="H437756" s="12"/>
    </row>
    <row r="437757" spans="8:8">
      <c r="H437757" s="12"/>
    </row>
    <row r="437758" spans="8:8">
      <c r="H437758" s="12"/>
    </row>
    <row r="437759" spans="8:8">
      <c r="H437759" s="12"/>
    </row>
    <row r="437760" spans="8:8">
      <c r="H437760" s="12"/>
    </row>
    <row r="437761" spans="8:8">
      <c r="H437761" s="12"/>
    </row>
    <row r="437762" spans="8:8">
      <c r="H437762" s="12"/>
    </row>
    <row r="437763" spans="8:8">
      <c r="H437763" s="12"/>
    </row>
    <row r="437764" spans="8:8">
      <c r="H437764" s="12"/>
    </row>
    <row r="437765" spans="8:8">
      <c r="H437765" s="12"/>
    </row>
    <row r="437766" spans="8:8">
      <c r="H437766" s="12"/>
    </row>
    <row r="437767" spans="8:8">
      <c r="H437767" s="12"/>
    </row>
    <row r="437768" spans="8:8">
      <c r="H437768" s="12"/>
    </row>
    <row r="437769" spans="8:8">
      <c r="H437769" s="12"/>
    </row>
    <row r="437770" spans="8:8">
      <c r="H437770" s="12"/>
    </row>
    <row r="437771" spans="8:8">
      <c r="H437771" s="12"/>
    </row>
    <row r="437772" spans="8:8">
      <c r="H437772" s="12"/>
    </row>
    <row r="437773" spans="8:8">
      <c r="H437773" s="12"/>
    </row>
    <row r="437774" spans="8:8">
      <c r="H437774" s="12"/>
    </row>
    <row r="437775" spans="8:8">
      <c r="H437775" s="12"/>
    </row>
    <row r="437776" spans="8:8">
      <c r="H437776" s="12"/>
    </row>
    <row r="437777" spans="8:8">
      <c r="H437777" s="12"/>
    </row>
    <row r="437778" spans="8:8">
      <c r="H437778" s="12"/>
    </row>
    <row r="437779" spans="8:8">
      <c r="H437779" s="12"/>
    </row>
    <row r="437780" spans="8:8">
      <c r="H437780" s="12"/>
    </row>
    <row r="437781" spans="8:8">
      <c r="H437781" s="12"/>
    </row>
    <row r="437782" spans="8:8">
      <c r="H437782" s="12"/>
    </row>
    <row r="437783" spans="8:8">
      <c r="H437783" s="12"/>
    </row>
    <row r="437784" spans="8:8">
      <c r="H437784" s="12"/>
    </row>
    <row r="437785" spans="8:8">
      <c r="H437785" s="12"/>
    </row>
    <row r="437786" spans="8:8">
      <c r="H437786" s="12"/>
    </row>
    <row r="437787" spans="8:8">
      <c r="H437787" s="12"/>
    </row>
    <row r="437788" spans="8:8">
      <c r="H437788" s="12"/>
    </row>
    <row r="437789" spans="8:8">
      <c r="H437789" s="12"/>
    </row>
    <row r="437790" spans="8:8">
      <c r="H437790" s="12"/>
    </row>
    <row r="437791" spans="8:8">
      <c r="H437791" s="12"/>
    </row>
    <row r="437792" spans="8:8">
      <c r="H437792" s="12"/>
    </row>
    <row r="437793" spans="8:8">
      <c r="H437793" s="12"/>
    </row>
    <row r="437794" spans="8:8">
      <c r="H437794" s="12"/>
    </row>
    <row r="437795" spans="8:8">
      <c r="H437795" s="12"/>
    </row>
    <row r="437796" spans="8:8">
      <c r="H437796" s="12"/>
    </row>
    <row r="437797" spans="8:8">
      <c r="H437797" s="12"/>
    </row>
    <row r="437798" spans="8:8">
      <c r="H437798" s="12"/>
    </row>
    <row r="437799" spans="8:8">
      <c r="H437799" s="12"/>
    </row>
    <row r="437800" spans="8:8">
      <c r="H437800" s="12"/>
    </row>
    <row r="437801" spans="8:8">
      <c r="H437801" s="12"/>
    </row>
    <row r="437802" spans="8:8">
      <c r="H437802" s="12"/>
    </row>
    <row r="437803" spans="8:8">
      <c r="H437803" s="12"/>
    </row>
    <row r="437804" spans="8:8">
      <c r="H437804" s="12"/>
    </row>
    <row r="437805" spans="8:8">
      <c r="H437805" s="12"/>
    </row>
    <row r="437806" spans="8:8">
      <c r="H437806" s="12"/>
    </row>
    <row r="437807" spans="8:8">
      <c r="H437807" s="12"/>
    </row>
    <row r="437808" spans="8:8">
      <c r="H437808" s="12"/>
    </row>
    <row r="437809" spans="8:8">
      <c r="H437809" s="12"/>
    </row>
    <row r="437810" spans="8:8">
      <c r="H437810" s="12"/>
    </row>
    <row r="437811" spans="8:8">
      <c r="H437811" s="12"/>
    </row>
    <row r="437812" spans="8:8">
      <c r="H437812" s="12"/>
    </row>
    <row r="437813" spans="8:8">
      <c r="H437813" s="12"/>
    </row>
    <row r="437814" spans="8:8">
      <c r="H437814" s="12"/>
    </row>
    <row r="437815" spans="8:8">
      <c r="H437815" s="12"/>
    </row>
    <row r="437816" spans="8:8">
      <c r="H437816" s="12"/>
    </row>
    <row r="437817" spans="8:8">
      <c r="H437817" s="12"/>
    </row>
    <row r="437818" spans="8:8">
      <c r="H437818" s="12"/>
    </row>
    <row r="437819" spans="8:8">
      <c r="H437819" s="12"/>
    </row>
    <row r="437820" spans="8:8">
      <c r="H437820" s="12"/>
    </row>
    <row r="437821" spans="8:8">
      <c r="H437821" s="12"/>
    </row>
    <row r="437822" spans="8:8">
      <c r="H437822" s="12"/>
    </row>
    <row r="437823" spans="8:8">
      <c r="H437823" s="12"/>
    </row>
    <row r="437824" spans="8:8">
      <c r="H437824" s="12"/>
    </row>
    <row r="437825" spans="8:8">
      <c r="H437825" s="12"/>
    </row>
    <row r="437826" spans="8:8">
      <c r="H437826" s="12"/>
    </row>
    <row r="437827" spans="8:8">
      <c r="H437827" s="12"/>
    </row>
    <row r="437828" spans="8:8">
      <c r="H437828" s="12"/>
    </row>
    <row r="437829" spans="8:8">
      <c r="H437829" s="12"/>
    </row>
    <row r="437830" spans="8:8">
      <c r="H437830" s="12"/>
    </row>
    <row r="437831" spans="8:8">
      <c r="H437831" s="12"/>
    </row>
    <row r="437832" spans="8:8">
      <c r="H437832" s="12"/>
    </row>
    <row r="437833" spans="8:8">
      <c r="H437833" s="12"/>
    </row>
    <row r="437834" spans="8:8">
      <c r="H437834" s="12"/>
    </row>
    <row r="437835" spans="8:8">
      <c r="H437835" s="12"/>
    </row>
    <row r="437836" spans="8:8">
      <c r="H437836" s="12"/>
    </row>
    <row r="437837" spans="8:8">
      <c r="H437837" s="12"/>
    </row>
    <row r="437838" spans="8:8">
      <c r="H437838" s="12"/>
    </row>
    <row r="437839" spans="8:8">
      <c r="H437839" s="12"/>
    </row>
    <row r="437840" spans="8:8">
      <c r="H437840" s="12"/>
    </row>
    <row r="437841" spans="8:8">
      <c r="H437841" s="12"/>
    </row>
    <row r="437842" spans="8:8">
      <c r="H437842" s="12"/>
    </row>
    <row r="437843" spans="8:8">
      <c r="H437843" s="12"/>
    </row>
    <row r="437844" spans="8:8">
      <c r="H437844" s="12"/>
    </row>
    <row r="437845" spans="8:8">
      <c r="H437845" s="12"/>
    </row>
    <row r="437846" spans="8:8">
      <c r="H437846" s="12"/>
    </row>
    <row r="437847" spans="8:8">
      <c r="H437847" s="12"/>
    </row>
    <row r="437848" spans="8:8">
      <c r="H437848" s="12"/>
    </row>
    <row r="437849" spans="8:8">
      <c r="H437849" s="12"/>
    </row>
    <row r="437850" spans="8:8">
      <c r="H437850" s="12"/>
    </row>
    <row r="437851" spans="8:8">
      <c r="H437851" s="12"/>
    </row>
    <row r="437852" spans="8:8">
      <c r="H437852" s="12"/>
    </row>
    <row r="437853" spans="8:8">
      <c r="H437853" s="12"/>
    </row>
    <row r="437854" spans="8:8">
      <c r="H437854" s="12"/>
    </row>
    <row r="437855" spans="8:8">
      <c r="H437855" s="12"/>
    </row>
    <row r="437856" spans="8:8">
      <c r="H437856" s="12"/>
    </row>
    <row r="437857" spans="8:8">
      <c r="H437857" s="12"/>
    </row>
    <row r="437858" spans="8:8">
      <c r="H437858" s="12"/>
    </row>
    <row r="437859" spans="8:8">
      <c r="H437859" s="12"/>
    </row>
    <row r="437860" spans="8:8">
      <c r="H437860" s="12"/>
    </row>
    <row r="437861" spans="8:8">
      <c r="H437861" s="12"/>
    </row>
    <row r="437862" spans="8:8">
      <c r="H437862" s="12"/>
    </row>
    <row r="437863" spans="8:8">
      <c r="H437863" s="12"/>
    </row>
    <row r="437864" spans="8:8">
      <c r="H437864" s="12"/>
    </row>
    <row r="437865" spans="8:8">
      <c r="H437865" s="12"/>
    </row>
    <row r="437866" spans="8:8">
      <c r="H437866" s="12"/>
    </row>
    <row r="437867" spans="8:8">
      <c r="H437867" s="12"/>
    </row>
    <row r="437868" spans="8:8">
      <c r="H437868" s="12"/>
    </row>
    <row r="437869" spans="8:8">
      <c r="H437869" s="12"/>
    </row>
    <row r="437870" spans="8:8">
      <c r="H437870" s="12"/>
    </row>
    <row r="437871" spans="8:8">
      <c r="H437871" s="12"/>
    </row>
    <row r="437872" spans="8:8">
      <c r="H437872" s="12"/>
    </row>
    <row r="437873" spans="8:8">
      <c r="H437873" s="12"/>
    </row>
    <row r="437874" spans="8:8">
      <c r="H437874" s="12"/>
    </row>
    <row r="437875" spans="8:8">
      <c r="H437875" s="12"/>
    </row>
    <row r="437876" spans="8:8">
      <c r="H437876" s="12"/>
    </row>
    <row r="437877" spans="8:8">
      <c r="H437877" s="12"/>
    </row>
    <row r="437878" spans="8:8">
      <c r="H437878" s="12"/>
    </row>
    <row r="437879" spans="8:8">
      <c r="H437879" s="12"/>
    </row>
    <row r="437880" spans="8:8">
      <c r="H437880" s="12"/>
    </row>
    <row r="437881" spans="8:8">
      <c r="H437881" s="12"/>
    </row>
    <row r="437882" spans="8:8">
      <c r="H437882" s="12"/>
    </row>
    <row r="437883" spans="8:8">
      <c r="H437883" s="12"/>
    </row>
    <row r="437884" spans="8:8">
      <c r="H437884" s="12"/>
    </row>
    <row r="437885" spans="8:8">
      <c r="H437885" s="12"/>
    </row>
    <row r="437886" spans="8:8">
      <c r="H437886" s="12"/>
    </row>
    <row r="437887" spans="8:8">
      <c r="H437887" s="12"/>
    </row>
    <row r="437888" spans="8:8">
      <c r="H437888" s="12"/>
    </row>
    <row r="437889" spans="8:8">
      <c r="H437889" s="12"/>
    </row>
    <row r="437890" spans="8:8">
      <c r="H437890" s="12"/>
    </row>
    <row r="437891" spans="8:8">
      <c r="H437891" s="12"/>
    </row>
    <row r="437892" spans="8:8">
      <c r="H437892" s="12"/>
    </row>
    <row r="437893" spans="8:8">
      <c r="H437893" s="12"/>
    </row>
    <row r="437894" spans="8:8">
      <c r="H437894" s="12"/>
    </row>
    <row r="437895" spans="8:8">
      <c r="H437895" s="12"/>
    </row>
    <row r="437896" spans="8:8">
      <c r="H437896" s="12"/>
    </row>
    <row r="437897" spans="8:8">
      <c r="H437897" s="12"/>
    </row>
    <row r="437898" spans="8:8">
      <c r="H437898" s="12"/>
    </row>
    <row r="437899" spans="8:8">
      <c r="H437899" s="12"/>
    </row>
    <row r="437900" spans="8:8">
      <c r="H437900" s="12"/>
    </row>
    <row r="437901" spans="8:8">
      <c r="H437901" s="12"/>
    </row>
    <row r="437902" spans="8:8">
      <c r="H437902" s="12"/>
    </row>
    <row r="437903" spans="8:8">
      <c r="H437903" s="12"/>
    </row>
    <row r="437904" spans="8:8">
      <c r="H437904" s="12"/>
    </row>
    <row r="437905" spans="8:8">
      <c r="H437905" s="12"/>
    </row>
    <row r="437906" spans="8:8">
      <c r="H437906" s="12"/>
    </row>
    <row r="437907" spans="8:8">
      <c r="H437907" s="12"/>
    </row>
    <row r="437908" spans="8:8">
      <c r="H437908" s="12"/>
    </row>
    <row r="437909" spans="8:8">
      <c r="H437909" s="12"/>
    </row>
    <row r="437910" spans="8:8">
      <c r="H437910" s="12"/>
    </row>
    <row r="437911" spans="8:8">
      <c r="H437911" s="12"/>
    </row>
    <row r="437912" spans="8:8">
      <c r="H437912" s="12"/>
    </row>
    <row r="437913" spans="8:8">
      <c r="H437913" s="12"/>
    </row>
    <row r="437914" spans="8:8">
      <c r="H437914" s="12"/>
    </row>
    <row r="437915" spans="8:8">
      <c r="H437915" s="12"/>
    </row>
    <row r="437916" spans="8:8">
      <c r="H437916" s="12"/>
    </row>
    <row r="437917" spans="8:8">
      <c r="H437917" s="12"/>
    </row>
    <row r="437918" spans="8:8">
      <c r="H437918" s="12"/>
    </row>
    <row r="437919" spans="8:8">
      <c r="H437919" s="12"/>
    </row>
    <row r="437920" spans="8:8">
      <c r="H437920" s="12"/>
    </row>
    <row r="437921" spans="8:8">
      <c r="H437921" s="12"/>
    </row>
    <row r="437922" spans="8:8">
      <c r="H437922" s="12"/>
    </row>
    <row r="437923" spans="8:8">
      <c r="H437923" s="12"/>
    </row>
    <row r="437924" spans="8:8">
      <c r="H437924" s="12"/>
    </row>
    <row r="437925" spans="8:8">
      <c r="H437925" s="12"/>
    </row>
    <row r="437926" spans="8:8">
      <c r="H437926" s="12"/>
    </row>
    <row r="437927" spans="8:8">
      <c r="H437927" s="12"/>
    </row>
    <row r="437928" spans="8:8">
      <c r="H437928" s="12"/>
    </row>
    <row r="437929" spans="8:8">
      <c r="H437929" s="12"/>
    </row>
    <row r="437930" spans="8:8">
      <c r="H437930" s="12"/>
    </row>
    <row r="437931" spans="8:8">
      <c r="H437931" s="12"/>
    </row>
    <row r="437932" spans="8:8">
      <c r="H437932" s="12"/>
    </row>
    <row r="437933" spans="8:8">
      <c r="H437933" s="12"/>
    </row>
    <row r="437934" spans="8:8">
      <c r="H437934" s="12"/>
    </row>
    <row r="437935" spans="8:8">
      <c r="H437935" s="12"/>
    </row>
    <row r="437936" spans="8:8">
      <c r="H437936" s="12"/>
    </row>
    <row r="437937" spans="8:8">
      <c r="H437937" s="12"/>
    </row>
    <row r="437938" spans="8:8">
      <c r="H437938" s="12"/>
    </row>
    <row r="437939" spans="8:8">
      <c r="H437939" s="12"/>
    </row>
    <row r="437940" spans="8:8">
      <c r="H437940" s="12"/>
    </row>
    <row r="437941" spans="8:8">
      <c r="H437941" s="12"/>
    </row>
    <row r="437942" spans="8:8">
      <c r="H437942" s="12"/>
    </row>
    <row r="437943" spans="8:8">
      <c r="H437943" s="12"/>
    </row>
    <row r="437944" spans="8:8">
      <c r="H437944" s="12"/>
    </row>
    <row r="437945" spans="8:8">
      <c r="H437945" s="12"/>
    </row>
    <row r="437946" spans="8:8">
      <c r="H437946" s="12"/>
    </row>
    <row r="437947" spans="8:8">
      <c r="H437947" s="12"/>
    </row>
    <row r="437948" spans="8:8">
      <c r="H437948" s="12"/>
    </row>
    <row r="437949" spans="8:8">
      <c r="H437949" s="12"/>
    </row>
    <row r="437950" spans="8:8">
      <c r="H437950" s="12"/>
    </row>
    <row r="437951" spans="8:8">
      <c r="H437951" s="12"/>
    </row>
    <row r="437952" spans="8:8">
      <c r="H437952" s="12"/>
    </row>
    <row r="437953" spans="8:8">
      <c r="H437953" s="12"/>
    </row>
    <row r="437954" spans="8:8">
      <c r="H437954" s="12"/>
    </row>
    <row r="437955" spans="8:8">
      <c r="H437955" s="12"/>
    </row>
    <row r="437956" spans="8:8">
      <c r="H437956" s="12"/>
    </row>
    <row r="437957" spans="8:8">
      <c r="H437957" s="12"/>
    </row>
    <row r="437958" spans="8:8">
      <c r="H437958" s="12"/>
    </row>
    <row r="437959" spans="8:8">
      <c r="H437959" s="12"/>
    </row>
    <row r="437960" spans="8:8">
      <c r="H437960" s="12"/>
    </row>
    <row r="437961" spans="8:8">
      <c r="H437961" s="12"/>
    </row>
    <row r="437962" spans="8:8">
      <c r="H437962" s="12"/>
    </row>
    <row r="437963" spans="8:8">
      <c r="H437963" s="12"/>
    </row>
    <row r="437964" spans="8:8">
      <c r="H437964" s="12"/>
    </row>
    <row r="437965" spans="8:8">
      <c r="H437965" s="12"/>
    </row>
    <row r="437966" spans="8:8">
      <c r="H437966" s="12"/>
    </row>
    <row r="437967" spans="8:8">
      <c r="H437967" s="12"/>
    </row>
    <row r="437968" spans="8:8">
      <c r="H437968" s="12"/>
    </row>
    <row r="437969" spans="8:8">
      <c r="H437969" s="12"/>
    </row>
    <row r="437970" spans="8:8">
      <c r="H437970" s="12"/>
    </row>
    <row r="437971" spans="8:8">
      <c r="H437971" s="12"/>
    </row>
    <row r="437972" spans="8:8">
      <c r="H437972" s="12"/>
    </row>
    <row r="437973" spans="8:8">
      <c r="H437973" s="12"/>
    </row>
    <row r="437974" spans="8:8">
      <c r="H437974" s="12"/>
    </row>
    <row r="437975" spans="8:8">
      <c r="H437975" s="12"/>
    </row>
    <row r="437976" spans="8:8">
      <c r="H437976" s="12"/>
    </row>
    <row r="437977" spans="8:8">
      <c r="H437977" s="12"/>
    </row>
    <row r="437978" spans="8:8">
      <c r="H437978" s="12"/>
    </row>
    <row r="437979" spans="8:8">
      <c r="H437979" s="12"/>
    </row>
    <row r="437980" spans="8:8">
      <c r="H437980" s="12"/>
    </row>
    <row r="437981" spans="8:8">
      <c r="H437981" s="12"/>
    </row>
    <row r="437982" spans="8:8">
      <c r="H437982" s="12"/>
    </row>
    <row r="437983" spans="8:8">
      <c r="H437983" s="12"/>
    </row>
    <row r="437984" spans="8:8">
      <c r="H437984" s="12"/>
    </row>
    <row r="437985" spans="8:8">
      <c r="H437985" s="12"/>
    </row>
    <row r="437986" spans="8:8">
      <c r="H437986" s="12"/>
    </row>
    <row r="437987" spans="8:8">
      <c r="H437987" s="12"/>
    </row>
    <row r="437988" spans="8:8">
      <c r="H437988" s="12"/>
    </row>
    <row r="437989" spans="8:8">
      <c r="H437989" s="12"/>
    </row>
    <row r="437990" spans="8:8">
      <c r="H437990" s="12"/>
    </row>
    <row r="437991" spans="8:8">
      <c r="H437991" s="12"/>
    </row>
    <row r="437992" spans="8:8">
      <c r="H437992" s="12"/>
    </row>
    <row r="437993" spans="8:8">
      <c r="H437993" s="12"/>
    </row>
    <row r="437994" spans="8:8">
      <c r="H437994" s="12"/>
    </row>
    <row r="437995" spans="8:8">
      <c r="H437995" s="12"/>
    </row>
    <row r="437996" spans="8:8">
      <c r="H437996" s="12"/>
    </row>
    <row r="437997" spans="8:8">
      <c r="H437997" s="12"/>
    </row>
    <row r="437998" spans="8:8">
      <c r="H437998" s="12"/>
    </row>
    <row r="437999" spans="8:8">
      <c r="H437999" s="12"/>
    </row>
    <row r="438000" spans="8:8">
      <c r="H438000" s="12"/>
    </row>
    <row r="438001" spans="8:8">
      <c r="H438001" s="12"/>
    </row>
    <row r="438002" spans="8:8">
      <c r="H438002" s="12"/>
    </row>
    <row r="438003" spans="8:8">
      <c r="H438003" s="12"/>
    </row>
    <row r="438004" spans="8:8">
      <c r="H438004" s="12"/>
    </row>
    <row r="438005" spans="8:8">
      <c r="H438005" s="12"/>
    </row>
    <row r="438006" spans="8:8">
      <c r="H438006" s="12"/>
    </row>
    <row r="438007" spans="8:8">
      <c r="H438007" s="12"/>
    </row>
    <row r="438008" spans="8:8">
      <c r="H438008" s="12"/>
    </row>
    <row r="438009" spans="8:8">
      <c r="H438009" s="12"/>
    </row>
    <row r="438010" spans="8:8">
      <c r="H438010" s="12"/>
    </row>
    <row r="438011" spans="8:8">
      <c r="H438011" s="12"/>
    </row>
    <row r="438012" spans="8:8">
      <c r="H438012" s="12"/>
    </row>
    <row r="438013" spans="8:8">
      <c r="H438013" s="12"/>
    </row>
    <row r="438014" spans="8:8">
      <c r="H438014" s="12"/>
    </row>
    <row r="438015" spans="8:8">
      <c r="H438015" s="12"/>
    </row>
    <row r="438016" spans="8:8">
      <c r="H438016" s="12"/>
    </row>
    <row r="438017" spans="8:8">
      <c r="H438017" s="12"/>
    </row>
    <row r="438018" spans="8:8">
      <c r="H438018" s="12"/>
    </row>
    <row r="438019" spans="8:8">
      <c r="H438019" s="12"/>
    </row>
    <row r="438020" spans="8:8">
      <c r="H438020" s="12"/>
    </row>
    <row r="438021" spans="8:8">
      <c r="H438021" s="12"/>
    </row>
    <row r="438022" spans="8:8">
      <c r="H438022" s="12"/>
    </row>
    <row r="438023" spans="8:8">
      <c r="H438023" s="12"/>
    </row>
    <row r="438024" spans="8:8">
      <c r="H438024" s="12"/>
    </row>
    <row r="438025" spans="8:8">
      <c r="H438025" s="12"/>
    </row>
    <row r="438026" spans="8:8">
      <c r="H438026" s="12"/>
    </row>
    <row r="438027" spans="8:8">
      <c r="H438027" s="12"/>
    </row>
    <row r="438028" spans="8:8">
      <c r="H438028" s="12"/>
    </row>
    <row r="438029" spans="8:8">
      <c r="H438029" s="12"/>
    </row>
    <row r="438030" spans="8:8">
      <c r="H438030" s="12"/>
    </row>
    <row r="438031" spans="8:8">
      <c r="H438031" s="12"/>
    </row>
    <row r="438032" spans="8:8">
      <c r="H438032" s="12"/>
    </row>
    <row r="438033" spans="8:8">
      <c r="H438033" s="12"/>
    </row>
    <row r="438034" spans="8:8">
      <c r="H438034" s="12"/>
    </row>
    <row r="438035" spans="8:8">
      <c r="H438035" s="12"/>
    </row>
    <row r="438036" spans="8:8">
      <c r="H438036" s="12"/>
    </row>
    <row r="438037" spans="8:8">
      <c r="H438037" s="12"/>
    </row>
    <row r="438038" spans="8:8">
      <c r="H438038" s="12"/>
    </row>
    <row r="438039" spans="8:8">
      <c r="H438039" s="12"/>
    </row>
    <row r="438040" spans="8:8">
      <c r="H438040" s="12"/>
    </row>
    <row r="438041" spans="8:8">
      <c r="H438041" s="12"/>
    </row>
    <row r="438042" spans="8:8">
      <c r="H438042" s="12"/>
    </row>
    <row r="438043" spans="8:8">
      <c r="H438043" s="12"/>
    </row>
    <row r="438044" spans="8:8">
      <c r="H438044" s="12"/>
    </row>
    <row r="438045" spans="8:8">
      <c r="H438045" s="12"/>
    </row>
    <row r="438046" spans="8:8">
      <c r="H438046" s="12"/>
    </row>
    <row r="438047" spans="8:8">
      <c r="H438047" s="12"/>
    </row>
    <row r="438048" spans="8:8">
      <c r="H438048" s="12"/>
    </row>
    <row r="438049" spans="8:8">
      <c r="H438049" s="12"/>
    </row>
    <row r="438050" spans="8:8">
      <c r="H438050" s="12"/>
    </row>
    <row r="438051" spans="8:8">
      <c r="H438051" s="12"/>
    </row>
    <row r="438052" spans="8:8">
      <c r="H438052" s="12"/>
    </row>
    <row r="438053" spans="8:8">
      <c r="H438053" s="12"/>
    </row>
    <row r="438054" spans="8:8">
      <c r="H438054" s="12"/>
    </row>
    <row r="438055" spans="8:8">
      <c r="H438055" s="12"/>
    </row>
    <row r="438056" spans="8:8">
      <c r="H438056" s="12"/>
    </row>
    <row r="438057" spans="8:8">
      <c r="H438057" s="12"/>
    </row>
    <row r="438058" spans="8:8">
      <c r="H438058" s="12"/>
    </row>
    <row r="438059" spans="8:8">
      <c r="H438059" s="12"/>
    </row>
    <row r="438060" spans="8:8">
      <c r="H438060" s="12"/>
    </row>
    <row r="438061" spans="8:8">
      <c r="H438061" s="12"/>
    </row>
    <row r="438062" spans="8:8">
      <c r="H438062" s="12"/>
    </row>
    <row r="438063" spans="8:8">
      <c r="H438063" s="12"/>
    </row>
    <row r="438064" spans="8:8">
      <c r="H438064" s="12"/>
    </row>
    <row r="438065" spans="8:8">
      <c r="H438065" s="12"/>
    </row>
    <row r="438066" spans="8:8">
      <c r="H438066" s="12"/>
    </row>
    <row r="438067" spans="8:8">
      <c r="H438067" s="12"/>
    </row>
    <row r="438068" spans="8:8">
      <c r="H438068" s="12"/>
    </row>
    <row r="438069" spans="8:8">
      <c r="H438069" s="12"/>
    </row>
    <row r="438070" spans="8:8">
      <c r="H438070" s="12"/>
    </row>
    <row r="438071" spans="8:8">
      <c r="H438071" s="12"/>
    </row>
    <row r="438072" spans="8:8">
      <c r="H438072" s="12"/>
    </row>
    <row r="438073" spans="8:8">
      <c r="H438073" s="12"/>
    </row>
    <row r="438074" spans="8:8">
      <c r="H438074" s="12"/>
    </row>
    <row r="438075" spans="8:8">
      <c r="H438075" s="12"/>
    </row>
    <row r="438076" spans="8:8">
      <c r="H438076" s="12"/>
    </row>
    <row r="438077" spans="8:8">
      <c r="H438077" s="12"/>
    </row>
    <row r="438078" spans="8:8">
      <c r="H438078" s="12"/>
    </row>
    <row r="438079" spans="8:8">
      <c r="H438079" s="12"/>
    </row>
    <row r="438080" spans="8:8">
      <c r="H438080" s="12"/>
    </row>
    <row r="438081" spans="8:8">
      <c r="H438081" s="12"/>
    </row>
    <row r="438082" spans="8:8">
      <c r="H438082" s="12"/>
    </row>
    <row r="438083" spans="8:8">
      <c r="H438083" s="12"/>
    </row>
    <row r="438084" spans="8:8">
      <c r="H438084" s="12"/>
    </row>
    <row r="438085" spans="8:8">
      <c r="H438085" s="12"/>
    </row>
    <row r="438086" spans="8:8">
      <c r="H438086" s="12"/>
    </row>
    <row r="438087" spans="8:8">
      <c r="H438087" s="12"/>
    </row>
    <row r="438088" spans="8:8">
      <c r="H438088" s="12"/>
    </row>
    <row r="438089" spans="8:8">
      <c r="H438089" s="12"/>
    </row>
    <row r="438090" spans="8:8">
      <c r="H438090" s="12"/>
    </row>
    <row r="438091" spans="8:8">
      <c r="H438091" s="12"/>
    </row>
    <row r="438092" spans="8:8">
      <c r="H438092" s="12"/>
    </row>
    <row r="438093" spans="8:8">
      <c r="H438093" s="12"/>
    </row>
    <row r="438094" spans="8:8">
      <c r="H438094" s="12"/>
    </row>
    <row r="438095" spans="8:8">
      <c r="H438095" s="12"/>
    </row>
    <row r="438096" spans="8:8">
      <c r="H438096" s="12"/>
    </row>
    <row r="438097" spans="8:8">
      <c r="H438097" s="12"/>
    </row>
    <row r="438098" spans="8:8">
      <c r="H438098" s="12"/>
    </row>
    <row r="438099" spans="8:8">
      <c r="H438099" s="12"/>
    </row>
    <row r="438100" spans="8:8">
      <c r="H438100" s="12"/>
    </row>
    <row r="438101" spans="8:8">
      <c r="H438101" s="12"/>
    </row>
    <row r="438102" spans="8:8">
      <c r="H438102" s="12"/>
    </row>
    <row r="438103" spans="8:8">
      <c r="H438103" s="12"/>
    </row>
    <row r="438104" spans="8:8">
      <c r="H438104" s="12"/>
    </row>
    <row r="438105" spans="8:8">
      <c r="H438105" s="12"/>
    </row>
    <row r="438106" spans="8:8">
      <c r="H438106" s="12"/>
    </row>
    <row r="438107" spans="8:8">
      <c r="H438107" s="12"/>
    </row>
    <row r="438108" spans="8:8">
      <c r="H438108" s="12"/>
    </row>
    <row r="438109" spans="8:8">
      <c r="H438109" s="12"/>
    </row>
    <row r="438110" spans="8:8">
      <c r="H438110" s="12"/>
    </row>
    <row r="438111" spans="8:8">
      <c r="H438111" s="12"/>
    </row>
    <row r="438112" spans="8:8">
      <c r="H438112" s="12"/>
    </row>
    <row r="438113" spans="8:8">
      <c r="H438113" s="12"/>
    </row>
    <row r="438114" spans="8:8">
      <c r="H438114" s="12"/>
    </row>
    <row r="438115" spans="8:8">
      <c r="H438115" s="12"/>
    </row>
    <row r="438116" spans="8:8">
      <c r="H438116" s="12"/>
    </row>
    <row r="438117" spans="8:8">
      <c r="H438117" s="12"/>
    </row>
    <row r="438118" spans="8:8">
      <c r="H438118" s="12"/>
    </row>
    <row r="438119" spans="8:8">
      <c r="H438119" s="12"/>
    </row>
    <row r="438120" spans="8:8">
      <c r="H438120" s="12"/>
    </row>
    <row r="438121" spans="8:8">
      <c r="H438121" s="12"/>
    </row>
    <row r="438122" spans="8:8">
      <c r="H438122" s="12"/>
    </row>
    <row r="438123" spans="8:8">
      <c r="H438123" s="12"/>
    </row>
    <row r="438124" spans="8:8">
      <c r="H438124" s="12"/>
    </row>
    <row r="438125" spans="8:8">
      <c r="H438125" s="12"/>
    </row>
    <row r="438126" spans="8:8">
      <c r="H438126" s="12"/>
    </row>
    <row r="438127" spans="8:8">
      <c r="H438127" s="12"/>
    </row>
    <row r="438128" spans="8:8">
      <c r="H438128" s="12"/>
    </row>
    <row r="438129" spans="8:8">
      <c r="H438129" s="12"/>
    </row>
    <row r="438130" spans="8:8">
      <c r="H438130" s="12"/>
    </row>
    <row r="438131" spans="8:8">
      <c r="H438131" s="12"/>
    </row>
    <row r="438132" spans="8:8">
      <c r="H438132" s="12"/>
    </row>
    <row r="438133" spans="8:8">
      <c r="H438133" s="12"/>
    </row>
    <row r="438134" spans="8:8">
      <c r="H438134" s="12"/>
    </row>
    <row r="438135" spans="8:8">
      <c r="H438135" s="12"/>
    </row>
    <row r="438136" spans="8:8">
      <c r="H438136" s="12"/>
    </row>
    <row r="438137" spans="8:8">
      <c r="H438137" s="12"/>
    </row>
    <row r="438138" spans="8:8">
      <c r="H438138" s="12"/>
    </row>
    <row r="438139" spans="8:8">
      <c r="H438139" s="12"/>
    </row>
    <row r="438140" spans="8:8">
      <c r="H438140" s="12"/>
    </row>
    <row r="438141" spans="8:8">
      <c r="H438141" s="12"/>
    </row>
    <row r="438142" spans="8:8">
      <c r="H438142" s="12"/>
    </row>
    <row r="438143" spans="8:8">
      <c r="H438143" s="12"/>
    </row>
    <row r="438144" spans="8:8">
      <c r="H438144" s="12"/>
    </row>
    <row r="438145" spans="8:8">
      <c r="H438145" s="12"/>
    </row>
    <row r="438146" spans="8:8">
      <c r="H438146" s="12"/>
    </row>
    <row r="438147" spans="8:8">
      <c r="H438147" s="12"/>
    </row>
    <row r="438148" spans="8:8">
      <c r="H438148" s="12"/>
    </row>
    <row r="438149" spans="8:8">
      <c r="H438149" s="12"/>
    </row>
    <row r="438150" spans="8:8">
      <c r="H438150" s="12"/>
    </row>
    <row r="438151" spans="8:8">
      <c r="H438151" s="12"/>
    </row>
    <row r="438152" spans="8:8">
      <c r="H438152" s="12"/>
    </row>
    <row r="438153" spans="8:8">
      <c r="H438153" s="12"/>
    </row>
    <row r="438154" spans="8:8">
      <c r="H438154" s="12"/>
    </row>
    <row r="438155" spans="8:8">
      <c r="H438155" s="12"/>
    </row>
    <row r="438156" spans="8:8">
      <c r="H438156" s="12"/>
    </row>
    <row r="438157" spans="8:8">
      <c r="H438157" s="12"/>
    </row>
    <row r="438158" spans="8:8">
      <c r="H438158" s="12"/>
    </row>
    <row r="438159" spans="8:8">
      <c r="H438159" s="12"/>
    </row>
    <row r="438160" spans="8:8">
      <c r="H438160" s="12"/>
    </row>
    <row r="438161" spans="8:8">
      <c r="H438161" s="12"/>
    </row>
    <row r="438162" spans="8:8">
      <c r="H438162" s="12"/>
    </row>
    <row r="438163" spans="8:8">
      <c r="H438163" s="12"/>
    </row>
    <row r="438164" spans="8:8">
      <c r="H438164" s="12"/>
    </row>
    <row r="438165" spans="8:8">
      <c r="H438165" s="12"/>
    </row>
    <row r="438166" spans="8:8">
      <c r="H438166" s="12"/>
    </row>
    <row r="438167" spans="8:8">
      <c r="H438167" s="12"/>
    </row>
    <row r="438168" spans="8:8">
      <c r="H438168" s="12"/>
    </row>
    <row r="438169" spans="8:8">
      <c r="H438169" s="12"/>
    </row>
    <row r="438170" spans="8:8">
      <c r="H438170" s="12"/>
    </row>
    <row r="438171" spans="8:8">
      <c r="H438171" s="12"/>
    </row>
    <row r="438172" spans="8:8">
      <c r="H438172" s="12"/>
    </row>
    <row r="438173" spans="8:8">
      <c r="H438173" s="12"/>
    </row>
    <row r="438174" spans="8:8">
      <c r="H438174" s="12"/>
    </row>
    <row r="438175" spans="8:8">
      <c r="H438175" s="12"/>
    </row>
    <row r="438176" spans="8:8">
      <c r="H438176" s="12"/>
    </row>
    <row r="438177" spans="8:8">
      <c r="H438177" s="12"/>
    </row>
    <row r="438178" spans="8:8">
      <c r="H438178" s="12"/>
    </row>
    <row r="438179" spans="8:8">
      <c r="H438179" s="12"/>
    </row>
    <row r="438180" spans="8:8">
      <c r="H438180" s="12"/>
    </row>
    <row r="438181" spans="8:8">
      <c r="H438181" s="12"/>
    </row>
    <row r="438182" spans="8:8">
      <c r="H438182" s="12"/>
    </row>
    <row r="438183" spans="8:8">
      <c r="H438183" s="12"/>
    </row>
    <row r="438184" spans="8:8">
      <c r="H438184" s="12"/>
    </row>
    <row r="438185" spans="8:8">
      <c r="H438185" s="12"/>
    </row>
    <row r="438186" spans="8:8">
      <c r="H438186" s="12"/>
    </row>
    <row r="438187" spans="8:8">
      <c r="H438187" s="12"/>
    </row>
    <row r="438188" spans="8:8">
      <c r="H438188" s="12"/>
    </row>
    <row r="438189" spans="8:8">
      <c r="H438189" s="12"/>
    </row>
    <row r="438190" spans="8:8">
      <c r="H438190" s="12"/>
    </row>
    <row r="438191" spans="8:8">
      <c r="H438191" s="12"/>
    </row>
    <row r="438192" spans="8:8">
      <c r="H438192" s="12"/>
    </row>
    <row r="438193" spans="8:8">
      <c r="H438193" s="12"/>
    </row>
    <row r="438194" spans="8:8">
      <c r="H438194" s="12"/>
    </row>
    <row r="438195" spans="8:8">
      <c r="H438195" s="12"/>
    </row>
    <row r="438196" spans="8:8">
      <c r="H438196" s="12"/>
    </row>
    <row r="438197" spans="8:8">
      <c r="H438197" s="12"/>
    </row>
    <row r="438198" spans="8:8">
      <c r="H438198" s="12"/>
    </row>
    <row r="438199" spans="8:8">
      <c r="H438199" s="12"/>
    </row>
    <row r="438200" spans="8:8">
      <c r="H438200" s="12"/>
    </row>
    <row r="438201" spans="8:8">
      <c r="H438201" s="12"/>
    </row>
    <row r="438202" spans="8:8">
      <c r="H438202" s="12"/>
    </row>
    <row r="438203" spans="8:8">
      <c r="H438203" s="12"/>
    </row>
    <row r="438204" spans="8:8">
      <c r="H438204" s="12"/>
    </row>
    <row r="438205" spans="8:8">
      <c r="H438205" s="12"/>
    </row>
    <row r="438206" spans="8:8">
      <c r="H438206" s="12"/>
    </row>
    <row r="438207" spans="8:8">
      <c r="H438207" s="12"/>
    </row>
    <row r="438208" spans="8:8">
      <c r="H438208" s="12"/>
    </row>
    <row r="438209" spans="8:8">
      <c r="H438209" s="12"/>
    </row>
    <row r="438210" spans="8:8">
      <c r="H438210" s="12"/>
    </row>
    <row r="438211" spans="8:8">
      <c r="H438211" s="12"/>
    </row>
    <row r="438212" spans="8:8">
      <c r="H438212" s="12"/>
    </row>
    <row r="438213" spans="8:8">
      <c r="H438213" s="12"/>
    </row>
    <row r="438214" spans="8:8">
      <c r="H438214" s="12"/>
    </row>
    <row r="438215" spans="8:8">
      <c r="H438215" s="12"/>
    </row>
    <row r="438216" spans="8:8">
      <c r="H438216" s="12"/>
    </row>
    <row r="438217" spans="8:8">
      <c r="H438217" s="12"/>
    </row>
    <row r="438218" spans="8:8">
      <c r="H438218" s="12"/>
    </row>
    <row r="438219" spans="8:8">
      <c r="H438219" s="12"/>
    </row>
    <row r="438220" spans="8:8">
      <c r="H438220" s="12"/>
    </row>
    <row r="438221" spans="8:8">
      <c r="H438221" s="12"/>
    </row>
    <row r="438222" spans="8:8">
      <c r="H438222" s="12"/>
    </row>
    <row r="438223" spans="8:8">
      <c r="H438223" s="12"/>
    </row>
    <row r="438224" spans="8:8">
      <c r="H438224" s="12"/>
    </row>
    <row r="438225" spans="8:8">
      <c r="H438225" s="12"/>
    </row>
    <row r="438226" spans="8:8">
      <c r="H438226" s="12"/>
    </row>
    <row r="438227" spans="8:8">
      <c r="H438227" s="12"/>
    </row>
    <row r="438228" spans="8:8">
      <c r="H438228" s="12"/>
    </row>
    <row r="438229" spans="8:8">
      <c r="H438229" s="12"/>
    </row>
    <row r="438230" spans="8:8">
      <c r="H438230" s="12"/>
    </row>
    <row r="438231" spans="8:8">
      <c r="H438231" s="12"/>
    </row>
    <row r="438232" spans="8:8">
      <c r="H438232" s="12"/>
    </row>
    <row r="438233" spans="8:8">
      <c r="H438233" s="12"/>
    </row>
    <row r="438234" spans="8:8">
      <c r="H438234" s="12"/>
    </row>
    <row r="438235" spans="8:8">
      <c r="H438235" s="12"/>
    </row>
    <row r="438236" spans="8:8">
      <c r="H438236" s="12"/>
    </row>
    <row r="438237" spans="8:8">
      <c r="H438237" s="12"/>
    </row>
    <row r="438238" spans="8:8">
      <c r="H438238" s="12"/>
    </row>
    <row r="438239" spans="8:8">
      <c r="H438239" s="12"/>
    </row>
    <row r="438240" spans="8:8">
      <c r="H438240" s="12"/>
    </row>
    <row r="438241" spans="8:8">
      <c r="H438241" s="12"/>
    </row>
    <row r="438242" spans="8:8">
      <c r="H438242" s="12"/>
    </row>
    <row r="438243" spans="8:8">
      <c r="H438243" s="12"/>
    </row>
    <row r="438244" spans="8:8">
      <c r="H438244" s="12"/>
    </row>
    <row r="438245" spans="8:8">
      <c r="H438245" s="12"/>
    </row>
    <row r="438246" spans="8:8">
      <c r="H438246" s="12"/>
    </row>
    <row r="438247" spans="8:8">
      <c r="H438247" s="12"/>
    </row>
    <row r="438248" spans="8:8">
      <c r="H438248" s="12"/>
    </row>
    <row r="438249" spans="8:8">
      <c r="H438249" s="12"/>
    </row>
    <row r="438250" spans="8:8">
      <c r="H438250" s="12"/>
    </row>
    <row r="438251" spans="8:8">
      <c r="H438251" s="12"/>
    </row>
    <row r="438252" spans="8:8">
      <c r="H438252" s="12"/>
    </row>
    <row r="438253" spans="8:8">
      <c r="H438253" s="12"/>
    </row>
    <row r="438254" spans="8:8">
      <c r="H438254" s="12"/>
    </row>
    <row r="438255" spans="8:8">
      <c r="H438255" s="12"/>
    </row>
    <row r="438256" spans="8:8">
      <c r="H438256" s="12"/>
    </row>
    <row r="438257" spans="8:8">
      <c r="H438257" s="12"/>
    </row>
    <row r="438258" spans="8:8">
      <c r="H438258" s="12"/>
    </row>
    <row r="438259" spans="8:8">
      <c r="H438259" s="12"/>
    </row>
    <row r="438260" spans="8:8">
      <c r="H438260" s="12"/>
    </row>
    <row r="438261" spans="8:8">
      <c r="H438261" s="12"/>
    </row>
    <row r="438262" spans="8:8">
      <c r="H438262" s="12"/>
    </row>
    <row r="438263" spans="8:8">
      <c r="H438263" s="12"/>
    </row>
    <row r="438264" spans="8:8">
      <c r="H438264" s="12"/>
    </row>
    <row r="438265" spans="8:8">
      <c r="H438265" s="12"/>
    </row>
    <row r="438266" spans="8:8">
      <c r="H438266" s="12"/>
    </row>
    <row r="438267" spans="8:8">
      <c r="H438267" s="12"/>
    </row>
    <row r="438268" spans="8:8">
      <c r="H438268" s="12"/>
    </row>
    <row r="438269" spans="8:8">
      <c r="H438269" s="12"/>
    </row>
    <row r="438270" spans="8:8">
      <c r="H438270" s="12"/>
    </row>
    <row r="438271" spans="8:8">
      <c r="H438271" s="12"/>
    </row>
    <row r="438272" spans="8:8">
      <c r="H438272" s="12"/>
    </row>
    <row r="438273" spans="8:8">
      <c r="H438273" s="12"/>
    </row>
    <row r="438274" spans="8:8">
      <c r="H438274" s="12"/>
    </row>
    <row r="438275" spans="8:8">
      <c r="H438275" s="12"/>
    </row>
    <row r="438276" spans="8:8">
      <c r="H438276" s="12"/>
    </row>
    <row r="438277" spans="8:8">
      <c r="H438277" s="12"/>
    </row>
    <row r="438278" spans="8:8">
      <c r="H438278" s="12"/>
    </row>
    <row r="438279" spans="8:8">
      <c r="H438279" s="12"/>
    </row>
    <row r="438280" spans="8:8">
      <c r="H438280" s="12"/>
    </row>
    <row r="438281" spans="8:8">
      <c r="H438281" s="12"/>
    </row>
    <row r="438282" spans="8:8">
      <c r="H438282" s="12"/>
    </row>
    <row r="438283" spans="8:8">
      <c r="H438283" s="12"/>
    </row>
    <row r="438284" spans="8:8">
      <c r="H438284" s="12"/>
    </row>
    <row r="438285" spans="8:8">
      <c r="H438285" s="12"/>
    </row>
    <row r="438286" spans="8:8">
      <c r="H438286" s="12"/>
    </row>
    <row r="438287" spans="8:8">
      <c r="H438287" s="12"/>
    </row>
    <row r="438288" spans="8:8">
      <c r="H438288" s="12"/>
    </row>
    <row r="438289" spans="8:8">
      <c r="H438289" s="12"/>
    </row>
    <row r="438290" spans="8:8">
      <c r="H438290" s="12"/>
    </row>
    <row r="438291" spans="8:8">
      <c r="H438291" s="12"/>
    </row>
    <row r="438292" spans="8:8">
      <c r="H438292" s="12"/>
    </row>
    <row r="438293" spans="8:8">
      <c r="H438293" s="12"/>
    </row>
    <row r="438294" spans="8:8">
      <c r="H438294" s="12"/>
    </row>
    <row r="438295" spans="8:8">
      <c r="H438295" s="12"/>
    </row>
    <row r="438296" spans="8:8">
      <c r="H438296" s="12"/>
    </row>
    <row r="438297" spans="8:8">
      <c r="H438297" s="12"/>
    </row>
    <row r="438298" spans="8:8">
      <c r="H438298" s="12"/>
    </row>
    <row r="438299" spans="8:8">
      <c r="H438299" s="12"/>
    </row>
    <row r="438300" spans="8:8">
      <c r="H438300" s="12"/>
    </row>
    <row r="438301" spans="8:8">
      <c r="H438301" s="12"/>
    </row>
    <row r="438302" spans="8:8">
      <c r="H438302" s="12"/>
    </row>
    <row r="438303" spans="8:8">
      <c r="H438303" s="12"/>
    </row>
    <row r="438304" spans="8:8">
      <c r="H438304" s="12"/>
    </row>
    <row r="438305" spans="8:8">
      <c r="H438305" s="12"/>
    </row>
    <row r="438306" spans="8:8">
      <c r="H438306" s="12"/>
    </row>
    <row r="438307" spans="8:8">
      <c r="H438307" s="12"/>
    </row>
    <row r="438308" spans="8:8">
      <c r="H438308" s="12"/>
    </row>
    <row r="438309" spans="8:8">
      <c r="H438309" s="12"/>
    </row>
    <row r="438310" spans="8:8">
      <c r="H438310" s="12"/>
    </row>
    <row r="438311" spans="8:8">
      <c r="H438311" s="12"/>
    </row>
    <row r="438312" spans="8:8">
      <c r="H438312" s="12"/>
    </row>
    <row r="438313" spans="8:8">
      <c r="H438313" s="12"/>
    </row>
    <row r="438314" spans="8:8">
      <c r="H438314" s="12"/>
    </row>
    <row r="438315" spans="8:8">
      <c r="H438315" s="12"/>
    </row>
    <row r="438316" spans="8:8">
      <c r="H438316" s="12"/>
    </row>
    <row r="438317" spans="8:8">
      <c r="H438317" s="12"/>
    </row>
    <row r="438318" spans="8:8">
      <c r="H438318" s="12"/>
    </row>
    <row r="438319" spans="8:8">
      <c r="H438319" s="12"/>
    </row>
    <row r="438320" spans="8:8">
      <c r="H438320" s="12"/>
    </row>
    <row r="438321" spans="8:8">
      <c r="H438321" s="12"/>
    </row>
    <row r="438322" spans="8:8">
      <c r="H438322" s="12"/>
    </row>
    <row r="438323" spans="8:8">
      <c r="H438323" s="12"/>
    </row>
    <row r="438324" spans="8:8">
      <c r="H438324" s="12"/>
    </row>
    <row r="438325" spans="8:8">
      <c r="H438325" s="12"/>
    </row>
    <row r="438326" spans="8:8">
      <c r="H438326" s="12"/>
    </row>
    <row r="438327" spans="8:8">
      <c r="H438327" s="12"/>
    </row>
    <row r="438328" spans="8:8">
      <c r="H438328" s="12"/>
    </row>
    <row r="438329" spans="8:8">
      <c r="H438329" s="12"/>
    </row>
    <row r="438330" spans="8:8">
      <c r="H438330" s="12"/>
    </row>
    <row r="438331" spans="8:8">
      <c r="H438331" s="12"/>
    </row>
    <row r="438332" spans="8:8">
      <c r="H438332" s="12"/>
    </row>
    <row r="438333" spans="8:8">
      <c r="H438333" s="12"/>
    </row>
    <row r="438334" spans="8:8">
      <c r="H438334" s="12"/>
    </row>
    <row r="438335" spans="8:8">
      <c r="H438335" s="12"/>
    </row>
    <row r="438336" spans="8:8">
      <c r="H438336" s="12"/>
    </row>
    <row r="438337" spans="8:8">
      <c r="H438337" s="12"/>
    </row>
    <row r="438338" spans="8:8">
      <c r="H438338" s="12"/>
    </row>
    <row r="438339" spans="8:8">
      <c r="H438339" s="12"/>
    </row>
    <row r="438340" spans="8:8">
      <c r="H438340" s="12"/>
    </row>
    <row r="438341" spans="8:8">
      <c r="H438341" s="12"/>
    </row>
    <row r="438342" spans="8:8">
      <c r="H438342" s="12"/>
    </row>
    <row r="438343" spans="8:8">
      <c r="H438343" s="12"/>
    </row>
    <row r="438344" spans="8:8">
      <c r="H438344" s="12"/>
    </row>
    <row r="438345" spans="8:8">
      <c r="H438345" s="12"/>
    </row>
    <row r="438346" spans="8:8">
      <c r="H438346" s="12"/>
    </row>
    <row r="438347" spans="8:8">
      <c r="H438347" s="12"/>
    </row>
    <row r="438348" spans="8:8">
      <c r="H438348" s="12"/>
    </row>
    <row r="438349" spans="8:8">
      <c r="H438349" s="12"/>
    </row>
    <row r="438350" spans="8:8">
      <c r="H438350" s="12"/>
    </row>
    <row r="438351" spans="8:8">
      <c r="H438351" s="12"/>
    </row>
    <row r="438352" spans="8:8">
      <c r="H438352" s="12"/>
    </row>
    <row r="438353" spans="8:8">
      <c r="H438353" s="12"/>
    </row>
    <row r="438354" spans="8:8">
      <c r="H438354" s="12"/>
    </row>
    <row r="438355" spans="8:8">
      <c r="H438355" s="12"/>
    </row>
    <row r="438356" spans="8:8">
      <c r="H438356" s="12"/>
    </row>
    <row r="438357" spans="8:8">
      <c r="H438357" s="12"/>
    </row>
    <row r="438358" spans="8:8">
      <c r="H438358" s="12"/>
    </row>
    <row r="438359" spans="8:8">
      <c r="H438359" s="12"/>
    </row>
    <row r="438360" spans="8:8">
      <c r="H438360" s="12"/>
    </row>
    <row r="438361" spans="8:8">
      <c r="H438361" s="12"/>
    </row>
    <row r="438362" spans="8:8">
      <c r="H438362" s="12"/>
    </row>
    <row r="438363" spans="8:8">
      <c r="H438363" s="12"/>
    </row>
    <row r="438364" spans="8:8">
      <c r="H438364" s="12"/>
    </row>
    <row r="438365" spans="8:8">
      <c r="H438365" s="12"/>
    </row>
    <row r="438366" spans="8:8">
      <c r="H438366" s="12"/>
    </row>
    <row r="438367" spans="8:8">
      <c r="H438367" s="12"/>
    </row>
    <row r="438368" spans="8:8">
      <c r="H438368" s="12"/>
    </row>
    <row r="438369" spans="8:8">
      <c r="H438369" s="12"/>
    </row>
    <row r="438370" spans="8:8">
      <c r="H438370" s="12"/>
    </row>
    <row r="438371" spans="8:8">
      <c r="H438371" s="12"/>
    </row>
    <row r="438372" spans="8:8">
      <c r="H438372" s="12"/>
    </row>
    <row r="438373" spans="8:8">
      <c r="H438373" s="12"/>
    </row>
    <row r="438374" spans="8:8">
      <c r="H438374" s="12"/>
    </row>
    <row r="438375" spans="8:8">
      <c r="H438375" s="12"/>
    </row>
    <row r="438376" spans="8:8">
      <c r="H438376" s="12"/>
    </row>
    <row r="438377" spans="8:8">
      <c r="H438377" s="12"/>
    </row>
    <row r="438378" spans="8:8">
      <c r="H438378" s="12"/>
    </row>
    <row r="438379" spans="8:8">
      <c r="H438379" s="12"/>
    </row>
    <row r="438380" spans="8:8">
      <c r="H438380" s="12"/>
    </row>
    <row r="438381" spans="8:8">
      <c r="H438381" s="12"/>
    </row>
    <row r="438382" spans="8:8">
      <c r="H438382" s="12"/>
    </row>
    <row r="438383" spans="8:8">
      <c r="H438383" s="12"/>
    </row>
    <row r="438384" spans="8:8">
      <c r="H438384" s="12"/>
    </row>
    <row r="438385" spans="8:8">
      <c r="H438385" s="12"/>
    </row>
    <row r="438386" spans="8:8">
      <c r="H438386" s="12"/>
    </row>
    <row r="438387" spans="8:8">
      <c r="H438387" s="12"/>
    </row>
    <row r="438388" spans="8:8">
      <c r="H438388" s="12"/>
    </row>
    <row r="438389" spans="8:8">
      <c r="H438389" s="12"/>
    </row>
    <row r="438390" spans="8:8">
      <c r="H438390" s="12"/>
    </row>
    <row r="438391" spans="8:8">
      <c r="H438391" s="12"/>
    </row>
    <row r="438392" spans="8:8">
      <c r="H438392" s="12"/>
    </row>
    <row r="438393" spans="8:8">
      <c r="H438393" s="12"/>
    </row>
    <row r="438394" spans="8:8">
      <c r="H438394" s="12"/>
    </row>
    <row r="438395" spans="8:8">
      <c r="H438395" s="12"/>
    </row>
    <row r="438396" spans="8:8">
      <c r="H438396" s="12"/>
    </row>
    <row r="438397" spans="8:8">
      <c r="H438397" s="12"/>
    </row>
    <row r="438398" spans="8:8">
      <c r="H438398" s="12"/>
    </row>
    <row r="438399" spans="8:8">
      <c r="H438399" s="12"/>
    </row>
    <row r="438400" spans="8:8">
      <c r="H438400" s="12"/>
    </row>
    <row r="438401" spans="8:8">
      <c r="H438401" s="12"/>
    </row>
    <row r="438402" spans="8:8">
      <c r="H438402" s="12"/>
    </row>
    <row r="438403" spans="8:8">
      <c r="H438403" s="12"/>
    </row>
    <row r="438404" spans="8:8">
      <c r="H438404" s="12"/>
    </row>
    <row r="438405" spans="8:8">
      <c r="H438405" s="12"/>
    </row>
    <row r="438406" spans="8:8">
      <c r="H438406" s="12"/>
    </row>
    <row r="438407" spans="8:8">
      <c r="H438407" s="12"/>
    </row>
    <row r="438408" spans="8:8">
      <c r="H438408" s="12"/>
    </row>
    <row r="438409" spans="8:8">
      <c r="H438409" s="12"/>
    </row>
    <row r="438410" spans="8:8">
      <c r="H438410" s="12"/>
    </row>
    <row r="438411" spans="8:8">
      <c r="H438411" s="12"/>
    </row>
    <row r="438412" spans="8:8">
      <c r="H438412" s="12"/>
    </row>
    <row r="438413" spans="8:8">
      <c r="H438413" s="12"/>
    </row>
    <row r="438414" spans="8:8">
      <c r="H438414" s="12"/>
    </row>
    <row r="438415" spans="8:8">
      <c r="H438415" s="12"/>
    </row>
    <row r="438416" spans="8:8">
      <c r="H438416" s="12"/>
    </row>
    <row r="438417" spans="8:8">
      <c r="H438417" s="12"/>
    </row>
    <row r="438418" spans="8:8">
      <c r="H438418" s="12"/>
    </row>
    <row r="438419" spans="8:8">
      <c r="H438419" s="12"/>
    </row>
    <row r="438420" spans="8:8">
      <c r="H438420" s="12"/>
    </row>
    <row r="438421" spans="8:8">
      <c r="H438421" s="12"/>
    </row>
    <row r="438422" spans="8:8">
      <c r="H438422" s="12"/>
    </row>
    <row r="438423" spans="8:8">
      <c r="H438423" s="12"/>
    </row>
    <row r="438424" spans="8:8">
      <c r="H438424" s="12"/>
    </row>
    <row r="438425" spans="8:8">
      <c r="H438425" s="12"/>
    </row>
    <row r="438426" spans="8:8">
      <c r="H438426" s="12"/>
    </row>
    <row r="438427" spans="8:8">
      <c r="H438427" s="12"/>
    </row>
    <row r="438428" spans="8:8">
      <c r="H438428" s="12"/>
    </row>
    <row r="438429" spans="8:8">
      <c r="H438429" s="12"/>
    </row>
    <row r="438430" spans="8:8">
      <c r="H438430" s="12"/>
    </row>
    <row r="438431" spans="8:8">
      <c r="H438431" s="12"/>
    </row>
    <row r="438432" spans="8:8">
      <c r="H438432" s="12"/>
    </row>
    <row r="438433" spans="8:8">
      <c r="H438433" s="12"/>
    </row>
    <row r="438434" spans="8:8">
      <c r="H438434" s="12"/>
    </row>
    <row r="438435" spans="8:8">
      <c r="H438435" s="12"/>
    </row>
    <row r="438436" spans="8:8">
      <c r="H438436" s="12"/>
    </row>
    <row r="438437" spans="8:8">
      <c r="H438437" s="12"/>
    </row>
    <row r="438438" spans="8:8">
      <c r="H438438" s="12"/>
    </row>
    <row r="438439" spans="8:8">
      <c r="H438439" s="12"/>
    </row>
    <row r="438440" spans="8:8">
      <c r="H438440" s="12"/>
    </row>
    <row r="438441" spans="8:8">
      <c r="H438441" s="12"/>
    </row>
    <row r="438442" spans="8:8">
      <c r="H438442" s="12"/>
    </row>
    <row r="438443" spans="8:8">
      <c r="H438443" s="12"/>
    </row>
    <row r="438444" spans="8:8">
      <c r="H438444" s="12"/>
    </row>
    <row r="438445" spans="8:8">
      <c r="H438445" s="12"/>
    </row>
    <row r="438446" spans="8:8">
      <c r="H438446" s="12"/>
    </row>
    <row r="438447" spans="8:8">
      <c r="H438447" s="12"/>
    </row>
    <row r="438448" spans="8:8">
      <c r="H438448" s="12"/>
    </row>
    <row r="438449" spans="8:8">
      <c r="H438449" s="12"/>
    </row>
    <row r="438450" spans="8:8">
      <c r="H438450" s="12"/>
    </row>
    <row r="438451" spans="8:8">
      <c r="H438451" s="12"/>
    </row>
    <row r="438452" spans="8:8">
      <c r="H438452" s="12"/>
    </row>
    <row r="438453" spans="8:8">
      <c r="H438453" s="12"/>
    </row>
    <row r="438454" spans="8:8">
      <c r="H438454" s="12"/>
    </row>
    <row r="438455" spans="8:8">
      <c r="H438455" s="12"/>
    </row>
    <row r="438456" spans="8:8">
      <c r="H438456" s="12"/>
    </row>
    <row r="438457" spans="8:8">
      <c r="H438457" s="12"/>
    </row>
    <row r="438458" spans="8:8">
      <c r="H438458" s="12"/>
    </row>
    <row r="438459" spans="8:8">
      <c r="H438459" s="12"/>
    </row>
    <row r="438460" spans="8:8">
      <c r="H438460" s="12"/>
    </row>
    <row r="438461" spans="8:8">
      <c r="H438461" s="12"/>
    </row>
    <row r="438462" spans="8:8">
      <c r="H438462" s="12"/>
    </row>
    <row r="438463" spans="8:8">
      <c r="H438463" s="12"/>
    </row>
    <row r="438464" spans="8:8">
      <c r="H438464" s="12"/>
    </row>
    <row r="438465" spans="8:8">
      <c r="H438465" s="12"/>
    </row>
    <row r="438466" spans="8:8">
      <c r="H438466" s="12"/>
    </row>
    <row r="438467" spans="8:8">
      <c r="H438467" s="12"/>
    </row>
    <row r="438468" spans="8:8">
      <c r="H438468" s="12"/>
    </row>
    <row r="438469" spans="8:8">
      <c r="H438469" s="12"/>
    </row>
    <row r="438470" spans="8:8">
      <c r="H438470" s="12"/>
    </row>
    <row r="438471" spans="8:8">
      <c r="H438471" s="12"/>
    </row>
    <row r="438472" spans="8:8">
      <c r="H438472" s="12"/>
    </row>
    <row r="438473" spans="8:8">
      <c r="H438473" s="12"/>
    </row>
    <row r="438474" spans="8:8">
      <c r="H438474" s="12"/>
    </row>
    <row r="438475" spans="8:8">
      <c r="H438475" s="12"/>
    </row>
    <row r="438476" spans="8:8">
      <c r="H438476" s="12"/>
    </row>
    <row r="438477" spans="8:8">
      <c r="H438477" s="12"/>
    </row>
    <row r="438478" spans="8:8">
      <c r="H438478" s="12"/>
    </row>
    <row r="438479" spans="8:8">
      <c r="H438479" s="12"/>
    </row>
    <row r="438480" spans="8:8">
      <c r="H438480" s="12"/>
    </row>
    <row r="438481" spans="8:8">
      <c r="H438481" s="12"/>
    </row>
    <row r="438482" spans="8:8">
      <c r="H438482" s="12"/>
    </row>
    <row r="438483" spans="8:8">
      <c r="H438483" s="12"/>
    </row>
    <row r="438484" spans="8:8">
      <c r="H438484" s="12"/>
    </row>
    <row r="438485" spans="8:8">
      <c r="H438485" s="12"/>
    </row>
    <row r="438486" spans="8:8">
      <c r="H438486" s="12"/>
    </row>
    <row r="438487" spans="8:8">
      <c r="H438487" s="12"/>
    </row>
    <row r="438488" spans="8:8">
      <c r="H438488" s="12"/>
    </row>
    <row r="438489" spans="8:8">
      <c r="H438489" s="12"/>
    </row>
    <row r="438490" spans="8:8">
      <c r="H438490" s="12"/>
    </row>
    <row r="438491" spans="8:8">
      <c r="H438491" s="12"/>
    </row>
    <row r="438492" spans="8:8">
      <c r="H438492" s="12"/>
    </row>
    <row r="438493" spans="8:8">
      <c r="H438493" s="12"/>
    </row>
    <row r="438494" spans="8:8">
      <c r="H438494" s="12"/>
    </row>
    <row r="438495" spans="8:8">
      <c r="H438495" s="12"/>
    </row>
    <row r="438496" spans="8:8">
      <c r="H438496" s="12"/>
    </row>
    <row r="438497" spans="8:8">
      <c r="H438497" s="12"/>
    </row>
    <row r="438498" spans="8:8">
      <c r="H438498" s="12"/>
    </row>
    <row r="438499" spans="8:8">
      <c r="H438499" s="12"/>
    </row>
    <row r="438500" spans="8:8">
      <c r="H438500" s="12"/>
    </row>
    <row r="438501" spans="8:8">
      <c r="H438501" s="12"/>
    </row>
    <row r="438502" spans="8:8">
      <c r="H438502" s="12"/>
    </row>
    <row r="438503" spans="8:8">
      <c r="H438503" s="12"/>
    </row>
    <row r="438504" spans="8:8">
      <c r="H438504" s="12"/>
    </row>
    <row r="438505" spans="8:8">
      <c r="H438505" s="12"/>
    </row>
    <row r="438506" spans="8:8">
      <c r="H438506" s="12"/>
    </row>
    <row r="438507" spans="8:8">
      <c r="H438507" s="12"/>
    </row>
    <row r="438508" spans="8:8">
      <c r="H438508" s="12"/>
    </row>
    <row r="438509" spans="8:8">
      <c r="H438509" s="12"/>
    </row>
    <row r="438510" spans="8:8">
      <c r="H438510" s="12"/>
    </row>
    <row r="438511" spans="8:8">
      <c r="H438511" s="12"/>
    </row>
    <row r="438512" spans="8:8">
      <c r="H438512" s="12"/>
    </row>
    <row r="438513" spans="8:8">
      <c r="H438513" s="12"/>
    </row>
    <row r="438514" spans="8:8">
      <c r="H438514" s="12"/>
    </row>
    <row r="438515" spans="8:8">
      <c r="H438515" s="12"/>
    </row>
    <row r="438516" spans="8:8">
      <c r="H438516" s="12"/>
    </row>
    <row r="438517" spans="8:8">
      <c r="H438517" s="12"/>
    </row>
    <row r="438518" spans="8:8">
      <c r="H438518" s="12"/>
    </row>
    <row r="438519" spans="8:8">
      <c r="H438519" s="12"/>
    </row>
    <row r="438520" spans="8:8">
      <c r="H438520" s="12"/>
    </row>
    <row r="438521" spans="8:8">
      <c r="H438521" s="12"/>
    </row>
    <row r="438522" spans="8:8">
      <c r="H438522" s="12"/>
    </row>
    <row r="438523" spans="8:8">
      <c r="H438523" s="12"/>
    </row>
    <row r="438524" spans="8:8">
      <c r="H438524" s="12"/>
    </row>
    <row r="438525" spans="8:8">
      <c r="H438525" s="12"/>
    </row>
    <row r="438526" spans="8:8">
      <c r="H438526" s="12"/>
    </row>
    <row r="438527" spans="8:8">
      <c r="H438527" s="12"/>
    </row>
    <row r="438528" spans="8:8">
      <c r="H438528" s="12"/>
    </row>
    <row r="438529" spans="8:8">
      <c r="H438529" s="12"/>
    </row>
    <row r="438530" spans="8:8">
      <c r="H438530" s="12"/>
    </row>
    <row r="438531" spans="8:8">
      <c r="H438531" s="12"/>
    </row>
    <row r="438532" spans="8:8">
      <c r="H438532" s="12"/>
    </row>
    <row r="438533" spans="8:8">
      <c r="H438533" s="12"/>
    </row>
    <row r="438534" spans="8:8">
      <c r="H438534" s="12"/>
    </row>
    <row r="438535" spans="8:8">
      <c r="H438535" s="12"/>
    </row>
    <row r="438536" spans="8:8">
      <c r="H438536" s="12"/>
    </row>
    <row r="438537" spans="8:8">
      <c r="H438537" s="12"/>
    </row>
    <row r="438538" spans="8:8">
      <c r="H438538" s="12"/>
    </row>
    <row r="438539" spans="8:8">
      <c r="H438539" s="12"/>
    </row>
    <row r="438540" spans="8:8">
      <c r="H438540" s="12"/>
    </row>
    <row r="438541" spans="8:8">
      <c r="H438541" s="12"/>
    </row>
    <row r="438542" spans="8:8">
      <c r="H438542" s="12"/>
    </row>
    <row r="438543" spans="8:8">
      <c r="H438543" s="12"/>
    </row>
    <row r="438544" spans="8:8">
      <c r="H438544" s="12"/>
    </row>
    <row r="438545" spans="8:8">
      <c r="H438545" s="12"/>
    </row>
    <row r="438546" spans="8:8">
      <c r="H438546" s="12"/>
    </row>
    <row r="438547" spans="8:8">
      <c r="H438547" s="12"/>
    </row>
    <row r="438548" spans="8:8">
      <c r="H438548" s="12"/>
    </row>
    <row r="438549" spans="8:8">
      <c r="H438549" s="12"/>
    </row>
    <row r="438550" spans="8:8">
      <c r="H438550" s="12"/>
    </row>
    <row r="438551" spans="8:8">
      <c r="H438551" s="12"/>
    </row>
    <row r="438552" spans="8:8">
      <c r="H438552" s="12"/>
    </row>
    <row r="438553" spans="8:8">
      <c r="H438553" s="12"/>
    </row>
    <row r="438554" spans="8:8">
      <c r="H438554" s="12"/>
    </row>
    <row r="438555" spans="8:8">
      <c r="H438555" s="12"/>
    </row>
    <row r="438556" spans="8:8">
      <c r="H438556" s="12"/>
    </row>
    <row r="438557" spans="8:8">
      <c r="H438557" s="12"/>
    </row>
    <row r="438558" spans="8:8">
      <c r="H438558" s="12"/>
    </row>
    <row r="438559" spans="8:8">
      <c r="H438559" s="12"/>
    </row>
    <row r="438560" spans="8:8">
      <c r="H438560" s="12"/>
    </row>
    <row r="438561" spans="8:8">
      <c r="H438561" s="12"/>
    </row>
    <row r="438562" spans="8:8">
      <c r="H438562" s="12"/>
    </row>
    <row r="438563" spans="8:8">
      <c r="H438563" s="12"/>
    </row>
    <row r="438564" spans="8:8">
      <c r="H438564" s="12"/>
    </row>
    <row r="438565" spans="8:8">
      <c r="H438565" s="12"/>
    </row>
    <row r="438566" spans="8:8">
      <c r="H438566" s="12"/>
    </row>
    <row r="438567" spans="8:8">
      <c r="H438567" s="12"/>
    </row>
    <row r="438568" spans="8:8">
      <c r="H438568" s="12"/>
    </row>
    <row r="438569" spans="8:8">
      <c r="H438569" s="12"/>
    </row>
    <row r="438570" spans="8:8">
      <c r="H438570" s="12"/>
    </row>
    <row r="438571" spans="8:8">
      <c r="H438571" s="12"/>
    </row>
    <row r="438572" spans="8:8">
      <c r="H438572" s="12"/>
    </row>
    <row r="438573" spans="8:8">
      <c r="H438573" s="12"/>
    </row>
    <row r="438574" spans="8:8">
      <c r="H438574" s="12"/>
    </row>
    <row r="438575" spans="8:8">
      <c r="H438575" s="12"/>
    </row>
    <row r="438576" spans="8:8">
      <c r="H438576" s="12"/>
    </row>
    <row r="438577" spans="8:8">
      <c r="H438577" s="12"/>
    </row>
    <row r="438578" spans="8:8">
      <c r="H438578" s="12"/>
    </row>
    <row r="438579" spans="8:8">
      <c r="H438579" s="12"/>
    </row>
    <row r="438580" spans="8:8">
      <c r="H438580" s="12"/>
    </row>
    <row r="438581" spans="8:8">
      <c r="H438581" s="12"/>
    </row>
    <row r="438582" spans="8:8">
      <c r="H438582" s="12"/>
    </row>
    <row r="438583" spans="8:8">
      <c r="H438583" s="12"/>
    </row>
    <row r="438584" spans="8:8">
      <c r="H438584" s="12"/>
    </row>
    <row r="438585" spans="8:8">
      <c r="H438585" s="12"/>
    </row>
    <row r="438586" spans="8:8">
      <c r="H438586" s="12"/>
    </row>
    <row r="438587" spans="8:8">
      <c r="H438587" s="12"/>
    </row>
    <row r="438588" spans="8:8">
      <c r="H438588" s="12"/>
    </row>
    <row r="438589" spans="8:8">
      <c r="H438589" s="12"/>
    </row>
    <row r="438590" spans="8:8">
      <c r="H438590" s="12"/>
    </row>
    <row r="438591" spans="8:8">
      <c r="H438591" s="12"/>
    </row>
    <row r="438592" spans="8:8">
      <c r="H438592" s="12"/>
    </row>
    <row r="438593" spans="8:8">
      <c r="H438593" s="12"/>
    </row>
    <row r="438594" spans="8:8">
      <c r="H438594" s="12"/>
    </row>
    <row r="438595" spans="8:8">
      <c r="H438595" s="12"/>
    </row>
    <row r="438596" spans="8:8">
      <c r="H438596" s="12"/>
    </row>
    <row r="438597" spans="8:8">
      <c r="H438597" s="12"/>
    </row>
    <row r="438598" spans="8:8">
      <c r="H438598" s="12"/>
    </row>
    <row r="438599" spans="8:8">
      <c r="H438599" s="12"/>
    </row>
    <row r="438600" spans="8:8">
      <c r="H438600" s="12"/>
    </row>
    <row r="438601" spans="8:8">
      <c r="H438601" s="12"/>
    </row>
    <row r="438602" spans="8:8">
      <c r="H438602" s="12"/>
    </row>
    <row r="438603" spans="8:8">
      <c r="H438603" s="12"/>
    </row>
    <row r="438604" spans="8:8">
      <c r="H438604" s="12"/>
    </row>
    <row r="438605" spans="8:8">
      <c r="H438605" s="12"/>
    </row>
    <row r="438606" spans="8:8">
      <c r="H438606" s="12"/>
    </row>
    <row r="438607" spans="8:8">
      <c r="H438607" s="12"/>
    </row>
    <row r="438608" spans="8:8">
      <c r="H438608" s="12"/>
    </row>
    <row r="438609" spans="8:8">
      <c r="H438609" s="12"/>
    </row>
    <row r="438610" spans="8:8">
      <c r="H438610" s="12"/>
    </row>
    <row r="438611" spans="8:8">
      <c r="H438611" s="12"/>
    </row>
    <row r="438612" spans="8:8">
      <c r="H438612" s="12"/>
    </row>
    <row r="438613" spans="8:8">
      <c r="H438613" s="12"/>
    </row>
    <row r="438614" spans="8:8">
      <c r="H438614" s="12"/>
    </row>
    <row r="438615" spans="8:8">
      <c r="H438615" s="12"/>
    </row>
    <row r="438616" spans="8:8">
      <c r="H438616" s="12"/>
    </row>
    <row r="438617" spans="8:8">
      <c r="H438617" s="12"/>
    </row>
    <row r="438618" spans="8:8">
      <c r="H438618" s="12"/>
    </row>
    <row r="438619" spans="8:8">
      <c r="H438619" s="12"/>
    </row>
    <row r="438620" spans="8:8">
      <c r="H438620" s="12"/>
    </row>
    <row r="438621" spans="8:8">
      <c r="H438621" s="12"/>
    </row>
    <row r="438622" spans="8:8">
      <c r="H438622" s="12"/>
    </row>
    <row r="438623" spans="8:8">
      <c r="H438623" s="12"/>
    </row>
    <row r="438624" spans="8:8">
      <c r="H438624" s="12"/>
    </row>
    <row r="438625" spans="8:8">
      <c r="H438625" s="12"/>
    </row>
    <row r="438626" spans="8:8">
      <c r="H438626" s="12"/>
    </row>
    <row r="438627" spans="8:8">
      <c r="H438627" s="12"/>
    </row>
    <row r="438628" spans="8:8">
      <c r="H438628" s="12"/>
    </row>
    <row r="438629" spans="8:8">
      <c r="H438629" s="12"/>
    </row>
    <row r="438630" spans="8:8">
      <c r="H438630" s="12"/>
    </row>
    <row r="438631" spans="8:8">
      <c r="H438631" s="12"/>
    </row>
    <row r="438632" spans="8:8">
      <c r="H438632" s="12"/>
    </row>
    <row r="438633" spans="8:8">
      <c r="H438633" s="12"/>
    </row>
    <row r="438634" spans="8:8">
      <c r="H438634" s="12"/>
    </row>
    <row r="438635" spans="8:8">
      <c r="H438635" s="12"/>
    </row>
    <row r="438636" spans="8:8">
      <c r="H438636" s="12"/>
    </row>
    <row r="438637" spans="8:8">
      <c r="H438637" s="12"/>
    </row>
    <row r="438638" spans="8:8">
      <c r="H438638" s="12"/>
    </row>
    <row r="438639" spans="8:8">
      <c r="H438639" s="12"/>
    </row>
    <row r="438640" spans="8:8">
      <c r="H438640" s="12"/>
    </row>
    <row r="438641" spans="8:8">
      <c r="H438641" s="12"/>
    </row>
    <row r="438642" spans="8:8">
      <c r="H438642" s="12"/>
    </row>
    <row r="438643" spans="8:8">
      <c r="H438643" s="12"/>
    </row>
    <row r="438644" spans="8:8">
      <c r="H438644" s="12"/>
    </row>
    <row r="438645" spans="8:8">
      <c r="H438645" s="12"/>
    </row>
    <row r="438646" spans="8:8">
      <c r="H438646" s="12"/>
    </row>
    <row r="438647" spans="8:8">
      <c r="H438647" s="12"/>
    </row>
    <row r="438648" spans="8:8">
      <c r="H438648" s="12"/>
    </row>
    <row r="438649" spans="8:8">
      <c r="H438649" s="12"/>
    </row>
    <row r="438650" spans="8:8">
      <c r="H438650" s="12"/>
    </row>
    <row r="438651" spans="8:8">
      <c r="H438651" s="12"/>
    </row>
    <row r="438652" spans="8:8">
      <c r="H438652" s="12"/>
    </row>
    <row r="438653" spans="8:8">
      <c r="H438653" s="12"/>
    </row>
    <row r="438654" spans="8:8">
      <c r="H438654" s="12"/>
    </row>
    <row r="438655" spans="8:8">
      <c r="H438655" s="12"/>
    </row>
    <row r="438656" spans="8:8">
      <c r="H438656" s="12"/>
    </row>
    <row r="438657" spans="8:8">
      <c r="H438657" s="12"/>
    </row>
    <row r="438658" spans="8:8">
      <c r="H438658" s="12"/>
    </row>
    <row r="438659" spans="8:8">
      <c r="H438659" s="12"/>
    </row>
    <row r="438660" spans="8:8">
      <c r="H438660" s="12"/>
    </row>
    <row r="438661" spans="8:8">
      <c r="H438661" s="12"/>
    </row>
    <row r="438662" spans="8:8">
      <c r="H438662" s="12"/>
    </row>
    <row r="438663" spans="8:8">
      <c r="H438663" s="12"/>
    </row>
    <row r="438664" spans="8:8">
      <c r="H438664" s="12"/>
    </row>
    <row r="438665" spans="8:8">
      <c r="H438665" s="12"/>
    </row>
    <row r="438666" spans="8:8">
      <c r="H438666" s="12"/>
    </row>
    <row r="438667" spans="8:8">
      <c r="H438667" s="12"/>
    </row>
    <row r="438668" spans="8:8">
      <c r="H438668" s="12"/>
    </row>
    <row r="438669" spans="8:8">
      <c r="H438669" s="12"/>
    </row>
    <row r="438670" spans="8:8">
      <c r="H438670" s="12"/>
    </row>
    <row r="438671" spans="8:8">
      <c r="H438671" s="12"/>
    </row>
    <row r="438672" spans="8:8">
      <c r="H438672" s="12"/>
    </row>
    <row r="438673" spans="8:8">
      <c r="H438673" s="12"/>
    </row>
    <row r="438674" spans="8:8">
      <c r="H438674" s="12"/>
    </row>
    <row r="438675" spans="8:8">
      <c r="H438675" s="12"/>
    </row>
    <row r="438676" spans="8:8">
      <c r="H438676" s="12"/>
    </row>
    <row r="438677" spans="8:8">
      <c r="H438677" s="12"/>
    </row>
    <row r="438678" spans="8:8">
      <c r="H438678" s="12"/>
    </row>
    <row r="438679" spans="8:8">
      <c r="H438679" s="12"/>
    </row>
    <row r="438680" spans="8:8">
      <c r="H438680" s="12"/>
    </row>
    <row r="438681" spans="8:8">
      <c r="H438681" s="12"/>
    </row>
    <row r="438682" spans="8:8">
      <c r="H438682" s="12"/>
    </row>
    <row r="438683" spans="8:8">
      <c r="H438683" s="12"/>
    </row>
    <row r="438684" spans="8:8">
      <c r="H438684" s="12"/>
    </row>
    <row r="438685" spans="8:8">
      <c r="H438685" s="12"/>
    </row>
    <row r="438686" spans="8:8">
      <c r="H438686" s="12"/>
    </row>
    <row r="438687" spans="8:8">
      <c r="H438687" s="12"/>
    </row>
    <row r="438688" spans="8:8">
      <c r="H438688" s="12"/>
    </row>
    <row r="438689" spans="8:8">
      <c r="H438689" s="12"/>
    </row>
    <row r="438690" spans="8:8">
      <c r="H438690" s="12"/>
    </row>
    <row r="438691" spans="8:8">
      <c r="H438691" s="12"/>
    </row>
    <row r="438692" spans="8:8">
      <c r="H438692" s="12"/>
    </row>
    <row r="438693" spans="8:8">
      <c r="H438693" s="12"/>
    </row>
    <row r="438694" spans="8:8">
      <c r="H438694" s="12"/>
    </row>
    <row r="438695" spans="8:8">
      <c r="H438695" s="12"/>
    </row>
    <row r="438696" spans="8:8">
      <c r="H438696" s="12"/>
    </row>
    <row r="438697" spans="8:8">
      <c r="H438697" s="12"/>
    </row>
    <row r="438698" spans="8:8">
      <c r="H438698" s="12"/>
    </row>
    <row r="438699" spans="8:8">
      <c r="H438699" s="12"/>
    </row>
    <row r="438700" spans="8:8">
      <c r="H438700" s="12"/>
    </row>
    <row r="438701" spans="8:8">
      <c r="H438701" s="12"/>
    </row>
    <row r="438702" spans="8:8">
      <c r="H438702" s="12"/>
    </row>
    <row r="438703" spans="8:8">
      <c r="H438703" s="12"/>
    </row>
    <row r="438704" spans="8:8">
      <c r="H438704" s="12"/>
    </row>
    <row r="438705" spans="8:8">
      <c r="H438705" s="12"/>
    </row>
    <row r="438706" spans="8:8">
      <c r="H438706" s="12"/>
    </row>
    <row r="438707" spans="8:8">
      <c r="H438707" s="12"/>
    </row>
    <row r="438708" spans="8:8">
      <c r="H438708" s="12"/>
    </row>
    <row r="438709" spans="8:8">
      <c r="H438709" s="12"/>
    </row>
    <row r="438710" spans="8:8">
      <c r="H438710" s="12"/>
    </row>
    <row r="438711" spans="8:8">
      <c r="H438711" s="12"/>
    </row>
    <row r="438712" spans="8:8">
      <c r="H438712" s="12"/>
    </row>
    <row r="438713" spans="8:8">
      <c r="H438713" s="12"/>
    </row>
    <row r="438714" spans="8:8">
      <c r="H438714" s="12"/>
    </row>
    <row r="438715" spans="8:8">
      <c r="H438715" s="12"/>
    </row>
    <row r="438716" spans="8:8">
      <c r="H438716" s="12"/>
    </row>
    <row r="438717" spans="8:8">
      <c r="H438717" s="12"/>
    </row>
    <row r="438718" spans="8:8">
      <c r="H438718" s="12"/>
    </row>
    <row r="438719" spans="8:8">
      <c r="H438719" s="12"/>
    </row>
    <row r="438720" spans="8:8">
      <c r="H438720" s="12"/>
    </row>
    <row r="438721" spans="8:8">
      <c r="H438721" s="12"/>
    </row>
    <row r="438722" spans="8:8">
      <c r="H438722" s="12"/>
    </row>
    <row r="438723" spans="8:8">
      <c r="H438723" s="12"/>
    </row>
    <row r="438724" spans="8:8">
      <c r="H438724" s="12"/>
    </row>
    <row r="438725" spans="8:8">
      <c r="H438725" s="12"/>
    </row>
    <row r="438726" spans="8:8">
      <c r="H438726" s="12"/>
    </row>
    <row r="438727" spans="8:8">
      <c r="H438727" s="12"/>
    </row>
    <row r="438728" spans="8:8">
      <c r="H438728" s="12"/>
    </row>
    <row r="438729" spans="8:8">
      <c r="H438729" s="12"/>
    </row>
    <row r="438730" spans="8:8">
      <c r="H438730" s="12"/>
    </row>
    <row r="438731" spans="8:8">
      <c r="H438731" s="12"/>
    </row>
    <row r="438732" spans="8:8">
      <c r="H438732" s="12"/>
    </row>
    <row r="438733" spans="8:8">
      <c r="H438733" s="12"/>
    </row>
    <row r="438734" spans="8:8">
      <c r="H438734" s="12"/>
    </row>
    <row r="438735" spans="8:8">
      <c r="H438735" s="12"/>
    </row>
    <row r="438736" spans="8:8">
      <c r="H438736" s="12"/>
    </row>
    <row r="438737" spans="8:8">
      <c r="H438737" s="12"/>
    </row>
    <row r="438738" spans="8:8">
      <c r="H438738" s="12"/>
    </row>
    <row r="438739" spans="8:8">
      <c r="H438739" s="12"/>
    </row>
    <row r="438740" spans="8:8">
      <c r="H438740" s="12"/>
    </row>
    <row r="438741" spans="8:8">
      <c r="H438741" s="12"/>
    </row>
    <row r="438742" spans="8:8">
      <c r="H438742" s="12"/>
    </row>
    <row r="438743" spans="8:8">
      <c r="H438743" s="12"/>
    </row>
    <row r="438744" spans="8:8">
      <c r="H438744" s="12"/>
    </row>
    <row r="438745" spans="8:8">
      <c r="H438745" s="12"/>
    </row>
    <row r="438746" spans="8:8">
      <c r="H438746" s="12"/>
    </row>
    <row r="438747" spans="8:8">
      <c r="H438747" s="12"/>
    </row>
    <row r="438748" spans="8:8">
      <c r="H438748" s="12"/>
    </row>
    <row r="438749" spans="8:8">
      <c r="H438749" s="12"/>
    </row>
    <row r="438750" spans="8:8">
      <c r="H438750" s="12"/>
    </row>
    <row r="438751" spans="8:8">
      <c r="H438751" s="12"/>
    </row>
    <row r="438752" spans="8:8">
      <c r="H438752" s="12"/>
    </row>
    <row r="438753" spans="8:8">
      <c r="H438753" s="12"/>
    </row>
    <row r="438754" spans="8:8">
      <c r="H438754" s="12"/>
    </row>
    <row r="438755" spans="8:8">
      <c r="H438755" s="12"/>
    </row>
    <row r="438756" spans="8:8">
      <c r="H438756" s="12"/>
    </row>
    <row r="438757" spans="8:8">
      <c r="H438757" s="12"/>
    </row>
    <row r="438758" spans="8:8">
      <c r="H438758" s="12"/>
    </row>
    <row r="438759" spans="8:8">
      <c r="H438759" s="12"/>
    </row>
    <row r="438760" spans="8:8">
      <c r="H438760" s="12"/>
    </row>
    <row r="438761" spans="8:8">
      <c r="H438761" s="12"/>
    </row>
    <row r="438762" spans="8:8">
      <c r="H438762" s="12"/>
    </row>
    <row r="438763" spans="8:8">
      <c r="H438763" s="12"/>
    </row>
    <row r="438764" spans="8:8">
      <c r="H438764" s="12"/>
    </row>
    <row r="438765" spans="8:8">
      <c r="H438765" s="12"/>
    </row>
    <row r="438766" spans="8:8">
      <c r="H438766" s="12"/>
    </row>
    <row r="438767" spans="8:8">
      <c r="H438767" s="12"/>
    </row>
    <row r="438768" spans="8:8">
      <c r="H438768" s="12"/>
    </row>
    <row r="438769" spans="8:8">
      <c r="H438769" s="12"/>
    </row>
    <row r="438770" spans="8:8">
      <c r="H438770" s="12"/>
    </row>
    <row r="438771" spans="8:8">
      <c r="H438771" s="12"/>
    </row>
    <row r="438772" spans="8:8">
      <c r="H438772" s="12"/>
    </row>
    <row r="438773" spans="8:8">
      <c r="H438773" s="12"/>
    </row>
    <row r="438774" spans="8:8">
      <c r="H438774" s="12"/>
    </row>
    <row r="438775" spans="8:8">
      <c r="H438775" s="12"/>
    </row>
    <row r="438776" spans="8:8">
      <c r="H438776" s="12"/>
    </row>
    <row r="438777" spans="8:8">
      <c r="H438777" s="12"/>
    </row>
    <row r="438778" spans="8:8">
      <c r="H438778" s="12"/>
    </row>
    <row r="438779" spans="8:8">
      <c r="H438779" s="12"/>
    </row>
    <row r="438780" spans="8:8">
      <c r="H438780" s="12"/>
    </row>
    <row r="438781" spans="8:8">
      <c r="H438781" s="12"/>
    </row>
    <row r="438782" spans="8:8">
      <c r="H438782" s="12"/>
    </row>
    <row r="438783" spans="8:8">
      <c r="H438783" s="12"/>
    </row>
    <row r="438784" spans="8:8">
      <c r="H438784" s="12"/>
    </row>
    <row r="438785" spans="8:8">
      <c r="H438785" s="12"/>
    </row>
    <row r="438786" spans="8:8">
      <c r="H438786" s="12"/>
    </row>
    <row r="438787" spans="8:8">
      <c r="H438787" s="12"/>
    </row>
    <row r="438788" spans="8:8">
      <c r="H438788" s="12"/>
    </row>
    <row r="438789" spans="8:8">
      <c r="H438789" s="12"/>
    </row>
    <row r="438790" spans="8:8">
      <c r="H438790" s="12"/>
    </row>
    <row r="438791" spans="8:8">
      <c r="H438791" s="12"/>
    </row>
    <row r="438792" spans="8:8">
      <c r="H438792" s="12"/>
    </row>
    <row r="438793" spans="8:8">
      <c r="H438793" s="12"/>
    </row>
    <row r="438794" spans="8:8">
      <c r="H438794" s="12"/>
    </row>
    <row r="438795" spans="8:8">
      <c r="H438795" s="12"/>
    </row>
    <row r="438796" spans="8:8">
      <c r="H438796" s="12"/>
    </row>
    <row r="438797" spans="8:8">
      <c r="H438797" s="12"/>
    </row>
    <row r="438798" spans="8:8">
      <c r="H438798" s="12"/>
    </row>
    <row r="438799" spans="8:8">
      <c r="H438799" s="12"/>
    </row>
    <row r="438800" spans="8:8">
      <c r="H438800" s="12"/>
    </row>
    <row r="438801" spans="8:8">
      <c r="H438801" s="12"/>
    </row>
    <row r="438802" spans="8:8">
      <c r="H438802" s="12"/>
    </row>
    <row r="438803" spans="8:8">
      <c r="H438803" s="12"/>
    </row>
    <row r="438804" spans="8:8">
      <c r="H438804" s="12"/>
    </row>
    <row r="438805" spans="8:8">
      <c r="H438805" s="12"/>
    </row>
    <row r="438806" spans="8:8">
      <c r="H438806" s="12"/>
    </row>
    <row r="438807" spans="8:8">
      <c r="H438807" s="12"/>
    </row>
    <row r="438808" spans="8:8">
      <c r="H438808" s="12"/>
    </row>
    <row r="438809" spans="8:8">
      <c r="H438809" s="12"/>
    </row>
    <row r="438810" spans="8:8">
      <c r="H438810" s="12"/>
    </row>
    <row r="438811" spans="8:8">
      <c r="H438811" s="12"/>
    </row>
    <row r="438812" spans="8:8">
      <c r="H438812" s="12"/>
    </row>
    <row r="438813" spans="8:8">
      <c r="H438813" s="12"/>
    </row>
    <row r="438814" spans="8:8">
      <c r="H438814" s="12"/>
    </row>
    <row r="438815" spans="8:8">
      <c r="H438815" s="12"/>
    </row>
    <row r="438816" spans="8:8">
      <c r="H438816" s="12"/>
    </row>
    <row r="438817" spans="8:8">
      <c r="H438817" s="12"/>
    </row>
    <row r="438818" spans="8:8">
      <c r="H438818" s="12"/>
    </row>
    <row r="438819" spans="8:8">
      <c r="H438819" s="12"/>
    </row>
    <row r="438820" spans="8:8">
      <c r="H438820" s="12"/>
    </row>
    <row r="438821" spans="8:8">
      <c r="H438821" s="12"/>
    </row>
    <row r="438822" spans="8:8">
      <c r="H438822" s="12"/>
    </row>
    <row r="438823" spans="8:8">
      <c r="H438823" s="12"/>
    </row>
    <row r="438824" spans="8:8">
      <c r="H438824" s="12"/>
    </row>
    <row r="438825" spans="8:8">
      <c r="H438825" s="12"/>
    </row>
    <row r="438826" spans="8:8">
      <c r="H438826" s="12"/>
    </row>
    <row r="438827" spans="8:8">
      <c r="H438827" s="12"/>
    </row>
    <row r="438828" spans="8:8">
      <c r="H438828" s="12"/>
    </row>
    <row r="438829" spans="8:8">
      <c r="H438829" s="12"/>
    </row>
    <row r="438830" spans="8:8">
      <c r="H438830" s="12"/>
    </row>
    <row r="438831" spans="8:8">
      <c r="H438831" s="12"/>
    </row>
    <row r="438832" spans="8:8">
      <c r="H438832" s="12"/>
    </row>
    <row r="438833" spans="8:8">
      <c r="H438833" s="12"/>
    </row>
    <row r="438834" spans="8:8">
      <c r="H438834" s="12"/>
    </row>
    <row r="438835" spans="8:8">
      <c r="H438835" s="12"/>
    </row>
    <row r="438836" spans="8:8">
      <c r="H438836" s="12"/>
    </row>
    <row r="438837" spans="8:8">
      <c r="H438837" s="12"/>
    </row>
    <row r="438838" spans="8:8">
      <c r="H438838" s="12"/>
    </row>
    <row r="438839" spans="8:8">
      <c r="H438839" s="12"/>
    </row>
    <row r="438840" spans="8:8">
      <c r="H438840" s="12"/>
    </row>
    <row r="438841" spans="8:8">
      <c r="H438841" s="12"/>
    </row>
    <row r="438842" spans="8:8">
      <c r="H438842" s="12"/>
    </row>
    <row r="438843" spans="8:8">
      <c r="H438843" s="12"/>
    </row>
    <row r="438844" spans="8:8">
      <c r="H438844" s="12"/>
    </row>
    <row r="438845" spans="8:8">
      <c r="H438845" s="12"/>
    </row>
    <row r="438846" spans="8:8">
      <c r="H438846" s="12"/>
    </row>
    <row r="438847" spans="8:8">
      <c r="H438847" s="12"/>
    </row>
    <row r="438848" spans="8:8">
      <c r="H438848" s="12"/>
    </row>
    <row r="438849" spans="8:8">
      <c r="H438849" s="12"/>
    </row>
    <row r="438850" spans="8:8">
      <c r="H438850" s="12"/>
    </row>
    <row r="438851" spans="8:8">
      <c r="H438851" s="12"/>
    </row>
    <row r="438852" spans="8:8">
      <c r="H438852" s="12"/>
    </row>
    <row r="438853" spans="8:8">
      <c r="H438853" s="12"/>
    </row>
    <row r="438854" spans="8:8">
      <c r="H438854" s="12"/>
    </row>
    <row r="438855" spans="8:8">
      <c r="H438855" s="12"/>
    </row>
    <row r="438856" spans="8:8">
      <c r="H438856" s="12"/>
    </row>
    <row r="438857" spans="8:8">
      <c r="H438857" s="12"/>
    </row>
    <row r="438858" spans="8:8">
      <c r="H438858" s="12"/>
    </row>
    <row r="438859" spans="8:8">
      <c r="H438859" s="12"/>
    </row>
    <row r="438860" spans="8:8">
      <c r="H438860" s="12"/>
    </row>
    <row r="438861" spans="8:8">
      <c r="H438861" s="12"/>
    </row>
    <row r="438862" spans="8:8">
      <c r="H438862" s="12"/>
    </row>
    <row r="438863" spans="8:8">
      <c r="H438863" s="12"/>
    </row>
    <row r="438864" spans="8:8">
      <c r="H438864" s="12"/>
    </row>
    <row r="438865" spans="8:8">
      <c r="H438865" s="12"/>
    </row>
    <row r="438866" spans="8:8">
      <c r="H438866" s="12"/>
    </row>
    <row r="438867" spans="8:8">
      <c r="H438867" s="12"/>
    </row>
    <row r="438868" spans="8:8">
      <c r="H438868" s="12"/>
    </row>
    <row r="438869" spans="8:8">
      <c r="H438869" s="12"/>
    </row>
    <row r="438870" spans="8:8">
      <c r="H438870" s="12"/>
    </row>
    <row r="438871" spans="8:8">
      <c r="H438871" s="12"/>
    </row>
    <row r="438872" spans="8:8">
      <c r="H438872" s="12"/>
    </row>
    <row r="438873" spans="8:8">
      <c r="H438873" s="12"/>
    </row>
    <row r="438874" spans="8:8">
      <c r="H438874" s="12"/>
    </row>
    <row r="438875" spans="8:8">
      <c r="H438875" s="12"/>
    </row>
    <row r="438876" spans="8:8">
      <c r="H438876" s="12"/>
    </row>
    <row r="438877" spans="8:8">
      <c r="H438877" s="12"/>
    </row>
    <row r="438878" spans="8:8">
      <c r="H438878" s="12"/>
    </row>
    <row r="438879" spans="8:8">
      <c r="H438879" s="12"/>
    </row>
    <row r="438880" spans="8:8">
      <c r="H438880" s="12"/>
    </row>
    <row r="438881" spans="8:8">
      <c r="H438881" s="12"/>
    </row>
    <row r="438882" spans="8:8">
      <c r="H438882" s="12"/>
    </row>
    <row r="438883" spans="8:8">
      <c r="H438883" s="12"/>
    </row>
    <row r="438884" spans="8:8">
      <c r="H438884" s="12"/>
    </row>
    <row r="438885" spans="8:8">
      <c r="H438885" s="12"/>
    </row>
    <row r="438886" spans="8:8">
      <c r="H438886" s="12"/>
    </row>
    <row r="438887" spans="8:8">
      <c r="H438887" s="12"/>
    </row>
    <row r="438888" spans="8:8">
      <c r="H438888" s="12"/>
    </row>
    <row r="438889" spans="8:8">
      <c r="H438889" s="12"/>
    </row>
    <row r="438890" spans="8:8">
      <c r="H438890" s="12"/>
    </row>
    <row r="438891" spans="8:8">
      <c r="H438891" s="12"/>
    </row>
    <row r="438892" spans="8:8">
      <c r="H438892" s="12"/>
    </row>
    <row r="438893" spans="8:8">
      <c r="H438893" s="12"/>
    </row>
    <row r="438894" spans="8:8">
      <c r="H438894" s="12"/>
    </row>
    <row r="438895" spans="8:8">
      <c r="H438895" s="12"/>
    </row>
    <row r="438896" spans="8:8">
      <c r="H438896" s="12"/>
    </row>
    <row r="438897" spans="8:8">
      <c r="H438897" s="12"/>
    </row>
    <row r="438898" spans="8:8">
      <c r="H438898" s="12"/>
    </row>
    <row r="438899" spans="8:8">
      <c r="H438899" s="12"/>
    </row>
    <row r="438900" spans="8:8">
      <c r="H438900" s="12"/>
    </row>
    <row r="438901" spans="8:8">
      <c r="H438901" s="12"/>
    </row>
    <row r="438902" spans="8:8">
      <c r="H438902" s="12"/>
    </row>
    <row r="438903" spans="8:8">
      <c r="H438903" s="12"/>
    </row>
    <row r="438904" spans="8:8">
      <c r="H438904" s="12"/>
    </row>
    <row r="438905" spans="8:8">
      <c r="H438905" s="12"/>
    </row>
    <row r="438906" spans="8:8">
      <c r="H438906" s="12"/>
    </row>
    <row r="438907" spans="8:8">
      <c r="H438907" s="12"/>
    </row>
    <row r="438908" spans="8:8">
      <c r="H438908" s="12"/>
    </row>
    <row r="438909" spans="8:8">
      <c r="H438909" s="12"/>
    </row>
    <row r="438910" spans="8:8">
      <c r="H438910" s="12"/>
    </row>
    <row r="438911" spans="8:8">
      <c r="H438911" s="12"/>
    </row>
    <row r="438912" spans="8:8">
      <c r="H438912" s="12"/>
    </row>
    <row r="438913" spans="8:8">
      <c r="H438913" s="12"/>
    </row>
    <row r="438914" spans="8:8">
      <c r="H438914" s="12"/>
    </row>
    <row r="438915" spans="8:8">
      <c r="H438915" s="12"/>
    </row>
    <row r="438916" spans="8:8">
      <c r="H438916" s="12"/>
    </row>
    <row r="438917" spans="8:8">
      <c r="H438917" s="12"/>
    </row>
    <row r="438918" spans="8:8">
      <c r="H438918" s="12"/>
    </row>
    <row r="438919" spans="8:8">
      <c r="H438919" s="12"/>
    </row>
    <row r="438920" spans="8:8">
      <c r="H438920" s="12"/>
    </row>
    <row r="438921" spans="8:8">
      <c r="H438921" s="12"/>
    </row>
    <row r="438922" spans="8:8">
      <c r="H438922" s="12"/>
    </row>
    <row r="438923" spans="8:8">
      <c r="H438923" s="12"/>
    </row>
    <row r="438924" spans="8:8">
      <c r="H438924" s="12"/>
    </row>
    <row r="438925" spans="8:8">
      <c r="H438925" s="12"/>
    </row>
    <row r="438926" spans="8:8">
      <c r="H438926" s="12"/>
    </row>
    <row r="438927" spans="8:8">
      <c r="H438927" s="12"/>
    </row>
    <row r="438928" spans="8:8">
      <c r="H438928" s="12"/>
    </row>
    <row r="438929" spans="8:8">
      <c r="H438929" s="12"/>
    </row>
    <row r="438930" spans="8:8">
      <c r="H438930" s="12"/>
    </row>
    <row r="438931" spans="8:8">
      <c r="H438931" s="12"/>
    </row>
    <row r="438932" spans="8:8">
      <c r="H438932" s="12"/>
    </row>
    <row r="438933" spans="8:8">
      <c r="H438933" s="12"/>
    </row>
    <row r="438934" spans="8:8">
      <c r="H438934" s="12"/>
    </row>
    <row r="438935" spans="8:8">
      <c r="H438935" s="12"/>
    </row>
    <row r="438936" spans="8:8">
      <c r="H438936" s="12"/>
    </row>
    <row r="438937" spans="8:8">
      <c r="H438937" s="12"/>
    </row>
    <row r="438938" spans="8:8">
      <c r="H438938" s="12"/>
    </row>
    <row r="438939" spans="8:8">
      <c r="H438939" s="12"/>
    </row>
    <row r="438940" spans="8:8">
      <c r="H438940" s="12"/>
    </row>
    <row r="438941" spans="8:8">
      <c r="H438941" s="12"/>
    </row>
    <row r="438942" spans="8:8">
      <c r="H438942" s="12"/>
    </row>
    <row r="438943" spans="8:8">
      <c r="H438943" s="12"/>
    </row>
    <row r="438944" spans="8:8">
      <c r="H438944" s="12"/>
    </row>
    <row r="438945" spans="8:8">
      <c r="H438945" s="12"/>
    </row>
    <row r="438946" spans="8:8">
      <c r="H438946" s="12"/>
    </row>
    <row r="438947" spans="8:8">
      <c r="H438947" s="12"/>
    </row>
    <row r="438948" spans="8:8">
      <c r="H438948" s="12"/>
    </row>
    <row r="438949" spans="8:8">
      <c r="H438949" s="12"/>
    </row>
    <row r="438950" spans="8:8">
      <c r="H438950" s="12"/>
    </row>
    <row r="438951" spans="8:8">
      <c r="H438951" s="12"/>
    </row>
    <row r="438952" spans="8:8">
      <c r="H438952" s="12"/>
    </row>
    <row r="438953" spans="8:8">
      <c r="H438953" s="12"/>
    </row>
    <row r="438954" spans="8:8">
      <c r="H438954" s="12"/>
    </row>
    <row r="438955" spans="8:8">
      <c r="H438955" s="12"/>
    </row>
    <row r="438956" spans="8:8">
      <c r="H438956" s="12"/>
    </row>
    <row r="438957" spans="8:8">
      <c r="H438957" s="12"/>
    </row>
    <row r="438958" spans="8:8">
      <c r="H438958" s="12"/>
    </row>
    <row r="438959" spans="8:8">
      <c r="H438959" s="12"/>
    </row>
    <row r="438960" spans="8:8">
      <c r="H438960" s="12"/>
    </row>
    <row r="438961" spans="8:8">
      <c r="H438961" s="12"/>
    </row>
    <row r="438962" spans="8:8">
      <c r="H438962" s="12"/>
    </row>
    <row r="438963" spans="8:8">
      <c r="H438963" s="12"/>
    </row>
    <row r="438964" spans="8:8">
      <c r="H438964" s="12"/>
    </row>
    <row r="438965" spans="8:8">
      <c r="H438965" s="12"/>
    </row>
    <row r="438966" spans="8:8">
      <c r="H438966" s="12"/>
    </row>
    <row r="438967" spans="8:8">
      <c r="H438967" s="12"/>
    </row>
    <row r="438968" spans="8:8">
      <c r="H438968" s="12"/>
    </row>
    <row r="438969" spans="8:8">
      <c r="H438969" s="12"/>
    </row>
    <row r="438970" spans="8:8">
      <c r="H438970" s="12"/>
    </row>
    <row r="438971" spans="8:8">
      <c r="H438971" s="12"/>
    </row>
    <row r="438972" spans="8:8">
      <c r="H438972" s="12"/>
    </row>
    <row r="438973" spans="8:8">
      <c r="H438973" s="12"/>
    </row>
    <row r="438974" spans="8:8">
      <c r="H438974" s="12"/>
    </row>
    <row r="438975" spans="8:8">
      <c r="H438975" s="12"/>
    </row>
    <row r="438976" spans="8:8">
      <c r="H438976" s="12"/>
    </row>
    <row r="438977" spans="8:8">
      <c r="H438977" s="12"/>
    </row>
    <row r="438978" spans="8:8">
      <c r="H438978" s="12"/>
    </row>
    <row r="438979" spans="8:8">
      <c r="H438979" s="12"/>
    </row>
    <row r="438980" spans="8:8">
      <c r="H438980" s="12"/>
    </row>
    <row r="438981" spans="8:8">
      <c r="H438981" s="12"/>
    </row>
    <row r="438982" spans="8:8">
      <c r="H438982" s="12"/>
    </row>
    <row r="438983" spans="8:8">
      <c r="H438983" s="12"/>
    </row>
    <row r="438984" spans="8:8">
      <c r="H438984" s="12"/>
    </row>
    <row r="438985" spans="8:8">
      <c r="H438985" s="12"/>
    </row>
    <row r="438986" spans="8:8">
      <c r="H438986" s="12"/>
    </row>
    <row r="438987" spans="8:8">
      <c r="H438987" s="12"/>
    </row>
    <row r="438988" spans="8:8">
      <c r="H438988" s="12"/>
    </row>
    <row r="438989" spans="8:8">
      <c r="H438989" s="12"/>
    </row>
    <row r="438990" spans="8:8">
      <c r="H438990" s="12"/>
    </row>
    <row r="438991" spans="8:8">
      <c r="H438991" s="12"/>
    </row>
    <row r="438992" spans="8:8">
      <c r="H438992" s="12"/>
    </row>
    <row r="438993" spans="8:8">
      <c r="H438993" s="12"/>
    </row>
    <row r="438994" spans="8:8">
      <c r="H438994" s="12"/>
    </row>
    <row r="438995" spans="8:8">
      <c r="H438995" s="12"/>
    </row>
    <row r="438996" spans="8:8">
      <c r="H438996" s="12"/>
    </row>
    <row r="438997" spans="8:8">
      <c r="H438997" s="12"/>
    </row>
    <row r="438998" spans="8:8">
      <c r="H438998" s="12"/>
    </row>
    <row r="438999" spans="8:8">
      <c r="H438999" s="12"/>
    </row>
    <row r="439000" spans="8:8">
      <c r="H439000" s="12"/>
    </row>
    <row r="439001" spans="8:8">
      <c r="H439001" s="12"/>
    </row>
    <row r="439002" spans="8:8">
      <c r="H439002" s="12"/>
    </row>
    <row r="439003" spans="8:8">
      <c r="H439003" s="12"/>
    </row>
    <row r="439004" spans="8:8">
      <c r="H439004" s="12"/>
    </row>
    <row r="439005" spans="8:8">
      <c r="H439005" s="12"/>
    </row>
    <row r="439006" spans="8:8">
      <c r="H439006" s="12"/>
    </row>
    <row r="439007" spans="8:8">
      <c r="H439007" s="12"/>
    </row>
    <row r="439008" spans="8:8">
      <c r="H439008" s="12"/>
    </row>
    <row r="439009" spans="8:8">
      <c r="H439009" s="12"/>
    </row>
    <row r="439010" spans="8:8">
      <c r="H439010" s="12"/>
    </row>
    <row r="439011" spans="8:8">
      <c r="H439011" s="12"/>
    </row>
    <row r="439012" spans="8:8">
      <c r="H439012" s="12"/>
    </row>
    <row r="439013" spans="8:8">
      <c r="H439013" s="12"/>
    </row>
    <row r="439014" spans="8:8">
      <c r="H439014" s="12"/>
    </row>
    <row r="439015" spans="8:8">
      <c r="H439015" s="12"/>
    </row>
    <row r="439016" spans="8:8">
      <c r="H439016" s="12"/>
    </row>
    <row r="439017" spans="8:8">
      <c r="H439017" s="12"/>
    </row>
    <row r="439018" spans="8:8">
      <c r="H439018" s="12"/>
    </row>
    <row r="439019" spans="8:8">
      <c r="H439019" s="12"/>
    </row>
    <row r="439020" spans="8:8">
      <c r="H439020" s="12"/>
    </row>
    <row r="439021" spans="8:8">
      <c r="H439021" s="12"/>
    </row>
    <row r="439022" spans="8:8">
      <c r="H439022" s="12"/>
    </row>
    <row r="439023" spans="8:8">
      <c r="H439023" s="12"/>
    </row>
    <row r="439024" spans="8:8">
      <c r="H439024" s="12"/>
    </row>
    <row r="439025" spans="8:8">
      <c r="H439025" s="12"/>
    </row>
    <row r="439026" spans="8:8">
      <c r="H439026" s="12"/>
    </row>
    <row r="439027" spans="8:8">
      <c r="H439027" s="12"/>
    </row>
    <row r="439028" spans="8:8">
      <c r="H439028" s="12"/>
    </row>
    <row r="439029" spans="8:8">
      <c r="H439029" s="12"/>
    </row>
    <row r="439030" spans="8:8">
      <c r="H439030" s="12"/>
    </row>
    <row r="439031" spans="8:8">
      <c r="H439031" s="12"/>
    </row>
    <row r="439032" spans="8:8">
      <c r="H439032" s="12"/>
    </row>
    <row r="439033" spans="8:8">
      <c r="H439033" s="12"/>
    </row>
    <row r="439034" spans="8:8">
      <c r="H439034" s="12"/>
    </row>
    <row r="439035" spans="8:8">
      <c r="H439035" s="12"/>
    </row>
    <row r="439036" spans="8:8">
      <c r="H439036" s="12"/>
    </row>
    <row r="439037" spans="8:8">
      <c r="H439037" s="12"/>
    </row>
    <row r="439038" spans="8:8">
      <c r="H439038" s="12"/>
    </row>
    <row r="439039" spans="8:8">
      <c r="H439039" s="12"/>
    </row>
    <row r="439040" spans="8:8">
      <c r="H439040" s="12"/>
    </row>
    <row r="439041" spans="8:8">
      <c r="H439041" s="12"/>
    </row>
    <row r="439042" spans="8:8">
      <c r="H439042" s="12"/>
    </row>
    <row r="439043" spans="8:8">
      <c r="H439043" s="12"/>
    </row>
    <row r="439044" spans="8:8">
      <c r="H439044" s="12"/>
    </row>
    <row r="439045" spans="8:8">
      <c r="H439045" s="12"/>
    </row>
    <row r="439046" spans="8:8">
      <c r="H439046" s="12"/>
    </row>
    <row r="439047" spans="8:8">
      <c r="H439047" s="12"/>
    </row>
    <row r="439048" spans="8:8">
      <c r="H439048" s="12"/>
    </row>
    <row r="439049" spans="8:8">
      <c r="H439049" s="12"/>
    </row>
    <row r="439050" spans="8:8">
      <c r="H439050" s="12"/>
    </row>
    <row r="439051" spans="8:8">
      <c r="H439051" s="12"/>
    </row>
    <row r="439052" spans="8:8">
      <c r="H439052" s="12"/>
    </row>
    <row r="439053" spans="8:8">
      <c r="H439053" s="12"/>
    </row>
    <row r="439054" spans="8:8">
      <c r="H439054" s="12"/>
    </row>
    <row r="439055" spans="8:8">
      <c r="H439055" s="12"/>
    </row>
    <row r="439056" spans="8:8">
      <c r="H439056" s="12"/>
    </row>
    <row r="439057" spans="8:8">
      <c r="H439057" s="12"/>
    </row>
    <row r="439058" spans="8:8">
      <c r="H439058" s="12"/>
    </row>
    <row r="439059" spans="8:8">
      <c r="H439059" s="12"/>
    </row>
    <row r="439060" spans="8:8">
      <c r="H439060" s="12"/>
    </row>
    <row r="439061" spans="8:8">
      <c r="H439061" s="12"/>
    </row>
    <row r="439062" spans="8:8">
      <c r="H439062" s="12"/>
    </row>
    <row r="439063" spans="8:8">
      <c r="H439063" s="12"/>
    </row>
    <row r="439064" spans="8:8">
      <c r="H439064" s="12"/>
    </row>
    <row r="439065" spans="8:8">
      <c r="H439065" s="12"/>
    </row>
    <row r="439066" spans="8:8">
      <c r="H439066" s="12"/>
    </row>
    <row r="439067" spans="8:8">
      <c r="H439067" s="12"/>
    </row>
    <row r="439068" spans="8:8">
      <c r="H439068" s="12"/>
    </row>
    <row r="439069" spans="8:8">
      <c r="H439069" s="12"/>
    </row>
    <row r="439070" spans="8:8">
      <c r="H439070" s="12"/>
    </row>
    <row r="439071" spans="8:8">
      <c r="H439071" s="12"/>
    </row>
    <row r="439072" spans="8:8">
      <c r="H439072" s="12"/>
    </row>
    <row r="439073" spans="8:8">
      <c r="H439073" s="12"/>
    </row>
    <row r="439074" spans="8:8">
      <c r="H439074" s="12"/>
    </row>
    <row r="439075" spans="8:8">
      <c r="H439075" s="12"/>
    </row>
    <row r="439076" spans="8:8">
      <c r="H439076" s="12"/>
    </row>
    <row r="439077" spans="8:8">
      <c r="H439077" s="12"/>
    </row>
    <row r="439078" spans="8:8">
      <c r="H439078" s="12"/>
    </row>
    <row r="439079" spans="8:8">
      <c r="H439079" s="12"/>
    </row>
    <row r="439080" spans="8:8">
      <c r="H439080" s="12"/>
    </row>
    <row r="439081" spans="8:8">
      <c r="H439081" s="12"/>
    </row>
    <row r="439082" spans="8:8">
      <c r="H439082" s="12"/>
    </row>
    <row r="439083" spans="8:8">
      <c r="H439083" s="12"/>
    </row>
    <row r="439084" spans="8:8">
      <c r="H439084" s="12"/>
    </row>
    <row r="439085" spans="8:8">
      <c r="H439085" s="12"/>
    </row>
    <row r="439086" spans="8:8">
      <c r="H439086" s="12"/>
    </row>
    <row r="439087" spans="8:8">
      <c r="H439087" s="12"/>
    </row>
    <row r="439088" spans="8:8">
      <c r="H439088" s="12"/>
    </row>
    <row r="439089" spans="8:8">
      <c r="H439089" s="12"/>
    </row>
    <row r="439090" spans="8:8">
      <c r="H439090" s="12"/>
    </row>
    <row r="439091" spans="8:8">
      <c r="H439091" s="12"/>
    </row>
    <row r="439092" spans="8:8">
      <c r="H439092" s="12"/>
    </row>
    <row r="439093" spans="8:8">
      <c r="H439093" s="12"/>
    </row>
    <row r="439094" spans="8:8">
      <c r="H439094" s="12"/>
    </row>
    <row r="439095" spans="8:8">
      <c r="H439095" s="12"/>
    </row>
    <row r="439096" spans="8:8">
      <c r="H439096" s="12"/>
    </row>
    <row r="439097" spans="8:8">
      <c r="H439097" s="12"/>
    </row>
    <row r="439098" spans="8:8">
      <c r="H439098" s="12"/>
    </row>
    <row r="439099" spans="8:8">
      <c r="H439099" s="12"/>
    </row>
    <row r="439100" spans="8:8">
      <c r="H439100" s="12"/>
    </row>
    <row r="439101" spans="8:8">
      <c r="H439101" s="12"/>
    </row>
    <row r="439102" spans="8:8">
      <c r="H439102" s="12"/>
    </row>
    <row r="439103" spans="8:8">
      <c r="H439103" s="12"/>
    </row>
    <row r="439104" spans="8:8">
      <c r="H439104" s="12"/>
    </row>
    <row r="439105" spans="8:8">
      <c r="H439105" s="12"/>
    </row>
    <row r="439106" spans="8:8">
      <c r="H439106" s="12"/>
    </row>
    <row r="439107" spans="8:8">
      <c r="H439107" s="12"/>
    </row>
    <row r="439108" spans="8:8">
      <c r="H439108" s="12"/>
    </row>
    <row r="439109" spans="8:8">
      <c r="H439109" s="12"/>
    </row>
    <row r="439110" spans="8:8">
      <c r="H439110" s="12"/>
    </row>
    <row r="439111" spans="8:8">
      <c r="H439111" s="12"/>
    </row>
    <row r="439112" spans="8:8">
      <c r="H439112" s="12"/>
    </row>
    <row r="439113" spans="8:8">
      <c r="H439113" s="12"/>
    </row>
    <row r="439114" spans="8:8">
      <c r="H439114" s="12"/>
    </row>
    <row r="439115" spans="8:8">
      <c r="H439115" s="12"/>
    </row>
    <row r="439116" spans="8:8">
      <c r="H439116" s="12"/>
    </row>
    <row r="439117" spans="8:8">
      <c r="H439117" s="12"/>
    </row>
    <row r="439118" spans="8:8">
      <c r="H439118" s="12"/>
    </row>
    <row r="439119" spans="8:8">
      <c r="H439119" s="12"/>
    </row>
    <row r="439120" spans="8:8">
      <c r="H439120" s="12"/>
    </row>
    <row r="439121" spans="8:8">
      <c r="H439121" s="12"/>
    </row>
    <row r="439122" spans="8:8">
      <c r="H439122" s="12"/>
    </row>
    <row r="439123" spans="8:8">
      <c r="H439123" s="12"/>
    </row>
    <row r="439124" spans="8:8">
      <c r="H439124" s="12"/>
    </row>
    <row r="439125" spans="8:8">
      <c r="H439125" s="12"/>
    </row>
    <row r="439126" spans="8:8">
      <c r="H439126" s="12"/>
    </row>
    <row r="439127" spans="8:8">
      <c r="H439127" s="12"/>
    </row>
    <row r="439128" spans="8:8">
      <c r="H439128" s="12"/>
    </row>
    <row r="439129" spans="8:8">
      <c r="H439129" s="12"/>
    </row>
    <row r="439130" spans="8:8">
      <c r="H439130" s="12"/>
    </row>
    <row r="439131" spans="8:8">
      <c r="H439131" s="12"/>
    </row>
    <row r="439132" spans="8:8">
      <c r="H439132" s="12"/>
    </row>
    <row r="439133" spans="8:8">
      <c r="H439133" s="12"/>
    </row>
    <row r="439134" spans="8:8">
      <c r="H439134" s="12"/>
    </row>
    <row r="439135" spans="8:8">
      <c r="H439135" s="12"/>
    </row>
    <row r="439136" spans="8:8">
      <c r="H439136" s="12"/>
    </row>
    <row r="439137" spans="8:8">
      <c r="H439137" s="12"/>
    </row>
    <row r="439138" spans="8:8">
      <c r="H439138" s="12"/>
    </row>
    <row r="439139" spans="8:8">
      <c r="H439139" s="12"/>
    </row>
    <row r="439140" spans="8:8">
      <c r="H439140" s="12"/>
    </row>
    <row r="439141" spans="8:8">
      <c r="H439141" s="12"/>
    </row>
    <row r="439142" spans="8:8">
      <c r="H439142" s="12"/>
    </row>
    <row r="439143" spans="8:8">
      <c r="H439143" s="12"/>
    </row>
    <row r="439144" spans="8:8">
      <c r="H439144" s="12"/>
    </row>
    <row r="439145" spans="8:8">
      <c r="H439145" s="12"/>
    </row>
    <row r="439146" spans="8:8">
      <c r="H439146" s="12"/>
    </row>
    <row r="439147" spans="8:8">
      <c r="H439147" s="12"/>
    </row>
    <row r="439148" spans="8:8">
      <c r="H439148" s="12"/>
    </row>
    <row r="439149" spans="8:8">
      <c r="H439149" s="12"/>
    </row>
    <row r="439150" spans="8:8">
      <c r="H439150" s="12"/>
    </row>
    <row r="439151" spans="8:8">
      <c r="H439151" s="12"/>
    </row>
    <row r="439152" spans="8:8">
      <c r="H439152" s="12"/>
    </row>
    <row r="439153" spans="8:8">
      <c r="H439153" s="12"/>
    </row>
    <row r="439154" spans="8:8">
      <c r="H439154" s="12"/>
    </row>
    <row r="439155" spans="8:8">
      <c r="H439155" s="12"/>
    </row>
    <row r="439156" spans="8:8">
      <c r="H439156" s="12"/>
    </row>
    <row r="439157" spans="8:8">
      <c r="H439157" s="12"/>
    </row>
    <row r="439158" spans="8:8">
      <c r="H439158" s="12"/>
    </row>
    <row r="439159" spans="8:8">
      <c r="H439159" s="12"/>
    </row>
    <row r="439160" spans="8:8">
      <c r="H439160" s="12"/>
    </row>
    <row r="439161" spans="8:8">
      <c r="H439161" s="12"/>
    </row>
    <row r="439162" spans="8:8">
      <c r="H439162" s="12"/>
    </row>
    <row r="439163" spans="8:8">
      <c r="H439163" s="12"/>
    </row>
    <row r="439164" spans="8:8">
      <c r="H439164" s="12"/>
    </row>
    <row r="439165" spans="8:8">
      <c r="H439165" s="12"/>
    </row>
    <row r="439166" spans="8:8">
      <c r="H439166" s="12"/>
    </row>
    <row r="439167" spans="8:8">
      <c r="H439167" s="12"/>
    </row>
    <row r="439168" spans="8:8">
      <c r="H439168" s="12"/>
    </row>
    <row r="439169" spans="8:8">
      <c r="H439169" s="12"/>
    </row>
    <row r="439170" spans="8:8">
      <c r="H439170" s="12"/>
    </row>
    <row r="439171" spans="8:8">
      <c r="H439171" s="12"/>
    </row>
    <row r="439172" spans="8:8">
      <c r="H439172" s="12"/>
    </row>
    <row r="439173" spans="8:8">
      <c r="H439173" s="12"/>
    </row>
    <row r="439174" spans="8:8">
      <c r="H439174" s="12"/>
    </row>
    <row r="439175" spans="8:8">
      <c r="H439175" s="12"/>
    </row>
    <row r="439176" spans="8:8">
      <c r="H439176" s="12"/>
    </row>
    <row r="439177" spans="8:8">
      <c r="H439177" s="12"/>
    </row>
    <row r="439178" spans="8:8">
      <c r="H439178" s="12"/>
    </row>
    <row r="439179" spans="8:8">
      <c r="H439179" s="12"/>
    </row>
    <row r="439180" spans="8:8">
      <c r="H439180" s="12"/>
    </row>
    <row r="439181" spans="8:8">
      <c r="H439181" s="12"/>
    </row>
    <row r="439182" spans="8:8">
      <c r="H439182" s="12"/>
    </row>
    <row r="439183" spans="8:8">
      <c r="H439183" s="12"/>
    </row>
    <row r="439184" spans="8:8">
      <c r="H439184" s="12"/>
    </row>
    <row r="439185" spans="8:8">
      <c r="H439185" s="12"/>
    </row>
    <row r="439186" spans="8:8">
      <c r="H439186" s="12"/>
    </row>
    <row r="439187" spans="8:8">
      <c r="H439187" s="12"/>
    </row>
    <row r="439188" spans="8:8">
      <c r="H439188" s="12"/>
    </row>
    <row r="439189" spans="8:8">
      <c r="H439189" s="12"/>
    </row>
    <row r="439190" spans="8:8">
      <c r="H439190" s="12"/>
    </row>
    <row r="439191" spans="8:8">
      <c r="H439191" s="12"/>
    </row>
    <row r="439192" spans="8:8">
      <c r="H439192" s="12"/>
    </row>
    <row r="439193" spans="8:8">
      <c r="H439193" s="12"/>
    </row>
    <row r="439194" spans="8:8">
      <c r="H439194" s="12"/>
    </row>
    <row r="439195" spans="8:8">
      <c r="H439195" s="12"/>
    </row>
    <row r="439196" spans="8:8">
      <c r="H439196" s="12"/>
    </row>
    <row r="439197" spans="8:8">
      <c r="H439197" s="12"/>
    </row>
    <row r="439198" spans="8:8">
      <c r="H439198" s="12"/>
    </row>
    <row r="439199" spans="8:8">
      <c r="H439199" s="12"/>
    </row>
    <row r="439200" spans="8:8">
      <c r="H439200" s="12"/>
    </row>
    <row r="439201" spans="8:8">
      <c r="H439201" s="12"/>
    </row>
    <row r="439202" spans="8:8">
      <c r="H439202" s="12"/>
    </row>
    <row r="439203" spans="8:8">
      <c r="H439203" s="12"/>
    </row>
    <row r="439204" spans="8:8">
      <c r="H439204" s="12"/>
    </row>
    <row r="439205" spans="8:8">
      <c r="H439205" s="12"/>
    </row>
    <row r="439206" spans="8:8">
      <c r="H439206" s="12"/>
    </row>
    <row r="439207" spans="8:8">
      <c r="H439207" s="12"/>
    </row>
    <row r="439208" spans="8:8">
      <c r="H439208" s="12"/>
    </row>
    <row r="439209" spans="8:8">
      <c r="H439209" s="12"/>
    </row>
    <row r="439210" spans="8:8">
      <c r="H439210" s="12"/>
    </row>
    <row r="439211" spans="8:8">
      <c r="H439211" s="12"/>
    </row>
    <row r="439212" spans="8:8">
      <c r="H439212" s="12"/>
    </row>
    <row r="439213" spans="8:8">
      <c r="H439213" s="12"/>
    </row>
    <row r="439214" spans="8:8">
      <c r="H439214" s="12"/>
    </row>
    <row r="439215" spans="8:8">
      <c r="H439215" s="12"/>
    </row>
    <row r="439216" spans="8:8">
      <c r="H439216" s="12"/>
    </row>
    <row r="439217" spans="8:8">
      <c r="H439217" s="12"/>
    </row>
    <row r="439218" spans="8:8">
      <c r="H439218" s="12"/>
    </row>
    <row r="439219" spans="8:8">
      <c r="H439219" s="12"/>
    </row>
    <row r="439220" spans="8:8">
      <c r="H439220" s="12"/>
    </row>
    <row r="439221" spans="8:8">
      <c r="H439221" s="12"/>
    </row>
    <row r="439222" spans="8:8">
      <c r="H439222" s="12"/>
    </row>
    <row r="439223" spans="8:8">
      <c r="H439223" s="12"/>
    </row>
    <row r="439224" spans="8:8">
      <c r="H439224" s="12"/>
    </row>
    <row r="439225" spans="8:8">
      <c r="H439225" s="12"/>
    </row>
    <row r="439226" spans="8:8">
      <c r="H439226" s="12"/>
    </row>
    <row r="439227" spans="8:8">
      <c r="H439227" s="12"/>
    </row>
    <row r="439228" spans="8:8">
      <c r="H439228" s="12"/>
    </row>
    <row r="439229" spans="8:8">
      <c r="H439229" s="12"/>
    </row>
    <row r="439230" spans="8:8">
      <c r="H439230" s="12"/>
    </row>
    <row r="439231" spans="8:8">
      <c r="H439231" s="12"/>
    </row>
    <row r="439232" spans="8:8">
      <c r="H439232" s="12"/>
    </row>
    <row r="439233" spans="8:8">
      <c r="H439233" s="12"/>
    </row>
    <row r="439234" spans="8:8">
      <c r="H439234" s="12"/>
    </row>
    <row r="439235" spans="8:8">
      <c r="H439235" s="12"/>
    </row>
    <row r="439236" spans="8:8">
      <c r="H439236" s="12"/>
    </row>
    <row r="439237" spans="8:8">
      <c r="H439237" s="12"/>
    </row>
    <row r="439238" spans="8:8">
      <c r="H439238" s="12"/>
    </row>
    <row r="439239" spans="8:8">
      <c r="H439239" s="12"/>
    </row>
    <row r="439240" spans="8:8">
      <c r="H439240" s="12"/>
    </row>
    <row r="439241" spans="8:8">
      <c r="H439241" s="12"/>
    </row>
    <row r="439242" spans="8:8">
      <c r="H439242" s="12"/>
    </row>
    <row r="439243" spans="8:8">
      <c r="H439243" s="12"/>
    </row>
    <row r="439244" spans="8:8">
      <c r="H439244" s="12"/>
    </row>
    <row r="439245" spans="8:8">
      <c r="H439245" s="12"/>
    </row>
    <row r="439246" spans="8:8">
      <c r="H439246" s="12"/>
    </row>
    <row r="439247" spans="8:8">
      <c r="H439247" s="12"/>
    </row>
    <row r="439248" spans="8:8">
      <c r="H439248" s="12"/>
    </row>
    <row r="439249" spans="8:8">
      <c r="H439249" s="12"/>
    </row>
    <row r="439250" spans="8:8">
      <c r="H439250" s="12"/>
    </row>
    <row r="439251" spans="8:8">
      <c r="H439251" s="12"/>
    </row>
    <row r="439252" spans="8:8">
      <c r="H439252" s="12"/>
    </row>
    <row r="439253" spans="8:8">
      <c r="H439253" s="12"/>
    </row>
    <row r="439254" spans="8:8">
      <c r="H439254" s="12"/>
    </row>
    <row r="439255" spans="8:8">
      <c r="H439255" s="12"/>
    </row>
    <row r="439256" spans="8:8">
      <c r="H439256" s="12"/>
    </row>
    <row r="439257" spans="8:8">
      <c r="H439257" s="12"/>
    </row>
    <row r="439258" spans="8:8">
      <c r="H439258" s="12"/>
    </row>
    <row r="439259" spans="8:8">
      <c r="H439259" s="12"/>
    </row>
    <row r="439260" spans="8:8">
      <c r="H439260" s="12"/>
    </row>
    <row r="439261" spans="8:8">
      <c r="H439261" s="12"/>
    </row>
    <row r="439262" spans="8:8">
      <c r="H439262" s="12"/>
    </row>
    <row r="439263" spans="8:8">
      <c r="H439263" s="12"/>
    </row>
    <row r="439264" spans="8:8">
      <c r="H439264" s="12"/>
    </row>
    <row r="439265" spans="8:8">
      <c r="H439265" s="12"/>
    </row>
    <row r="439266" spans="8:8">
      <c r="H439266" s="12"/>
    </row>
    <row r="439267" spans="8:8">
      <c r="H439267" s="12"/>
    </row>
    <row r="439268" spans="8:8">
      <c r="H439268" s="12"/>
    </row>
    <row r="439269" spans="8:8">
      <c r="H439269" s="12"/>
    </row>
    <row r="439270" spans="8:8">
      <c r="H439270" s="12"/>
    </row>
    <row r="439271" spans="8:8">
      <c r="H439271" s="12"/>
    </row>
    <row r="439272" spans="8:8">
      <c r="H439272" s="12"/>
    </row>
    <row r="439273" spans="8:8">
      <c r="H439273" s="12"/>
    </row>
    <row r="439274" spans="8:8">
      <c r="H439274" s="12"/>
    </row>
    <row r="439275" spans="8:8">
      <c r="H439275" s="12"/>
    </row>
    <row r="439276" spans="8:8">
      <c r="H439276" s="12"/>
    </row>
    <row r="439277" spans="8:8">
      <c r="H439277" s="12"/>
    </row>
    <row r="439278" spans="8:8">
      <c r="H439278" s="12"/>
    </row>
    <row r="439279" spans="8:8">
      <c r="H439279" s="12"/>
    </row>
    <row r="439280" spans="8:8">
      <c r="H439280" s="12"/>
    </row>
    <row r="439281" spans="8:8">
      <c r="H439281" s="12"/>
    </row>
    <row r="439282" spans="8:8">
      <c r="H439282" s="12"/>
    </row>
    <row r="439283" spans="8:8">
      <c r="H439283" s="12"/>
    </row>
    <row r="439284" spans="8:8">
      <c r="H439284" s="12"/>
    </row>
    <row r="439285" spans="8:8">
      <c r="H439285" s="12"/>
    </row>
    <row r="439286" spans="8:8">
      <c r="H439286" s="12"/>
    </row>
    <row r="439287" spans="8:8">
      <c r="H439287" s="12"/>
    </row>
    <row r="439288" spans="8:8">
      <c r="H439288" s="12"/>
    </row>
    <row r="439289" spans="8:8">
      <c r="H439289" s="12"/>
    </row>
    <row r="439290" spans="8:8">
      <c r="H439290" s="12"/>
    </row>
    <row r="439291" spans="8:8">
      <c r="H439291" s="12"/>
    </row>
    <row r="439292" spans="8:8">
      <c r="H439292" s="12"/>
    </row>
    <row r="439293" spans="8:8">
      <c r="H439293" s="12"/>
    </row>
    <row r="439294" spans="8:8">
      <c r="H439294" s="12"/>
    </row>
    <row r="439295" spans="8:8">
      <c r="H439295" s="12"/>
    </row>
    <row r="439296" spans="8:8">
      <c r="H439296" s="12"/>
    </row>
    <row r="439297" spans="8:8">
      <c r="H439297" s="12"/>
    </row>
    <row r="439298" spans="8:8">
      <c r="H439298" s="12"/>
    </row>
    <row r="439299" spans="8:8">
      <c r="H439299" s="12"/>
    </row>
    <row r="439300" spans="8:8">
      <c r="H439300" s="12"/>
    </row>
    <row r="439301" spans="8:8">
      <c r="H439301" s="12"/>
    </row>
    <row r="439302" spans="8:8">
      <c r="H439302" s="12"/>
    </row>
    <row r="439303" spans="8:8">
      <c r="H439303" s="12"/>
    </row>
    <row r="439304" spans="8:8">
      <c r="H439304" s="12"/>
    </row>
    <row r="439305" spans="8:8">
      <c r="H439305" s="12"/>
    </row>
    <row r="439306" spans="8:8">
      <c r="H439306" s="12"/>
    </row>
    <row r="439307" spans="8:8">
      <c r="H439307" s="12"/>
    </row>
    <row r="439308" spans="8:8">
      <c r="H439308" s="12"/>
    </row>
    <row r="439309" spans="8:8">
      <c r="H439309" s="12"/>
    </row>
    <row r="439310" spans="8:8">
      <c r="H439310" s="12"/>
    </row>
    <row r="439311" spans="8:8">
      <c r="H439311" s="12"/>
    </row>
    <row r="439312" spans="8:8">
      <c r="H439312" s="12"/>
    </row>
    <row r="439313" spans="8:8">
      <c r="H439313" s="12"/>
    </row>
    <row r="439314" spans="8:8">
      <c r="H439314" s="12"/>
    </row>
    <row r="439315" spans="8:8">
      <c r="H439315" s="12"/>
    </row>
    <row r="439316" spans="8:8">
      <c r="H439316" s="12"/>
    </row>
    <row r="439317" spans="8:8">
      <c r="H439317" s="12"/>
    </row>
    <row r="439318" spans="8:8">
      <c r="H439318" s="12"/>
    </row>
    <row r="439319" spans="8:8">
      <c r="H439319" s="12"/>
    </row>
    <row r="439320" spans="8:8">
      <c r="H439320" s="12"/>
    </row>
    <row r="439321" spans="8:8">
      <c r="H439321" s="12"/>
    </row>
    <row r="439322" spans="8:8">
      <c r="H439322" s="12"/>
    </row>
    <row r="439323" spans="8:8">
      <c r="H439323" s="12"/>
    </row>
    <row r="439324" spans="8:8">
      <c r="H439324" s="12"/>
    </row>
    <row r="439325" spans="8:8">
      <c r="H439325" s="12"/>
    </row>
    <row r="439326" spans="8:8">
      <c r="H439326" s="12"/>
    </row>
    <row r="439327" spans="8:8">
      <c r="H439327" s="12"/>
    </row>
    <row r="439328" spans="8:8">
      <c r="H439328" s="12"/>
    </row>
    <row r="439329" spans="8:8">
      <c r="H439329" s="12"/>
    </row>
    <row r="439330" spans="8:8">
      <c r="H439330" s="12"/>
    </row>
    <row r="439331" spans="8:8">
      <c r="H439331" s="12"/>
    </row>
    <row r="439332" spans="8:8">
      <c r="H439332" s="12"/>
    </row>
    <row r="439333" spans="8:8">
      <c r="H439333" s="12"/>
    </row>
    <row r="439334" spans="8:8">
      <c r="H439334" s="12"/>
    </row>
    <row r="439335" spans="8:8">
      <c r="H439335" s="12"/>
    </row>
    <row r="439336" spans="8:8">
      <c r="H439336" s="12"/>
    </row>
    <row r="439337" spans="8:8">
      <c r="H439337" s="12"/>
    </row>
    <row r="439338" spans="8:8">
      <c r="H439338" s="12"/>
    </row>
    <row r="439339" spans="8:8">
      <c r="H439339" s="12"/>
    </row>
    <row r="439340" spans="8:8">
      <c r="H439340" s="12"/>
    </row>
    <row r="439341" spans="8:8">
      <c r="H439341" s="12"/>
    </row>
    <row r="439342" spans="8:8">
      <c r="H439342" s="12"/>
    </row>
    <row r="439343" spans="8:8">
      <c r="H439343" s="12"/>
    </row>
    <row r="439344" spans="8:8">
      <c r="H439344" s="12"/>
    </row>
    <row r="439345" spans="8:8">
      <c r="H439345" s="12"/>
    </row>
    <row r="439346" spans="8:8">
      <c r="H439346" s="12"/>
    </row>
    <row r="439347" spans="8:8">
      <c r="H439347" s="12"/>
    </row>
    <row r="439348" spans="8:8">
      <c r="H439348" s="12"/>
    </row>
    <row r="439349" spans="8:8">
      <c r="H439349" s="12"/>
    </row>
    <row r="439350" spans="8:8">
      <c r="H439350" s="12"/>
    </row>
    <row r="439351" spans="8:8">
      <c r="H439351" s="12"/>
    </row>
    <row r="439352" spans="8:8">
      <c r="H439352" s="12"/>
    </row>
    <row r="439353" spans="8:8">
      <c r="H439353" s="12"/>
    </row>
    <row r="439354" spans="8:8">
      <c r="H439354" s="12"/>
    </row>
    <row r="439355" spans="8:8">
      <c r="H439355" s="12"/>
    </row>
    <row r="439356" spans="8:8">
      <c r="H439356" s="12"/>
    </row>
    <row r="439357" spans="8:8">
      <c r="H439357" s="12"/>
    </row>
    <row r="439358" spans="8:8">
      <c r="H439358" s="12"/>
    </row>
    <row r="439359" spans="8:8">
      <c r="H439359" s="12"/>
    </row>
    <row r="439360" spans="8:8">
      <c r="H439360" s="12"/>
    </row>
    <row r="439361" spans="8:8">
      <c r="H439361" s="12"/>
    </row>
    <row r="439362" spans="8:8">
      <c r="H439362" s="12"/>
    </row>
    <row r="439363" spans="8:8">
      <c r="H439363" s="12"/>
    </row>
    <row r="439364" spans="8:8">
      <c r="H439364" s="12"/>
    </row>
    <row r="439365" spans="8:8">
      <c r="H439365" s="12"/>
    </row>
    <row r="439366" spans="8:8">
      <c r="H439366" s="12"/>
    </row>
    <row r="439367" spans="8:8">
      <c r="H439367" s="12"/>
    </row>
    <row r="439368" spans="8:8">
      <c r="H439368" s="12"/>
    </row>
    <row r="439369" spans="8:8">
      <c r="H439369" s="12"/>
    </row>
    <row r="439370" spans="8:8">
      <c r="H439370" s="12"/>
    </row>
    <row r="439371" spans="8:8">
      <c r="H439371" s="12"/>
    </row>
    <row r="439372" spans="8:8">
      <c r="H439372" s="12"/>
    </row>
    <row r="439373" spans="8:8">
      <c r="H439373" s="12"/>
    </row>
    <row r="439374" spans="8:8">
      <c r="H439374" s="12"/>
    </row>
    <row r="439375" spans="8:8">
      <c r="H439375" s="12"/>
    </row>
    <row r="439376" spans="8:8">
      <c r="H439376" s="12"/>
    </row>
    <row r="439377" spans="8:8">
      <c r="H439377" s="12"/>
    </row>
    <row r="439378" spans="8:8">
      <c r="H439378" s="12"/>
    </row>
    <row r="439379" spans="8:8">
      <c r="H439379" s="12"/>
    </row>
    <row r="439380" spans="8:8">
      <c r="H439380" s="12"/>
    </row>
    <row r="439381" spans="8:8">
      <c r="H439381" s="12"/>
    </row>
    <row r="439382" spans="8:8">
      <c r="H439382" s="12"/>
    </row>
    <row r="439383" spans="8:8">
      <c r="H439383" s="12"/>
    </row>
    <row r="439384" spans="8:8">
      <c r="H439384" s="12"/>
    </row>
    <row r="439385" spans="8:8">
      <c r="H439385" s="12"/>
    </row>
    <row r="439386" spans="8:8">
      <c r="H439386" s="12"/>
    </row>
    <row r="439387" spans="8:8">
      <c r="H439387" s="12"/>
    </row>
    <row r="439388" spans="8:8">
      <c r="H439388" s="12"/>
    </row>
    <row r="439389" spans="8:8">
      <c r="H439389" s="12"/>
    </row>
    <row r="439390" spans="8:8">
      <c r="H439390" s="12"/>
    </row>
    <row r="439391" spans="8:8">
      <c r="H439391" s="12"/>
    </row>
    <row r="439392" spans="8:8">
      <c r="H439392" s="12"/>
    </row>
    <row r="439393" spans="8:8">
      <c r="H439393" s="12"/>
    </row>
    <row r="439394" spans="8:8">
      <c r="H439394" s="12"/>
    </row>
    <row r="439395" spans="8:8">
      <c r="H439395" s="12"/>
    </row>
    <row r="439396" spans="8:8">
      <c r="H439396" s="12"/>
    </row>
    <row r="439397" spans="8:8">
      <c r="H439397" s="12"/>
    </row>
    <row r="439398" spans="8:8">
      <c r="H439398" s="12"/>
    </row>
    <row r="439399" spans="8:8">
      <c r="H439399" s="12"/>
    </row>
    <row r="439400" spans="8:8">
      <c r="H439400" s="12"/>
    </row>
    <row r="439401" spans="8:8">
      <c r="H439401" s="12"/>
    </row>
    <row r="439402" spans="8:8">
      <c r="H439402" s="12"/>
    </row>
    <row r="439403" spans="8:8">
      <c r="H439403" s="12"/>
    </row>
    <row r="439404" spans="8:8">
      <c r="H439404" s="12"/>
    </row>
    <row r="439405" spans="8:8">
      <c r="H439405" s="12"/>
    </row>
    <row r="439406" spans="8:8">
      <c r="H439406" s="12"/>
    </row>
    <row r="439407" spans="8:8">
      <c r="H439407" s="12"/>
    </row>
    <row r="439408" spans="8:8">
      <c r="H439408" s="12"/>
    </row>
    <row r="439409" spans="8:8">
      <c r="H439409" s="12"/>
    </row>
    <row r="439410" spans="8:8">
      <c r="H439410" s="12"/>
    </row>
    <row r="439411" spans="8:8">
      <c r="H439411" s="12"/>
    </row>
    <row r="439412" spans="8:8">
      <c r="H439412" s="12"/>
    </row>
    <row r="439413" spans="8:8">
      <c r="H439413" s="12"/>
    </row>
    <row r="439414" spans="8:8">
      <c r="H439414" s="12"/>
    </row>
    <row r="439415" spans="8:8">
      <c r="H439415" s="12"/>
    </row>
    <row r="439416" spans="8:8">
      <c r="H439416" s="12"/>
    </row>
    <row r="439417" spans="8:8">
      <c r="H439417" s="12"/>
    </row>
    <row r="439418" spans="8:8">
      <c r="H439418" s="12"/>
    </row>
    <row r="439419" spans="8:8">
      <c r="H439419" s="12"/>
    </row>
    <row r="439420" spans="8:8">
      <c r="H439420" s="12"/>
    </row>
    <row r="439421" spans="8:8">
      <c r="H439421" s="12"/>
    </row>
    <row r="439422" spans="8:8">
      <c r="H439422" s="12"/>
    </row>
    <row r="439423" spans="8:8">
      <c r="H439423" s="12"/>
    </row>
    <row r="439424" spans="8:8">
      <c r="H439424" s="12"/>
    </row>
    <row r="439425" spans="8:8">
      <c r="H439425" s="12"/>
    </row>
    <row r="439426" spans="8:8">
      <c r="H439426" s="12"/>
    </row>
    <row r="439427" spans="8:8">
      <c r="H439427" s="12"/>
    </row>
    <row r="439428" spans="8:8">
      <c r="H439428" s="12"/>
    </row>
    <row r="439429" spans="8:8">
      <c r="H439429" s="12"/>
    </row>
    <row r="439430" spans="8:8">
      <c r="H439430" s="12"/>
    </row>
    <row r="439431" spans="8:8">
      <c r="H439431" s="12"/>
    </row>
    <row r="439432" spans="8:8">
      <c r="H439432" s="12"/>
    </row>
    <row r="439433" spans="8:8">
      <c r="H439433" s="12"/>
    </row>
    <row r="439434" spans="8:8">
      <c r="H439434" s="12"/>
    </row>
    <row r="439435" spans="8:8">
      <c r="H439435" s="12"/>
    </row>
    <row r="439436" spans="8:8">
      <c r="H439436" s="12"/>
    </row>
    <row r="439437" spans="8:8">
      <c r="H439437" s="12"/>
    </row>
    <row r="439438" spans="8:8">
      <c r="H439438" s="12"/>
    </row>
    <row r="439439" spans="8:8">
      <c r="H439439" s="12"/>
    </row>
    <row r="439440" spans="8:8">
      <c r="H439440" s="12"/>
    </row>
    <row r="439441" spans="8:8">
      <c r="H439441" s="12"/>
    </row>
    <row r="439442" spans="8:8">
      <c r="H439442" s="12"/>
    </row>
    <row r="439443" spans="8:8">
      <c r="H439443" s="12"/>
    </row>
    <row r="439444" spans="8:8">
      <c r="H439444" s="12"/>
    </row>
    <row r="439445" spans="8:8">
      <c r="H439445" s="12"/>
    </row>
    <row r="439446" spans="8:8">
      <c r="H439446" s="12"/>
    </row>
    <row r="439447" spans="8:8">
      <c r="H439447" s="12"/>
    </row>
    <row r="439448" spans="8:8">
      <c r="H439448" s="12"/>
    </row>
    <row r="439449" spans="8:8">
      <c r="H439449" s="12"/>
    </row>
    <row r="439450" spans="8:8">
      <c r="H439450" s="12"/>
    </row>
    <row r="439451" spans="8:8">
      <c r="H439451" s="12"/>
    </row>
    <row r="439452" spans="8:8">
      <c r="H439452" s="12"/>
    </row>
    <row r="439453" spans="8:8">
      <c r="H439453" s="12"/>
    </row>
    <row r="439454" spans="8:8">
      <c r="H439454" s="12"/>
    </row>
    <row r="439455" spans="8:8">
      <c r="H439455" s="12"/>
    </row>
    <row r="439456" spans="8:8">
      <c r="H439456" s="12"/>
    </row>
    <row r="439457" spans="8:8">
      <c r="H439457" s="12"/>
    </row>
    <row r="439458" spans="8:8">
      <c r="H439458" s="12"/>
    </row>
    <row r="439459" spans="8:8">
      <c r="H439459" s="12"/>
    </row>
    <row r="439460" spans="8:8">
      <c r="H439460" s="12"/>
    </row>
    <row r="439461" spans="8:8">
      <c r="H439461" s="12"/>
    </row>
    <row r="439462" spans="8:8">
      <c r="H439462" s="12"/>
    </row>
    <row r="439463" spans="8:8">
      <c r="H439463" s="12"/>
    </row>
    <row r="439464" spans="8:8">
      <c r="H439464" s="12"/>
    </row>
    <row r="439465" spans="8:8">
      <c r="H439465" s="12"/>
    </row>
    <row r="439466" spans="8:8">
      <c r="H439466" s="12"/>
    </row>
    <row r="439467" spans="8:8">
      <c r="H439467" s="12"/>
    </row>
    <row r="439468" spans="8:8">
      <c r="H439468" s="12"/>
    </row>
    <row r="439469" spans="8:8">
      <c r="H439469" s="12"/>
    </row>
    <row r="439470" spans="8:8">
      <c r="H439470" s="12"/>
    </row>
    <row r="439471" spans="8:8">
      <c r="H439471" s="12"/>
    </row>
    <row r="439472" spans="8:8">
      <c r="H439472" s="12"/>
    </row>
    <row r="439473" spans="8:8">
      <c r="H439473" s="12"/>
    </row>
    <row r="439474" spans="8:8">
      <c r="H439474" s="12"/>
    </row>
    <row r="439475" spans="8:8">
      <c r="H439475" s="12"/>
    </row>
    <row r="439476" spans="8:8">
      <c r="H439476" s="12"/>
    </row>
    <row r="439477" spans="8:8">
      <c r="H439477" s="12"/>
    </row>
    <row r="439478" spans="8:8">
      <c r="H439478" s="12"/>
    </row>
    <row r="439479" spans="8:8">
      <c r="H439479" s="12"/>
    </row>
    <row r="439480" spans="8:8">
      <c r="H439480" s="12"/>
    </row>
    <row r="439481" spans="8:8">
      <c r="H439481" s="12"/>
    </row>
    <row r="439482" spans="8:8">
      <c r="H439482" s="12"/>
    </row>
    <row r="439483" spans="8:8">
      <c r="H439483" s="12"/>
    </row>
    <row r="439484" spans="8:8">
      <c r="H439484" s="12"/>
    </row>
    <row r="439485" spans="8:8">
      <c r="H439485" s="12"/>
    </row>
    <row r="439486" spans="8:8">
      <c r="H439486" s="12"/>
    </row>
    <row r="439487" spans="8:8">
      <c r="H439487" s="12"/>
    </row>
    <row r="439488" spans="8:8">
      <c r="H439488" s="12"/>
    </row>
    <row r="439489" spans="8:8">
      <c r="H439489" s="12"/>
    </row>
    <row r="439490" spans="8:8">
      <c r="H439490" s="12"/>
    </row>
    <row r="439491" spans="8:8">
      <c r="H439491" s="12"/>
    </row>
    <row r="439492" spans="8:8">
      <c r="H439492" s="12"/>
    </row>
    <row r="439493" spans="8:8">
      <c r="H439493" s="12"/>
    </row>
    <row r="439494" spans="8:8">
      <c r="H439494" s="12"/>
    </row>
    <row r="439495" spans="8:8">
      <c r="H439495" s="12"/>
    </row>
    <row r="439496" spans="8:8">
      <c r="H439496" s="12"/>
    </row>
    <row r="439497" spans="8:8">
      <c r="H439497" s="12"/>
    </row>
    <row r="439498" spans="8:8">
      <c r="H439498" s="12"/>
    </row>
    <row r="439499" spans="8:8">
      <c r="H439499" s="12"/>
    </row>
    <row r="439500" spans="8:8">
      <c r="H439500" s="12"/>
    </row>
    <row r="439501" spans="8:8">
      <c r="H439501" s="12"/>
    </row>
    <row r="439502" spans="8:8">
      <c r="H439502" s="12"/>
    </row>
    <row r="439503" spans="8:8">
      <c r="H439503" s="12"/>
    </row>
    <row r="439504" spans="8:8">
      <c r="H439504" s="12"/>
    </row>
    <row r="439505" spans="8:8">
      <c r="H439505" s="12"/>
    </row>
    <row r="439506" spans="8:8">
      <c r="H439506" s="12"/>
    </row>
    <row r="439507" spans="8:8">
      <c r="H439507" s="12"/>
    </row>
    <row r="439508" spans="8:8">
      <c r="H439508" s="12"/>
    </row>
    <row r="439509" spans="8:8">
      <c r="H439509" s="12"/>
    </row>
    <row r="439510" spans="8:8">
      <c r="H439510" s="12"/>
    </row>
    <row r="439511" spans="8:8">
      <c r="H439511" s="12"/>
    </row>
    <row r="439512" spans="8:8">
      <c r="H439512" s="12"/>
    </row>
    <row r="439513" spans="8:8">
      <c r="H439513" s="12"/>
    </row>
    <row r="439514" spans="8:8">
      <c r="H439514" s="12"/>
    </row>
    <row r="439515" spans="8:8">
      <c r="H439515" s="12"/>
    </row>
    <row r="439516" spans="8:8">
      <c r="H439516" s="12"/>
    </row>
    <row r="439517" spans="8:8">
      <c r="H439517" s="12"/>
    </row>
    <row r="439518" spans="8:8">
      <c r="H439518" s="12"/>
    </row>
    <row r="439519" spans="8:8">
      <c r="H439519" s="12"/>
    </row>
    <row r="439520" spans="8:8">
      <c r="H439520" s="12"/>
    </row>
    <row r="439521" spans="8:8">
      <c r="H439521" s="12"/>
    </row>
    <row r="439522" spans="8:8">
      <c r="H439522" s="12"/>
    </row>
    <row r="439523" spans="8:8">
      <c r="H439523" s="12"/>
    </row>
    <row r="439524" spans="8:8">
      <c r="H439524" s="12"/>
    </row>
    <row r="439525" spans="8:8">
      <c r="H439525" s="12"/>
    </row>
    <row r="439526" spans="8:8">
      <c r="H439526" s="12"/>
    </row>
    <row r="439527" spans="8:8">
      <c r="H439527" s="12"/>
    </row>
    <row r="439528" spans="8:8">
      <c r="H439528" s="12"/>
    </row>
    <row r="439529" spans="8:8">
      <c r="H439529" s="12"/>
    </row>
    <row r="439530" spans="8:8">
      <c r="H439530" s="12"/>
    </row>
    <row r="439531" spans="8:8">
      <c r="H439531" s="12"/>
    </row>
    <row r="439532" spans="8:8">
      <c r="H439532" s="12"/>
    </row>
    <row r="439533" spans="8:8">
      <c r="H439533" s="12"/>
    </row>
    <row r="439534" spans="8:8">
      <c r="H439534" s="12"/>
    </row>
    <row r="439535" spans="8:8">
      <c r="H439535" s="12"/>
    </row>
    <row r="439536" spans="8:8">
      <c r="H439536" s="12"/>
    </row>
    <row r="439537" spans="8:8">
      <c r="H439537" s="12"/>
    </row>
    <row r="439538" spans="8:8">
      <c r="H439538" s="12"/>
    </row>
    <row r="439539" spans="8:8">
      <c r="H439539" s="12"/>
    </row>
    <row r="439540" spans="8:8">
      <c r="H439540" s="12"/>
    </row>
    <row r="439541" spans="8:8">
      <c r="H439541" s="12"/>
    </row>
    <row r="439542" spans="8:8">
      <c r="H439542" s="12"/>
    </row>
    <row r="439543" spans="8:8">
      <c r="H439543" s="12"/>
    </row>
    <row r="439544" spans="8:8">
      <c r="H439544" s="12"/>
    </row>
    <row r="439545" spans="8:8">
      <c r="H439545" s="12"/>
    </row>
    <row r="439546" spans="8:8">
      <c r="H439546" s="12"/>
    </row>
    <row r="439547" spans="8:8">
      <c r="H439547" s="12"/>
    </row>
    <row r="439548" spans="8:8">
      <c r="H439548" s="12"/>
    </row>
    <row r="439549" spans="8:8">
      <c r="H439549" s="12"/>
    </row>
    <row r="439550" spans="8:8">
      <c r="H439550" s="12"/>
    </row>
    <row r="439551" spans="8:8">
      <c r="H439551" s="12"/>
    </row>
    <row r="439552" spans="8:8">
      <c r="H439552" s="12"/>
    </row>
    <row r="439553" spans="8:8">
      <c r="H439553" s="12"/>
    </row>
    <row r="439554" spans="8:8">
      <c r="H439554" s="12"/>
    </row>
    <row r="439555" spans="8:8">
      <c r="H439555" s="12"/>
    </row>
    <row r="439556" spans="8:8">
      <c r="H439556" s="12"/>
    </row>
    <row r="439557" spans="8:8">
      <c r="H439557" s="12"/>
    </row>
    <row r="439558" spans="8:8">
      <c r="H439558" s="12"/>
    </row>
    <row r="439559" spans="8:8">
      <c r="H439559" s="12"/>
    </row>
    <row r="439560" spans="8:8">
      <c r="H439560" s="12"/>
    </row>
    <row r="439561" spans="8:8">
      <c r="H439561" s="12"/>
    </row>
    <row r="439562" spans="8:8">
      <c r="H439562" s="12"/>
    </row>
    <row r="439563" spans="8:8">
      <c r="H439563" s="12"/>
    </row>
    <row r="439564" spans="8:8">
      <c r="H439564" s="12"/>
    </row>
    <row r="439565" spans="8:8">
      <c r="H439565" s="12"/>
    </row>
    <row r="439566" spans="8:8">
      <c r="H439566" s="12"/>
    </row>
    <row r="439567" spans="8:8">
      <c r="H439567" s="12"/>
    </row>
    <row r="439568" spans="8:8">
      <c r="H439568" s="12"/>
    </row>
    <row r="439569" spans="8:8">
      <c r="H439569" s="12"/>
    </row>
    <row r="439570" spans="8:8">
      <c r="H439570" s="12"/>
    </row>
    <row r="439571" spans="8:8">
      <c r="H439571" s="12"/>
    </row>
    <row r="439572" spans="8:8">
      <c r="H439572" s="12"/>
    </row>
    <row r="439573" spans="8:8">
      <c r="H439573" s="12"/>
    </row>
    <row r="439574" spans="8:8">
      <c r="H439574" s="12"/>
    </row>
    <row r="439575" spans="8:8">
      <c r="H439575" s="12"/>
    </row>
    <row r="439576" spans="8:8">
      <c r="H439576" s="12"/>
    </row>
    <row r="439577" spans="8:8">
      <c r="H439577" s="12"/>
    </row>
    <row r="439578" spans="8:8">
      <c r="H439578" s="12"/>
    </row>
    <row r="439579" spans="8:8">
      <c r="H439579" s="12"/>
    </row>
    <row r="439580" spans="8:8">
      <c r="H439580" s="12"/>
    </row>
    <row r="439581" spans="8:8">
      <c r="H439581" s="12"/>
    </row>
    <row r="439582" spans="8:8">
      <c r="H439582" s="12"/>
    </row>
    <row r="439583" spans="8:8">
      <c r="H439583" s="12"/>
    </row>
    <row r="439584" spans="8:8">
      <c r="H439584" s="12"/>
    </row>
    <row r="439585" spans="8:8">
      <c r="H439585" s="12"/>
    </row>
    <row r="439586" spans="8:8">
      <c r="H439586" s="12"/>
    </row>
    <row r="439587" spans="8:8">
      <c r="H439587" s="12"/>
    </row>
    <row r="439588" spans="8:8">
      <c r="H439588" s="12"/>
    </row>
    <row r="439589" spans="8:8">
      <c r="H439589" s="12"/>
    </row>
    <row r="439590" spans="8:8">
      <c r="H439590" s="12"/>
    </row>
    <row r="439591" spans="8:8">
      <c r="H439591" s="12"/>
    </row>
    <row r="439592" spans="8:8">
      <c r="H439592" s="12"/>
    </row>
    <row r="439593" spans="8:8">
      <c r="H439593" s="12"/>
    </row>
    <row r="439594" spans="8:8">
      <c r="H439594" s="12"/>
    </row>
    <row r="439595" spans="8:8">
      <c r="H439595" s="12"/>
    </row>
    <row r="439596" spans="8:8">
      <c r="H439596" s="12"/>
    </row>
    <row r="439597" spans="8:8">
      <c r="H439597" s="12"/>
    </row>
    <row r="439598" spans="8:8">
      <c r="H439598" s="12"/>
    </row>
    <row r="439599" spans="8:8">
      <c r="H439599" s="12"/>
    </row>
    <row r="439600" spans="8:8">
      <c r="H439600" s="12"/>
    </row>
    <row r="439601" spans="8:8">
      <c r="H439601" s="12"/>
    </row>
    <row r="439602" spans="8:8">
      <c r="H439602" s="12"/>
    </row>
    <row r="439603" spans="8:8">
      <c r="H439603" s="12"/>
    </row>
    <row r="439604" spans="8:8">
      <c r="H439604" s="12"/>
    </row>
    <row r="439605" spans="8:8">
      <c r="H439605" s="12"/>
    </row>
    <row r="439606" spans="8:8">
      <c r="H439606" s="12"/>
    </row>
    <row r="439607" spans="8:8">
      <c r="H439607" s="12"/>
    </row>
    <row r="439608" spans="8:8">
      <c r="H439608" s="12"/>
    </row>
    <row r="439609" spans="8:8">
      <c r="H439609" s="12"/>
    </row>
    <row r="439610" spans="8:8">
      <c r="H439610" s="12"/>
    </row>
    <row r="439611" spans="8:8">
      <c r="H439611" s="12"/>
    </row>
    <row r="439612" spans="8:8">
      <c r="H439612" s="12"/>
    </row>
    <row r="439613" spans="8:8">
      <c r="H439613" s="12"/>
    </row>
    <row r="439614" spans="8:8">
      <c r="H439614" s="12"/>
    </row>
    <row r="439615" spans="8:8">
      <c r="H439615" s="12"/>
    </row>
    <row r="439616" spans="8:8">
      <c r="H439616" s="12"/>
    </row>
    <row r="439617" spans="8:8">
      <c r="H439617" s="12"/>
    </row>
    <row r="439618" spans="8:8">
      <c r="H439618" s="12"/>
    </row>
    <row r="439619" spans="8:8">
      <c r="H439619" s="12"/>
    </row>
    <row r="439620" spans="8:8">
      <c r="H439620" s="12"/>
    </row>
    <row r="439621" spans="8:8">
      <c r="H439621" s="12"/>
    </row>
    <row r="439622" spans="8:8">
      <c r="H439622" s="12"/>
    </row>
    <row r="439623" spans="8:8">
      <c r="H439623" s="12"/>
    </row>
    <row r="439624" spans="8:8">
      <c r="H439624" s="12"/>
    </row>
    <row r="439625" spans="8:8">
      <c r="H439625" s="12"/>
    </row>
    <row r="439626" spans="8:8">
      <c r="H439626" s="12"/>
    </row>
    <row r="439627" spans="8:8">
      <c r="H439627" s="12"/>
    </row>
    <row r="439628" spans="8:8">
      <c r="H439628" s="12"/>
    </row>
    <row r="439629" spans="8:8">
      <c r="H439629" s="12"/>
    </row>
    <row r="439630" spans="8:8">
      <c r="H439630" s="12"/>
    </row>
    <row r="439631" spans="8:8">
      <c r="H439631" s="12"/>
    </row>
    <row r="439632" spans="8:8">
      <c r="H439632" s="12"/>
    </row>
    <row r="439633" spans="8:8">
      <c r="H439633" s="12"/>
    </row>
    <row r="439634" spans="8:8">
      <c r="H439634" s="12"/>
    </row>
    <row r="439635" spans="8:8">
      <c r="H439635" s="12"/>
    </row>
    <row r="439636" spans="8:8">
      <c r="H439636" s="12"/>
    </row>
    <row r="439637" spans="8:8">
      <c r="H439637" s="12"/>
    </row>
    <row r="439638" spans="8:8">
      <c r="H439638" s="12"/>
    </row>
    <row r="439639" spans="8:8">
      <c r="H439639" s="12"/>
    </row>
    <row r="439640" spans="8:8">
      <c r="H439640" s="12"/>
    </row>
    <row r="439641" spans="8:8">
      <c r="H439641" s="12"/>
    </row>
    <row r="439642" spans="8:8">
      <c r="H439642" s="12"/>
    </row>
    <row r="439643" spans="8:8">
      <c r="H439643" s="12"/>
    </row>
    <row r="439644" spans="8:8">
      <c r="H439644" s="12"/>
    </row>
    <row r="439645" spans="8:8">
      <c r="H439645" s="12"/>
    </row>
    <row r="439646" spans="8:8">
      <c r="H439646" s="12"/>
    </row>
    <row r="439647" spans="8:8">
      <c r="H439647" s="12"/>
    </row>
    <row r="439648" spans="8:8">
      <c r="H439648" s="12"/>
    </row>
    <row r="439649" spans="8:8">
      <c r="H439649" s="12"/>
    </row>
    <row r="439650" spans="8:8">
      <c r="H439650" s="12"/>
    </row>
    <row r="439651" spans="8:8">
      <c r="H439651" s="12"/>
    </row>
    <row r="439652" spans="8:8">
      <c r="H439652" s="12"/>
    </row>
    <row r="439653" spans="8:8">
      <c r="H439653" s="12"/>
    </row>
    <row r="439654" spans="8:8">
      <c r="H439654" s="12"/>
    </row>
    <row r="439655" spans="8:8">
      <c r="H439655" s="12"/>
    </row>
    <row r="439656" spans="8:8">
      <c r="H439656" s="12"/>
    </row>
    <row r="439657" spans="8:8">
      <c r="H439657" s="12"/>
    </row>
    <row r="439658" spans="8:8">
      <c r="H439658" s="12"/>
    </row>
    <row r="439659" spans="8:8">
      <c r="H439659" s="12"/>
    </row>
    <row r="439660" spans="8:8">
      <c r="H439660" s="12"/>
    </row>
    <row r="439661" spans="8:8">
      <c r="H439661" s="12"/>
    </row>
    <row r="439662" spans="8:8">
      <c r="H439662" s="12"/>
    </row>
    <row r="439663" spans="8:8">
      <c r="H439663" s="12"/>
    </row>
    <row r="439664" spans="8:8">
      <c r="H439664" s="12"/>
    </row>
    <row r="439665" spans="8:8">
      <c r="H439665" s="12"/>
    </row>
    <row r="439666" spans="8:8">
      <c r="H439666" s="12"/>
    </row>
    <row r="439667" spans="8:8">
      <c r="H439667" s="12"/>
    </row>
    <row r="439668" spans="8:8">
      <c r="H439668" s="12"/>
    </row>
    <row r="439669" spans="8:8">
      <c r="H439669" s="12"/>
    </row>
    <row r="439670" spans="8:8">
      <c r="H439670" s="12"/>
    </row>
    <row r="439671" spans="8:8">
      <c r="H439671" s="12"/>
    </row>
    <row r="439672" spans="8:8">
      <c r="H439672" s="12"/>
    </row>
    <row r="439673" spans="8:8">
      <c r="H439673" s="12"/>
    </row>
    <row r="439674" spans="8:8">
      <c r="H439674" s="12"/>
    </row>
    <row r="439675" spans="8:8">
      <c r="H439675" s="12"/>
    </row>
    <row r="439676" spans="8:8">
      <c r="H439676" s="12"/>
    </row>
    <row r="439677" spans="8:8">
      <c r="H439677" s="12"/>
    </row>
    <row r="439678" spans="8:8">
      <c r="H439678" s="12"/>
    </row>
    <row r="439679" spans="8:8">
      <c r="H439679" s="12"/>
    </row>
    <row r="439680" spans="8:8">
      <c r="H439680" s="12"/>
    </row>
    <row r="439681" spans="8:8">
      <c r="H439681" s="12"/>
    </row>
    <row r="439682" spans="8:8">
      <c r="H439682" s="12"/>
    </row>
    <row r="439683" spans="8:8">
      <c r="H439683" s="12"/>
    </row>
    <row r="439684" spans="8:8">
      <c r="H439684" s="12"/>
    </row>
    <row r="439685" spans="8:8">
      <c r="H439685" s="12"/>
    </row>
    <row r="439686" spans="8:8">
      <c r="H439686" s="12"/>
    </row>
    <row r="439687" spans="8:8">
      <c r="H439687" s="12"/>
    </row>
    <row r="439688" spans="8:8">
      <c r="H439688" s="12"/>
    </row>
    <row r="439689" spans="8:8">
      <c r="H439689" s="12"/>
    </row>
    <row r="439690" spans="8:8">
      <c r="H439690" s="12"/>
    </row>
    <row r="439691" spans="8:8">
      <c r="H439691" s="12"/>
    </row>
    <row r="439692" spans="8:8">
      <c r="H439692" s="12"/>
    </row>
    <row r="439693" spans="8:8">
      <c r="H439693" s="12"/>
    </row>
    <row r="439694" spans="8:8">
      <c r="H439694" s="12"/>
    </row>
    <row r="439695" spans="8:8">
      <c r="H439695" s="12"/>
    </row>
    <row r="439696" spans="8:8">
      <c r="H439696" s="12"/>
    </row>
    <row r="439697" spans="8:8">
      <c r="H439697" s="12"/>
    </row>
    <row r="439698" spans="8:8">
      <c r="H439698" s="12"/>
    </row>
    <row r="439699" spans="8:8">
      <c r="H439699" s="12"/>
    </row>
    <row r="439700" spans="8:8">
      <c r="H439700" s="12"/>
    </row>
    <row r="439701" spans="8:8">
      <c r="H439701" s="12"/>
    </row>
    <row r="439702" spans="8:8">
      <c r="H439702" s="12"/>
    </row>
    <row r="439703" spans="8:8">
      <c r="H439703" s="12"/>
    </row>
    <row r="439704" spans="8:8">
      <c r="H439704" s="12"/>
    </row>
    <row r="439705" spans="8:8">
      <c r="H439705" s="12"/>
    </row>
    <row r="439706" spans="8:8">
      <c r="H439706" s="12"/>
    </row>
    <row r="439707" spans="8:8">
      <c r="H439707" s="12"/>
    </row>
    <row r="439708" spans="8:8">
      <c r="H439708" s="12"/>
    </row>
    <row r="439709" spans="8:8">
      <c r="H439709" s="12"/>
    </row>
    <row r="439710" spans="8:8">
      <c r="H439710" s="12"/>
    </row>
    <row r="439711" spans="8:8">
      <c r="H439711" s="12"/>
    </row>
    <row r="439712" spans="8:8">
      <c r="H439712" s="12"/>
    </row>
    <row r="439713" spans="8:8">
      <c r="H439713" s="12"/>
    </row>
    <row r="439714" spans="8:8">
      <c r="H439714" s="12"/>
    </row>
    <row r="439715" spans="8:8">
      <c r="H439715" s="12"/>
    </row>
    <row r="439716" spans="8:8">
      <c r="H439716" s="12"/>
    </row>
    <row r="439717" spans="8:8">
      <c r="H439717" s="12"/>
    </row>
    <row r="439718" spans="8:8">
      <c r="H439718" s="12"/>
    </row>
    <row r="439719" spans="8:8">
      <c r="H439719" s="12"/>
    </row>
    <row r="439720" spans="8:8">
      <c r="H439720" s="12"/>
    </row>
    <row r="439721" spans="8:8">
      <c r="H439721" s="12"/>
    </row>
    <row r="439722" spans="8:8">
      <c r="H439722" s="12"/>
    </row>
    <row r="439723" spans="8:8">
      <c r="H439723" s="12"/>
    </row>
    <row r="439724" spans="8:8">
      <c r="H439724" s="12"/>
    </row>
    <row r="439725" spans="8:8">
      <c r="H439725" s="12"/>
    </row>
    <row r="439726" spans="8:8">
      <c r="H439726" s="12"/>
    </row>
    <row r="439727" spans="8:8">
      <c r="H439727" s="12"/>
    </row>
    <row r="439728" spans="8:8">
      <c r="H439728" s="12"/>
    </row>
    <row r="439729" spans="8:8">
      <c r="H439729" s="12"/>
    </row>
    <row r="439730" spans="8:8">
      <c r="H439730" s="12"/>
    </row>
    <row r="439731" spans="8:8">
      <c r="H439731" s="12"/>
    </row>
    <row r="439732" spans="8:8">
      <c r="H439732" s="12"/>
    </row>
    <row r="439733" spans="8:8">
      <c r="H439733" s="12"/>
    </row>
    <row r="439734" spans="8:8">
      <c r="H439734" s="12"/>
    </row>
    <row r="439735" spans="8:8">
      <c r="H439735" s="12"/>
    </row>
    <row r="439736" spans="8:8">
      <c r="H439736" s="12"/>
    </row>
    <row r="439737" spans="8:8">
      <c r="H439737" s="12"/>
    </row>
    <row r="439738" spans="8:8">
      <c r="H439738" s="12"/>
    </row>
    <row r="439739" spans="8:8">
      <c r="H439739" s="12"/>
    </row>
    <row r="439740" spans="8:8">
      <c r="H439740" s="12"/>
    </row>
    <row r="439741" spans="8:8">
      <c r="H439741" s="12"/>
    </row>
    <row r="439742" spans="8:8">
      <c r="H439742" s="12"/>
    </row>
    <row r="439743" spans="8:8">
      <c r="H439743" s="12"/>
    </row>
    <row r="439744" spans="8:8">
      <c r="H439744" s="12"/>
    </row>
    <row r="439745" spans="8:8">
      <c r="H439745" s="12"/>
    </row>
    <row r="439746" spans="8:8">
      <c r="H439746" s="12"/>
    </row>
    <row r="439747" spans="8:8">
      <c r="H439747" s="12"/>
    </row>
    <row r="439748" spans="8:8">
      <c r="H439748" s="12"/>
    </row>
    <row r="439749" spans="8:8">
      <c r="H439749" s="12"/>
    </row>
    <row r="439750" spans="8:8">
      <c r="H439750" s="12"/>
    </row>
    <row r="439751" spans="8:8">
      <c r="H439751" s="12"/>
    </row>
    <row r="439752" spans="8:8">
      <c r="H439752" s="12"/>
    </row>
    <row r="439753" spans="8:8">
      <c r="H439753" s="12"/>
    </row>
    <row r="439754" spans="8:8">
      <c r="H439754" s="12"/>
    </row>
    <row r="439755" spans="8:8">
      <c r="H439755" s="12"/>
    </row>
    <row r="439756" spans="8:8">
      <c r="H439756" s="12"/>
    </row>
    <row r="439757" spans="8:8">
      <c r="H439757" s="12"/>
    </row>
    <row r="439758" spans="8:8">
      <c r="H439758" s="12"/>
    </row>
    <row r="439759" spans="8:8">
      <c r="H439759" s="12"/>
    </row>
    <row r="439760" spans="8:8">
      <c r="H439760" s="12"/>
    </row>
    <row r="439761" spans="8:8">
      <c r="H439761" s="12"/>
    </row>
    <row r="439762" spans="8:8">
      <c r="H439762" s="12"/>
    </row>
    <row r="439763" spans="8:8">
      <c r="H439763" s="12"/>
    </row>
    <row r="439764" spans="8:8">
      <c r="H439764" s="12"/>
    </row>
    <row r="439765" spans="8:8">
      <c r="H439765" s="12"/>
    </row>
    <row r="439766" spans="8:8">
      <c r="H439766" s="12"/>
    </row>
    <row r="439767" spans="8:8">
      <c r="H439767" s="12"/>
    </row>
    <row r="439768" spans="8:8">
      <c r="H439768" s="12"/>
    </row>
    <row r="439769" spans="8:8">
      <c r="H439769" s="12"/>
    </row>
    <row r="439770" spans="8:8">
      <c r="H439770" s="12"/>
    </row>
    <row r="439771" spans="8:8">
      <c r="H439771" s="12"/>
    </row>
    <row r="439772" spans="8:8">
      <c r="H439772" s="12"/>
    </row>
    <row r="439773" spans="8:8">
      <c r="H439773" s="12"/>
    </row>
    <row r="439774" spans="8:8">
      <c r="H439774" s="12"/>
    </row>
    <row r="439775" spans="8:8">
      <c r="H439775" s="12"/>
    </row>
    <row r="439776" spans="8:8">
      <c r="H439776" s="12"/>
    </row>
    <row r="439777" spans="8:8">
      <c r="H439777" s="12"/>
    </row>
    <row r="439778" spans="8:8">
      <c r="H439778" s="12"/>
    </row>
    <row r="439779" spans="8:8">
      <c r="H439779" s="12"/>
    </row>
    <row r="439780" spans="8:8">
      <c r="H439780" s="12"/>
    </row>
    <row r="439781" spans="8:8">
      <c r="H439781" s="12"/>
    </row>
    <row r="439782" spans="8:8">
      <c r="H439782" s="12"/>
    </row>
    <row r="439783" spans="8:8">
      <c r="H439783" s="12"/>
    </row>
    <row r="439784" spans="8:8">
      <c r="H439784" s="12"/>
    </row>
    <row r="439785" spans="8:8">
      <c r="H439785" s="12"/>
    </row>
    <row r="439786" spans="8:8">
      <c r="H439786" s="12"/>
    </row>
    <row r="439787" spans="8:8">
      <c r="H439787" s="12"/>
    </row>
    <row r="439788" spans="8:8">
      <c r="H439788" s="12"/>
    </row>
    <row r="439789" spans="8:8">
      <c r="H439789" s="12"/>
    </row>
    <row r="439790" spans="8:8">
      <c r="H439790" s="12"/>
    </row>
    <row r="439791" spans="8:8">
      <c r="H439791" s="12"/>
    </row>
    <row r="439792" spans="8:8">
      <c r="H439792" s="12"/>
    </row>
    <row r="439793" spans="8:8">
      <c r="H439793" s="12"/>
    </row>
    <row r="439794" spans="8:8">
      <c r="H439794" s="12"/>
    </row>
    <row r="439795" spans="8:8">
      <c r="H439795" s="12"/>
    </row>
    <row r="439796" spans="8:8">
      <c r="H439796" s="12"/>
    </row>
    <row r="439797" spans="8:8">
      <c r="H439797" s="12"/>
    </row>
    <row r="439798" spans="8:8">
      <c r="H439798" s="12"/>
    </row>
    <row r="439799" spans="8:8">
      <c r="H439799" s="12"/>
    </row>
    <row r="439800" spans="8:8">
      <c r="H439800" s="12"/>
    </row>
    <row r="439801" spans="8:8">
      <c r="H439801" s="12"/>
    </row>
    <row r="439802" spans="8:8">
      <c r="H439802" s="12"/>
    </row>
    <row r="439803" spans="8:8">
      <c r="H439803" s="12"/>
    </row>
    <row r="439804" spans="8:8">
      <c r="H439804" s="12"/>
    </row>
    <row r="439805" spans="8:8">
      <c r="H439805" s="12"/>
    </row>
    <row r="439806" spans="8:8">
      <c r="H439806" s="12"/>
    </row>
    <row r="439807" spans="8:8">
      <c r="H439807" s="12"/>
    </row>
    <row r="439808" spans="8:8">
      <c r="H439808" s="12"/>
    </row>
    <row r="439809" spans="8:8">
      <c r="H439809" s="12"/>
    </row>
    <row r="439810" spans="8:8">
      <c r="H439810" s="12"/>
    </row>
    <row r="439811" spans="8:8">
      <c r="H439811" s="12"/>
    </row>
    <row r="439812" spans="8:8">
      <c r="H439812" s="12"/>
    </row>
    <row r="439813" spans="8:8">
      <c r="H439813" s="12"/>
    </row>
    <row r="439814" spans="8:8">
      <c r="H439814" s="12"/>
    </row>
    <row r="439815" spans="8:8">
      <c r="H439815" s="12"/>
    </row>
    <row r="439816" spans="8:8">
      <c r="H439816" s="12"/>
    </row>
    <row r="439817" spans="8:8">
      <c r="H439817" s="12"/>
    </row>
    <row r="439818" spans="8:8">
      <c r="H439818" s="12"/>
    </row>
    <row r="439819" spans="8:8">
      <c r="H439819" s="12"/>
    </row>
    <row r="439820" spans="8:8">
      <c r="H439820" s="12"/>
    </row>
    <row r="439821" spans="8:8">
      <c r="H439821" s="12"/>
    </row>
    <row r="439822" spans="8:8">
      <c r="H439822" s="12"/>
    </row>
    <row r="439823" spans="8:8">
      <c r="H439823" s="12"/>
    </row>
    <row r="439824" spans="8:8">
      <c r="H439824" s="12"/>
    </row>
    <row r="439825" spans="8:8">
      <c r="H439825" s="12"/>
    </row>
    <row r="439826" spans="8:8">
      <c r="H439826" s="12"/>
    </row>
    <row r="439827" spans="8:8">
      <c r="H439827" s="12"/>
    </row>
    <row r="439828" spans="8:8">
      <c r="H439828" s="12"/>
    </row>
    <row r="439829" spans="8:8">
      <c r="H439829" s="12"/>
    </row>
    <row r="439830" spans="8:8">
      <c r="H439830" s="12"/>
    </row>
    <row r="439831" spans="8:8">
      <c r="H439831" s="12"/>
    </row>
    <row r="439832" spans="8:8">
      <c r="H439832" s="12"/>
    </row>
    <row r="439833" spans="8:8">
      <c r="H439833" s="12"/>
    </row>
    <row r="439834" spans="8:8">
      <c r="H439834" s="12"/>
    </row>
    <row r="439835" spans="8:8">
      <c r="H439835" s="12"/>
    </row>
    <row r="439836" spans="8:8">
      <c r="H439836" s="12"/>
    </row>
    <row r="439837" spans="8:8">
      <c r="H439837" s="12"/>
    </row>
    <row r="439838" spans="8:8">
      <c r="H439838" s="12"/>
    </row>
    <row r="439839" spans="8:8">
      <c r="H439839" s="12"/>
    </row>
    <row r="439840" spans="8:8">
      <c r="H439840" s="12"/>
    </row>
    <row r="439841" spans="8:8">
      <c r="H439841" s="12"/>
    </row>
    <row r="439842" spans="8:8">
      <c r="H439842" s="12"/>
    </row>
    <row r="439843" spans="8:8">
      <c r="H439843" s="12"/>
    </row>
    <row r="439844" spans="8:8">
      <c r="H439844" s="12"/>
    </row>
    <row r="439845" spans="8:8">
      <c r="H439845" s="12"/>
    </row>
    <row r="439846" spans="8:8">
      <c r="H439846" s="12"/>
    </row>
    <row r="439847" spans="8:8">
      <c r="H439847" s="12"/>
    </row>
    <row r="439848" spans="8:8">
      <c r="H439848" s="12"/>
    </row>
    <row r="439849" spans="8:8">
      <c r="H439849" s="12"/>
    </row>
    <row r="439850" spans="8:8">
      <c r="H439850" s="12"/>
    </row>
    <row r="439851" spans="8:8">
      <c r="H439851" s="12"/>
    </row>
    <row r="439852" spans="8:8">
      <c r="H439852" s="12"/>
    </row>
    <row r="439853" spans="8:8">
      <c r="H439853" s="12"/>
    </row>
    <row r="439854" spans="8:8">
      <c r="H439854" s="12"/>
    </row>
    <row r="439855" spans="8:8">
      <c r="H439855" s="12"/>
    </row>
    <row r="439856" spans="8:8">
      <c r="H439856" s="12"/>
    </row>
    <row r="439857" spans="8:8">
      <c r="H439857" s="12"/>
    </row>
    <row r="439858" spans="8:8">
      <c r="H439858" s="12"/>
    </row>
    <row r="439859" spans="8:8">
      <c r="H439859" s="12"/>
    </row>
    <row r="439860" spans="8:8">
      <c r="H439860" s="12"/>
    </row>
    <row r="439861" spans="8:8">
      <c r="H439861" s="12"/>
    </row>
    <row r="439862" spans="8:8">
      <c r="H439862" s="12"/>
    </row>
    <row r="439863" spans="8:8">
      <c r="H439863" s="12"/>
    </row>
    <row r="439864" spans="8:8">
      <c r="H439864" s="12"/>
    </row>
    <row r="439865" spans="8:8">
      <c r="H439865" s="12"/>
    </row>
    <row r="439866" spans="8:8">
      <c r="H439866" s="12"/>
    </row>
    <row r="439867" spans="8:8">
      <c r="H439867" s="12"/>
    </row>
    <row r="439868" spans="8:8">
      <c r="H439868" s="12"/>
    </row>
    <row r="439869" spans="8:8">
      <c r="H439869" s="12"/>
    </row>
    <row r="439870" spans="8:8">
      <c r="H439870" s="12"/>
    </row>
    <row r="439871" spans="8:8">
      <c r="H439871" s="12"/>
    </row>
    <row r="439872" spans="8:8">
      <c r="H439872" s="12"/>
    </row>
    <row r="439873" spans="8:8">
      <c r="H439873" s="12"/>
    </row>
    <row r="439874" spans="8:8">
      <c r="H439874" s="12"/>
    </row>
    <row r="439875" spans="8:8">
      <c r="H439875" s="12"/>
    </row>
    <row r="439876" spans="8:8">
      <c r="H439876" s="12"/>
    </row>
    <row r="439877" spans="8:8">
      <c r="H439877" s="12"/>
    </row>
    <row r="439878" spans="8:8">
      <c r="H439878" s="12"/>
    </row>
    <row r="439879" spans="8:8">
      <c r="H439879" s="12"/>
    </row>
    <row r="439880" spans="8:8">
      <c r="H439880" s="12"/>
    </row>
    <row r="439881" spans="8:8">
      <c r="H439881" s="12"/>
    </row>
    <row r="439882" spans="8:8">
      <c r="H439882" s="12"/>
    </row>
    <row r="439883" spans="8:8">
      <c r="H439883" s="12"/>
    </row>
    <row r="439884" spans="8:8">
      <c r="H439884" s="12"/>
    </row>
    <row r="439885" spans="8:8">
      <c r="H439885" s="12"/>
    </row>
    <row r="439886" spans="8:8">
      <c r="H439886" s="12"/>
    </row>
    <row r="439887" spans="8:8">
      <c r="H439887" s="12"/>
    </row>
    <row r="439888" spans="8:8">
      <c r="H439888" s="12"/>
    </row>
    <row r="439889" spans="8:8">
      <c r="H439889" s="12"/>
    </row>
    <row r="439890" spans="8:8">
      <c r="H439890" s="12"/>
    </row>
    <row r="439891" spans="8:8">
      <c r="H439891" s="12"/>
    </row>
    <row r="439892" spans="8:8">
      <c r="H439892" s="12"/>
    </row>
    <row r="439893" spans="8:8">
      <c r="H439893" s="12"/>
    </row>
    <row r="439894" spans="8:8">
      <c r="H439894" s="12"/>
    </row>
    <row r="439895" spans="8:8">
      <c r="H439895" s="12"/>
    </row>
    <row r="439896" spans="8:8">
      <c r="H439896" s="12"/>
    </row>
    <row r="439897" spans="8:8">
      <c r="H439897" s="12"/>
    </row>
    <row r="439898" spans="8:8">
      <c r="H439898" s="12"/>
    </row>
    <row r="439899" spans="8:8">
      <c r="H439899" s="12"/>
    </row>
    <row r="439900" spans="8:8">
      <c r="H439900" s="12"/>
    </row>
    <row r="439901" spans="8:8">
      <c r="H439901" s="12"/>
    </row>
    <row r="439902" spans="8:8">
      <c r="H439902" s="12"/>
    </row>
    <row r="439903" spans="8:8">
      <c r="H439903" s="12"/>
    </row>
    <row r="439904" spans="8:8">
      <c r="H439904" s="12"/>
    </row>
    <row r="439905" spans="8:8">
      <c r="H439905" s="12"/>
    </row>
    <row r="439906" spans="8:8">
      <c r="H439906" s="12"/>
    </row>
    <row r="439907" spans="8:8">
      <c r="H439907" s="12"/>
    </row>
    <row r="439908" spans="8:8">
      <c r="H439908" s="12"/>
    </row>
    <row r="439909" spans="8:8">
      <c r="H439909" s="12"/>
    </row>
    <row r="439910" spans="8:8">
      <c r="H439910" s="12"/>
    </row>
    <row r="439911" spans="8:8">
      <c r="H439911" s="12"/>
    </row>
    <row r="439912" spans="8:8">
      <c r="H439912" s="12"/>
    </row>
    <row r="439913" spans="8:8">
      <c r="H439913" s="12"/>
    </row>
    <row r="439914" spans="8:8">
      <c r="H439914" s="12"/>
    </row>
    <row r="439915" spans="8:8">
      <c r="H439915" s="12"/>
    </row>
    <row r="439916" spans="8:8">
      <c r="H439916" s="12"/>
    </row>
    <row r="439917" spans="8:8">
      <c r="H439917" s="12"/>
    </row>
    <row r="439918" spans="8:8">
      <c r="H439918" s="12"/>
    </row>
    <row r="439919" spans="8:8">
      <c r="H439919" s="12"/>
    </row>
    <row r="439920" spans="8:8">
      <c r="H439920" s="12"/>
    </row>
    <row r="439921" spans="8:8">
      <c r="H439921" s="12"/>
    </row>
    <row r="439922" spans="8:8">
      <c r="H439922" s="12"/>
    </row>
    <row r="439923" spans="8:8">
      <c r="H439923" s="12"/>
    </row>
    <row r="439924" spans="8:8">
      <c r="H439924" s="12"/>
    </row>
    <row r="439925" spans="8:8">
      <c r="H439925" s="12"/>
    </row>
    <row r="439926" spans="8:8">
      <c r="H439926" s="12"/>
    </row>
    <row r="439927" spans="8:8">
      <c r="H439927" s="12"/>
    </row>
    <row r="439928" spans="8:8">
      <c r="H439928" s="12"/>
    </row>
    <row r="439929" spans="8:8">
      <c r="H439929" s="12"/>
    </row>
    <row r="439930" spans="8:8">
      <c r="H439930" s="12"/>
    </row>
    <row r="439931" spans="8:8">
      <c r="H439931" s="12"/>
    </row>
    <row r="439932" spans="8:8">
      <c r="H439932" s="12"/>
    </row>
    <row r="439933" spans="8:8">
      <c r="H439933" s="12"/>
    </row>
    <row r="439934" spans="8:8">
      <c r="H439934" s="12"/>
    </row>
    <row r="439935" spans="8:8">
      <c r="H439935" s="12"/>
    </row>
    <row r="439936" spans="8:8">
      <c r="H439936" s="12"/>
    </row>
    <row r="439937" spans="8:8">
      <c r="H439937" s="12"/>
    </row>
    <row r="439938" spans="8:8">
      <c r="H439938" s="12"/>
    </row>
    <row r="439939" spans="8:8">
      <c r="H439939" s="12"/>
    </row>
    <row r="439940" spans="8:8">
      <c r="H439940" s="12"/>
    </row>
    <row r="439941" spans="8:8">
      <c r="H439941" s="12"/>
    </row>
    <row r="439942" spans="8:8">
      <c r="H439942" s="12"/>
    </row>
    <row r="439943" spans="8:8">
      <c r="H439943" s="12"/>
    </row>
    <row r="439944" spans="8:8">
      <c r="H439944" s="12"/>
    </row>
    <row r="439945" spans="8:8">
      <c r="H439945" s="12"/>
    </row>
    <row r="439946" spans="8:8">
      <c r="H439946" s="12"/>
    </row>
    <row r="439947" spans="8:8">
      <c r="H439947" s="12"/>
    </row>
    <row r="439948" spans="8:8">
      <c r="H439948" s="12"/>
    </row>
    <row r="439949" spans="8:8">
      <c r="H439949" s="12"/>
    </row>
    <row r="439950" spans="8:8">
      <c r="H439950" s="12"/>
    </row>
    <row r="439951" spans="8:8">
      <c r="H439951" s="12"/>
    </row>
    <row r="439952" spans="8:8">
      <c r="H439952" s="12"/>
    </row>
    <row r="439953" spans="8:8">
      <c r="H439953" s="12"/>
    </row>
    <row r="439954" spans="8:8">
      <c r="H439954" s="12"/>
    </row>
    <row r="439955" spans="8:8">
      <c r="H439955" s="12"/>
    </row>
    <row r="439956" spans="8:8">
      <c r="H439956" s="12"/>
    </row>
    <row r="439957" spans="8:8">
      <c r="H439957" s="12"/>
    </row>
    <row r="439958" spans="8:8">
      <c r="H439958" s="12"/>
    </row>
    <row r="439959" spans="8:8">
      <c r="H439959" s="12"/>
    </row>
    <row r="439960" spans="8:8">
      <c r="H439960" s="12"/>
    </row>
    <row r="439961" spans="8:8">
      <c r="H439961" s="12"/>
    </row>
    <row r="439962" spans="8:8">
      <c r="H439962" s="12"/>
    </row>
    <row r="439963" spans="8:8">
      <c r="H439963" s="12"/>
    </row>
    <row r="439964" spans="8:8">
      <c r="H439964" s="12"/>
    </row>
    <row r="439965" spans="8:8">
      <c r="H439965" s="12"/>
    </row>
    <row r="439966" spans="8:8">
      <c r="H439966" s="12"/>
    </row>
    <row r="439967" spans="8:8">
      <c r="H439967" s="12"/>
    </row>
    <row r="439968" spans="8:8">
      <c r="H439968" s="12"/>
    </row>
    <row r="439969" spans="8:8">
      <c r="H439969" s="12"/>
    </row>
    <row r="439970" spans="8:8">
      <c r="H439970" s="12"/>
    </row>
    <row r="439971" spans="8:8">
      <c r="H439971" s="12"/>
    </row>
    <row r="439972" spans="8:8">
      <c r="H439972" s="12"/>
    </row>
    <row r="439973" spans="8:8">
      <c r="H439973" s="12"/>
    </row>
    <row r="439974" spans="8:8">
      <c r="H439974" s="12"/>
    </row>
    <row r="439975" spans="8:8">
      <c r="H439975" s="12"/>
    </row>
    <row r="439976" spans="8:8">
      <c r="H439976" s="12"/>
    </row>
    <row r="439977" spans="8:8">
      <c r="H439977" s="12"/>
    </row>
    <row r="439978" spans="8:8">
      <c r="H439978" s="12"/>
    </row>
    <row r="439979" spans="8:8">
      <c r="H439979" s="12"/>
    </row>
    <row r="439980" spans="8:8">
      <c r="H439980" s="12"/>
    </row>
    <row r="439981" spans="8:8">
      <c r="H439981" s="12"/>
    </row>
    <row r="439982" spans="8:8">
      <c r="H439982" s="12"/>
    </row>
    <row r="439983" spans="8:8">
      <c r="H439983" s="12"/>
    </row>
    <row r="439984" spans="8:8">
      <c r="H439984" s="12"/>
    </row>
    <row r="439985" spans="8:8">
      <c r="H439985" s="12"/>
    </row>
    <row r="439986" spans="8:8">
      <c r="H439986" s="12"/>
    </row>
    <row r="439987" spans="8:8">
      <c r="H439987" s="12"/>
    </row>
    <row r="439988" spans="8:8">
      <c r="H439988" s="12"/>
    </row>
    <row r="439989" spans="8:8">
      <c r="H439989" s="12"/>
    </row>
    <row r="439990" spans="8:8">
      <c r="H439990" s="12"/>
    </row>
    <row r="439991" spans="8:8">
      <c r="H439991" s="12"/>
    </row>
    <row r="439992" spans="8:8">
      <c r="H439992" s="12"/>
    </row>
    <row r="439993" spans="8:8">
      <c r="H439993" s="12"/>
    </row>
    <row r="439994" spans="8:8">
      <c r="H439994" s="12"/>
    </row>
    <row r="439995" spans="8:8">
      <c r="H439995" s="12"/>
    </row>
    <row r="439996" spans="8:8">
      <c r="H439996" s="12"/>
    </row>
    <row r="439997" spans="8:8">
      <c r="H439997" s="12"/>
    </row>
    <row r="439998" spans="8:8">
      <c r="H439998" s="12"/>
    </row>
    <row r="439999" spans="8:8">
      <c r="H439999" s="12"/>
    </row>
    <row r="440000" spans="8:8">
      <c r="H440000" s="12"/>
    </row>
    <row r="440001" spans="8:8">
      <c r="H440001" s="12"/>
    </row>
    <row r="440002" spans="8:8">
      <c r="H440002" s="12"/>
    </row>
    <row r="440003" spans="8:8">
      <c r="H440003" s="12"/>
    </row>
    <row r="440004" spans="8:8">
      <c r="H440004" s="12"/>
    </row>
    <row r="440005" spans="8:8">
      <c r="H440005" s="12"/>
    </row>
    <row r="440006" spans="8:8">
      <c r="H440006" s="12"/>
    </row>
    <row r="440007" spans="8:8">
      <c r="H440007" s="12"/>
    </row>
    <row r="440008" spans="8:8">
      <c r="H440008" s="12"/>
    </row>
    <row r="440009" spans="8:8">
      <c r="H440009" s="12"/>
    </row>
    <row r="440010" spans="8:8">
      <c r="H440010" s="12"/>
    </row>
    <row r="440011" spans="8:8">
      <c r="H440011" s="12"/>
    </row>
    <row r="440012" spans="8:8">
      <c r="H440012" s="12"/>
    </row>
    <row r="440013" spans="8:8">
      <c r="H440013" s="12"/>
    </row>
    <row r="440014" spans="8:8">
      <c r="H440014" s="12"/>
    </row>
    <row r="440015" spans="8:8">
      <c r="H440015" s="12"/>
    </row>
    <row r="440016" spans="8:8">
      <c r="H440016" s="12"/>
    </row>
    <row r="440017" spans="8:8">
      <c r="H440017" s="12"/>
    </row>
    <row r="440018" spans="8:8">
      <c r="H440018" s="12"/>
    </row>
    <row r="440019" spans="8:8">
      <c r="H440019" s="12"/>
    </row>
    <row r="440020" spans="8:8">
      <c r="H440020" s="12"/>
    </row>
    <row r="440021" spans="8:8">
      <c r="H440021" s="12"/>
    </row>
    <row r="440022" spans="8:8">
      <c r="H440022" s="12"/>
    </row>
    <row r="440023" spans="8:8">
      <c r="H440023" s="12"/>
    </row>
    <row r="440024" spans="8:8">
      <c r="H440024" s="12"/>
    </row>
    <row r="440025" spans="8:8">
      <c r="H440025" s="12"/>
    </row>
    <row r="440026" spans="8:8">
      <c r="H440026" s="12"/>
    </row>
    <row r="440027" spans="8:8">
      <c r="H440027" s="12"/>
    </row>
    <row r="440028" spans="8:8">
      <c r="H440028" s="12"/>
    </row>
    <row r="440029" spans="8:8">
      <c r="H440029" s="12"/>
    </row>
    <row r="440030" spans="8:8">
      <c r="H440030" s="12"/>
    </row>
    <row r="440031" spans="8:8">
      <c r="H440031" s="12"/>
    </row>
    <row r="440032" spans="8:8">
      <c r="H440032" s="12"/>
    </row>
    <row r="440033" spans="8:8">
      <c r="H440033" s="12"/>
    </row>
    <row r="440034" spans="8:8">
      <c r="H440034" s="12"/>
    </row>
    <row r="440035" spans="8:8">
      <c r="H440035" s="12"/>
    </row>
    <row r="440036" spans="8:8">
      <c r="H440036" s="12"/>
    </row>
    <row r="440037" spans="8:8">
      <c r="H440037" s="12"/>
    </row>
    <row r="440038" spans="8:8">
      <c r="H440038" s="12"/>
    </row>
    <row r="440039" spans="8:8">
      <c r="H440039" s="12"/>
    </row>
    <row r="440040" spans="8:8">
      <c r="H440040" s="12"/>
    </row>
    <row r="440041" spans="8:8">
      <c r="H440041" s="12"/>
    </row>
    <row r="440042" spans="8:8">
      <c r="H440042" s="12"/>
    </row>
    <row r="440043" spans="8:8">
      <c r="H440043" s="12"/>
    </row>
    <row r="440044" spans="8:8">
      <c r="H440044" s="12"/>
    </row>
    <row r="440045" spans="8:8">
      <c r="H440045" s="12"/>
    </row>
    <row r="440046" spans="8:8">
      <c r="H440046" s="12"/>
    </row>
    <row r="440047" spans="8:8">
      <c r="H440047" s="12"/>
    </row>
    <row r="440048" spans="8:8">
      <c r="H440048" s="12"/>
    </row>
    <row r="440049" spans="8:8">
      <c r="H440049" s="12"/>
    </row>
    <row r="440050" spans="8:8">
      <c r="H440050" s="12"/>
    </row>
    <row r="440051" spans="8:8">
      <c r="H440051" s="12"/>
    </row>
    <row r="440052" spans="8:8">
      <c r="H440052" s="12"/>
    </row>
    <row r="440053" spans="8:8">
      <c r="H440053" s="12"/>
    </row>
    <row r="440054" spans="8:8">
      <c r="H440054" s="12"/>
    </row>
    <row r="440055" spans="8:8">
      <c r="H440055" s="12"/>
    </row>
    <row r="440056" spans="8:8">
      <c r="H440056" s="12"/>
    </row>
    <row r="440057" spans="8:8">
      <c r="H440057" s="12"/>
    </row>
    <row r="440058" spans="8:8">
      <c r="H440058" s="12"/>
    </row>
    <row r="440059" spans="8:8">
      <c r="H440059" s="12"/>
    </row>
    <row r="440060" spans="8:8">
      <c r="H440060" s="12"/>
    </row>
    <row r="440061" spans="8:8">
      <c r="H440061" s="12"/>
    </row>
    <row r="440062" spans="8:8">
      <c r="H440062" s="12"/>
    </row>
    <row r="440063" spans="8:8">
      <c r="H440063" s="12"/>
    </row>
    <row r="440064" spans="8:8">
      <c r="H440064" s="12"/>
    </row>
    <row r="440065" spans="8:8">
      <c r="H440065" s="12"/>
    </row>
    <row r="440066" spans="8:8">
      <c r="H440066" s="12"/>
    </row>
    <row r="440067" spans="8:8">
      <c r="H440067" s="12"/>
    </row>
    <row r="440068" spans="8:8">
      <c r="H440068" s="12"/>
    </row>
    <row r="440069" spans="8:8">
      <c r="H440069" s="12"/>
    </row>
    <row r="440070" spans="8:8">
      <c r="H440070" s="12"/>
    </row>
    <row r="440071" spans="8:8">
      <c r="H440071" s="12"/>
    </row>
    <row r="440072" spans="8:8">
      <c r="H440072" s="12"/>
    </row>
    <row r="440073" spans="8:8">
      <c r="H440073" s="12"/>
    </row>
    <row r="440074" spans="8:8">
      <c r="H440074" s="12"/>
    </row>
    <row r="440075" spans="8:8">
      <c r="H440075" s="12"/>
    </row>
    <row r="440076" spans="8:8">
      <c r="H440076" s="12"/>
    </row>
    <row r="440077" spans="8:8">
      <c r="H440077" s="12"/>
    </row>
    <row r="440078" spans="8:8">
      <c r="H440078" s="12"/>
    </row>
    <row r="440079" spans="8:8">
      <c r="H440079" s="12"/>
    </row>
    <row r="440080" spans="8:8">
      <c r="H440080" s="12"/>
    </row>
    <row r="440081" spans="8:8">
      <c r="H440081" s="12"/>
    </row>
    <row r="440082" spans="8:8">
      <c r="H440082" s="12"/>
    </row>
    <row r="440083" spans="8:8">
      <c r="H440083" s="12"/>
    </row>
    <row r="440084" spans="8:8">
      <c r="H440084" s="12"/>
    </row>
    <row r="440085" spans="8:8">
      <c r="H440085" s="12"/>
    </row>
    <row r="440086" spans="8:8">
      <c r="H440086" s="12"/>
    </row>
    <row r="440087" spans="8:8">
      <c r="H440087" s="12"/>
    </row>
    <row r="440088" spans="8:8">
      <c r="H440088" s="12"/>
    </row>
    <row r="440089" spans="8:8">
      <c r="H440089" s="12"/>
    </row>
    <row r="440090" spans="8:8">
      <c r="H440090" s="12"/>
    </row>
    <row r="440091" spans="8:8">
      <c r="H440091" s="12"/>
    </row>
    <row r="440092" spans="8:8">
      <c r="H440092" s="12"/>
    </row>
    <row r="440093" spans="8:8">
      <c r="H440093" s="12"/>
    </row>
    <row r="440094" spans="8:8">
      <c r="H440094" s="12"/>
    </row>
    <row r="440095" spans="8:8">
      <c r="H440095" s="12"/>
    </row>
    <row r="440096" spans="8:8">
      <c r="H440096" s="12"/>
    </row>
    <row r="440097" spans="8:8">
      <c r="H440097" s="12"/>
    </row>
    <row r="440098" spans="8:8">
      <c r="H440098" s="12"/>
    </row>
    <row r="440099" spans="8:8">
      <c r="H440099" s="12"/>
    </row>
    <row r="440100" spans="8:8">
      <c r="H440100" s="12"/>
    </row>
    <row r="440101" spans="8:8">
      <c r="H440101" s="12"/>
    </row>
    <row r="440102" spans="8:8">
      <c r="H440102" s="12"/>
    </row>
    <row r="440103" spans="8:8">
      <c r="H440103" s="12"/>
    </row>
    <row r="440104" spans="8:8">
      <c r="H440104" s="12"/>
    </row>
    <row r="440105" spans="8:8">
      <c r="H440105" s="12"/>
    </row>
    <row r="440106" spans="8:8">
      <c r="H440106" s="12"/>
    </row>
    <row r="440107" spans="8:8">
      <c r="H440107" s="12"/>
    </row>
    <row r="440108" spans="8:8">
      <c r="H440108" s="12"/>
    </row>
    <row r="440109" spans="8:8">
      <c r="H440109" s="12"/>
    </row>
    <row r="440110" spans="8:8">
      <c r="H440110" s="12"/>
    </row>
    <row r="440111" spans="8:8">
      <c r="H440111" s="12"/>
    </row>
    <row r="440112" spans="8:8">
      <c r="H440112" s="12"/>
    </row>
    <row r="440113" spans="8:8">
      <c r="H440113" s="12"/>
    </row>
    <row r="440114" spans="8:8">
      <c r="H440114" s="12"/>
    </row>
    <row r="440115" spans="8:8">
      <c r="H440115" s="12"/>
    </row>
    <row r="440116" spans="8:8">
      <c r="H440116" s="12"/>
    </row>
    <row r="440117" spans="8:8">
      <c r="H440117" s="12"/>
    </row>
    <row r="440118" spans="8:8">
      <c r="H440118" s="12"/>
    </row>
    <row r="440119" spans="8:8">
      <c r="H440119" s="12"/>
    </row>
    <row r="440120" spans="8:8">
      <c r="H440120" s="12"/>
    </row>
    <row r="440121" spans="8:8">
      <c r="H440121" s="12"/>
    </row>
    <row r="440122" spans="8:8">
      <c r="H440122" s="12"/>
    </row>
    <row r="440123" spans="8:8">
      <c r="H440123" s="12"/>
    </row>
    <row r="440124" spans="8:8">
      <c r="H440124" s="12"/>
    </row>
    <row r="440125" spans="8:8">
      <c r="H440125" s="12"/>
    </row>
    <row r="440126" spans="8:8">
      <c r="H440126" s="12"/>
    </row>
    <row r="440127" spans="8:8">
      <c r="H440127" s="12"/>
    </row>
    <row r="440128" spans="8:8">
      <c r="H440128" s="12"/>
    </row>
    <row r="440129" spans="8:8">
      <c r="H440129" s="12"/>
    </row>
    <row r="440130" spans="8:8">
      <c r="H440130" s="12"/>
    </row>
    <row r="440131" spans="8:8">
      <c r="H440131" s="12"/>
    </row>
    <row r="440132" spans="8:8">
      <c r="H440132" s="12"/>
    </row>
    <row r="440133" spans="8:8">
      <c r="H440133" s="12"/>
    </row>
    <row r="440134" spans="8:8">
      <c r="H440134" s="12"/>
    </row>
    <row r="440135" spans="8:8">
      <c r="H440135" s="12"/>
    </row>
    <row r="440136" spans="8:8">
      <c r="H440136" s="12"/>
    </row>
    <row r="440137" spans="8:8">
      <c r="H440137" s="12"/>
    </row>
    <row r="440138" spans="8:8">
      <c r="H440138" s="12"/>
    </row>
    <row r="440139" spans="8:8">
      <c r="H440139" s="12"/>
    </row>
    <row r="440140" spans="8:8">
      <c r="H440140" s="12"/>
    </row>
    <row r="440141" spans="8:8">
      <c r="H440141" s="12"/>
    </row>
    <row r="440142" spans="8:8">
      <c r="H440142" s="12"/>
    </row>
    <row r="440143" spans="8:8">
      <c r="H440143" s="12"/>
    </row>
    <row r="440144" spans="8:8">
      <c r="H440144" s="12"/>
    </row>
    <row r="440145" spans="8:8">
      <c r="H440145" s="12"/>
    </row>
    <row r="440146" spans="8:8">
      <c r="H440146" s="12"/>
    </row>
    <row r="440147" spans="8:8">
      <c r="H440147" s="12"/>
    </row>
    <row r="440148" spans="8:8">
      <c r="H440148" s="12"/>
    </row>
    <row r="440149" spans="8:8">
      <c r="H440149" s="12"/>
    </row>
    <row r="440150" spans="8:8">
      <c r="H440150" s="12"/>
    </row>
    <row r="440151" spans="8:8">
      <c r="H440151" s="12"/>
    </row>
    <row r="440152" spans="8:8">
      <c r="H440152" s="12"/>
    </row>
    <row r="440153" spans="8:8">
      <c r="H440153" s="12"/>
    </row>
    <row r="440154" spans="8:8">
      <c r="H440154" s="12"/>
    </row>
    <row r="440155" spans="8:8">
      <c r="H440155" s="12"/>
    </row>
    <row r="440156" spans="8:8">
      <c r="H440156" s="12"/>
    </row>
    <row r="440157" spans="8:8">
      <c r="H440157" s="12"/>
    </row>
    <row r="440158" spans="8:8">
      <c r="H440158" s="12"/>
    </row>
    <row r="440159" spans="8:8">
      <c r="H440159" s="12"/>
    </row>
    <row r="440160" spans="8:8">
      <c r="H440160" s="12"/>
    </row>
    <row r="440161" spans="8:8">
      <c r="H440161" s="12"/>
    </row>
    <row r="440162" spans="8:8">
      <c r="H440162" s="12"/>
    </row>
    <row r="440163" spans="8:8">
      <c r="H440163" s="12"/>
    </row>
    <row r="440164" spans="8:8">
      <c r="H440164" s="12"/>
    </row>
    <row r="440165" spans="8:8">
      <c r="H440165" s="12"/>
    </row>
    <row r="440166" spans="8:8">
      <c r="H440166" s="12"/>
    </row>
    <row r="440167" spans="8:8">
      <c r="H440167" s="12"/>
    </row>
    <row r="440168" spans="8:8">
      <c r="H440168" s="12"/>
    </row>
    <row r="440169" spans="8:8">
      <c r="H440169" s="12"/>
    </row>
    <row r="440170" spans="8:8">
      <c r="H440170" s="12"/>
    </row>
    <row r="440171" spans="8:8">
      <c r="H440171" s="12"/>
    </row>
    <row r="440172" spans="8:8">
      <c r="H440172" s="12"/>
    </row>
    <row r="440173" spans="8:8">
      <c r="H440173" s="12"/>
    </row>
    <row r="440174" spans="8:8">
      <c r="H440174" s="12"/>
    </row>
    <row r="440175" spans="8:8">
      <c r="H440175" s="12"/>
    </row>
    <row r="440176" spans="8:8">
      <c r="H440176" s="12"/>
    </row>
    <row r="440177" spans="8:8">
      <c r="H440177" s="12"/>
    </row>
    <row r="440178" spans="8:8">
      <c r="H440178" s="12"/>
    </row>
    <row r="440179" spans="8:8">
      <c r="H440179" s="12"/>
    </row>
    <row r="440180" spans="8:8">
      <c r="H440180" s="12"/>
    </row>
    <row r="440181" spans="8:8">
      <c r="H440181" s="12"/>
    </row>
    <row r="440182" spans="8:8">
      <c r="H440182" s="12"/>
    </row>
    <row r="440183" spans="8:8">
      <c r="H440183" s="12"/>
    </row>
    <row r="440184" spans="8:8">
      <c r="H440184" s="12"/>
    </row>
    <row r="440185" spans="8:8">
      <c r="H440185" s="12"/>
    </row>
    <row r="440186" spans="8:8">
      <c r="H440186" s="12"/>
    </row>
    <row r="440187" spans="8:8">
      <c r="H440187" s="12"/>
    </row>
    <row r="440188" spans="8:8">
      <c r="H440188" s="12"/>
    </row>
    <row r="440189" spans="8:8">
      <c r="H440189" s="12"/>
    </row>
    <row r="440190" spans="8:8">
      <c r="H440190" s="12"/>
    </row>
    <row r="440191" spans="8:8">
      <c r="H440191" s="12"/>
    </row>
    <row r="440192" spans="8:8">
      <c r="H440192" s="12"/>
    </row>
    <row r="440193" spans="8:8">
      <c r="H440193" s="12"/>
    </row>
    <row r="440194" spans="8:8">
      <c r="H440194" s="12"/>
    </row>
    <row r="440195" spans="8:8">
      <c r="H440195" s="12"/>
    </row>
    <row r="440196" spans="8:8">
      <c r="H440196" s="12"/>
    </row>
    <row r="440197" spans="8:8">
      <c r="H440197" s="12"/>
    </row>
    <row r="440198" spans="8:8">
      <c r="H440198" s="12"/>
    </row>
    <row r="440199" spans="8:8">
      <c r="H440199" s="12"/>
    </row>
    <row r="440200" spans="8:8">
      <c r="H440200" s="12"/>
    </row>
    <row r="440201" spans="8:8">
      <c r="H440201" s="12"/>
    </row>
    <row r="440202" spans="8:8">
      <c r="H440202" s="12"/>
    </row>
    <row r="440203" spans="8:8">
      <c r="H440203" s="12"/>
    </row>
    <row r="440204" spans="8:8">
      <c r="H440204" s="12"/>
    </row>
    <row r="440205" spans="8:8">
      <c r="H440205" s="12"/>
    </row>
    <row r="440206" spans="8:8">
      <c r="H440206" s="12"/>
    </row>
    <row r="440207" spans="8:8">
      <c r="H440207" s="12"/>
    </row>
    <row r="440208" spans="8:8">
      <c r="H440208" s="12"/>
    </row>
    <row r="440209" spans="8:8">
      <c r="H440209" s="12"/>
    </row>
    <row r="440210" spans="8:8">
      <c r="H440210" s="12"/>
    </row>
    <row r="440211" spans="8:8">
      <c r="H440211" s="12"/>
    </row>
    <row r="440212" spans="8:8">
      <c r="H440212" s="12"/>
    </row>
    <row r="440213" spans="8:8">
      <c r="H440213" s="12"/>
    </row>
    <row r="440214" spans="8:8">
      <c r="H440214" s="12"/>
    </row>
    <row r="440215" spans="8:8">
      <c r="H440215" s="12"/>
    </row>
    <row r="440216" spans="8:8">
      <c r="H440216" s="12"/>
    </row>
    <row r="440217" spans="8:8">
      <c r="H440217" s="12"/>
    </row>
    <row r="440218" spans="8:8">
      <c r="H440218" s="12"/>
    </row>
    <row r="440219" spans="8:8">
      <c r="H440219" s="12"/>
    </row>
    <row r="440220" spans="8:8">
      <c r="H440220" s="12"/>
    </row>
    <row r="440221" spans="8:8">
      <c r="H440221" s="12"/>
    </row>
    <row r="440222" spans="8:8">
      <c r="H440222" s="12"/>
    </row>
    <row r="440223" spans="8:8">
      <c r="H440223" s="12"/>
    </row>
    <row r="440224" spans="8:8">
      <c r="H440224" s="12"/>
    </row>
    <row r="440225" spans="8:8">
      <c r="H440225" s="12"/>
    </row>
    <row r="440226" spans="8:8">
      <c r="H440226" s="12"/>
    </row>
    <row r="440227" spans="8:8">
      <c r="H440227" s="12"/>
    </row>
    <row r="440228" spans="8:8">
      <c r="H440228" s="12"/>
    </row>
    <row r="440229" spans="8:8">
      <c r="H440229" s="12"/>
    </row>
    <row r="440230" spans="8:8">
      <c r="H440230" s="12"/>
    </row>
    <row r="440231" spans="8:8">
      <c r="H440231" s="12"/>
    </row>
    <row r="440232" spans="8:8">
      <c r="H440232" s="12"/>
    </row>
    <row r="440233" spans="8:8">
      <c r="H440233" s="12"/>
    </row>
    <row r="440234" spans="8:8">
      <c r="H440234" s="12"/>
    </row>
    <row r="440235" spans="8:8">
      <c r="H440235" s="12"/>
    </row>
    <row r="440236" spans="8:8">
      <c r="H440236" s="12"/>
    </row>
    <row r="440237" spans="8:8">
      <c r="H440237" s="12"/>
    </row>
    <row r="440238" spans="8:8">
      <c r="H440238" s="12"/>
    </row>
    <row r="440239" spans="8:8">
      <c r="H440239" s="12"/>
    </row>
    <row r="440240" spans="8:8">
      <c r="H440240" s="12"/>
    </row>
    <row r="440241" spans="8:8">
      <c r="H440241" s="12"/>
    </row>
    <row r="440242" spans="8:8">
      <c r="H440242" s="12"/>
    </row>
    <row r="440243" spans="8:8">
      <c r="H440243" s="12"/>
    </row>
    <row r="440244" spans="8:8">
      <c r="H440244" s="12"/>
    </row>
    <row r="440245" spans="8:8">
      <c r="H440245" s="12"/>
    </row>
    <row r="440246" spans="8:8">
      <c r="H440246" s="12"/>
    </row>
    <row r="440247" spans="8:8">
      <c r="H440247" s="12"/>
    </row>
    <row r="440248" spans="8:8">
      <c r="H440248" s="12"/>
    </row>
    <row r="440249" spans="8:8">
      <c r="H440249" s="12"/>
    </row>
    <row r="440250" spans="8:8">
      <c r="H440250" s="12"/>
    </row>
    <row r="440251" spans="8:8">
      <c r="H440251" s="12"/>
    </row>
    <row r="440252" spans="8:8">
      <c r="H440252" s="12"/>
    </row>
    <row r="440253" spans="8:8">
      <c r="H440253" s="12"/>
    </row>
    <row r="440254" spans="8:8">
      <c r="H440254" s="12"/>
    </row>
    <row r="440255" spans="8:8">
      <c r="H440255" s="12"/>
    </row>
    <row r="440256" spans="8:8">
      <c r="H440256" s="12"/>
    </row>
    <row r="440257" spans="8:8">
      <c r="H440257" s="12"/>
    </row>
    <row r="440258" spans="8:8">
      <c r="H440258" s="12"/>
    </row>
    <row r="440259" spans="8:8">
      <c r="H440259" s="12"/>
    </row>
    <row r="440260" spans="8:8">
      <c r="H440260" s="12"/>
    </row>
    <row r="440261" spans="8:8">
      <c r="H440261" s="12"/>
    </row>
    <row r="440262" spans="8:8">
      <c r="H440262" s="12"/>
    </row>
    <row r="440263" spans="8:8">
      <c r="H440263" s="12"/>
    </row>
    <row r="440264" spans="8:8">
      <c r="H440264" s="12"/>
    </row>
    <row r="440265" spans="8:8">
      <c r="H440265" s="12"/>
    </row>
    <row r="440266" spans="8:8">
      <c r="H440266" s="12"/>
    </row>
    <row r="440267" spans="8:8">
      <c r="H440267" s="12"/>
    </row>
    <row r="440268" spans="8:8">
      <c r="H440268" s="12"/>
    </row>
    <row r="440269" spans="8:8">
      <c r="H440269" s="12"/>
    </row>
    <row r="440270" spans="8:8">
      <c r="H440270" s="12"/>
    </row>
    <row r="440271" spans="8:8">
      <c r="H440271" s="12"/>
    </row>
    <row r="440272" spans="8:8">
      <c r="H440272" s="12"/>
    </row>
    <row r="440273" spans="8:8">
      <c r="H440273" s="12"/>
    </row>
    <row r="440274" spans="8:8">
      <c r="H440274" s="12"/>
    </row>
    <row r="440275" spans="8:8">
      <c r="H440275" s="12"/>
    </row>
    <row r="440276" spans="8:8">
      <c r="H440276" s="12"/>
    </row>
    <row r="440277" spans="8:8">
      <c r="H440277" s="12"/>
    </row>
    <row r="440278" spans="8:8">
      <c r="H440278" s="12"/>
    </row>
    <row r="440279" spans="8:8">
      <c r="H440279" s="12"/>
    </row>
    <row r="440280" spans="8:8">
      <c r="H440280" s="12"/>
    </row>
    <row r="440281" spans="8:8">
      <c r="H440281" s="12"/>
    </row>
    <row r="440282" spans="8:8">
      <c r="H440282" s="12"/>
    </row>
    <row r="440283" spans="8:8">
      <c r="H440283" s="12"/>
    </row>
    <row r="440284" spans="8:8">
      <c r="H440284" s="12"/>
    </row>
    <row r="440285" spans="8:8">
      <c r="H440285" s="12"/>
    </row>
    <row r="440286" spans="8:8">
      <c r="H440286" s="12"/>
    </row>
    <row r="440287" spans="8:8">
      <c r="H440287" s="12"/>
    </row>
    <row r="440288" spans="8:8">
      <c r="H440288" s="12"/>
    </row>
    <row r="440289" spans="8:8">
      <c r="H440289" s="12"/>
    </row>
    <row r="440290" spans="8:8">
      <c r="H440290" s="12"/>
    </row>
    <row r="440291" spans="8:8">
      <c r="H440291" s="12"/>
    </row>
    <row r="440292" spans="8:8">
      <c r="H440292" s="12"/>
    </row>
    <row r="440293" spans="8:8">
      <c r="H440293" s="12"/>
    </row>
    <row r="440294" spans="8:8">
      <c r="H440294" s="12"/>
    </row>
    <row r="440295" spans="8:8">
      <c r="H440295" s="12"/>
    </row>
    <row r="440296" spans="8:8">
      <c r="H440296" s="12"/>
    </row>
    <row r="440297" spans="8:8">
      <c r="H440297" s="12"/>
    </row>
    <row r="440298" spans="8:8">
      <c r="H440298" s="12"/>
    </row>
    <row r="440299" spans="8:8">
      <c r="H440299" s="12"/>
    </row>
    <row r="440300" spans="8:8">
      <c r="H440300" s="12"/>
    </row>
    <row r="440301" spans="8:8">
      <c r="H440301" s="12"/>
    </row>
    <row r="440302" spans="8:8">
      <c r="H440302" s="12"/>
    </row>
    <row r="440303" spans="8:8">
      <c r="H440303" s="12"/>
    </row>
    <row r="440304" spans="8:8">
      <c r="H440304" s="12"/>
    </row>
    <row r="440305" spans="8:8">
      <c r="H440305" s="12"/>
    </row>
    <row r="440306" spans="8:8">
      <c r="H440306" s="12"/>
    </row>
    <row r="440307" spans="8:8">
      <c r="H440307" s="12"/>
    </row>
    <row r="440308" spans="8:8">
      <c r="H440308" s="12"/>
    </row>
    <row r="440309" spans="8:8">
      <c r="H440309" s="12"/>
    </row>
    <row r="440310" spans="8:8">
      <c r="H440310" s="12"/>
    </row>
    <row r="440311" spans="8:8">
      <c r="H440311" s="12"/>
    </row>
    <row r="440312" spans="8:8">
      <c r="H440312" s="12"/>
    </row>
    <row r="440313" spans="8:8">
      <c r="H440313" s="12"/>
    </row>
    <row r="440314" spans="8:8">
      <c r="H440314" s="12"/>
    </row>
    <row r="440315" spans="8:8">
      <c r="H440315" s="12"/>
    </row>
    <row r="440316" spans="8:8">
      <c r="H440316" s="12"/>
    </row>
    <row r="440317" spans="8:8">
      <c r="H440317" s="12"/>
    </row>
    <row r="440318" spans="8:8">
      <c r="H440318" s="12"/>
    </row>
    <row r="440319" spans="8:8">
      <c r="H440319" s="12"/>
    </row>
    <row r="440320" spans="8:8">
      <c r="H440320" s="12"/>
    </row>
    <row r="440321" spans="8:8">
      <c r="H440321" s="12"/>
    </row>
    <row r="440322" spans="8:8">
      <c r="H440322" s="12"/>
    </row>
    <row r="440323" spans="8:8">
      <c r="H440323" s="12"/>
    </row>
    <row r="440324" spans="8:8">
      <c r="H440324" s="12"/>
    </row>
    <row r="440325" spans="8:8">
      <c r="H440325" s="12"/>
    </row>
    <row r="440326" spans="8:8">
      <c r="H440326" s="12"/>
    </row>
    <row r="440327" spans="8:8">
      <c r="H440327" s="12"/>
    </row>
    <row r="440328" spans="8:8">
      <c r="H440328" s="12"/>
    </row>
    <row r="440329" spans="8:8">
      <c r="H440329" s="12"/>
    </row>
    <row r="440330" spans="8:8">
      <c r="H440330" s="12"/>
    </row>
    <row r="440331" spans="8:8">
      <c r="H440331" s="12"/>
    </row>
    <row r="440332" spans="8:8">
      <c r="H440332" s="12"/>
    </row>
    <row r="440333" spans="8:8">
      <c r="H440333" s="12"/>
    </row>
    <row r="440334" spans="8:8">
      <c r="H440334" s="12"/>
    </row>
    <row r="440335" spans="8:8">
      <c r="H440335" s="12"/>
    </row>
    <row r="440336" spans="8:8">
      <c r="H440336" s="12"/>
    </row>
    <row r="440337" spans="8:8">
      <c r="H440337" s="12"/>
    </row>
    <row r="440338" spans="8:8">
      <c r="H440338" s="12"/>
    </row>
    <row r="440339" spans="8:8">
      <c r="H440339" s="12"/>
    </row>
    <row r="440340" spans="8:8">
      <c r="H440340" s="12"/>
    </row>
    <row r="440341" spans="8:8">
      <c r="H440341" s="12"/>
    </row>
    <row r="440342" spans="8:8">
      <c r="H440342" s="12"/>
    </row>
    <row r="440343" spans="8:8">
      <c r="H440343" s="12"/>
    </row>
    <row r="440344" spans="8:8">
      <c r="H440344" s="12"/>
    </row>
    <row r="440345" spans="8:8">
      <c r="H440345" s="12"/>
    </row>
    <row r="440346" spans="8:8">
      <c r="H440346" s="12"/>
    </row>
    <row r="440347" spans="8:8">
      <c r="H440347" s="12"/>
    </row>
    <row r="440348" spans="8:8">
      <c r="H440348" s="12"/>
    </row>
    <row r="440349" spans="8:8">
      <c r="H440349" s="12"/>
    </row>
    <row r="440350" spans="8:8">
      <c r="H440350" s="12"/>
    </row>
    <row r="440351" spans="8:8">
      <c r="H440351" s="12"/>
    </row>
    <row r="440352" spans="8:8">
      <c r="H440352" s="12"/>
    </row>
    <row r="440353" spans="8:8">
      <c r="H440353" s="12"/>
    </row>
    <row r="440354" spans="8:8">
      <c r="H440354" s="12"/>
    </row>
    <row r="440355" spans="8:8">
      <c r="H440355" s="12"/>
    </row>
    <row r="440356" spans="8:8">
      <c r="H440356" s="12"/>
    </row>
    <row r="440357" spans="8:8">
      <c r="H440357" s="12"/>
    </row>
    <row r="440358" spans="8:8">
      <c r="H440358" s="12"/>
    </row>
    <row r="440359" spans="8:8">
      <c r="H440359" s="12"/>
    </row>
    <row r="440360" spans="8:8">
      <c r="H440360" s="12"/>
    </row>
    <row r="440361" spans="8:8">
      <c r="H440361" s="12"/>
    </row>
    <row r="440362" spans="8:8">
      <c r="H440362" s="12"/>
    </row>
    <row r="440363" spans="8:8">
      <c r="H440363" s="12"/>
    </row>
    <row r="440364" spans="8:8">
      <c r="H440364" s="12"/>
    </row>
    <row r="440365" spans="8:8">
      <c r="H440365" s="12"/>
    </row>
    <row r="440366" spans="8:8">
      <c r="H440366" s="12"/>
    </row>
    <row r="440367" spans="8:8">
      <c r="H440367" s="12"/>
    </row>
    <row r="440368" spans="8:8">
      <c r="H440368" s="12"/>
    </row>
    <row r="440369" spans="8:8">
      <c r="H440369" s="12"/>
    </row>
    <row r="440370" spans="8:8">
      <c r="H440370" s="12"/>
    </row>
    <row r="440371" spans="8:8">
      <c r="H440371" s="12"/>
    </row>
    <row r="440372" spans="8:8">
      <c r="H440372" s="12"/>
    </row>
    <row r="440373" spans="8:8">
      <c r="H440373" s="12"/>
    </row>
    <row r="440374" spans="8:8">
      <c r="H440374" s="12"/>
    </row>
    <row r="440375" spans="8:8">
      <c r="H440375" s="12"/>
    </row>
    <row r="440376" spans="8:8">
      <c r="H440376" s="12"/>
    </row>
    <row r="440377" spans="8:8">
      <c r="H440377" s="12"/>
    </row>
    <row r="440378" spans="8:8">
      <c r="H440378" s="12"/>
    </row>
    <row r="440379" spans="8:8">
      <c r="H440379" s="12"/>
    </row>
    <row r="440380" spans="8:8">
      <c r="H440380" s="12"/>
    </row>
    <row r="440381" spans="8:8">
      <c r="H440381" s="12"/>
    </row>
    <row r="440382" spans="8:8">
      <c r="H440382" s="12"/>
    </row>
    <row r="440383" spans="8:8">
      <c r="H440383" s="12"/>
    </row>
    <row r="440384" spans="8:8">
      <c r="H440384" s="12"/>
    </row>
    <row r="440385" spans="8:8">
      <c r="H440385" s="12"/>
    </row>
    <row r="440386" spans="8:8">
      <c r="H440386" s="12"/>
    </row>
    <row r="440387" spans="8:8">
      <c r="H440387" s="12"/>
    </row>
    <row r="440388" spans="8:8">
      <c r="H440388" s="12"/>
    </row>
    <row r="440389" spans="8:8">
      <c r="H440389" s="12"/>
    </row>
    <row r="440390" spans="8:8">
      <c r="H440390" s="12"/>
    </row>
    <row r="440391" spans="8:8">
      <c r="H440391" s="12"/>
    </row>
    <row r="440392" spans="8:8">
      <c r="H440392" s="12"/>
    </row>
    <row r="440393" spans="8:8">
      <c r="H440393" s="12"/>
    </row>
    <row r="440394" spans="8:8">
      <c r="H440394" s="12"/>
    </row>
    <row r="440395" spans="8:8">
      <c r="H440395" s="12"/>
    </row>
    <row r="440396" spans="8:8">
      <c r="H440396" s="12"/>
    </row>
    <row r="440397" spans="8:8">
      <c r="H440397" s="12"/>
    </row>
    <row r="440398" spans="8:8">
      <c r="H440398" s="12"/>
    </row>
    <row r="440399" spans="8:8">
      <c r="H440399" s="12"/>
    </row>
    <row r="440400" spans="8:8">
      <c r="H440400" s="12"/>
    </row>
    <row r="440401" spans="8:8">
      <c r="H440401" s="12"/>
    </row>
    <row r="440402" spans="8:8">
      <c r="H440402" s="12"/>
    </row>
    <row r="440403" spans="8:8">
      <c r="H440403" s="12"/>
    </row>
    <row r="440404" spans="8:8">
      <c r="H440404" s="12"/>
    </row>
    <row r="440405" spans="8:8">
      <c r="H440405" s="12"/>
    </row>
    <row r="440406" spans="8:8">
      <c r="H440406" s="12"/>
    </row>
    <row r="440407" spans="8:8">
      <c r="H440407" s="12"/>
    </row>
    <row r="440408" spans="8:8">
      <c r="H440408" s="12"/>
    </row>
    <row r="440409" spans="8:8">
      <c r="H440409" s="12"/>
    </row>
    <row r="440410" spans="8:8">
      <c r="H440410" s="12"/>
    </row>
    <row r="440411" spans="8:8">
      <c r="H440411" s="12"/>
    </row>
    <row r="440412" spans="8:8">
      <c r="H440412" s="12"/>
    </row>
    <row r="440413" spans="8:8">
      <c r="H440413" s="12"/>
    </row>
    <row r="440414" spans="8:8">
      <c r="H440414" s="12"/>
    </row>
    <row r="440415" spans="8:8">
      <c r="H440415" s="12"/>
    </row>
    <row r="440416" spans="8:8">
      <c r="H440416" s="12"/>
    </row>
    <row r="440417" spans="8:8">
      <c r="H440417" s="12"/>
    </row>
    <row r="440418" spans="8:8">
      <c r="H440418" s="12"/>
    </row>
    <row r="440419" spans="8:8">
      <c r="H440419" s="12"/>
    </row>
    <row r="440420" spans="8:8">
      <c r="H440420" s="12"/>
    </row>
    <row r="440421" spans="8:8">
      <c r="H440421" s="12"/>
    </row>
    <row r="440422" spans="8:8">
      <c r="H440422" s="12"/>
    </row>
    <row r="440423" spans="8:8">
      <c r="H440423" s="12"/>
    </row>
    <row r="440424" spans="8:8">
      <c r="H440424" s="12"/>
    </row>
    <row r="440425" spans="8:8">
      <c r="H440425" s="12"/>
    </row>
    <row r="440426" spans="8:8">
      <c r="H440426" s="12"/>
    </row>
    <row r="440427" spans="8:8">
      <c r="H440427" s="12"/>
    </row>
    <row r="440428" spans="8:8">
      <c r="H440428" s="12"/>
    </row>
    <row r="440429" spans="8:8">
      <c r="H440429" s="12"/>
    </row>
    <row r="440430" spans="8:8">
      <c r="H440430" s="12"/>
    </row>
    <row r="440431" spans="8:8">
      <c r="H440431" s="12"/>
    </row>
    <row r="440432" spans="8:8">
      <c r="H440432" s="12"/>
    </row>
    <row r="440433" spans="8:8">
      <c r="H440433" s="12"/>
    </row>
    <row r="440434" spans="8:8">
      <c r="H440434" s="12"/>
    </row>
    <row r="440435" spans="8:8">
      <c r="H440435" s="12"/>
    </row>
    <row r="440436" spans="8:8">
      <c r="H440436" s="12"/>
    </row>
    <row r="440437" spans="8:8">
      <c r="H440437" s="12"/>
    </row>
    <row r="440438" spans="8:8">
      <c r="H440438" s="12"/>
    </row>
    <row r="440439" spans="8:8">
      <c r="H440439" s="12"/>
    </row>
    <row r="440440" spans="8:8">
      <c r="H440440" s="12"/>
    </row>
    <row r="440441" spans="8:8">
      <c r="H440441" s="12"/>
    </row>
    <row r="440442" spans="8:8">
      <c r="H440442" s="12"/>
    </row>
    <row r="440443" spans="8:8">
      <c r="H440443" s="12"/>
    </row>
    <row r="440444" spans="8:8">
      <c r="H440444" s="12"/>
    </row>
    <row r="440445" spans="8:8">
      <c r="H440445" s="12"/>
    </row>
    <row r="440446" spans="8:8">
      <c r="H440446" s="12"/>
    </row>
    <row r="440447" spans="8:8">
      <c r="H440447" s="12"/>
    </row>
    <row r="440448" spans="8:8">
      <c r="H440448" s="12"/>
    </row>
    <row r="440449" spans="8:8">
      <c r="H440449" s="12"/>
    </row>
    <row r="440450" spans="8:8">
      <c r="H440450" s="12"/>
    </row>
    <row r="440451" spans="8:8">
      <c r="H440451" s="12"/>
    </row>
    <row r="440452" spans="8:8">
      <c r="H440452" s="12"/>
    </row>
    <row r="440453" spans="8:8">
      <c r="H440453" s="12"/>
    </row>
    <row r="440454" spans="8:8">
      <c r="H440454" s="12"/>
    </row>
    <row r="440455" spans="8:8">
      <c r="H440455" s="12"/>
    </row>
    <row r="440456" spans="8:8">
      <c r="H440456" s="12"/>
    </row>
    <row r="440457" spans="8:8">
      <c r="H440457" s="12"/>
    </row>
    <row r="440458" spans="8:8">
      <c r="H440458" s="12"/>
    </row>
    <row r="440459" spans="8:8">
      <c r="H440459" s="12"/>
    </row>
    <row r="440460" spans="8:8">
      <c r="H440460" s="12"/>
    </row>
    <row r="440461" spans="8:8">
      <c r="H440461" s="12"/>
    </row>
    <row r="440462" spans="8:8">
      <c r="H440462" s="12"/>
    </row>
    <row r="440463" spans="8:8">
      <c r="H440463" s="12"/>
    </row>
    <row r="440464" spans="8:8">
      <c r="H440464" s="12"/>
    </row>
    <row r="440465" spans="8:8">
      <c r="H440465" s="12"/>
    </row>
    <row r="440466" spans="8:8">
      <c r="H440466" s="12"/>
    </row>
    <row r="440467" spans="8:8">
      <c r="H440467" s="12"/>
    </row>
    <row r="440468" spans="8:8">
      <c r="H440468" s="12"/>
    </row>
    <row r="440469" spans="8:8">
      <c r="H440469" s="12"/>
    </row>
    <row r="440470" spans="8:8">
      <c r="H440470" s="12"/>
    </row>
    <row r="440471" spans="8:8">
      <c r="H440471" s="12"/>
    </row>
    <row r="440472" spans="8:8">
      <c r="H440472" s="12"/>
    </row>
    <row r="440473" spans="8:8">
      <c r="H440473" s="12"/>
    </row>
    <row r="440474" spans="8:8">
      <c r="H440474" s="12"/>
    </row>
    <row r="440475" spans="8:8">
      <c r="H440475" s="12"/>
    </row>
    <row r="440476" spans="8:8">
      <c r="H440476" s="12"/>
    </row>
    <row r="440477" spans="8:8">
      <c r="H440477" s="12"/>
    </row>
    <row r="440478" spans="8:8">
      <c r="H440478" s="12"/>
    </row>
    <row r="440479" spans="8:8">
      <c r="H440479" s="12"/>
    </row>
    <row r="440480" spans="8:8">
      <c r="H440480" s="12"/>
    </row>
    <row r="440481" spans="8:8">
      <c r="H440481" s="12"/>
    </row>
    <row r="440482" spans="8:8">
      <c r="H440482" s="12"/>
    </row>
    <row r="440483" spans="8:8">
      <c r="H440483" s="12"/>
    </row>
    <row r="440484" spans="8:8">
      <c r="H440484" s="12"/>
    </row>
    <row r="440485" spans="8:8">
      <c r="H440485" s="12"/>
    </row>
    <row r="440486" spans="8:8">
      <c r="H440486" s="12"/>
    </row>
    <row r="440487" spans="8:8">
      <c r="H440487" s="12"/>
    </row>
    <row r="440488" spans="8:8">
      <c r="H440488" s="12"/>
    </row>
    <row r="440489" spans="8:8">
      <c r="H440489" s="12"/>
    </row>
    <row r="440490" spans="8:8">
      <c r="H440490" s="12"/>
    </row>
    <row r="440491" spans="8:8">
      <c r="H440491" s="12"/>
    </row>
    <row r="440492" spans="8:8">
      <c r="H440492" s="12"/>
    </row>
    <row r="440493" spans="8:8">
      <c r="H440493" s="12"/>
    </row>
    <row r="440494" spans="8:8">
      <c r="H440494" s="12"/>
    </row>
    <row r="440495" spans="8:8">
      <c r="H440495" s="12"/>
    </row>
    <row r="440496" spans="8:8">
      <c r="H440496" s="12"/>
    </row>
    <row r="440497" spans="8:8">
      <c r="H440497" s="12"/>
    </row>
    <row r="440498" spans="8:8">
      <c r="H440498" s="12"/>
    </row>
    <row r="440499" spans="8:8">
      <c r="H440499" s="12"/>
    </row>
    <row r="440500" spans="8:8">
      <c r="H440500" s="12"/>
    </row>
    <row r="440501" spans="8:8">
      <c r="H440501" s="12"/>
    </row>
    <row r="440502" spans="8:8">
      <c r="H440502" s="12"/>
    </row>
    <row r="440503" spans="8:8">
      <c r="H440503" s="12"/>
    </row>
    <row r="440504" spans="8:8">
      <c r="H440504" s="12"/>
    </row>
    <row r="440505" spans="8:8">
      <c r="H440505" s="12"/>
    </row>
    <row r="440506" spans="8:8">
      <c r="H440506" s="12"/>
    </row>
    <row r="440507" spans="8:8">
      <c r="H440507" s="12"/>
    </row>
    <row r="440508" spans="8:8">
      <c r="H440508" s="12"/>
    </row>
    <row r="440509" spans="8:8">
      <c r="H440509" s="12"/>
    </row>
    <row r="440510" spans="8:8">
      <c r="H440510" s="12"/>
    </row>
    <row r="440511" spans="8:8">
      <c r="H440511" s="12"/>
    </row>
    <row r="440512" spans="8:8">
      <c r="H440512" s="12"/>
    </row>
    <row r="440513" spans="8:8">
      <c r="H440513" s="12"/>
    </row>
    <row r="440514" spans="8:8">
      <c r="H440514" s="12"/>
    </row>
    <row r="440515" spans="8:8">
      <c r="H440515" s="12"/>
    </row>
    <row r="440516" spans="8:8">
      <c r="H440516" s="12"/>
    </row>
    <row r="440517" spans="8:8">
      <c r="H440517" s="12"/>
    </row>
    <row r="440518" spans="8:8">
      <c r="H440518" s="12"/>
    </row>
    <row r="440519" spans="8:8">
      <c r="H440519" s="12"/>
    </row>
    <row r="440520" spans="8:8">
      <c r="H440520" s="12"/>
    </row>
    <row r="440521" spans="8:8">
      <c r="H440521" s="12"/>
    </row>
    <row r="440522" spans="8:8">
      <c r="H440522" s="12"/>
    </row>
    <row r="440523" spans="8:8">
      <c r="H440523" s="12"/>
    </row>
    <row r="440524" spans="8:8">
      <c r="H440524" s="12"/>
    </row>
    <row r="440525" spans="8:8">
      <c r="H440525" s="12"/>
    </row>
    <row r="440526" spans="8:8">
      <c r="H440526" s="12"/>
    </row>
    <row r="440527" spans="8:8">
      <c r="H440527" s="12"/>
    </row>
    <row r="440528" spans="8:8">
      <c r="H440528" s="12"/>
    </row>
    <row r="440529" spans="8:8">
      <c r="H440529" s="12"/>
    </row>
    <row r="440530" spans="8:8">
      <c r="H440530" s="12"/>
    </row>
    <row r="440531" spans="8:8">
      <c r="H440531" s="12"/>
    </row>
    <row r="440532" spans="8:8">
      <c r="H440532" s="12"/>
    </row>
    <row r="440533" spans="8:8">
      <c r="H440533" s="12"/>
    </row>
    <row r="440534" spans="8:8">
      <c r="H440534" s="12"/>
    </row>
    <row r="440535" spans="8:8">
      <c r="H440535" s="12"/>
    </row>
    <row r="440536" spans="8:8">
      <c r="H440536" s="12"/>
    </row>
    <row r="440537" spans="8:8">
      <c r="H440537" s="12"/>
    </row>
    <row r="440538" spans="8:8">
      <c r="H440538" s="12"/>
    </row>
    <row r="440539" spans="8:8">
      <c r="H440539" s="12"/>
    </row>
    <row r="440540" spans="8:8">
      <c r="H440540" s="12"/>
    </row>
    <row r="440541" spans="8:8">
      <c r="H440541" s="12"/>
    </row>
    <row r="440542" spans="8:8">
      <c r="H440542" s="12"/>
    </row>
    <row r="440543" spans="8:8">
      <c r="H440543" s="12"/>
    </row>
    <row r="440544" spans="8:8">
      <c r="H440544" s="12"/>
    </row>
    <row r="440545" spans="8:8">
      <c r="H440545" s="12"/>
    </row>
    <row r="440546" spans="8:8">
      <c r="H440546" s="12"/>
    </row>
    <row r="440547" spans="8:8">
      <c r="H440547" s="12"/>
    </row>
    <row r="440548" spans="8:8">
      <c r="H440548" s="12"/>
    </row>
    <row r="440549" spans="8:8">
      <c r="H440549" s="12"/>
    </row>
    <row r="440550" spans="8:8">
      <c r="H440550" s="12"/>
    </row>
    <row r="440551" spans="8:8">
      <c r="H440551" s="12"/>
    </row>
    <row r="440552" spans="8:8">
      <c r="H440552" s="12"/>
    </row>
    <row r="440553" spans="8:8">
      <c r="H440553" s="12"/>
    </row>
    <row r="440554" spans="8:8">
      <c r="H440554" s="12"/>
    </row>
    <row r="440555" spans="8:8">
      <c r="H440555" s="12"/>
    </row>
    <row r="440556" spans="8:8">
      <c r="H440556" s="12"/>
    </row>
    <row r="440557" spans="8:8">
      <c r="H440557" s="12"/>
    </row>
    <row r="440558" spans="8:8">
      <c r="H440558" s="12"/>
    </row>
    <row r="440559" spans="8:8">
      <c r="H440559" s="12"/>
    </row>
    <row r="440560" spans="8:8">
      <c r="H440560" s="12"/>
    </row>
    <row r="440561" spans="8:8">
      <c r="H440561" s="12"/>
    </row>
    <row r="440562" spans="8:8">
      <c r="H440562" s="12"/>
    </row>
    <row r="440563" spans="8:8">
      <c r="H440563" s="12"/>
    </row>
    <row r="440564" spans="8:8">
      <c r="H440564" s="12"/>
    </row>
    <row r="440565" spans="8:8">
      <c r="H440565" s="12"/>
    </row>
    <row r="440566" spans="8:8">
      <c r="H440566" s="12"/>
    </row>
    <row r="440567" spans="8:8">
      <c r="H440567" s="12"/>
    </row>
    <row r="440568" spans="8:8">
      <c r="H440568" s="12"/>
    </row>
    <row r="440569" spans="8:8">
      <c r="H440569" s="12"/>
    </row>
    <row r="440570" spans="8:8">
      <c r="H440570" s="12"/>
    </row>
    <row r="440571" spans="8:8">
      <c r="H440571" s="12"/>
    </row>
    <row r="440572" spans="8:8">
      <c r="H440572" s="12"/>
    </row>
    <row r="440573" spans="8:8">
      <c r="H440573" s="12"/>
    </row>
    <row r="440574" spans="8:8">
      <c r="H440574" s="12"/>
    </row>
    <row r="440575" spans="8:8">
      <c r="H440575" s="12"/>
    </row>
    <row r="440576" spans="8:8">
      <c r="H440576" s="12"/>
    </row>
    <row r="440577" spans="8:8">
      <c r="H440577" s="12"/>
    </row>
    <row r="440578" spans="8:8">
      <c r="H440578" s="12"/>
    </row>
    <row r="440579" spans="8:8">
      <c r="H440579" s="12"/>
    </row>
    <row r="440580" spans="8:8">
      <c r="H440580" s="12"/>
    </row>
    <row r="440581" spans="8:8">
      <c r="H440581" s="12"/>
    </row>
    <row r="440582" spans="8:8">
      <c r="H440582" s="12"/>
    </row>
    <row r="440583" spans="8:8">
      <c r="H440583" s="12"/>
    </row>
    <row r="440584" spans="8:8">
      <c r="H440584" s="12"/>
    </row>
    <row r="440585" spans="8:8">
      <c r="H440585" s="12"/>
    </row>
    <row r="440586" spans="8:8">
      <c r="H440586" s="12"/>
    </row>
    <row r="440587" spans="8:8">
      <c r="H440587" s="12"/>
    </row>
    <row r="440588" spans="8:8">
      <c r="H440588" s="12"/>
    </row>
    <row r="440589" spans="8:8">
      <c r="H440589" s="12"/>
    </row>
    <row r="440590" spans="8:8">
      <c r="H440590" s="12"/>
    </row>
    <row r="440591" spans="8:8">
      <c r="H440591" s="12"/>
    </row>
    <row r="440592" spans="8:8">
      <c r="H440592" s="12"/>
    </row>
    <row r="440593" spans="8:8">
      <c r="H440593" s="12"/>
    </row>
    <row r="440594" spans="8:8">
      <c r="H440594" s="12"/>
    </row>
    <row r="440595" spans="8:8">
      <c r="H440595" s="12"/>
    </row>
    <row r="440596" spans="8:8">
      <c r="H440596" s="12"/>
    </row>
    <row r="440597" spans="8:8">
      <c r="H440597" s="12"/>
    </row>
    <row r="440598" spans="8:8">
      <c r="H440598" s="12"/>
    </row>
    <row r="440599" spans="8:8">
      <c r="H440599" s="12"/>
    </row>
    <row r="440600" spans="8:8">
      <c r="H440600" s="12"/>
    </row>
    <row r="440601" spans="8:8">
      <c r="H440601" s="12"/>
    </row>
    <row r="440602" spans="8:8">
      <c r="H440602" s="12"/>
    </row>
    <row r="440603" spans="8:8">
      <c r="H440603" s="12"/>
    </row>
    <row r="440604" spans="8:8">
      <c r="H440604" s="12"/>
    </row>
    <row r="440605" spans="8:8">
      <c r="H440605" s="12"/>
    </row>
    <row r="440606" spans="8:8">
      <c r="H440606" s="12"/>
    </row>
    <row r="440607" spans="8:8">
      <c r="H440607" s="12"/>
    </row>
    <row r="440608" spans="8:8">
      <c r="H440608" s="12"/>
    </row>
    <row r="440609" spans="8:8">
      <c r="H440609" s="12"/>
    </row>
    <row r="440610" spans="8:8">
      <c r="H440610" s="12"/>
    </row>
    <row r="440611" spans="8:8">
      <c r="H440611" s="12"/>
    </row>
    <row r="440612" spans="8:8">
      <c r="H440612" s="12"/>
    </row>
    <row r="440613" spans="8:8">
      <c r="H440613" s="12"/>
    </row>
    <row r="440614" spans="8:8">
      <c r="H440614" s="12"/>
    </row>
    <row r="440615" spans="8:8">
      <c r="H440615" s="12"/>
    </row>
    <row r="440616" spans="8:8">
      <c r="H440616" s="12"/>
    </row>
    <row r="440617" spans="8:8">
      <c r="H440617" s="12"/>
    </row>
    <row r="440618" spans="8:8">
      <c r="H440618" s="12"/>
    </row>
    <row r="440619" spans="8:8">
      <c r="H440619" s="12"/>
    </row>
    <row r="440620" spans="8:8">
      <c r="H440620" s="12"/>
    </row>
    <row r="440621" spans="8:8">
      <c r="H440621" s="12"/>
    </row>
    <row r="440622" spans="8:8">
      <c r="H440622" s="12"/>
    </row>
    <row r="440623" spans="8:8">
      <c r="H440623" s="12"/>
    </row>
    <row r="440624" spans="8:8">
      <c r="H440624" s="12"/>
    </row>
    <row r="440625" spans="8:8">
      <c r="H440625" s="12"/>
    </row>
    <row r="440626" spans="8:8">
      <c r="H440626" s="12"/>
    </row>
    <row r="440627" spans="8:8">
      <c r="H440627" s="12"/>
    </row>
    <row r="440628" spans="8:8">
      <c r="H440628" s="12"/>
    </row>
    <row r="440629" spans="8:8">
      <c r="H440629" s="12"/>
    </row>
    <row r="440630" spans="8:8">
      <c r="H440630" s="12"/>
    </row>
    <row r="440631" spans="8:8">
      <c r="H440631" s="12"/>
    </row>
    <row r="440632" spans="8:8">
      <c r="H440632" s="12"/>
    </row>
    <row r="440633" spans="8:8">
      <c r="H440633" s="12"/>
    </row>
    <row r="440634" spans="8:8">
      <c r="H440634" s="12"/>
    </row>
    <row r="440635" spans="8:8">
      <c r="H440635" s="12"/>
    </row>
    <row r="440636" spans="8:8">
      <c r="H440636" s="12"/>
    </row>
    <row r="440637" spans="8:8">
      <c r="H440637" s="12"/>
    </row>
    <row r="440638" spans="8:8">
      <c r="H440638" s="12"/>
    </row>
    <row r="440639" spans="8:8">
      <c r="H440639" s="12"/>
    </row>
    <row r="440640" spans="8:8">
      <c r="H440640" s="12"/>
    </row>
    <row r="440641" spans="8:8">
      <c r="H440641" s="12"/>
    </row>
    <row r="440642" spans="8:8">
      <c r="H440642" s="12"/>
    </row>
    <row r="440643" spans="8:8">
      <c r="H440643" s="12"/>
    </row>
    <row r="440644" spans="8:8">
      <c r="H440644" s="12"/>
    </row>
    <row r="440645" spans="8:8">
      <c r="H440645" s="12"/>
    </row>
    <row r="440646" spans="8:8">
      <c r="H440646" s="12"/>
    </row>
    <row r="440647" spans="8:8">
      <c r="H440647" s="12"/>
    </row>
    <row r="440648" spans="8:8">
      <c r="H440648" s="12"/>
    </row>
    <row r="440649" spans="8:8">
      <c r="H440649" s="12"/>
    </row>
    <row r="440650" spans="8:8">
      <c r="H440650" s="12"/>
    </row>
    <row r="440651" spans="8:8">
      <c r="H440651" s="12"/>
    </row>
    <row r="440652" spans="8:8">
      <c r="H440652" s="12"/>
    </row>
    <row r="440653" spans="8:8">
      <c r="H440653" s="12"/>
    </row>
    <row r="440654" spans="8:8">
      <c r="H440654" s="12"/>
    </row>
    <row r="440655" spans="8:8">
      <c r="H440655" s="12"/>
    </row>
    <row r="440656" spans="8:8">
      <c r="H440656" s="12"/>
    </row>
    <row r="440657" spans="8:8">
      <c r="H440657" s="12"/>
    </row>
    <row r="440658" spans="8:8">
      <c r="H440658" s="12"/>
    </row>
    <row r="440659" spans="8:8">
      <c r="H440659" s="12"/>
    </row>
    <row r="440660" spans="8:8">
      <c r="H440660" s="12"/>
    </row>
    <row r="440661" spans="8:8">
      <c r="H440661" s="12"/>
    </row>
    <row r="440662" spans="8:8">
      <c r="H440662" s="12"/>
    </row>
    <row r="440663" spans="8:8">
      <c r="H440663" s="12"/>
    </row>
    <row r="440664" spans="8:8">
      <c r="H440664" s="12"/>
    </row>
    <row r="440665" spans="8:8">
      <c r="H440665" s="12"/>
    </row>
    <row r="440666" spans="8:8">
      <c r="H440666" s="12"/>
    </row>
    <row r="440667" spans="8:8">
      <c r="H440667" s="12"/>
    </row>
    <row r="440668" spans="8:8">
      <c r="H440668" s="12"/>
    </row>
    <row r="440669" spans="8:8">
      <c r="H440669" s="12"/>
    </row>
    <row r="440670" spans="8:8">
      <c r="H440670" s="12"/>
    </row>
    <row r="440671" spans="8:8">
      <c r="H440671" s="12"/>
    </row>
    <row r="440672" spans="8:8">
      <c r="H440672" s="12"/>
    </row>
    <row r="440673" spans="8:8">
      <c r="H440673" s="12"/>
    </row>
    <row r="440674" spans="8:8">
      <c r="H440674" s="12"/>
    </row>
    <row r="440675" spans="8:8">
      <c r="H440675" s="12"/>
    </row>
    <row r="440676" spans="8:8">
      <c r="H440676" s="12"/>
    </row>
    <row r="440677" spans="8:8">
      <c r="H440677" s="12"/>
    </row>
    <row r="440678" spans="8:8">
      <c r="H440678" s="12"/>
    </row>
    <row r="440679" spans="8:8">
      <c r="H440679" s="12"/>
    </row>
    <row r="440680" spans="8:8">
      <c r="H440680" s="12"/>
    </row>
    <row r="440681" spans="8:8">
      <c r="H440681" s="12"/>
    </row>
    <row r="440682" spans="8:8">
      <c r="H440682" s="12"/>
    </row>
    <row r="440683" spans="8:8">
      <c r="H440683" s="12"/>
    </row>
    <row r="440684" spans="8:8">
      <c r="H440684" s="12"/>
    </row>
    <row r="440685" spans="8:8">
      <c r="H440685" s="12"/>
    </row>
    <row r="440686" spans="8:8">
      <c r="H440686" s="12"/>
    </row>
    <row r="440687" spans="8:8">
      <c r="H440687" s="12"/>
    </row>
    <row r="440688" spans="8:8">
      <c r="H440688" s="12"/>
    </row>
    <row r="440689" spans="8:8">
      <c r="H440689" s="12"/>
    </row>
    <row r="440690" spans="8:8">
      <c r="H440690" s="12"/>
    </row>
    <row r="440691" spans="8:8">
      <c r="H440691" s="12"/>
    </row>
    <row r="440692" spans="8:8">
      <c r="H440692" s="12"/>
    </row>
    <row r="440693" spans="8:8">
      <c r="H440693" s="12"/>
    </row>
    <row r="440694" spans="8:8">
      <c r="H440694" s="12"/>
    </row>
    <row r="440695" spans="8:8">
      <c r="H440695" s="12"/>
    </row>
    <row r="440696" spans="8:8">
      <c r="H440696" s="12"/>
    </row>
    <row r="440697" spans="8:8">
      <c r="H440697" s="12"/>
    </row>
    <row r="440698" spans="8:8">
      <c r="H440698" s="12"/>
    </row>
    <row r="440699" spans="8:8">
      <c r="H440699" s="12"/>
    </row>
    <row r="440700" spans="8:8">
      <c r="H440700" s="12"/>
    </row>
    <row r="440701" spans="8:8">
      <c r="H440701" s="12"/>
    </row>
    <row r="440702" spans="8:8">
      <c r="H440702" s="12"/>
    </row>
    <row r="440703" spans="8:8">
      <c r="H440703" s="12"/>
    </row>
    <row r="440704" spans="8:8">
      <c r="H440704" s="12"/>
    </row>
    <row r="440705" spans="8:8">
      <c r="H440705" s="12"/>
    </row>
    <row r="440706" spans="8:8">
      <c r="H440706" s="12"/>
    </row>
    <row r="440707" spans="8:8">
      <c r="H440707" s="12"/>
    </row>
    <row r="440708" spans="8:8">
      <c r="H440708" s="12"/>
    </row>
    <row r="440709" spans="8:8">
      <c r="H440709" s="12"/>
    </row>
    <row r="440710" spans="8:8">
      <c r="H440710" s="12"/>
    </row>
    <row r="440711" spans="8:8">
      <c r="H440711" s="12"/>
    </row>
    <row r="440712" spans="8:8">
      <c r="H440712" s="12"/>
    </row>
    <row r="440713" spans="8:8">
      <c r="H440713" s="12"/>
    </row>
    <row r="440714" spans="8:8">
      <c r="H440714" s="12"/>
    </row>
    <row r="440715" spans="8:8">
      <c r="H440715" s="12"/>
    </row>
    <row r="440716" spans="8:8">
      <c r="H440716" s="12"/>
    </row>
    <row r="440717" spans="8:8">
      <c r="H440717" s="12"/>
    </row>
    <row r="440718" spans="8:8">
      <c r="H440718" s="12"/>
    </row>
    <row r="440719" spans="8:8">
      <c r="H440719" s="12"/>
    </row>
    <row r="440720" spans="8:8">
      <c r="H440720" s="12"/>
    </row>
    <row r="440721" spans="8:8">
      <c r="H440721" s="12"/>
    </row>
    <row r="440722" spans="8:8">
      <c r="H440722" s="12"/>
    </row>
    <row r="440723" spans="8:8">
      <c r="H440723" s="12"/>
    </row>
    <row r="440724" spans="8:8">
      <c r="H440724" s="12"/>
    </row>
    <row r="440725" spans="8:8">
      <c r="H440725" s="12"/>
    </row>
    <row r="440726" spans="8:8">
      <c r="H440726" s="12"/>
    </row>
    <row r="440727" spans="8:8">
      <c r="H440727" s="12"/>
    </row>
    <row r="440728" spans="8:8">
      <c r="H440728" s="12"/>
    </row>
    <row r="440729" spans="8:8">
      <c r="H440729" s="12"/>
    </row>
    <row r="440730" spans="8:8">
      <c r="H440730" s="12"/>
    </row>
    <row r="440731" spans="8:8">
      <c r="H440731" s="12"/>
    </row>
    <row r="440732" spans="8:8">
      <c r="H440732" s="12"/>
    </row>
    <row r="440733" spans="8:8">
      <c r="H440733" s="12"/>
    </row>
    <row r="440734" spans="8:8">
      <c r="H440734" s="12"/>
    </row>
    <row r="440735" spans="8:8">
      <c r="H440735" s="12"/>
    </row>
    <row r="440736" spans="8:8">
      <c r="H440736" s="12"/>
    </row>
    <row r="440737" spans="8:8">
      <c r="H440737" s="12"/>
    </row>
    <row r="440738" spans="8:8">
      <c r="H440738" s="12"/>
    </row>
    <row r="440739" spans="8:8">
      <c r="H440739" s="12"/>
    </row>
    <row r="440740" spans="8:8">
      <c r="H440740" s="12"/>
    </row>
    <row r="440741" spans="8:8">
      <c r="H440741" s="12"/>
    </row>
    <row r="440742" spans="8:8">
      <c r="H440742" s="12"/>
    </row>
    <row r="440743" spans="8:8">
      <c r="H440743" s="12"/>
    </row>
    <row r="440744" spans="8:8">
      <c r="H440744" s="12"/>
    </row>
    <row r="440745" spans="8:8">
      <c r="H440745" s="12"/>
    </row>
    <row r="440746" spans="8:8">
      <c r="H440746" s="12"/>
    </row>
    <row r="440747" spans="8:8">
      <c r="H440747" s="12"/>
    </row>
    <row r="440748" spans="8:8">
      <c r="H440748" s="12"/>
    </row>
    <row r="440749" spans="8:8">
      <c r="H440749" s="12"/>
    </row>
    <row r="440750" spans="8:8">
      <c r="H440750" s="12"/>
    </row>
    <row r="440751" spans="8:8">
      <c r="H440751" s="12"/>
    </row>
    <row r="440752" spans="8:8">
      <c r="H440752" s="12"/>
    </row>
    <row r="440753" spans="8:8">
      <c r="H440753" s="12"/>
    </row>
    <row r="440754" spans="8:8">
      <c r="H440754" s="12"/>
    </row>
    <row r="440755" spans="8:8">
      <c r="H440755" s="12"/>
    </row>
    <row r="440756" spans="8:8">
      <c r="H440756" s="12"/>
    </row>
    <row r="440757" spans="8:8">
      <c r="H440757" s="12"/>
    </row>
    <row r="440758" spans="8:8">
      <c r="H440758" s="12"/>
    </row>
    <row r="440759" spans="8:8">
      <c r="H440759" s="12"/>
    </row>
    <row r="440760" spans="8:8">
      <c r="H440760" s="12"/>
    </row>
    <row r="440761" spans="8:8">
      <c r="H440761" s="12"/>
    </row>
    <row r="440762" spans="8:8">
      <c r="H440762" s="12"/>
    </row>
    <row r="440763" spans="8:8">
      <c r="H440763" s="12"/>
    </row>
    <row r="440764" spans="8:8">
      <c r="H440764" s="12"/>
    </row>
    <row r="440765" spans="8:8">
      <c r="H440765" s="12"/>
    </row>
    <row r="440766" spans="8:8">
      <c r="H440766" s="12"/>
    </row>
    <row r="440767" spans="8:8">
      <c r="H440767" s="12"/>
    </row>
    <row r="440768" spans="8:8">
      <c r="H440768" s="12"/>
    </row>
    <row r="440769" spans="8:8">
      <c r="H440769" s="12"/>
    </row>
    <row r="440770" spans="8:8">
      <c r="H440770" s="12"/>
    </row>
    <row r="440771" spans="8:8">
      <c r="H440771" s="12"/>
    </row>
    <row r="440772" spans="8:8">
      <c r="H440772" s="12"/>
    </row>
    <row r="440773" spans="8:8">
      <c r="H440773" s="12"/>
    </row>
    <row r="440774" spans="8:8">
      <c r="H440774" s="12"/>
    </row>
    <row r="440775" spans="8:8">
      <c r="H440775" s="12"/>
    </row>
    <row r="440776" spans="8:8">
      <c r="H440776" s="12"/>
    </row>
    <row r="440777" spans="8:8">
      <c r="H440777" s="12"/>
    </row>
    <row r="440778" spans="8:8">
      <c r="H440778" s="12"/>
    </row>
    <row r="440779" spans="8:8">
      <c r="H440779" s="12"/>
    </row>
    <row r="440780" spans="8:8">
      <c r="H440780" s="12"/>
    </row>
    <row r="440781" spans="8:8">
      <c r="H440781" s="12"/>
    </row>
    <row r="440782" spans="8:8">
      <c r="H440782" s="12"/>
    </row>
    <row r="440783" spans="8:8">
      <c r="H440783" s="12"/>
    </row>
    <row r="440784" spans="8:8">
      <c r="H440784" s="12"/>
    </row>
    <row r="440785" spans="8:8">
      <c r="H440785" s="12"/>
    </row>
    <row r="440786" spans="8:8">
      <c r="H440786" s="12"/>
    </row>
    <row r="440787" spans="8:8">
      <c r="H440787" s="12"/>
    </row>
    <row r="440788" spans="8:8">
      <c r="H440788" s="12"/>
    </row>
    <row r="440789" spans="8:8">
      <c r="H440789" s="12"/>
    </row>
    <row r="440790" spans="8:8">
      <c r="H440790" s="12"/>
    </row>
    <row r="440791" spans="8:8">
      <c r="H440791" s="12"/>
    </row>
    <row r="440792" spans="8:8">
      <c r="H440792" s="12"/>
    </row>
    <row r="440793" spans="8:8">
      <c r="H440793" s="12"/>
    </row>
    <row r="440794" spans="8:8">
      <c r="H440794" s="12"/>
    </row>
    <row r="440795" spans="8:8">
      <c r="H440795" s="12"/>
    </row>
    <row r="440796" spans="8:8">
      <c r="H440796" s="12"/>
    </row>
    <row r="440797" spans="8:8">
      <c r="H440797" s="12"/>
    </row>
    <row r="440798" spans="8:8">
      <c r="H440798" s="12"/>
    </row>
    <row r="440799" spans="8:8">
      <c r="H440799" s="12"/>
    </row>
    <row r="440800" spans="8:8">
      <c r="H440800" s="12"/>
    </row>
    <row r="440801" spans="8:8">
      <c r="H440801" s="12"/>
    </row>
    <row r="440802" spans="8:8">
      <c r="H440802" s="12"/>
    </row>
    <row r="440803" spans="8:8">
      <c r="H440803" s="12"/>
    </row>
    <row r="440804" spans="8:8">
      <c r="H440804" s="12"/>
    </row>
    <row r="440805" spans="8:8">
      <c r="H440805" s="12"/>
    </row>
    <row r="440806" spans="8:8">
      <c r="H440806" s="12"/>
    </row>
    <row r="440807" spans="8:8">
      <c r="H440807" s="12"/>
    </row>
    <row r="440808" spans="8:8">
      <c r="H440808" s="12"/>
    </row>
    <row r="440809" spans="8:8">
      <c r="H440809" s="12"/>
    </row>
    <row r="440810" spans="8:8">
      <c r="H440810" s="12"/>
    </row>
    <row r="440811" spans="8:8">
      <c r="H440811" s="12"/>
    </row>
    <row r="440812" spans="8:8">
      <c r="H440812" s="12"/>
    </row>
    <row r="440813" spans="8:8">
      <c r="H440813" s="12"/>
    </row>
    <row r="440814" spans="8:8">
      <c r="H440814" s="12"/>
    </row>
    <row r="440815" spans="8:8">
      <c r="H440815" s="12"/>
    </row>
    <row r="440816" spans="8:8">
      <c r="H440816" s="12"/>
    </row>
    <row r="440817" spans="8:8">
      <c r="H440817" s="12"/>
    </row>
    <row r="440818" spans="8:8">
      <c r="H440818" s="12"/>
    </row>
    <row r="440819" spans="8:8">
      <c r="H440819" s="12"/>
    </row>
    <row r="440820" spans="8:8">
      <c r="H440820" s="12"/>
    </row>
    <row r="440821" spans="8:8">
      <c r="H440821" s="12"/>
    </row>
    <row r="440822" spans="8:8">
      <c r="H440822" s="12"/>
    </row>
    <row r="440823" spans="8:8">
      <c r="H440823" s="12"/>
    </row>
    <row r="440824" spans="8:8">
      <c r="H440824" s="12"/>
    </row>
    <row r="440825" spans="8:8">
      <c r="H440825" s="12"/>
    </row>
    <row r="440826" spans="8:8">
      <c r="H440826" s="12"/>
    </row>
    <row r="440827" spans="8:8">
      <c r="H440827" s="12"/>
    </row>
    <row r="440828" spans="8:8">
      <c r="H440828" s="12"/>
    </row>
    <row r="440829" spans="8:8">
      <c r="H440829" s="12"/>
    </row>
    <row r="440830" spans="8:8">
      <c r="H440830" s="12"/>
    </row>
    <row r="440831" spans="8:8">
      <c r="H440831" s="12"/>
    </row>
    <row r="440832" spans="8:8">
      <c r="H440832" s="12"/>
    </row>
    <row r="440833" spans="8:8">
      <c r="H440833" s="12"/>
    </row>
    <row r="440834" spans="8:8">
      <c r="H440834" s="12"/>
    </row>
    <row r="440835" spans="8:8">
      <c r="H440835" s="12"/>
    </row>
    <row r="440836" spans="8:8">
      <c r="H440836" s="12"/>
    </row>
    <row r="440837" spans="8:8">
      <c r="H440837" s="12"/>
    </row>
    <row r="440838" spans="8:8">
      <c r="H440838" s="12"/>
    </row>
    <row r="440839" spans="8:8">
      <c r="H440839" s="12"/>
    </row>
    <row r="440840" spans="8:8">
      <c r="H440840" s="12"/>
    </row>
    <row r="440841" spans="8:8">
      <c r="H440841" s="12"/>
    </row>
    <row r="440842" spans="8:8">
      <c r="H440842" s="12"/>
    </row>
    <row r="440843" spans="8:8">
      <c r="H440843" s="12"/>
    </row>
    <row r="440844" spans="8:8">
      <c r="H440844" s="12"/>
    </row>
    <row r="440845" spans="8:8">
      <c r="H440845" s="12"/>
    </row>
    <row r="440846" spans="8:8">
      <c r="H440846" s="12"/>
    </row>
    <row r="440847" spans="8:8">
      <c r="H440847" s="12"/>
    </row>
    <row r="440848" spans="8:8">
      <c r="H440848" s="12"/>
    </row>
    <row r="440849" spans="8:8">
      <c r="H440849" s="12"/>
    </row>
    <row r="440850" spans="8:8">
      <c r="H440850" s="12"/>
    </row>
    <row r="440851" spans="8:8">
      <c r="H440851" s="12"/>
    </row>
    <row r="440852" spans="8:8">
      <c r="H440852" s="12"/>
    </row>
    <row r="440853" spans="8:8">
      <c r="H440853" s="12"/>
    </row>
    <row r="440854" spans="8:8">
      <c r="H440854" s="12"/>
    </row>
    <row r="440855" spans="8:8">
      <c r="H440855" s="12"/>
    </row>
    <row r="440856" spans="8:8">
      <c r="H440856" s="12"/>
    </row>
    <row r="440857" spans="8:8">
      <c r="H440857" s="12"/>
    </row>
    <row r="440858" spans="8:8">
      <c r="H440858" s="12"/>
    </row>
    <row r="440859" spans="8:8">
      <c r="H440859" s="12"/>
    </row>
    <row r="440860" spans="8:8">
      <c r="H440860" s="12"/>
    </row>
    <row r="440861" spans="8:8">
      <c r="H440861" s="12"/>
    </row>
    <row r="440862" spans="8:8">
      <c r="H440862" s="12"/>
    </row>
    <row r="440863" spans="8:8">
      <c r="H440863" s="12"/>
    </row>
    <row r="440864" spans="8:8">
      <c r="H440864" s="12"/>
    </row>
    <row r="440865" spans="8:8">
      <c r="H440865" s="12"/>
    </row>
    <row r="440866" spans="8:8">
      <c r="H440866" s="12"/>
    </row>
    <row r="440867" spans="8:8">
      <c r="H440867" s="12"/>
    </row>
    <row r="440868" spans="8:8">
      <c r="H440868" s="12"/>
    </row>
    <row r="440869" spans="8:8">
      <c r="H440869" s="12"/>
    </row>
    <row r="440870" spans="8:8">
      <c r="H440870" s="12"/>
    </row>
    <row r="440871" spans="8:8">
      <c r="H440871" s="12"/>
    </row>
    <row r="440872" spans="8:8">
      <c r="H440872" s="12"/>
    </row>
    <row r="440873" spans="8:8">
      <c r="H440873" s="12"/>
    </row>
    <row r="440874" spans="8:8">
      <c r="H440874" s="12"/>
    </row>
    <row r="440875" spans="8:8">
      <c r="H440875" s="12"/>
    </row>
    <row r="440876" spans="8:8">
      <c r="H440876" s="12"/>
    </row>
    <row r="440877" spans="8:8">
      <c r="H440877" s="12"/>
    </row>
    <row r="440878" spans="8:8">
      <c r="H440878" s="12"/>
    </row>
    <row r="440879" spans="8:8">
      <c r="H440879" s="12"/>
    </row>
    <row r="440880" spans="8:8">
      <c r="H440880" s="12"/>
    </row>
    <row r="440881" spans="8:8">
      <c r="H440881" s="12"/>
    </row>
    <row r="440882" spans="8:8">
      <c r="H440882" s="12"/>
    </row>
    <row r="440883" spans="8:8">
      <c r="H440883" s="12"/>
    </row>
    <row r="440884" spans="8:8">
      <c r="H440884" s="12"/>
    </row>
    <row r="440885" spans="8:8">
      <c r="H440885" s="12"/>
    </row>
    <row r="440886" spans="8:8">
      <c r="H440886" s="12"/>
    </row>
    <row r="440887" spans="8:8">
      <c r="H440887" s="12"/>
    </row>
    <row r="440888" spans="8:8">
      <c r="H440888" s="12"/>
    </row>
    <row r="440889" spans="8:8">
      <c r="H440889" s="12"/>
    </row>
    <row r="440890" spans="8:8">
      <c r="H440890" s="12"/>
    </row>
    <row r="440891" spans="8:8">
      <c r="H440891" s="12"/>
    </row>
    <row r="440892" spans="8:8">
      <c r="H440892" s="12"/>
    </row>
    <row r="440893" spans="8:8">
      <c r="H440893" s="12"/>
    </row>
    <row r="440894" spans="8:8">
      <c r="H440894" s="12"/>
    </row>
    <row r="440895" spans="8:8">
      <c r="H440895" s="12"/>
    </row>
    <row r="440896" spans="8:8">
      <c r="H440896" s="12"/>
    </row>
    <row r="440897" spans="8:8">
      <c r="H440897" s="12"/>
    </row>
    <row r="440898" spans="8:8">
      <c r="H440898" s="12"/>
    </row>
    <row r="440899" spans="8:8">
      <c r="H440899" s="12"/>
    </row>
    <row r="440900" spans="8:8">
      <c r="H440900" s="12"/>
    </row>
    <row r="440901" spans="8:8">
      <c r="H440901" s="12"/>
    </row>
    <row r="440902" spans="8:8">
      <c r="H440902" s="12"/>
    </row>
    <row r="440903" spans="8:8">
      <c r="H440903" s="12"/>
    </row>
    <row r="440904" spans="8:8">
      <c r="H440904" s="12"/>
    </row>
    <row r="440905" spans="8:8">
      <c r="H440905" s="12"/>
    </row>
    <row r="440906" spans="8:8">
      <c r="H440906" s="12"/>
    </row>
    <row r="440907" spans="8:8">
      <c r="H440907" s="12"/>
    </row>
    <row r="440908" spans="8:8">
      <c r="H440908" s="12"/>
    </row>
    <row r="440909" spans="8:8">
      <c r="H440909" s="12"/>
    </row>
    <row r="440910" spans="8:8">
      <c r="H440910" s="12"/>
    </row>
    <row r="440911" spans="8:8">
      <c r="H440911" s="12"/>
    </row>
    <row r="440912" spans="8:8">
      <c r="H440912" s="12"/>
    </row>
    <row r="440913" spans="8:8">
      <c r="H440913" s="12"/>
    </row>
    <row r="440914" spans="8:8">
      <c r="H440914" s="12"/>
    </row>
    <row r="440915" spans="8:8">
      <c r="H440915" s="12"/>
    </row>
    <row r="440916" spans="8:8">
      <c r="H440916" s="12"/>
    </row>
    <row r="440917" spans="8:8">
      <c r="H440917" s="12"/>
    </row>
    <row r="440918" spans="8:8">
      <c r="H440918" s="12"/>
    </row>
    <row r="440919" spans="8:8">
      <c r="H440919" s="12"/>
    </row>
    <row r="440920" spans="8:8">
      <c r="H440920" s="12"/>
    </row>
    <row r="440921" spans="8:8">
      <c r="H440921" s="12"/>
    </row>
    <row r="440922" spans="8:8">
      <c r="H440922" s="12"/>
    </row>
    <row r="440923" spans="8:8">
      <c r="H440923" s="12"/>
    </row>
    <row r="440924" spans="8:8">
      <c r="H440924" s="12"/>
    </row>
    <row r="440925" spans="8:8">
      <c r="H440925" s="12"/>
    </row>
    <row r="440926" spans="8:8">
      <c r="H440926" s="12"/>
    </row>
    <row r="440927" spans="8:8">
      <c r="H440927" s="12"/>
    </row>
    <row r="440928" spans="8:8">
      <c r="H440928" s="12"/>
    </row>
    <row r="440929" spans="8:8">
      <c r="H440929" s="12"/>
    </row>
    <row r="440930" spans="8:8">
      <c r="H440930" s="12"/>
    </row>
    <row r="440931" spans="8:8">
      <c r="H440931" s="12"/>
    </row>
    <row r="440932" spans="8:8">
      <c r="H440932" s="12"/>
    </row>
    <row r="440933" spans="8:8">
      <c r="H440933" s="12"/>
    </row>
    <row r="440934" spans="8:8">
      <c r="H440934" s="12"/>
    </row>
    <row r="440935" spans="8:8">
      <c r="H440935" s="12"/>
    </row>
    <row r="440936" spans="8:8">
      <c r="H440936" s="12"/>
    </row>
    <row r="440937" spans="8:8">
      <c r="H440937" s="12"/>
    </row>
    <row r="440938" spans="8:8">
      <c r="H440938" s="12"/>
    </row>
    <row r="440939" spans="8:8">
      <c r="H440939" s="12"/>
    </row>
    <row r="440940" spans="8:8">
      <c r="H440940" s="12"/>
    </row>
    <row r="440941" spans="8:8">
      <c r="H440941" s="12"/>
    </row>
    <row r="440942" spans="8:8">
      <c r="H440942" s="12"/>
    </row>
    <row r="440943" spans="8:8">
      <c r="H440943" s="12"/>
    </row>
    <row r="440944" spans="8:8">
      <c r="H440944" s="12"/>
    </row>
    <row r="440945" spans="8:8">
      <c r="H440945" s="12"/>
    </row>
    <row r="440946" spans="8:8">
      <c r="H440946" s="12"/>
    </row>
    <row r="440947" spans="8:8">
      <c r="H440947" s="12"/>
    </row>
    <row r="440948" spans="8:8">
      <c r="H440948" s="12"/>
    </row>
    <row r="440949" spans="8:8">
      <c r="H440949" s="12"/>
    </row>
    <row r="440950" spans="8:8">
      <c r="H440950" s="12"/>
    </row>
    <row r="440951" spans="8:8">
      <c r="H440951" s="12"/>
    </row>
    <row r="440952" spans="8:8">
      <c r="H440952" s="12"/>
    </row>
    <row r="440953" spans="8:8">
      <c r="H440953" s="12"/>
    </row>
    <row r="440954" spans="8:8">
      <c r="H440954" s="12"/>
    </row>
    <row r="440955" spans="8:8">
      <c r="H440955" s="12"/>
    </row>
    <row r="440956" spans="8:8">
      <c r="H440956" s="12"/>
    </row>
    <row r="440957" spans="8:8">
      <c r="H440957" s="12"/>
    </row>
    <row r="440958" spans="8:8">
      <c r="H440958" s="12"/>
    </row>
    <row r="440959" spans="8:8">
      <c r="H440959" s="12"/>
    </row>
    <row r="440960" spans="8:8">
      <c r="H440960" s="12"/>
    </row>
    <row r="440961" spans="8:8">
      <c r="H440961" s="12"/>
    </row>
    <row r="440962" spans="8:8">
      <c r="H440962" s="12"/>
    </row>
    <row r="440963" spans="8:8">
      <c r="H440963" s="12"/>
    </row>
    <row r="440964" spans="8:8">
      <c r="H440964" s="12"/>
    </row>
    <row r="440965" spans="8:8">
      <c r="H440965" s="12"/>
    </row>
    <row r="440966" spans="8:8">
      <c r="H440966" s="12"/>
    </row>
    <row r="440967" spans="8:8">
      <c r="H440967" s="12"/>
    </row>
    <row r="440968" spans="8:8">
      <c r="H440968" s="12"/>
    </row>
    <row r="440969" spans="8:8">
      <c r="H440969" s="12"/>
    </row>
    <row r="440970" spans="8:8">
      <c r="H440970" s="12"/>
    </row>
    <row r="440971" spans="8:8">
      <c r="H440971" s="12"/>
    </row>
    <row r="440972" spans="8:8">
      <c r="H440972" s="12"/>
    </row>
    <row r="440973" spans="8:8">
      <c r="H440973" s="12"/>
    </row>
    <row r="440974" spans="8:8">
      <c r="H440974" s="12"/>
    </row>
    <row r="440975" spans="8:8">
      <c r="H440975" s="12"/>
    </row>
    <row r="440976" spans="8:8">
      <c r="H440976" s="12"/>
    </row>
    <row r="440977" spans="8:8">
      <c r="H440977" s="12"/>
    </row>
    <row r="440978" spans="8:8">
      <c r="H440978" s="12"/>
    </row>
    <row r="440979" spans="8:8">
      <c r="H440979" s="12"/>
    </row>
    <row r="440980" spans="8:8">
      <c r="H440980" s="12"/>
    </row>
    <row r="440981" spans="8:8">
      <c r="H440981" s="12"/>
    </row>
    <row r="440982" spans="8:8">
      <c r="H440982" s="12"/>
    </row>
    <row r="440983" spans="8:8">
      <c r="H440983" s="12"/>
    </row>
    <row r="440984" spans="8:8">
      <c r="H440984" s="12"/>
    </row>
    <row r="440985" spans="8:8">
      <c r="H440985" s="12"/>
    </row>
    <row r="440986" spans="8:8">
      <c r="H440986" s="12"/>
    </row>
    <row r="440987" spans="8:8">
      <c r="H440987" s="12"/>
    </row>
    <row r="440988" spans="8:8">
      <c r="H440988" s="12"/>
    </row>
    <row r="440989" spans="8:8">
      <c r="H440989" s="12"/>
    </row>
    <row r="440990" spans="8:8">
      <c r="H440990" s="12"/>
    </row>
    <row r="440991" spans="8:8">
      <c r="H440991" s="12"/>
    </row>
    <row r="440992" spans="8:8">
      <c r="H440992" s="12"/>
    </row>
    <row r="440993" spans="8:8">
      <c r="H440993" s="12"/>
    </row>
    <row r="440994" spans="8:8">
      <c r="H440994" s="12"/>
    </row>
    <row r="440995" spans="8:8">
      <c r="H440995" s="12"/>
    </row>
    <row r="440996" spans="8:8">
      <c r="H440996" s="12"/>
    </row>
    <row r="440997" spans="8:8">
      <c r="H440997" s="12"/>
    </row>
    <row r="440998" spans="8:8">
      <c r="H440998" s="12"/>
    </row>
    <row r="440999" spans="8:8">
      <c r="H440999" s="12"/>
    </row>
    <row r="441000" spans="8:8">
      <c r="H441000" s="12"/>
    </row>
    <row r="441001" spans="8:8">
      <c r="H441001" s="12"/>
    </row>
    <row r="441002" spans="8:8">
      <c r="H441002" s="12"/>
    </row>
    <row r="441003" spans="8:8">
      <c r="H441003" s="12"/>
    </row>
    <row r="441004" spans="8:8">
      <c r="H441004" s="12"/>
    </row>
    <row r="441005" spans="8:8">
      <c r="H441005" s="12"/>
    </row>
    <row r="441006" spans="8:8">
      <c r="H441006" s="12"/>
    </row>
    <row r="441007" spans="8:8">
      <c r="H441007" s="12"/>
    </row>
    <row r="441008" spans="8:8">
      <c r="H441008" s="12"/>
    </row>
    <row r="441009" spans="8:8">
      <c r="H441009" s="12"/>
    </row>
    <row r="441010" spans="8:8">
      <c r="H441010" s="12"/>
    </row>
    <row r="441011" spans="8:8">
      <c r="H441011" s="12"/>
    </row>
    <row r="441012" spans="8:8">
      <c r="H441012" s="12"/>
    </row>
    <row r="441013" spans="8:8">
      <c r="H441013" s="12"/>
    </row>
    <row r="441014" spans="8:8">
      <c r="H441014" s="12"/>
    </row>
    <row r="441015" spans="8:8">
      <c r="H441015" s="12"/>
    </row>
    <row r="441016" spans="8:8">
      <c r="H441016" s="12"/>
    </row>
    <row r="441017" spans="8:8">
      <c r="H441017" s="12"/>
    </row>
    <row r="441018" spans="8:8">
      <c r="H441018" s="12"/>
    </row>
    <row r="441019" spans="8:8">
      <c r="H441019" s="12"/>
    </row>
    <row r="441020" spans="8:8">
      <c r="H441020" s="12"/>
    </row>
    <row r="441021" spans="8:8">
      <c r="H441021" s="12"/>
    </row>
    <row r="441022" spans="8:8">
      <c r="H441022" s="12"/>
    </row>
    <row r="441023" spans="8:8">
      <c r="H441023" s="12"/>
    </row>
    <row r="441024" spans="8:8">
      <c r="H441024" s="12"/>
    </row>
    <row r="441025" spans="8:8">
      <c r="H441025" s="12"/>
    </row>
    <row r="441026" spans="8:8">
      <c r="H441026" s="12"/>
    </row>
    <row r="441027" spans="8:8">
      <c r="H441027" s="12"/>
    </row>
    <row r="441028" spans="8:8">
      <c r="H441028" s="12"/>
    </row>
    <row r="441029" spans="8:8">
      <c r="H441029" s="12"/>
    </row>
    <row r="441030" spans="8:8">
      <c r="H441030" s="12"/>
    </row>
    <row r="441031" spans="8:8">
      <c r="H441031" s="12"/>
    </row>
    <row r="441032" spans="8:8">
      <c r="H441032" s="12"/>
    </row>
    <row r="441033" spans="8:8">
      <c r="H441033" s="12"/>
    </row>
    <row r="441034" spans="8:8">
      <c r="H441034" s="12"/>
    </row>
    <row r="441035" spans="8:8">
      <c r="H441035" s="12"/>
    </row>
    <row r="441036" spans="8:8">
      <c r="H441036" s="12"/>
    </row>
    <row r="441037" spans="8:8">
      <c r="H441037" s="12"/>
    </row>
    <row r="441038" spans="8:8">
      <c r="H441038" s="12"/>
    </row>
    <row r="441039" spans="8:8">
      <c r="H441039" s="12"/>
    </row>
    <row r="441040" spans="8:8">
      <c r="H441040" s="12"/>
    </row>
    <row r="441041" spans="8:8">
      <c r="H441041" s="12"/>
    </row>
    <row r="441042" spans="8:8">
      <c r="H441042" s="12"/>
    </row>
    <row r="441043" spans="8:8">
      <c r="H441043" s="12"/>
    </row>
    <row r="441044" spans="8:8">
      <c r="H441044" s="12"/>
    </row>
    <row r="441045" spans="8:8">
      <c r="H441045" s="12"/>
    </row>
    <row r="441046" spans="8:8">
      <c r="H441046" s="12"/>
    </row>
    <row r="441047" spans="8:8">
      <c r="H441047" s="12"/>
    </row>
    <row r="441048" spans="8:8">
      <c r="H441048" s="12"/>
    </row>
    <row r="441049" spans="8:8">
      <c r="H441049" s="12"/>
    </row>
    <row r="441050" spans="8:8">
      <c r="H441050" s="12"/>
    </row>
    <row r="441051" spans="8:8">
      <c r="H441051" s="12"/>
    </row>
    <row r="441052" spans="8:8">
      <c r="H441052" s="12"/>
    </row>
    <row r="441053" spans="8:8">
      <c r="H441053" s="12"/>
    </row>
    <row r="441054" spans="8:8">
      <c r="H441054" s="12"/>
    </row>
    <row r="441055" spans="8:8">
      <c r="H441055" s="12"/>
    </row>
    <row r="441056" spans="8:8">
      <c r="H441056" s="12"/>
    </row>
    <row r="441057" spans="8:8">
      <c r="H441057" s="12"/>
    </row>
    <row r="441058" spans="8:8">
      <c r="H441058" s="12"/>
    </row>
    <row r="441059" spans="8:8">
      <c r="H441059" s="12"/>
    </row>
    <row r="441060" spans="8:8">
      <c r="H441060" s="12"/>
    </row>
    <row r="441061" spans="8:8">
      <c r="H441061" s="12"/>
    </row>
    <row r="441062" spans="8:8">
      <c r="H441062" s="12"/>
    </row>
    <row r="441063" spans="8:8">
      <c r="H441063" s="12"/>
    </row>
    <row r="441064" spans="8:8">
      <c r="H441064" s="12"/>
    </row>
    <row r="441065" spans="8:8">
      <c r="H441065" s="12"/>
    </row>
    <row r="441066" spans="8:8">
      <c r="H441066" s="12"/>
    </row>
    <row r="441067" spans="8:8">
      <c r="H441067" s="12"/>
    </row>
    <row r="441068" spans="8:8">
      <c r="H441068" s="12"/>
    </row>
    <row r="441069" spans="8:8">
      <c r="H441069" s="12"/>
    </row>
    <row r="441070" spans="8:8">
      <c r="H441070" s="12"/>
    </row>
    <row r="441071" spans="8:8">
      <c r="H441071" s="12"/>
    </row>
    <row r="441072" spans="8:8">
      <c r="H441072" s="12"/>
    </row>
    <row r="441073" spans="8:8">
      <c r="H441073" s="12"/>
    </row>
    <row r="441074" spans="8:8">
      <c r="H441074" s="12"/>
    </row>
    <row r="441075" spans="8:8">
      <c r="H441075" s="12"/>
    </row>
    <row r="441076" spans="8:8">
      <c r="H441076" s="12"/>
    </row>
    <row r="441077" spans="8:8">
      <c r="H441077" s="12"/>
    </row>
    <row r="441078" spans="8:8">
      <c r="H441078" s="12"/>
    </row>
    <row r="441079" spans="8:8">
      <c r="H441079" s="12"/>
    </row>
    <row r="441080" spans="8:8">
      <c r="H441080" s="12"/>
    </row>
    <row r="441081" spans="8:8">
      <c r="H441081" s="12"/>
    </row>
    <row r="441082" spans="8:8">
      <c r="H441082" s="12"/>
    </row>
    <row r="441083" spans="8:8">
      <c r="H441083" s="12"/>
    </row>
    <row r="441084" spans="8:8">
      <c r="H441084" s="12"/>
    </row>
    <row r="441085" spans="8:8">
      <c r="H441085" s="12"/>
    </row>
    <row r="441086" spans="8:8">
      <c r="H441086" s="12"/>
    </row>
    <row r="441087" spans="8:8">
      <c r="H441087" s="12"/>
    </row>
    <row r="441088" spans="8:8">
      <c r="H441088" s="12"/>
    </row>
    <row r="441089" spans="8:8">
      <c r="H441089" s="12"/>
    </row>
    <row r="441090" spans="8:8">
      <c r="H441090" s="12"/>
    </row>
    <row r="441091" spans="8:8">
      <c r="H441091" s="12"/>
    </row>
    <row r="441092" spans="8:8">
      <c r="H441092" s="12"/>
    </row>
    <row r="441093" spans="8:8">
      <c r="H441093" s="12"/>
    </row>
    <row r="441094" spans="8:8">
      <c r="H441094" s="12"/>
    </row>
    <row r="441095" spans="8:8">
      <c r="H441095" s="12"/>
    </row>
    <row r="441096" spans="8:8">
      <c r="H441096" s="12"/>
    </row>
    <row r="441097" spans="8:8">
      <c r="H441097" s="12"/>
    </row>
    <row r="441098" spans="8:8">
      <c r="H441098" s="12"/>
    </row>
    <row r="441099" spans="8:8">
      <c r="H441099" s="12"/>
    </row>
    <row r="441100" spans="8:8">
      <c r="H441100" s="12"/>
    </row>
    <row r="441101" spans="8:8">
      <c r="H441101" s="12"/>
    </row>
    <row r="441102" spans="8:8">
      <c r="H441102" s="12"/>
    </row>
    <row r="441103" spans="8:8">
      <c r="H441103" s="12"/>
    </row>
    <row r="441104" spans="8:8">
      <c r="H441104" s="12"/>
    </row>
    <row r="441105" spans="8:8">
      <c r="H441105" s="12"/>
    </row>
    <row r="441106" spans="8:8">
      <c r="H441106" s="12"/>
    </row>
    <row r="441107" spans="8:8">
      <c r="H441107" s="12"/>
    </row>
    <row r="441108" spans="8:8">
      <c r="H441108" s="12"/>
    </row>
    <row r="441109" spans="8:8">
      <c r="H441109" s="12"/>
    </row>
    <row r="441110" spans="8:8">
      <c r="H441110" s="12"/>
    </row>
    <row r="441111" spans="8:8">
      <c r="H441111" s="12"/>
    </row>
    <row r="441112" spans="8:8">
      <c r="H441112" s="12"/>
    </row>
    <row r="441113" spans="8:8">
      <c r="H441113" s="12"/>
    </row>
    <row r="441114" spans="8:8">
      <c r="H441114" s="12"/>
    </row>
    <row r="441115" spans="8:8">
      <c r="H441115" s="12"/>
    </row>
    <row r="441116" spans="8:8">
      <c r="H441116" s="12"/>
    </row>
    <row r="441117" spans="8:8">
      <c r="H441117" s="12"/>
    </row>
    <row r="441118" spans="8:8">
      <c r="H441118" s="12"/>
    </row>
    <row r="441119" spans="8:8">
      <c r="H441119" s="12"/>
    </row>
    <row r="441120" spans="8:8">
      <c r="H441120" s="12"/>
    </row>
    <row r="441121" spans="8:8">
      <c r="H441121" s="12"/>
    </row>
    <row r="441122" spans="8:8">
      <c r="H441122" s="12"/>
    </row>
    <row r="441123" spans="8:8">
      <c r="H441123" s="12"/>
    </row>
    <row r="441124" spans="8:8">
      <c r="H441124" s="12"/>
    </row>
    <row r="441125" spans="8:8">
      <c r="H441125" s="12"/>
    </row>
    <row r="441126" spans="8:8">
      <c r="H441126" s="12"/>
    </row>
    <row r="441127" spans="8:8">
      <c r="H441127" s="12"/>
    </row>
    <row r="441128" spans="8:8">
      <c r="H441128" s="12"/>
    </row>
    <row r="441129" spans="8:8">
      <c r="H441129" s="12"/>
    </row>
    <row r="441130" spans="8:8">
      <c r="H441130" s="12"/>
    </row>
    <row r="441131" spans="8:8">
      <c r="H441131" s="12"/>
    </row>
    <row r="441132" spans="8:8">
      <c r="H441132" s="12"/>
    </row>
    <row r="441133" spans="8:8">
      <c r="H441133" s="12"/>
    </row>
    <row r="441134" spans="8:8">
      <c r="H441134" s="12"/>
    </row>
    <row r="441135" spans="8:8">
      <c r="H441135" s="12"/>
    </row>
    <row r="441136" spans="8:8">
      <c r="H441136" s="12"/>
    </row>
    <row r="441137" spans="8:8">
      <c r="H441137" s="12"/>
    </row>
    <row r="441138" spans="8:8">
      <c r="H441138" s="12"/>
    </row>
    <row r="441139" spans="8:8">
      <c r="H441139" s="12"/>
    </row>
    <row r="441140" spans="8:8">
      <c r="H441140" s="12"/>
    </row>
    <row r="441141" spans="8:8">
      <c r="H441141" s="12"/>
    </row>
    <row r="441142" spans="8:8">
      <c r="H441142" s="12"/>
    </row>
    <row r="441143" spans="8:8">
      <c r="H441143" s="12"/>
    </row>
    <row r="441144" spans="8:8">
      <c r="H441144" s="12"/>
    </row>
    <row r="441145" spans="8:8">
      <c r="H441145" s="12"/>
    </row>
    <row r="441146" spans="8:8">
      <c r="H441146" s="12"/>
    </row>
    <row r="441147" spans="8:8">
      <c r="H441147" s="12"/>
    </row>
    <row r="441148" spans="8:8">
      <c r="H441148" s="12"/>
    </row>
    <row r="441149" spans="8:8">
      <c r="H441149" s="12"/>
    </row>
    <row r="441150" spans="8:8">
      <c r="H441150" s="12"/>
    </row>
    <row r="441151" spans="8:8">
      <c r="H441151" s="12"/>
    </row>
    <row r="441152" spans="8:8">
      <c r="H441152" s="12"/>
    </row>
    <row r="441153" spans="8:8">
      <c r="H441153" s="12"/>
    </row>
    <row r="441154" spans="8:8">
      <c r="H441154" s="12"/>
    </row>
    <row r="441155" spans="8:8">
      <c r="H441155" s="12"/>
    </row>
    <row r="441156" spans="8:8">
      <c r="H441156" s="12"/>
    </row>
    <row r="441157" spans="8:8">
      <c r="H441157" s="12"/>
    </row>
    <row r="441158" spans="8:8">
      <c r="H441158" s="12"/>
    </row>
    <row r="441159" spans="8:8">
      <c r="H441159" s="12"/>
    </row>
    <row r="441160" spans="8:8">
      <c r="H441160" s="12"/>
    </row>
    <row r="441161" spans="8:8">
      <c r="H441161" s="12"/>
    </row>
    <row r="441162" spans="8:8">
      <c r="H441162" s="12"/>
    </row>
    <row r="441163" spans="8:8">
      <c r="H441163" s="12"/>
    </row>
    <row r="441164" spans="8:8">
      <c r="H441164" s="12"/>
    </row>
    <row r="441165" spans="8:8">
      <c r="H441165" s="12"/>
    </row>
    <row r="441166" spans="8:8">
      <c r="H441166" s="12"/>
    </row>
    <row r="441167" spans="8:8">
      <c r="H441167" s="12"/>
    </row>
    <row r="441168" spans="8:8">
      <c r="H441168" s="12"/>
    </row>
    <row r="441169" spans="8:8">
      <c r="H441169" s="12"/>
    </row>
    <row r="441170" spans="8:8">
      <c r="H441170" s="12"/>
    </row>
    <row r="441171" spans="8:8">
      <c r="H441171" s="12"/>
    </row>
    <row r="441172" spans="8:8">
      <c r="H441172" s="12"/>
    </row>
    <row r="441173" spans="8:8">
      <c r="H441173" s="12"/>
    </row>
    <row r="441174" spans="8:8">
      <c r="H441174" s="12"/>
    </row>
    <row r="441175" spans="8:8">
      <c r="H441175" s="12"/>
    </row>
    <row r="441176" spans="8:8">
      <c r="H441176" s="12"/>
    </row>
    <row r="441177" spans="8:8">
      <c r="H441177" s="12"/>
    </row>
    <row r="441178" spans="8:8">
      <c r="H441178" s="12"/>
    </row>
    <row r="441179" spans="8:8">
      <c r="H441179" s="12"/>
    </row>
    <row r="441180" spans="8:8">
      <c r="H441180" s="12"/>
    </row>
    <row r="441181" spans="8:8">
      <c r="H441181" s="12"/>
    </row>
    <row r="441182" spans="8:8">
      <c r="H441182" s="12"/>
    </row>
    <row r="441183" spans="8:8">
      <c r="H441183" s="12"/>
    </row>
    <row r="441184" spans="8:8">
      <c r="H441184" s="12"/>
    </row>
    <row r="441185" spans="8:8">
      <c r="H441185" s="12"/>
    </row>
    <row r="441186" spans="8:8">
      <c r="H441186" s="12"/>
    </row>
    <row r="441187" spans="8:8">
      <c r="H441187" s="12"/>
    </row>
    <row r="441188" spans="8:8">
      <c r="H441188" s="12"/>
    </row>
    <row r="441189" spans="8:8">
      <c r="H441189" s="12"/>
    </row>
    <row r="441190" spans="8:8">
      <c r="H441190" s="12"/>
    </row>
    <row r="441191" spans="8:8">
      <c r="H441191" s="12"/>
    </row>
    <row r="441192" spans="8:8">
      <c r="H441192" s="12"/>
    </row>
    <row r="441193" spans="8:8">
      <c r="H441193" s="12"/>
    </row>
    <row r="441194" spans="8:8">
      <c r="H441194" s="12"/>
    </row>
    <row r="441195" spans="8:8">
      <c r="H441195" s="12"/>
    </row>
    <row r="441196" spans="8:8">
      <c r="H441196" s="12"/>
    </row>
    <row r="441197" spans="8:8">
      <c r="H441197" s="12"/>
    </row>
    <row r="441198" spans="8:8">
      <c r="H441198" s="12"/>
    </row>
    <row r="441199" spans="8:8">
      <c r="H441199" s="12"/>
    </row>
    <row r="441200" spans="8:8">
      <c r="H441200" s="12"/>
    </row>
    <row r="441201" spans="8:8">
      <c r="H441201" s="12"/>
    </row>
    <row r="441202" spans="8:8">
      <c r="H441202" s="12"/>
    </row>
    <row r="441203" spans="8:8">
      <c r="H441203" s="12"/>
    </row>
    <row r="441204" spans="8:8">
      <c r="H441204" s="12"/>
    </row>
    <row r="441205" spans="8:8">
      <c r="H441205" s="12"/>
    </row>
    <row r="441206" spans="8:8">
      <c r="H441206" s="12"/>
    </row>
    <row r="441207" spans="8:8">
      <c r="H441207" s="12"/>
    </row>
    <row r="441208" spans="8:8">
      <c r="H441208" s="12"/>
    </row>
    <row r="441209" spans="8:8">
      <c r="H441209" s="12"/>
    </row>
    <row r="441210" spans="8:8">
      <c r="H441210" s="12"/>
    </row>
    <row r="441211" spans="8:8">
      <c r="H441211" s="12"/>
    </row>
    <row r="441212" spans="8:8">
      <c r="H441212" s="12"/>
    </row>
    <row r="441213" spans="8:8">
      <c r="H441213" s="12"/>
    </row>
    <row r="441214" spans="8:8">
      <c r="H441214" s="12"/>
    </row>
    <row r="441215" spans="8:8">
      <c r="H441215" s="12"/>
    </row>
    <row r="441216" spans="8:8">
      <c r="H441216" s="12"/>
    </row>
    <row r="441217" spans="8:8">
      <c r="H441217" s="12"/>
    </row>
    <row r="441218" spans="8:8">
      <c r="H441218" s="12"/>
    </row>
    <row r="441219" spans="8:8">
      <c r="H441219" s="12"/>
    </row>
    <row r="441220" spans="8:8">
      <c r="H441220" s="12"/>
    </row>
    <row r="441221" spans="8:8">
      <c r="H441221" s="12"/>
    </row>
    <row r="441222" spans="8:8">
      <c r="H441222" s="12"/>
    </row>
    <row r="441223" spans="8:8">
      <c r="H441223" s="12"/>
    </row>
    <row r="441224" spans="8:8">
      <c r="H441224" s="12"/>
    </row>
    <row r="441225" spans="8:8">
      <c r="H441225" s="12"/>
    </row>
    <row r="441226" spans="8:8">
      <c r="H441226" s="12"/>
    </row>
    <row r="441227" spans="8:8">
      <c r="H441227" s="12"/>
    </row>
    <row r="441228" spans="8:8">
      <c r="H441228" s="12"/>
    </row>
    <row r="441229" spans="8:8">
      <c r="H441229" s="12"/>
    </row>
    <row r="441230" spans="8:8">
      <c r="H441230" s="12"/>
    </row>
    <row r="441231" spans="8:8">
      <c r="H441231" s="12"/>
    </row>
    <row r="441232" spans="8:8">
      <c r="H441232" s="12"/>
    </row>
    <row r="441233" spans="8:8">
      <c r="H441233" s="12"/>
    </row>
    <row r="441234" spans="8:8">
      <c r="H441234" s="12"/>
    </row>
    <row r="441235" spans="8:8">
      <c r="H441235" s="12"/>
    </row>
    <row r="441236" spans="8:8">
      <c r="H441236" s="12"/>
    </row>
    <row r="441237" spans="8:8">
      <c r="H441237" s="12"/>
    </row>
    <row r="441238" spans="8:8">
      <c r="H441238" s="12"/>
    </row>
    <row r="441239" spans="8:8">
      <c r="H441239" s="12"/>
    </row>
    <row r="441240" spans="8:8">
      <c r="H441240" s="12"/>
    </row>
    <row r="441241" spans="8:8">
      <c r="H441241" s="12"/>
    </row>
    <row r="441242" spans="8:8">
      <c r="H441242" s="12"/>
    </row>
    <row r="441243" spans="8:8">
      <c r="H441243" s="12"/>
    </row>
    <row r="441244" spans="8:8">
      <c r="H441244" s="12"/>
    </row>
    <row r="441245" spans="8:8">
      <c r="H441245" s="12"/>
    </row>
    <row r="441246" spans="8:8">
      <c r="H441246" s="12"/>
    </row>
    <row r="441247" spans="8:8">
      <c r="H441247" s="12"/>
    </row>
    <row r="441248" spans="8:8">
      <c r="H441248" s="12"/>
    </row>
    <row r="441249" spans="8:8">
      <c r="H441249" s="12"/>
    </row>
    <row r="441250" spans="8:8">
      <c r="H441250" s="12"/>
    </row>
    <row r="441251" spans="8:8">
      <c r="H441251" s="12"/>
    </row>
    <row r="441252" spans="8:8">
      <c r="H441252" s="12"/>
    </row>
    <row r="441253" spans="8:8">
      <c r="H441253" s="12"/>
    </row>
    <row r="441254" spans="8:8">
      <c r="H441254" s="12"/>
    </row>
    <row r="441255" spans="8:8">
      <c r="H441255" s="12"/>
    </row>
    <row r="441256" spans="8:8">
      <c r="H441256" s="12"/>
    </row>
    <row r="441257" spans="8:8">
      <c r="H441257" s="12"/>
    </row>
    <row r="441258" spans="8:8">
      <c r="H441258" s="12"/>
    </row>
    <row r="441259" spans="8:8">
      <c r="H441259" s="12"/>
    </row>
    <row r="441260" spans="8:8">
      <c r="H441260" s="12"/>
    </row>
    <row r="441261" spans="8:8">
      <c r="H441261" s="12"/>
    </row>
    <row r="441262" spans="8:8">
      <c r="H441262" s="12"/>
    </row>
    <row r="441263" spans="8:8">
      <c r="H441263" s="12"/>
    </row>
    <row r="441264" spans="8:8">
      <c r="H441264" s="12"/>
    </row>
    <row r="441265" spans="8:8">
      <c r="H441265" s="12"/>
    </row>
    <row r="441266" spans="8:8">
      <c r="H441266" s="12"/>
    </row>
    <row r="441267" spans="8:8">
      <c r="H441267" s="12"/>
    </row>
    <row r="441268" spans="8:8">
      <c r="H441268" s="12"/>
    </row>
    <row r="441269" spans="8:8">
      <c r="H441269" s="12"/>
    </row>
    <row r="441270" spans="8:8">
      <c r="H441270" s="12"/>
    </row>
    <row r="441271" spans="8:8">
      <c r="H441271" s="12"/>
    </row>
    <row r="441272" spans="8:8">
      <c r="H441272" s="12"/>
    </row>
    <row r="441273" spans="8:8">
      <c r="H441273" s="12"/>
    </row>
    <row r="441274" spans="8:8">
      <c r="H441274" s="12"/>
    </row>
    <row r="441275" spans="8:8">
      <c r="H441275" s="12"/>
    </row>
    <row r="441276" spans="8:8">
      <c r="H441276" s="12"/>
    </row>
    <row r="441277" spans="8:8">
      <c r="H441277" s="12"/>
    </row>
    <row r="441278" spans="8:8">
      <c r="H441278" s="12"/>
    </row>
    <row r="441279" spans="8:8">
      <c r="H441279" s="12"/>
    </row>
    <row r="441280" spans="8:8">
      <c r="H441280" s="12"/>
    </row>
    <row r="441281" spans="8:8">
      <c r="H441281" s="12"/>
    </row>
    <row r="441282" spans="8:8">
      <c r="H441282" s="12"/>
    </row>
    <row r="441283" spans="8:8">
      <c r="H441283" s="12"/>
    </row>
    <row r="441284" spans="8:8">
      <c r="H441284" s="12"/>
    </row>
    <row r="441285" spans="8:8">
      <c r="H441285" s="12"/>
    </row>
    <row r="441286" spans="8:8">
      <c r="H441286" s="12"/>
    </row>
    <row r="441287" spans="8:8">
      <c r="H441287" s="12"/>
    </row>
    <row r="441288" spans="8:8">
      <c r="H441288" s="12"/>
    </row>
    <row r="441289" spans="8:8">
      <c r="H441289" s="12"/>
    </row>
    <row r="441290" spans="8:8">
      <c r="H441290" s="12"/>
    </row>
    <row r="441291" spans="8:8">
      <c r="H441291" s="12"/>
    </row>
    <row r="441292" spans="8:8">
      <c r="H441292" s="12"/>
    </row>
    <row r="441293" spans="8:8">
      <c r="H441293" s="12"/>
    </row>
    <row r="441294" spans="8:8">
      <c r="H441294" s="12"/>
    </row>
    <row r="441295" spans="8:8">
      <c r="H441295" s="12"/>
    </row>
    <row r="441296" spans="8:8">
      <c r="H441296" s="12"/>
    </row>
    <row r="441297" spans="8:8">
      <c r="H441297" s="12"/>
    </row>
    <row r="441298" spans="8:8">
      <c r="H441298" s="12"/>
    </row>
    <row r="441299" spans="8:8">
      <c r="H441299" s="12"/>
    </row>
    <row r="441300" spans="8:8">
      <c r="H441300" s="12"/>
    </row>
    <row r="441301" spans="8:8">
      <c r="H441301" s="12"/>
    </row>
    <row r="441302" spans="8:8">
      <c r="H441302" s="12"/>
    </row>
    <row r="441303" spans="8:8">
      <c r="H441303" s="12"/>
    </row>
    <row r="441304" spans="8:8">
      <c r="H441304" s="12"/>
    </row>
    <row r="441305" spans="8:8">
      <c r="H441305" s="12"/>
    </row>
    <row r="441306" spans="8:8">
      <c r="H441306" s="12"/>
    </row>
    <row r="441307" spans="8:8">
      <c r="H441307" s="12"/>
    </row>
    <row r="441308" spans="8:8">
      <c r="H441308" s="12"/>
    </row>
    <row r="441309" spans="8:8">
      <c r="H441309" s="12"/>
    </row>
    <row r="441310" spans="8:8">
      <c r="H441310" s="12"/>
    </row>
    <row r="441311" spans="8:8">
      <c r="H441311" s="12"/>
    </row>
    <row r="441312" spans="8:8">
      <c r="H441312" s="12"/>
    </row>
    <row r="441313" spans="8:8">
      <c r="H441313" s="12"/>
    </row>
    <row r="441314" spans="8:8">
      <c r="H441314" s="12"/>
    </row>
    <row r="441315" spans="8:8">
      <c r="H441315" s="12"/>
    </row>
    <row r="441316" spans="8:8">
      <c r="H441316" s="12"/>
    </row>
    <row r="441317" spans="8:8">
      <c r="H441317" s="12"/>
    </row>
    <row r="441318" spans="8:8">
      <c r="H441318" s="12"/>
    </row>
    <row r="441319" spans="8:8">
      <c r="H441319" s="12"/>
    </row>
    <row r="441320" spans="8:8">
      <c r="H441320" s="12"/>
    </row>
    <row r="441321" spans="8:8">
      <c r="H441321" s="12"/>
    </row>
    <row r="441322" spans="8:8">
      <c r="H441322" s="12"/>
    </row>
    <row r="441323" spans="8:8">
      <c r="H441323" s="12"/>
    </row>
    <row r="441324" spans="8:8">
      <c r="H441324" s="12"/>
    </row>
    <row r="441325" spans="8:8">
      <c r="H441325" s="12"/>
    </row>
    <row r="441326" spans="8:8">
      <c r="H441326" s="12"/>
    </row>
    <row r="441327" spans="8:8">
      <c r="H441327" s="12"/>
    </row>
    <row r="441328" spans="8:8">
      <c r="H441328" s="12"/>
    </row>
    <row r="441329" spans="8:8">
      <c r="H441329" s="12"/>
    </row>
    <row r="441330" spans="8:8">
      <c r="H441330" s="12"/>
    </row>
    <row r="441331" spans="8:8">
      <c r="H441331" s="12"/>
    </row>
    <row r="441332" spans="8:8">
      <c r="H441332" s="12"/>
    </row>
    <row r="441333" spans="8:8">
      <c r="H441333" s="12"/>
    </row>
    <row r="441334" spans="8:8">
      <c r="H441334" s="12"/>
    </row>
    <row r="441335" spans="8:8">
      <c r="H441335" s="12"/>
    </row>
    <row r="441336" spans="8:8">
      <c r="H441336" s="12"/>
    </row>
    <row r="441337" spans="8:8">
      <c r="H441337" s="12"/>
    </row>
    <row r="441338" spans="8:8">
      <c r="H441338" s="12"/>
    </row>
    <row r="441339" spans="8:8">
      <c r="H441339" s="12"/>
    </row>
    <row r="441340" spans="8:8">
      <c r="H441340" s="12"/>
    </row>
    <row r="441341" spans="8:8">
      <c r="H441341" s="12"/>
    </row>
    <row r="441342" spans="8:8">
      <c r="H441342" s="12"/>
    </row>
    <row r="441343" spans="8:8">
      <c r="H441343" s="12"/>
    </row>
    <row r="441344" spans="8:8">
      <c r="H441344" s="12"/>
    </row>
    <row r="441345" spans="8:8">
      <c r="H441345" s="12"/>
    </row>
    <row r="441346" spans="8:8">
      <c r="H441346" s="12"/>
    </row>
    <row r="441347" spans="8:8">
      <c r="H441347" s="12"/>
    </row>
    <row r="441348" spans="8:8">
      <c r="H441348" s="12"/>
    </row>
    <row r="441349" spans="8:8">
      <c r="H441349" s="12"/>
    </row>
    <row r="441350" spans="8:8">
      <c r="H441350" s="12"/>
    </row>
    <row r="441351" spans="8:8">
      <c r="H441351" s="12"/>
    </row>
    <row r="441352" spans="8:8">
      <c r="H441352" s="12"/>
    </row>
    <row r="441353" spans="8:8">
      <c r="H441353" s="12"/>
    </row>
    <row r="441354" spans="8:8">
      <c r="H441354" s="12"/>
    </row>
    <row r="441355" spans="8:8">
      <c r="H441355" s="12"/>
    </row>
    <row r="441356" spans="8:8">
      <c r="H441356" s="12"/>
    </row>
    <row r="441357" spans="8:8">
      <c r="H441357" s="12"/>
    </row>
    <row r="441358" spans="8:8">
      <c r="H441358" s="12"/>
    </row>
    <row r="441359" spans="8:8">
      <c r="H441359" s="12"/>
    </row>
    <row r="441360" spans="8:8">
      <c r="H441360" s="12"/>
    </row>
    <row r="441361" spans="8:8">
      <c r="H441361" s="12"/>
    </row>
    <row r="441362" spans="8:8">
      <c r="H441362" s="12"/>
    </row>
    <row r="441363" spans="8:8">
      <c r="H441363" s="12"/>
    </row>
    <row r="441364" spans="8:8">
      <c r="H441364" s="12"/>
    </row>
    <row r="441365" spans="8:8">
      <c r="H441365" s="12"/>
    </row>
    <row r="441366" spans="8:8">
      <c r="H441366" s="12"/>
    </row>
    <row r="441367" spans="8:8">
      <c r="H441367" s="12"/>
    </row>
    <row r="441368" spans="8:8">
      <c r="H441368" s="12"/>
    </row>
    <row r="441369" spans="8:8">
      <c r="H441369" s="12"/>
    </row>
    <row r="441370" spans="8:8">
      <c r="H441370" s="12"/>
    </row>
    <row r="441371" spans="8:8">
      <c r="H441371" s="12"/>
    </row>
    <row r="441372" spans="8:8">
      <c r="H441372" s="12"/>
    </row>
    <row r="441373" spans="8:8">
      <c r="H441373" s="12"/>
    </row>
    <row r="441374" spans="8:8">
      <c r="H441374" s="12"/>
    </row>
    <row r="441375" spans="8:8">
      <c r="H441375" s="12"/>
    </row>
    <row r="441376" spans="8:8">
      <c r="H441376" s="12"/>
    </row>
    <row r="441377" spans="8:8">
      <c r="H441377" s="12"/>
    </row>
    <row r="441378" spans="8:8">
      <c r="H441378" s="12"/>
    </row>
    <row r="441379" spans="8:8">
      <c r="H441379" s="12"/>
    </row>
    <row r="441380" spans="8:8">
      <c r="H441380" s="12"/>
    </row>
    <row r="441381" spans="8:8">
      <c r="H441381" s="12"/>
    </row>
    <row r="441382" spans="8:8">
      <c r="H441382" s="12"/>
    </row>
    <row r="441383" spans="8:8">
      <c r="H441383" s="12"/>
    </row>
    <row r="441384" spans="8:8">
      <c r="H441384" s="12"/>
    </row>
    <row r="441385" spans="8:8">
      <c r="H441385" s="12"/>
    </row>
    <row r="441386" spans="8:8">
      <c r="H441386" s="12"/>
    </row>
    <row r="441387" spans="8:8">
      <c r="H441387" s="12"/>
    </row>
    <row r="441388" spans="8:8">
      <c r="H441388" s="12"/>
    </row>
    <row r="441389" spans="8:8">
      <c r="H441389" s="12"/>
    </row>
    <row r="441390" spans="8:8">
      <c r="H441390" s="12"/>
    </row>
    <row r="441391" spans="8:8">
      <c r="H441391" s="12"/>
    </row>
    <row r="441392" spans="8:8">
      <c r="H441392" s="12"/>
    </row>
    <row r="441393" spans="8:8">
      <c r="H441393" s="12"/>
    </row>
    <row r="441394" spans="8:8">
      <c r="H441394" s="12"/>
    </row>
    <row r="441395" spans="8:8">
      <c r="H441395" s="12"/>
    </row>
    <row r="441396" spans="8:8">
      <c r="H441396" s="12"/>
    </row>
    <row r="441397" spans="8:8">
      <c r="H441397" s="12"/>
    </row>
    <row r="441398" spans="8:8">
      <c r="H441398" s="12"/>
    </row>
    <row r="441399" spans="8:8">
      <c r="H441399" s="12"/>
    </row>
    <row r="441400" spans="8:8">
      <c r="H441400" s="12"/>
    </row>
    <row r="441401" spans="8:8">
      <c r="H441401" s="12"/>
    </row>
    <row r="441402" spans="8:8">
      <c r="H441402" s="12"/>
    </row>
    <row r="441403" spans="8:8">
      <c r="H441403" s="12"/>
    </row>
    <row r="441404" spans="8:8">
      <c r="H441404" s="12"/>
    </row>
    <row r="441405" spans="8:8">
      <c r="H441405" s="12"/>
    </row>
    <row r="441406" spans="8:8">
      <c r="H441406" s="12"/>
    </row>
    <row r="441407" spans="8:8">
      <c r="H441407" s="12"/>
    </row>
    <row r="441408" spans="8:8">
      <c r="H441408" s="12"/>
    </row>
    <row r="441409" spans="8:8">
      <c r="H441409" s="12"/>
    </row>
    <row r="441410" spans="8:8">
      <c r="H441410" s="12"/>
    </row>
    <row r="441411" spans="8:8">
      <c r="H441411" s="12"/>
    </row>
    <row r="441412" spans="8:8">
      <c r="H441412" s="12"/>
    </row>
    <row r="441413" spans="8:8">
      <c r="H441413" s="12"/>
    </row>
    <row r="441414" spans="8:8">
      <c r="H441414" s="12"/>
    </row>
    <row r="441415" spans="8:8">
      <c r="H441415" s="12"/>
    </row>
    <row r="441416" spans="8:8">
      <c r="H441416" s="12"/>
    </row>
    <row r="441417" spans="8:8">
      <c r="H441417" s="12"/>
    </row>
    <row r="441418" spans="8:8">
      <c r="H441418" s="12"/>
    </row>
    <row r="441419" spans="8:8">
      <c r="H441419" s="12"/>
    </row>
    <row r="441420" spans="8:8">
      <c r="H441420" s="12"/>
    </row>
    <row r="441421" spans="8:8">
      <c r="H441421" s="12"/>
    </row>
    <row r="441422" spans="8:8">
      <c r="H441422" s="12"/>
    </row>
    <row r="441423" spans="8:8">
      <c r="H441423" s="12"/>
    </row>
    <row r="441424" spans="8:8">
      <c r="H441424" s="12"/>
    </row>
    <row r="441425" spans="8:8">
      <c r="H441425" s="12"/>
    </row>
    <row r="441426" spans="8:8">
      <c r="H441426" s="12"/>
    </row>
    <row r="441427" spans="8:8">
      <c r="H441427" s="12"/>
    </row>
    <row r="441428" spans="8:8">
      <c r="H441428" s="12"/>
    </row>
    <row r="441429" spans="8:8">
      <c r="H441429" s="12"/>
    </row>
    <row r="441430" spans="8:8">
      <c r="H441430" s="12"/>
    </row>
    <row r="441431" spans="8:8">
      <c r="H441431" s="12"/>
    </row>
    <row r="441432" spans="8:8">
      <c r="H441432" s="12"/>
    </row>
    <row r="441433" spans="8:8">
      <c r="H441433" s="12"/>
    </row>
    <row r="441434" spans="8:8">
      <c r="H441434" s="12"/>
    </row>
    <row r="441435" spans="8:8">
      <c r="H441435" s="12"/>
    </row>
    <row r="441436" spans="8:8">
      <c r="H441436" s="12"/>
    </row>
    <row r="441437" spans="8:8">
      <c r="H441437" s="12"/>
    </row>
    <row r="441438" spans="8:8">
      <c r="H441438" s="12"/>
    </row>
    <row r="441439" spans="8:8">
      <c r="H441439" s="12"/>
    </row>
    <row r="441440" spans="8:8">
      <c r="H441440" s="12"/>
    </row>
    <row r="441441" spans="8:8">
      <c r="H441441" s="12"/>
    </row>
    <row r="441442" spans="8:8">
      <c r="H441442" s="12"/>
    </row>
    <row r="441443" spans="8:8">
      <c r="H441443" s="12"/>
    </row>
    <row r="441444" spans="8:8">
      <c r="H441444" s="12"/>
    </row>
    <row r="441445" spans="8:8">
      <c r="H441445" s="12"/>
    </row>
    <row r="441446" spans="8:8">
      <c r="H441446" s="12"/>
    </row>
    <row r="441447" spans="8:8">
      <c r="H441447" s="12"/>
    </row>
    <row r="441448" spans="8:8">
      <c r="H441448" s="12"/>
    </row>
    <row r="441449" spans="8:8">
      <c r="H441449" s="12"/>
    </row>
    <row r="441450" spans="8:8">
      <c r="H441450" s="12"/>
    </row>
    <row r="441451" spans="8:8">
      <c r="H441451" s="12"/>
    </row>
    <row r="441452" spans="8:8">
      <c r="H441452" s="12"/>
    </row>
    <row r="441453" spans="8:8">
      <c r="H441453" s="12"/>
    </row>
    <row r="441454" spans="8:8">
      <c r="H441454" s="12"/>
    </row>
    <row r="441455" spans="8:8">
      <c r="H441455" s="12"/>
    </row>
    <row r="441456" spans="8:8">
      <c r="H441456" s="12"/>
    </row>
    <row r="441457" spans="8:8">
      <c r="H441457" s="12"/>
    </row>
    <row r="441458" spans="8:8">
      <c r="H441458" s="12"/>
    </row>
    <row r="441459" spans="8:8">
      <c r="H441459" s="12"/>
    </row>
    <row r="441460" spans="8:8">
      <c r="H441460" s="12"/>
    </row>
    <row r="441461" spans="8:8">
      <c r="H441461" s="12"/>
    </row>
    <row r="441462" spans="8:8">
      <c r="H441462" s="12"/>
    </row>
    <row r="441463" spans="8:8">
      <c r="H441463" s="12"/>
    </row>
    <row r="441464" spans="8:8">
      <c r="H441464" s="12"/>
    </row>
    <row r="441465" spans="8:8">
      <c r="H441465" s="12"/>
    </row>
    <row r="441466" spans="8:8">
      <c r="H441466" s="12"/>
    </row>
    <row r="441467" spans="8:8">
      <c r="H441467" s="12"/>
    </row>
    <row r="441468" spans="8:8">
      <c r="H441468" s="12"/>
    </row>
    <row r="441469" spans="8:8">
      <c r="H441469" s="12"/>
    </row>
    <row r="441470" spans="8:8">
      <c r="H441470" s="12"/>
    </row>
    <row r="441471" spans="8:8">
      <c r="H441471" s="12"/>
    </row>
    <row r="441472" spans="8:8">
      <c r="H441472" s="12"/>
    </row>
    <row r="441473" spans="8:8">
      <c r="H441473" s="12"/>
    </row>
    <row r="441474" spans="8:8">
      <c r="H441474" s="12"/>
    </row>
    <row r="441475" spans="8:8">
      <c r="H441475" s="12"/>
    </row>
    <row r="441476" spans="8:8">
      <c r="H441476" s="12"/>
    </row>
    <row r="441477" spans="8:8">
      <c r="H441477" s="12"/>
    </row>
    <row r="441478" spans="8:8">
      <c r="H441478" s="12"/>
    </row>
    <row r="441479" spans="8:8">
      <c r="H441479" s="12"/>
    </row>
    <row r="441480" spans="8:8">
      <c r="H441480" s="12"/>
    </row>
    <row r="441481" spans="8:8">
      <c r="H441481" s="12"/>
    </row>
    <row r="441482" spans="8:8">
      <c r="H441482" s="12"/>
    </row>
    <row r="441483" spans="8:8">
      <c r="H441483" s="12"/>
    </row>
    <row r="441484" spans="8:8">
      <c r="H441484" s="12"/>
    </row>
    <row r="441485" spans="8:8">
      <c r="H441485" s="12"/>
    </row>
    <row r="441486" spans="8:8">
      <c r="H441486" s="12"/>
    </row>
    <row r="441487" spans="8:8">
      <c r="H441487" s="12"/>
    </row>
    <row r="441488" spans="8:8">
      <c r="H441488" s="12"/>
    </row>
    <row r="441489" spans="8:8">
      <c r="H441489" s="12"/>
    </row>
    <row r="441490" spans="8:8">
      <c r="H441490" s="12"/>
    </row>
    <row r="441491" spans="8:8">
      <c r="H441491" s="12"/>
    </row>
    <row r="441492" spans="8:8">
      <c r="H441492" s="12"/>
    </row>
    <row r="441493" spans="8:8">
      <c r="H441493" s="12"/>
    </row>
    <row r="441494" spans="8:8">
      <c r="H441494" s="12"/>
    </row>
    <row r="441495" spans="8:8">
      <c r="H441495" s="12"/>
    </row>
    <row r="441496" spans="8:8">
      <c r="H441496" s="12"/>
    </row>
    <row r="441497" spans="8:8">
      <c r="H441497" s="12"/>
    </row>
    <row r="441498" spans="8:8">
      <c r="H441498" s="12"/>
    </row>
    <row r="441499" spans="8:8">
      <c r="H441499" s="12"/>
    </row>
    <row r="441500" spans="8:8">
      <c r="H441500" s="12"/>
    </row>
    <row r="441501" spans="8:8">
      <c r="H441501" s="12"/>
    </row>
    <row r="441502" spans="8:8">
      <c r="H441502" s="12"/>
    </row>
    <row r="441503" spans="8:8">
      <c r="H441503" s="12"/>
    </row>
    <row r="441504" spans="8:8">
      <c r="H441504" s="12"/>
    </row>
    <row r="441505" spans="8:8">
      <c r="H441505" s="12"/>
    </row>
    <row r="441506" spans="8:8">
      <c r="H441506" s="12"/>
    </row>
    <row r="441507" spans="8:8">
      <c r="H441507" s="12"/>
    </row>
    <row r="441508" spans="8:8">
      <c r="H441508" s="12"/>
    </row>
    <row r="441509" spans="8:8">
      <c r="H441509" s="12"/>
    </row>
    <row r="441510" spans="8:8">
      <c r="H441510" s="12"/>
    </row>
    <row r="441511" spans="8:8">
      <c r="H441511" s="12"/>
    </row>
    <row r="441512" spans="8:8">
      <c r="H441512" s="12"/>
    </row>
    <row r="441513" spans="8:8">
      <c r="H441513" s="12"/>
    </row>
    <row r="441514" spans="8:8">
      <c r="H441514" s="12"/>
    </row>
    <row r="441515" spans="8:8">
      <c r="H441515" s="12"/>
    </row>
    <row r="441516" spans="8:8">
      <c r="H441516" s="12"/>
    </row>
    <row r="441517" spans="8:8">
      <c r="H441517" s="12"/>
    </row>
    <row r="441518" spans="8:8">
      <c r="H441518" s="12"/>
    </row>
    <row r="441519" spans="8:8">
      <c r="H441519" s="12"/>
    </row>
    <row r="441520" spans="8:8">
      <c r="H441520" s="12"/>
    </row>
    <row r="441521" spans="8:8">
      <c r="H441521" s="12"/>
    </row>
    <row r="441522" spans="8:8">
      <c r="H441522" s="12"/>
    </row>
    <row r="441523" spans="8:8">
      <c r="H441523" s="12"/>
    </row>
    <row r="441524" spans="8:8">
      <c r="H441524" s="12"/>
    </row>
    <row r="441525" spans="8:8">
      <c r="H441525" s="12"/>
    </row>
    <row r="441526" spans="8:8">
      <c r="H441526" s="12"/>
    </row>
    <row r="441527" spans="8:8">
      <c r="H441527" s="12"/>
    </row>
    <row r="441528" spans="8:8">
      <c r="H441528" s="12"/>
    </row>
    <row r="441529" spans="8:8">
      <c r="H441529" s="12"/>
    </row>
    <row r="441530" spans="8:8">
      <c r="H441530" s="12"/>
    </row>
    <row r="441531" spans="8:8">
      <c r="H441531" s="12"/>
    </row>
    <row r="441532" spans="8:8">
      <c r="H441532" s="12"/>
    </row>
    <row r="441533" spans="8:8">
      <c r="H441533" s="12"/>
    </row>
    <row r="441534" spans="8:8">
      <c r="H441534" s="12"/>
    </row>
    <row r="441535" spans="8:8">
      <c r="H441535" s="12"/>
    </row>
    <row r="441536" spans="8:8">
      <c r="H441536" s="12"/>
    </row>
    <row r="441537" spans="8:8">
      <c r="H441537" s="12"/>
    </row>
    <row r="441538" spans="8:8">
      <c r="H441538" s="12"/>
    </row>
    <row r="441539" spans="8:8">
      <c r="H441539" s="12"/>
    </row>
    <row r="441540" spans="8:8">
      <c r="H441540" s="12"/>
    </row>
    <row r="441541" spans="8:8">
      <c r="H441541" s="12"/>
    </row>
    <row r="441542" spans="8:8">
      <c r="H441542" s="12"/>
    </row>
    <row r="441543" spans="8:8">
      <c r="H441543" s="12"/>
    </row>
    <row r="441544" spans="8:8">
      <c r="H441544" s="12"/>
    </row>
    <row r="441545" spans="8:8">
      <c r="H441545" s="12"/>
    </row>
    <row r="441546" spans="8:8">
      <c r="H441546" s="12"/>
    </row>
    <row r="441547" spans="8:8">
      <c r="H441547" s="12"/>
    </row>
    <row r="441548" spans="8:8">
      <c r="H441548" s="12"/>
    </row>
    <row r="441549" spans="8:8">
      <c r="H441549" s="12"/>
    </row>
    <row r="441550" spans="8:8">
      <c r="H441550" s="12"/>
    </row>
    <row r="441551" spans="8:8">
      <c r="H441551" s="12"/>
    </row>
    <row r="441552" spans="8:8">
      <c r="H441552" s="12"/>
    </row>
    <row r="441553" spans="8:8">
      <c r="H441553" s="12"/>
    </row>
    <row r="441554" spans="8:8">
      <c r="H441554" s="12"/>
    </row>
    <row r="441555" spans="8:8">
      <c r="H441555" s="12"/>
    </row>
    <row r="441556" spans="8:8">
      <c r="H441556" s="12"/>
    </row>
    <row r="441557" spans="8:8">
      <c r="H441557" s="12"/>
    </row>
    <row r="441558" spans="8:8">
      <c r="H441558" s="12"/>
    </row>
    <row r="441559" spans="8:8">
      <c r="H441559" s="12"/>
    </row>
    <row r="441560" spans="8:8">
      <c r="H441560" s="12"/>
    </row>
    <row r="441561" spans="8:8">
      <c r="H441561" s="12"/>
    </row>
    <row r="441562" spans="8:8">
      <c r="H441562" s="12"/>
    </row>
    <row r="441563" spans="8:8">
      <c r="H441563" s="12"/>
    </row>
    <row r="441564" spans="8:8">
      <c r="H441564" s="12"/>
    </row>
    <row r="441565" spans="8:8">
      <c r="H441565" s="12"/>
    </row>
    <row r="441566" spans="8:8">
      <c r="H441566" s="12"/>
    </row>
    <row r="441567" spans="8:8">
      <c r="H441567" s="12"/>
    </row>
    <row r="441568" spans="8:8">
      <c r="H441568" s="12"/>
    </row>
    <row r="441569" spans="8:8">
      <c r="H441569" s="12"/>
    </row>
    <row r="441570" spans="8:8">
      <c r="H441570" s="12"/>
    </row>
    <row r="441571" spans="8:8">
      <c r="H441571" s="12"/>
    </row>
    <row r="441572" spans="8:8">
      <c r="H441572" s="12"/>
    </row>
    <row r="441573" spans="8:8">
      <c r="H441573" s="12"/>
    </row>
    <row r="441574" spans="8:8">
      <c r="H441574" s="12"/>
    </row>
    <row r="441575" spans="8:8">
      <c r="H441575" s="12"/>
    </row>
    <row r="441576" spans="8:8">
      <c r="H441576" s="12"/>
    </row>
    <row r="441577" spans="8:8">
      <c r="H441577" s="12"/>
    </row>
    <row r="441578" spans="8:8">
      <c r="H441578" s="12"/>
    </row>
    <row r="441579" spans="8:8">
      <c r="H441579" s="12"/>
    </row>
    <row r="441580" spans="8:8">
      <c r="H441580" s="12"/>
    </row>
    <row r="441581" spans="8:8">
      <c r="H441581" s="12"/>
    </row>
    <row r="441582" spans="8:8">
      <c r="H441582" s="12"/>
    </row>
    <row r="441583" spans="8:8">
      <c r="H441583" s="12"/>
    </row>
    <row r="441584" spans="8:8">
      <c r="H441584" s="12"/>
    </row>
    <row r="441585" spans="8:8">
      <c r="H441585" s="12"/>
    </row>
    <row r="441586" spans="8:8">
      <c r="H441586" s="12"/>
    </row>
    <row r="441587" spans="8:8">
      <c r="H441587" s="12"/>
    </row>
    <row r="441588" spans="8:8">
      <c r="H441588" s="12"/>
    </row>
    <row r="441589" spans="8:8">
      <c r="H441589" s="12"/>
    </row>
    <row r="441590" spans="8:8">
      <c r="H441590" s="12"/>
    </row>
    <row r="441591" spans="8:8">
      <c r="H441591" s="12"/>
    </row>
    <row r="441592" spans="8:8">
      <c r="H441592" s="12"/>
    </row>
    <row r="441593" spans="8:8">
      <c r="H441593" s="12"/>
    </row>
    <row r="441594" spans="8:8">
      <c r="H441594" s="12"/>
    </row>
    <row r="441595" spans="8:8">
      <c r="H441595" s="12"/>
    </row>
    <row r="441596" spans="8:8">
      <c r="H441596" s="12"/>
    </row>
    <row r="441597" spans="8:8">
      <c r="H441597" s="12"/>
    </row>
    <row r="441598" spans="8:8">
      <c r="H441598" s="12"/>
    </row>
    <row r="441599" spans="8:8">
      <c r="H441599" s="12"/>
    </row>
    <row r="441600" spans="8:8">
      <c r="H441600" s="12"/>
    </row>
    <row r="441601" spans="8:8">
      <c r="H441601" s="12"/>
    </row>
    <row r="441602" spans="8:8">
      <c r="H441602" s="12"/>
    </row>
    <row r="441603" spans="8:8">
      <c r="H441603" s="12"/>
    </row>
    <row r="441604" spans="8:8">
      <c r="H441604" s="12"/>
    </row>
    <row r="441605" spans="8:8">
      <c r="H441605" s="12"/>
    </row>
    <row r="441606" spans="8:8">
      <c r="H441606" s="12"/>
    </row>
    <row r="441607" spans="8:8">
      <c r="H441607" s="12"/>
    </row>
    <row r="441608" spans="8:8">
      <c r="H441608" s="12"/>
    </row>
    <row r="441609" spans="8:8">
      <c r="H441609" s="12"/>
    </row>
    <row r="441610" spans="8:8">
      <c r="H441610" s="12"/>
    </row>
    <row r="441611" spans="8:8">
      <c r="H441611" s="12"/>
    </row>
    <row r="441612" spans="8:8">
      <c r="H441612" s="12"/>
    </row>
    <row r="441613" spans="8:8">
      <c r="H441613" s="12"/>
    </row>
    <row r="441614" spans="8:8">
      <c r="H441614" s="12"/>
    </row>
    <row r="441615" spans="8:8">
      <c r="H441615" s="12"/>
    </row>
    <row r="441616" spans="8:8">
      <c r="H441616" s="12"/>
    </row>
    <row r="441617" spans="8:8">
      <c r="H441617" s="12"/>
    </row>
    <row r="441618" spans="8:8">
      <c r="H441618" s="12"/>
    </row>
    <row r="441619" spans="8:8">
      <c r="H441619" s="12"/>
    </row>
    <row r="441620" spans="8:8">
      <c r="H441620" s="12"/>
    </row>
    <row r="441621" spans="8:8">
      <c r="H441621" s="12"/>
    </row>
    <row r="441622" spans="8:8">
      <c r="H441622" s="12"/>
    </row>
    <row r="441623" spans="8:8">
      <c r="H441623" s="12"/>
    </row>
    <row r="441624" spans="8:8">
      <c r="H441624" s="12"/>
    </row>
    <row r="441625" spans="8:8">
      <c r="H441625" s="12"/>
    </row>
    <row r="441626" spans="8:8">
      <c r="H441626" s="12"/>
    </row>
    <row r="441627" spans="8:8">
      <c r="H441627" s="12"/>
    </row>
    <row r="441628" spans="8:8">
      <c r="H441628" s="12"/>
    </row>
    <row r="441629" spans="8:8">
      <c r="H441629" s="12"/>
    </row>
    <row r="441630" spans="8:8">
      <c r="H441630" s="12"/>
    </row>
    <row r="441631" spans="8:8">
      <c r="H441631" s="12"/>
    </row>
    <row r="441632" spans="8:8">
      <c r="H441632" s="12"/>
    </row>
    <row r="441633" spans="8:8">
      <c r="H441633" s="12"/>
    </row>
    <row r="441634" spans="8:8">
      <c r="H441634" s="12"/>
    </row>
    <row r="441635" spans="8:8">
      <c r="H441635" s="12"/>
    </row>
    <row r="441636" spans="8:8">
      <c r="H441636" s="12"/>
    </row>
    <row r="441637" spans="8:8">
      <c r="H441637" s="12"/>
    </row>
    <row r="441638" spans="8:8">
      <c r="H441638" s="12"/>
    </row>
    <row r="441639" spans="8:8">
      <c r="H441639" s="12"/>
    </row>
    <row r="441640" spans="8:8">
      <c r="H441640" s="12"/>
    </row>
    <row r="441641" spans="8:8">
      <c r="H441641" s="12"/>
    </row>
    <row r="441642" spans="8:8">
      <c r="H441642" s="12"/>
    </row>
    <row r="441643" spans="8:8">
      <c r="H441643" s="12"/>
    </row>
    <row r="441644" spans="8:8">
      <c r="H441644" s="12"/>
    </row>
    <row r="441645" spans="8:8">
      <c r="H441645" s="12"/>
    </row>
    <row r="441646" spans="8:8">
      <c r="H441646" s="12"/>
    </row>
    <row r="441647" spans="8:8">
      <c r="H441647" s="12"/>
    </row>
    <row r="441648" spans="8:8">
      <c r="H441648" s="12"/>
    </row>
    <row r="441649" spans="8:8">
      <c r="H441649" s="12"/>
    </row>
    <row r="441650" spans="8:8">
      <c r="H441650" s="12"/>
    </row>
    <row r="441651" spans="8:8">
      <c r="H441651" s="12"/>
    </row>
    <row r="441652" spans="8:8">
      <c r="H441652" s="12"/>
    </row>
    <row r="441653" spans="8:8">
      <c r="H441653" s="12"/>
    </row>
    <row r="441654" spans="8:8">
      <c r="H441654" s="12"/>
    </row>
    <row r="441655" spans="8:8">
      <c r="H441655" s="12"/>
    </row>
    <row r="441656" spans="8:8">
      <c r="H441656" s="12"/>
    </row>
    <row r="441657" spans="8:8">
      <c r="H441657" s="12"/>
    </row>
    <row r="441658" spans="8:8">
      <c r="H441658" s="12"/>
    </row>
    <row r="441659" spans="8:8">
      <c r="H441659" s="12"/>
    </row>
    <row r="441660" spans="8:8">
      <c r="H441660" s="12"/>
    </row>
    <row r="441661" spans="8:8">
      <c r="H441661" s="12"/>
    </row>
    <row r="441662" spans="8:8">
      <c r="H441662" s="12"/>
    </row>
    <row r="441663" spans="8:8">
      <c r="H441663" s="12"/>
    </row>
    <row r="441664" spans="8:8">
      <c r="H441664" s="12"/>
    </row>
    <row r="441665" spans="8:8">
      <c r="H441665" s="12"/>
    </row>
    <row r="441666" spans="8:8">
      <c r="H441666" s="12"/>
    </row>
    <row r="441667" spans="8:8">
      <c r="H441667" s="12"/>
    </row>
    <row r="441668" spans="8:8">
      <c r="H441668" s="12"/>
    </row>
    <row r="441669" spans="8:8">
      <c r="H441669" s="12"/>
    </row>
    <row r="441670" spans="8:8">
      <c r="H441670" s="12"/>
    </row>
    <row r="441671" spans="8:8">
      <c r="H441671" s="12"/>
    </row>
    <row r="441672" spans="8:8">
      <c r="H441672" s="12"/>
    </row>
    <row r="441673" spans="8:8">
      <c r="H441673" s="12"/>
    </row>
    <row r="441674" spans="8:8">
      <c r="H441674" s="12"/>
    </row>
    <row r="441675" spans="8:8">
      <c r="H441675" s="12"/>
    </row>
    <row r="441676" spans="8:8">
      <c r="H441676" s="12"/>
    </row>
    <row r="441677" spans="8:8">
      <c r="H441677" s="12"/>
    </row>
    <row r="441678" spans="8:8">
      <c r="H441678" s="12"/>
    </row>
    <row r="441679" spans="8:8">
      <c r="H441679" s="12"/>
    </row>
    <row r="441680" spans="8:8">
      <c r="H441680" s="12"/>
    </row>
    <row r="441681" spans="8:8">
      <c r="H441681" s="12"/>
    </row>
    <row r="441682" spans="8:8">
      <c r="H441682" s="12"/>
    </row>
    <row r="441683" spans="8:8">
      <c r="H441683" s="12"/>
    </row>
    <row r="441684" spans="8:8">
      <c r="H441684" s="12"/>
    </row>
    <row r="441685" spans="8:8">
      <c r="H441685" s="12"/>
    </row>
    <row r="441686" spans="8:8">
      <c r="H441686" s="12"/>
    </row>
    <row r="441687" spans="8:8">
      <c r="H441687" s="12"/>
    </row>
    <row r="441688" spans="8:8">
      <c r="H441688" s="12"/>
    </row>
    <row r="441689" spans="8:8">
      <c r="H441689" s="12"/>
    </row>
    <row r="441690" spans="8:8">
      <c r="H441690" s="12"/>
    </row>
    <row r="441691" spans="8:8">
      <c r="H441691" s="12"/>
    </row>
    <row r="441692" spans="8:8">
      <c r="H441692" s="12"/>
    </row>
    <row r="441693" spans="8:8">
      <c r="H441693" s="12"/>
    </row>
    <row r="441694" spans="8:8">
      <c r="H441694" s="12"/>
    </row>
    <row r="441695" spans="8:8">
      <c r="H441695" s="12"/>
    </row>
    <row r="441696" spans="8:8">
      <c r="H441696" s="12"/>
    </row>
    <row r="441697" spans="8:8">
      <c r="H441697" s="12"/>
    </row>
    <row r="441698" spans="8:8">
      <c r="H441698" s="12"/>
    </row>
    <row r="441699" spans="8:8">
      <c r="H441699" s="12"/>
    </row>
    <row r="441700" spans="8:8">
      <c r="H441700" s="12"/>
    </row>
    <row r="441701" spans="8:8">
      <c r="H441701" s="12"/>
    </row>
    <row r="441702" spans="8:8">
      <c r="H441702" s="12"/>
    </row>
    <row r="441703" spans="8:8">
      <c r="H441703" s="12"/>
    </row>
    <row r="441704" spans="8:8">
      <c r="H441704" s="12"/>
    </row>
    <row r="441705" spans="8:8">
      <c r="H441705" s="12"/>
    </row>
    <row r="441706" spans="8:8">
      <c r="H441706" s="12"/>
    </row>
    <row r="441707" spans="8:8">
      <c r="H441707" s="12"/>
    </row>
    <row r="441708" spans="8:8">
      <c r="H441708" s="12"/>
    </row>
    <row r="441709" spans="8:8">
      <c r="H441709" s="12"/>
    </row>
    <row r="441710" spans="8:8">
      <c r="H441710" s="12"/>
    </row>
    <row r="441711" spans="8:8">
      <c r="H441711" s="12"/>
    </row>
    <row r="441712" spans="8:8">
      <c r="H441712" s="12"/>
    </row>
    <row r="441713" spans="8:8">
      <c r="H441713" s="12"/>
    </row>
    <row r="441714" spans="8:8">
      <c r="H441714" s="12"/>
    </row>
    <row r="441715" spans="8:8">
      <c r="H441715" s="12"/>
    </row>
    <row r="441716" spans="8:8">
      <c r="H441716" s="12"/>
    </row>
    <row r="441717" spans="8:8">
      <c r="H441717" s="12"/>
    </row>
    <row r="441718" spans="8:8">
      <c r="H441718" s="12"/>
    </row>
    <row r="441719" spans="8:8">
      <c r="H441719" s="12"/>
    </row>
    <row r="441720" spans="8:8">
      <c r="H441720" s="12"/>
    </row>
    <row r="441721" spans="8:8">
      <c r="H441721" s="12"/>
    </row>
    <row r="441722" spans="8:8">
      <c r="H441722" s="12"/>
    </row>
    <row r="441723" spans="8:8">
      <c r="H441723" s="12"/>
    </row>
    <row r="441724" spans="8:8">
      <c r="H441724" s="12"/>
    </row>
    <row r="441725" spans="8:8">
      <c r="H441725" s="12"/>
    </row>
    <row r="441726" spans="8:8">
      <c r="H441726" s="12"/>
    </row>
    <row r="441727" spans="8:8">
      <c r="H441727" s="12"/>
    </row>
    <row r="441728" spans="8:8">
      <c r="H441728" s="12"/>
    </row>
    <row r="441729" spans="8:8">
      <c r="H441729" s="12"/>
    </row>
    <row r="441730" spans="8:8">
      <c r="H441730" s="12"/>
    </row>
    <row r="441731" spans="8:8">
      <c r="H441731" s="12"/>
    </row>
    <row r="441732" spans="8:8">
      <c r="H441732" s="12"/>
    </row>
    <row r="441733" spans="8:8">
      <c r="H441733" s="12"/>
    </row>
    <row r="441734" spans="8:8">
      <c r="H441734" s="12"/>
    </row>
    <row r="441735" spans="8:8">
      <c r="H441735" s="12"/>
    </row>
    <row r="441736" spans="8:8">
      <c r="H441736" s="12"/>
    </row>
    <row r="441737" spans="8:8">
      <c r="H441737" s="12"/>
    </row>
    <row r="441738" spans="8:8">
      <c r="H441738" s="12"/>
    </row>
    <row r="441739" spans="8:8">
      <c r="H441739" s="12"/>
    </row>
    <row r="441740" spans="8:8">
      <c r="H441740" s="12"/>
    </row>
    <row r="441741" spans="8:8">
      <c r="H441741" s="12"/>
    </row>
    <row r="441742" spans="8:8">
      <c r="H441742" s="12"/>
    </row>
    <row r="441743" spans="8:8">
      <c r="H441743" s="12"/>
    </row>
    <row r="441744" spans="8:8">
      <c r="H441744" s="12"/>
    </row>
    <row r="441745" spans="8:8">
      <c r="H441745" s="12"/>
    </row>
    <row r="441746" spans="8:8">
      <c r="H441746" s="12"/>
    </row>
    <row r="441747" spans="8:8">
      <c r="H441747" s="12"/>
    </row>
    <row r="441748" spans="8:8">
      <c r="H441748" s="12"/>
    </row>
    <row r="441749" spans="8:8">
      <c r="H441749" s="12"/>
    </row>
    <row r="441750" spans="8:8">
      <c r="H441750" s="12"/>
    </row>
    <row r="441751" spans="8:8">
      <c r="H441751" s="12"/>
    </row>
    <row r="441752" spans="8:8">
      <c r="H441752" s="12"/>
    </row>
    <row r="441753" spans="8:8">
      <c r="H441753" s="12"/>
    </row>
    <row r="441754" spans="8:8">
      <c r="H441754" s="12"/>
    </row>
    <row r="441755" spans="8:8">
      <c r="H441755" s="12"/>
    </row>
    <row r="441756" spans="8:8">
      <c r="H441756" s="12"/>
    </row>
    <row r="441757" spans="8:8">
      <c r="H441757" s="12"/>
    </row>
    <row r="441758" spans="8:8">
      <c r="H441758" s="12"/>
    </row>
    <row r="441759" spans="8:8">
      <c r="H441759" s="12"/>
    </row>
    <row r="441760" spans="8:8">
      <c r="H441760" s="12"/>
    </row>
    <row r="441761" spans="8:8">
      <c r="H441761" s="12"/>
    </row>
    <row r="441762" spans="8:8">
      <c r="H441762" s="12"/>
    </row>
    <row r="441763" spans="8:8">
      <c r="H441763" s="12"/>
    </row>
    <row r="441764" spans="8:8">
      <c r="H441764" s="12"/>
    </row>
    <row r="441765" spans="8:8">
      <c r="H441765" s="12"/>
    </row>
    <row r="441766" spans="8:8">
      <c r="H441766" s="12"/>
    </row>
    <row r="441767" spans="8:8">
      <c r="H441767" s="12"/>
    </row>
    <row r="441768" spans="8:8">
      <c r="H441768" s="12"/>
    </row>
    <row r="441769" spans="8:8">
      <c r="H441769" s="12"/>
    </row>
    <row r="441770" spans="8:8">
      <c r="H441770" s="12"/>
    </row>
    <row r="441771" spans="8:8">
      <c r="H441771" s="12"/>
    </row>
    <row r="441772" spans="8:8">
      <c r="H441772" s="12"/>
    </row>
    <row r="441773" spans="8:8">
      <c r="H441773" s="12"/>
    </row>
    <row r="441774" spans="8:8">
      <c r="H441774" s="12"/>
    </row>
    <row r="441775" spans="8:8">
      <c r="H441775" s="12"/>
    </row>
    <row r="441776" spans="8:8">
      <c r="H441776" s="12"/>
    </row>
    <row r="441777" spans="8:8">
      <c r="H441777" s="12"/>
    </row>
    <row r="441778" spans="8:8">
      <c r="H441778" s="12"/>
    </row>
    <row r="441779" spans="8:8">
      <c r="H441779" s="12"/>
    </row>
    <row r="441780" spans="8:8">
      <c r="H441780" s="12"/>
    </row>
    <row r="441781" spans="8:8">
      <c r="H441781" s="12"/>
    </row>
    <row r="441782" spans="8:8">
      <c r="H441782" s="12"/>
    </row>
    <row r="441783" spans="8:8">
      <c r="H441783" s="12"/>
    </row>
    <row r="441784" spans="8:8">
      <c r="H441784" s="12"/>
    </row>
    <row r="441785" spans="8:8">
      <c r="H441785" s="12"/>
    </row>
    <row r="441786" spans="8:8">
      <c r="H441786" s="12"/>
    </row>
    <row r="441787" spans="8:8">
      <c r="H441787" s="12"/>
    </row>
    <row r="441788" spans="8:8">
      <c r="H441788" s="12"/>
    </row>
    <row r="441789" spans="8:8">
      <c r="H441789" s="12"/>
    </row>
    <row r="441790" spans="8:8">
      <c r="H441790" s="12"/>
    </row>
    <row r="441791" spans="8:8">
      <c r="H441791" s="12"/>
    </row>
    <row r="441792" spans="8:8">
      <c r="H441792" s="12"/>
    </row>
    <row r="441793" spans="8:8">
      <c r="H441793" s="12"/>
    </row>
    <row r="441794" spans="8:8">
      <c r="H441794" s="12"/>
    </row>
    <row r="441795" spans="8:8">
      <c r="H441795" s="12"/>
    </row>
    <row r="441796" spans="8:8">
      <c r="H441796" s="12"/>
    </row>
    <row r="441797" spans="8:8">
      <c r="H441797" s="12"/>
    </row>
    <row r="441798" spans="8:8">
      <c r="H441798" s="12"/>
    </row>
    <row r="441799" spans="8:8">
      <c r="H441799" s="12"/>
    </row>
    <row r="441800" spans="8:8">
      <c r="H441800" s="12"/>
    </row>
    <row r="441801" spans="8:8">
      <c r="H441801" s="12"/>
    </row>
    <row r="441802" spans="8:8">
      <c r="H441802" s="12"/>
    </row>
    <row r="441803" spans="8:8">
      <c r="H441803" s="12"/>
    </row>
    <row r="441804" spans="8:8">
      <c r="H441804" s="12"/>
    </row>
    <row r="441805" spans="8:8">
      <c r="H441805" s="12"/>
    </row>
    <row r="441806" spans="8:8">
      <c r="H441806" s="12"/>
    </row>
    <row r="441807" spans="8:8">
      <c r="H441807" s="12"/>
    </row>
    <row r="441808" spans="8:8">
      <c r="H441808" s="12"/>
    </row>
    <row r="441809" spans="8:8">
      <c r="H441809" s="12"/>
    </row>
    <row r="441810" spans="8:8">
      <c r="H441810" s="12"/>
    </row>
    <row r="441811" spans="8:8">
      <c r="H441811" s="12"/>
    </row>
    <row r="441812" spans="8:8">
      <c r="H441812" s="12"/>
    </row>
    <row r="441813" spans="8:8">
      <c r="H441813" s="12"/>
    </row>
    <row r="441814" spans="8:8">
      <c r="H441814" s="12"/>
    </row>
    <row r="441815" spans="8:8">
      <c r="H441815" s="12"/>
    </row>
    <row r="441816" spans="8:8">
      <c r="H441816" s="12"/>
    </row>
    <row r="441817" spans="8:8">
      <c r="H441817" s="12"/>
    </row>
    <row r="441818" spans="8:8">
      <c r="H441818" s="12"/>
    </row>
    <row r="441819" spans="8:8">
      <c r="H441819" s="12"/>
    </row>
    <row r="441820" spans="8:8">
      <c r="H441820" s="12"/>
    </row>
    <row r="441821" spans="8:8">
      <c r="H441821" s="12"/>
    </row>
    <row r="441822" spans="8:8">
      <c r="H441822" s="12"/>
    </row>
    <row r="441823" spans="8:8">
      <c r="H441823" s="12"/>
    </row>
    <row r="441824" spans="8:8">
      <c r="H441824" s="12"/>
    </row>
    <row r="441825" spans="8:8">
      <c r="H441825" s="12"/>
    </row>
    <row r="441826" spans="8:8">
      <c r="H441826" s="12"/>
    </row>
    <row r="441827" spans="8:8">
      <c r="H441827" s="12"/>
    </row>
    <row r="441828" spans="8:8">
      <c r="H441828" s="12"/>
    </row>
    <row r="441829" spans="8:8">
      <c r="H441829" s="12"/>
    </row>
    <row r="441830" spans="8:8">
      <c r="H441830" s="12"/>
    </row>
    <row r="441831" spans="8:8">
      <c r="H441831" s="12"/>
    </row>
    <row r="441832" spans="8:8">
      <c r="H441832" s="12"/>
    </row>
    <row r="441833" spans="8:8">
      <c r="H441833" s="12"/>
    </row>
    <row r="441834" spans="8:8">
      <c r="H441834" s="12"/>
    </row>
    <row r="441835" spans="8:8">
      <c r="H441835" s="12"/>
    </row>
    <row r="441836" spans="8:8">
      <c r="H441836" s="12"/>
    </row>
    <row r="441837" spans="8:8">
      <c r="H441837" s="12"/>
    </row>
    <row r="441838" spans="8:8">
      <c r="H441838" s="12"/>
    </row>
    <row r="441839" spans="8:8">
      <c r="H441839" s="12"/>
    </row>
    <row r="441840" spans="8:8">
      <c r="H441840" s="12"/>
    </row>
    <row r="441841" spans="8:8">
      <c r="H441841" s="12"/>
    </row>
    <row r="441842" spans="8:8">
      <c r="H441842" s="12"/>
    </row>
    <row r="441843" spans="8:8">
      <c r="H441843" s="12"/>
    </row>
    <row r="441844" spans="8:8">
      <c r="H441844" s="12"/>
    </row>
    <row r="441845" spans="8:8">
      <c r="H441845" s="12"/>
    </row>
    <row r="441846" spans="8:8">
      <c r="H441846" s="12"/>
    </row>
    <row r="441847" spans="8:8">
      <c r="H441847" s="12"/>
    </row>
    <row r="441848" spans="8:8">
      <c r="H441848" s="12"/>
    </row>
    <row r="441849" spans="8:8">
      <c r="H441849" s="12"/>
    </row>
    <row r="441850" spans="8:8">
      <c r="H441850" s="12"/>
    </row>
    <row r="441851" spans="8:8">
      <c r="H441851" s="12"/>
    </row>
    <row r="441852" spans="8:8">
      <c r="H441852" s="12"/>
    </row>
    <row r="441853" spans="8:8">
      <c r="H441853" s="12"/>
    </row>
    <row r="441854" spans="8:8">
      <c r="H441854" s="12"/>
    </row>
    <row r="441855" spans="8:8">
      <c r="H441855" s="12"/>
    </row>
    <row r="441856" spans="8:8">
      <c r="H441856" s="12"/>
    </row>
    <row r="441857" spans="8:8">
      <c r="H441857" s="12"/>
    </row>
    <row r="441858" spans="8:8">
      <c r="H441858" s="12"/>
    </row>
    <row r="441859" spans="8:8">
      <c r="H441859" s="12"/>
    </row>
    <row r="441860" spans="8:8">
      <c r="H441860" s="12"/>
    </row>
    <row r="441861" spans="8:8">
      <c r="H441861" s="12"/>
    </row>
    <row r="441862" spans="8:8">
      <c r="H441862" s="12"/>
    </row>
    <row r="441863" spans="8:8">
      <c r="H441863" s="12"/>
    </row>
    <row r="441864" spans="8:8">
      <c r="H441864" s="12"/>
    </row>
    <row r="441865" spans="8:8">
      <c r="H441865" s="12"/>
    </row>
    <row r="441866" spans="8:8">
      <c r="H441866" s="12"/>
    </row>
    <row r="441867" spans="8:8">
      <c r="H441867" s="12"/>
    </row>
    <row r="441868" spans="8:8">
      <c r="H441868" s="12"/>
    </row>
    <row r="441869" spans="8:8">
      <c r="H441869" s="12"/>
    </row>
    <row r="441870" spans="8:8">
      <c r="H441870" s="12"/>
    </row>
    <row r="441871" spans="8:8">
      <c r="H441871" s="12"/>
    </row>
    <row r="441872" spans="8:8">
      <c r="H441872" s="12"/>
    </row>
    <row r="441873" spans="8:8">
      <c r="H441873" s="12"/>
    </row>
    <row r="441874" spans="8:8">
      <c r="H441874" s="12"/>
    </row>
    <row r="441875" spans="8:8">
      <c r="H441875" s="12"/>
    </row>
    <row r="441876" spans="8:8">
      <c r="H441876" s="12"/>
    </row>
    <row r="441877" spans="8:8">
      <c r="H441877" s="12"/>
    </row>
    <row r="441878" spans="8:8">
      <c r="H441878" s="12"/>
    </row>
    <row r="441879" spans="8:8">
      <c r="H441879" s="12"/>
    </row>
    <row r="441880" spans="8:8">
      <c r="H441880" s="12"/>
    </row>
    <row r="441881" spans="8:8">
      <c r="H441881" s="12"/>
    </row>
    <row r="441882" spans="8:8">
      <c r="H441882" s="12"/>
    </row>
    <row r="441883" spans="8:8">
      <c r="H441883" s="12"/>
    </row>
    <row r="441884" spans="8:8">
      <c r="H441884" s="12"/>
    </row>
    <row r="441885" spans="8:8">
      <c r="H441885" s="12"/>
    </row>
    <row r="441886" spans="8:8">
      <c r="H441886" s="12"/>
    </row>
    <row r="441887" spans="8:8">
      <c r="H441887" s="12"/>
    </row>
    <row r="441888" spans="8:8">
      <c r="H441888" s="12"/>
    </row>
    <row r="441889" spans="8:8">
      <c r="H441889" s="12"/>
    </row>
    <row r="441890" spans="8:8">
      <c r="H441890" s="12"/>
    </row>
    <row r="441891" spans="8:8">
      <c r="H441891" s="12"/>
    </row>
    <row r="441892" spans="8:8">
      <c r="H441892" s="12"/>
    </row>
    <row r="441893" spans="8:8">
      <c r="H441893" s="12"/>
    </row>
    <row r="441894" spans="8:8">
      <c r="H441894" s="12"/>
    </row>
    <row r="441895" spans="8:8">
      <c r="H441895" s="12"/>
    </row>
    <row r="441896" spans="8:8">
      <c r="H441896" s="12"/>
    </row>
    <row r="441897" spans="8:8">
      <c r="H441897" s="12"/>
    </row>
    <row r="441898" spans="8:8">
      <c r="H441898" s="12"/>
    </row>
    <row r="441899" spans="8:8">
      <c r="H441899" s="12"/>
    </row>
    <row r="441900" spans="8:8">
      <c r="H441900" s="12"/>
    </row>
    <row r="441901" spans="8:8">
      <c r="H441901" s="12"/>
    </row>
    <row r="441902" spans="8:8">
      <c r="H441902" s="12"/>
    </row>
    <row r="441903" spans="8:8">
      <c r="H441903" s="12"/>
    </row>
    <row r="441904" spans="8:8">
      <c r="H441904" s="12"/>
    </row>
    <row r="441905" spans="8:8">
      <c r="H441905" s="12"/>
    </row>
    <row r="441906" spans="8:8">
      <c r="H441906" s="12"/>
    </row>
    <row r="441907" spans="8:8">
      <c r="H441907" s="12"/>
    </row>
    <row r="441908" spans="8:8">
      <c r="H441908" s="12"/>
    </row>
    <row r="441909" spans="8:8">
      <c r="H441909" s="12"/>
    </row>
    <row r="441910" spans="8:8">
      <c r="H441910" s="12"/>
    </row>
    <row r="441911" spans="8:8">
      <c r="H441911" s="12"/>
    </row>
    <row r="441912" spans="8:8">
      <c r="H441912" s="12"/>
    </row>
    <row r="441913" spans="8:8">
      <c r="H441913" s="12"/>
    </row>
    <row r="441914" spans="8:8">
      <c r="H441914" s="12"/>
    </row>
    <row r="441915" spans="8:8">
      <c r="H441915" s="12"/>
    </row>
    <row r="441916" spans="8:8">
      <c r="H441916" s="12"/>
    </row>
    <row r="441917" spans="8:8">
      <c r="H441917" s="12"/>
    </row>
    <row r="441918" spans="8:8">
      <c r="H441918" s="12"/>
    </row>
    <row r="441919" spans="8:8">
      <c r="H441919" s="12"/>
    </row>
    <row r="441920" spans="8:8">
      <c r="H441920" s="12"/>
    </row>
    <row r="441921" spans="8:8">
      <c r="H441921" s="12"/>
    </row>
    <row r="441922" spans="8:8">
      <c r="H441922" s="12"/>
    </row>
    <row r="441923" spans="8:8">
      <c r="H441923" s="12"/>
    </row>
    <row r="441924" spans="8:8">
      <c r="H441924" s="12"/>
    </row>
    <row r="441925" spans="8:8">
      <c r="H441925" s="12"/>
    </row>
    <row r="441926" spans="8:8">
      <c r="H441926" s="12"/>
    </row>
    <row r="441927" spans="8:8">
      <c r="H441927" s="12"/>
    </row>
    <row r="441928" spans="8:8">
      <c r="H441928" s="12"/>
    </row>
    <row r="441929" spans="8:8">
      <c r="H441929" s="12"/>
    </row>
    <row r="441930" spans="8:8">
      <c r="H441930" s="12"/>
    </row>
    <row r="441931" spans="8:8">
      <c r="H441931" s="12"/>
    </row>
    <row r="441932" spans="8:8">
      <c r="H441932" s="12"/>
    </row>
    <row r="441933" spans="8:8">
      <c r="H441933" s="12"/>
    </row>
    <row r="441934" spans="8:8">
      <c r="H441934" s="12"/>
    </row>
    <row r="441935" spans="8:8">
      <c r="H441935" s="12"/>
    </row>
    <row r="441936" spans="8:8">
      <c r="H441936" s="12"/>
    </row>
    <row r="441937" spans="8:8">
      <c r="H441937" s="12"/>
    </row>
    <row r="441938" spans="8:8">
      <c r="H441938" s="12"/>
    </row>
    <row r="441939" spans="8:8">
      <c r="H441939" s="12"/>
    </row>
    <row r="441940" spans="8:8">
      <c r="H441940" s="12"/>
    </row>
    <row r="441941" spans="8:8">
      <c r="H441941" s="12"/>
    </row>
    <row r="441942" spans="8:8">
      <c r="H441942" s="12"/>
    </row>
    <row r="441943" spans="8:8">
      <c r="H441943" s="12"/>
    </row>
    <row r="441944" spans="8:8">
      <c r="H441944" s="12"/>
    </row>
    <row r="441945" spans="8:8">
      <c r="H441945" s="12"/>
    </row>
    <row r="441946" spans="8:8">
      <c r="H441946" s="12"/>
    </row>
    <row r="441947" spans="8:8">
      <c r="H441947" s="12"/>
    </row>
    <row r="441948" spans="8:8">
      <c r="H441948" s="12"/>
    </row>
    <row r="441949" spans="8:8">
      <c r="H441949" s="12"/>
    </row>
    <row r="441950" spans="8:8">
      <c r="H441950" s="12"/>
    </row>
    <row r="441951" spans="8:8">
      <c r="H441951" s="12"/>
    </row>
    <row r="441952" spans="8:8">
      <c r="H441952" s="12"/>
    </row>
    <row r="441953" spans="8:8">
      <c r="H441953" s="12"/>
    </row>
    <row r="441954" spans="8:8">
      <c r="H441954" s="12"/>
    </row>
    <row r="441955" spans="8:8">
      <c r="H441955" s="12"/>
    </row>
    <row r="441956" spans="8:8">
      <c r="H441956" s="12"/>
    </row>
    <row r="441957" spans="8:8">
      <c r="H441957" s="12"/>
    </row>
    <row r="441958" spans="8:8">
      <c r="H441958" s="12"/>
    </row>
    <row r="441959" spans="8:8">
      <c r="H441959" s="12"/>
    </row>
    <row r="441960" spans="8:8">
      <c r="H441960" s="12"/>
    </row>
    <row r="441961" spans="8:8">
      <c r="H441961" s="12"/>
    </row>
    <row r="441962" spans="8:8">
      <c r="H441962" s="12"/>
    </row>
    <row r="441963" spans="8:8">
      <c r="H441963" s="12"/>
    </row>
    <row r="441964" spans="8:8">
      <c r="H441964" s="12"/>
    </row>
    <row r="441965" spans="8:8">
      <c r="H441965" s="12"/>
    </row>
    <row r="441966" spans="8:8">
      <c r="H441966" s="12"/>
    </row>
    <row r="441967" spans="8:8">
      <c r="H441967" s="12"/>
    </row>
    <row r="441968" spans="8:8">
      <c r="H441968" s="12"/>
    </row>
    <row r="441969" spans="8:8">
      <c r="H441969" s="12"/>
    </row>
    <row r="441970" spans="8:8">
      <c r="H441970" s="12"/>
    </row>
    <row r="441971" spans="8:8">
      <c r="H441971" s="12"/>
    </row>
    <row r="441972" spans="8:8">
      <c r="H441972" s="12"/>
    </row>
    <row r="441973" spans="8:8">
      <c r="H441973" s="12"/>
    </row>
    <row r="441974" spans="8:8">
      <c r="H441974" s="12"/>
    </row>
    <row r="441975" spans="8:8">
      <c r="H441975" s="12"/>
    </row>
    <row r="441976" spans="8:8">
      <c r="H441976" s="12"/>
    </row>
    <row r="441977" spans="8:8">
      <c r="H441977" s="12"/>
    </row>
    <row r="441978" spans="8:8">
      <c r="H441978" s="12"/>
    </row>
    <row r="441979" spans="8:8">
      <c r="H441979" s="12"/>
    </row>
    <row r="441980" spans="8:8">
      <c r="H441980" s="12"/>
    </row>
    <row r="441981" spans="8:8">
      <c r="H441981" s="12"/>
    </row>
    <row r="441982" spans="8:8">
      <c r="H441982" s="12"/>
    </row>
    <row r="441983" spans="8:8">
      <c r="H441983" s="12"/>
    </row>
    <row r="441984" spans="8:8">
      <c r="H441984" s="12"/>
    </row>
    <row r="441985" spans="8:8">
      <c r="H441985" s="12"/>
    </row>
    <row r="441986" spans="8:8">
      <c r="H441986" s="12"/>
    </row>
    <row r="441987" spans="8:8">
      <c r="H441987" s="12"/>
    </row>
    <row r="441988" spans="8:8">
      <c r="H441988" s="12"/>
    </row>
    <row r="441989" spans="8:8">
      <c r="H441989" s="12"/>
    </row>
    <row r="441990" spans="8:8">
      <c r="H441990" s="12"/>
    </row>
    <row r="441991" spans="8:8">
      <c r="H441991" s="12"/>
    </row>
    <row r="441992" spans="8:8">
      <c r="H441992" s="12"/>
    </row>
    <row r="441993" spans="8:8">
      <c r="H441993" s="12"/>
    </row>
    <row r="441994" spans="8:8">
      <c r="H441994" s="12"/>
    </row>
    <row r="441995" spans="8:8">
      <c r="H441995" s="12"/>
    </row>
    <row r="441996" spans="8:8">
      <c r="H441996" s="12"/>
    </row>
    <row r="441997" spans="8:8">
      <c r="H441997" s="12"/>
    </row>
    <row r="441998" spans="8:8">
      <c r="H441998" s="12"/>
    </row>
    <row r="441999" spans="8:8">
      <c r="H441999" s="12"/>
    </row>
    <row r="442000" spans="8:8">
      <c r="H442000" s="12"/>
    </row>
    <row r="442001" spans="8:8">
      <c r="H442001" s="12"/>
    </row>
    <row r="442002" spans="8:8">
      <c r="H442002" s="12"/>
    </row>
    <row r="442003" spans="8:8">
      <c r="H442003" s="12"/>
    </row>
    <row r="442004" spans="8:8">
      <c r="H442004" s="12"/>
    </row>
    <row r="442005" spans="8:8">
      <c r="H442005" s="12"/>
    </row>
    <row r="442006" spans="8:8">
      <c r="H442006" s="12"/>
    </row>
    <row r="442007" spans="8:8">
      <c r="H442007" s="12"/>
    </row>
    <row r="442008" spans="8:8">
      <c r="H442008" s="12"/>
    </row>
    <row r="442009" spans="8:8">
      <c r="H442009" s="12"/>
    </row>
    <row r="442010" spans="8:8">
      <c r="H442010" s="12"/>
    </row>
    <row r="442011" spans="8:8">
      <c r="H442011" s="12"/>
    </row>
    <row r="442012" spans="8:8">
      <c r="H442012" s="12"/>
    </row>
    <row r="442013" spans="8:8">
      <c r="H442013" s="12"/>
    </row>
    <row r="442014" spans="8:8">
      <c r="H442014" s="12"/>
    </row>
    <row r="442015" spans="8:8">
      <c r="H442015" s="12"/>
    </row>
    <row r="442016" spans="8:8">
      <c r="H442016" s="12"/>
    </row>
    <row r="442017" spans="8:8">
      <c r="H442017" s="12"/>
    </row>
    <row r="442018" spans="8:8">
      <c r="H442018" s="12"/>
    </row>
    <row r="442019" spans="8:8">
      <c r="H442019" s="12"/>
    </row>
    <row r="442020" spans="8:8">
      <c r="H442020" s="12"/>
    </row>
    <row r="442021" spans="8:8">
      <c r="H442021" s="12"/>
    </row>
    <row r="442022" spans="8:8">
      <c r="H442022" s="12"/>
    </row>
    <row r="442023" spans="8:8">
      <c r="H442023" s="12"/>
    </row>
    <row r="442024" spans="8:8">
      <c r="H442024" s="12"/>
    </row>
    <row r="442025" spans="8:8">
      <c r="H442025" s="12"/>
    </row>
    <row r="442026" spans="8:8">
      <c r="H442026" s="12"/>
    </row>
    <row r="442027" spans="8:8">
      <c r="H442027" s="12"/>
    </row>
    <row r="442028" spans="8:8">
      <c r="H442028" s="12"/>
    </row>
    <row r="442029" spans="8:8">
      <c r="H442029" s="12"/>
    </row>
    <row r="442030" spans="8:8">
      <c r="H442030" s="12"/>
    </row>
    <row r="442031" spans="8:8">
      <c r="H442031" s="12"/>
    </row>
    <row r="442032" spans="8:8">
      <c r="H442032" s="12"/>
    </row>
    <row r="442033" spans="8:8">
      <c r="H442033" s="12"/>
    </row>
    <row r="442034" spans="8:8">
      <c r="H442034" s="12"/>
    </row>
    <row r="442035" spans="8:8">
      <c r="H442035" s="12"/>
    </row>
    <row r="442036" spans="8:8">
      <c r="H442036" s="12"/>
    </row>
    <row r="442037" spans="8:8">
      <c r="H442037" s="12"/>
    </row>
    <row r="442038" spans="8:8">
      <c r="H442038" s="12"/>
    </row>
    <row r="442039" spans="8:8">
      <c r="H442039" s="12"/>
    </row>
    <row r="442040" spans="8:8">
      <c r="H442040" s="12"/>
    </row>
    <row r="442041" spans="8:8">
      <c r="H442041" s="12"/>
    </row>
    <row r="442042" spans="8:8">
      <c r="H442042" s="12"/>
    </row>
    <row r="442043" spans="8:8">
      <c r="H442043" s="12"/>
    </row>
    <row r="442044" spans="8:8">
      <c r="H442044" s="12"/>
    </row>
    <row r="442045" spans="8:8">
      <c r="H442045" s="12"/>
    </row>
    <row r="442046" spans="8:8">
      <c r="H442046" s="12"/>
    </row>
    <row r="442047" spans="8:8">
      <c r="H442047" s="12"/>
    </row>
    <row r="442048" spans="8:8">
      <c r="H442048" s="12"/>
    </row>
    <row r="442049" spans="8:8">
      <c r="H442049" s="12"/>
    </row>
    <row r="442050" spans="8:8">
      <c r="H442050" s="12"/>
    </row>
    <row r="442051" spans="8:8">
      <c r="H442051" s="12"/>
    </row>
    <row r="442052" spans="8:8">
      <c r="H442052" s="12"/>
    </row>
    <row r="442053" spans="8:8">
      <c r="H442053" s="12"/>
    </row>
    <row r="442054" spans="8:8">
      <c r="H442054" s="12"/>
    </row>
    <row r="442055" spans="8:8">
      <c r="H442055" s="12"/>
    </row>
    <row r="442056" spans="8:8">
      <c r="H442056" s="12"/>
    </row>
    <row r="442057" spans="8:8">
      <c r="H442057" s="12"/>
    </row>
    <row r="442058" spans="8:8">
      <c r="H442058" s="12"/>
    </row>
    <row r="442059" spans="8:8">
      <c r="H442059" s="12"/>
    </row>
    <row r="442060" spans="8:8">
      <c r="H442060" s="12"/>
    </row>
    <row r="442061" spans="8:8">
      <c r="H442061" s="12"/>
    </row>
    <row r="442062" spans="8:8">
      <c r="H442062" s="12"/>
    </row>
    <row r="442063" spans="8:8">
      <c r="H442063" s="12"/>
    </row>
    <row r="442064" spans="8:8">
      <c r="H442064" s="12"/>
    </row>
    <row r="442065" spans="8:8">
      <c r="H442065" s="12"/>
    </row>
    <row r="442066" spans="8:8">
      <c r="H442066" s="12"/>
    </row>
    <row r="442067" spans="8:8">
      <c r="H442067" s="12"/>
    </row>
    <row r="442068" spans="8:8">
      <c r="H442068" s="12"/>
    </row>
    <row r="442069" spans="8:8">
      <c r="H442069" s="12"/>
    </row>
    <row r="442070" spans="8:8">
      <c r="H442070" s="12"/>
    </row>
    <row r="442071" spans="8:8">
      <c r="H442071" s="12"/>
    </row>
    <row r="442072" spans="8:8">
      <c r="H442072" s="12"/>
    </row>
    <row r="442073" spans="8:8">
      <c r="H442073" s="12"/>
    </row>
    <row r="442074" spans="8:8">
      <c r="H442074" s="12"/>
    </row>
    <row r="442075" spans="8:8">
      <c r="H442075" s="12"/>
    </row>
    <row r="442076" spans="8:8">
      <c r="H442076" s="12"/>
    </row>
    <row r="442077" spans="8:8">
      <c r="H442077" s="12"/>
    </row>
    <row r="442078" spans="8:8">
      <c r="H442078" s="12"/>
    </row>
    <row r="442079" spans="8:8">
      <c r="H442079" s="12"/>
    </row>
    <row r="442080" spans="8:8">
      <c r="H442080" s="12"/>
    </row>
    <row r="442081" spans="8:8">
      <c r="H442081" s="12"/>
    </row>
    <row r="442082" spans="8:8">
      <c r="H442082" s="12"/>
    </row>
    <row r="442083" spans="8:8">
      <c r="H442083" s="12"/>
    </row>
    <row r="442084" spans="8:8">
      <c r="H442084" s="12"/>
    </row>
    <row r="442085" spans="8:8">
      <c r="H442085" s="12"/>
    </row>
    <row r="442086" spans="8:8">
      <c r="H442086" s="12"/>
    </row>
    <row r="442087" spans="8:8">
      <c r="H442087" s="12"/>
    </row>
    <row r="442088" spans="8:8">
      <c r="H442088" s="12"/>
    </row>
    <row r="442089" spans="8:8">
      <c r="H442089" s="12"/>
    </row>
    <row r="442090" spans="8:8">
      <c r="H442090" s="12"/>
    </row>
    <row r="442091" spans="8:8">
      <c r="H442091" s="12"/>
    </row>
    <row r="442092" spans="8:8">
      <c r="H442092" s="12"/>
    </row>
    <row r="442093" spans="8:8">
      <c r="H442093" s="12"/>
    </row>
    <row r="442094" spans="8:8">
      <c r="H442094" s="12"/>
    </row>
    <row r="442095" spans="8:8">
      <c r="H442095" s="12"/>
    </row>
    <row r="442096" spans="8:8">
      <c r="H442096" s="12"/>
    </row>
    <row r="442097" spans="8:8">
      <c r="H442097" s="12"/>
    </row>
    <row r="442098" spans="8:8">
      <c r="H442098" s="12"/>
    </row>
    <row r="442099" spans="8:8">
      <c r="H442099" s="12"/>
    </row>
    <row r="442100" spans="8:8">
      <c r="H442100" s="12"/>
    </row>
    <row r="442101" spans="8:8">
      <c r="H442101" s="12"/>
    </row>
    <row r="442102" spans="8:8">
      <c r="H442102" s="12"/>
    </row>
    <row r="442103" spans="8:8">
      <c r="H442103" s="12"/>
    </row>
    <row r="442104" spans="8:8">
      <c r="H442104" s="12"/>
    </row>
    <row r="442105" spans="8:8">
      <c r="H442105" s="12"/>
    </row>
    <row r="442106" spans="8:8">
      <c r="H442106" s="12"/>
    </row>
    <row r="442107" spans="8:8">
      <c r="H442107" s="12"/>
    </row>
    <row r="442108" spans="8:8">
      <c r="H442108" s="12"/>
    </row>
    <row r="442109" spans="8:8">
      <c r="H442109" s="12"/>
    </row>
    <row r="442110" spans="8:8">
      <c r="H442110" s="12"/>
    </row>
    <row r="442111" spans="8:8">
      <c r="H442111" s="12"/>
    </row>
    <row r="442112" spans="8:8">
      <c r="H442112" s="12"/>
    </row>
    <row r="442113" spans="8:8">
      <c r="H442113" s="12"/>
    </row>
    <row r="442114" spans="8:8">
      <c r="H442114" s="12"/>
    </row>
    <row r="442115" spans="8:8">
      <c r="H442115" s="12"/>
    </row>
    <row r="442116" spans="8:8">
      <c r="H442116" s="12"/>
    </row>
    <row r="442117" spans="8:8">
      <c r="H442117" s="12"/>
    </row>
    <row r="442118" spans="8:8">
      <c r="H442118" s="12"/>
    </row>
    <row r="442119" spans="8:8">
      <c r="H442119" s="12"/>
    </row>
    <row r="442120" spans="8:8">
      <c r="H442120" s="12"/>
    </row>
    <row r="442121" spans="8:8">
      <c r="H442121" s="12"/>
    </row>
    <row r="442122" spans="8:8">
      <c r="H442122" s="12"/>
    </row>
    <row r="442123" spans="8:8">
      <c r="H442123" s="12"/>
    </row>
    <row r="442124" spans="8:8">
      <c r="H442124" s="12"/>
    </row>
    <row r="442125" spans="8:8">
      <c r="H442125" s="12"/>
    </row>
    <row r="442126" spans="8:8">
      <c r="H442126" s="12"/>
    </row>
    <row r="442127" spans="8:8">
      <c r="H442127" s="12"/>
    </row>
    <row r="442128" spans="8:8">
      <c r="H442128" s="12"/>
    </row>
    <row r="442129" spans="8:8">
      <c r="H442129" s="12"/>
    </row>
    <row r="442130" spans="8:8">
      <c r="H442130" s="12"/>
    </row>
    <row r="442131" spans="8:8">
      <c r="H442131" s="12"/>
    </row>
    <row r="442132" spans="8:8">
      <c r="H442132" s="12"/>
    </row>
    <row r="442133" spans="8:8">
      <c r="H442133" s="12"/>
    </row>
    <row r="442134" spans="8:8">
      <c r="H442134" s="12"/>
    </row>
    <row r="442135" spans="8:8">
      <c r="H442135" s="12"/>
    </row>
    <row r="442136" spans="8:8">
      <c r="H442136" s="12"/>
    </row>
    <row r="442137" spans="8:8">
      <c r="H442137" s="12"/>
    </row>
    <row r="442138" spans="8:8">
      <c r="H442138" s="12"/>
    </row>
    <row r="442139" spans="8:8">
      <c r="H442139" s="12"/>
    </row>
    <row r="442140" spans="8:8">
      <c r="H442140" s="12"/>
    </row>
    <row r="442141" spans="8:8">
      <c r="H442141" s="12"/>
    </row>
    <row r="442142" spans="8:8">
      <c r="H442142" s="12"/>
    </row>
    <row r="442143" spans="8:8">
      <c r="H442143" s="12"/>
    </row>
    <row r="442144" spans="8:8">
      <c r="H442144" s="12"/>
    </row>
    <row r="442145" spans="8:8">
      <c r="H442145" s="12"/>
    </row>
    <row r="442146" spans="8:8">
      <c r="H442146" s="12"/>
    </row>
    <row r="442147" spans="8:8">
      <c r="H442147" s="12"/>
    </row>
    <row r="442148" spans="8:8">
      <c r="H442148" s="12"/>
    </row>
    <row r="442149" spans="8:8">
      <c r="H442149" s="12"/>
    </row>
    <row r="442150" spans="8:8">
      <c r="H442150" s="12"/>
    </row>
    <row r="442151" spans="8:8">
      <c r="H442151" s="12"/>
    </row>
    <row r="442152" spans="8:8">
      <c r="H442152" s="12"/>
    </row>
    <row r="442153" spans="8:8">
      <c r="H442153" s="12"/>
    </row>
    <row r="442154" spans="8:8">
      <c r="H442154" s="12"/>
    </row>
    <row r="442155" spans="8:8">
      <c r="H442155" s="12"/>
    </row>
    <row r="442156" spans="8:8">
      <c r="H442156" s="12"/>
    </row>
    <row r="442157" spans="8:8">
      <c r="H442157" s="12"/>
    </row>
    <row r="442158" spans="8:8">
      <c r="H442158" s="12"/>
    </row>
    <row r="442159" spans="8:8">
      <c r="H442159" s="12"/>
    </row>
    <row r="442160" spans="8:8">
      <c r="H442160" s="12"/>
    </row>
    <row r="442161" spans="8:8">
      <c r="H442161" s="12"/>
    </row>
    <row r="442162" spans="8:8">
      <c r="H442162" s="12"/>
    </row>
    <row r="442163" spans="8:8">
      <c r="H442163" s="12"/>
    </row>
    <row r="442164" spans="8:8">
      <c r="H442164" s="12"/>
    </row>
    <row r="442165" spans="8:8">
      <c r="H442165" s="12"/>
    </row>
    <row r="442166" spans="8:8">
      <c r="H442166" s="12"/>
    </row>
    <row r="442167" spans="8:8">
      <c r="H442167" s="12"/>
    </row>
    <row r="442168" spans="8:8">
      <c r="H442168" s="12"/>
    </row>
    <row r="442169" spans="8:8">
      <c r="H442169" s="12"/>
    </row>
    <row r="442170" spans="8:8">
      <c r="H442170" s="12"/>
    </row>
    <row r="442171" spans="8:8">
      <c r="H442171" s="12"/>
    </row>
    <row r="442172" spans="8:8">
      <c r="H442172" s="12"/>
    </row>
    <row r="442173" spans="8:8">
      <c r="H442173" s="12"/>
    </row>
    <row r="442174" spans="8:8">
      <c r="H442174" s="12"/>
    </row>
    <row r="442175" spans="8:8">
      <c r="H442175" s="12"/>
    </row>
    <row r="442176" spans="8:8">
      <c r="H442176" s="12"/>
    </row>
    <row r="442177" spans="8:8">
      <c r="H442177" s="12"/>
    </row>
    <row r="442178" spans="8:8">
      <c r="H442178" s="12"/>
    </row>
    <row r="442179" spans="8:8">
      <c r="H442179" s="12"/>
    </row>
    <row r="442180" spans="8:8">
      <c r="H442180" s="12"/>
    </row>
    <row r="442181" spans="8:8">
      <c r="H442181" s="12"/>
    </row>
    <row r="442182" spans="8:8">
      <c r="H442182" s="12"/>
    </row>
    <row r="442183" spans="8:8">
      <c r="H442183" s="12"/>
    </row>
    <row r="442184" spans="8:8">
      <c r="H442184" s="12"/>
    </row>
    <row r="442185" spans="8:8">
      <c r="H442185" s="12"/>
    </row>
    <row r="442186" spans="8:8">
      <c r="H442186" s="12"/>
    </row>
    <row r="442187" spans="8:8">
      <c r="H442187" s="12"/>
    </row>
    <row r="442188" spans="8:8">
      <c r="H442188" s="12"/>
    </row>
    <row r="442189" spans="8:8">
      <c r="H442189" s="12"/>
    </row>
    <row r="442190" spans="8:8">
      <c r="H442190" s="12"/>
    </row>
    <row r="442191" spans="8:8">
      <c r="H442191" s="12"/>
    </row>
    <row r="442192" spans="8:8">
      <c r="H442192" s="12"/>
    </row>
    <row r="442193" spans="8:8">
      <c r="H442193" s="12"/>
    </row>
    <row r="442194" spans="8:8">
      <c r="H442194" s="12"/>
    </row>
    <row r="442195" spans="8:8">
      <c r="H442195" s="12"/>
    </row>
    <row r="442196" spans="8:8">
      <c r="H442196" s="12"/>
    </row>
    <row r="442197" spans="8:8">
      <c r="H442197" s="12"/>
    </row>
    <row r="442198" spans="8:8">
      <c r="H442198" s="12"/>
    </row>
    <row r="442199" spans="8:8">
      <c r="H442199" s="12"/>
    </row>
    <row r="442200" spans="8:8">
      <c r="H442200" s="12"/>
    </row>
    <row r="442201" spans="8:8">
      <c r="H442201" s="12"/>
    </row>
    <row r="442202" spans="8:8">
      <c r="H442202" s="12"/>
    </row>
    <row r="442203" spans="8:8">
      <c r="H442203" s="12"/>
    </row>
    <row r="442204" spans="8:8">
      <c r="H442204" s="12"/>
    </row>
    <row r="442205" spans="8:8">
      <c r="H442205" s="12"/>
    </row>
    <row r="442206" spans="8:8">
      <c r="H442206" s="12"/>
    </row>
    <row r="442207" spans="8:8">
      <c r="H442207" s="12"/>
    </row>
    <row r="442208" spans="8:8">
      <c r="H442208" s="12"/>
    </row>
    <row r="442209" spans="8:8">
      <c r="H442209" s="12"/>
    </row>
    <row r="442210" spans="8:8">
      <c r="H442210" s="12"/>
    </row>
    <row r="442211" spans="8:8">
      <c r="H442211" s="12"/>
    </row>
    <row r="442212" spans="8:8">
      <c r="H442212" s="12"/>
    </row>
    <row r="442213" spans="8:8">
      <c r="H442213" s="12"/>
    </row>
    <row r="442214" spans="8:8">
      <c r="H442214" s="12"/>
    </row>
    <row r="442215" spans="8:8">
      <c r="H442215" s="12"/>
    </row>
    <row r="442216" spans="8:8">
      <c r="H442216" s="12"/>
    </row>
    <row r="442217" spans="8:8">
      <c r="H442217" s="12"/>
    </row>
    <row r="442218" spans="8:8">
      <c r="H442218" s="12"/>
    </row>
    <row r="442219" spans="8:8">
      <c r="H442219" s="12"/>
    </row>
    <row r="442220" spans="8:8">
      <c r="H442220" s="12"/>
    </row>
    <row r="442221" spans="8:8">
      <c r="H442221" s="12"/>
    </row>
    <row r="442222" spans="8:8">
      <c r="H442222" s="12"/>
    </row>
    <row r="442223" spans="8:8">
      <c r="H442223" s="12"/>
    </row>
    <row r="442224" spans="8:8">
      <c r="H442224" s="12"/>
    </row>
    <row r="442225" spans="8:8">
      <c r="H442225" s="12"/>
    </row>
    <row r="442226" spans="8:8">
      <c r="H442226" s="12"/>
    </row>
    <row r="442227" spans="8:8">
      <c r="H442227" s="12"/>
    </row>
    <row r="442228" spans="8:8">
      <c r="H442228" s="12"/>
    </row>
    <row r="442229" spans="8:8">
      <c r="H442229" s="12"/>
    </row>
    <row r="442230" spans="8:8">
      <c r="H442230" s="12"/>
    </row>
    <row r="442231" spans="8:8">
      <c r="H442231" s="12"/>
    </row>
    <row r="442232" spans="8:8">
      <c r="H442232" s="12"/>
    </row>
    <row r="442233" spans="8:8">
      <c r="H442233" s="12"/>
    </row>
    <row r="442234" spans="8:8">
      <c r="H442234" s="12"/>
    </row>
    <row r="442235" spans="8:8">
      <c r="H442235" s="12"/>
    </row>
    <row r="442236" spans="8:8">
      <c r="H442236" s="12"/>
    </row>
    <row r="442237" spans="8:8">
      <c r="H442237" s="12"/>
    </row>
    <row r="442238" spans="8:8">
      <c r="H442238" s="12"/>
    </row>
    <row r="442239" spans="8:8">
      <c r="H442239" s="12"/>
    </row>
    <row r="442240" spans="8:8">
      <c r="H442240" s="12"/>
    </row>
    <row r="442241" spans="8:8">
      <c r="H442241" s="12"/>
    </row>
    <row r="442242" spans="8:8">
      <c r="H442242" s="12"/>
    </row>
    <row r="442243" spans="8:8">
      <c r="H442243" s="12"/>
    </row>
    <row r="442244" spans="8:8">
      <c r="H442244" s="12"/>
    </row>
    <row r="442245" spans="8:8">
      <c r="H442245" s="12"/>
    </row>
    <row r="442246" spans="8:8">
      <c r="H442246" s="12"/>
    </row>
    <row r="442247" spans="8:8">
      <c r="H442247" s="12"/>
    </row>
    <row r="442248" spans="8:8">
      <c r="H442248" s="12"/>
    </row>
    <row r="442249" spans="8:8">
      <c r="H442249" s="12"/>
    </row>
    <row r="442250" spans="8:8">
      <c r="H442250" s="12"/>
    </row>
    <row r="442251" spans="8:8">
      <c r="H442251" s="12"/>
    </row>
    <row r="442252" spans="8:8">
      <c r="H442252" s="12"/>
    </row>
    <row r="442253" spans="8:8">
      <c r="H442253" s="12"/>
    </row>
    <row r="442254" spans="8:8">
      <c r="H442254" s="12"/>
    </row>
    <row r="442255" spans="8:8">
      <c r="H442255" s="12"/>
    </row>
    <row r="442256" spans="8:8">
      <c r="H442256" s="12"/>
    </row>
    <row r="442257" spans="8:8">
      <c r="H442257" s="12"/>
    </row>
    <row r="442258" spans="8:8">
      <c r="H442258" s="12"/>
    </row>
    <row r="442259" spans="8:8">
      <c r="H442259" s="12"/>
    </row>
    <row r="442260" spans="8:8">
      <c r="H442260" s="12"/>
    </row>
    <row r="442261" spans="8:8">
      <c r="H442261" s="12"/>
    </row>
    <row r="442262" spans="8:8">
      <c r="H442262" s="12"/>
    </row>
    <row r="442263" spans="8:8">
      <c r="H442263" s="12"/>
    </row>
    <row r="442264" spans="8:8">
      <c r="H442264" s="12"/>
    </row>
    <row r="442265" spans="8:8">
      <c r="H442265" s="12"/>
    </row>
    <row r="442266" spans="8:8">
      <c r="H442266" s="12"/>
    </row>
    <row r="442267" spans="8:8">
      <c r="H442267" s="12"/>
    </row>
    <row r="442268" spans="8:8">
      <c r="H442268" s="12"/>
    </row>
    <row r="442269" spans="8:8">
      <c r="H442269" s="12"/>
    </row>
    <row r="442270" spans="8:8">
      <c r="H442270" s="12"/>
    </row>
    <row r="442271" spans="8:8">
      <c r="H442271" s="12"/>
    </row>
    <row r="442272" spans="8:8">
      <c r="H442272" s="12"/>
    </row>
    <row r="442273" spans="8:8">
      <c r="H442273" s="12"/>
    </row>
    <row r="442274" spans="8:8">
      <c r="H442274" s="12"/>
    </row>
    <row r="442275" spans="8:8">
      <c r="H442275" s="12"/>
    </row>
    <row r="442276" spans="8:8">
      <c r="H442276" s="12"/>
    </row>
    <row r="442277" spans="8:8">
      <c r="H442277" s="12"/>
    </row>
    <row r="442278" spans="8:8">
      <c r="H442278" s="12"/>
    </row>
    <row r="442279" spans="8:8">
      <c r="H442279" s="12"/>
    </row>
    <row r="442280" spans="8:8">
      <c r="H442280" s="12"/>
    </row>
    <row r="442281" spans="8:8">
      <c r="H442281" s="12"/>
    </row>
    <row r="442282" spans="8:8">
      <c r="H442282" s="12"/>
    </row>
    <row r="442283" spans="8:8">
      <c r="H442283" s="12"/>
    </row>
    <row r="442284" spans="8:8">
      <c r="H442284" s="12"/>
    </row>
    <row r="442285" spans="8:8">
      <c r="H442285" s="12"/>
    </row>
    <row r="442286" spans="8:8">
      <c r="H442286" s="12"/>
    </row>
    <row r="442287" spans="8:8">
      <c r="H442287" s="12"/>
    </row>
    <row r="442288" spans="8:8">
      <c r="H442288" s="12"/>
    </row>
    <row r="442289" spans="8:8">
      <c r="H442289" s="12"/>
    </row>
    <row r="442290" spans="8:8">
      <c r="H442290" s="12"/>
    </row>
    <row r="442291" spans="8:8">
      <c r="H442291" s="12"/>
    </row>
    <row r="442292" spans="8:8">
      <c r="H442292" s="12"/>
    </row>
    <row r="442293" spans="8:8">
      <c r="H442293" s="12"/>
    </row>
    <row r="442294" spans="8:8">
      <c r="H442294" s="12"/>
    </row>
    <row r="442295" spans="8:8">
      <c r="H442295" s="12"/>
    </row>
    <row r="442296" spans="8:8">
      <c r="H442296" s="12"/>
    </row>
    <row r="442297" spans="8:8">
      <c r="H442297" s="12"/>
    </row>
    <row r="442298" spans="8:8">
      <c r="H442298" s="12"/>
    </row>
    <row r="442299" spans="8:8">
      <c r="H442299" s="12"/>
    </row>
    <row r="442300" spans="8:8">
      <c r="H442300" s="12"/>
    </row>
    <row r="442301" spans="8:8">
      <c r="H442301" s="12"/>
    </row>
    <row r="442302" spans="8:8">
      <c r="H442302" s="12"/>
    </row>
    <row r="442303" spans="8:8">
      <c r="H442303" s="12"/>
    </row>
    <row r="442304" spans="8:8">
      <c r="H442304" s="12"/>
    </row>
    <row r="442305" spans="8:8">
      <c r="H442305" s="12"/>
    </row>
    <row r="442306" spans="8:8">
      <c r="H442306" s="12"/>
    </row>
    <row r="442307" spans="8:8">
      <c r="H442307" s="12"/>
    </row>
    <row r="442308" spans="8:8">
      <c r="H442308" s="12"/>
    </row>
    <row r="442309" spans="8:8">
      <c r="H442309" s="12"/>
    </row>
    <row r="442310" spans="8:8">
      <c r="H442310" s="12"/>
    </row>
    <row r="442311" spans="8:8">
      <c r="H442311" s="12"/>
    </row>
    <row r="442312" spans="8:8">
      <c r="H442312" s="12"/>
    </row>
    <row r="442313" spans="8:8">
      <c r="H442313" s="12"/>
    </row>
    <row r="442314" spans="8:8">
      <c r="H442314" s="12"/>
    </row>
    <row r="442315" spans="8:8">
      <c r="H442315" s="12"/>
    </row>
    <row r="442316" spans="8:8">
      <c r="H442316" s="12"/>
    </row>
    <row r="442317" spans="8:8">
      <c r="H442317" s="12"/>
    </row>
    <row r="442318" spans="8:8">
      <c r="H442318" s="12"/>
    </row>
    <row r="442319" spans="8:8">
      <c r="H442319" s="12"/>
    </row>
    <row r="442320" spans="8:8">
      <c r="H442320" s="12"/>
    </row>
    <row r="442321" spans="8:8">
      <c r="H442321" s="12"/>
    </row>
    <row r="442322" spans="8:8">
      <c r="H442322" s="12"/>
    </row>
    <row r="442323" spans="8:8">
      <c r="H442323" s="12"/>
    </row>
    <row r="442324" spans="8:8">
      <c r="H442324" s="12"/>
    </row>
    <row r="442325" spans="8:8">
      <c r="H442325" s="12"/>
    </row>
    <row r="442326" spans="8:8">
      <c r="H442326" s="12"/>
    </row>
    <row r="442327" spans="8:8">
      <c r="H442327" s="12"/>
    </row>
    <row r="442328" spans="8:8">
      <c r="H442328" s="12"/>
    </row>
    <row r="442329" spans="8:8">
      <c r="H442329" s="12"/>
    </row>
    <row r="442330" spans="8:8">
      <c r="H442330" s="12"/>
    </row>
    <row r="442331" spans="8:8">
      <c r="H442331" s="12"/>
    </row>
    <row r="442332" spans="8:8">
      <c r="H442332" s="12"/>
    </row>
    <row r="442333" spans="8:8">
      <c r="H442333" s="12"/>
    </row>
    <row r="442334" spans="8:8">
      <c r="H442334" s="12"/>
    </row>
    <row r="442335" spans="8:8">
      <c r="H442335" s="12"/>
    </row>
    <row r="442336" spans="8:8">
      <c r="H442336" s="12"/>
    </row>
    <row r="442337" spans="8:8">
      <c r="H442337" s="12"/>
    </row>
    <row r="442338" spans="8:8">
      <c r="H442338" s="12"/>
    </row>
    <row r="442339" spans="8:8">
      <c r="H442339" s="12"/>
    </row>
    <row r="442340" spans="8:8">
      <c r="H442340" s="12"/>
    </row>
    <row r="442341" spans="8:8">
      <c r="H442341" s="12"/>
    </row>
    <row r="442342" spans="8:8">
      <c r="H442342" s="12"/>
    </row>
    <row r="442343" spans="8:8">
      <c r="H442343" s="12"/>
    </row>
    <row r="442344" spans="8:8">
      <c r="H442344" s="12"/>
    </row>
    <row r="442345" spans="8:8">
      <c r="H442345" s="12"/>
    </row>
    <row r="442346" spans="8:8">
      <c r="H442346" s="12"/>
    </row>
    <row r="442347" spans="8:8">
      <c r="H442347" s="12"/>
    </row>
    <row r="442348" spans="8:8">
      <c r="H442348" s="12"/>
    </row>
    <row r="442349" spans="8:8">
      <c r="H442349" s="12"/>
    </row>
    <row r="442350" spans="8:8">
      <c r="H442350" s="12"/>
    </row>
    <row r="442351" spans="8:8">
      <c r="H442351" s="12"/>
    </row>
    <row r="442352" spans="8:8">
      <c r="H442352" s="12"/>
    </row>
    <row r="442353" spans="8:8">
      <c r="H442353" s="12"/>
    </row>
    <row r="442354" spans="8:8">
      <c r="H442354" s="12"/>
    </row>
    <row r="442355" spans="8:8">
      <c r="H442355" s="12"/>
    </row>
    <row r="442356" spans="8:8">
      <c r="H442356" s="12"/>
    </row>
    <row r="442357" spans="8:8">
      <c r="H442357" s="12"/>
    </row>
    <row r="442358" spans="8:8">
      <c r="H442358" s="12"/>
    </row>
    <row r="442359" spans="8:8">
      <c r="H442359" s="12"/>
    </row>
    <row r="442360" spans="8:8">
      <c r="H442360" s="12"/>
    </row>
    <row r="442361" spans="8:8">
      <c r="H442361" s="12"/>
    </row>
    <row r="442362" spans="8:8">
      <c r="H442362" s="12"/>
    </row>
    <row r="442363" spans="8:8">
      <c r="H442363" s="12"/>
    </row>
    <row r="442364" spans="8:8">
      <c r="H442364" s="12"/>
    </row>
    <row r="442365" spans="8:8">
      <c r="H442365" s="12"/>
    </row>
    <row r="442366" spans="8:8">
      <c r="H442366" s="12"/>
    </row>
    <row r="442367" spans="8:8">
      <c r="H442367" s="12"/>
    </row>
    <row r="442368" spans="8:8">
      <c r="H442368" s="12"/>
    </row>
    <row r="442369" spans="8:8">
      <c r="H442369" s="12"/>
    </row>
    <row r="442370" spans="8:8">
      <c r="H442370" s="12"/>
    </row>
    <row r="442371" spans="8:8">
      <c r="H442371" s="12"/>
    </row>
    <row r="442372" spans="8:8">
      <c r="H442372" s="12"/>
    </row>
    <row r="442373" spans="8:8">
      <c r="H442373" s="12"/>
    </row>
    <row r="442374" spans="8:8">
      <c r="H442374" s="12"/>
    </row>
    <row r="442375" spans="8:8">
      <c r="H442375" s="12"/>
    </row>
    <row r="442376" spans="8:8">
      <c r="H442376" s="12"/>
    </row>
    <row r="442377" spans="8:8">
      <c r="H442377" s="12"/>
    </row>
    <row r="442378" spans="8:8">
      <c r="H442378" s="12"/>
    </row>
    <row r="442379" spans="8:8">
      <c r="H442379" s="12"/>
    </row>
    <row r="442380" spans="8:8">
      <c r="H442380" s="12"/>
    </row>
    <row r="442381" spans="8:8">
      <c r="H442381" s="12"/>
    </row>
    <row r="442382" spans="8:8">
      <c r="H442382" s="12"/>
    </row>
    <row r="442383" spans="8:8">
      <c r="H442383" s="12"/>
    </row>
    <row r="442384" spans="8:8">
      <c r="H442384" s="12"/>
    </row>
    <row r="442385" spans="8:8">
      <c r="H442385" s="12"/>
    </row>
    <row r="442386" spans="8:8">
      <c r="H442386" s="12"/>
    </row>
    <row r="442387" spans="8:8">
      <c r="H442387" s="12"/>
    </row>
    <row r="442388" spans="8:8">
      <c r="H442388" s="12"/>
    </row>
    <row r="442389" spans="8:8">
      <c r="H442389" s="12"/>
    </row>
    <row r="442390" spans="8:8">
      <c r="H442390" s="12"/>
    </row>
    <row r="442391" spans="8:8">
      <c r="H442391" s="12"/>
    </row>
    <row r="442392" spans="8:8">
      <c r="H442392" s="12"/>
    </row>
    <row r="442393" spans="8:8">
      <c r="H442393" s="12"/>
    </row>
    <row r="442394" spans="8:8">
      <c r="H442394" s="12"/>
    </row>
    <row r="442395" spans="8:8">
      <c r="H442395" s="12"/>
    </row>
    <row r="442396" spans="8:8">
      <c r="H442396" s="12"/>
    </row>
    <row r="442397" spans="8:8">
      <c r="H442397" s="12"/>
    </row>
    <row r="442398" spans="8:8">
      <c r="H442398" s="12"/>
    </row>
    <row r="442399" spans="8:8">
      <c r="H442399" s="12"/>
    </row>
    <row r="442400" spans="8:8">
      <c r="H442400" s="12"/>
    </row>
    <row r="442401" spans="8:8">
      <c r="H442401" s="12"/>
    </row>
    <row r="442402" spans="8:8">
      <c r="H442402" s="12"/>
    </row>
    <row r="442403" spans="8:8">
      <c r="H442403" s="12"/>
    </row>
    <row r="442404" spans="8:8">
      <c r="H442404" s="12"/>
    </row>
    <row r="442405" spans="8:8">
      <c r="H442405" s="12"/>
    </row>
    <row r="442406" spans="8:8">
      <c r="H442406" s="12"/>
    </row>
    <row r="442407" spans="8:8">
      <c r="H442407" s="12"/>
    </row>
    <row r="442408" spans="8:8">
      <c r="H442408" s="12"/>
    </row>
    <row r="442409" spans="8:8">
      <c r="H442409" s="12"/>
    </row>
    <row r="442410" spans="8:8">
      <c r="H442410" s="12"/>
    </row>
    <row r="442411" spans="8:8">
      <c r="H442411" s="12"/>
    </row>
    <row r="442412" spans="8:8">
      <c r="H442412" s="12"/>
    </row>
    <row r="442413" spans="8:8">
      <c r="H442413" s="12"/>
    </row>
    <row r="442414" spans="8:8">
      <c r="H442414" s="12"/>
    </row>
    <row r="442415" spans="8:8">
      <c r="H442415" s="12"/>
    </row>
    <row r="442416" spans="8:8">
      <c r="H442416" s="12"/>
    </row>
    <row r="442417" spans="8:8">
      <c r="H442417" s="12"/>
    </row>
    <row r="442418" spans="8:8">
      <c r="H442418" s="12"/>
    </row>
    <row r="442419" spans="8:8">
      <c r="H442419" s="12"/>
    </row>
    <row r="442420" spans="8:8">
      <c r="H442420" s="12"/>
    </row>
    <row r="442421" spans="8:8">
      <c r="H442421" s="12"/>
    </row>
    <row r="442422" spans="8:8">
      <c r="H442422" s="12"/>
    </row>
    <row r="442423" spans="8:8">
      <c r="H442423" s="12"/>
    </row>
    <row r="442424" spans="8:8">
      <c r="H442424" s="12"/>
    </row>
    <row r="442425" spans="8:8">
      <c r="H442425" s="12"/>
    </row>
    <row r="442426" spans="8:8">
      <c r="H442426" s="12"/>
    </row>
    <row r="442427" spans="8:8">
      <c r="H442427" s="12"/>
    </row>
    <row r="442428" spans="8:8">
      <c r="H442428" s="12"/>
    </row>
    <row r="442429" spans="8:8">
      <c r="H442429" s="12"/>
    </row>
    <row r="442430" spans="8:8">
      <c r="H442430" s="12"/>
    </row>
    <row r="442431" spans="8:8">
      <c r="H442431" s="12"/>
    </row>
    <row r="442432" spans="8:8">
      <c r="H442432" s="12"/>
    </row>
    <row r="442433" spans="8:8">
      <c r="H442433" s="12"/>
    </row>
    <row r="442434" spans="8:8">
      <c r="H442434" s="12"/>
    </row>
    <row r="442435" spans="8:8">
      <c r="H442435" s="12"/>
    </row>
    <row r="442436" spans="8:8">
      <c r="H442436" s="12"/>
    </row>
    <row r="442437" spans="8:8">
      <c r="H442437" s="12"/>
    </row>
    <row r="442438" spans="8:8">
      <c r="H442438" s="12"/>
    </row>
    <row r="442439" spans="8:8">
      <c r="H442439" s="12"/>
    </row>
    <row r="442440" spans="8:8">
      <c r="H442440" s="12"/>
    </row>
    <row r="442441" spans="8:8">
      <c r="H442441" s="12"/>
    </row>
    <row r="442442" spans="8:8">
      <c r="H442442" s="12"/>
    </row>
    <row r="442443" spans="8:8">
      <c r="H442443" s="12"/>
    </row>
    <row r="442444" spans="8:8">
      <c r="H442444" s="12"/>
    </row>
    <row r="442445" spans="8:8">
      <c r="H442445" s="12"/>
    </row>
    <row r="442446" spans="8:8">
      <c r="H442446" s="12"/>
    </row>
    <row r="442447" spans="8:8">
      <c r="H442447" s="12"/>
    </row>
    <row r="442448" spans="8:8">
      <c r="H442448" s="12"/>
    </row>
    <row r="442449" spans="8:8">
      <c r="H442449" s="12"/>
    </row>
    <row r="442450" spans="8:8">
      <c r="H442450" s="12"/>
    </row>
    <row r="442451" spans="8:8">
      <c r="H442451" s="12"/>
    </row>
    <row r="442452" spans="8:8">
      <c r="H442452" s="12"/>
    </row>
    <row r="442453" spans="8:8">
      <c r="H442453" s="12"/>
    </row>
    <row r="442454" spans="8:8">
      <c r="H442454" s="12"/>
    </row>
    <row r="442455" spans="8:8">
      <c r="H442455" s="12"/>
    </row>
    <row r="442456" spans="8:8">
      <c r="H442456" s="12"/>
    </row>
    <row r="442457" spans="8:8">
      <c r="H442457" s="12"/>
    </row>
    <row r="442458" spans="8:8">
      <c r="H442458" s="12"/>
    </row>
    <row r="442459" spans="8:8">
      <c r="H442459" s="12"/>
    </row>
    <row r="442460" spans="8:8">
      <c r="H442460" s="12"/>
    </row>
    <row r="442461" spans="8:8">
      <c r="H442461" s="12"/>
    </row>
    <row r="442462" spans="8:8">
      <c r="H442462" s="12"/>
    </row>
    <row r="442463" spans="8:8">
      <c r="H442463" s="12"/>
    </row>
    <row r="442464" spans="8:8">
      <c r="H442464" s="12"/>
    </row>
    <row r="442465" spans="8:8">
      <c r="H442465" s="12"/>
    </row>
    <row r="442466" spans="8:8">
      <c r="H442466" s="12"/>
    </row>
    <row r="442467" spans="8:8">
      <c r="H442467" s="12"/>
    </row>
    <row r="442468" spans="8:8">
      <c r="H442468" s="12"/>
    </row>
    <row r="442469" spans="8:8">
      <c r="H442469" s="12"/>
    </row>
    <row r="442470" spans="8:8">
      <c r="H442470" s="12"/>
    </row>
    <row r="442471" spans="8:8">
      <c r="H442471" s="12"/>
    </row>
    <row r="442472" spans="8:8">
      <c r="H442472" s="12"/>
    </row>
    <row r="442473" spans="8:8">
      <c r="H442473" s="12"/>
    </row>
    <row r="442474" spans="8:8">
      <c r="H442474" s="12"/>
    </row>
    <row r="442475" spans="8:8">
      <c r="H442475" s="12"/>
    </row>
    <row r="442476" spans="8:8">
      <c r="H442476" s="12"/>
    </row>
    <row r="442477" spans="8:8">
      <c r="H442477" s="12"/>
    </row>
    <row r="442478" spans="8:8">
      <c r="H442478" s="12"/>
    </row>
    <row r="442479" spans="8:8">
      <c r="H442479" s="12"/>
    </row>
    <row r="442480" spans="8:8">
      <c r="H442480" s="12"/>
    </row>
    <row r="442481" spans="8:8">
      <c r="H442481" s="12"/>
    </row>
    <row r="442482" spans="8:8">
      <c r="H442482" s="12"/>
    </row>
    <row r="442483" spans="8:8">
      <c r="H442483" s="12"/>
    </row>
    <row r="442484" spans="8:8">
      <c r="H442484" s="12"/>
    </row>
    <row r="442485" spans="8:8">
      <c r="H442485" s="12"/>
    </row>
    <row r="442486" spans="8:8">
      <c r="H442486" s="12"/>
    </row>
    <row r="442487" spans="8:8">
      <c r="H442487" s="12"/>
    </row>
    <row r="442488" spans="8:8">
      <c r="H442488" s="12"/>
    </row>
    <row r="442489" spans="8:8">
      <c r="H442489" s="12"/>
    </row>
    <row r="442490" spans="8:8">
      <c r="H442490" s="12"/>
    </row>
    <row r="442491" spans="8:8">
      <c r="H442491" s="12"/>
    </row>
    <row r="442492" spans="8:8">
      <c r="H442492" s="12"/>
    </row>
    <row r="442493" spans="8:8">
      <c r="H442493" s="12"/>
    </row>
    <row r="442494" spans="8:8">
      <c r="H442494" s="12"/>
    </row>
    <row r="442495" spans="8:8">
      <c r="H442495" s="12"/>
    </row>
    <row r="442496" spans="8:8">
      <c r="H442496" s="12"/>
    </row>
    <row r="442497" spans="8:8">
      <c r="H442497" s="12"/>
    </row>
    <row r="442498" spans="8:8">
      <c r="H442498" s="12"/>
    </row>
    <row r="442499" spans="8:8">
      <c r="H442499" s="12"/>
    </row>
    <row r="442500" spans="8:8">
      <c r="H442500" s="12"/>
    </row>
    <row r="442501" spans="8:8">
      <c r="H442501" s="12"/>
    </row>
    <row r="442502" spans="8:8">
      <c r="H442502" s="12"/>
    </row>
    <row r="442503" spans="8:8">
      <c r="H442503" s="12"/>
    </row>
    <row r="442504" spans="8:8">
      <c r="H442504" s="12"/>
    </row>
    <row r="442505" spans="8:8">
      <c r="H442505" s="12"/>
    </row>
    <row r="442506" spans="8:8">
      <c r="H442506" s="12"/>
    </row>
    <row r="442507" spans="8:8">
      <c r="H442507" s="12"/>
    </row>
    <row r="442508" spans="8:8">
      <c r="H442508" s="12"/>
    </row>
    <row r="442509" spans="8:8">
      <c r="H442509" s="12"/>
    </row>
    <row r="442510" spans="8:8">
      <c r="H442510" s="12"/>
    </row>
    <row r="442511" spans="8:8">
      <c r="H442511" s="12"/>
    </row>
    <row r="442512" spans="8:8">
      <c r="H442512" s="12"/>
    </row>
    <row r="442513" spans="8:8">
      <c r="H442513" s="12"/>
    </row>
    <row r="442514" spans="8:8">
      <c r="H442514" s="12"/>
    </row>
    <row r="442515" spans="8:8">
      <c r="H442515" s="12"/>
    </row>
    <row r="442516" spans="8:8">
      <c r="H442516" s="12"/>
    </row>
    <row r="442517" spans="8:8">
      <c r="H442517" s="12"/>
    </row>
    <row r="442518" spans="8:8">
      <c r="H442518" s="12"/>
    </row>
    <row r="442519" spans="8:8">
      <c r="H442519" s="12"/>
    </row>
    <row r="442520" spans="8:8">
      <c r="H442520" s="12"/>
    </row>
    <row r="442521" spans="8:8">
      <c r="H442521" s="12"/>
    </row>
    <row r="442522" spans="8:8">
      <c r="H442522" s="12"/>
    </row>
    <row r="442523" spans="8:8">
      <c r="H442523" s="12"/>
    </row>
    <row r="442524" spans="8:8">
      <c r="H442524" s="12"/>
    </row>
    <row r="442525" spans="8:8">
      <c r="H442525" s="12"/>
    </row>
    <row r="442526" spans="8:8">
      <c r="H442526" s="12"/>
    </row>
    <row r="442527" spans="8:8">
      <c r="H442527" s="12"/>
    </row>
    <row r="442528" spans="8:8">
      <c r="H442528" s="12"/>
    </row>
    <row r="442529" spans="8:8">
      <c r="H442529" s="12"/>
    </row>
    <row r="442530" spans="8:8">
      <c r="H442530" s="12"/>
    </row>
    <row r="442531" spans="8:8">
      <c r="H442531" s="12"/>
    </row>
    <row r="442532" spans="8:8">
      <c r="H442532" s="12"/>
    </row>
    <row r="442533" spans="8:8">
      <c r="H442533" s="12"/>
    </row>
    <row r="442534" spans="8:8">
      <c r="H442534" s="12"/>
    </row>
    <row r="442535" spans="8:8">
      <c r="H442535" s="12"/>
    </row>
    <row r="442536" spans="8:8">
      <c r="H442536" s="12"/>
    </row>
    <row r="442537" spans="8:8">
      <c r="H442537" s="12"/>
    </row>
    <row r="442538" spans="8:8">
      <c r="H442538" s="12"/>
    </row>
    <row r="442539" spans="8:8">
      <c r="H442539" s="12"/>
    </row>
    <row r="442540" spans="8:8">
      <c r="H442540" s="12"/>
    </row>
    <row r="442541" spans="8:8">
      <c r="H442541" s="12"/>
    </row>
    <row r="442542" spans="8:8">
      <c r="H442542" s="12"/>
    </row>
    <row r="442543" spans="8:8">
      <c r="H442543" s="12"/>
    </row>
    <row r="442544" spans="8:8">
      <c r="H442544" s="12"/>
    </row>
    <row r="442545" spans="8:8">
      <c r="H442545" s="12"/>
    </row>
    <row r="442546" spans="8:8">
      <c r="H442546" s="12"/>
    </row>
    <row r="442547" spans="8:8">
      <c r="H442547" s="12"/>
    </row>
    <row r="442548" spans="8:8">
      <c r="H442548" s="12"/>
    </row>
    <row r="442549" spans="8:8">
      <c r="H442549" s="12"/>
    </row>
    <row r="442550" spans="8:8">
      <c r="H442550" s="12"/>
    </row>
    <row r="442551" spans="8:8">
      <c r="H442551" s="12"/>
    </row>
    <row r="442552" spans="8:8">
      <c r="H442552" s="12"/>
    </row>
    <row r="442553" spans="8:8">
      <c r="H442553" s="12"/>
    </row>
    <row r="442554" spans="8:8">
      <c r="H442554" s="12"/>
    </row>
    <row r="442555" spans="8:8">
      <c r="H442555" s="12"/>
    </row>
    <row r="442556" spans="8:8">
      <c r="H442556" s="12"/>
    </row>
    <row r="442557" spans="8:8">
      <c r="H442557" s="12"/>
    </row>
    <row r="442558" spans="8:8">
      <c r="H442558" s="12"/>
    </row>
    <row r="442559" spans="8:8">
      <c r="H442559" s="12"/>
    </row>
    <row r="442560" spans="8:8">
      <c r="H442560" s="12"/>
    </row>
    <row r="442561" spans="8:8">
      <c r="H442561" s="12"/>
    </row>
    <row r="442562" spans="8:8">
      <c r="H442562" s="12"/>
    </row>
    <row r="442563" spans="8:8">
      <c r="H442563" s="12"/>
    </row>
    <row r="442564" spans="8:8">
      <c r="H442564" s="12"/>
    </row>
    <row r="442565" spans="8:8">
      <c r="H442565" s="12"/>
    </row>
    <row r="442566" spans="8:8">
      <c r="H442566" s="12"/>
    </row>
    <row r="442567" spans="8:8">
      <c r="H442567" s="12"/>
    </row>
    <row r="442568" spans="8:8">
      <c r="H442568" s="12"/>
    </row>
    <row r="442569" spans="8:8">
      <c r="H442569" s="12"/>
    </row>
    <row r="442570" spans="8:8">
      <c r="H442570" s="12"/>
    </row>
    <row r="442571" spans="8:8">
      <c r="H442571" s="12"/>
    </row>
    <row r="442572" spans="8:8">
      <c r="H442572" s="12"/>
    </row>
    <row r="442573" spans="8:8">
      <c r="H442573" s="12"/>
    </row>
    <row r="442574" spans="8:8">
      <c r="H442574" s="12"/>
    </row>
    <row r="442575" spans="8:8">
      <c r="H442575" s="12"/>
    </row>
    <row r="442576" spans="8:8">
      <c r="H442576" s="12"/>
    </row>
    <row r="442577" spans="8:8">
      <c r="H442577" s="12"/>
    </row>
    <row r="442578" spans="8:8">
      <c r="H442578" s="12"/>
    </row>
    <row r="442579" spans="8:8">
      <c r="H442579" s="12"/>
    </row>
    <row r="442580" spans="8:8">
      <c r="H442580" s="12"/>
    </row>
    <row r="442581" spans="8:8">
      <c r="H442581" s="12"/>
    </row>
    <row r="442582" spans="8:8">
      <c r="H442582" s="12"/>
    </row>
    <row r="442583" spans="8:8">
      <c r="H442583" s="12"/>
    </row>
    <row r="442584" spans="8:8">
      <c r="H442584" s="12"/>
    </row>
    <row r="442585" spans="8:8">
      <c r="H442585" s="12"/>
    </row>
    <row r="442586" spans="8:8">
      <c r="H442586" s="12"/>
    </row>
    <row r="442587" spans="8:8">
      <c r="H442587" s="12"/>
    </row>
    <row r="442588" spans="8:8">
      <c r="H442588" s="12"/>
    </row>
    <row r="442589" spans="8:8">
      <c r="H442589" s="12"/>
    </row>
    <row r="442590" spans="8:8">
      <c r="H442590" s="12"/>
    </row>
    <row r="442591" spans="8:8">
      <c r="H442591" s="12"/>
    </row>
    <row r="442592" spans="8:8">
      <c r="H442592" s="12"/>
    </row>
    <row r="442593" spans="8:8">
      <c r="H442593" s="12"/>
    </row>
    <row r="442594" spans="8:8">
      <c r="H442594" s="12"/>
    </row>
    <row r="442595" spans="8:8">
      <c r="H442595" s="12"/>
    </row>
    <row r="442596" spans="8:8">
      <c r="H442596" s="12"/>
    </row>
    <row r="442597" spans="8:8">
      <c r="H442597" s="12"/>
    </row>
    <row r="442598" spans="8:8">
      <c r="H442598" s="12"/>
    </row>
    <row r="442599" spans="8:8">
      <c r="H442599" s="12"/>
    </row>
    <row r="442600" spans="8:8">
      <c r="H442600" s="12"/>
    </row>
    <row r="442601" spans="8:8">
      <c r="H442601" s="12"/>
    </row>
    <row r="442602" spans="8:8">
      <c r="H442602" s="12"/>
    </row>
    <row r="442603" spans="8:8">
      <c r="H442603" s="12"/>
    </row>
    <row r="442604" spans="8:8">
      <c r="H442604" s="12"/>
    </row>
    <row r="442605" spans="8:8">
      <c r="H442605" s="12"/>
    </row>
    <row r="442606" spans="8:8">
      <c r="H442606" s="12"/>
    </row>
    <row r="442607" spans="8:8">
      <c r="H442607" s="12"/>
    </row>
    <row r="442608" spans="8:8">
      <c r="H442608" s="12"/>
    </row>
    <row r="442609" spans="8:8">
      <c r="H442609" s="12"/>
    </row>
    <row r="442610" spans="8:8">
      <c r="H442610" s="12"/>
    </row>
    <row r="442611" spans="8:8">
      <c r="H442611" s="12"/>
    </row>
    <row r="442612" spans="8:8">
      <c r="H442612" s="12"/>
    </row>
    <row r="442613" spans="8:8">
      <c r="H442613" s="12"/>
    </row>
    <row r="442614" spans="8:8">
      <c r="H442614" s="12"/>
    </row>
    <row r="442615" spans="8:8">
      <c r="H442615" s="12"/>
    </row>
    <row r="442616" spans="8:8">
      <c r="H442616" s="12"/>
    </row>
    <row r="442617" spans="8:8">
      <c r="H442617" s="12"/>
    </row>
    <row r="442618" spans="8:8">
      <c r="H442618" s="12"/>
    </row>
    <row r="442619" spans="8:8">
      <c r="H442619" s="12"/>
    </row>
    <row r="442620" spans="8:8">
      <c r="H442620" s="12"/>
    </row>
    <row r="442621" spans="8:8">
      <c r="H442621" s="12"/>
    </row>
    <row r="442622" spans="8:8">
      <c r="H442622" s="12"/>
    </row>
    <row r="442623" spans="8:8">
      <c r="H442623" s="12"/>
    </row>
    <row r="442624" spans="8:8">
      <c r="H442624" s="12"/>
    </row>
    <row r="442625" spans="8:8">
      <c r="H442625" s="12"/>
    </row>
    <row r="442626" spans="8:8">
      <c r="H442626" s="12"/>
    </row>
    <row r="442627" spans="8:8">
      <c r="H442627" s="12"/>
    </row>
    <row r="442628" spans="8:8">
      <c r="H442628" s="12"/>
    </row>
    <row r="442629" spans="8:8">
      <c r="H442629" s="12"/>
    </row>
    <row r="442630" spans="8:8">
      <c r="H442630" s="12"/>
    </row>
    <row r="442631" spans="8:8">
      <c r="H442631" s="12"/>
    </row>
    <row r="442632" spans="8:8">
      <c r="H442632" s="12"/>
    </row>
    <row r="442633" spans="8:8">
      <c r="H442633" s="12"/>
    </row>
    <row r="442634" spans="8:8">
      <c r="H442634" s="12"/>
    </row>
    <row r="442635" spans="8:8">
      <c r="H442635" s="12"/>
    </row>
    <row r="442636" spans="8:8">
      <c r="H442636" s="12"/>
    </row>
    <row r="442637" spans="8:8">
      <c r="H442637" s="12"/>
    </row>
    <row r="442638" spans="8:8">
      <c r="H442638" s="12"/>
    </row>
    <row r="442639" spans="8:8">
      <c r="H442639" s="12"/>
    </row>
    <row r="442640" spans="8:8">
      <c r="H442640" s="12"/>
    </row>
    <row r="442641" spans="8:8">
      <c r="H442641" s="12"/>
    </row>
    <row r="442642" spans="8:8">
      <c r="H442642" s="12"/>
    </row>
    <row r="442643" spans="8:8">
      <c r="H442643" s="12"/>
    </row>
    <row r="442644" spans="8:8">
      <c r="H442644" s="12"/>
    </row>
    <row r="442645" spans="8:8">
      <c r="H442645" s="12"/>
    </row>
    <row r="442646" spans="8:8">
      <c r="H442646" s="12"/>
    </row>
    <row r="442647" spans="8:8">
      <c r="H442647" s="12"/>
    </row>
    <row r="442648" spans="8:8">
      <c r="H442648" s="12"/>
    </row>
    <row r="442649" spans="8:8">
      <c r="H442649" s="12"/>
    </row>
    <row r="442650" spans="8:8">
      <c r="H442650" s="12"/>
    </row>
    <row r="442651" spans="8:8">
      <c r="H442651" s="12"/>
    </row>
    <row r="442652" spans="8:8">
      <c r="H442652" s="12"/>
    </row>
    <row r="442653" spans="8:8">
      <c r="H442653" s="12"/>
    </row>
    <row r="442654" spans="8:8">
      <c r="H442654" s="12"/>
    </row>
    <row r="442655" spans="8:8">
      <c r="H442655" s="12"/>
    </row>
    <row r="442656" spans="8:8">
      <c r="H442656" s="12"/>
    </row>
    <row r="442657" spans="8:8">
      <c r="H442657" s="12"/>
    </row>
    <row r="442658" spans="8:8">
      <c r="H442658" s="12"/>
    </row>
    <row r="442659" spans="8:8">
      <c r="H442659" s="12"/>
    </row>
    <row r="442660" spans="8:8">
      <c r="H442660" s="12"/>
    </row>
    <row r="442661" spans="8:8">
      <c r="H442661" s="12"/>
    </row>
    <row r="442662" spans="8:8">
      <c r="H442662" s="12"/>
    </row>
    <row r="442663" spans="8:8">
      <c r="H442663" s="12"/>
    </row>
    <row r="442664" spans="8:8">
      <c r="H442664" s="12"/>
    </row>
    <row r="442665" spans="8:8">
      <c r="H442665" s="12"/>
    </row>
    <row r="442666" spans="8:8">
      <c r="H442666" s="12"/>
    </row>
    <row r="442667" spans="8:8">
      <c r="H442667" s="12"/>
    </row>
    <row r="442668" spans="8:8">
      <c r="H442668" s="12"/>
    </row>
    <row r="442669" spans="8:8">
      <c r="H442669" s="12"/>
    </row>
    <row r="442670" spans="8:8">
      <c r="H442670" s="12"/>
    </row>
    <row r="442671" spans="8:8">
      <c r="H442671" s="12"/>
    </row>
    <row r="442672" spans="8:8">
      <c r="H442672" s="12"/>
    </row>
    <row r="442673" spans="8:8">
      <c r="H442673" s="12"/>
    </row>
    <row r="442674" spans="8:8">
      <c r="H442674" s="12"/>
    </row>
    <row r="442675" spans="8:8">
      <c r="H442675" s="12"/>
    </row>
    <row r="442676" spans="8:8">
      <c r="H442676" s="12"/>
    </row>
    <row r="442677" spans="8:8">
      <c r="H442677" s="12"/>
    </row>
    <row r="442678" spans="8:8">
      <c r="H442678" s="12"/>
    </row>
    <row r="442679" spans="8:8">
      <c r="H442679" s="12"/>
    </row>
    <row r="442680" spans="8:8">
      <c r="H442680" s="12"/>
    </row>
    <row r="442681" spans="8:8">
      <c r="H442681" s="12"/>
    </row>
    <row r="442682" spans="8:8">
      <c r="H442682" s="12"/>
    </row>
    <row r="442683" spans="8:8">
      <c r="H442683" s="12"/>
    </row>
    <row r="442684" spans="8:8">
      <c r="H442684" s="12"/>
    </row>
    <row r="442685" spans="8:8">
      <c r="H442685" s="12"/>
    </row>
    <row r="442686" spans="8:8">
      <c r="H442686" s="12"/>
    </row>
    <row r="442687" spans="8:8">
      <c r="H442687" s="12"/>
    </row>
    <row r="442688" spans="8:8">
      <c r="H442688" s="12"/>
    </row>
    <row r="442689" spans="8:8">
      <c r="H442689" s="12"/>
    </row>
    <row r="442690" spans="8:8">
      <c r="H442690" s="12"/>
    </row>
    <row r="442691" spans="8:8">
      <c r="H442691" s="12"/>
    </row>
    <row r="442692" spans="8:8">
      <c r="H442692" s="12"/>
    </row>
    <row r="442693" spans="8:8">
      <c r="H442693" s="12"/>
    </row>
    <row r="442694" spans="8:8">
      <c r="H442694" s="12"/>
    </row>
    <row r="442695" spans="8:8">
      <c r="H442695" s="12"/>
    </row>
    <row r="442696" spans="8:8">
      <c r="H442696" s="12"/>
    </row>
    <row r="442697" spans="8:8">
      <c r="H442697" s="12"/>
    </row>
    <row r="442698" spans="8:8">
      <c r="H442698" s="12"/>
    </row>
    <row r="442699" spans="8:8">
      <c r="H442699" s="12"/>
    </row>
    <row r="442700" spans="8:8">
      <c r="H442700" s="12"/>
    </row>
    <row r="442701" spans="8:8">
      <c r="H442701" s="12"/>
    </row>
    <row r="442702" spans="8:8">
      <c r="H442702" s="12"/>
    </row>
    <row r="442703" spans="8:8">
      <c r="H442703" s="12"/>
    </row>
    <row r="442704" spans="8:8">
      <c r="H442704" s="12"/>
    </row>
    <row r="442705" spans="8:8">
      <c r="H442705" s="12"/>
    </row>
    <row r="442706" spans="8:8">
      <c r="H442706" s="12"/>
    </row>
    <row r="442707" spans="8:8">
      <c r="H442707" s="12"/>
    </row>
    <row r="442708" spans="8:8">
      <c r="H442708" s="12"/>
    </row>
    <row r="442709" spans="8:8">
      <c r="H442709" s="12"/>
    </row>
    <row r="442710" spans="8:8">
      <c r="H442710" s="12"/>
    </row>
    <row r="442711" spans="8:8">
      <c r="H442711" s="12"/>
    </row>
    <row r="442712" spans="8:8">
      <c r="H442712" s="12"/>
    </row>
    <row r="442713" spans="8:8">
      <c r="H442713" s="12"/>
    </row>
    <row r="442714" spans="8:8">
      <c r="H442714" s="12"/>
    </row>
    <row r="442715" spans="8:8">
      <c r="H442715" s="12"/>
    </row>
    <row r="442716" spans="8:8">
      <c r="H442716" s="12"/>
    </row>
    <row r="442717" spans="8:8">
      <c r="H442717" s="12"/>
    </row>
    <row r="442718" spans="8:8">
      <c r="H442718" s="12"/>
    </row>
    <row r="442719" spans="8:8">
      <c r="H442719" s="12"/>
    </row>
    <row r="442720" spans="8:8">
      <c r="H442720" s="12"/>
    </row>
    <row r="442721" spans="8:8">
      <c r="H442721" s="12"/>
    </row>
    <row r="442722" spans="8:8">
      <c r="H442722" s="12"/>
    </row>
    <row r="442723" spans="8:8">
      <c r="H442723" s="12"/>
    </row>
    <row r="442724" spans="8:8">
      <c r="H442724" s="12"/>
    </row>
    <row r="442725" spans="8:8">
      <c r="H442725" s="12"/>
    </row>
    <row r="442726" spans="8:8">
      <c r="H442726" s="12"/>
    </row>
    <row r="442727" spans="8:8">
      <c r="H442727" s="12"/>
    </row>
    <row r="442728" spans="8:8">
      <c r="H442728" s="12"/>
    </row>
    <row r="442729" spans="8:8">
      <c r="H442729" s="12"/>
    </row>
    <row r="442730" spans="8:8">
      <c r="H442730" s="12"/>
    </row>
    <row r="442731" spans="8:8">
      <c r="H442731" s="12"/>
    </row>
    <row r="442732" spans="8:8">
      <c r="H442732" s="12"/>
    </row>
    <row r="442733" spans="8:8">
      <c r="H442733" s="12"/>
    </row>
    <row r="442734" spans="8:8">
      <c r="H442734" s="12"/>
    </row>
    <row r="442735" spans="8:8">
      <c r="H442735" s="12"/>
    </row>
    <row r="442736" spans="8:8">
      <c r="H442736" s="12"/>
    </row>
    <row r="442737" spans="8:8">
      <c r="H442737" s="12"/>
    </row>
    <row r="442738" spans="8:8">
      <c r="H442738" s="12"/>
    </row>
    <row r="442739" spans="8:8">
      <c r="H442739" s="12"/>
    </row>
    <row r="442740" spans="8:8">
      <c r="H442740" s="12"/>
    </row>
    <row r="442741" spans="8:8">
      <c r="H442741" s="12"/>
    </row>
    <row r="442742" spans="8:8">
      <c r="H442742" s="12"/>
    </row>
    <row r="442743" spans="8:8">
      <c r="H442743" s="12"/>
    </row>
    <row r="442744" spans="8:8">
      <c r="H442744" s="12"/>
    </row>
    <row r="442745" spans="8:8">
      <c r="H442745" s="12"/>
    </row>
    <row r="442746" spans="8:8">
      <c r="H442746" s="12"/>
    </row>
    <row r="442747" spans="8:8">
      <c r="H442747" s="12"/>
    </row>
    <row r="442748" spans="8:8">
      <c r="H442748" s="12"/>
    </row>
    <row r="442749" spans="8:8">
      <c r="H442749" s="12"/>
    </row>
    <row r="442750" spans="8:8">
      <c r="H442750" s="12"/>
    </row>
    <row r="442751" spans="8:8">
      <c r="H442751" s="12"/>
    </row>
    <row r="442752" spans="8:8">
      <c r="H442752" s="12"/>
    </row>
    <row r="442753" spans="8:8">
      <c r="H442753" s="12"/>
    </row>
    <row r="442754" spans="8:8">
      <c r="H442754" s="12"/>
    </row>
    <row r="442755" spans="8:8">
      <c r="H442755" s="12"/>
    </row>
    <row r="442756" spans="8:8">
      <c r="H442756" s="12"/>
    </row>
    <row r="442757" spans="8:8">
      <c r="H442757" s="12"/>
    </row>
    <row r="442758" spans="8:8">
      <c r="H442758" s="12"/>
    </row>
    <row r="442759" spans="8:8">
      <c r="H442759" s="12"/>
    </row>
    <row r="442760" spans="8:8">
      <c r="H442760" s="12"/>
    </row>
    <row r="442761" spans="8:8">
      <c r="H442761" s="12"/>
    </row>
    <row r="442762" spans="8:8">
      <c r="H442762" s="12"/>
    </row>
    <row r="442763" spans="8:8">
      <c r="H442763" s="12"/>
    </row>
    <row r="442764" spans="8:8">
      <c r="H442764" s="12"/>
    </row>
    <row r="442765" spans="8:8">
      <c r="H442765" s="12"/>
    </row>
    <row r="442766" spans="8:8">
      <c r="H442766" s="12"/>
    </row>
    <row r="442767" spans="8:8">
      <c r="H442767" s="12"/>
    </row>
    <row r="442768" spans="8:8">
      <c r="H442768" s="12"/>
    </row>
    <row r="442769" spans="8:8">
      <c r="H442769" s="12"/>
    </row>
    <row r="442770" spans="8:8">
      <c r="H442770" s="12"/>
    </row>
    <row r="442771" spans="8:8">
      <c r="H442771" s="12"/>
    </row>
    <row r="442772" spans="8:8">
      <c r="H442772" s="12"/>
    </row>
    <row r="442773" spans="8:8">
      <c r="H442773" s="12"/>
    </row>
    <row r="442774" spans="8:8">
      <c r="H442774" s="12"/>
    </row>
    <row r="442775" spans="8:8">
      <c r="H442775" s="12"/>
    </row>
    <row r="442776" spans="8:8">
      <c r="H442776" s="12"/>
    </row>
    <row r="442777" spans="8:8">
      <c r="H442777" s="12"/>
    </row>
    <row r="442778" spans="8:8">
      <c r="H442778" s="12"/>
    </row>
    <row r="442779" spans="8:8">
      <c r="H442779" s="12"/>
    </row>
    <row r="442780" spans="8:8">
      <c r="H442780" s="12"/>
    </row>
    <row r="442781" spans="8:8">
      <c r="H442781" s="12"/>
    </row>
    <row r="442782" spans="8:8">
      <c r="H442782" s="12"/>
    </row>
    <row r="442783" spans="8:8">
      <c r="H442783" s="12"/>
    </row>
    <row r="442784" spans="8:8">
      <c r="H442784" s="12"/>
    </row>
    <row r="442785" spans="8:8">
      <c r="H442785" s="12"/>
    </row>
    <row r="442786" spans="8:8">
      <c r="H442786" s="12"/>
    </row>
    <row r="442787" spans="8:8">
      <c r="H442787" s="12"/>
    </row>
    <row r="442788" spans="8:8">
      <c r="H442788" s="12"/>
    </row>
    <row r="442789" spans="8:8">
      <c r="H442789" s="12"/>
    </row>
    <row r="442790" spans="8:8">
      <c r="H442790" s="12"/>
    </row>
    <row r="442791" spans="8:8">
      <c r="H442791" s="12"/>
    </row>
    <row r="442792" spans="8:8">
      <c r="H442792" s="12"/>
    </row>
    <row r="442793" spans="8:8">
      <c r="H442793" s="12"/>
    </row>
    <row r="442794" spans="8:8">
      <c r="H442794" s="12"/>
    </row>
    <row r="442795" spans="8:8">
      <c r="H442795" s="12"/>
    </row>
    <row r="442796" spans="8:8">
      <c r="H442796" s="12"/>
    </row>
    <row r="442797" spans="8:8">
      <c r="H442797" s="12"/>
    </row>
    <row r="442798" spans="8:8">
      <c r="H442798" s="12"/>
    </row>
    <row r="442799" spans="8:8">
      <c r="H442799" s="12"/>
    </row>
    <row r="442800" spans="8:8">
      <c r="H442800" s="12"/>
    </row>
    <row r="442801" spans="8:8">
      <c r="H442801" s="12"/>
    </row>
    <row r="442802" spans="8:8">
      <c r="H442802" s="12"/>
    </row>
    <row r="442803" spans="8:8">
      <c r="H442803" s="12"/>
    </row>
    <row r="442804" spans="8:8">
      <c r="H442804" s="12"/>
    </row>
    <row r="442805" spans="8:8">
      <c r="H442805" s="12"/>
    </row>
    <row r="442806" spans="8:8">
      <c r="H442806" s="12"/>
    </row>
    <row r="442807" spans="8:8">
      <c r="H442807" s="12"/>
    </row>
    <row r="442808" spans="8:8">
      <c r="H442808" s="12"/>
    </row>
    <row r="442809" spans="8:8">
      <c r="H442809" s="12"/>
    </row>
    <row r="442810" spans="8:8">
      <c r="H442810" s="12"/>
    </row>
    <row r="442811" spans="8:8">
      <c r="H442811" s="12"/>
    </row>
    <row r="442812" spans="8:8">
      <c r="H442812" s="12"/>
    </row>
    <row r="442813" spans="8:8">
      <c r="H442813" s="12"/>
    </row>
    <row r="442814" spans="8:8">
      <c r="H442814" s="12"/>
    </row>
    <row r="442815" spans="8:8">
      <c r="H442815" s="12"/>
    </row>
    <row r="442816" spans="8:8">
      <c r="H442816" s="12"/>
    </row>
    <row r="442817" spans="8:8">
      <c r="H442817" s="12"/>
    </row>
    <row r="442818" spans="8:8">
      <c r="H442818" s="12"/>
    </row>
    <row r="442819" spans="8:8">
      <c r="H442819" s="12"/>
    </row>
    <row r="442820" spans="8:8">
      <c r="H442820" s="12"/>
    </row>
    <row r="442821" spans="8:8">
      <c r="H442821" s="12"/>
    </row>
    <row r="442822" spans="8:8">
      <c r="H442822" s="12"/>
    </row>
    <row r="442823" spans="8:8">
      <c r="H442823" s="12"/>
    </row>
    <row r="442824" spans="8:8">
      <c r="H442824" s="12"/>
    </row>
    <row r="442825" spans="8:8">
      <c r="H442825" s="12"/>
    </row>
    <row r="442826" spans="8:8">
      <c r="H442826" s="12"/>
    </row>
    <row r="442827" spans="8:8">
      <c r="H442827" s="12"/>
    </row>
    <row r="442828" spans="8:8">
      <c r="H442828" s="12"/>
    </row>
    <row r="442829" spans="8:8">
      <c r="H442829" s="12"/>
    </row>
    <row r="442830" spans="8:8">
      <c r="H442830" s="12"/>
    </row>
    <row r="442831" spans="8:8">
      <c r="H442831" s="12"/>
    </row>
    <row r="442832" spans="8:8">
      <c r="H442832" s="12"/>
    </row>
    <row r="442833" spans="8:8">
      <c r="H442833" s="12"/>
    </row>
    <row r="442834" spans="8:8">
      <c r="H442834" s="12"/>
    </row>
    <row r="442835" spans="8:8">
      <c r="H442835" s="12"/>
    </row>
    <row r="442836" spans="8:8">
      <c r="H442836" s="12"/>
    </row>
    <row r="442837" spans="8:8">
      <c r="H442837" s="12"/>
    </row>
    <row r="442838" spans="8:8">
      <c r="H442838" s="12"/>
    </row>
    <row r="442839" spans="8:8">
      <c r="H442839" s="12"/>
    </row>
    <row r="442840" spans="8:8">
      <c r="H442840" s="12"/>
    </row>
    <row r="442841" spans="8:8">
      <c r="H442841" s="12"/>
    </row>
    <row r="442842" spans="8:8">
      <c r="H442842" s="12"/>
    </row>
    <row r="442843" spans="8:8">
      <c r="H442843" s="12"/>
    </row>
    <row r="442844" spans="8:8">
      <c r="H442844" s="12"/>
    </row>
    <row r="442845" spans="8:8">
      <c r="H442845" s="12"/>
    </row>
    <row r="442846" spans="8:8">
      <c r="H442846" s="12"/>
    </row>
    <row r="442847" spans="8:8">
      <c r="H442847" s="12"/>
    </row>
    <row r="442848" spans="8:8">
      <c r="H442848" s="12"/>
    </row>
    <row r="442849" spans="8:8">
      <c r="H442849" s="12"/>
    </row>
    <row r="442850" spans="8:8">
      <c r="H442850" s="12"/>
    </row>
    <row r="442851" spans="8:8">
      <c r="H442851" s="12"/>
    </row>
    <row r="442852" spans="8:8">
      <c r="H442852" s="12"/>
    </row>
    <row r="442853" spans="8:8">
      <c r="H442853" s="12"/>
    </row>
    <row r="442854" spans="8:8">
      <c r="H442854" s="12"/>
    </row>
    <row r="442855" spans="8:8">
      <c r="H442855" s="12"/>
    </row>
    <row r="442856" spans="8:8">
      <c r="H442856" s="12"/>
    </row>
    <row r="442857" spans="8:8">
      <c r="H442857" s="12"/>
    </row>
    <row r="442858" spans="8:8">
      <c r="H442858" s="12"/>
    </row>
    <row r="442859" spans="8:8">
      <c r="H442859" s="12"/>
    </row>
    <row r="442860" spans="8:8">
      <c r="H442860" s="12"/>
    </row>
    <row r="442861" spans="8:8">
      <c r="H442861" s="12"/>
    </row>
    <row r="442862" spans="8:8">
      <c r="H442862" s="12"/>
    </row>
    <row r="442863" spans="8:8">
      <c r="H442863" s="12"/>
    </row>
    <row r="442864" spans="8:8">
      <c r="H442864" s="12"/>
    </row>
    <row r="442865" spans="8:8">
      <c r="H442865" s="12"/>
    </row>
    <row r="442866" spans="8:8">
      <c r="H442866" s="12"/>
    </row>
    <row r="442867" spans="8:8">
      <c r="H442867" s="12"/>
    </row>
    <row r="442868" spans="8:8">
      <c r="H442868" s="12"/>
    </row>
    <row r="442869" spans="8:8">
      <c r="H442869" s="12"/>
    </row>
    <row r="442870" spans="8:8">
      <c r="H442870" s="12"/>
    </row>
    <row r="442871" spans="8:8">
      <c r="H442871" s="12"/>
    </row>
    <row r="442872" spans="8:8">
      <c r="H442872" s="12"/>
    </row>
    <row r="442873" spans="8:8">
      <c r="H442873" s="12"/>
    </row>
    <row r="442874" spans="8:8">
      <c r="H442874" s="12"/>
    </row>
    <row r="442875" spans="8:8">
      <c r="H442875" s="12"/>
    </row>
    <row r="442876" spans="8:8">
      <c r="H442876" s="12"/>
    </row>
    <row r="442877" spans="8:8">
      <c r="H442877" s="12"/>
    </row>
    <row r="442878" spans="8:8">
      <c r="H442878" s="12"/>
    </row>
    <row r="442879" spans="8:8">
      <c r="H442879" s="12"/>
    </row>
    <row r="442880" spans="8:8">
      <c r="H442880" s="12"/>
    </row>
    <row r="442881" spans="8:8">
      <c r="H442881" s="12"/>
    </row>
    <row r="442882" spans="8:8">
      <c r="H442882" s="12"/>
    </row>
    <row r="442883" spans="8:8">
      <c r="H442883" s="12"/>
    </row>
    <row r="442884" spans="8:8">
      <c r="H442884" s="12"/>
    </row>
    <row r="442885" spans="8:8">
      <c r="H442885" s="12"/>
    </row>
    <row r="442886" spans="8:8">
      <c r="H442886" s="12"/>
    </row>
    <row r="442887" spans="8:8">
      <c r="H442887" s="12"/>
    </row>
    <row r="442888" spans="8:8">
      <c r="H442888" s="12"/>
    </row>
    <row r="442889" spans="8:8">
      <c r="H442889" s="12"/>
    </row>
    <row r="442890" spans="8:8">
      <c r="H442890" s="12"/>
    </row>
    <row r="442891" spans="8:8">
      <c r="H442891" s="12"/>
    </row>
    <row r="442892" spans="8:8">
      <c r="H442892" s="12"/>
    </row>
    <row r="442893" spans="8:8">
      <c r="H442893" s="12"/>
    </row>
    <row r="442894" spans="8:8">
      <c r="H442894" s="12"/>
    </row>
    <row r="442895" spans="8:8">
      <c r="H442895" s="12"/>
    </row>
    <row r="442896" spans="8:8">
      <c r="H442896" s="12"/>
    </row>
    <row r="442897" spans="8:8">
      <c r="H442897" s="12"/>
    </row>
    <row r="442898" spans="8:8">
      <c r="H442898" s="12"/>
    </row>
    <row r="442899" spans="8:8">
      <c r="H442899" s="12"/>
    </row>
    <row r="442900" spans="8:8">
      <c r="H442900" s="12"/>
    </row>
    <row r="442901" spans="8:8">
      <c r="H442901" s="12"/>
    </row>
    <row r="442902" spans="8:8">
      <c r="H442902" s="12"/>
    </row>
    <row r="442903" spans="8:8">
      <c r="H442903" s="12"/>
    </row>
    <row r="442904" spans="8:8">
      <c r="H442904" s="12"/>
    </row>
    <row r="442905" spans="8:8">
      <c r="H442905" s="12"/>
    </row>
    <row r="442906" spans="8:8">
      <c r="H442906" s="12"/>
    </row>
    <row r="442907" spans="8:8">
      <c r="H442907" s="12"/>
    </row>
    <row r="442908" spans="8:8">
      <c r="H442908" s="12"/>
    </row>
    <row r="442909" spans="8:8">
      <c r="H442909" s="12"/>
    </row>
    <row r="442910" spans="8:8">
      <c r="H442910" s="12"/>
    </row>
    <row r="442911" spans="8:8">
      <c r="H442911" s="12"/>
    </row>
    <row r="442912" spans="8:8">
      <c r="H442912" s="12"/>
    </row>
    <row r="442913" spans="8:8">
      <c r="H442913" s="12"/>
    </row>
    <row r="442914" spans="8:8">
      <c r="H442914" s="12"/>
    </row>
    <row r="442915" spans="8:8">
      <c r="H442915" s="12"/>
    </row>
    <row r="442916" spans="8:8">
      <c r="H442916" s="12"/>
    </row>
    <row r="442917" spans="8:8">
      <c r="H442917" s="12"/>
    </row>
    <row r="442918" spans="8:8">
      <c r="H442918" s="12"/>
    </row>
    <row r="442919" spans="8:8">
      <c r="H442919" s="12"/>
    </row>
    <row r="442920" spans="8:8">
      <c r="H442920" s="12"/>
    </row>
    <row r="442921" spans="8:8">
      <c r="H442921" s="12"/>
    </row>
    <row r="442922" spans="8:8">
      <c r="H442922" s="12"/>
    </row>
    <row r="442923" spans="8:8">
      <c r="H442923" s="12"/>
    </row>
    <row r="442924" spans="8:8">
      <c r="H442924" s="12"/>
    </row>
    <row r="442925" spans="8:8">
      <c r="H442925" s="12"/>
    </row>
    <row r="442926" spans="8:8">
      <c r="H442926" s="12"/>
    </row>
    <row r="442927" spans="8:8">
      <c r="H442927" s="12"/>
    </row>
    <row r="442928" spans="8:8">
      <c r="H442928" s="12"/>
    </row>
    <row r="442929" spans="8:8">
      <c r="H442929" s="12"/>
    </row>
    <row r="442930" spans="8:8">
      <c r="H442930" s="12"/>
    </row>
    <row r="442931" spans="8:8">
      <c r="H442931" s="12"/>
    </row>
    <row r="442932" spans="8:8">
      <c r="H442932" s="12"/>
    </row>
    <row r="442933" spans="8:8">
      <c r="H442933" s="12"/>
    </row>
    <row r="442934" spans="8:8">
      <c r="H442934" s="12"/>
    </row>
    <row r="442935" spans="8:8">
      <c r="H442935" s="12"/>
    </row>
    <row r="442936" spans="8:8">
      <c r="H442936" s="12"/>
    </row>
    <row r="442937" spans="8:8">
      <c r="H442937" s="12"/>
    </row>
    <row r="442938" spans="8:8">
      <c r="H442938" s="12"/>
    </row>
    <row r="442939" spans="8:8">
      <c r="H442939" s="12"/>
    </row>
    <row r="442940" spans="8:8">
      <c r="H442940" s="12"/>
    </row>
    <row r="442941" spans="8:8">
      <c r="H442941" s="12"/>
    </row>
    <row r="442942" spans="8:8">
      <c r="H442942" s="12"/>
    </row>
    <row r="442943" spans="8:8">
      <c r="H442943" s="12"/>
    </row>
    <row r="442944" spans="8:8">
      <c r="H442944" s="12"/>
    </row>
    <row r="442945" spans="8:8">
      <c r="H442945" s="12"/>
    </row>
    <row r="442946" spans="8:8">
      <c r="H442946" s="12"/>
    </row>
    <row r="442947" spans="8:8">
      <c r="H442947" s="12"/>
    </row>
    <row r="442948" spans="8:8">
      <c r="H442948" s="12"/>
    </row>
    <row r="442949" spans="8:8">
      <c r="H442949" s="12"/>
    </row>
    <row r="442950" spans="8:8">
      <c r="H442950" s="12"/>
    </row>
    <row r="442951" spans="8:8">
      <c r="H442951" s="12"/>
    </row>
    <row r="442952" spans="8:8">
      <c r="H442952" s="12"/>
    </row>
    <row r="442953" spans="8:8">
      <c r="H442953" s="12"/>
    </row>
    <row r="442954" spans="8:8">
      <c r="H442954" s="12"/>
    </row>
    <row r="442955" spans="8:8">
      <c r="H442955" s="12"/>
    </row>
    <row r="442956" spans="8:8">
      <c r="H442956" s="12"/>
    </row>
    <row r="442957" spans="8:8">
      <c r="H442957" s="12"/>
    </row>
    <row r="442958" spans="8:8">
      <c r="H442958" s="12"/>
    </row>
    <row r="442959" spans="8:8">
      <c r="H442959" s="12"/>
    </row>
    <row r="442960" spans="8:8">
      <c r="H442960" s="12"/>
    </row>
    <row r="442961" spans="8:8">
      <c r="H442961" s="12"/>
    </row>
    <row r="442962" spans="8:8">
      <c r="H442962" s="12"/>
    </row>
    <row r="442963" spans="8:8">
      <c r="H442963" s="12"/>
    </row>
    <row r="442964" spans="8:8">
      <c r="H442964" s="12"/>
    </row>
    <row r="442965" spans="8:8">
      <c r="H442965" s="12"/>
    </row>
    <row r="442966" spans="8:8">
      <c r="H442966" s="12"/>
    </row>
    <row r="442967" spans="8:8">
      <c r="H442967" s="12"/>
    </row>
    <row r="442968" spans="8:8">
      <c r="H442968" s="12"/>
    </row>
    <row r="442969" spans="8:8">
      <c r="H442969" s="12"/>
    </row>
    <row r="442970" spans="8:8">
      <c r="H442970" s="12"/>
    </row>
    <row r="442971" spans="8:8">
      <c r="H442971" s="12"/>
    </row>
    <row r="442972" spans="8:8">
      <c r="H442972" s="12"/>
    </row>
    <row r="442973" spans="8:8">
      <c r="H442973" s="12"/>
    </row>
    <row r="442974" spans="8:8">
      <c r="H442974" s="12"/>
    </row>
    <row r="442975" spans="8:8">
      <c r="H442975" s="12"/>
    </row>
    <row r="442976" spans="8:8">
      <c r="H442976" s="12"/>
    </row>
    <row r="442977" spans="8:8">
      <c r="H442977" s="12"/>
    </row>
    <row r="442978" spans="8:8">
      <c r="H442978" s="12"/>
    </row>
    <row r="442979" spans="8:8">
      <c r="H442979" s="12"/>
    </row>
    <row r="442980" spans="8:8">
      <c r="H442980" s="12"/>
    </row>
    <row r="442981" spans="8:8">
      <c r="H442981" s="12"/>
    </row>
    <row r="442982" spans="8:8">
      <c r="H442982" s="12"/>
    </row>
    <row r="442983" spans="8:8">
      <c r="H442983" s="12"/>
    </row>
    <row r="442984" spans="8:8">
      <c r="H442984" s="12"/>
    </row>
    <row r="442985" spans="8:8">
      <c r="H442985" s="12"/>
    </row>
    <row r="442986" spans="8:8">
      <c r="H442986" s="12"/>
    </row>
    <row r="442987" spans="8:8">
      <c r="H442987" s="12"/>
    </row>
    <row r="442988" spans="8:8">
      <c r="H442988" s="12"/>
    </row>
    <row r="442989" spans="8:8">
      <c r="H442989" s="12"/>
    </row>
    <row r="442990" spans="8:8">
      <c r="H442990" s="12"/>
    </row>
    <row r="442991" spans="8:8">
      <c r="H442991" s="12"/>
    </row>
    <row r="442992" spans="8:8">
      <c r="H442992" s="12"/>
    </row>
    <row r="442993" spans="8:8">
      <c r="H442993" s="12"/>
    </row>
    <row r="442994" spans="8:8">
      <c r="H442994" s="12"/>
    </row>
    <row r="442995" spans="8:8">
      <c r="H442995" s="12"/>
    </row>
    <row r="442996" spans="8:8">
      <c r="H442996" s="12"/>
    </row>
    <row r="442997" spans="8:8">
      <c r="H442997" s="12"/>
    </row>
    <row r="442998" spans="8:8">
      <c r="H442998" s="12"/>
    </row>
    <row r="442999" spans="8:8">
      <c r="H442999" s="12"/>
    </row>
    <row r="443000" spans="8:8">
      <c r="H443000" s="12"/>
    </row>
    <row r="443001" spans="8:8">
      <c r="H443001" s="12"/>
    </row>
    <row r="443002" spans="8:8">
      <c r="H443002" s="12"/>
    </row>
    <row r="443003" spans="8:8">
      <c r="H443003" s="12"/>
    </row>
    <row r="443004" spans="8:8">
      <c r="H443004" s="12"/>
    </row>
    <row r="443005" spans="8:8">
      <c r="H443005" s="12"/>
    </row>
    <row r="443006" spans="8:8">
      <c r="H443006" s="12"/>
    </row>
    <row r="443007" spans="8:8">
      <c r="H443007" s="12"/>
    </row>
    <row r="443008" spans="8:8">
      <c r="H443008" s="12"/>
    </row>
    <row r="443009" spans="8:8">
      <c r="H443009" s="12"/>
    </row>
    <row r="443010" spans="8:8">
      <c r="H443010" s="12"/>
    </row>
    <row r="443011" spans="8:8">
      <c r="H443011" s="12"/>
    </row>
    <row r="443012" spans="8:8">
      <c r="H443012" s="12"/>
    </row>
    <row r="443013" spans="8:8">
      <c r="H443013" s="12"/>
    </row>
    <row r="443014" spans="8:8">
      <c r="H443014" s="12"/>
    </row>
    <row r="443015" spans="8:8">
      <c r="H443015" s="12"/>
    </row>
    <row r="443016" spans="8:8">
      <c r="H443016" s="12"/>
    </row>
    <row r="443017" spans="8:8">
      <c r="H443017" s="12"/>
    </row>
    <row r="443018" spans="8:8">
      <c r="H443018" s="12"/>
    </row>
    <row r="443019" spans="8:8">
      <c r="H443019" s="12"/>
    </row>
    <row r="443020" spans="8:8">
      <c r="H443020" s="12"/>
    </row>
    <row r="443021" spans="8:8">
      <c r="H443021" s="12"/>
    </row>
    <row r="443022" spans="8:8">
      <c r="H443022" s="12"/>
    </row>
    <row r="443023" spans="8:8">
      <c r="H443023" s="12"/>
    </row>
    <row r="443024" spans="8:8">
      <c r="H443024" s="12"/>
    </row>
    <row r="443025" spans="8:8">
      <c r="H443025" s="12"/>
    </row>
    <row r="443026" spans="8:8">
      <c r="H443026" s="12"/>
    </row>
    <row r="443027" spans="8:8">
      <c r="H443027" s="12"/>
    </row>
    <row r="443028" spans="8:8">
      <c r="H443028" s="12"/>
    </row>
    <row r="443029" spans="8:8">
      <c r="H443029" s="12"/>
    </row>
    <row r="443030" spans="8:8">
      <c r="H443030" s="12"/>
    </row>
    <row r="443031" spans="8:8">
      <c r="H443031" s="12"/>
    </row>
    <row r="443032" spans="8:8">
      <c r="H443032" s="12"/>
    </row>
    <row r="443033" spans="8:8">
      <c r="H443033" s="12"/>
    </row>
    <row r="443034" spans="8:8">
      <c r="H443034" s="12"/>
    </row>
    <row r="443035" spans="8:8">
      <c r="H443035" s="12"/>
    </row>
    <row r="443036" spans="8:8">
      <c r="H443036" s="12"/>
    </row>
    <row r="443037" spans="8:8">
      <c r="H443037" s="12"/>
    </row>
    <row r="443038" spans="8:8">
      <c r="H443038" s="12"/>
    </row>
    <row r="443039" spans="8:8">
      <c r="H443039" s="12"/>
    </row>
    <row r="443040" spans="8:8">
      <c r="H443040" s="12"/>
    </row>
    <row r="443041" spans="8:8">
      <c r="H443041" s="12"/>
    </row>
    <row r="443042" spans="8:8">
      <c r="H443042" s="12"/>
    </row>
    <row r="443043" spans="8:8">
      <c r="H443043" s="12"/>
    </row>
    <row r="443044" spans="8:8">
      <c r="H443044" s="12"/>
    </row>
    <row r="443045" spans="8:8">
      <c r="H443045" s="12"/>
    </row>
    <row r="443046" spans="8:8">
      <c r="H443046" s="12"/>
    </row>
    <row r="443047" spans="8:8">
      <c r="H443047" s="12"/>
    </row>
    <row r="443048" spans="8:8">
      <c r="H443048" s="12"/>
    </row>
    <row r="443049" spans="8:8">
      <c r="H443049" s="12"/>
    </row>
    <row r="443050" spans="8:8">
      <c r="H443050" s="12"/>
    </row>
    <row r="443051" spans="8:8">
      <c r="H443051" s="12"/>
    </row>
    <row r="443052" spans="8:8">
      <c r="H443052" s="12"/>
    </row>
    <row r="443053" spans="8:8">
      <c r="H443053" s="12"/>
    </row>
    <row r="443054" spans="8:8">
      <c r="H443054" s="12"/>
    </row>
    <row r="443055" spans="8:8">
      <c r="H443055" s="12"/>
    </row>
    <row r="443056" spans="8:8">
      <c r="H443056" s="12"/>
    </row>
    <row r="443057" spans="8:8">
      <c r="H443057" s="12"/>
    </row>
    <row r="443058" spans="8:8">
      <c r="H443058" s="12"/>
    </row>
    <row r="443059" spans="8:8">
      <c r="H443059" s="12"/>
    </row>
    <row r="443060" spans="8:8">
      <c r="H443060" s="12"/>
    </row>
    <row r="443061" spans="8:8">
      <c r="H443061" s="12"/>
    </row>
    <row r="443062" spans="8:8">
      <c r="H443062" s="12"/>
    </row>
    <row r="443063" spans="8:8">
      <c r="H443063" s="12"/>
    </row>
    <row r="443064" spans="8:8">
      <c r="H443064" s="12"/>
    </row>
    <row r="443065" spans="8:8">
      <c r="H443065" s="12"/>
    </row>
    <row r="443066" spans="8:8">
      <c r="H443066" s="12"/>
    </row>
    <row r="443067" spans="8:8">
      <c r="H443067" s="12"/>
    </row>
    <row r="443068" spans="8:8">
      <c r="H443068" s="12"/>
    </row>
    <row r="443069" spans="8:8">
      <c r="H443069" s="12"/>
    </row>
    <row r="443070" spans="8:8">
      <c r="H443070" s="12"/>
    </row>
    <row r="443071" spans="8:8">
      <c r="H443071" s="12"/>
    </row>
    <row r="443072" spans="8:8">
      <c r="H443072" s="12"/>
    </row>
    <row r="443073" spans="8:8">
      <c r="H443073" s="12"/>
    </row>
    <row r="443074" spans="8:8">
      <c r="H443074" s="12"/>
    </row>
    <row r="443075" spans="8:8">
      <c r="H443075" s="12"/>
    </row>
    <row r="443076" spans="8:8">
      <c r="H443076" s="12"/>
    </row>
    <row r="443077" spans="8:8">
      <c r="H443077" s="12"/>
    </row>
    <row r="443078" spans="8:8">
      <c r="H443078" s="12"/>
    </row>
    <row r="443079" spans="8:8">
      <c r="H443079" s="12"/>
    </row>
    <row r="443080" spans="8:8">
      <c r="H443080" s="12"/>
    </row>
    <row r="443081" spans="8:8">
      <c r="H443081" s="12"/>
    </row>
    <row r="443082" spans="8:8">
      <c r="H443082" s="12"/>
    </row>
    <row r="443083" spans="8:8">
      <c r="H443083" s="12"/>
    </row>
    <row r="443084" spans="8:8">
      <c r="H443084" s="12"/>
    </row>
    <row r="443085" spans="8:8">
      <c r="H443085" s="12"/>
    </row>
    <row r="443086" spans="8:8">
      <c r="H443086" s="12"/>
    </row>
    <row r="443087" spans="8:8">
      <c r="H443087" s="12"/>
    </row>
    <row r="443088" spans="8:8">
      <c r="H443088" s="12"/>
    </row>
    <row r="443089" spans="8:8">
      <c r="H443089" s="12"/>
    </row>
    <row r="443090" spans="8:8">
      <c r="H443090" s="12"/>
    </row>
    <row r="443091" spans="8:8">
      <c r="H443091" s="12"/>
    </row>
    <row r="443092" spans="8:8">
      <c r="H443092" s="12"/>
    </row>
    <row r="443093" spans="8:8">
      <c r="H443093" s="12"/>
    </row>
    <row r="443094" spans="8:8">
      <c r="H443094" s="12"/>
    </row>
    <row r="443095" spans="8:8">
      <c r="H443095" s="12"/>
    </row>
    <row r="443096" spans="8:8">
      <c r="H443096" s="12"/>
    </row>
    <row r="443097" spans="8:8">
      <c r="H443097" s="12"/>
    </row>
    <row r="443098" spans="8:8">
      <c r="H443098" s="12"/>
    </row>
    <row r="443099" spans="8:8">
      <c r="H443099" s="12"/>
    </row>
    <row r="443100" spans="8:8">
      <c r="H443100" s="12"/>
    </row>
    <row r="443101" spans="8:8">
      <c r="H443101" s="12"/>
    </row>
    <row r="443102" spans="8:8">
      <c r="H443102" s="12"/>
    </row>
    <row r="443103" spans="8:8">
      <c r="H443103" s="12"/>
    </row>
    <row r="443104" spans="8:8">
      <c r="H443104" s="12"/>
    </row>
    <row r="443105" spans="8:8">
      <c r="H443105" s="12"/>
    </row>
    <row r="443106" spans="8:8">
      <c r="H443106" s="12"/>
    </row>
    <row r="443107" spans="8:8">
      <c r="H443107" s="12"/>
    </row>
    <row r="443108" spans="8:8">
      <c r="H443108" s="12"/>
    </row>
    <row r="443109" spans="8:8">
      <c r="H443109" s="12"/>
    </row>
    <row r="443110" spans="8:8">
      <c r="H443110" s="12"/>
    </row>
    <row r="443111" spans="8:8">
      <c r="H443111" s="12"/>
    </row>
    <row r="443112" spans="8:8">
      <c r="H443112" s="12"/>
    </row>
    <row r="443113" spans="8:8">
      <c r="H443113" s="12"/>
    </row>
    <row r="443114" spans="8:8">
      <c r="H443114" s="12"/>
    </row>
    <row r="443115" spans="8:8">
      <c r="H443115" s="12"/>
    </row>
    <row r="443116" spans="8:8">
      <c r="H443116" s="12"/>
    </row>
    <row r="443117" spans="8:8">
      <c r="H443117" s="12"/>
    </row>
    <row r="443118" spans="8:8">
      <c r="H443118" s="12"/>
    </row>
    <row r="443119" spans="8:8">
      <c r="H443119" s="12"/>
    </row>
    <row r="443120" spans="8:8">
      <c r="H443120" s="12"/>
    </row>
    <row r="443121" spans="8:8">
      <c r="H443121" s="12"/>
    </row>
    <row r="443122" spans="8:8">
      <c r="H443122" s="12"/>
    </row>
    <row r="443123" spans="8:8">
      <c r="H443123" s="12"/>
    </row>
    <row r="443124" spans="8:8">
      <c r="H443124" s="12"/>
    </row>
    <row r="443125" spans="8:8">
      <c r="H443125" s="12"/>
    </row>
    <row r="443126" spans="8:8">
      <c r="H443126" s="12"/>
    </row>
    <row r="443127" spans="8:8">
      <c r="H443127" s="12"/>
    </row>
    <row r="443128" spans="8:8">
      <c r="H443128" s="12"/>
    </row>
    <row r="443129" spans="8:8">
      <c r="H443129" s="12"/>
    </row>
    <row r="443130" spans="8:8">
      <c r="H443130" s="12"/>
    </row>
    <row r="443131" spans="8:8">
      <c r="H443131" s="12"/>
    </row>
    <row r="443132" spans="8:8">
      <c r="H443132" s="12"/>
    </row>
    <row r="443133" spans="8:8">
      <c r="H443133" s="12"/>
    </row>
    <row r="443134" spans="8:8">
      <c r="H443134" s="12"/>
    </row>
    <row r="443135" spans="8:8">
      <c r="H443135" s="12"/>
    </row>
    <row r="443136" spans="8:8">
      <c r="H443136" s="12"/>
    </row>
    <row r="443137" spans="8:8">
      <c r="H443137" s="12"/>
    </row>
    <row r="443138" spans="8:8">
      <c r="H443138" s="12"/>
    </row>
    <row r="443139" spans="8:8">
      <c r="H443139" s="12"/>
    </row>
    <row r="443140" spans="8:8">
      <c r="H443140" s="12"/>
    </row>
    <row r="443141" spans="8:8">
      <c r="H443141" s="12"/>
    </row>
    <row r="443142" spans="8:8">
      <c r="H443142" s="12"/>
    </row>
    <row r="443143" spans="8:8">
      <c r="H443143" s="12"/>
    </row>
    <row r="443144" spans="8:8">
      <c r="H443144" s="12"/>
    </row>
    <row r="443145" spans="8:8">
      <c r="H443145" s="12"/>
    </row>
    <row r="443146" spans="8:8">
      <c r="H443146" s="12"/>
    </row>
    <row r="443147" spans="8:8">
      <c r="H443147" s="12"/>
    </row>
    <row r="443148" spans="8:8">
      <c r="H443148" s="12"/>
    </row>
    <row r="443149" spans="8:8">
      <c r="H443149" s="12"/>
    </row>
    <row r="443150" spans="8:8">
      <c r="H443150" s="12"/>
    </row>
    <row r="443151" spans="8:8">
      <c r="H443151" s="12"/>
    </row>
    <row r="443152" spans="8:8">
      <c r="H443152" s="12"/>
    </row>
    <row r="443153" spans="8:8">
      <c r="H443153" s="12"/>
    </row>
    <row r="443154" spans="8:8">
      <c r="H443154" s="12"/>
    </row>
    <row r="443155" spans="8:8">
      <c r="H443155" s="12"/>
    </row>
    <row r="443156" spans="8:8">
      <c r="H443156" s="12"/>
    </row>
    <row r="443157" spans="8:8">
      <c r="H443157" s="12"/>
    </row>
    <row r="443158" spans="8:8">
      <c r="H443158" s="12"/>
    </row>
    <row r="443159" spans="8:8">
      <c r="H443159" s="12"/>
    </row>
    <row r="443160" spans="8:8">
      <c r="H443160" s="12"/>
    </row>
    <row r="443161" spans="8:8">
      <c r="H443161" s="12"/>
    </row>
    <row r="443162" spans="8:8">
      <c r="H443162" s="12"/>
    </row>
    <row r="443163" spans="8:8">
      <c r="H443163" s="12"/>
    </row>
    <row r="443164" spans="8:8">
      <c r="H443164" s="12"/>
    </row>
    <row r="443165" spans="8:8">
      <c r="H443165" s="12"/>
    </row>
    <row r="443166" spans="8:8">
      <c r="H443166" s="12"/>
    </row>
    <row r="443167" spans="8:8">
      <c r="H443167" s="12"/>
    </row>
    <row r="443168" spans="8:8">
      <c r="H443168" s="12"/>
    </row>
    <row r="443169" spans="8:8">
      <c r="H443169" s="12"/>
    </row>
    <row r="443170" spans="8:8">
      <c r="H443170" s="12"/>
    </row>
    <row r="443171" spans="8:8">
      <c r="H443171" s="12"/>
    </row>
    <row r="443172" spans="8:8">
      <c r="H443172" s="12"/>
    </row>
    <row r="443173" spans="8:8">
      <c r="H443173" s="12"/>
    </row>
    <row r="443174" spans="8:8">
      <c r="H443174" s="12"/>
    </row>
    <row r="443175" spans="8:8">
      <c r="H443175" s="12"/>
    </row>
    <row r="443176" spans="8:8">
      <c r="H443176" s="12"/>
    </row>
    <row r="443177" spans="8:8">
      <c r="H443177" s="12"/>
    </row>
    <row r="443178" spans="8:8">
      <c r="H443178" s="12"/>
    </row>
    <row r="443179" spans="8:8">
      <c r="H443179" s="12"/>
    </row>
    <row r="443180" spans="8:8">
      <c r="H443180" s="12"/>
    </row>
    <row r="443181" spans="8:8">
      <c r="H443181" s="12"/>
    </row>
    <row r="443182" spans="8:8">
      <c r="H443182" s="12"/>
    </row>
    <row r="443183" spans="8:8">
      <c r="H443183" s="12"/>
    </row>
    <row r="443184" spans="8:8">
      <c r="H443184" s="12"/>
    </row>
    <row r="443185" spans="8:8">
      <c r="H443185" s="12"/>
    </row>
    <row r="443186" spans="8:8">
      <c r="H443186" s="12"/>
    </row>
    <row r="443187" spans="8:8">
      <c r="H443187" s="12"/>
    </row>
    <row r="443188" spans="8:8">
      <c r="H443188" s="12"/>
    </row>
    <row r="443189" spans="8:8">
      <c r="H443189" s="12"/>
    </row>
    <row r="443190" spans="8:8">
      <c r="H443190" s="12"/>
    </row>
    <row r="443191" spans="8:8">
      <c r="H443191" s="12"/>
    </row>
    <row r="443192" spans="8:8">
      <c r="H443192" s="12"/>
    </row>
    <row r="443193" spans="8:8">
      <c r="H443193" s="12"/>
    </row>
    <row r="443194" spans="8:8">
      <c r="H443194" s="12"/>
    </row>
    <row r="443195" spans="8:8">
      <c r="H443195" s="12"/>
    </row>
    <row r="443196" spans="8:8">
      <c r="H443196" s="12"/>
    </row>
    <row r="443197" spans="8:8">
      <c r="H443197" s="12"/>
    </row>
    <row r="443198" spans="8:8">
      <c r="H443198" s="12"/>
    </row>
    <row r="443199" spans="8:8">
      <c r="H443199" s="12"/>
    </row>
    <row r="443200" spans="8:8">
      <c r="H443200" s="12"/>
    </row>
    <row r="443201" spans="8:8">
      <c r="H443201" s="12"/>
    </row>
    <row r="443202" spans="8:8">
      <c r="H443202" s="12"/>
    </row>
    <row r="443203" spans="8:8">
      <c r="H443203" s="12"/>
    </row>
    <row r="443204" spans="8:8">
      <c r="H443204" s="12"/>
    </row>
    <row r="443205" spans="8:8">
      <c r="H443205" s="12"/>
    </row>
    <row r="443206" spans="8:8">
      <c r="H443206" s="12"/>
    </row>
    <row r="443207" spans="8:8">
      <c r="H443207" s="12"/>
    </row>
    <row r="443208" spans="8:8">
      <c r="H443208" s="12"/>
    </row>
    <row r="443209" spans="8:8">
      <c r="H443209" s="12"/>
    </row>
    <row r="443210" spans="8:8">
      <c r="H443210" s="12"/>
    </row>
    <row r="443211" spans="8:8">
      <c r="H443211" s="12"/>
    </row>
    <row r="443212" spans="8:8">
      <c r="H443212" s="12"/>
    </row>
    <row r="443213" spans="8:8">
      <c r="H443213" s="12"/>
    </row>
    <row r="443214" spans="8:8">
      <c r="H443214" s="12"/>
    </row>
    <row r="443215" spans="8:8">
      <c r="H443215" s="12"/>
    </row>
    <row r="443216" spans="8:8">
      <c r="H443216" s="12"/>
    </row>
    <row r="443217" spans="8:8">
      <c r="H443217" s="12"/>
    </row>
    <row r="443218" spans="8:8">
      <c r="H443218" s="12"/>
    </row>
    <row r="443219" spans="8:8">
      <c r="H443219" s="12"/>
    </row>
    <row r="443220" spans="8:8">
      <c r="H443220" s="12"/>
    </row>
    <row r="443221" spans="8:8">
      <c r="H443221" s="12"/>
    </row>
    <row r="443222" spans="8:8">
      <c r="H443222" s="12"/>
    </row>
    <row r="443223" spans="8:8">
      <c r="H443223" s="12"/>
    </row>
    <row r="443224" spans="8:8">
      <c r="H443224" s="12"/>
    </row>
    <row r="443225" spans="8:8">
      <c r="H443225" s="12"/>
    </row>
    <row r="443226" spans="8:8">
      <c r="H443226" s="12"/>
    </row>
    <row r="443227" spans="8:8">
      <c r="H443227" s="12"/>
    </row>
    <row r="443228" spans="8:8">
      <c r="H443228" s="12"/>
    </row>
    <row r="443229" spans="8:8">
      <c r="H443229" s="12"/>
    </row>
    <row r="443230" spans="8:8">
      <c r="H443230" s="12"/>
    </row>
    <row r="443231" spans="8:8">
      <c r="H443231" s="12"/>
    </row>
    <row r="443232" spans="8:8">
      <c r="H443232" s="12"/>
    </row>
    <row r="443233" spans="8:8">
      <c r="H443233" s="12"/>
    </row>
    <row r="443234" spans="8:8">
      <c r="H443234" s="12"/>
    </row>
    <row r="443235" spans="8:8">
      <c r="H443235" s="12"/>
    </row>
    <row r="443236" spans="8:8">
      <c r="H443236" s="12"/>
    </row>
    <row r="443237" spans="8:8">
      <c r="H443237" s="12"/>
    </row>
    <row r="443238" spans="8:8">
      <c r="H443238" s="12"/>
    </row>
    <row r="443239" spans="8:8">
      <c r="H443239" s="12"/>
    </row>
    <row r="443240" spans="8:8">
      <c r="H443240" s="12"/>
    </row>
    <row r="443241" spans="8:8">
      <c r="H443241" s="12"/>
    </row>
    <row r="443242" spans="8:8">
      <c r="H443242" s="12"/>
    </row>
    <row r="443243" spans="8:8">
      <c r="H443243" s="12"/>
    </row>
    <row r="443244" spans="8:8">
      <c r="H443244" s="12"/>
    </row>
    <row r="443245" spans="8:8">
      <c r="H443245" s="12"/>
    </row>
    <row r="443246" spans="8:8">
      <c r="H443246" s="12"/>
    </row>
    <row r="443247" spans="8:8">
      <c r="H443247" s="12"/>
    </row>
    <row r="443248" spans="8:8">
      <c r="H443248" s="12"/>
    </row>
    <row r="443249" spans="8:8">
      <c r="H443249" s="12"/>
    </row>
    <row r="443250" spans="8:8">
      <c r="H443250" s="12"/>
    </row>
    <row r="443251" spans="8:8">
      <c r="H443251" s="12"/>
    </row>
    <row r="443252" spans="8:8">
      <c r="H443252" s="12"/>
    </row>
    <row r="443253" spans="8:8">
      <c r="H443253" s="12"/>
    </row>
    <row r="443254" spans="8:8">
      <c r="H443254" s="12"/>
    </row>
    <row r="443255" spans="8:8">
      <c r="H443255" s="12"/>
    </row>
    <row r="443256" spans="8:8">
      <c r="H443256" s="12"/>
    </row>
    <row r="443257" spans="8:8">
      <c r="H443257" s="12"/>
    </row>
    <row r="443258" spans="8:8">
      <c r="H443258" s="12"/>
    </row>
    <row r="443259" spans="8:8">
      <c r="H443259" s="12"/>
    </row>
    <row r="443260" spans="8:8">
      <c r="H443260" s="12"/>
    </row>
    <row r="443261" spans="8:8">
      <c r="H443261" s="12"/>
    </row>
    <row r="443262" spans="8:8">
      <c r="H443262" s="12"/>
    </row>
    <row r="443263" spans="8:8">
      <c r="H443263" s="12"/>
    </row>
    <row r="443264" spans="8:8">
      <c r="H443264" s="12"/>
    </row>
    <row r="443265" spans="8:8">
      <c r="H443265" s="12"/>
    </row>
    <row r="443266" spans="8:8">
      <c r="H443266" s="12"/>
    </row>
    <row r="443267" spans="8:8">
      <c r="H443267" s="12"/>
    </row>
    <row r="443268" spans="8:8">
      <c r="H443268" s="12"/>
    </row>
    <row r="443269" spans="8:8">
      <c r="H443269" s="12"/>
    </row>
    <row r="443270" spans="8:8">
      <c r="H443270" s="12"/>
    </row>
    <row r="443271" spans="8:8">
      <c r="H443271" s="12"/>
    </row>
    <row r="443272" spans="8:8">
      <c r="H443272" s="12"/>
    </row>
    <row r="443273" spans="8:8">
      <c r="H443273" s="12"/>
    </row>
    <row r="443274" spans="8:8">
      <c r="H443274" s="12"/>
    </row>
    <row r="443275" spans="8:8">
      <c r="H443275" s="12"/>
    </row>
    <row r="443276" spans="8:8">
      <c r="H443276" s="12"/>
    </row>
    <row r="443277" spans="8:8">
      <c r="H443277" s="12"/>
    </row>
    <row r="443278" spans="8:8">
      <c r="H443278" s="12"/>
    </row>
    <row r="443279" spans="8:8">
      <c r="H443279" s="12"/>
    </row>
    <row r="443280" spans="8:8">
      <c r="H443280" s="12"/>
    </row>
    <row r="443281" spans="8:8">
      <c r="H443281" s="12"/>
    </row>
    <row r="443282" spans="8:8">
      <c r="H443282" s="12"/>
    </row>
    <row r="443283" spans="8:8">
      <c r="H443283" s="12"/>
    </row>
    <row r="443284" spans="8:8">
      <c r="H443284" s="12"/>
    </row>
    <row r="443285" spans="8:8">
      <c r="H443285" s="12"/>
    </row>
    <row r="443286" spans="8:8">
      <c r="H443286" s="12"/>
    </row>
    <row r="443287" spans="8:8">
      <c r="H443287" s="12"/>
    </row>
    <row r="443288" spans="8:8">
      <c r="H443288" s="12"/>
    </row>
    <row r="443289" spans="8:8">
      <c r="H443289" s="12"/>
    </row>
    <row r="443290" spans="8:8">
      <c r="H443290" s="12"/>
    </row>
    <row r="443291" spans="8:8">
      <c r="H443291" s="12"/>
    </row>
    <row r="443292" spans="8:8">
      <c r="H443292" s="12"/>
    </row>
    <row r="443293" spans="8:8">
      <c r="H443293" s="12"/>
    </row>
    <row r="443294" spans="8:8">
      <c r="H443294" s="12"/>
    </row>
    <row r="443295" spans="8:8">
      <c r="H443295" s="12"/>
    </row>
    <row r="443296" spans="8:8">
      <c r="H443296" s="12"/>
    </row>
    <row r="443297" spans="8:8">
      <c r="H443297" s="12"/>
    </row>
    <row r="443298" spans="8:8">
      <c r="H443298" s="12"/>
    </row>
    <row r="443299" spans="8:8">
      <c r="H443299" s="12"/>
    </row>
    <row r="443300" spans="8:8">
      <c r="H443300" s="12"/>
    </row>
    <row r="443301" spans="8:8">
      <c r="H443301" s="12"/>
    </row>
    <row r="443302" spans="8:8">
      <c r="H443302" s="12"/>
    </row>
    <row r="443303" spans="8:8">
      <c r="H443303" s="12"/>
    </row>
    <row r="443304" spans="8:8">
      <c r="H443304" s="12"/>
    </row>
    <row r="443305" spans="8:8">
      <c r="H443305" s="12"/>
    </row>
    <row r="443306" spans="8:8">
      <c r="H443306" s="12"/>
    </row>
    <row r="443307" spans="8:8">
      <c r="H443307" s="12"/>
    </row>
    <row r="443308" spans="8:8">
      <c r="H443308" s="12"/>
    </row>
    <row r="443309" spans="8:8">
      <c r="H443309" s="12"/>
    </row>
    <row r="443310" spans="8:8">
      <c r="H443310" s="12"/>
    </row>
    <row r="443311" spans="8:8">
      <c r="H443311" s="12"/>
    </row>
    <row r="443312" spans="8:8">
      <c r="H443312" s="12"/>
    </row>
    <row r="443313" spans="8:8">
      <c r="H443313" s="12"/>
    </row>
    <row r="443314" spans="8:8">
      <c r="H443314" s="12"/>
    </row>
    <row r="443315" spans="8:8">
      <c r="H443315" s="12"/>
    </row>
    <row r="443316" spans="8:8">
      <c r="H443316" s="12"/>
    </row>
    <row r="443317" spans="8:8">
      <c r="H443317" s="12"/>
    </row>
    <row r="443318" spans="8:8">
      <c r="H443318" s="12"/>
    </row>
    <row r="443319" spans="8:8">
      <c r="H443319" s="12"/>
    </row>
    <row r="443320" spans="8:8">
      <c r="H443320" s="12"/>
    </row>
    <row r="443321" spans="8:8">
      <c r="H443321" s="12"/>
    </row>
    <row r="443322" spans="8:8">
      <c r="H443322" s="12"/>
    </row>
    <row r="443323" spans="8:8">
      <c r="H443323" s="12"/>
    </row>
    <row r="443324" spans="8:8">
      <c r="H443324" s="12"/>
    </row>
    <row r="443325" spans="8:8">
      <c r="H443325" s="12"/>
    </row>
    <row r="443326" spans="8:8">
      <c r="H443326" s="12"/>
    </row>
    <row r="443327" spans="8:8">
      <c r="H443327" s="12"/>
    </row>
    <row r="443328" spans="8:8">
      <c r="H443328" s="12"/>
    </row>
    <row r="443329" spans="8:8">
      <c r="H443329" s="12"/>
    </row>
    <row r="443330" spans="8:8">
      <c r="H443330" s="12"/>
    </row>
    <row r="443331" spans="8:8">
      <c r="H443331" s="12"/>
    </row>
    <row r="443332" spans="8:8">
      <c r="H443332" s="12"/>
    </row>
    <row r="443333" spans="8:8">
      <c r="H443333" s="12"/>
    </row>
    <row r="443334" spans="8:8">
      <c r="H443334" s="12"/>
    </row>
    <row r="443335" spans="8:8">
      <c r="H443335" s="12"/>
    </row>
    <row r="443336" spans="8:8">
      <c r="H443336" s="12"/>
    </row>
    <row r="443337" spans="8:8">
      <c r="H443337" s="12"/>
    </row>
    <row r="443338" spans="8:8">
      <c r="H443338" s="12"/>
    </row>
    <row r="443339" spans="8:8">
      <c r="H443339" s="12"/>
    </row>
    <row r="443340" spans="8:8">
      <c r="H443340" s="12"/>
    </row>
    <row r="443341" spans="8:8">
      <c r="H443341" s="12"/>
    </row>
    <row r="443342" spans="8:8">
      <c r="H443342" s="12"/>
    </row>
    <row r="443343" spans="8:8">
      <c r="H443343" s="12"/>
    </row>
    <row r="443344" spans="8:8">
      <c r="H443344" s="12"/>
    </row>
    <row r="443345" spans="8:8">
      <c r="H443345" s="12"/>
    </row>
    <row r="443346" spans="8:8">
      <c r="H443346" s="12"/>
    </row>
    <row r="443347" spans="8:8">
      <c r="H443347" s="12"/>
    </row>
    <row r="443348" spans="8:8">
      <c r="H443348" s="12"/>
    </row>
    <row r="443349" spans="8:8">
      <c r="H443349" s="12"/>
    </row>
    <row r="443350" spans="8:8">
      <c r="H443350" s="12"/>
    </row>
    <row r="443351" spans="8:8">
      <c r="H443351" s="12"/>
    </row>
    <row r="443352" spans="8:8">
      <c r="H443352" s="12"/>
    </row>
    <row r="443353" spans="8:8">
      <c r="H443353" s="12"/>
    </row>
    <row r="443354" spans="8:8">
      <c r="H443354" s="12"/>
    </row>
    <row r="443355" spans="8:8">
      <c r="H443355" s="12"/>
    </row>
    <row r="443356" spans="8:8">
      <c r="H443356" s="12"/>
    </row>
    <row r="443357" spans="8:8">
      <c r="H443357" s="12"/>
    </row>
    <row r="443358" spans="8:8">
      <c r="H443358" s="12"/>
    </row>
    <row r="443359" spans="8:8">
      <c r="H443359" s="12"/>
    </row>
    <row r="443360" spans="8:8">
      <c r="H443360" s="12"/>
    </row>
    <row r="443361" spans="8:8">
      <c r="H443361" s="12"/>
    </row>
    <row r="443362" spans="8:8">
      <c r="H443362" s="12"/>
    </row>
    <row r="443363" spans="8:8">
      <c r="H443363" s="12"/>
    </row>
    <row r="443364" spans="8:8">
      <c r="H443364" s="12"/>
    </row>
    <row r="443365" spans="8:8">
      <c r="H443365" s="12"/>
    </row>
    <row r="443366" spans="8:8">
      <c r="H443366" s="12"/>
    </row>
    <row r="443367" spans="8:8">
      <c r="H443367" s="12"/>
    </row>
    <row r="443368" spans="8:8">
      <c r="H443368" s="12"/>
    </row>
    <row r="443369" spans="8:8">
      <c r="H443369" s="12"/>
    </row>
    <row r="443370" spans="8:8">
      <c r="H443370" s="12"/>
    </row>
    <row r="443371" spans="8:8">
      <c r="H443371" s="12"/>
    </row>
    <row r="443372" spans="8:8">
      <c r="H443372" s="12"/>
    </row>
    <row r="443373" spans="8:8">
      <c r="H443373" s="12"/>
    </row>
    <row r="443374" spans="8:8">
      <c r="H443374" s="12"/>
    </row>
    <row r="443375" spans="8:8">
      <c r="H443375" s="12"/>
    </row>
    <row r="443376" spans="8:8">
      <c r="H443376" s="12"/>
    </row>
    <row r="443377" spans="8:8">
      <c r="H443377" s="12"/>
    </row>
    <row r="443378" spans="8:8">
      <c r="H443378" s="12"/>
    </row>
    <row r="443379" spans="8:8">
      <c r="H443379" s="12"/>
    </row>
    <row r="443380" spans="8:8">
      <c r="H443380" s="12"/>
    </row>
    <row r="443381" spans="8:8">
      <c r="H443381" s="12"/>
    </row>
    <row r="443382" spans="8:8">
      <c r="H443382" s="12"/>
    </row>
    <row r="443383" spans="8:8">
      <c r="H443383" s="12"/>
    </row>
    <row r="443384" spans="8:8">
      <c r="H443384" s="12"/>
    </row>
    <row r="443385" spans="8:8">
      <c r="H443385" s="12"/>
    </row>
    <row r="443386" spans="8:8">
      <c r="H443386" s="12"/>
    </row>
    <row r="443387" spans="8:8">
      <c r="H443387" s="12"/>
    </row>
    <row r="443388" spans="8:8">
      <c r="H443388" s="12"/>
    </row>
    <row r="443389" spans="8:8">
      <c r="H443389" s="12"/>
    </row>
    <row r="443390" spans="8:8">
      <c r="H443390" s="12"/>
    </row>
    <row r="443391" spans="8:8">
      <c r="H443391" s="12"/>
    </row>
    <row r="443392" spans="8:8">
      <c r="H443392" s="12"/>
    </row>
    <row r="443393" spans="8:8">
      <c r="H443393" s="12"/>
    </row>
    <row r="443394" spans="8:8">
      <c r="H443394" s="12"/>
    </row>
    <row r="443395" spans="8:8">
      <c r="H443395" s="12"/>
    </row>
    <row r="443396" spans="8:8">
      <c r="H443396" s="12"/>
    </row>
    <row r="443397" spans="8:8">
      <c r="H443397" s="12"/>
    </row>
    <row r="443398" spans="8:8">
      <c r="H443398" s="12"/>
    </row>
    <row r="443399" spans="8:8">
      <c r="H443399" s="12"/>
    </row>
    <row r="443400" spans="8:8">
      <c r="H443400" s="12"/>
    </row>
    <row r="443401" spans="8:8">
      <c r="H443401" s="12"/>
    </row>
    <row r="443402" spans="8:8">
      <c r="H443402" s="12"/>
    </row>
    <row r="443403" spans="8:8">
      <c r="H443403" s="12"/>
    </row>
    <row r="443404" spans="8:8">
      <c r="H443404" s="12"/>
    </row>
    <row r="443405" spans="8:8">
      <c r="H443405" s="12"/>
    </row>
    <row r="443406" spans="8:8">
      <c r="H443406" s="12"/>
    </row>
    <row r="443407" spans="8:8">
      <c r="H443407" s="12"/>
    </row>
    <row r="443408" spans="8:8">
      <c r="H443408" s="12"/>
    </row>
    <row r="443409" spans="8:8">
      <c r="H443409" s="12"/>
    </row>
    <row r="443410" spans="8:8">
      <c r="H443410" s="12"/>
    </row>
    <row r="443411" spans="8:8">
      <c r="H443411" s="12"/>
    </row>
    <row r="443412" spans="8:8">
      <c r="H443412" s="12"/>
    </row>
    <row r="443413" spans="8:8">
      <c r="H443413" s="12"/>
    </row>
    <row r="443414" spans="8:8">
      <c r="H443414" s="12"/>
    </row>
    <row r="443415" spans="8:8">
      <c r="H443415" s="12"/>
    </row>
    <row r="443416" spans="8:8">
      <c r="H443416" s="12"/>
    </row>
    <row r="443417" spans="8:8">
      <c r="H443417" s="12"/>
    </row>
    <row r="443418" spans="8:8">
      <c r="H443418" s="12"/>
    </row>
    <row r="443419" spans="8:8">
      <c r="H443419" s="12"/>
    </row>
    <row r="443420" spans="8:8">
      <c r="H443420" s="12"/>
    </row>
    <row r="443421" spans="8:8">
      <c r="H443421" s="12"/>
    </row>
    <row r="443422" spans="8:8">
      <c r="H443422" s="12"/>
    </row>
    <row r="443423" spans="8:8">
      <c r="H443423" s="12"/>
    </row>
    <row r="443424" spans="8:8">
      <c r="H443424" s="12"/>
    </row>
    <row r="443425" spans="8:8">
      <c r="H443425" s="12"/>
    </row>
    <row r="443426" spans="8:8">
      <c r="H443426" s="12"/>
    </row>
    <row r="443427" spans="8:8">
      <c r="H443427" s="12"/>
    </row>
    <row r="443428" spans="8:8">
      <c r="H443428" s="12"/>
    </row>
    <row r="443429" spans="8:8">
      <c r="H443429" s="12"/>
    </row>
    <row r="443430" spans="8:8">
      <c r="H443430" s="12"/>
    </row>
    <row r="443431" spans="8:8">
      <c r="H443431" s="12"/>
    </row>
    <row r="443432" spans="8:8">
      <c r="H443432" s="12"/>
    </row>
    <row r="443433" spans="8:8">
      <c r="H443433" s="12"/>
    </row>
    <row r="443434" spans="8:8">
      <c r="H443434" s="12"/>
    </row>
    <row r="443435" spans="8:8">
      <c r="H443435" s="12"/>
    </row>
    <row r="443436" spans="8:8">
      <c r="H443436" s="12"/>
    </row>
    <row r="443437" spans="8:8">
      <c r="H443437" s="12"/>
    </row>
    <row r="443438" spans="8:8">
      <c r="H443438" s="12"/>
    </row>
    <row r="443439" spans="8:8">
      <c r="H443439" s="12"/>
    </row>
    <row r="443440" spans="8:8">
      <c r="H443440" s="12"/>
    </row>
    <row r="443441" spans="8:8">
      <c r="H443441" s="12"/>
    </row>
    <row r="443442" spans="8:8">
      <c r="H443442" s="12"/>
    </row>
    <row r="443443" spans="8:8">
      <c r="H443443" s="12"/>
    </row>
    <row r="443444" spans="8:8">
      <c r="H443444" s="12"/>
    </row>
    <row r="443445" spans="8:8">
      <c r="H443445" s="12"/>
    </row>
    <row r="443446" spans="8:8">
      <c r="H443446" s="12"/>
    </row>
    <row r="443447" spans="8:8">
      <c r="H443447" s="12"/>
    </row>
    <row r="443448" spans="8:8">
      <c r="H443448" s="12"/>
    </row>
    <row r="443449" spans="8:8">
      <c r="H443449" s="12"/>
    </row>
    <row r="443450" spans="8:8">
      <c r="H443450" s="12"/>
    </row>
    <row r="443451" spans="8:8">
      <c r="H443451" s="12"/>
    </row>
    <row r="443452" spans="8:8">
      <c r="H443452" s="12"/>
    </row>
    <row r="443453" spans="8:8">
      <c r="H443453" s="12"/>
    </row>
    <row r="443454" spans="8:8">
      <c r="H443454" s="12"/>
    </row>
    <row r="443455" spans="8:8">
      <c r="H443455" s="12"/>
    </row>
    <row r="443456" spans="8:8">
      <c r="H443456" s="12"/>
    </row>
    <row r="443457" spans="8:8">
      <c r="H443457" s="12"/>
    </row>
    <row r="443458" spans="8:8">
      <c r="H443458" s="12"/>
    </row>
    <row r="443459" spans="8:8">
      <c r="H443459" s="12"/>
    </row>
    <row r="443460" spans="8:8">
      <c r="H443460" s="12"/>
    </row>
    <row r="443461" spans="8:8">
      <c r="H443461" s="12"/>
    </row>
    <row r="443462" spans="8:8">
      <c r="H443462" s="12"/>
    </row>
    <row r="443463" spans="8:8">
      <c r="H443463" s="12"/>
    </row>
    <row r="443464" spans="8:8">
      <c r="H443464" s="12"/>
    </row>
    <row r="443465" spans="8:8">
      <c r="H443465" s="12"/>
    </row>
    <row r="443466" spans="8:8">
      <c r="H443466" s="12"/>
    </row>
    <row r="443467" spans="8:8">
      <c r="H443467" s="12"/>
    </row>
    <row r="443468" spans="8:8">
      <c r="H443468" s="12"/>
    </row>
    <row r="443469" spans="8:8">
      <c r="H443469" s="12"/>
    </row>
    <row r="443470" spans="8:8">
      <c r="H443470" s="12"/>
    </row>
    <row r="443471" spans="8:8">
      <c r="H443471" s="12"/>
    </row>
    <row r="443472" spans="8:8">
      <c r="H443472" s="12"/>
    </row>
    <row r="443473" spans="8:8">
      <c r="H443473" s="12"/>
    </row>
    <row r="443474" spans="8:8">
      <c r="H443474" s="12"/>
    </row>
    <row r="443475" spans="8:8">
      <c r="H443475" s="12"/>
    </row>
    <row r="443476" spans="8:8">
      <c r="H443476" s="12"/>
    </row>
    <row r="443477" spans="8:8">
      <c r="H443477" s="12"/>
    </row>
    <row r="443478" spans="8:8">
      <c r="H443478" s="12"/>
    </row>
    <row r="443479" spans="8:8">
      <c r="H443479" s="12"/>
    </row>
    <row r="443480" spans="8:8">
      <c r="H443480" s="12"/>
    </row>
    <row r="443481" spans="8:8">
      <c r="H443481" s="12"/>
    </row>
    <row r="443482" spans="8:8">
      <c r="H443482" s="12"/>
    </row>
    <row r="443483" spans="8:8">
      <c r="H443483" s="12"/>
    </row>
    <row r="443484" spans="8:8">
      <c r="H443484" s="12"/>
    </row>
    <row r="443485" spans="8:8">
      <c r="H443485" s="12"/>
    </row>
    <row r="443486" spans="8:8">
      <c r="H443486" s="12"/>
    </row>
    <row r="443487" spans="8:8">
      <c r="H443487" s="12"/>
    </row>
    <row r="443488" spans="8:8">
      <c r="H443488" s="12"/>
    </row>
    <row r="443489" spans="8:8">
      <c r="H443489" s="12"/>
    </row>
    <row r="443490" spans="8:8">
      <c r="H443490" s="12"/>
    </row>
    <row r="443491" spans="8:8">
      <c r="H443491" s="12"/>
    </row>
    <row r="443492" spans="8:8">
      <c r="H443492" s="12"/>
    </row>
    <row r="443493" spans="8:8">
      <c r="H443493" s="12"/>
    </row>
    <row r="443494" spans="8:8">
      <c r="H443494" s="12"/>
    </row>
    <row r="443495" spans="8:8">
      <c r="H443495" s="12"/>
    </row>
    <row r="443496" spans="8:8">
      <c r="H443496" s="12"/>
    </row>
    <row r="443497" spans="8:8">
      <c r="H443497" s="12"/>
    </row>
    <row r="443498" spans="8:8">
      <c r="H443498" s="12"/>
    </row>
    <row r="443499" spans="8:8">
      <c r="H443499" s="12"/>
    </row>
    <row r="443500" spans="8:8">
      <c r="H443500" s="12"/>
    </row>
    <row r="443501" spans="8:8">
      <c r="H443501" s="12"/>
    </row>
    <row r="443502" spans="8:8">
      <c r="H443502" s="12"/>
    </row>
    <row r="443503" spans="8:8">
      <c r="H443503" s="12"/>
    </row>
    <row r="443504" spans="8:8">
      <c r="H443504" s="12"/>
    </row>
    <row r="443505" spans="8:8">
      <c r="H443505" s="12"/>
    </row>
    <row r="443506" spans="8:8">
      <c r="H443506" s="12"/>
    </row>
    <row r="443507" spans="8:8">
      <c r="H443507" s="12"/>
    </row>
    <row r="443508" spans="8:8">
      <c r="H443508" s="12"/>
    </row>
    <row r="443509" spans="8:8">
      <c r="H443509" s="12"/>
    </row>
    <row r="443510" spans="8:8">
      <c r="H443510" s="12"/>
    </row>
    <row r="443511" spans="8:8">
      <c r="H443511" s="12"/>
    </row>
    <row r="443512" spans="8:8">
      <c r="H443512" s="12"/>
    </row>
    <row r="443513" spans="8:8">
      <c r="H443513" s="12"/>
    </row>
    <row r="443514" spans="8:8">
      <c r="H443514" s="12"/>
    </row>
    <row r="443515" spans="8:8">
      <c r="H443515" s="12"/>
    </row>
    <row r="443516" spans="8:8">
      <c r="H443516" s="12"/>
    </row>
    <row r="443517" spans="8:8">
      <c r="H443517" s="12"/>
    </row>
    <row r="443518" spans="8:8">
      <c r="H443518" s="12"/>
    </row>
    <row r="443519" spans="8:8">
      <c r="H443519" s="12"/>
    </row>
    <row r="443520" spans="8:8">
      <c r="H443520" s="12"/>
    </row>
    <row r="443521" spans="8:8">
      <c r="H443521" s="12"/>
    </row>
    <row r="443522" spans="8:8">
      <c r="H443522" s="12"/>
    </row>
    <row r="443523" spans="8:8">
      <c r="H443523" s="12"/>
    </row>
    <row r="443524" spans="8:8">
      <c r="H443524" s="12"/>
    </row>
    <row r="443525" spans="8:8">
      <c r="H443525" s="12"/>
    </row>
    <row r="443526" spans="8:8">
      <c r="H443526" s="12"/>
    </row>
    <row r="443527" spans="8:8">
      <c r="H443527" s="12"/>
    </row>
    <row r="443528" spans="8:8">
      <c r="H443528" s="12"/>
    </row>
    <row r="443529" spans="8:8">
      <c r="H443529" s="12"/>
    </row>
    <row r="443530" spans="8:8">
      <c r="H443530" s="12"/>
    </row>
    <row r="443531" spans="8:8">
      <c r="H443531" s="12"/>
    </row>
    <row r="443532" spans="8:8">
      <c r="H443532" s="12"/>
    </row>
    <row r="443533" spans="8:8">
      <c r="H443533" s="12"/>
    </row>
    <row r="443534" spans="8:8">
      <c r="H443534" s="12"/>
    </row>
    <row r="443535" spans="8:8">
      <c r="H443535" s="12"/>
    </row>
    <row r="443536" spans="8:8">
      <c r="H443536" s="12"/>
    </row>
    <row r="443537" spans="8:8">
      <c r="H443537" s="12"/>
    </row>
    <row r="443538" spans="8:8">
      <c r="H443538" s="12"/>
    </row>
    <row r="443539" spans="8:8">
      <c r="H443539" s="12"/>
    </row>
    <row r="443540" spans="8:8">
      <c r="H443540" s="12"/>
    </row>
    <row r="443541" spans="8:8">
      <c r="H443541" s="12"/>
    </row>
    <row r="443542" spans="8:8">
      <c r="H443542" s="12"/>
    </row>
    <row r="443543" spans="8:8">
      <c r="H443543" s="12"/>
    </row>
    <row r="443544" spans="8:8">
      <c r="H443544" s="12"/>
    </row>
    <row r="443545" spans="8:8">
      <c r="H443545" s="12"/>
    </row>
    <row r="443546" spans="8:8">
      <c r="H443546" s="12"/>
    </row>
    <row r="443547" spans="8:8">
      <c r="H443547" s="12"/>
    </row>
    <row r="443548" spans="8:8">
      <c r="H443548" s="12"/>
    </row>
    <row r="443549" spans="8:8">
      <c r="H443549" s="12"/>
    </row>
    <row r="443550" spans="8:8">
      <c r="H443550" s="12"/>
    </row>
    <row r="443551" spans="8:8">
      <c r="H443551" s="12"/>
    </row>
    <row r="443552" spans="8:8">
      <c r="H443552" s="12"/>
    </row>
    <row r="443553" spans="8:8">
      <c r="H443553" s="12"/>
    </row>
    <row r="443554" spans="8:8">
      <c r="H443554" s="12"/>
    </row>
    <row r="443555" spans="8:8">
      <c r="H443555" s="12"/>
    </row>
    <row r="443556" spans="8:8">
      <c r="H443556" s="12"/>
    </row>
    <row r="443557" spans="8:8">
      <c r="H443557" s="12"/>
    </row>
    <row r="443558" spans="8:8">
      <c r="H443558" s="12"/>
    </row>
    <row r="443559" spans="8:8">
      <c r="H443559" s="12"/>
    </row>
    <row r="443560" spans="8:8">
      <c r="H443560" s="12"/>
    </row>
    <row r="443561" spans="8:8">
      <c r="H443561" s="12"/>
    </row>
    <row r="443562" spans="8:8">
      <c r="H443562" s="12"/>
    </row>
    <row r="443563" spans="8:8">
      <c r="H443563" s="12"/>
    </row>
    <row r="443564" spans="8:8">
      <c r="H443564" s="12"/>
    </row>
    <row r="443565" spans="8:8">
      <c r="H443565" s="12"/>
    </row>
    <row r="443566" spans="8:8">
      <c r="H443566" s="12"/>
    </row>
    <row r="443567" spans="8:8">
      <c r="H443567" s="12"/>
    </row>
    <row r="443568" spans="8:8">
      <c r="H443568" s="12"/>
    </row>
    <row r="443569" spans="8:8">
      <c r="H443569" s="12"/>
    </row>
    <row r="443570" spans="8:8">
      <c r="H443570" s="12"/>
    </row>
    <row r="443571" spans="8:8">
      <c r="H443571" s="12"/>
    </row>
    <row r="443572" spans="8:8">
      <c r="H443572" s="12"/>
    </row>
    <row r="443573" spans="8:8">
      <c r="H443573" s="12"/>
    </row>
    <row r="443574" spans="8:8">
      <c r="H443574" s="12"/>
    </row>
    <row r="443575" spans="8:8">
      <c r="H443575" s="12"/>
    </row>
    <row r="443576" spans="8:8">
      <c r="H443576" s="12"/>
    </row>
    <row r="443577" spans="8:8">
      <c r="H443577" s="12"/>
    </row>
    <row r="443578" spans="8:8">
      <c r="H443578" s="12"/>
    </row>
    <row r="443579" spans="8:8">
      <c r="H443579" s="12"/>
    </row>
    <row r="443580" spans="8:8">
      <c r="H443580" s="12"/>
    </row>
    <row r="443581" spans="8:8">
      <c r="H443581" s="12"/>
    </row>
    <row r="443582" spans="8:8">
      <c r="H443582" s="12"/>
    </row>
    <row r="443583" spans="8:8">
      <c r="H443583" s="12"/>
    </row>
    <row r="443584" spans="8:8">
      <c r="H443584" s="12"/>
    </row>
    <row r="443585" spans="8:8">
      <c r="H443585" s="12"/>
    </row>
    <row r="443586" spans="8:8">
      <c r="H443586" s="12"/>
    </row>
    <row r="443587" spans="8:8">
      <c r="H443587" s="12"/>
    </row>
    <row r="443588" spans="8:8">
      <c r="H443588" s="12"/>
    </row>
    <row r="443589" spans="8:8">
      <c r="H443589" s="12"/>
    </row>
    <row r="443590" spans="8:8">
      <c r="H443590" s="12"/>
    </row>
    <row r="443591" spans="8:8">
      <c r="H443591" s="12"/>
    </row>
    <row r="443592" spans="8:8">
      <c r="H443592" s="12"/>
    </row>
    <row r="443593" spans="8:8">
      <c r="H443593" s="12"/>
    </row>
    <row r="443594" spans="8:8">
      <c r="H443594" s="12"/>
    </row>
    <row r="443595" spans="8:8">
      <c r="H443595" s="12"/>
    </row>
    <row r="443596" spans="8:8">
      <c r="H443596" s="12"/>
    </row>
    <row r="443597" spans="8:8">
      <c r="H443597" s="12"/>
    </row>
    <row r="443598" spans="8:8">
      <c r="H443598" s="12"/>
    </row>
    <row r="443599" spans="8:8">
      <c r="H443599" s="12"/>
    </row>
    <row r="443600" spans="8:8">
      <c r="H443600" s="12"/>
    </row>
    <row r="443601" spans="8:8">
      <c r="H443601" s="12"/>
    </row>
    <row r="443602" spans="8:8">
      <c r="H443602" s="12"/>
    </row>
    <row r="443603" spans="8:8">
      <c r="H443603" s="12"/>
    </row>
    <row r="443604" spans="8:8">
      <c r="H443604" s="12"/>
    </row>
    <row r="443605" spans="8:8">
      <c r="H443605" s="12"/>
    </row>
    <row r="443606" spans="8:8">
      <c r="H443606" s="12"/>
    </row>
    <row r="443607" spans="8:8">
      <c r="H443607" s="12"/>
    </row>
    <row r="443608" spans="8:8">
      <c r="H443608" s="12"/>
    </row>
    <row r="443609" spans="8:8">
      <c r="H443609" s="12"/>
    </row>
    <row r="443610" spans="8:8">
      <c r="H443610" s="12"/>
    </row>
    <row r="443611" spans="8:8">
      <c r="H443611" s="12"/>
    </row>
    <row r="443612" spans="8:8">
      <c r="H443612" s="12"/>
    </row>
    <row r="443613" spans="8:8">
      <c r="H443613" s="12"/>
    </row>
    <row r="443614" spans="8:8">
      <c r="H443614" s="12"/>
    </row>
    <row r="443615" spans="8:8">
      <c r="H443615" s="12"/>
    </row>
    <row r="443616" spans="8:8">
      <c r="H443616" s="12"/>
    </row>
    <row r="443617" spans="8:8">
      <c r="H443617" s="12"/>
    </row>
    <row r="443618" spans="8:8">
      <c r="H443618" s="12"/>
    </row>
    <row r="443619" spans="8:8">
      <c r="H443619" s="12"/>
    </row>
    <row r="443620" spans="8:8">
      <c r="H443620" s="12"/>
    </row>
    <row r="443621" spans="8:8">
      <c r="H443621" s="12"/>
    </row>
    <row r="443622" spans="8:8">
      <c r="H443622" s="12"/>
    </row>
    <row r="443623" spans="8:8">
      <c r="H443623" s="12"/>
    </row>
    <row r="443624" spans="8:8">
      <c r="H443624" s="12"/>
    </row>
    <row r="443625" spans="8:8">
      <c r="H443625" s="12"/>
    </row>
    <row r="443626" spans="8:8">
      <c r="H443626" s="12"/>
    </row>
    <row r="443627" spans="8:8">
      <c r="H443627" s="12"/>
    </row>
    <row r="443628" spans="8:8">
      <c r="H443628" s="12"/>
    </row>
    <row r="443629" spans="8:8">
      <c r="H443629" s="12"/>
    </row>
    <row r="443630" spans="8:8">
      <c r="H443630" s="12"/>
    </row>
    <row r="443631" spans="8:8">
      <c r="H443631" s="12"/>
    </row>
    <row r="443632" spans="8:8">
      <c r="H443632" s="12"/>
    </row>
    <row r="443633" spans="8:8">
      <c r="H443633" s="12"/>
    </row>
    <row r="443634" spans="8:8">
      <c r="H443634" s="12"/>
    </row>
    <row r="443635" spans="8:8">
      <c r="H443635" s="12"/>
    </row>
    <row r="443636" spans="8:8">
      <c r="H443636" s="12"/>
    </row>
    <row r="443637" spans="8:8">
      <c r="H443637" s="12"/>
    </row>
    <row r="443638" spans="8:8">
      <c r="H443638" s="12"/>
    </row>
    <row r="443639" spans="8:8">
      <c r="H443639" s="12"/>
    </row>
    <row r="443640" spans="8:8">
      <c r="H443640" s="12"/>
    </row>
    <row r="443641" spans="8:8">
      <c r="H443641" s="12"/>
    </row>
    <row r="443642" spans="8:8">
      <c r="H443642" s="12"/>
    </row>
    <row r="443643" spans="8:8">
      <c r="H443643" s="12"/>
    </row>
    <row r="443644" spans="8:8">
      <c r="H443644" s="12"/>
    </row>
    <row r="443645" spans="8:8">
      <c r="H443645" s="12"/>
    </row>
    <row r="443646" spans="8:8">
      <c r="H443646" s="12"/>
    </row>
    <row r="443647" spans="8:8">
      <c r="H443647" s="12"/>
    </row>
    <row r="443648" spans="8:8">
      <c r="H443648" s="12"/>
    </row>
    <row r="443649" spans="8:8">
      <c r="H443649" s="12"/>
    </row>
    <row r="443650" spans="8:8">
      <c r="H443650" s="12"/>
    </row>
    <row r="443651" spans="8:8">
      <c r="H443651" s="12"/>
    </row>
    <row r="443652" spans="8:8">
      <c r="H443652" s="12"/>
    </row>
    <row r="443653" spans="8:8">
      <c r="H443653" s="12"/>
    </row>
    <row r="443654" spans="8:8">
      <c r="H443654" s="12"/>
    </row>
    <row r="443655" spans="8:8">
      <c r="H443655" s="12"/>
    </row>
    <row r="443656" spans="8:8">
      <c r="H443656" s="12"/>
    </row>
    <row r="443657" spans="8:8">
      <c r="H443657" s="12"/>
    </row>
    <row r="443658" spans="8:8">
      <c r="H443658" s="12"/>
    </row>
    <row r="443659" spans="8:8">
      <c r="H443659" s="12"/>
    </row>
    <row r="443660" spans="8:8">
      <c r="H443660" s="12"/>
    </row>
    <row r="443661" spans="8:8">
      <c r="H443661" s="12"/>
    </row>
    <row r="443662" spans="8:8">
      <c r="H443662" s="12"/>
    </row>
    <row r="443663" spans="8:8">
      <c r="H443663" s="12"/>
    </row>
    <row r="443664" spans="8:8">
      <c r="H443664" s="12"/>
    </row>
    <row r="443665" spans="8:8">
      <c r="H443665" s="12"/>
    </row>
    <row r="443666" spans="8:8">
      <c r="H443666" s="12"/>
    </row>
    <row r="443667" spans="8:8">
      <c r="H443667" s="12"/>
    </row>
    <row r="443668" spans="8:8">
      <c r="H443668" s="12"/>
    </row>
    <row r="443669" spans="8:8">
      <c r="H443669" s="12"/>
    </row>
    <row r="443670" spans="8:8">
      <c r="H443670" s="12"/>
    </row>
    <row r="443671" spans="8:8">
      <c r="H443671" s="12"/>
    </row>
    <row r="443672" spans="8:8">
      <c r="H443672" s="12"/>
    </row>
    <row r="443673" spans="8:8">
      <c r="H443673" s="12"/>
    </row>
    <row r="443674" spans="8:8">
      <c r="H443674" s="12"/>
    </row>
    <row r="443675" spans="8:8">
      <c r="H443675" s="12"/>
    </row>
    <row r="443676" spans="8:8">
      <c r="H443676" s="12"/>
    </row>
    <row r="443677" spans="8:8">
      <c r="H443677" s="12"/>
    </row>
    <row r="443678" spans="8:8">
      <c r="H443678" s="12"/>
    </row>
    <row r="443679" spans="8:8">
      <c r="H443679" s="12"/>
    </row>
    <row r="443680" spans="8:8">
      <c r="H443680" s="12"/>
    </row>
    <row r="443681" spans="8:8">
      <c r="H443681" s="12"/>
    </row>
    <row r="443682" spans="8:8">
      <c r="H443682" s="12"/>
    </row>
    <row r="443683" spans="8:8">
      <c r="H443683" s="12"/>
    </row>
    <row r="443684" spans="8:8">
      <c r="H443684" s="12"/>
    </row>
    <row r="443685" spans="8:8">
      <c r="H443685" s="12"/>
    </row>
    <row r="443686" spans="8:8">
      <c r="H443686" s="12"/>
    </row>
    <row r="443687" spans="8:8">
      <c r="H443687" s="12"/>
    </row>
    <row r="443688" spans="8:8">
      <c r="H443688" s="12"/>
    </row>
    <row r="443689" spans="8:8">
      <c r="H443689" s="12"/>
    </row>
    <row r="443690" spans="8:8">
      <c r="H443690" s="12"/>
    </row>
    <row r="443691" spans="8:8">
      <c r="H443691" s="12"/>
    </row>
    <row r="443692" spans="8:8">
      <c r="H443692" s="12"/>
    </row>
    <row r="443693" spans="8:8">
      <c r="H443693" s="12"/>
    </row>
    <row r="443694" spans="8:8">
      <c r="H443694" s="12"/>
    </row>
    <row r="443695" spans="8:8">
      <c r="H443695" s="12"/>
    </row>
    <row r="443696" spans="8:8">
      <c r="H443696" s="12"/>
    </row>
    <row r="443697" spans="8:8">
      <c r="H443697" s="12"/>
    </row>
    <row r="443698" spans="8:8">
      <c r="H443698" s="12"/>
    </row>
    <row r="443699" spans="8:8">
      <c r="H443699" s="12"/>
    </row>
    <row r="443700" spans="8:8">
      <c r="H443700" s="12"/>
    </row>
    <row r="443701" spans="8:8">
      <c r="H443701" s="12"/>
    </row>
    <row r="443702" spans="8:8">
      <c r="H443702" s="12"/>
    </row>
    <row r="443703" spans="8:8">
      <c r="H443703" s="12"/>
    </row>
    <row r="443704" spans="8:8">
      <c r="H443704" s="12"/>
    </row>
    <row r="443705" spans="8:8">
      <c r="H443705" s="12"/>
    </row>
    <row r="443706" spans="8:8">
      <c r="H443706" s="12"/>
    </row>
    <row r="443707" spans="8:8">
      <c r="H443707" s="12"/>
    </row>
    <row r="443708" spans="8:8">
      <c r="H443708" s="12"/>
    </row>
    <row r="443709" spans="8:8">
      <c r="H443709" s="12"/>
    </row>
    <row r="443710" spans="8:8">
      <c r="H443710" s="12"/>
    </row>
    <row r="443711" spans="8:8">
      <c r="H443711" s="12"/>
    </row>
    <row r="443712" spans="8:8">
      <c r="H443712" s="12"/>
    </row>
    <row r="443713" spans="8:8">
      <c r="H443713" s="12"/>
    </row>
    <row r="443714" spans="8:8">
      <c r="H443714" s="12"/>
    </row>
    <row r="443715" spans="8:8">
      <c r="H443715" s="12"/>
    </row>
    <row r="443716" spans="8:8">
      <c r="H443716" s="12"/>
    </row>
    <row r="443717" spans="8:8">
      <c r="H443717" s="12"/>
    </row>
    <row r="443718" spans="8:8">
      <c r="H443718" s="12"/>
    </row>
    <row r="443719" spans="8:8">
      <c r="H443719" s="12"/>
    </row>
    <row r="443720" spans="8:8">
      <c r="H443720" s="12"/>
    </row>
    <row r="443721" spans="8:8">
      <c r="H443721" s="12"/>
    </row>
    <row r="443722" spans="8:8">
      <c r="H443722" s="12"/>
    </row>
    <row r="443723" spans="8:8">
      <c r="H443723" s="12"/>
    </row>
    <row r="443724" spans="8:8">
      <c r="H443724" s="12"/>
    </row>
    <row r="443725" spans="8:8">
      <c r="H443725" s="12"/>
    </row>
    <row r="443726" spans="8:8">
      <c r="H443726" s="12"/>
    </row>
    <row r="443727" spans="8:8">
      <c r="H443727" s="12"/>
    </row>
    <row r="443728" spans="8:8">
      <c r="H443728" s="12"/>
    </row>
    <row r="443729" spans="8:8">
      <c r="H443729" s="12"/>
    </row>
    <row r="443730" spans="8:8">
      <c r="H443730" s="12"/>
    </row>
    <row r="443731" spans="8:8">
      <c r="H443731" s="12"/>
    </row>
    <row r="443732" spans="8:8">
      <c r="H443732" s="12"/>
    </row>
    <row r="443733" spans="8:8">
      <c r="H443733" s="12"/>
    </row>
    <row r="443734" spans="8:8">
      <c r="H443734" s="12"/>
    </row>
    <row r="443735" spans="8:8">
      <c r="H443735" s="12"/>
    </row>
    <row r="443736" spans="8:8">
      <c r="H443736" s="12"/>
    </row>
    <row r="443737" spans="8:8">
      <c r="H443737" s="12"/>
    </row>
    <row r="443738" spans="8:8">
      <c r="H443738" s="12"/>
    </row>
    <row r="443739" spans="8:8">
      <c r="H443739" s="12"/>
    </row>
    <row r="443740" spans="8:8">
      <c r="H443740" s="12"/>
    </row>
    <row r="443741" spans="8:8">
      <c r="H443741" s="12"/>
    </row>
    <row r="443742" spans="8:8">
      <c r="H443742" s="12"/>
    </row>
    <row r="443743" spans="8:8">
      <c r="H443743" s="12"/>
    </row>
    <row r="443744" spans="8:8">
      <c r="H443744" s="12"/>
    </row>
    <row r="443745" spans="8:8">
      <c r="H443745" s="12"/>
    </row>
    <row r="443746" spans="8:8">
      <c r="H443746" s="12"/>
    </row>
    <row r="443747" spans="8:8">
      <c r="H443747" s="12"/>
    </row>
    <row r="443748" spans="8:8">
      <c r="H443748" s="12"/>
    </row>
    <row r="443749" spans="8:8">
      <c r="H443749" s="12"/>
    </row>
    <row r="443750" spans="8:8">
      <c r="H443750" s="12"/>
    </row>
    <row r="443751" spans="8:8">
      <c r="H443751" s="12"/>
    </row>
    <row r="443752" spans="8:8">
      <c r="H443752" s="12"/>
    </row>
    <row r="443753" spans="8:8">
      <c r="H443753" s="12"/>
    </row>
    <row r="443754" spans="8:8">
      <c r="H443754" s="12"/>
    </row>
    <row r="443755" spans="8:8">
      <c r="H443755" s="12"/>
    </row>
    <row r="443756" spans="8:8">
      <c r="H443756" s="12"/>
    </row>
    <row r="443757" spans="8:8">
      <c r="H443757" s="12"/>
    </row>
    <row r="443758" spans="8:8">
      <c r="H443758" s="12"/>
    </row>
    <row r="443759" spans="8:8">
      <c r="H443759" s="12"/>
    </row>
    <row r="443760" spans="8:8">
      <c r="H443760" s="12"/>
    </row>
    <row r="443761" spans="8:8">
      <c r="H443761" s="12"/>
    </row>
    <row r="443762" spans="8:8">
      <c r="H443762" s="12"/>
    </row>
    <row r="443763" spans="8:8">
      <c r="H443763" s="12"/>
    </row>
    <row r="443764" spans="8:8">
      <c r="H443764" s="12"/>
    </row>
    <row r="443765" spans="8:8">
      <c r="H443765" s="12"/>
    </row>
    <row r="443766" spans="8:8">
      <c r="H443766" s="12"/>
    </row>
    <row r="443767" spans="8:8">
      <c r="H443767" s="12"/>
    </row>
    <row r="443768" spans="8:8">
      <c r="H443768" s="12"/>
    </row>
    <row r="443769" spans="8:8">
      <c r="H443769" s="12"/>
    </row>
    <row r="443770" spans="8:8">
      <c r="H443770" s="12"/>
    </row>
    <row r="443771" spans="8:8">
      <c r="H443771" s="12"/>
    </row>
    <row r="443772" spans="8:8">
      <c r="H443772" s="12"/>
    </row>
    <row r="443773" spans="8:8">
      <c r="H443773" s="12"/>
    </row>
    <row r="443774" spans="8:8">
      <c r="H443774" s="12"/>
    </row>
    <row r="443775" spans="8:8">
      <c r="H443775" s="12"/>
    </row>
    <row r="443776" spans="8:8">
      <c r="H443776" s="12"/>
    </row>
    <row r="443777" spans="8:8">
      <c r="H443777" s="12"/>
    </row>
    <row r="443778" spans="8:8">
      <c r="H443778" s="12"/>
    </row>
    <row r="443779" spans="8:8">
      <c r="H443779" s="12"/>
    </row>
    <row r="443780" spans="8:8">
      <c r="H443780" s="12"/>
    </row>
    <row r="443781" spans="8:8">
      <c r="H443781" s="12"/>
    </row>
    <row r="443782" spans="8:8">
      <c r="H443782" s="12"/>
    </row>
    <row r="443783" spans="8:8">
      <c r="H443783" s="12"/>
    </row>
    <row r="443784" spans="8:8">
      <c r="H443784" s="12"/>
    </row>
    <row r="443785" spans="8:8">
      <c r="H443785" s="12"/>
    </row>
    <row r="443786" spans="8:8">
      <c r="H443786" s="12"/>
    </row>
    <row r="443787" spans="8:8">
      <c r="H443787" s="12"/>
    </row>
    <row r="443788" spans="8:8">
      <c r="H443788" s="12"/>
    </row>
    <row r="443789" spans="8:8">
      <c r="H443789" s="12"/>
    </row>
    <row r="443790" spans="8:8">
      <c r="H443790" s="12"/>
    </row>
    <row r="443791" spans="8:8">
      <c r="H443791" s="12"/>
    </row>
    <row r="443792" spans="8:8">
      <c r="H443792" s="12"/>
    </row>
    <row r="443793" spans="8:8">
      <c r="H443793" s="12"/>
    </row>
    <row r="443794" spans="8:8">
      <c r="H443794" s="12"/>
    </row>
    <row r="443795" spans="8:8">
      <c r="H443795" s="12"/>
    </row>
    <row r="443796" spans="8:8">
      <c r="H443796" s="12"/>
    </row>
    <row r="443797" spans="8:8">
      <c r="H443797" s="12"/>
    </row>
    <row r="443798" spans="8:8">
      <c r="H443798" s="12"/>
    </row>
    <row r="443799" spans="8:8">
      <c r="H443799" s="12"/>
    </row>
    <row r="443800" spans="8:8">
      <c r="H443800" s="12"/>
    </row>
    <row r="443801" spans="8:8">
      <c r="H443801" s="12"/>
    </row>
    <row r="443802" spans="8:8">
      <c r="H443802" s="12"/>
    </row>
    <row r="443803" spans="8:8">
      <c r="H443803" s="12"/>
    </row>
    <row r="443804" spans="8:8">
      <c r="H443804" s="12"/>
    </row>
    <row r="443805" spans="8:8">
      <c r="H443805" s="12"/>
    </row>
    <row r="443806" spans="8:8">
      <c r="H443806" s="12"/>
    </row>
    <row r="443807" spans="8:8">
      <c r="H443807" s="12"/>
    </row>
    <row r="443808" spans="8:8">
      <c r="H443808" s="12"/>
    </row>
    <row r="443809" spans="8:8">
      <c r="H443809" s="12"/>
    </row>
    <row r="443810" spans="8:8">
      <c r="H443810" s="12"/>
    </row>
    <row r="443811" spans="8:8">
      <c r="H443811" s="12"/>
    </row>
    <row r="443812" spans="8:8">
      <c r="H443812" s="12"/>
    </row>
    <row r="443813" spans="8:8">
      <c r="H443813" s="12"/>
    </row>
    <row r="443814" spans="8:8">
      <c r="H443814" s="12"/>
    </row>
    <row r="443815" spans="8:8">
      <c r="H443815" s="12"/>
    </row>
    <row r="443816" spans="8:8">
      <c r="H443816" s="12"/>
    </row>
    <row r="443817" spans="8:8">
      <c r="H443817" s="12"/>
    </row>
    <row r="443818" spans="8:8">
      <c r="H443818" s="12"/>
    </row>
    <row r="443819" spans="8:8">
      <c r="H443819" s="12"/>
    </row>
    <row r="443820" spans="8:8">
      <c r="H443820" s="12"/>
    </row>
    <row r="443821" spans="8:8">
      <c r="H443821" s="12"/>
    </row>
    <row r="443822" spans="8:8">
      <c r="H443822" s="12"/>
    </row>
    <row r="443823" spans="8:8">
      <c r="H443823" s="12"/>
    </row>
    <row r="443824" spans="8:8">
      <c r="H443824" s="12"/>
    </row>
    <row r="443825" spans="8:8">
      <c r="H443825" s="12"/>
    </row>
    <row r="443826" spans="8:8">
      <c r="H443826" s="12"/>
    </row>
    <row r="443827" spans="8:8">
      <c r="H443827" s="12"/>
    </row>
    <row r="443828" spans="8:8">
      <c r="H443828" s="12"/>
    </row>
    <row r="443829" spans="8:8">
      <c r="H443829" s="12"/>
    </row>
    <row r="443830" spans="8:8">
      <c r="H443830" s="12"/>
    </row>
    <row r="443831" spans="8:8">
      <c r="H443831" s="12"/>
    </row>
    <row r="443832" spans="8:8">
      <c r="H443832" s="12"/>
    </row>
    <row r="443833" spans="8:8">
      <c r="H443833" s="12"/>
    </row>
    <row r="443834" spans="8:8">
      <c r="H443834" s="12"/>
    </row>
    <row r="443835" spans="8:8">
      <c r="H443835" s="12"/>
    </row>
    <row r="443836" spans="8:8">
      <c r="H443836" s="12"/>
    </row>
    <row r="443837" spans="8:8">
      <c r="H443837" s="12"/>
    </row>
    <row r="443838" spans="8:8">
      <c r="H443838" s="12"/>
    </row>
    <row r="443839" spans="8:8">
      <c r="H443839" s="12"/>
    </row>
    <row r="443840" spans="8:8">
      <c r="H443840" s="12"/>
    </row>
    <row r="443841" spans="8:8">
      <c r="H443841" s="12"/>
    </row>
    <row r="443842" spans="8:8">
      <c r="H443842" s="12"/>
    </row>
    <row r="443843" spans="8:8">
      <c r="H443843" s="12"/>
    </row>
    <row r="443844" spans="8:8">
      <c r="H443844" s="12"/>
    </row>
    <row r="443845" spans="8:8">
      <c r="H443845" s="12"/>
    </row>
    <row r="443846" spans="8:8">
      <c r="H443846" s="12"/>
    </row>
    <row r="443847" spans="8:8">
      <c r="H443847" s="12"/>
    </row>
    <row r="443848" spans="8:8">
      <c r="H443848" s="12"/>
    </row>
    <row r="443849" spans="8:8">
      <c r="H443849" s="12"/>
    </row>
    <row r="443850" spans="8:8">
      <c r="H443850" s="12"/>
    </row>
    <row r="443851" spans="8:8">
      <c r="H443851" s="12"/>
    </row>
    <row r="443852" spans="8:8">
      <c r="H443852" s="12"/>
    </row>
    <row r="443853" spans="8:8">
      <c r="H443853" s="12"/>
    </row>
    <row r="443854" spans="8:8">
      <c r="H443854" s="12"/>
    </row>
    <row r="443855" spans="8:8">
      <c r="H443855" s="12"/>
    </row>
    <row r="443856" spans="8:8">
      <c r="H443856" s="12"/>
    </row>
    <row r="443857" spans="8:8">
      <c r="H443857" s="12"/>
    </row>
    <row r="443858" spans="8:8">
      <c r="H443858" s="12"/>
    </row>
    <row r="443859" spans="8:8">
      <c r="H443859" s="12"/>
    </row>
    <row r="443860" spans="8:8">
      <c r="H443860" s="12"/>
    </row>
    <row r="443861" spans="8:8">
      <c r="H443861" s="12"/>
    </row>
    <row r="443862" spans="8:8">
      <c r="H443862" s="12"/>
    </row>
    <row r="443863" spans="8:8">
      <c r="H443863" s="12"/>
    </row>
    <row r="443864" spans="8:8">
      <c r="H443864" s="12"/>
    </row>
    <row r="443865" spans="8:8">
      <c r="H443865" s="12"/>
    </row>
    <row r="443866" spans="8:8">
      <c r="H443866" s="12"/>
    </row>
    <row r="443867" spans="8:8">
      <c r="H443867" s="12"/>
    </row>
    <row r="443868" spans="8:8">
      <c r="H443868" s="12"/>
    </row>
    <row r="443869" spans="8:8">
      <c r="H443869" s="12"/>
    </row>
    <row r="443870" spans="8:8">
      <c r="H443870" s="12"/>
    </row>
    <row r="443871" spans="8:8">
      <c r="H443871" s="12"/>
    </row>
    <row r="443872" spans="8:8">
      <c r="H443872" s="12"/>
    </row>
    <row r="443873" spans="8:8">
      <c r="H443873" s="12"/>
    </row>
    <row r="443874" spans="8:8">
      <c r="H443874" s="12"/>
    </row>
    <row r="443875" spans="8:8">
      <c r="H443875" s="12"/>
    </row>
    <row r="443876" spans="8:8">
      <c r="H443876" s="12"/>
    </row>
    <row r="443877" spans="8:8">
      <c r="H443877" s="12"/>
    </row>
    <row r="443878" spans="8:8">
      <c r="H443878" s="12"/>
    </row>
    <row r="443879" spans="8:8">
      <c r="H443879" s="12"/>
    </row>
    <row r="443880" spans="8:8">
      <c r="H443880" s="12"/>
    </row>
    <row r="443881" spans="8:8">
      <c r="H443881" s="12"/>
    </row>
    <row r="443882" spans="8:8">
      <c r="H443882" s="12"/>
    </row>
    <row r="443883" spans="8:8">
      <c r="H443883" s="12"/>
    </row>
    <row r="443884" spans="8:8">
      <c r="H443884" s="12"/>
    </row>
    <row r="443885" spans="8:8">
      <c r="H443885" s="12"/>
    </row>
    <row r="443886" spans="8:8">
      <c r="H443886" s="12"/>
    </row>
    <row r="443887" spans="8:8">
      <c r="H443887" s="12"/>
    </row>
    <row r="443888" spans="8:8">
      <c r="H443888" s="12"/>
    </row>
    <row r="443889" spans="8:8">
      <c r="H443889" s="12"/>
    </row>
    <row r="443890" spans="8:8">
      <c r="H443890" s="12"/>
    </row>
    <row r="443891" spans="8:8">
      <c r="H443891" s="12"/>
    </row>
    <row r="443892" spans="8:8">
      <c r="H443892" s="12"/>
    </row>
    <row r="443893" spans="8:8">
      <c r="H443893" s="12"/>
    </row>
    <row r="443894" spans="8:8">
      <c r="H443894" s="12"/>
    </row>
    <row r="443895" spans="8:8">
      <c r="H443895" s="12"/>
    </row>
    <row r="443896" spans="8:8">
      <c r="H443896" s="12"/>
    </row>
    <row r="443897" spans="8:8">
      <c r="H443897" s="12"/>
    </row>
    <row r="443898" spans="8:8">
      <c r="H443898" s="12"/>
    </row>
    <row r="443899" spans="8:8">
      <c r="H443899" s="12"/>
    </row>
    <row r="443900" spans="8:8">
      <c r="H443900" s="12"/>
    </row>
    <row r="443901" spans="8:8">
      <c r="H443901" s="12"/>
    </row>
    <row r="443902" spans="8:8">
      <c r="H443902" s="12"/>
    </row>
    <row r="443903" spans="8:8">
      <c r="H443903" s="12"/>
    </row>
    <row r="443904" spans="8:8">
      <c r="H443904" s="12"/>
    </row>
    <row r="443905" spans="8:8">
      <c r="H443905" s="12"/>
    </row>
    <row r="443906" spans="8:8">
      <c r="H443906" s="12"/>
    </row>
    <row r="443907" spans="8:8">
      <c r="H443907" s="12"/>
    </row>
    <row r="443908" spans="8:8">
      <c r="H443908" s="12"/>
    </row>
    <row r="443909" spans="8:8">
      <c r="H443909" s="12"/>
    </row>
    <row r="443910" spans="8:8">
      <c r="H443910" s="12"/>
    </row>
    <row r="443911" spans="8:8">
      <c r="H443911" s="12"/>
    </row>
    <row r="443912" spans="8:8">
      <c r="H443912" s="12"/>
    </row>
    <row r="443913" spans="8:8">
      <c r="H443913" s="12"/>
    </row>
    <row r="443914" spans="8:8">
      <c r="H443914" s="12"/>
    </row>
    <row r="443915" spans="8:8">
      <c r="H443915" s="12"/>
    </row>
    <row r="443916" spans="8:8">
      <c r="H443916" s="12"/>
    </row>
    <row r="443917" spans="8:8">
      <c r="H443917" s="12"/>
    </row>
    <row r="443918" spans="8:8">
      <c r="H443918" s="12"/>
    </row>
    <row r="443919" spans="8:8">
      <c r="H443919" s="12"/>
    </row>
    <row r="443920" spans="8:8">
      <c r="H443920" s="12"/>
    </row>
    <row r="443921" spans="8:8">
      <c r="H443921" s="12"/>
    </row>
    <row r="443922" spans="8:8">
      <c r="H443922" s="12"/>
    </row>
    <row r="443923" spans="8:8">
      <c r="H443923" s="12"/>
    </row>
    <row r="443924" spans="8:8">
      <c r="H443924" s="12"/>
    </row>
    <row r="443925" spans="8:8">
      <c r="H443925" s="12"/>
    </row>
    <row r="443926" spans="8:8">
      <c r="H443926" s="12"/>
    </row>
    <row r="443927" spans="8:8">
      <c r="H443927" s="12"/>
    </row>
    <row r="443928" spans="8:8">
      <c r="H443928" s="12"/>
    </row>
    <row r="443929" spans="8:8">
      <c r="H443929" s="12"/>
    </row>
    <row r="443930" spans="8:8">
      <c r="H443930" s="12"/>
    </row>
    <row r="443931" spans="8:8">
      <c r="H443931" s="12"/>
    </row>
    <row r="443932" spans="8:8">
      <c r="H443932" s="12"/>
    </row>
    <row r="443933" spans="8:8">
      <c r="H443933" s="12"/>
    </row>
    <row r="443934" spans="8:8">
      <c r="H443934" s="12"/>
    </row>
    <row r="443935" spans="8:8">
      <c r="H443935" s="12"/>
    </row>
    <row r="443936" spans="8:8">
      <c r="H443936" s="12"/>
    </row>
    <row r="443937" spans="8:8">
      <c r="H443937" s="12"/>
    </row>
    <row r="443938" spans="8:8">
      <c r="H443938" s="12"/>
    </row>
    <row r="443939" spans="8:8">
      <c r="H443939" s="12"/>
    </row>
    <row r="443940" spans="8:8">
      <c r="H443940" s="12"/>
    </row>
    <row r="443941" spans="8:8">
      <c r="H443941" s="12"/>
    </row>
    <row r="443942" spans="8:8">
      <c r="H443942" s="12"/>
    </row>
    <row r="443943" spans="8:8">
      <c r="H443943" s="12"/>
    </row>
    <row r="443944" spans="8:8">
      <c r="H443944" s="12"/>
    </row>
    <row r="443945" spans="8:8">
      <c r="H443945" s="12"/>
    </row>
    <row r="443946" spans="8:8">
      <c r="H443946" s="12"/>
    </row>
    <row r="443947" spans="8:8">
      <c r="H443947" s="12"/>
    </row>
    <row r="443948" spans="8:8">
      <c r="H443948" s="12"/>
    </row>
    <row r="443949" spans="8:8">
      <c r="H443949" s="12"/>
    </row>
    <row r="443950" spans="8:8">
      <c r="H443950" s="12"/>
    </row>
    <row r="443951" spans="8:8">
      <c r="H443951" s="12"/>
    </row>
    <row r="443952" spans="8:8">
      <c r="H443952" s="12"/>
    </row>
    <row r="443953" spans="8:8">
      <c r="H443953" s="12"/>
    </row>
    <row r="443954" spans="8:8">
      <c r="H443954" s="12"/>
    </row>
    <row r="443955" spans="8:8">
      <c r="H443955" s="12"/>
    </row>
    <row r="443956" spans="8:8">
      <c r="H443956" s="12"/>
    </row>
    <row r="443957" spans="8:8">
      <c r="H443957" s="12"/>
    </row>
    <row r="443958" spans="8:8">
      <c r="H443958" s="12"/>
    </row>
    <row r="443959" spans="8:8">
      <c r="H443959" s="12"/>
    </row>
    <row r="443960" spans="8:8">
      <c r="H443960" s="12"/>
    </row>
    <row r="443961" spans="8:8">
      <c r="H443961" s="12"/>
    </row>
    <row r="443962" spans="8:8">
      <c r="H443962" s="12"/>
    </row>
    <row r="443963" spans="8:8">
      <c r="H443963" s="12"/>
    </row>
    <row r="443964" spans="8:8">
      <c r="H443964" s="12"/>
    </row>
    <row r="443965" spans="8:8">
      <c r="H443965" s="12"/>
    </row>
    <row r="443966" spans="8:8">
      <c r="H443966" s="12"/>
    </row>
    <row r="443967" spans="8:8">
      <c r="H443967" s="12"/>
    </row>
    <row r="443968" spans="8:8">
      <c r="H443968" s="12"/>
    </row>
    <row r="443969" spans="8:8">
      <c r="H443969" s="12"/>
    </row>
    <row r="443970" spans="8:8">
      <c r="H443970" s="12"/>
    </row>
    <row r="443971" spans="8:8">
      <c r="H443971" s="12"/>
    </row>
    <row r="443972" spans="8:8">
      <c r="H443972" s="12"/>
    </row>
    <row r="443973" spans="8:8">
      <c r="H443973" s="12"/>
    </row>
    <row r="443974" spans="8:8">
      <c r="H443974" s="12"/>
    </row>
    <row r="443975" spans="8:8">
      <c r="H443975" s="12"/>
    </row>
    <row r="443976" spans="8:8">
      <c r="H443976" s="12"/>
    </row>
    <row r="443977" spans="8:8">
      <c r="H443977" s="12"/>
    </row>
    <row r="443978" spans="8:8">
      <c r="H443978" s="12"/>
    </row>
    <row r="443979" spans="8:8">
      <c r="H443979" s="12"/>
    </row>
    <row r="443980" spans="8:8">
      <c r="H443980" s="12"/>
    </row>
    <row r="443981" spans="8:8">
      <c r="H443981" s="12"/>
    </row>
    <row r="443982" spans="8:8">
      <c r="H443982" s="12"/>
    </row>
    <row r="443983" spans="8:8">
      <c r="H443983" s="12"/>
    </row>
    <row r="443984" spans="8:8">
      <c r="H443984" s="12"/>
    </row>
    <row r="443985" spans="8:8">
      <c r="H443985" s="12"/>
    </row>
    <row r="443986" spans="8:8">
      <c r="H443986" s="12"/>
    </row>
    <row r="443987" spans="8:8">
      <c r="H443987" s="12"/>
    </row>
    <row r="443988" spans="8:8">
      <c r="H443988" s="12"/>
    </row>
    <row r="443989" spans="8:8">
      <c r="H443989" s="12"/>
    </row>
    <row r="443990" spans="8:8">
      <c r="H443990" s="12"/>
    </row>
    <row r="443991" spans="8:8">
      <c r="H443991" s="12"/>
    </row>
    <row r="443992" spans="8:8">
      <c r="H443992" s="12"/>
    </row>
    <row r="443993" spans="8:8">
      <c r="H443993" s="12"/>
    </row>
    <row r="443994" spans="8:8">
      <c r="H443994" s="12"/>
    </row>
    <row r="443995" spans="8:8">
      <c r="H443995" s="12"/>
    </row>
    <row r="443996" spans="8:8">
      <c r="H443996" s="12"/>
    </row>
    <row r="443997" spans="8:8">
      <c r="H443997" s="12"/>
    </row>
    <row r="443998" spans="8:8">
      <c r="H443998" s="12"/>
    </row>
    <row r="443999" spans="8:8">
      <c r="H443999" s="12"/>
    </row>
    <row r="444000" spans="8:8">
      <c r="H444000" s="12"/>
    </row>
    <row r="444001" spans="8:8">
      <c r="H444001" s="12"/>
    </row>
    <row r="444002" spans="8:8">
      <c r="H444002" s="12"/>
    </row>
    <row r="444003" spans="8:8">
      <c r="H444003" s="12"/>
    </row>
    <row r="444004" spans="8:8">
      <c r="H444004" s="12"/>
    </row>
    <row r="444005" spans="8:8">
      <c r="H444005" s="12"/>
    </row>
    <row r="444006" spans="8:8">
      <c r="H444006" s="12"/>
    </row>
    <row r="444007" spans="8:8">
      <c r="H444007" s="12"/>
    </row>
    <row r="444008" spans="8:8">
      <c r="H444008" s="12"/>
    </row>
    <row r="444009" spans="8:8">
      <c r="H444009" s="12"/>
    </row>
    <row r="444010" spans="8:8">
      <c r="H444010" s="12"/>
    </row>
    <row r="444011" spans="8:8">
      <c r="H444011" s="12"/>
    </row>
    <row r="444012" spans="8:8">
      <c r="H444012" s="12"/>
    </row>
    <row r="444013" spans="8:8">
      <c r="H444013" s="12"/>
    </row>
    <row r="444014" spans="8:8">
      <c r="H444014" s="12"/>
    </row>
    <row r="444015" spans="8:8">
      <c r="H444015" s="12"/>
    </row>
    <row r="444016" spans="8:8">
      <c r="H444016" s="12"/>
    </row>
    <row r="444017" spans="8:8">
      <c r="H444017" s="12"/>
    </row>
    <row r="444018" spans="8:8">
      <c r="H444018" s="12"/>
    </row>
    <row r="444019" spans="8:8">
      <c r="H444019" s="12"/>
    </row>
    <row r="444020" spans="8:8">
      <c r="H444020" s="12"/>
    </row>
    <row r="444021" spans="8:8">
      <c r="H444021" s="12"/>
    </row>
    <row r="444022" spans="8:8">
      <c r="H444022" s="12"/>
    </row>
    <row r="444023" spans="8:8">
      <c r="H444023" s="12"/>
    </row>
    <row r="444024" spans="8:8">
      <c r="H444024" s="12"/>
    </row>
    <row r="444025" spans="8:8">
      <c r="H444025" s="12"/>
    </row>
    <row r="444026" spans="8:8">
      <c r="H444026" s="12"/>
    </row>
    <row r="444027" spans="8:8">
      <c r="H444027" s="12"/>
    </row>
    <row r="444028" spans="8:8">
      <c r="H444028" s="12"/>
    </row>
    <row r="444029" spans="8:8">
      <c r="H444029" s="12"/>
    </row>
    <row r="444030" spans="8:8">
      <c r="H444030" s="12"/>
    </row>
    <row r="444031" spans="8:8">
      <c r="H444031" s="12"/>
    </row>
    <row r="444032" spans="8:8">
      <c r="H444032" s="12"/>
    </row>
    <row r="444033" spans="8:8">
      <c r="H444033" s="12"/>
    </row>
    <row r="444034" spans="8:8">
      <c r="H444034" s="12"/>
    </row>
    <row r="444035" spans="8:8">
      <c r="H444035" s="12"/>
    </row>
    <row r="444036" spans="8:8">
      <c r="H444036" s="12"/>
    </row>
    <row r="444037" spans="8:8">
      <c r="H444037" s="12"/>
    </row>
    <row r="444038" spans="8:8">
      <c r="H444038" s="12"/>
    </row>
    <row r="444039" spans="8:8">
      <c r="H444039" s="12"/>
    </row>
    <row r="444040" spans="8:8">
      <c r="H444040" s="12"/>
    </row>
    <row r="444041" spans="8:8">
      <c r="H444041" s="12"/>
    </row>
    <row r="444042" spans="8:8">
      <c r="H444042" s="12"/>
    </row>
    <row r="444043" spans="8:8">
      <c r="H444043" s="12"/>
    </row>
    <row r="444044" spans="8:8">
      <c r="H444044" s="12"/>
    </row>
    <row r="444045" spans="8:8">
      <c r="H444045" s="12"/>
    </row>
    <row r="444046" spans="8:8">
      <c r="H444046" s="12"/>
    </row>
    <row r="444047" spans="8:8">
      <c r="H444047" s="12"/>
    </row>
    <row r="444048" spans="8:8">
      <c r="H444048" s="12"/>
    </row>
    <row r="444049" spans="8:8">
      <c r="H444049" s="12"/>
    </row>
    <row r="444050" spans="8:8">
      <c r="H444050" s="12"/>
    </row>
    <row r="444051" spans="8:8">
      <c r="H444051" s="12"/>
    </row>
    <row r="444052" spans="8:8">
      <c r="H444052" s="12"/>
    </row>
    <row r="444053" spans="8:8">
      <c r="H444053" s="12"/>
    </row>
    <row r="444054" spans="8:8">
      <c r="H444054" s="12"/>
    </row>
    <row r="444055" spans="8:8">
      <c r="H444055" s="12"/>
    </row>
    <row r="444056" spans="8:8">
      <c r="H444056" s="12"/>
    </row>
    <row r="444057" spans="8:8">
      <c r="H444057" s="12"/>
    </row>
    <row r="444058" spans="8:8">
      <c r="H444058" s="12"/>
    </row>
    <row r="444059" spans="8:8">
      <c r="H444059" s="12"/>
    </row>
    <row r="444060" spans="8:8">
      <c r="H444060" s="12"/>
    </row>
    <row r="444061" spans="8:8">
      <c r="H444061" s="12"/>
    </row>
    <row r="444062" spans="8:8">
      <c r="H444062" s="12"/>
    </row>
    <row r="444063" spans="8:8">
      <c r="H444063" s="12"/>
    </row>
    <row r="444064" spans="8:8">
      <c r="H444064" s="12"/>
    </row>
    <row r="444065" spans="8:8">
      <c r="H444065" s="12"/>
    </row>
    <row r="444066" spans="8:8">
      <c r="H444066" s="12"/>
    </row>
    <row r="444067" spans="8:8">
      <c r="H444067" s="12"/>
    </row>
    <row r="444068" spans="8:8">
      <c r="H444068" s="12"/>
    </row>
    <row r="444069" spans="8:8">
      <c r="H444069" s="12"/>
    </row>
    <row r="444070" spans="8:8">
      <c r="H444070" s="12"/>
    </row>
    <row r="444071" spans="8:8">
      <c r="H444071" s="12"/>
    </row>
    <row r="444072" spans="8:8">
      <c r="H444072" s="12"/>
    </row>
    <row r="444073" spans="8:8">
      <c r="H444073" s="12"/>
    </row>
    <row r="444074" spans="8:8">
      <c r="H444074" s="12"/>
    </row>
    <row r="444075" spans="8:8">
      <c r="H444075" s="12"/>
    </row>
    <row r="444076" spans="8:8">
      <c r="H444076" s="12"/>
    </row>
    <row r="444077" spans="8:8">
      <c r="H444077" s="12"/>
    </row>
    <row r="444078" spans="8:8">
      <c r="H444078" s="12"/>
    </row>
    <row r="444079" spans="8:8">
      <c r="H444079" s="12"/>
    </row>
    <row r="444080" spans="8:8">
      <c r="H444080" s="12"/>
    </row>
    <row r="444081" spans="8:8">
      <c r="H444081" s="12"/>
    </row>
    <row r="444082" spans="8:8">
      <c r="H444082" s="12"/>
    </row>
    <row r="444083" spans="8:8">
      <c r="H444083" s="12"/>
    </row>
    <row r="444084" spans="8:8">
      <c r="H444084" s="12"/>
    </row>
    <row r="444085" spans="8:8">
      <c r="H444085" s="12"/>
    </row>
    <row r="444086" spans="8:8">
      <c r="H444086" s="12"/>
    </row>
    <row r="444087" spans="8:8">
      <c r="H444087" s="12"/>
    </row>
    <row r="444088" spans="8:8">
      <c r="H444088" s="12"/>
    </row>
    <row r="444089" spans="8:8">
      <c r="H444089" s="12"/>
    </row>
    <row r="444090" spans="8:8">
      <c r="H444090" s="12"/>
    </row>
    <row r="444091" spans="8:8">
      <c r="H444091" s="12"/>
    </row>
    <row r="444092" spans="8:8">
      <c r="H444092" s="12"/>
    </row>
    <row r="444093" spans="8:8">
      <c r="H444093" s="12"/>
    </row>
    <row r="444094" spans="8:8">
      <c r="H444094" s="12"/>
    </row>
    <row r="444095" spans="8:8">
      <c r="H444095" s="12"/>
    </row>
    <row r="444096" spans="8:8">
      <c r="H444096" s="12"/>
    </row>
    <row r="444097" spans="8:8">
      <c r="H444097" s="12"/>
    </row>
    <row r="444098" spans="8:8">
      <c r="H444098" s="12"/>
    </row>
    <row r="444099" spans="8:8">
      <c r="H444099" s="12"/>
    </row>
    <row r="444100" spans="8:8">
      <c r="H444100" s="12"/>
    </row>
    <row r="444101" spans="8:8">
      <c r="H444101" s="12"/>
    </row>
    <row r="444102" spans="8:8">
      <c r="H444102" s="12"/>
    </row>
    <row r="444103" spans="8:8">
      <c r="H444103" s="12"/>
    </row>
    <row r="444104" spans="8:8">
      <c r="H444104" s="12"/>
    </row>
    <row r="444105" spans="8:8">
      <c r="H444105" s="12"/>
    </row>
    <row r="444106" spans="8:8">
      <c r="H444106" s="12"/>
    </row>
    <row r="444107" spans="8:8">
      <c r="H444107" s="12"/>
    </row>
    <row r="444108" spans="8:8">
      <c r="H444108" s="12"/>
    </row>
    <row r="444109" spans="8:8">
      <c r="H444109" s="12"/>
    </row>
    <row r="444110" spans="8:8">
      <c r="H444110" s="12"/>
    </row>
    <row r="444111" spans="8:8">
      <c r="H444111" s="12"/>
    </row>
    <row r="444112" spans="8:8">
      <c r="H444112" s="12"/>
    </row>
    <row r="444113" spans="8:8">
      <c r="H444113" s="12"/>
    </row>
    <row r="444114" spans="8:8">
      <c r="H444114" s="12"/>
    </row>
    <row r="444115" spans="8:8">
      <c r="H444115" s="12"/>
    </row>
    <row r="444116" spans="8:8">
      <c r="H444116" s="12"/>
    </row>
    <row r="444117" spans="8:8">
      <c r="H444117" s="12"/>
    </row>
    <row r="444118" spans="8:8">
      <c r="H444118" s="12"/>
    </row>
    <row r="444119" spans="8:8">
      <c r="H444119" s="12"/>
    </row>
    <row r="444120" spans="8:8">
      <c r="H444120" s="12"/>
    </row>
    <row r="444121" spans="8:8">
      <c r="H444121" s="12"/>
    </row>
    <row r="444122" spans="8:8">
      <c r="H444122" s="12"/>
    </row>
    <row r="444123" spans="8:8">
      <c r="H444123" s="12"/>
    </row>
    <row r="444124" spans="8:8">
      <c r="H444124" s="12"/>
    </row>
    <row r="444125" spans="8:8">
      <c r="H444125" s="12"/>
    </row>
    <row r="444126" spans="8:8">
      <c r="H444126" s="12"/>
    </row>
    <row r="444127" spans="8:8">
      <c r="H444127" s="12"/>
    </row>
    <row r="444128" spans="8:8">
      <c r="H444128" s="12"/>
    </row>
    <row r="444129" spans="8:8">
      <c r="H444129" s="12"/>
    </row>
    <row r="444130" spans="8:8">
      <c r="H444130" s="12"/>
    </row>
    <row r="444131" spans="8:8">
      <c r="H444131" s="12"/>
    </row>
    <row r="444132" spans="8:8">
      <c r="H444132" s="12"/>
    </row>
    <row r="444133" spans="8:8">
      <c r="H444133" s="12"/>
    </row>
    <row r="444134" spans="8:8">
      <c r="H444134" s="12"/>
    </row>
    <row r="444135" spans="8:8">
      <c r="H444135" s="12"/>
    </row>
    <row r="444136" spans="8:8">
      <c r="H444136" s="12"/>
    </row>
    <row r="444137" spans="8:8">
      <c r="H444137" s="12"/>
    </row>
    <row r="444138" spans="8:8">
      <c r="H444138" s="12"/>
    </row>
    <row r="444139" spans="8:8">
      <c r="H444139" s="12"/>
    </row>
    <row r="444140" spans="8:8">
      <c r="H444140" s="12"/>
    </row>
    <row r="444141" spans="8:8">
      <c r="H444141" s="12"/>
    </row>
    <row r="444142" spans="8:8">
      <c r="H444142" s="12"/>
    </row>
    <row r="444143" spans="8:8">
      <c r="H444143" s="12"/>
    </row>
    <row r="444144" spans="8:8">
      <c r="H444144" s="12"/>
    </row>
    <row r="444145" spans="8:8">
      <c r="H444145" s="12"/>
    </row>
    <row r="444146" spans="8:8">
      <c r="H444146" s="12"/>
    </row>
    <row r="444147" spans="8:8">
      <c r="H444147" s="12"/>
    </row>
    <row r="444148" spans="8:8">
      <c r="H444148" s="12"/>
    </row>
    <row r="444149" spans="8:8">
      <c r="H444149" s="12"/>
    </row>
    <row r="444150" spans="8:8">
      <c r="H444150" s="12"/>
    </row>
    <row r="444151" spans="8:8">
      <c r="H444151" s="12"/>
    </row>
    <row r="444152" spans="8:8">
      <c r="H444152" s="12"/>
    </row>
    <row r="444153" spans="8:8">
      <c r="H444153" s="12"/>
    </row>
    <row r="444154" spans="8:8">
      <c r="H444154" s="12"/>
    </row>
    <row r="444155" spans="8:8">
      <c r="H444155" s="12"/>
    </row>
    <row r="444156" spans="8:8">
      <c r="H444156" s="12"/>
    </row>
    <row r="444157" spans="8:8">
      <c r="H444157" s="12"/>
    </row>
    <row r="444158" spans="8:8">
      <c r="H444158" s="12"/>
    </row>
    <row r="444159" spans="8:8">
      <c r="H444159" s="12"/>
    </row>
    <row r="444160" spans="8:8">
      <c r="H444160" s="12"/>
    </row>
    <row r="444161" spans="8:8">
      <c r="H444161" s="12"/>
    </row>
    <row r="444162" spans="8:8">
      <c r="H444162" s="12"/>
    </row>
    <row r="444163" spans="8:8">
      <c r="H444163" s="12"/>
    </row>
    <row r="444164" spans="8:8">
      <c r="H444164" s="12"/>
    </row>
    <row r="444165" spans="8:8">
      <c r="H444165" s="12"/>
    </row>
    <row r="444166" spans="8:8">
      <c r="H444166" s="12"/>
    </row>
    <row r="444167" spans="8:8">
      <c r="H444167" s="12"/>
    </row>
    <row r="444168" spans="8:8">
      <c r="H444168" s="12"/>
    </row>
    <row r="444169" spans="8:8">
      <c r="H444169" s="12"/>
    </row>
    <row r="444170" spans="8:8">
      <c r="H444170" s="12"/>
    </row>
    <row r="444171" spans="8:8">
      <c r="H444171" s="12"/>
    </row>
    <row r="444172" spans="8:8">
      <c r="H444172" s="12"/>
    </row>
    <row r="444173" spans="8:8">
      <c r="H444173" s="12"/>
    </row>
    <row r="444174" spans="8:8">
      <c r="H444174" s="12"/>
    </row>
    <row r="444175" spans="8:8">
      <c r="H444175" s="12"/>
    </row>
    <row r="444176" spans="8:8">
      <c r="H444176" s="12"/>
    </row>
    <row r="444177" spans="8:8">
      <c r="H444177" s="12"/>
    </row>
    <row r="444178" spans="8:8">
      <c r="H444178" s="12"/>
    </row>
    <row r="444179" spans="8:8">
      <c r="H444179" s="12"/>
    </row>
    <row r="444180" spans="8:8">
      <c r="H444180" s="12"/>
    </row>
    <row r="444181" spans="8:8">
      <c r="H444181" s="12"/>
    </row>
    <row r="444182" spans="8:8">
      <c r="H444182" s="12"/>
    </row>
    <row r="444183" spans="8:8">
      <c r="H444183" s="12"/>
    </row>
    <row r="444184" spans="8:8">
      <c r="H444184" s="12"/>
    </row>
    <row r="444185" spans="8:8">
      <c r="H444185" s="12"/>
    </row>
    <row r="444186" spans="8:8">
      <c r="H444186" s="12"/>
    </row>
    <row r="444187" spans="8:8">
      <c r="H444187" s="12"/>
    </row>
    <row r="444188" spans="8:8">
      <c r="H444188" s="12"/>
    </row>
    <row r="444189" spans="8:8">
      <c r="H444189" s="12"/>
    </row>
    <row r="444190" spans="8:8">
      <c r="H444190" s="12"/>
    </row>
    <row r="444191" spans="8:8">
      <c r="H444191" s="12"/>
    </row>
    <row r="444192" spans="8:8">
      <c r="H444192" s="12"/>
    </row>
    <row r="444193" spans="8:8">
      <c r="H444193" s="12"/>
    </row>
    <row r="444194" spans="8:8">
      <c r="H444194" s="12"/>
    </row>
    <row r="444195" spans="8:8">
      <c r="H444195" s="12"/>
    </row>
    <row r="444196" spans="8:8">
      <c r="H444196" s="12"/>
    </row>
    <row r="444197" spans="8:8">
      <c r="H444197" s="12"/>
    </row>
    <row r="444198" spans="8:8">
      <c r="H444198" s="12"/>
    </row>
    <row r="444199" spans="8:8">
      <c r="H444199" s="12"/>
    </row>
    <row r="444200" spans="8:8">
      <c r="H444200" s="12"/>
    </row>
    <row r="444201" spans="8:8">
      <c r="H444201" s="12"/>
    </row>
    <row r="444202" spans="8:8">
      <c r="H444202" s="12"/>
    </row>
    <row r="444203" spans="8:8">
      <c r="H444203" s="12"/>
    </row>
    <row r="444204" spans="8:8">
      <c r="H444204" s="12"/>
    </row>
    <row r="444205" spans="8:8">
      <c r="H444205" s="12"/>
    </row>
    <row r="444206" spans="8:8">
      <c r="H444206" s="12"/>
    </row>
    <row r="444207" spans="8:8">
      <c r="H444207" s="12"/>
    </row>
    <row r="444208" spans="8:8">
      <c r="H444208" s="12"/>
    </row>
    <row r="444209" spans="8:8">
      <c r="H444209" s="12"/>
    </row>
    <row r="444210" spans="8:8">
      <c r="H444210" s="12"/>
    </row>
    <row r="444211" spans="8:8">
      <c r="H444211" s="12"/>
    </row>
    <row r="444212" spans="8:8">
      <c r="H444212" s="12"/>
    </row>
    <row r="444213" spans="8:8">
      <c r="H444213" s="12"/>
    </row>
    <row r="444214" spans="8:8">
      <c r="H444214" s="12"/>
    </row>
    <row r="444215" spans="8:8">
      <c r="H444215" s="12"/>
    </row>
    <row r="444216" spans="8:8">
      <c r="H444216" s="12"/>
    </row>
    <row r="444217" spans="8:8">
      <c r="H444217" s="12"/>
    </row>
    <row r="444218" spans="8:8">
      <c r="H444218" s="12"/>
    </row>
    <row r="444219" spans="8:8">
      <c r="H444219" s="12"/>
    </row>
    <row r="444220" spans="8:8">
      <c r="H444220" s="12"/>
    </row>
    <row r="444221" spans="8:8">
      <c r="H444221" s="12"/>
    </row>
    <row r="444222" spans="8:8">
      <c r="H444222" s="12"/>
    </row>
    <row r="444223" spans="8:8">
      <c r="H444223" s="12"/>
    </row>
    <row r="444224" spans="8:8">
      <c r="H444224" s="12"/>
    </row>
    <row r="444225" spans="8:8">
      <c r="H444225" s="12"/>
    </row>
    <row r="444226" spans="8:8">
      <c r="H444226" s="12"/>
    </row>
    <row r="444227" spans="8:8">
      <c r="H444227" s="12"/>
    </row>
    <row r="444228" spans="8:8">
      <c r="H444228" s="12"/>
    </row>
    <row r="444229" spans="8:8">
      <c r="H444229" s="12"/>
    </row>
    <row r="444230" spans="8:8">
      <c r="H444230" s="12"/>
    </row>
    <row r="444231" spans="8:8">
      <c r="H444231" s="12"/>
    </row>
    <row r="444232" spans="8:8">
      <c r="H444232" s="12"/>
    </row>
    <row r="444233" spans="8:8">
      <c r="H444233" s="12"/>
    </row>
    <row r="444234" spans="8:8">
      <c r="H444234" s="12"/>
    </row>
    <row r="444235" spans="8:8">
      <c r="H444235" s="12"/>
    </row>
    <row r="444236" spans="8:8">
      <c r="H444236" s="12"/>
    </row>
    <row r="444237" spans="8:8">
      <c r="H444237" s="12"/>
    </row>
    <row r="444238" spans="8:8">
      <c r="H444238" s="12"/>
    </row>
    <row r="444239" spans="8:8">
      <c r="H444239" s="12"/>
    </row>
    <row r="444240" spans="8:8">
      <c r="H444240" s="12"/>
    </row>
    <row r="444241" spans="8:8">
      <c r="H444241" s="12"/>
    </row>
    <row r="444242" spans="8:8">
      <c r="H444242" s="12"/>
    </row>
    <row r="444243" spans="8:8">
      <c r="H444243" s="12"/>
    </row>
    <row r="444244" spans="8:8">
      <c r="H444244" s="12"/>
    </row>
    <row r="444245" spans="8:8">
      <c r="H444245" s="12"/>
    </row>
    <row r="444246" spans="8:8">
      <c r="H444246" s="12"/>
    </row>
    <row r="444247" spans="8:8">
      <c r="H444247" s="12"/>
    </row>
    <row r="444248" spans="8:8">
      <c r="H444248" s="12"/>
    </row>
    <row r="444249" spans="8:8">
      <c r="H444249" s="12"/>
    </row>
    <row r="444250" spans="8:8">
      <c r="H444250" s="12"/>
    </row>
    <row r="444251" spans="8:8">
      <c r="H444251" s="12"/>
    </row>
    <row r="444252" spans="8:8">
      <c r="H444252" s="12"/>
    </row>
    <row r="444253" spans="8:8">
      <c r="H444253" s="12"/>
    </row>
    <row r="444254" spans="8:8">
      <c r="H444254" s="12"/>
    </row>
    <row r="444255" spans="8:8">
      <c r="H444255" s="12"/>
    </row>
    <row r="444256" spans="8:8">
      <c r="H444256" s="12"/>
    </row>
    <row r="444257" spans="8:8">
      <c r="H444257" s="12"/>
    </row>
    <row r="444258" spans="8:8">
      <c r="H444258" s="12"/>
    </row>
    <row r="444259" spans="8:8">
      <c r="H444259" s="12"/>
    </row>
    <row r="444260" spans="8:8">
      <c r="H444260" s="12"/>
    </row>
    <row r="444261" spans="8:8">
      <c r="H444261" s="12"/>
    </row>
    <row r="444262" spans="8:8">
      <c r="H444262" s="12"/>
    </row>
    <row r="444263" spans="8:8">
      <c r="H444263" s="12"/>
    </row>
    <row r="444264" spans="8:8">
      <c r="H444264" s="12"/>
    </row>
    <row r="444265" spans="8:8">
      <c r="H444265" s="12"/>
    </row>
    <row r="444266" spans="8:8">
      <c r="H444266" s="12"/>
    </row>
    <row r="444267" spans="8:8">
      <c r="H444267" s="12"/>
    </row>
    <row r="444268" spans="8:8">
      <c r="H444268" s="12"/>
    </row>
    <row r="444269" spans="8:8">
      <c r="H444269" s="12"/>
    </row>
    <row r="444270" spans="8:8">
      <c r="H444270" s="12"/>
    </row>
    <row r="444271" spans="8:8">
      <c r="H444271" s="12"/>
    </row>
    <row r="444272" spans="8:8">
      <c r="H444272" s="12"/>
    </row>
    <row r="444273" spans="8:8">
      <c r="H444273" s="12"/>
    </row>
    <row r="444274" spans="8:8">
      <c r="H444274" s="12"/>
    </row>
    <row r="444275" spans="8:8">
      <c r="H444275" s="12"/>
    </row>
    <row r="444276" spans="8:8">
      <c r="H444276" s="12"/>
    </row>
    <row r="444277" spans="8:8">
      <c r="H444277" s="12"/>
    </row>
    <row r="444278" spans="8:8">
      <c r="H444278" s="12"/>
    </row>
    <row r="444279" spans="8:8">
      <c r="H444279" s="12"/>
    </row>
    <row r="444280" spans="8:8">
      <c r="H444280" s="12"/>
    </row>
    <row r="444281" spans="8:8">
      <c r="H444281" s="12"/>
    </row>
    <row r="444282" spans="8:8">
      <c r="H444282" s="12"/>
    </row>
    <row r="444283" spans="8:8">
      <c r="H444283" s="12"/>
    </row>
    <row r="444284" spans="8:8">
      <c r="H444284" s="12"/>
    </row>
    <row r="444285" spans="8:8">
      <c r="H444285" s="12"/>
    </row>
    <row r="444286" spans="8:8">
      <c r="H444286" s="12"/>
    </row>
    <row r="444287" spans="8:8">
      <c r="H444287" s="12"/>
    </row>
    <row r="444288" spans="8:8">
      <c r="H444288" s="12"/>
    </row>
    <row r="444289" spans="8:8">
      <c r="H444289" s="12"/>
    </row>
    <row r="444290" spans="8:8">
      <c r="H444290" s="12"/>
    </row>
    <row r="444291" spans="8:8">
      <c r="H444291" s="12"/>
    </row>
    <row r="444292" spans="8:8">
      <c r="H444292" s="12"/>
    </row>
    <row r="444293" spans="8:8">
      <c r="H444293" s="12"/>
    </row>
    <row r="444294" spans="8:8">
      <c r="H444294" s="12"/>
    </row>
    <row r="444295" spans="8:8">
      <c r="H444295" s="12"/>
    </row>
    <row r="444296" spans="8:8">
      <c r="H444296" s="12"/>
    </row>
    <row r="444297" spans="8:8">
      <c r="H444297" s="12"/>
    </row>
    <row r="444298" spans="8:8">
      <c r="H444298" s="12"/>
    </row>
    <row r="444299" spans="8:8">
      <c r="H444299" s="12"/>
    </row>
    <row r="444300" spans="8:8">
      <c r="H444300" s="12"/>
    </row>
    <row r="444301" spans="8:8">
      <c r="H444301" s="12"/>
    </row>
    <row r="444302" spans="8:8">
      <c r="H444302" s="12"/>
    </row>
    <row r="444303" spans="8:8">
      <c r="H444303" s="12"/>
    </row>
    <row r="444304" spans="8:8">
      <c r="H444304" s="12"/>
    </row>
    <row r="444305" spans="8:8">
      <c r="H444305" s="12"/>
    </row>
    <row r="444306" spans="8:8">
      <c r="H444306" s="12"/>
    </row>
    <row r="444307" spans="8:8">
      <c r="H444307" s="12"/>
    </row>
    <row r="444308" spans="8:8">
      <c r="H444308" s="12"/>
    </row>
    <row r="444309" spans="8:8">
      <c r="H444309" s="12"/>
    </row>
    <row r="444310" spans="8:8">
      <c r="H444310" s="12"/>
    </row>
    <row r="444311" spans="8:8">
      <c r="H444311" s="12"/>
    </row>
    <row r="444312" spans="8:8">
      <c r="H444312" s="12"/>
    </row>
    <row r="444313" spans="8:8">
      <c r="H444313" s="12"/>
    </row>
    <row r="444314" spans="8:8">
      <c r="H444314" s="12"/>
    </row>
    <row r="444315" spans="8:8">
      <c r="H444315" s="12"/>
    </row>
    <row r="444316" spans="8:8">
      <c r="H444316" s="12"/>
    </row>
    <row r="444317" spans="8:8">
      <c r="H444317" s="12"/>
    </row>
    <row r="444318" spans="8:8">
      <c r="H444318" s="12"/>
    </row>
    <row r="444319" spans="8:8">
      <c r="H444319" s="12"/>
    </row>
    <row r="444320" spans="8:8">
      <c r="H444320" s="12"/>
    </row>
    <row r="444321" spans="8:8">
      <c r="H444321" s="12"/>
    </row>
    <row r="444322" spans="8:8">
      <c r="H444322" s="12"/>
    </row>
    <row r="444323" spans="8:8">
      <c r="H444323" s="12"/>
    </row>
    <row r="444324" spans="8:8">
      <c r="H444324" s="12"/>
    </row>
    <row r="444325" spans="8:8">
      <c r="H444325" s="12"/>
    </row>
    <row r="444326" spans="8:8">
      <c r="H444326" s="12"/>
    </row>
    <row r="444327" spans="8:8">
      <c r="H444327" s="12"/>
    </row>
    <row r="444328" spans="8:8">
      <c r="H444328" s="12"/>
    </row>
    <row r="444329" spans="8:8">
      <c r="H444329" s="12"/>
    </row>
    <row r="444330" spans="8:8">
      <c r="H444330" s="12"/>
    </row>
    <row r="444331" spans="8:8">
      <c r="H444331" s="12"/>
    </row>
    <row r="444332" spans="8:8">
      <c r="H444332" s="12"/>
    </row>
    <row r="444333" spans="8:8">
      <c r="H444333" s="12"/>
    </row>
    <row r="444334" spans="8:8">
      <c r="H444334" s="12"/>
    </row>
    <row r="444335" spans="8:8">
      <c r="H444335" s="12"/>
    </row>
    <row r="444336" spans="8:8">
      <c r="H444336" s="12"/>
    </row>
    <row r="444337" spans="8:8">
      <c r="H444337" s="12"/>
    </row>
    <row r="444338" spans="8:8">
      <c r="H444338" s="12"/>
    </row>
    <row r="444339" spans="8:8">
      <c r="H444339" s="12"/>
    </row>
    <row r="444340" spans="8:8">
      <c r="H444340" s="12"/>
    </row>
    <row r="444341" spans="8:8">
      <c r="H444341" s="12"/>
    </row>
    <row r="444342" spans="8:8">
      <c r="H444342" s="12"/>
    </row>
    <row r="444343" spans="8:8">
      <c r="H444343" s="12"/>
    </row>
    <row r="444344" spans="8:8">
      <c r="H444344" s="12"/>
    </row>
    <row r="444345" spans="8:8">
      <c r="H444345" s="12"/>
    </row>
    <row r="444346" spans="8:8">
      <c r="H444346" s="12"/>
    </row>
    <row r="444347" spans="8:8">
      <c r="H444347" s="12"/>
    </row>
    <row r="444348" spans="8:8">
      <c r="H444348" s="12"/>
    </row>
    <row r="444349" spans="8:8">
      <c r="H444349" s="12"/>
    </row>
    <row r="444350" spans="8:8">
      <c r="H444350" s="12"/>
    </row>
    <row r="444351" spans="8:8">
      <c r="H444351" s="12"/>
    </row>
    <row r="444352" spans="8:8">
      <c r="H444352" s="12"/>
    </row>
    <row r="444353" spans="8:8">
      <c r="H444353" s="12"/>
    </row>
    <row r="444354" spans="8:8">
      <c r="H444354" s="12"/>
    </row>
    <row r="444355" spans="8:8">
      <c r="H444355" s="12"/>
    </row>
    <row r="444356" spans="8:8">
      <c r="H444356" s="12"/>
    </row>
    <row r="444357" spans="8:8">
      <c r="H444357" s="12"/>
    </row>
    <row r="444358" spans="8:8">
      <c r="H444358" s="12"/>
    </row>
    <row r="444359" spans="8:8">
      <c r="H444359" s="12"/>
    </row>
    <row r="444360" spans="8:8">
      <c r="H444360" s="12"/>
    </row>
    <row r="444361" spans="8:8">
      <c r="H444361" s="12"/>
    </row>
    <row r="444362" spans="8:8">
      <c r="H444362" s="12"/>
    </row>
    <row r="444363" spans="8:8">
      <c r="H444363" s="12"/>
    </row>
    <row r="444364" spans="8:8">
      <c r="H444364" s="12"/>
    </row>
    <row r="444365" spans="8:8">
      <c r="H444365" s="12"/>
    </row>
    <row r="444366" spans="8:8">
      <c r="H444366" s="12"/>
    </row>
    <row r="444367" spans="8:8">
      <c r="H444367" s="12"/>
    </row>
    <row r="444368" spans="8:8">
      <c r="H444368" s="12"/>
    </row>
    <row r="444369" spans="8:8">
      <c r="H444369" s="12"/>
    </row>
    <row r="444370" spans="8:8">
      <c r="H444370" s="12"/>
    </row>
    <row r="444371" spans="8:8">
      <c r="H444371" s="12"/>
    </row>
    <row r="444372" spans="8:8">
      <c r="H444372" s="12"/>
    </row>
    <row r="444373" spans="8:8">
      <c r="H444373" s="12"/>
    </row>
    <row r="444374" spans="8:8">
      <c r="H444374" s="12"/>
    </row>
    <row r="444375" spans="8:8">
      <c r="H444375" s="12"/>
    </row>
    <row r="444376" spans="8:8">
      <c r="H444376" s="12"/>
    </row>
    <row r="444377" spans="8:8">
      <c r="H444377" s="12"/>
    </row>
    <row r="444378" spans="8:8">
      <c r="H444378" s="12"/>
    </row>
    <row r="444379" spans="8:8">
      <c r="H444379" s="12"/>
    </row>
    <row r="444380" spans="8:8">
      <c r="H444380" s="12"/>
    </row>
    <row r="444381" spans="8:8">
      <c r="H444381" s="12"/>
    </row>
    <row r="444382" spans="8:8">
      <c r="H444382" s="12"/>
    </row>
    <row r="444383" spans="8:8">
      <c r="H444383" s="12"/>
    </row>
    <row r="444384" spans="8:8">
      <c r="H444384" s="12"/>
    </row>
    <row r="444385" spans="8:8">
      <c r="H444385" s="12"/>
    </row>
    <row r="444386" spans="8:8">
      <c r="H444386" s="12"/>
    </row>
    <row r="444387" spans="8:8">
      <c r="H444387" s="12"/>
    </row>
    <row r="444388" spans="8:8">
      <c r="H444388" s="12"/>
    </row>
    <row r="444389" spans="8:8">
      <c r="H444389" s="12"/>
    </row>
    <row r="444390" spans="8:8">
      <c r="H444390" s="12"/>
    </row>
    <row r="444391" spans="8:8">
      <c r="H444391" s="12"/>
    </row>
    <row r="444392" spans="8:8">
      <c r="H444392" s="12"/>
    </row>
    <row r="444393" spans="8:8">
      <c r="H444393" s="12"/>
    </row>
    <row r="444394" spans="8:8">
      <c r="H444394" s="12"/>
    </row>
    <row r="444395" spans="8:8">
      <c r="H444395" s="12"/>
    </row>
    <row r="444396" spans="8:8">
      <c r="H444396" s="12"/>
    </row>
    <row r="444397" spans="8:8">
      <c r="H444397" s="12"/>
    </row>
    <row r="444398" spans="8:8">
      <c r="H444398" s="12"/>
    </row>
    <row r="444399" spans="8:8">
      <c r="H444399" s="12"/>
    </row>
    <row r="444400" spans="8:8">
      <c r="H444400" s="12"/>
    </row>
    <row r="444401" spans="8:8">
      <c r="H444401" s="12"/>
    </row>
    <row r="444402" spans="8:8">
      <c r="H444402" s="12"/>
    </row>
    <row r="444403" spans="8:8">
      <c r="H444403" s="12"/>
    </row>
    <row r="444404" spans="8:8">
      <c r="H444404" s="12"/>
    </row>
    <row r="444405" spans="8:8">
      <c r="H444405" s="12"/>
    </row>
    <row r="444406" spans="8:8">
      <c r="H444406" s="12"/>
    </row>
    <row r="444407" spans="8:8">
      <c r="H444407" s="12"/>
    </row>
    <row r="444408" spans="8:8">
      <c r="H444408" s="12"/>
    </row>
    <row r="444409" spans="8:8">
      <c r="H444409" s="12"/>
    </row>
    <row r="444410" spans="8:8">
      <c r="H444410" s="12"/>
    </row>
    <row r="444411" spans="8:8">
      <c r="H444411" s="12"/>
    </row>
    <row r="444412" spans="8:8">
      <c r="H444412" s="12"/>
    </row>
    <row r="444413" spans="8:8">
      <c r="H444413" s="12"/>
    </row>
    <row r="444414" spans="8:8">
      <c r="H444414" s="12"/>
    </row>
    <row r="444415" spans="8:8">
      <c r="H444415" s="12"/>
    </row>
    <row r="444416" spans="8:8">
      <c r="H444416" s="12"/>
    </row>
    <row r="444417" spans="8:8">
      <c r="H444417" s="12"/>
    </row>
    <row r="444418" spans="8:8">
      <c r="H444418" s="12"/>
    </row>
    <row r="444419" spans="8:8">
      <c r="H444419" s="12"/>
    </row>
    <row r="444420" spans="8:8">
      <c r="H444420" s="12"/>
    </row>
    <row r="444421" spans="8:8">
      <c r="H444421" s="12"/>
    </row>
    <row r="444422" spans="8:8">
      <c r="H444422" s="12"/>
    </row>
    <row r="444423" spans="8:8">
      <c r="H444423" s="12"/>
    </row>
    <row r="444424" spans="8:8">
      <c r="H444424" s="12"/>
    </row>
    <row r="444425" spans="8:8">
      <c r="H444425" s="12"/>
    </row>
    <row r="444426" spans="8:8">
      <c r="H444426" s="12"/>
    </row>
    <row r="444427" spans="8:8">
      <c r="H444427" s="12"/>
    </row>
    <row r="444428" spans="8:8">
      <c r="H444428" s="12"/>
    </row>
    <row r="444429" spans="8:8">
      <c r="H444429" s="12"/>
    </row>
    <row r="444430" spans="8:8">
      <c r="H444430" s="12"/>
    </row>
    <row r="444431" spans="8:8">
      <c r="H444431" s="12"/>
    </row>
    <row r="444432" spans="8:8">
      <c r="H444432" s="12"/>
    </row>
    <row r="444433" spans="8:8">
      <c r="H444433" s="12"/>
    </row>
    <row r="444434" spans="8:8">
      <c r="H444434" s="12"/>
    </row>
    <row r="444435" spans="8:8">
      <c r="H444435" s="12"/>
    </row>
    <row r="444436" spans="8:8">
      <c r="H444436" s="12"/>
    </row>
    <row r="444437" spans="8:8">
      <c r="H444437" s="12"/>
    </row>
    <row r="444438" spans="8:8">
      <c r="H444438" s="12"/>
    </row>
    <row r="444439" spans="8:8">
      <c r="H444439" s="12"/>
    </row>
    <row r="444440" spans="8:8">
      <c r="H444440" s="12"/>
    </row>
    <row r="444441" spans="8:8">
      <c r="H444441" s="12"/>
    </row>
    <row r="444442" spans="8:8">
      <c r="H444442" s="12"/>
    </row>
    <row r="444443" spans="8:8">
      <c r="H444443" s="12"/>
    </row>
    <row r="444444" spans="8:8">
      <c r="H444444" s="12"/>
    </row>
    <row r="444445" spans="8:8">
      <c r="H444445" s="12"/>
    </row>
    <row r="444446" spans="8:8">
      <c r="H444446" s="12"/>
    </row>
    <row r="444447" spans="8:8">
      <c r="H444447" s="12"/>
    </row>
    <row r="444448" spans="8:8">
      <c r="H444448" s="12"/>
    </row>
    <row r="444449" spans="8:8">
      <c r="H444449" s="12"/>
    </row>
    <row r="444450" spans="8:8">
      <c r="H444450" s="12"/>
    </row>
    <row r="444451" spans="8:8">
      <c r="H444451" s="12"/>
    </row>
    <row r="444452" spans="8:8">
      <c r="H444452" s="12"/>
    </row>
    <row r="444453" spans="8:8">
      <c r="H444453" s="12"/>
    </row>
    <row r="444454" spans="8:8">
      <c r="H444454" s="12"/>
    </row>
    <row r="444455" spans="8:8">
      <c r="H444455" s="12"/>
    </row>
    <row r="444456" spans="8:8">
      <c r="H444456" s="12"/>
    </row>
    <row r="444457" spans="8:8">
      <c r="H444457" s="12"/>
    </row>
    <row r="444458" spans="8:8">
      <c r="H444458" s="12"/>
    </row>
    <row r="444459" spans="8:8">
      <c r="H444459" s="12"/>
    </row>
    <row r="444460" spans="8:8">
      <c r="H444460" s="12"/>
    </row>
    <row r="444461" spans="8:8">
      <c r="H444461" s="12"/>
    </row>
    <row r="444462" spans="8:8">
      <c r="H444462" s="12"/>
    </row>
    <row r="444463" spans="8:8">
      <c r="H444463" s="12"/>
    </row>
    <row r="444464" spans="8:8">
      <c r="H444464" s="12"/>
    </row>
    <row r="444465" spans="8:8">
      <c r="H444465" s="12"/>
    </row>
    <row r="444466" spans="8:8">
      <c r="H444466" s="12"/>
    </row>
    <row r="444467" spans="8:8">
      <c r="H444467" s="12"/>
    </row>
    <row r="444468" spans="8:8">
      <c r="H444468" s="12"/>
    </row>
    <row r="444469" spans="8:8">
      <c r="H444469" s="12"/>
    </row>
    <row r="444470" spans="8:8">
      <c r="H444470" s="12"/>
    </row>
    <row r="444471" spans="8:8">
      <c r="H444471" s="12"/>
    </row>
    <row r="444472" spans="8:8">
      <c r="H444472" s="12"/>
    </row>
    <row r="444473" spans="8:8">
      <c r="H444473" s="12"/>
    </row>
    <row r="444474" spans="8:8">
      <c r="H444474" s="12"/>
    </row>
    <row r="444475" spans="8:8">
      <c r="H444475" s="12"/>
    </row>
    <row r="444476" spans="8:8">
      <c r="H444476" s="12"/>
    </row>
    <row r="444477" spans="8:8">
      <c r="H444477" s="12"/>
    </row>
    <row r="444478" spans="8:8">
      <c r="H444478" s="12"/>
    </row>
    <row r="444479" spans="8:8">
      <c r="H444479" s="12"/>
    </row>
    <row r="444480" spans="8:8">
      <c r="H444480" s="12"/>
    </row>
    <row r="444481" spans="8:8">
      <c r="H444481" s="12"/>
    </row>
    <row r="444482" spans="8:8">
      <c r="H444482" s="12"/>
    </row>
    <row r="444483" spans="8:8">
      <c r="H444483" s="12"/>
    </row>
    <row r="444484" spans="8:8">
      <c r="H444484" s="12"/>
    </row>
    <row r="444485" spans="8:8">
      <c r="H444485" s="12"/>
    </row>
    <row r="444486" spans="8:8">
      <c r="H444486" s="12"/>
    </row>
    <row r="444487" spans="8:8">
      <c r="H444487" s="12"/>
    </row>
    <row r="444488" spans="8:8">
      <c r="H444488" s="12"/>
    </row>
    <row r="444489" spans="8:8">
      <c r="H444489" s="12"/>
    </row>
    <row r="444490" spans="8:8">
      <c r="H444490" s="12"/>
    </row>
    <row r="444491" spans="8:8">
      <c r="H444491" s="12"/>
    </row>
    <row r="444492" spans="8:8">
      <c r="H444492" s="12"/>
    </row>
    <row r="444493" spans="8:8">
      <c r="H444493" s="12"/>
    </row>
    <row r="444494" spans="8:8">
      <c r="H444494" s="12"/>
    </row>
    <row r="444495" spans="8:8">
      <c r="H444495" s="12"/>
    </row>
    <row r="444496" spans="8:8">
      <c r="H444496" s="12"/>
    </row>
    <row r="444497" spans="8:8">
      <c r="H444497" s="12"/>
    </row>
    <row r="444498" spans="8:8">
      <c r="H444498" s="12"/>
    </row>
    <row r="444499" spans="8:8">
      <c r="H444499" s="12"/>
    </row>
    <row r="444500" spans="8:8">
      <c r="H444500" s="12"/>
    </row>
    <row r="444501" spans="8:8">
      <c r="H444501" s="12"/>
    </row>
    <row r="444502" spans="8:8">
      <c r="H444502" s="12"/>
    </row>
    <row r="444503" spans="8:8">
      <c r="H444503" s="12"/>
    </row>
    <row r="444504" spans="8:8">
      <c r="H444504" s="12"/>
    </row>
    <row r="444505" spans="8:8">
      <c r="H444505" s="12"/>
    </row>
    <row r="444506" spans="8:8">
      <c r="H444506" s="12"/>
    </row>
    <row r="444507" spans="8:8">
      <c r="H444507" s="12"/>
    </row>
    <row r="444508" spans="8:8">
      <c r="H444508" s="12"/>
    </row>
    <row r="444509" spans="8:8">
      <c r="H444509" s="12"/>
    </row>
    <row r="444510" spans="8:8">
      <c r="H444510" s="12"/>
    </row>
    <row r="444511" spans="8:8">
      <c r="H444511" s="12"/>
    </row>
    <row r="444512" spans="8:8">
      <c r="H444512" s="12"/>
    </row>
    <row r="444513" spans="8:8">
      <c r="H444513" s="12"/>
    </row>
    <row r="444514" spans="8:8">
      <c r="H444514" s="12"/>
    </row>
    <row r="444515" spans="8:8">
      <c r="H444515" s="12"/>
    </row>
    <row r="444516" spans="8:8">
      <c r="H444516" s="12"/>
    </row>
    <row r="444517" spans="8:8">
      <c r="H444517" s="12"/>
    </row>
    <row r="444518" spans="8:8">
      <c r="H444518" s="12"/>
    </row>
    <row r="444519" spans="8:8">
      <c r="H444519" s="12"/>
    </row>
    <row r="444520" spans="8:8">
      <c r="H444520" s="12"/>
    </row>
    <row r="444521" spans="8:8">
      <c r="H444521" s="12"/>
    </row>
    <row r="444522" spans="8:8">
      <c r="H444522" s="12"/>
    </row>
    <row r="444523" spans="8:8">
      <c r="H444523" s="12"/>
    </row>
    <row r="444524" spans="8:8">
      <c r="H444524" s="12"/>
    </row>
    <row r="444525" spans="8:8">
      <c r="H444525" s="12"/>
    </row>
    <row r="444526" spans="8:8">
      <c r="H444526" s="12"/>
    </row>
    <row r="444527" spans="8:8">
      <c r="H444527" s="12"/>
    </row>
    <row r="444528" spans="8:8">
      <c r="H444528" s="12"/>
    </row>
    <row r="444529" spans="8:8">
      <c r="H444529" s="12"/>
    </row>
    <row r="444530" spans="8:8">
      <c r="H444530" s="12"/>
    </row>
    <row r="444531" spans="8:8">
      <c r="H444531" s="12"/>
    </row>
    <row r="444532" spans="8:8">
      <c r="H444532" s="12"/>
    </row>
    <row r="444533" spans="8:8">
      <c r="H444533" s="12"/>
    </row>
    <row r="444534" spans="8:8">
      <c r="H444534" s="12"/>
    </row>
    <row r="444535" spans="8:8">
      <c r="H444535" s="12"/>
    </row>
    <row r="444536" spans="8:8">
      <c r="H444536" s="12"/>
    </row>
    <row r="444537" spans="8:8">
      <c r="H444537" s="12"/>
    </row>
    <row r="444538" spans="8:8">
      <c r="H444538" s="12"/>
    </row>
    <row r="444539" spans="8:8">
      <c r="H444539" s="12"/>
    </row>
    <row r="444540" spans="8:8">
      <c r="H444540" s="12"/>
    </row>
    <row r="444541" spans="8:8">
      <c r="H444541" s="12"/>
    </row>
    <row r="444542" spans="8:8">
      <c r="H444542" s="12"/>
    </row>
    <row r="444543" spans="8:8">
      <c r="H444543" s="12"/>
    </row>
    <row r="444544" spans="8:8">
      <c r="H444544" s="12"/>
    </row>
    <row r="444545" spans="8:8">
      <c r="H444545" s="12"/>
    </row>
    <row r="444546" spans="8:8">
      <c r="H444546" s="12"/>
    </row>
    <row r="444547" spans="8:8">
      <c r="H444547" s="12"/>
    </row>
    <row r="444548" spans="8:8">
      <c r="H444548" s="12"/>
    </row>
    <row r="444549" spans="8:8">
      <c r="H444549" s="12"/>
    </row>
    <row r="444550" spans="8:8">
      <c r="H444550" s="12"/>
    </row>
    <row r="444551" spans="8:8">
      <c r="H444551" s="12"/>
    </row>
    <row r="444552" spans="8:8">
      <c r="H444552" s="12"/>
    </row>
    <row r="444553" spans="8:8">
      <c r="H444553" s="12"/>
    </row>
    <row r="444554" spans="8:8">
      <c r="H444554" s="12"/>
    </row>
    <row r="444555" spans="8:8">
      <c r="H444555" s="12"/>
    </row>
    <row r="444556" spans="8:8">
      <c r="H444556" s="12"/>
    </row>
    <row r="444557" spans="8:8">
      <c r="H444557" s="12"/>
    </row>
    <row r="444558" spans="8:8">
      <c r="H444558" s="12"/>
    </row>
    <row r="444559" spans="8:8">
      <c r="H444559" s="12"/>
    </row>
    <row r="444560" spans="8:8">
      <c r="H444560" s="12"/>
    </row>
    <row r="444561" spans="8:8">
      <c r="H444561" s="12"/>
    </row>
    <row r="444562" spans="8:8">
      <c r="H444562" s="12"/>
    </row>
    <row r="444563" spans="8:8">
      <c r="H444563" s="12"/>
    </row>
    <row r="444564" spans="8:8">
      <c r="H444564" s="12"/>
    </row>
    <row r="444565" spans="8:8">
      <c r="H444565" s="12"/>
    </row>
    <row r="444566" spans="8:8">
      <c r="H444566" s="12"/>
    </row>
    <row r="444567" spans="8:8">
      <c r="H444567" s="12"/>
    </row>
    <row r="444568" spans="8:8">
      <c r="H444568" s="12"/>
    </row>
    <row r="444569" spans="8:8">
      <c r="H444569" s="12"/>
    </row>
    <row r="444570" spans="8:8">
      <c r="H444570" s="12"/>
    </row>
    <row r="444571" spans="8:8">
      <c r="H444571" s="12"/>
    </row>
    <row r="444572" spans="8:8">
      <c r="H444572" s="12"/>
    </row>
    <row r="444573" spans="8:8">
      <c r="H444573" s="12"/>
    </row>
    <row r="444574" spans="8:8">
      <c r="H444574" s="12"/>
    </row>
    <row r="444575" spans="8:8">
      <c r="H444575" s="12"/>
    </row>
    <row r="444576" spans="8:8">
      <c r="H444576" s="12"/>
    </row>
    <row r="444577" spans="8:8">
      <c r="H444577" s="12"/>
    </row>
    <row r="444578" spans="8:8">
      <c r="H444578" s="12"/>
    </row>
    <row r="444579" spans="8:8">
      <c r="H444579" s="12"/>
    </row>
    <row r="444580" spans="8:8">
      <c r="H444580" s="12"/>
    </row>
    <row r="444581" spans="8:8">
      <c r="H444581" s="12"/>
    </row>
    <row r="444582" spans="8:8">
      <c r="H444582" s="12"/>
    </row>
    <row r="444583" spans="8:8">
      <c r="H444583" s="12"/>
    </row>
    <row r="444584" spans="8:8">
      <c r="H444584" s="12"/>
    </row>
    <row r="444585" spans="8:8">
      <c r="H444585" s="12"/>
    </row>
    <row r="444586" spans="8:8">
      <c r="H444586" s="12"/>
    </row>
    <row r="444587" spans="8:8">
      <c r="H444587" s="12"/>
    </row>
    <row r="444588" spans="8:8">
      <c r="H444588" s="12"/>
    </row>
    <row r="444589" spans="8:8">
      <c r="H444589" s="12"/>
    </row>
    <row r="444590" spans="8:8">
      <c r="H444590" s="12"/>
    </row>
    <row r="444591" spans="8:8">
      <c r="H444591" s="12"/>
    </row>
    <row r="444592" spans="8:8">
      <c r="H444592" s="12"/>
    </row>
    <row r="444593" spans="8:8">
      <c r="H444593" s="12"/>
    </row>
    <row r="444594" spans="8:8">
      <c r="H444594" s="12"/>
    </row>
    <row r="444595" spans="8:8">
      <c r="H444595" s="12"/>
    </row>
    <row r="444596" spans="8:8">
      <c r="H444596" s="12"/>
    </row>
    <row r="444597" spans="8:8">
      <c r="H444597" s="12"/>
    </row>
    <row r="444598" spans="8:8">
      <c r="H444598" s="12"/>
    </row>
    <row r="444599" spans="8:8">
      <c r="H444599" s="12"/>
    </row>
    <row r="444600" spans="8:8">
      <c r="H444600" s="12"/>
    </row>
    <row r="444601" spans="8:8">
      <c r="H444601" s="12"/>
    </row>
    <row r="444602" spans="8:8">
      <c r="H444602" s="12"/>
    </row>
    <row r="444603" spans="8:8">
      <c r="H444603" s="12"/>
    </row>
    <row r="444604" spans="8:8">
      <c r="H444604" s="12"/>
    </row>
    <row r="444605" spans="8:8">
      <c r="H444605" s="12"/>
    </row>
    <row r="444606" spans="8:8">
      <c r="H444606" s="12"/>
    </row>
    <row r="444607" spans="8:8">
      <c r="H444607" s="12"/>
    </row>
    <row r="444608" spans="8:8">
      <c r="H444608" s="12"/>
    </row>
    <row r="444609" spans="8:8">
      <c r="H444609" s="12"/>
    </row>
    <row r="444610" spans="8:8">
      <c r="H444610" s="12"/>
    </row>
    <row r="444611" spans="8:8">
      <c r="H444611" s="12"/>
    </row>
    <row r="444612" spans="8:8">
      <c r="H444612" s="12"/>
    </row>
    <row r="444613" spans="8:8">
      <c r="H444613" s="12"/>
    </row>
    <row r="444614" spans="8:8">
      <c r="H444614" s="12"/>
    </row>
    <row r="444615" spans="8:8">
      <c r="H444615" s="12"/>
    </row>
    <row r="444616" spans="8:8">
      <c r="H444616" s="12"/>
    </row>
    <row r="444617" spans="8:8">
      <c r="H444617" s="12"/>
    </row>
    <row r="444618" spans="8:8">
      <c r="H444618" s="12"/>
    </row>
    <row r="444619" spans="8:8">
      <c r="H444619" s="12"/>
    </row>
    <row r="444620" spans="8:8">
      <c r="H444620" s="12"/>
    </row>
    <row r="444621" spans="8:8">
      <c r="H444621" s="12"/>
    </row>
    <row r="444622" spans="8:8">
      <c r="H444622" s="12"/>
    </row>
    <row r="444623" spans="8:8">
      <c r="H444623" s="12"/>
    </row>
    <row r="444624" spans="8:8">
      <c r="H444624" s="12"/>
    </row>
    <row r="444625" spans="8:8">
      <c r="H444625" s="12"/>
    </row>
    <row r="444626" spans="8:8">
      <c r="H444626" s="12"/>
    </row>
    <row r="444627" spans="8:8">
      <c r="H444627" s="12"/>
    </row>
    <row r="444628" spans="8:8">
      <c r="H444628" s="12"/>
    </row>
    <row r="444629" spans="8:8">
      <c r="H444629" s="12"/>
    </row>
    <row r="444630" spans="8:8">
      <c r="H444630" s="12"/>
    </row>
    <row r="444631" spans="8:8">
      <c r="H444631" s="12"/>
    </row>
    <row r="444632" spans="8:8">
      <c r="H444632" s="12"/>
    </row>
    <row r="444633" spans="8:8">
      <c r="H444633" s="12"/>
    </row>
    <row r="444634" spans="8:8">
      <c r="H444634" s="12"/>
    </row>
    <row r="444635" spans="8:8">
      <c r="H444635" s="12"/>
    </row>
    <row r="444636" spans="8:8">
      <c r="H444636" s="12"/>
    </row>
    <row r="444637" spans="8:8">
      <c r="H444637" s="12"/>
    </row>
    <row r="444638" spans="8:8">
      <c r="H444638" s="12"/>
    </row>
    <row r="444639" spans="8:8">
      <c r="H444639" s="12"/>
    </row>
    <row r="444640" spans="8:8">
      <c r="H444640" s="12"/>
    </row>
    <row r="444641" spans="8:8">
      <c r="H444641" s="12"/>
    </row>
    <row r="444642" spans="8:8">
      <c r="H444642" s="12"/>
    </row>
    <row r="444643" spans="8:8">
      <c r="H444643" s="12"/>
    </row>
    <row r="444644" spans="8:8">
      <c r="H444644" s="12"/>
    </row>
    <row r="444645" spans="8:8">
      <c r="H444645" s="12"/>
    </row>
    <row r="444646" spans="8:8">
      <c r="H444646" s="12"/>
    </row>
    <row r="444647" spans="8:8">
      <c r="H444647" s="12"/>
    </row>
    <row r="444648" spans="8:8">
      <c r="H444648" s="12"/>
    </row>
    <row r="444649" spans="8:8">
      <c r="H444649" s="12"/>
    </row>
    <row r="444650" spans="8:8">
      <c r="H444650" s="12"/>
    </row>
    <row r="444651" spans="8:8">
      <c r="H444651" s="12"/>
    </row>
    <row r="444652" spans="8:8">
      <c r="H444652" s="12"/>
    </row>
    <row r="444653" spans="8:8">
      <c r="H444653" s="12"/>
    </row>
    <row r="444654" spans="8:8">
      <c r="H444654" s="12"/>
    </row>
    <row r="444655" spans="8:8">
      <c r="H444655" s="12"/>
    </row>
    <row r="444656" spans="8:8">
      <c r="H444656" s="12"/>
    </row>
    <row r="444657" spans="8:8">
      <c r="H444657" s="12"/>
    </row>
    <row r="444658" spans="8:8">
      <c r="H444658" s="12"/>
    </row>
    <row r="444659" spans="8:8">
      <c r="H444659" s="12"/>
    </row>
    <row r="444660" spans="8:8">
      <c r="H444660" s="12"/>
    </row>
    <row r="444661" spans="8:8">
      <c r="H444661" s="12"/>
    </row>
    <row r="444662" spans="8:8">
      <c r="H444662" s="12"/>
    </row>
    <row r="444663" spans="8:8">
      <c r="H444663" s="12"/>
    </row>
    <row r="444664" spans="8:8">
      <c r="H444664" s="12"/>
    </row>
    <row r="444665" spans="8:8">
      <c r="H444665" s="12"/>
    </row>
    <row r="444666" spans="8:8">
      <c r="H444666" s="12"/>
    </row>
    <row r="444667" spans="8:8">
      <c r="H444667" s="12"/>
    </row>
    <row r="444668" spans="8:8">
      <c r="H444668" s="12"/>
    </row>
    <row r="444669" spans="8:8">
      <c r="H444669" s="12"/>
    </row>
    <row r="444670" spans="8:8">
      <c r="H444670" s="12"/>
    </row>
    <row r="444671" spans="8:8">
      <c r="H444671" s="12"/>
    </row>
    <row r="444672" spans="8:8">
      <c r="H444672" s="12"/>
    </row>
    <row r="444673" spans="8:8">
      <c r="H444673" s="12"/>
    </row>
    <row r="444674" spans="8:8">
      <c r="H444674" s="12"/>
    </row>
    <row r="444675" spans="8:8">
      <c r="H444675" s="12"/>
    </row>
    <row r="444676" spans="8:8">
      <c r="H444676" s="12"/>
    </row>
    <row r="444677" spans="8:8">
      <c r="H444677" s="12"/>
    </row>
    <row r="444678" spans="8:8">
      <c r="H444678" s="12"/>
    </row>
    <row r="444679" spans="8:8">
      <c r="H444679" s="12"/>
    </row>
    <row r="444680" spans="8:8">
      <c r="H444680" s="12"/>
    </row>
    <row r="444681" spans="8:8">
      <c r="H444681" s="12"/>
    </row>
    <row r="444682" spans="8:8">
      <c r="H444682" s="12"/>
    </row>
    <row r="444683" spans="8:8">
      <c r="H444683" s="12"/>
    </row>
    <row r="444684" spans="8:8">
      <c r="H444684" s="12"/>
    </row>
    <row r="444685" spans="8:8">
      <c r="H444685" s="12"/>
    </row>
    <row r="444686" spans="8:8">
      <c r="H444686" s="12"/>
    </row>
    <row r="444687" spans="8:8">
      <c r="H444687" s="12"/>
    </row>
    <row r="444688" spans="8:8">
      <c r="H444688" s="12"/>
    </row>
    <row r="444689" spans="8:8">
      <c r="H444689" s="12"/>
    </row>
    <row r="444690" spans="8:8">
      <c r="H444690" s="12"/>
    </row>
    <row r="444691" spans="8:8">
      <c r="H444691" s="12"/>
    </row>
    <row r="444692" spans="8:8">
      <c r="H444692" s="12"/>
    </row>
    <row r="444693" spans="8:8">
      <c r="H444693" s="12"/>
    </row>
    <row r="444694" spans="8:8">
      <c r="H444694" s="12"/>
    </row>
    <row r="444695" spans="8:8">
      <c r="H444695" s="12"/>
    </row>
    <row r="444696" spans="8:8">
      <c r="H444696" s="12"/>
    </row>
    <row r="444697" spans="8:8">
      <c r="H444697" s="12"/>
    </row>
    <row r="444698" spans="8:8">
      <c r="H444698" s="12"/>
    </row>
    <row r="444699" spans="8:8">
      <c r="H444699" s="12"/>
    </row>
    <row r="444700" spans="8:8">
      <c r="H444700" s="12"/>
    </row>
    <row r="444701" spans="8:8">
      <c r="H444701" s="12"/>
    </row>
    <row r="444702" spans="8:8">
      <c r="H444702" s="12"/>
    </row>
    <row r="444703" spans="8:8">
      <c r="H444703" s="12"/>
    </row>
    <row r="444704" spans="8:8">
      <c r="H444704" s="12"/>
    </row>
    <row r="444705" spans="8:8">
      <c r="H444705" s="12"/>
    </row>
    <row r="444706" spans="8:8">
      <c r="H444706" s="12"/>
    </row>
    <row r="444707" spans="8:8">
      <c r="H444707" s="12"/>
    </row>
    <row r="444708" spans="8:8">
      <c r="H444708" s="12"/>
    </row>
    <row r="444709" spans="8:8">
      <c r="H444709" s="12"/>
    </row>
    <row r="444710" spans="8:8">
      <c r="H444710" s="12"/>
    </row>
    <row r="444711" spans="8:8">
      <c r="H444711" s="12"/>
    </row>
    <row r="444712" spans="8:8">
      <c r="H444712" s="12"/>
    </row>
    <row r="444713" spans="8:8">
      <c r="H444713" s="12"/>
    </row>
    <row r="444714" spans="8:8">
      <c r="H444714" s="12"/>
    </row>
    <row r="444715" spans="8:8">
      <c r="H444715" s="12"/>
    </row>
    <row r="444716" spans="8:8">
      <c r="H444716" s="12"/>
    </row>
    <row r="444717" spans="8:8">
      <c r="H444717" s="12"/>
    </row>
    <row r="444718" spans="8:8">
      <c r="H444718" s="12"/>
    </row>
    <row r="444719" spans="8:8">
      <c r="H444719" s="12"/>
    </row>
    <row r="444720" spans="8:8">
      <c r="H444720" s="12"/>
    </row>
    <row r="444721" spans="8:8">
      <c r="H444721" s="12"/>
    </row>
    <row r="444722" spans="8:8">
      <c r="H444722" s="12"/>
    </row>
    <row r="444723" spans="8:8">
      <c r="H444723" s="12"/>
    </row>
    <row r="444724" spans="8:8">
      <c r="H444724" s="12"/>
    </row>
    <row r="444725" spans="8:8">
      <c r="H444725" s="12"/>
    </row>
    <row r="444726" spans="8:8">
      <c r="H444726" s="12"/>
    </row>
    <row r="444727" spans="8:8">
      <c r="H444727" s="12"/>
    </row>
    <row r="444728" spans="8:8">
      <c r="H444728" s="12"/>
    </row>
    <row r="444729" spans="8:8">
      <c r="H444729" s="12"/>
    </row>
    <row r="444730" spans="8:8">
      <c r="H444730" s="12"/>
    </row>
    <row r="444731" spans="8:8">
      <c r="H444731" s="12"/>
    </row>
    <row r="444732" spans="8:8">
      <c r="H444732" s="12"/>
    </row>
    <row r="444733" spans="8:8">
      <c r="H444733" s="12"/>
    </row>
    <row r="444734" spans="8:8">
      <c r="H444734" s="12"/>
    </row>
    <row r="444735" spans="8:8">
      <c r="H444735" s="12"/>
    </row>
    <row r="444736" spans="8:8">
      <c r="H444736" s="12"/>
    </row>
    <row r="444737" spans="8:8">
      <c r="H444737" s="12"/>
    </row>
    <row r="444738" spans="8:8">
      <c r="H444738" s="12"/>
    </row>
    <row r="444739" spans="8:8">
      <c r="H444739" s="12"/>
    </row>
    <row r="444740" spans="8:8">
      <c r="H444740" s="12"/>
    </row>
    <row r="444741" spans="8:8">
      <c r="H444741" s="12"/>
    </row>
    <row r="444742" spans="8:8">
      <c r="H444742" s="12"/>
    </row>
    <row r="444743" spans="8:8">
      <c r="H444743" s="12"/>
    </row>
    <row r="444744" spans="8:8">
      <c r="H444744" s="12"/>
    </row>
    <row r="444745" spans="8:8">
      <c r="H444745" s="12"/>
    </row>
    <row r="444746" spans="8:8">
      <c r="H444746" s="12"/>
    </row>
    <row r="444747" spans="8:8">
      <c r="H444747" s="12"/>
    </row>
    <row r="444748" spans="8:8">
      <c r="H444748" s="12"/>
    </row>
    <row r="444749" spans="8:8">
      <c r="H444749" s="12"/>
    </row>
    <row r="444750" spans="8:8">
      <c r="H444750" s="12"/>
    </row>
    <row r="444751" spans="8:8">
      <c r="H444751" s="12"/>
    </row>
    <row r="444752" spans="8:8">
      <c r="H444752" s="12"/>
    </row>
    <row r="444753" spans="8:8">
      <c r="H444753" s="12"/>
    </row>
    <row r="444754" spans="8:8">
      <c r="H444754" s="12"/>
    </row>
    <row r="444755" spans="8:8">
      <c r="H444755" s="12"/>
    </row>
    <row r="444756" spans="8:8">
      <c r="H444756" s="12"/>
    </row>
    <row r="444757" spans="8:8">
      <c r="H444757" s="12"/>
    </row>
    <row r="444758" spans="8:8">
      <c r="H444758" s="12"/>
    </row>
    <row r="444759" spans="8:8">
      <c r="H444759" s="12"/>
    </row>
    <row r="444760" spans="8:8">
      <c r="H444760" s="12"/>
    </row>
    <row r="444761" spans="8:8">
      <c r="H444761" s="12"/>
    </row>
    <row r="444762" spans="8:8">
      <c r="H444762" s="12"/>
    </row>
    <row r="444763" spans="8:8">
      <c r="H444763" s="12"/>
    </row>
    <row r="444764" spans="8:8">
      <c r="H444764" s="12"/>
    </row>
    <row r="444765" spans="8:8">
      <c r="H444765" s="12"/>
    </row>
    <row r="444766" spans="8:8">
      <c r="H444766" s="12"/>
    </row>
    <row r="444767" spans="8:8">
      <c r="H444767" s="12"/>
    </row>
    <row r="444768" spans="8:8">
      <c r="H444768" s="12"/>
    </row>
    <row r="444769" spans="8:8">
      <c r="H444769" s="12"/>
    </row>
    <row r="444770" spans="8:8">
      <c r="H444770" s="12"/>
    </row>
    <row r="444771" spans="8:8">
      <c r="H444771" s="12"/>
    </row>
    <row r="444772" spans="8:8">
      <c r="H444772" s="12"/>
    </row>
    <row r="444773" spans="8:8">
      <c r="H444773" s="12"/>
    </row>
    <row r="444774" spans="8:8">
      <c r="H444774" s="12"/>
    </row>
    <row r="444775" spans="8:8">
      <c r="H444775" s="12"/>
    </row>
    <row r="444776" spans="8:8">
      <c r="H444776" s="12"/>
    </row>
    <row r="444777" spans="8:8">
      <c r="H444777" s="12"/>
    </row>
    <row r="444778" spans="8:8">
      <c r="H444778" s="12"/>
    </row>
    <row r="444779" spans="8:8">
      <c r="H444779" s="12"/>
    </row>
    <row r="444780" spans="8:8">
      <c r="H444780" s="12"/>
    </row>
    <row r="444781" spans="8:8">
      <c r="H444781" s="12"/>
    </row>
    <row r="444782" spans="8:8">
      <c r="H444782" s="12"/>
    </row>
    <row r="444783" spans="8:8">
      <c r="H444783" s="12"/>
    </row>
    <row r="444784" spans="8:8">
      <c r="H444784" s="12"/>
    </row>
    <row r="444785" spans="8:8">
      <c r="H444785" s="12"/>
    </row>
    <row r="444786" spans="8:8">
      <c r="H444786" s="12"/>
    </row>
    <row r="444787" spans="8:8">
      <c r="H444787" s="12"/>
    </row>
    <row r="444788" spans="8:8">
      <c r="H444788" s="12"/>
    </row>
    <row r="444789" spans="8:8">
      <c r="H444789" s="12"/>
    </row>
    <row r="444790" spans="8:8">
      <c r="H444790" s="12"/>
    </row>
    <row r="444791" spans="8:8">
      <c r="H444791" s="12"/>
    </row>
    <row r="444792" spans="8:8">
      <c r="H444792" s="12"/>
    </row>
    <row r="444793" spans="8:8">
      <c r="H444793" s="12"/>
    </row>
    <row r="444794" spans="8:8">
      <c r="H444794" s="12"/>
    </row>
    <row r="444795" spans="8:8">
      <c r="H444795" s="12"/>
    </row>
    <row r="444796" spans="8:8">
      <c r="H444796" s="12"/>
    </row>
    <row r="444797" spans="8:8">
      <c r="H444797" s="12"/>
    </row>
    <row r="444798" spans="8:8">
      <c r="H444798" s="12"/>
    </row>
    <row r="444799" spans="8:8">
      <c r="H444799" s="12"/>
    </row>
    <row r="444800" spans="8:8">
      <c r="H444800" s="12"/>
    </row>
    <row r="444801" spans="8:8">
      <c r="H444801" s="12"/>
    </row>
    <row r="444802" spans="8:8">
      <c r="H444802" s="12"/>
    </row>
    <row r="444803" spans="8:8">
      <c r="H444803" s="12"/>
    </row>
    <row r="444804" spans="8:8">
      <c r="H444804" s="12"/>
    </row>
    <row r="444805" spans="8:8">
      <c r="H444805" s="12"/>
    </row>
    <row r="444806" spans="8:8">
      <c r="H444806" s="12"/>
    </row>
    <row r="444807" spans="8:8">
      <c r="H444807" s="12"/>
    </row>
    <row r="444808" spans="8:8">
      <c r="H444808" s="12"/>
    </row>
    <row r="444809" spans="8:8">
      <c r="H444809" s="12"/>
    </row>
    <row r="444810" spans="8:8">
      <c r="H444810" s="12"/>
    </row>
    <row r="444811" spans="8:8">
      <c r="H444811" s="12"/>
    </row>
    <row r="444812" spans="8:8">
      <c r="H444812" s="12"/>
    </row>
    <row r="444813" spans="8:8">
      <c r="H444813" s="12"/>
    </row>
    <row r="444814" spans="8:8">
      <c r="H444814" s="12"/>
    </row>
    <row r="444815" spans="8:8">
      <c r="H444815" s="12"/>
    </row>
    <row r="444816" spans="8:8">
      <c r="H444816" s="12"/>
    </row>
    <row r="444817" spans="8:8">
      <c r="H444817" s="12"/>
    </row>
    <row r="444818" spans="8:8">
      <c r="H444818" s="12"/>
    </row>
    <row r="444819" spans="8:8">
      <c r="H444819" s="12"/>
    </row>
    <row r="444820" spans="8:8">
      <c r="H444820" s="12"/>
    </row>
    <row r="444821" spans="8:8">
      <c r="H444821" s="12"/>
    </row>
    <row r="444822" spans="8:8">
      <c r="H444822" s="12"/>
    </row>
    <row r="444823" spans="8:8">
      <c r="H444823" s="12"/>
    </row>
    <row r="444824" spans="8:8">
      <c r="H444824" s="12"/>
    </row>
    <row r="444825" spans="8:8">
      <c r="H444825" s="12"/>
    </row>
    <row r="444826" spans="8:8">
      <c r="H444826" s="12"/>
    </row>
    <row r="444827" spans="8:8">
      <c r="H444827" s="12"/>
    </row>
    <row r="444828" spans="8:8">
      <c r="H444828" s="12"/>
    </row>
    <row r="444829" spans="8:8">
      <c r="H444829" s="12"/>
    </row>
    <row r="444830" spans="8:8">
      <c r="H444830" s="12"/>
    </row>
    <row r="444831" spans="8:8">
      <c r="H444831" s="12"/>
    </row>
    <row r="444832" spans="8:8">
      <c r="H444832" s="12"/>
    </row>
    <row r="444833" spans="8:8">
      <c r="H444833" s="12"/>
    </row>
    <row r="444834" spans="8:8">
      <c r="H444834" s="12"/>
    </row>
    <row r="444835" spans="8:8">
      <c r="H444835" s="12"/>
    </row>
    <row r="444836" spans="8:8">
      <c r="H444836" s="12"/>
    </row>
    <row r="444837" spans="8:8">
      <c r="H444837" s="12"/>
    </row>
    <row r="444838" spans="8:8">
      <c r="H444838" s="12"/>
    </row>
    <row r="444839" spans="8:8">
      <c r="H444839" s="12"/>
    </row>
    <row r="444840" spans="8:8">
      <c r="H444840" s="12"/>
    </row>
    <row r="444841" spans="8:8">
      <c r="H444841" s="12"/>
    </row>
    <row r="444842" spans="8:8">
      <c r="H444842" s="12"/>
    </row>
    <row r="444843" spans="8:8">
      <c r="H444843" s="12"/>
    </row>
    <row r="444844" spans="8:8">
      <c r="H444844" s="12"/>
    </row>
    <row r="444845" spans="8:8">
      <c r="H444845" s="12"/>
    </row>
    <row r="444846" spans="8:8">
      <c r="H444846" s="12"/>
    </row>
    <row r="444847" spans="8:8">
      <c r="H444847" s="12"/>
    </row>
    <row r="444848" spans="8:8">
      <c r="H444848" s="12"/>
    </row>
    <row r="444849" spans="8:8">
      <c r="H444849" s="12"/>
    </row>
    <row r="444850" spans="8:8">
      <c r="H444850" s="12"/>
    </row>
    <row r="444851" spans="8:8">
      <c r="H444851" s="12"/>
    </row>
    <row r="444852" spans="8:8">
      <c r="H444852" s="12"/>
    </row>
    <row r="444853" spans="8:8">
      <c r="H444853" s="12"/>
    </row>
    <row r="444854" spans="8:8">
      <c r="H444854" s="12"/>
    </row>
    <row r="444855" spans="8:8">
      <c r="H444855" s="12"/>
    </row>
    <row r="444856" spans="8:8">
      <c r="H444856" s="12"/>
    </row>
    <row r="444857" spans="8:8">
      <c r="H444857" s="12"/>
    </row>
    <row r="444858" spans="8:8">
      <c r="H444858" s="12"/>
    </row>
    <row r="444859" spans="8:8">
      <c r="H444859" s="12"/>
    </row>
    <row r="444860" spans="8:8">
      <c r="H444860" s="12"/>
    </row>
    <row r="444861" spans="8:8">
      <c r="H444861" s="12"/>
    </row>
    <row r="444862" spans="8:8">
      <c r="H444862" s="12"/>
    </row>
    <row r="444863" spans="8:8">
      <c r="H444863" s="12"/>
    </row>
    <row r="444864" spans="8:8">
      <c r="H444864" s="12"/>
    </row>
    <row r="444865" spans="8:8">
      <c r="H444865" s="12"/>
    </row>
    <row r="444866" spans="8:8">
      <c r="H444866" s="12"/>
    </row>
    <row r="444867" spans="8:8">
      <c r="H444867" s="12"/>
    </row>
    <row r="444868" spans="8:8">
      <c r="H444868" s="12"/>
    </row>
    <row r="444869" spans="8:8">
      <c r="H444869" s="12"/>
    </row>
    <row r="444870" spans="8:8">
      <c r="H444870" s="12"/>
    </row>
    <row r="444871" spans="8:8">
      <c r="H444871" s="12"/>
    </row>
    <row r="444872" spans="8:8">
      <c r="H444872" s="12"/>
    </row>
    <row r="444873" spans="8:8">
      <c r="H444873" s="12"/>
    </row>
    <row r="444874" spans="8:8">
      <c r="H444874" s="12"/>
    </row>
    <row r="444875" spans="8:8">
      <c r="H444875" s="12"/>
    </row>
    <row r="444876" spans="8:8">
      <c r="H444876" s="12"/>
    </row>
    <row r="444877" spans="8:8">
      <c r="H444877" s="12"/>
    </row>
    <row r="444878" spans="8:8">
      <c r="H444878" s="12"/>
    </row>
    <row r="444879" spans="8:8">
      <c r="H444879" s="12"/>
    </row>
    <row r="444880" spans="8:8">
      <c r="H444880" s="12"/>
    </row>
    <row r="444881" spans="8:8">
      <c r="H444881" s="12"/>
    </row>
    <row r="444882" spans="8:8">
      <c r="H444882" s="12"/>
    </row>
    <row r="444883" spans="8:8">
      <c r="H444883" s="12"/>
    </row>
    <row r="444884" spans="8:8">
      <c r="H444884" s="12"/>
    </row>
    <row r="444885" spans="8:8">
      <c r="H444885" s="12"/>
    </row>
    <row r="444886" spans="8:8">
      <c r="H444886" s="12"/>
    </row>
    <row r="444887" spans="8:8">
      <c r="H444887" s="12"/>
    </row>
    <row r="444888" spans="8:8">
      <c r="H444888" s="12"/>
    </row>
    <row r="444889" spans="8:8">
      <c r="H444889" s="12"/>
    </row>
    <row r="444890" spans="8:8">
      <c r="H444890" s="12"/>
    </row>
    <row r="444891" spans="8:8">
      <c r="H444891" s="12"/>
    </row>
    <row r="444892" spans="8:8">
      <c r="H444892" s="12"/>
    </row>
    <row r="444893" spans="8:8">
      <c r="H444893" s="12"/>
    </row>
    <row r="444894" spans="8:8">
      <c r="H444894" s="12"/>
    </row>
    <row r="444895" spans="8:8">
      <c r="H444895" s="12"/>
    </row>
    <row r="444896" spans="8:8">
      <c r="H444896" s="12"/>
    </row>
    <row r="444897" spans="8:8">
      <c r="H444897" s="12"/>
    </row>
    <row r="444898" spans="8:8">
      <c r="H444898" s="12"/>
    </row>
    <row r="444899" spans="8:8">
      <c r="H444899" s="12"/>
    </row>
    <row r="444900" spans="8:8">
      <c r="H444900" s="12"/>
    </row>
    <row r="444901" spans="8:8">
      <c r="H444901" s="12"/>
    </row>
    <row r="444902" spans="8:8">
      <c r="H444902" s="12"/>
    </row>
    <row r="444903" spans="8:8">
      <c r="H444903" s="12"/>
    </row>
    <row r="444904" spans="8:8">
      <c r="H444904" s="12"/>
    </row>
    <row r="444905" spans="8:8">
      <c r="H444905" s="12"/>
    </row>
    <row r="444906" spans="8:8">
      <c r="H444906" s="12"/>
    </row>
    <row r="444907" spans="8:8">
      <c r="H444907" s="12"/>
    </row>
    <row r="444908" spans="8:8">
      <c r="H444908" s="12"/>
    </row>
    <row r="444909" spans="8:8">
      <c r="H444909" s="12"/>
    </row>
    <row r="444910" spans="8:8">
      <c r="H444910" s="12"/>
    </row>
    <row r="444911" spans="8:8">
      <c r="H444911" s="12"/>
    </row>
    <row r="444912" spans="8:8">
      <c r="H444912" s="12"/>
    </row>
    <row r="444913" spans="8:8">
      <c r="H444913" s="12"/>
    </row>
    <row r="444914" spans="8:8">
      <c r="H444914" s="12"/>
    </row>
    <row r="444915" spans="8:8">
      <c r="H444915" s="12"/>
    </row>
    <row r="444916" spans="8:8">
      <c r="H444916" s="12"/>
    </row>
    <row r="444917" spans="8:8">
      <c r="H444917" s="12"/>
    </row>
    <row r="444918" spans="8:8">
      <c r="H444918" s="12"/>
    </row>
    <row r="444919" spans="8:8">
      <c r="H444919" s="12"/>
    </row>
    <row r="444920" spans="8:8">
      <c r="H444920" s="12"/>
    </row>
    <row r="444921" spans="8:8">
      <c r="H444921" s="12"/>
    </row>
    <row r="444922" spans="8:8">
      <c r="H444922" s="12"/>
    </row>
    <row r="444923" spans="8:8">
      <c r="H444923" s="12"/>
    </row>
    <row r="444924" spans="8:8">
      <c r="H444924" s="12"/>
    </row>
    <row r="444925" spans="8:8">
      <c r="H444925" s="12"/>
    </row>
    <row r="444926" spans="8:8">
      <c r="H444926" s="12"/>
    </row>
    <row r="444927" spans="8:8">
      <c r="H444927" s="12"/>
    </row>
    <row r="444928" spans="8:8">
      <c r="H444928" s="12"/>
    </row>
    <row r="444929" spans="8:8">
      <c r="H444929" s="12"/>
    </row>
    <row r="444930" spans="8:8">
      <c r="H444930" s="12"/>
    </row>
    <row r="444931" spans="8:8">
      <c r="H444931" s="12"/>
    </row>
    <row r="444932" spans="8:8">
      <c r="H444932" s="12"/>
    </row>
    <row r="444933" spans="8:8">
      <c r="H444933" s="12"/>
    </row>
    <row r="444934" spans="8:8">
      <c r="H444934" s="12"/>
    </row>
    <row r="444935" spans="8:8">
      <c r="H444935" s="12"/>
    </row>
    <row r="444936" spans="8:8">
      <c r="H444936" s="12"/>
    </row>
    <row r="444937" spans="8:8">
      <c r="H444937" s="12"/>
    </row>
    <row r="444938" spans="8:8">
      <c r="H444938" s="12"/>
    </row>
    <row r="444939" spans="8:8">
      <c r="H444939" s="12"/>
    </row>
    <row r="444940" spans="8:8">
      <c r="H444940" s="12"/>
    </row>
    <row r="444941" spans="8:8">
      <c r="H444941" s="12"/>
    </row>
    <row r="444942" spans="8:8">
      <c r="H444942" s="12"/>
    </row>
    <row r="444943" spans="8:8">
      <c r="H444943" s="12"/>
    </row>
    <row r="444944" spans="8:8">
      <c r="H444944" s="12"/>
    </row>
    <row r="444945" spans="8:8">
      <c r="H444945" s="12"/>
    </row>
    <row r="444946" spans="8:8">
      <c r="H444946" s="12"/>
    </row>
    <row r="444947" spans="8:8">
      <c r="H444947" s="12"/>
    </row>
    <row r="444948" spans="8:8">
      <c r="H444948" s="12"/>
    </row>
    <row r="444949" spans="8:8">
      <c r="H444949" s="12"/>
    </row>
    <row r="444950" spans="8:8">
      <c r="H444950" s="12"/>
    </row>
    <row r="444951" spans="8:8">
      <c r="H444951" s="12"/>
    </row>
    <row r="444952" spans="8:8">
      <c r="H444952" s="12"/>
    </row>
    <row r="444953" spans="8:8">
      <c r="H444953" s="12"/>
    </row>
    <row r="444954" spans="8:8">
      <c r="H444954" s="12"/>
    </row>
    <row r="444955" spans="8:8">
      <c r="H444955" s="12"/>
    </row>
    <row r="444956" spans="8:8">
      <c r="H444956" s="12"/>
    </row>
    <row r="444957" spans="8:8">
      <c r="H444957" s="12"/>
    </row>
    <row r="444958" spans="8:8">
      <c r="H444958" s="12"/>
    </row>
    <row r="444959" spans="8:8">
      <c r="H444959" s="12"/>
    </row>
    <row r="444960" spans="8:8">
      <c r="H444960" s="12"/>
    </row>
    <row r="444961" spans="8:8">
      <c r="H444961" s="12"/>
    </row>
    <row r="444962" spans="8:8">
      <c r="H444962" s="12"/>
    </row>
    <row r="444963" spans="8:8">
      <c r="H444963" s="12"/>
    </row>
    <row r="444964" spans="8:8">
      <c r="H444964" s="12"/>
    </row>
    <row r="444965" spans="8:8">
      <c r="H444965" s="12"/>
    </row>
    <row r="444966" spans="8:8">
      <c r="H444966" s="12"/>
    </row>
    <row r="444967" spans="8:8">
      <c r="H444967" s="12"/>
    </row>
    <row r="444968" spans="8:8">
      <c r="H444968" s="12"/>
    </row>
    <row r="444969" spans="8:8">
      <c r="H444969" s="12"/>
    </row>
    <row r="444970" spans="8:8">
      <c r="H444970" s="12"/>
    </row>
    <row r="444971" spans="8:8">
      <c r="H444971" s="12"/>
    </row>
    <row r="444972" spans="8:8">
      <c r="H444972" s="12"/>
    </row>
    <row r="444973" spans="8:8">
      <c r="H444973" s="12"/>
    </row>
    <row r="444974" spans="8:8">
      <c r="H444974" s="12"/>
    </row>
    <row r="444975" spans="8:8">
      <c r="H444975" s="12"/>
    </row>
    <row r="444976" spans="8:8">
      <c r="H444976" s="12"/>
    </row>
    <row r="444977" spans="8:8">
      <c r="H444977" s="12"/>
    </row>
    <row r="444978" spans="8:8">
      <c r="H444978" s="12"/>
    </row>
    <row r="444979" spans="8:8">
      <c r="H444979" s="12"/>
    </row>
    <row r="444980" spans="8:8">
      <c r="H444980" s="12"/>
    </row>
    <row r="444981" spans="8:8">
      <c r="H444981" s="12"/>
    </row>
    <row r="444982" spans="8:8">
      <c r="H444982" s="12"/>
    </row>
    <row r="444983" spans="8:8">
      <c r="H444983" s="12"/>
    </row>
    <row r="444984" spans="8:8">
      <c r="H444984" s="12"/>
    </row>
    <row r="444985" spans="8:8">
      <c r="H444985" s="12"/>
    </row>
    <row r="444986" spans="8:8">
      <c r="H444986" s="12"/>
    </row>
    <row r="444987" spans="8:8">
      <c r="H444987" s="12"/>
    </row>
    <row r="444988" spans="8:8">
      <c r="H444988" s="12"/>
    </row>
    <row r="444989" spans="8:8">
      <c r="H444989" s="12"/>
    </row>
    <row r="444990" spans="8:8">
      <c r="H444990" s="12"/>
    </row>
    <row r="444991" spans="8:8">
      <c r="H444991" s="12"/>
    </row>
    <row r="444992" spans="8:8">
      <c r="H444992" s="12"/>
    </row>
    <row r="444993" spans="8:8">
      <c r="H444993" s="12"/>
    </row>
    <row r="444994" spans="8:8">
      <c r="H444994" s="12"/>
    </row>
    <row r="444995" spans="8:8">
      <c r="H444995" s="12"/>
    </row>
    <row r="444996" spans="8:8">
      <c r="H444996" s="12"/>
    </row>
    <row r="444997" spans="8:8">
      <c r="H444997" s="12"/>
    </row>
    <row r="444998" spans="8:8">
      <c r="H444998" s="12"/>
    </row>
    <row r="444999" spans="8:8">
      <c r="H444999" s="12"/>
    </row>
    <row r="445000" spans="8:8">
      <c r="H445000" s="12"/>
    </row>
    <row r="445001" spans="8:8">
      <c r="H445001" s="12"/>
    </row>
    <row r="445002" spans="8:8">
      <c r="H445002" s="12"/>
    </row>
    <row r="445003" spans="8:8">
      <c r="H445003" s="12"/>
    </row>
    <row r="445004" spans="8:8">
      <c r="H445004" s="12"/>
    </row>
    <row r="445005" spans="8:8">
      <c r="H445005" s="12"/>
    </row>
    <row r="445006" spans="8:8">
      <c r="H445006" s="12"/>
    </row>
    <row r="445007" spans="8:8">
      <c r="H445007" s="12"/>
    </row>
    <row r="445008" spans="8:8">
      <c r="H445008" s="12"/>
    </row>
    <row r="445009" spans="8:8">
      <c r="H445009" s="12"/>
    </row>
    <row r="445010" spans="8:8">
      <c r="H445010" s="12"/>
    </row>
    <row r="445011" spans="8:8">
      <c r="H445011" s="12"/>
    </row>
    <row r="445012" spans="8:8">
      <c r="H445012" s="12"/>
    </row>
    <row r="445013" spans="8:8">
      <c r="H445013" s="12"/>
    </row>
    <row r="445014" spans="8:8">
      <c r="H445014" s="12"/>
    </row>
    <row r="445015" spans="8:8">
      <c r="H445015" s="12"/>
    </row>
    <row r="445016" spans="8:8">
      <c r="H445016" s="12"/>
    </row>
    <row r="445017" spans="8:8">
      <c r="H445017" s="12"/>
    </row>
    <row r="445018" spans="8:8">
      <c r="H445018" s="12"/>
    </row>
    <row r="445019" spans="8:8">
      <c r="H445019" s="12"/>
    </row>
    <row r="445020" spans="8:8">
      <c r="H445020" s="12"/>
    </row>
    <row r="445021" spans="8:8">
      <c r="H445021" s="12"/>
    </row>
    <row r="445022" spans="8:8">
      <c r="H445022" s="12"/>
    </row>
    <row r="445023" spans="8:8">
      <c r="H445023" s="12"/>
    </row>
    <row r="445024" spans="8:8">
      <c r="H445024" s="12"/>
    </row>
    <row r="445025" spans="8:8">
      <c r="H445025" s="12"/>
    </row>
    <row r="445026" spans="8:8">
      <c r="H445026" s="12"/>
    </row>
    <row r="445027" spans="8:8">
      <c r="H445027" s="12"/>
    </row>
    <row r="445028" spans="8:8">
      <c r="H445028" s="12"/>
    </row>
    <row r="445029" spans="8:8">
      <c r="H445029" s="12"/>
    </row>
    <row r="445030" spans="8:8">
      <c r="H445030" s="12"/>
    </row>
    <row r="445031" spans="8:8">
      <c r="H445031" s="12"/>
    </row>
    <row r="445032" spans="8:8">
      <c r="H445032" s="12"/>
    </row>
    <row r="445033" spans="8:8">
      <c r="H445033" s="12"/>
    </row>
    <row r="445034" spans="8:8">
      <c r="H445034" s="12"/>
    </row>
    <row r="445035" spans="8:8">
      <c r="H445035" s="12"/>
    </row>
    <row r="445036" spans="8:8">
      <c r="H445036" s="12"/>
    </row>
    <row r="445037" spans="8:8">
      <c r="H445037" s="12"/>
    </row>
    <row r="445038" spans="8:8">
      <c r="H445038" s="12"/>
    </row>
    <row r="445039" spans="8:8">
      <c r="H445039" s="12"/>
    </row>
    <row r="445040" spans="8:8">
      <c r="H445040" s="12"/>
    </row>
    <row r="445041" spans="8:8">
      <c r="H445041" s="12"/>
    </row>
    <row r="445042" spans="8:8">
      <c r="H445042" s="12"/>
    </row>
    <row r="445043" spans="8:8">
      <c r="H445043" s="12"/>
    </row>
    <row r="445044" spans="8:8">
      <c r="H445044" s="12"/>
    </row>
    <row r="445045" spans="8:8">
      <c r="H445045" s="12"/>
    </row>
    <row r="445046" spans="8:8">
      <c r="H445046" s="12"/>
    </row>
    <row r="445047" spans="8:8">
      <c r="H445047" s="12"/>
    </row>
    <row r="445048" spans="8:8">
      <c r="H445048" s="12"/>
    </row>
    <row r="445049" spans="8:8">
      <c r="H445049" s="12"/>
    </row>
    <row r="445050" spans="8:8">
      <c r="H445050" s="12"/>
    </row>
    <row r="445051" spans="8:8">
      <c r="H445051" s="12"/>
    </row>
    <row r="445052" spans="8:8">
      <c r="H445052" s="12"/>
    </row>
    <row r="445053" spans="8:8">
      <c r="H445053" s="12"/>
    </row>
    <row r="445054" spans="8:8">
      <c r="H445054" s="12"/>
    </row>
    <row r="445055" spans="8:8">
      <c r="H445055" s="12"/>
    </row>
    <row r="445056" spans="8:8">
      <c r="H445056" s="12"/>
    </row>
    <row r="445057" spans="8:8">
      <c r="H445057" s="12"/>
    </row>
    <row r="445058" spans="8:8">
      <c r="H445058" s="12"/>
    </row>
    <row r="445059" spans="8:8">
      <c r="H445059" s="12"/>
    </row>
    <row r="445060" spans="8:8">
      <c r="H445060" s="12"/>
    </row>
    <row r="445061" spans="8:8">
      <c r="H445061" s="12"/>
    </row>
    <row r="445062" spans="8:8">
      <c r="H445062" s="12"/>
    </row>
    <row r="445063" spans="8:8">
      <c r="H445063" s="12"/>
    </row>
    <row r="445064" spans="8:8">
      <c r="H445064" s="12"/>
    </row>
    <row r="445065" spans="8:8">
      <c r="H445065" s="12"/>
    </row>
    <row r="445066" spans="8:8">
      <c r="H445066" s="12"/>
    </row>
    <row r="445067" spans="8:8">
      <c r="H445067" s="12"/>
    </row>
    <row r="445068" spans="8:8">
      <c r="H445068" s="12"/>
    </row>
    <row r="445069" spans="8:8">
      <c r="H445069" s="12"/>
    </row>
    <row r="445070" spans="8:8">
      <c r="H445070" s="12"/>
    </row>
    <row r="445071" spans="8:8">
      <c r="H445071" s="12"/>
    </row>
    <row r="445072" spans="8:8">
      <c r="H445072" s="12"/>
    </row>
    <row r="445073" spans="8:8">
      <c r="H445073" s="12"/>
    </row>
    <row r="445074" spans="8:8">
      <c r="H445074" s="12"/>
    </row>
    <row r="445075" spans="8:8">
      <c r="H445075" s="12"/>
    </row>
    <row r="445076" spans="8:8">
      <c r="H445076" s="12"/>
    </row>
    <row r="445077" spans="8:8">
      <c r="H445077" s="12"/>
    </row>
    <row r="445078" spans="8:8">
      <c r="H445078" s="12"/>
    </row>
    <row r="445079" spans="8:8">
      <c r="H445079" s="12"/>
    </row>
    <row r="445080" spans="8:8">
      <c r="H445080" s="12"/>
    </row>
    <row r="445081" spans="8:8">
      <c r="H445081" s="12"/>
    </row>
    <row r="445082" spans="8:8">
      <c r="H445082" s="12"/>
    </row>
    <row r="445083" spans="8:8">
      <c r="H445083" s="12"/>
    </row>
    <row r="445084" spans="8:8">
      <c r="H445084" s="12"/>
    </row>
    <row r="445085" spans="8:8">
      <c r="H445085" s="12"/>
    </row>
    <row r="445086" spans="8:8">
      <c r="H445086" s="12"/>
    </row>
    <row r="445087" spans="8:8">
      <c r="H445087" s="12"/>
    </row>
    <row r="445088" spans="8:8">
      <c r="H445088" s="12"/>
    </row>
    <row r="445089" spans="8:8">
      <c r="H445089" s="12"/>
    </row>
    <row r="445090" spans="8:8">
      <c r="H445090" s="12"/>
    </row>
    <row r="445091" spans="8:8">
      <c r="H445091" s="12"/>
    </row>
    <row r="445092" spans="8:8">
      <c r="H445092" s="12"/>
    </row>
    <row r="445093" spans="8:8">
      <c r="H445093" s="12"/>
    </row>
    <row r="445094" spans="8:8">
      <c r="H445094" s="12"/>
    </row>
    <row r="445095" spans="8:8">
      <c r="H445095" s="12"/>
    </row>
    <row r="445096" spans="8:8">
      <c r="H445096" s="12"/>
    </row>
    <row r="445097" spans="8:8">
      <c r="H445097" s="12"/>
    </row>
    <row r="445098" spans="8:8">
      <c r="H445098" s="12"/>
    </row>
    <row r="445099" spans="8:8">
      <c r="H445099" s="12"/>
    </row>
    <row r="445100" spans="8:8">
      <c r="H445100" s="12"/>
    </row>
    <row r="445101" spans="8:8">
      <c r="H445101" s="12"/>
    </row>
    <row r="445102" spans="8:8">
      <c r="H445102" s="12"/>
    </row>
    <row r="445103" spans="8:8">
      <c r="H445103" s="12"/>
    </row>
    <row r="445104" spans="8:8">
      <c r="H445104" s="12"/>
    </row>
    <row r="445105" spans="8:8">
      <c r="H445105" s="12"/>
    </row>
    <row r="445106" spans="8:8">
      <c r="H445106" s="12"/>
    </row>
    <row r="445107" spans="8:8">
      <c r="H445107" s="12"/>
    </row>
    <row r="445108" spans="8:8">
      <c r="H445108" s="12"/>
    </row>
    <row r="445109" spans="8:8">
      <c r="H445109" s="12"/>
    </row>
    <row r="445110" spans="8:8">
      <c r="H445110" s="12"/>
    </row>
    <row r="445111" spans="8:8">
      <c r="H445111" s="12"/>
    </row>
    <row r="445112" spans="8:8">
      <c r="H445112" s="12"/>
    </row>
    <row r="445113" spans="8:8">
      <c r="H445113" s="12"/>
    </row>
    <row r="445114" spans="8:8">
      <c r="H445114" s="12"/>
    </row>
    <row r="445115" spans="8:8">
      <c r="H445115" s="12"/>
    </row>
    <row r="445116" spans="8:8">
      <c r="H445116" s="12"/>
    </row>
    <row r="445117" spans="8:8">
      <c r="H445117" s="12"/>
    </row>
    <row r="445118" spans="8:8">
      <c r="H445118" s="12"/>
    </row>
    <row r="445119" spans="8:8">
      <c r="H445119" s="12"/>
    </row>
    <row r="445120" spans="8:8">
      <c r="H445120" s="12"/>
    </row>
    <row r="445121" spans="8:8">
      <c r="H445121" s="12"/>
    </row>
    <row r="445122" spans="8:8">
      <c r="H445122" s="12"/>
    </row>
    <row r="445123" spans="8:8">
      <c r="H445123" s="12"/>
    </row>
    <row r="445124" spans="8:8">
      <c r="H445124" s="12"/>
    </row>
    <row r="445125" spans="8:8">
      <c r="H445125" s="12"/>
    </row>
    <row r="445126" spans="8:8">
      <c r="H445126" s="12"/>
    </row>
    <row r="445127" spans="8:8">
      <c r="H445127" s="12"/>
    </row>
    <row r="445128" spans="8:8">
      <c r="H445128" s="12"/>
    </row>
    <row r="445129" spans="8:8">
      <c r="H445129" s="12"/>
    </row>
    <row r="445130" spans="8:8">
      <c r="H445130" s="12"/>
    </row>
    <row r="445131" spans="8:8">
      <c r="H445131" s="12"/>
    </row>
    <row r="445132" spans="8:8">
      <c r="H445132" s="12"/>
    </row>
    <row r="445133" spans="8:8">
      <c r="H445133" s="12"/>
    </row>
    <row r="445134" spans="8:8">
      <c r="H445134" s="12"/>
    </row>
    <row r="445135" spans="8:8">
      <c r="H445135" s="12"/>
    </row>
    <row r="445136" spans="8:8">
      <c r="H445136" s="12"/>
    </row>
    <row r="445137" spans="8:8">
      <c r="H445137" s="12"/>
    </row>
    <row r="445138" spans="8:8">
      <c r="H445138" s="12"/>
    </row>
    <row r="445139" spans="8:8">
      <c r="H445139" s="12"/>
    </row>
    <row r="445140" spans="8:8">
      <c r="H445140" s="12"/>
    </row>
    <row r="445141" spans="8:8">
      <c r="H445141" s="12"/>
    </row>
    <row r="445142" spans="8:8">
      <c r="H445142" s="12"/>
    </row>
    <row r="445143" spans="8:8">
      <c r="H445143" s="12"/>
    </row>
    <row r="445144" spans="8:8">
      <c r="H445144" s="12"/>
    </row>
    <row r="445145" spans="8:8">
      <c r="H445145" s="12"/>
    </row>
    <row r="445146" spans="8:8">
      <c r="H445146" s="12"/>
    </row>
    <row r="445147" spans="8:8">
      <c r="H445147" s="12"/>
    </row>
    <row r="445148" spans="8:8">
      <c r="H445148" s="12"/>
    </row>
    <row r="445149" spans="8:8">
      <c r="H445149" s="12"/>
    </row>
    <row r="445150" spans="8:8">
      <c r="H445150" s="12"/>
    </row>
    <row r="445151" spans="8:8">
      <c r="H445151" s="12"/>
    </row>
    <row r="445152" spans="8:8">
      <c r="H445152" s="12"/>
    </row>
    <row r="445153" spans="8:8">
      <c r="H445153" s="12"/>
    </row>
    <row r="445154" spans="8:8">
      <c r="H445154" s="12"/>
    </row>
    <row r="445155" spans="8:8">
      <c r="H445155" s="12"/>
    </row>
    <row r="445156" spans="8:8">
      <c r="H445156" s="12"/>
    </row>
    <row r="445157" spans="8:8">
      <c r="H445157" s="12"/>
    </row>
    <row r="445158" spans="8:8">
      <c r="H445158" s="12"/>
    </row>
    <row r="445159" spans="8:8">
      <c r="H445159" s="12"/>
    </row>
    <row r="445160" spans="8:8">
      <c r="H445160" s="12"/>
    </row>
    <row r="445161" spans="8:8">
      <c r="H445161" s="12"/>
    </row>
    <row r="445162" spans="8:8">
      <c r="H445162" s="12"/>
    </row>
    <row r="445163" spans="8:8">
      <c r="H445163" s="12"/>
    </row>
    <row r="445164" spans="8:8">
      <c r="H445164" s="12"/>
    </row>
    <row r="445165" spans="8:8">
      <c r="H445165" s="12"/>
    </row>
    <row r="445166" spans="8:8">
      <c r="H445166" s="12"/>
    </row>
    <row r="445167" spans="8:8">
      <c r="H445167" s="12"/>
    </row>
    <row r="445168" spans="8:8">
      <c r="H445168" s="12"/>
    </row>
    <row r="445169" spans="8:8">
      <c r="H445169" s="12"/>
    </row>
    <row r="445170" spans="8:8">
      <c r="H445170" s="12"/>
    </row>
    <row r="445171" spans="8:8">
      <c r="H445171" s="12"/>
    </row>
    <row r="445172" spans="8:8">
      <c r="H445172" s="12"/>
    </row>
    <row r="445173" spans="8:8">
      <c r="H445173" s="12"/>
    </row>
    <row r="445174" spans="8:8">
      <c r="H445174" s="12"/>
    </row>
    <row r="445175" spans="8:8">
      <c r="H445175" s="12"/>
    </row>
    <row r="445176" spans="8:8">
      <c r="H445176" s="12"/>
    </row>
    <row r="445177" spans="8:8">
      <c r="H445177" s="12"/>
    </row>
    <row r="445178" spans="8:8">
      <c r="H445178" s="12"/>
    </row>
    <row r="445179" spans="8:8">
      <c r="H445179" s="12"/>
    </row>
    <row r="445180" spans="8:8">
      <c r="H445180" s="12"/>
    </row>
    <row r="445181" spans="8:8">
      <c r="H445181" s="12"/>
    </row>
    <row r="445182" spans="8:8">
      <c r="H445182" s="12"/>
    </row>
    <row r="445183" spans="8:8">
      <c r="H445183" s="12"/>
    </row>
    <row r="445184" spans="8:8">
      <c r="H445184" s="12"/>
    </row>
    <row r="445185" spans="8:8">
      <c r="H445185" s="12"/>
    </row>
    <row r="445186" spans="8:8">
      <c r="H445186" s="12"/>
    </row>
    <row r="445187" spans="8:8">
      <c r="H445187" s="12"/>
    </row>
    <row r="445188" spans="8:8">
      <c r="H445188" s="12"/>
    </row>
    <row r="445189" spans="8:8">
      <c r="H445189" s="12"/>
    </row>
    <row r="445190" spans="8:8">
      <c r="H445190" s="12"/>
    </row>
    <row r="445191" spans="8:8">
      <c r="H445191" s="12"/>
    </row>
    <row r="445192" spans="8:8">
      <c r="H445192" s="12"/>
    </row>
    <row r="445193" spans="8:8">
      <c r="H445193" s="12"/>
    </row>
    <row r="445194" spans="8:8">
      <c r="H445194" s="12"/>
    </row>
    <row r="445195" spans="8:8">
      <c r="H445195" s="12"/>
    </row>
    <row r="445196" spans="8:8">
      <c r="H445196" s="12"/>
    </row>
    <row r="445197" spans="8:8">
      <c r="H445197" s="12"/>
    </row>
    <row r="445198" spans="8:8">
      <c r="H445198" s="12"/>
    </row>
    <row r="445199" spans="8:8">
      <c r="H445199" s="12"/>
    </row>
    <row r="445200" spans="8:8">
      <c r="H445200" s="12"/>
    </row>
    <row r="445201" spans="8:8">
      <c r="H445201" s="12"/>
    </row>
    <row r="445202" spans="8:8">
      <c r="H445202" s="12"/>
    </row>
    <row r="445203" spans="8:8">
      <c r="H445203" s="12"/>
    </row>
    <row r="445204" spans="8:8">
      <c r="H445204" s="12"/>
    </row>
    <row r="445205" spans="8:8">
      <c r="H445205" s="12"/>
    </row>
    <row r="445206" spans="8:8">
      <c r="H445206" s="12"/>
    </row>
    <row r="445207" spans="8:8">
      <c r="H445207" s="12"/>
    </row>
    <row r="445208" spans="8:8">
      <c r="H445208" s="12"/>
    </row>
    <row r="445209" spans="8:8">
      <c r="H445209" s="12"/>
    </row>
    <row r="445210" spans="8:8">
      <c r="H445210" s="12"/>
    </row>
    <row r="445211" spans="8:8">
      <c r="H445211" s="12"/>
    </row>
    <row r="445212" spans="8:8">
      <c r="H445212" s="12"/>
    </row>
    <row r="445213" spans="8:8">
      <c r="H445213" s="12"/>
    </row>
    <row r="445214" spans="8:8">
      <c r="H445214" s="12"/>
    </row>
    <row r="445215" spans="8:8">
      <c r="H445215" s="12"/>
    </row>
    <row r="445216" spans="8:8">
      <c r="H445216" s="12"/>
    </row>
    <row r="445217" spans="8:8">
      <c r="H445217" s="12"/>
    </row>
    <row r="445218" spans="8:8">
      <c r="H445218" s="12"/>
    </row>
    <row r="445219" spans="8:8">
      <c r="H445219" s="12"/>
    </row>
    <row r="445220" spans="8:8">
      <c r="H445220" s="12"/>
    </row>
    <row r="445221" spans="8:8">
      <c r="H445221" s="12"/>
    </row>
    <row r="445222" spans="8:8">
      <c r="H445222" s="12"/>
    </row>
    <row r="445223" spans="8:8">
      <c r="H445223" s="12"/>
    </row>
    <row r="445224" spans="8:8">
      <c r="H445224" s="12"/>
    </row>
    <row r="445225" spans="8:8">
      <c r="H445225" s="12"/>
    </row>
    <row r="445226" spans="8:8">
      <c r="H445226" s="12"/>
    </row>
    <row r="445227" spans="8:8">
      <c r="H445227" s="12"/>
    </row>
    <row r="445228" spans="8:8">
      <c r="H445228" s="12"/>
    </row>
    <row r="445229" spans="8:8">
      <c r="H445229" s="12"/>
    </row>
    <row r="445230" spans="8:8">
      <c r="H445230" s="12"/>
    </row>
    <row r="445231" spans="8:8">
      <c r="H445231" s="12"/>
    </row>
    <row r="445232" spans="8:8">
      <c r="H445232" s="12"/>
    </row>
    <row r="445233" spans="8:8">
      <c r="H445233" s="12"/>
    </row>
    <row r="445234" spans="8:8">
      <c r="H445234" s="12"/>
    </row>
    <row r="445235" spans="8:8">
      <c r="H445235" s="12"/>
    </row>
    <row r="445236" spans="8:8">
      <c r="H445236" s="12"/>
    </row>
    <row r="445237" spans="8:8">
      <c r="H445237" s="12"/>
    </row>
    <row r="445238" spans="8:8">
      <c r="H445238" s="12"/>
    </row>
    <row r="445239" spans="8:8">
      <c r="H445239" s="12"/>
    </row>
    <row r="445240" spans="8:8">
      <c r="H445240" s="12"/>
    </row>
    <row r="445241" spans="8:8">
      <c r="H445241" s="12"/>
    </row>
    <row r="445242" spans="8:8">
      <c r="H445242" s="12"/>
    </row>
    <row r="445243" spans="8:8">
      <c r="H445243" s="12"/>
    </row>
    <row r="445244" spans="8:8">
      <c r="H445244" s="12"/>
    </row>
    <row r="445245" spans="8:8">
      <c r="H445245" s="12"/>
    </row>
    <row r="445246" spans="8:8">
      <c r="H445246" s="12"/>
    </row>
    <row r="445247" spans="8:8">
      <c r="H445247" s="12"/>
    </row>
    <row r="445248" spans="8:8">
      <c r="H445248" s="12"/>
    </row>
    <row r="445249" spans="8:8">
      <c r="H445249" s="12"/>
    </row>
    <row r="445250" spans="8:8">
      <c r="H445250" s="12"/>
    </row>
    <row r="445251" spans="8:8">
      <c r="H445251" s="12"/>
    </row>
    <row r="445252" spans="8:8">
      <c r="H445252" s="12"/>
    </row>
    <row r="445253" spans="8:8">
      <c r="H445253" s="12"/>
    </row>
    <row r="445254" spans="8:8">
      <c r="H445254" s="12"/>
    </row>
    <row r="445255" spans="8:8">
      <c r="H445255" s="12"/>
    </row>
    <row r="445256" spans="8:8">
      <c r="H445256" s="12"/>
    </row>
    <row r="445257" spans="8:8">
      <c r="H445257" s="12"/>
    </row>
    <row r="445258" spans="8:8">
      <c r="H445258" s="12"/>
    </row>
    <row r="445259" spans="8:8">
      <c r="H445259" s="12"/>
    </row>
    <row r="445260" spans="8:8">
      <c r="H445260" s="12"/>
    </row>
    <row r="445261" spans="8:8">
      <c r="H445261" s="12"/>
    </row>
    <row r="445262" spans="8:8">
      <c r="H445262" s="12"/>
    </row>
    <row r="445263" spans="8:8">
      <c r="H445263" s="12"/>
    </row>
    <row r="445264" spans="8:8">
      <c r="H445264" s="12"/>
    </row>
    <row r="445265" spans="8:8">
      <c r="H445265" s="12"/>
    </row>
    <row r="445266" spans="8:8">
      <c r="H445266" s="12"/>
    </row>
    <row r="445267" spans="8:8">
      <c r="H445267" s="12"/>
    </row>
    <row r="445268" spans="8:8">
      <c r="H445268" s="12"/>
    </row>
    <row r="445269" spans="8:8">
      <c r="H445269" s="12"/>
    </row>
    <row r="445270" spans="8:8">
      <c r="H445270" s="12"/>
    </row>
    <row r="445271" spans="8:8">
      <c r="H445271" s="12"/>
    </row>
    <row r="445272" spans="8:8">
      <c r="H445272" s="12"/>
    </row>
    <row r="445273" spans="8:8">
      <c r="H445273" s="12"/>
    </row>
    <row r="445274" spans="8:8">
      <c r="H445274" s="12"/>
    </row>
    <row r="445275" spans="8:8">
      <c r="H445275" s="12"/>
    </row>
    <row r="445276" spans="8:8">
      <c r="H445276" s="12"/>
    </row>
    <row r="445277" spans="8:8">
      <c r="H445277" s="12"/>
    </row>
    <row r="445278" spans="8:8">
      <c r="H445278" s="12"/>
    </row>
    <row r="445279" spans="8:8">
      <c r="H445279" s="12"/>
    </row>
    <row r="445280" spans="8:8">
      <c r="H445280" s="12"/>
    </row>
    <row r="445281" spans="8:8">
      <c r="H445281" s="12"/>
    </row>
    <row r="445282" spans="8:8">
      <c r="H445282" s="12"/>
    </row>
    <row r="445283" spans="8:8">
      <c r="H445283" s="12"/>
    </row>
    <row r="445284" spans="8:8">
      <c r="H445284" s="12"/>
    </row>
    <row r="445285" spans="8:8">
      <c r="H445285" s="12"/>
    </row>
    <row r="445286" spans="8:8">
      <c r="H445286" s="12"/>
    </row>
    <row r="445287" spans="8:8">
      <c r="H445287" s="12"/>
    </row>
    <row r="445288" spans="8:8">
      <c r="H445288" s="12"/>
    </row>
    <row r="445289" spans="8:8">
      <c r="H445289" s="12"/>
    </row>
    <row r="445290" spans="8:8">
      <c r="H445290" s="12"/>
    </row>
    <row r="445291" spans="8:8">
      <c r="H445291" s="12"/>
    </row>
    <row r="445292" spans="8:8">
      <c r="H445292" s="12"/>
    </row>
    <row r="445293" spans="8:8">
      <c r="H445293" s="12"/>
    </row>
    <row r="445294" spans="8:8">
      <c r="H445294" s="12"/>
    </row>
    <row r="445295" spans="8:8">
      <c r="H445295" s="12"/>
    </row>
    <row r="445296" spans="8:8">
      <c r="H445296" s="12"/>
    </row>
    <row r="445297" spans="8:8">
      <c r="H445297" s="12"/>
    </row>
    <row r="445298" spans="8:8">
      <c r="H445298" s="12"/>
    </row>
    <row r="445299" spans="8:8">
      <c r="H445299" s="12"/>
    </row>
    <row r="445300" spans="8:8">
      <c r="H445300" s="12"/>
    </row>
    <row r="445301" spans="8:8">
      <c r="H445301" s="12"/>
    </row>
    <row r="445302" spans="8:8">
      <c r="H445302" s="12"/>
    </row>
    <row r="445303" spans="8:8">
      <c r="H445303" s="12"/>
    </row>
    <row r="445304" spans="8:8">
      <c r="H445304" s="12"/>
    </row>
    <row r="445305" spans="8:8">
      <c r="H445305" s="12"/>
    </row>
    <row r="445306" spans="8:8">
      <c r="H445306" s="12"/>
    </row>
    <row r="445307" spans="8:8">
      <c r="H445307" s="12"/>
    </row>
    <row r="445308" spans="8:8">
      <c r="H445308" s="12"/>
    </row>
    <row r="445309" spans="8:8">
      <c r="H445309" s="12"/>
    </row>
    <row r="445310" spans="8:8">
      <c r="H445310" s="12"/>
    </row>
    <row r="445311" spans="8:8">
      <c r="H445311" s="12"/>
    </row>
    <row r="445312" spans="8:8">
      <c r="H445312" s="12"/>
    </row>
    <row r="445313" spans="8:8">
      <c r="H445313" s="12"/>
    </row>
    <row r="445314" spans="8:8">
      <c r="H445314" s="12"/>
    </row>
    <row r="445315" spans="8:8">
      <c r="H445315" s="12"/>
    </row>
    <row r="445316" spans="8:8">
      <c r="H445316" s="12"/>
    </row>
    <row r="445317" spans="8:8">
      <c r="H445317" s="12"/>
    </row>
    <row r="445318" spans="8:8">
      <c r="H445318" s="12"/>
    </row>
    <row r="445319" spans="8:8">
      <c r="H445319" s="12"/>
    </row>
    <row r="445320" spans="8:8">
      <c r="H445320" s="12"/>
    </row>
    <row r="445321" spans="8:8">
      <c r="H445321" s="12"/>
    </row>
    <row r="445322" spans="8:8">
      <c r="H445322" s="12"/>
    </row>
    <row r="445323" spans="8:8">
      <c r="H445323" s="12"/>
    </row>
    <row r="445324" spans="8:8">
      <c r="H445324" s="12"/>
    </row>
    <row r="445325" spans="8:8">
      <c r="H445325" s="12"/>
    </row>
    <row r="445326" spans="8:8">
      <c r="H445326" s="12"/>
    </row>
    <row r="445327" spans="8:8">
      <c r="H445327" s="12"/>
    </row>
    <row r="445328" spans="8:8">
      <c r="H445328" s="12"/>
    </row>
    <row r="445329" spans="8:8">
      <c r="H445329" s="12"/>
    </row>
    <row r="445330" spans="8:8">
      <c r="H445330" s="12"/>
    </row>
    <row r="445331" spans="8:8">
      <c r="H445331" s="12"/>
    </row>
    <row r="445332" spans="8:8">
      <c r="H445332" s="12"/>
    </row>
    <row r="445333" spans="8:8">
      <c r="H445333" s="12"/>
    </row>
    <row r="445334" spans="8:8">
      <c r="H445334" s="12"/>
    </row>
    <row r="445335" spans="8:8">
      <c r="H445335" s="12"/>
    </row>
    <row r="445336" spans="8:8">
      <c r="H445336" s="12"/>
    </row>
    <row r="445337" spans="8:8">
      <c r="H445337" s="12"/>
    </row>
    <row r="445338" spans="8:8">
      <c r="H445338" s="12"/>
    </row>
    <row r="445339" spans="8:8">
      <c r="H445339" s="12"/>
    </row>
    <row r="445340" spans="8:8">
      <c r="H445340" s="12"/>
    </row>
    <row r="445341" spans="8:8">
      <c r="H445341" s="12"/>
    </row>
    <row r="445342" spans="8:8">
      <c r="H445342" s="12"/>
    </row>
    <row r="445343" spans="8:8">
      <c r="H445343" s="12"/>
    </row>
    <row r="445344" spans="8:8">
      <c r="H445344" s="12"/>
    </row>
    <row r="445345" spans="8:8">
      <c r="H445345" s="12"/>
    </row>
    <row r="445346" spans="8:8">
      <c r="H445346" s="12"/>
    </row>
    <row r="445347" spans="8:8">
      <c r="H445347" s="12"/>
    </row>
    <row r="445348" spans="8:8">
      <c r="H445348" s="12"/>
    </row>
    <row r="445349" spans="8:8">
      <c r="H445349" s="12"/>
    </row>
    <row r="445350" spans="8:8">
      <c r="H445350" s="12"/>
    </row>
    <row r="445351" spans="8:8">
      <c r="H445351" s="12"/>
    </row>
    <row r="445352" spans="8:8">
      <c r="H445352" s="12"/>
    </row>
    <row r="445353" spans="8:8">
      <c r="H445353" s="12"/>
    </row>
    <row r="445354" spans="8:8">
      <c r="H445354" s="12"/>
    </row>
    <row r="445355" spans="8:8">
      <c r="H445355" s="12"/>
    </row>
    <row r="445356" spans="8:8">
      <c r="H445356" s="12"/>
    </row>
    <row r="445357" spans="8:8">
      <c r="H445357" s="12"/>
    </row>
    <row r="445358" spans="8:8">
      <c r="H445358" s="12"/>
    </row>
    <row r="445359" spans="8:8">
      <c r="H445359" s="12"/>
    </row>
    <row r="445360" spans="8:8">
      <c r="H445360" s="12"/>
    </row>
    <row r="445361" spans="8:8">
      <c r="H445361" s="12"/>
    </row>
    <row r="445362" spans="8:8">
      <c r="H445362" s="12"/>
    </row>
    <row r="445363" spans="8:8">
      <c r="H445363" s="12"/>
    </row>
    <row r="445364" spans="8:8">
      <c r="H445364" s="12"/>
    </row>
    <row r="445365" spans="8:8">
      <c r="H445365" s="12"/>
    </row>
    <row r="445366" spans="8:8">
      <c r="H445366" s="12"/>
    </row>
    <row r="445367" spans="8:8">
      <c r="H445367" s="12"/>
    </row>
    <row r="445368" spans="8:8">
      <c r="H445368" s="12"/>
    </row>
    <row r="445369" spans="8:8">
      <c r="H445369" s="12"/>
    </row>
    <row r="445370" spans="8:8">
      <c r="H445370" s="12"/>
    </row>
    <row r="445371" spans="8:8">
      <c r="H445371" s="12"/>
    </row>
    <row r="445372" spans="8:8">
      <c r="H445372" s="12"/>
    </row>
    <row r="445373" spans="8:8">
      <c r="H445373" s="12"/>
    </row>
    <row r="445374" spans="8:8">
      <c r="H445374" s="12"/>
    </row>
    <row r="445375" spans="8:8">
      <c r="H445375" s="12"/>
    </row>
    <row r="445376" spans="8:8">
      <c r="H445376" s="12"/>
    </row>
    <row r="445377" spans="8:8">
      <c r="H445377" s="12"/>
    </row>
    <row r="445378" spans="8:8">
      <c r="H445378" s="12"/>
    </row>
    <row r="445379" spans="8:8">
      <c r="H445379" s="12"/>
    </row>
    <row r="445380" spans="8:8">
      <c r="H445380" s="12"/>
    </row>
    <row r="445381" spans="8:8">
      <c r="H445381" s="12"/>
    </row>
    <row r="445382" spans="8:8">
      <c r="H445382" s="12"/>
    </row>
    <row r="445383" spans="8:8">
      <c r="H445383" s="12"/>
    </row>
    <row r="445384" spans="8:8">
      <c r="H445384" s="12"/>
    </row>
    <row r="445385" spans="8:8">
      <c r="H445385" s="12"/>
    </row>
    <row r="445386" spans="8:8">
      <c r="H445386" s="12"/>
    </row>
    <row r="445387" spans="8:8">
      <c r="H445387" s="12"/>
    </row>
    <row r="445388" spans="8:8">
      <c r="H445388" s="12"/>
    </row>
    <row r="445389" spans="8:8">
      <c r="H445389" s="12"/>
    </row>
    <row r="445390" spans="8:8">
      <c r="H445390" s="12"/>
    </row>
    <row r="445391" spans="8:8">
      <c r="H445391" s="12"/>
    </row>
    <row r="445392" spans="8:8">
      <c r="H445392" s="12"/>
    </row>
    <row r="445393" spans="8:8">
      <c r="H445393" s="12"/>
    </row>
    <row r="445394" spans="8:8">
      <c r="H445394" s="12"/>
    </row>
    <row r="445395" spans="8:8">
      <c r="H445395" s="12"/>
    </row>
    <row r="445396" spans="8:8">
      <c r="H445396" s="12"/>
    </row>
    <row r="445397" spans="8:8">
      <c r="H445397" s="12"/>
    </row>
    <row r="445398" spans="8:8">
      <c r="H445398" s="12"/>
    </row>
    <row r="445399" spans="8:8">
      <c r="H445399" s="12"/>
    </row>
    <row r="445400" spans="8:8">
      <c r="H445400" s="12"/>
    </row>
    <row r="445401" spans="8:8">
      <c r="H445401" s="12"/>
    </row>
    <row r="445402" spans="8:8">
      <c r="H445402" s="12"/>
    </row>
    <row r="445403" spans="8:8">
      <c r="H445403" s="12"/>
    </row>
    <row r="445404" spans="8:8">
      <c r="H445404" s="12"/>
    </row>
    <row r="445405" spans="8:8">
      <c r="H445405" s="12"/>
    </row>
    <row r="445406" spans="8:8">
      <c r="H445406" s="12"/>
    </row>
    <row r="445407" spans="8:8">
      <c r="H445407" s="12"/>
    </row>
    <row r="445408" spans="8:8">
      <c r="H445408" s="12"/>
    </row>
    <row r="445409" spans="8:8">
      <c r="H445409" s="12"/>
    </row>
    <row r="445410" spans="8:8">
      <c r="H445410" s="12"/>
    </row>
    <row r="445411" spans="8:8">
      <c r="H445411" s="12"/>
    </row>
    <row r="445412" spans="8:8">
      <c r="H445412" s="12"/>
    </row>
    <row r="445413" spans="8:8">
      <c r="H445413" s="12"/>
    </row>
    <row r="445414" spans="8:8">
      <c r="H445414" s="12"/>
    </row>
    <row r="445415" spans="8:8">
      <c r="H445415" s="12"/>
    </row>
    <row r="445416" spans="8:8">
      <c r="H445416" s="12"/>
    </row>
    <row r="445417" spans="8:8">
      <c r="H445417" s="12"/>
    </row>
    <row r="445418" spans="8:8">
      <c r="H445418" s="12"/>
    </row>
    <row r="445419" spans="8:8">
      <c r="H445419" s="12"/>
    </row>
    <row r="445420" spans="8:8">
      <c r="H445420" s="12"/>
    </row>
    <row r="445421" spans="8:8">
      <c r="H445421" s="12"/>
    </row>
    <row r="445422" spans="8:8">
      <c r="H445422" s="12"/>
    </row>
    <row r="445423" spans="8:8">
      <c r="H445423" s="12"/>
    </row>
    <row r="445424" spans="8:8">
      <c r="H445424" s="12"/>
    </row>
    <row r="445425" spans="8:8">
      <c r="H445425" s="12"/>
    </row>
    <row r="445426" spans="8:8">
      <c r="H445426" s="12"/>
    </row>
    <row r="445427" spans="8:8">
      <c r="H445427" s="12"/>
    </row>
    <row r="445428" spans="8:8">
      <c r="H445428" s="12"/>
    </row>
    <row r="445429" spans="8:8">
      <c r="H445429" s="12"/>
    </row>
    <row r="445430" spans="8:8">
      <c r="H445430" s="12"/>
    </row>
    <row r="445431" spans="8:8">
      <c r="H445431" s="12"/>
    </row>
    <row r="445432" spans="8:8">
      <c r="H445432" s="12"/>
    </row>
    <row r="445433" spans="8:8">
      <c r="H445433" s="12"/>
    </row>
    <row r="445434" spans="8:8">
      <c r="H445434" s="12"/>
    </row>
    <row r="445435" spans="8:8">
      <c r="H445435" s="12"/>
    </row>
    <row r="445436" spans="8:8">
      <c r="H445436" s="12"/>
    </row>
    <row r="445437" spans="8:8">
      <c r="H445437" s="12"/>
    </row>
    <row r="445438" spans="8:8">
      <c r="H445438" s="12"/>
    </row>
    <row r="445439" spans="8:8">
      <c r="H445439" s="12"/>
    </row>
    <row r="445440" spans="8:8">
      <c r="H445440" s="12"/>
    </row>
    <row r="445441" spans="8:8">
      <c r="H445441" s="12"/>
    </row>
    <row r="445442" spans="8:8">
      <c r="H445442" s="12"/>
    </row>
    <row r="445443" spans="8:8">
      <c r="H445443" s="12"/>
    </row>
    <row r="445444" spans="8:8">
      <c r="H445444" s="12"/>
    </row>
    <row r="445445" spans="8:8">
      <c r="H445445" s="12"/>
    </row>
    <row r="445446" spans="8:8">
      <c r="H445446" s="12"/>
    </row>
    <row r="445447" spans="8:8">
      <c r="H445447" s="12"/>
    </row>
    <row r="445448" spans="8:8">
      <c r="H445448" s="12"/>
    </row>
    <row r="445449" spans="8:8">
      <c r="H445449" s="12"/>
    </row>
    <row r="445450" spans="8:8">
      <c r="H445450" s="12"/>
    </row>
    <row r="445451" spans="8:8">
      <c r="H445451" s="12"/>
    </row>
    <row r="445452" spans="8:8">
      <c r="H445452" s="12"/>
    </row>
    <row r="445453" spans="8:8">
      <c r="H445453" s="12"/>
    </row>
    <row r="445454" spans="8:8">
      <c r="H445454" s="12"/>
    </row>
    <row r="445455" spans="8:8">
      <c r="H445455" s="12"/>
    </row>
    <row r="445456" spans="8:8">
      <c r="H445456" s="12"/>
    </row>
    <row r="445457" spans="8:8">
      <c r="H445457" s="12"/>
    </row>
    <row r="445458" spans="8:8">
      <c r="H445458" s="12"/>
    </row>
    <row r="445459" spans="8:8">
      <c r="H445459" s="12"/>
    </row>
    <row r="445460" spans="8:8">
      <c r="H445460" s="12"/>
    </row>
    <row r="445461" spans="8:8">
      <c r="H445461" s="12"/>
    </row>
    <row r="445462" spans="8:8">
      <c r="H445462" s="12"/>
    </row>
    <row r="445463" spans="8:8">
      <c r="H445463" s="12"/>
    </row>
    <row r="445464" spans="8:8">
      <c r="H445464" s="12"/>
    </row>
    <row r="445465" spans="8:8">
      <c r="H445465" s="12"/>
    </row>
    <row r="445466" spans="8:8">
      <c r="H445466" s="12"/>
    </row>
    <row r="445467" spans="8:8">
      <c r="H445467" s="12"/>
    </row>
    <row r="445468" spans="8:8">
      <c r="H445468" s="12"/>
    </row>
    <row r="445469" spans="8:8">
      <c r="H445469" s="12"/>
    </row>
    <row r="445470" spans="8:8">
      <c r="H445470" s="12"/>
    </row>
    <row r="445471" spans="8:8">
      <c r="H445471" s="12"/>
    </row>
    <row r="445472" spans="8:8">
      <c r="H445472" s="12"/>
    </row>
    <row r="445473" spans="8:8">
      <c r="H445473" s="12"/>
    </row>
    <row r="445474" spans="8:8">
      <c r="H445474" s="12"/>
    </row>
    <row r="445475" spans="8:8">
      <c r="H445475" s="12"/>
    </row>
    <row r="445476" spans="8:8">
      <c r="H445476" s="12"/>
    </row>
    <row r="445477" spans="8:8">
      <c r="H445477" s="12"/>
    </row>
    <row r="445478" spans="8:8">
      <c r="H445478" s="12"/>
    </row>
    <row r="445479" spans="8:8">
      <c r="H445479" s="12"/>
    </row>
    <row r="445480" spans="8:8">
      <c r="H445480" s="12"/>
    </row>
    <row r="445481" spans="8:8">
      <c r="H445481" s="12"/>
    </row>
    <row r="445482" spans="8:8">
      <c r="H445482" s="12"/>
    </row>
    <row r="445483" spans="8:8">
      <c r="H445483" s="12"/>
    </row>
    <row r="445484" spans="8:8">
      <c r="H445484" s="12"/>
    </row>
    <row r="445485" spans="8:8">
      <c r="H445485" s="12"/>
    </row>
    <row r="445486" spans="8:8">
      <c r="H445486" s="12"/>
    </row>
    <row r="445487" spans="8:8">
      <c r="H445487" s="12"/>
    </row>
    <row r="445488" spans="8:8">
      <c r="H445488" s="12"/>
    </row>
    <row r="445489" spans="8:8">
      <c r="H445489" s="12"/>
    </row>
    <row r="445490" spans="8:8">
      <c r="H445490" s="12"/>
    </row>
    <row r="445491" spans="8:8">
      <c r="H445491" s="12"/>
    </row>
    <row r="445492" spans="8:8">
      <c r="H445492" s="12"/>
    </row>
    <row r="445493" spans="8:8">
      <c r="H445493" s="12"/>
    </row>
    <row r="445494" spans="8:8">
      <c r="H445494" s="12"/>
    </row>
    <row r="445495" spans="8:8">
      <c r="H445495" s="12"/>
    </row>
    <row r="445496" spans="8:8">
      <c r="H445496" s="12"/>
    </row>
    <row r="445497" spans="8:8">
      <c r="H445497" s="12"/>
    </row>
    <row r="445498" spans="8:8">
      <c r="H445498" s="12"/>
    </row>
    <row r="445499" spans="8:8">
      <c r="H445499" s="12"/>
    </row>
    <row r="445500" spans="8:8">
      <c r="H445500" s="12"/>
    </row>
    <row r="445501" spans="8:8">
      <c r="H445501" s="12"/>
    </row>
    <row r="445502" spans="8:8">
      <c r="H445502" s="12"/>
    </row>
    <row r="445503" spans="8:8">
      <c r="H445503" s="12"/>
    </row>
    <row r="445504" spans="8:8">
      <c r="H445504" s="12"/>
    </row>
    <row r="445505" spans="8:8">
      <c r="H445505" s="12"/>
    </row>
    <row r="445506" spans="8:8">
      <c r="H445506" s="12"/>
    </row>
    <row r="445507" spans="8:8">
      <c r="H445507" s="12"/>
    </row>
    <row r="445508" spans="8:8">
      <c r="H445508" s="12"/>
    </row>
    <row r="445509" spans="8:8">
      <c r="H445509" s="12"/>
    </row>
    <row r="445510" spans="8:8">
      <c r="H445510" s="12"/>
    </row>
    <row r="445511" spans="8:8">
      <c r="H445511" s="12"/>
    </row>
    <row r="445512" spans="8:8">
      <c r="H445512" s="12"/>
    </row>
    <row r="445513" spans="8:8">
      <c r="H445513" s="12"/>
    </row>
    <row r="445514" spans="8:8">
      <c r="H445514" s="12"/>
    </row>
    <row r="445515" spans="8:8">
      <c r="H445515" s="12"/>
    </row>
    <row r="445516" spans="8:8">
      <c r="H445516" s="12"/>
    </row>
    <row r="445517" spans="8:8">
      <c r="H445517" s="12"/>
    </row>
    <row r="445518" spans="8:8">
      <c r="H445518" s="12"/>
    </row>
    <row r="445519" spans="8:8">
      <c r="H445519" s="12"/>
    </row>
    <row r="445520" spans="8:8">
      <c r="H445520" s="12"/>
    </row>
    <row r="445521" spans="8:8">
      <c r="H445521" s="12"/>
    </row>
    <row r="445522" spans="8:8">
      <c r="H445522" s="12"/>
    </row>
    <row r="445523" spans="8:8">
      <c r="H445523" s="12"/>
    </row>
    <row r="445524" spans="8:8">
      <c r="H445524" s="12"/>
    </row>
    <row r="445525" spans="8:8">
      <c r="H445525" s="12"/>
    </row>
    <row r="445526" spans="8:8">
      <c r="H445526" s="12"/>
    </row>
    <row r="445527" spans="8:8">
      <c r="H445527" s="12"/>
    </row>
    <row r="445528" spans="8:8">
      <c r="H445528" s="12"/>
    </row>
    <row r="445529" spans="8:8">
      <c r="H445529" s="12"/>
    </row>
    <row r="445530" spans="8:8">
      <c r="H445530" s="12"/>
    </row>
    <row r="445531" spans="8:8">
      <c r="H445531" s="12"/>
    </row>
    <row r="445532" spans="8:8">
      <c r="H445532" s="12"/>
    </row>
    <row r="445533" spans="8:8">
      <c r="H445533" s="12"/>
    </row>
    <row r="445534" spans="8:8">
      <c r="H445534" s="12"/>
    </row>
    <row r="445535" spans="8:8">
      <c r="H445535" s="12"/>
    </row>
    <row r="445536" spans="8:8">
      <c r="H445536" s="12"/>
    </row>
    <row r="445537" spans="8:8">
      <c r="H445537" s="12"/>
    </row>
    <row r="445538" spans="8:8">
      <c r="H445538" s="12"/>
    </row>
    <row r="445539" spans="8:8">
      <c r="H445539" s="12"/>
    </row>
    <row r="445540" spans="8:8">
      <c r="H445540" s="12"/>
    </row>
    <row r="445541" spans="8:8">
      <c r="H445541" s="12"/>
    </row>
    <row r="445542" spans="8:8">
      <c r="H445542" s="12"/>
    </row>
    <row r="445543" spans="8:8">
      <c r="H445543" s="12"/>
    </row>
    <row r="445544" spans="8:8">
      <c r="H445544" s="12"/>
    </row>
    <row r="445545" spans="8:8">
      <c r="H445545" s="12"/>
    </row>
    <row r="445546" spans="8:8">
      <c r="H445546" s="12"/>
    </row>
    <row r="445547" spans="8:8">
      <c r="H445547" s="12"/>
    </row>
    <row r="445548" spans="8:8">
      <c r="H445548" s="12"/>
    </row>
    <row r="445549" spans="8:8">
      <c r="H445549" s="12"/>
    </row>
    <row r="445550" spans="8:8">
      <c r="H445550" s="12"/>
    </row>
    <row r="445551" spans="8:8">
      <c r="H445551" s="12"/>
    </row>
    <row r="445552" spans="8:8">
      <c r="H445552" s="12"/>
    </row>
    <row r="445553" spans="8:8">
      <c r="H445553" s="12"/>
    </row>
    <row r="445554" spans="8:8">
      <c r="H445554" s="12"/>
    </row>
    <row r="445555" spans="8:8">
      <c r="H445555" s="12"/>
    </row>
    <row r="445556" spans="8:8">
      <c r="H445556" s="12"/>
    </row>
    <row r="445557" spans="8:8">
      <c r="H445557" s="12"/>
    </row>
    <row r="445558" spans="8:8">
      <c r="H445558" s="12"/>
    </row>
    <row r="445559" spans="8:8">
      <c r="H445559" s="12"/>
    </row>
    <row r="445560" spans="8:8">
      <c r="H445560" s="12"/>
    </row>
    <row r="445561" spans="8:8">
      <c r="H445561" s="12"/>
    </row>
    <row r="445562" spans="8:8">
      <c r="H445562" s="12"/>
    </row>
    <row r="445563" spans="8:8">
      <c r="H445563" s="12"/>
    </row>
    <row r="445564" spans="8:8">
      <c r="H445564" s="12"/>
    </row>
    <row r="445565" spans="8:8">
      <c r="H445565" s="12"/>
    </row>
    <row r="445566" spans="8:8">
      <c r="H445566" s="12"/>
    </row>
    <row r="445567" spans="8:8">
      <c r="H445567" s="12"/>
    </row>
    <row r="445568" spans="8:8">
      <c r="H445568" s="12"/>
    </row>
    <row r="445569" spans="8:8">
      <c r="H445569" s="12"/>
    </row>
    <row r="445570" spans="8:8">
      <c r="H445570" s="12"/>
    </row>
    <row r="445571" spans="8:8">
      <c r="H445571" s="12"/>
    </row>
    <row r="445572" spans="8:8">
      <c r="H445572" s="12"/>
    </row>
    <row r="445573" spans="8:8">
      <c r="H445573" s="12"/>
    </row>
    <row r="445574" spans="8:8">
      <c r="H445574" s="12"/>
    </row>
    <row r="445575" spans="8:8">
      <c r="H445575" s="12"/>
    </row>
    <row r="445576" spans="8:8">
      <c r="H445576" s="12"/>
    </row>
    <row r="445577" spans="8:8">
      <c r="H445577" s="12"/>
    </row>
    <row r="445578" spans="8:8">
      <c r="H445578" s="12"/>
    </row>
    <row r="445579" spans="8:8">
      <c r="H445579" s="12"/>
    </row>
    <row r="445580" spans="8:8">
      <c r="H445580" s="12"/>
    </row>
    <row r="445581" spans="8:8">
      <c r="H445581" s="12"/>
    </row>
    <row r="445582" spans="8:8">
      <c r="H445582" s="12"/>
    </row>
    <row r="445583" spans="8:8">
      <c r="H445583" s="12"/>
    </row>
    <row r="445584" spans="8:8">
      <c r="H445584" s="12"/>
    </row>
    <row r="445585" spans="8:8">
      <c r="H445585" s="12"/>
    </row>
    <row r="445586" spans="8:8">
      <c r="H445586" s="12"/>
    </row>
    <row r="445587" spans="8:8">
      <c r="H445587" s="12"/>
    </row>
    <row r="445588" spans="8:8">
      <c r="H445588" s="12"/>
    </row>
    <row r="445589" spans="8:8">
      <c r="H445589" s="12"/>
    </row>
    <row r="445590" spans="8:8">
      <c r="H445590" s="12"/>
    </row>
    <row r="445591" spans="8:8">
      <c r="H445591" s="12"/>
    </row>
    <row r="445592" spans="8:8">
      <c r="H445592" s="12"/>
    </row>
    <row r="445593" spans="8:8">
      <c r="H445593" s="12"/>
    </row>
    <row r="445594" spans="8:8">
      <c r="H445594" s="12"/>
    </row>
    <row r="445595" spans="8:8">
      <c r="H445595" s="12"/>
    </row>
    <row r="445596" spans="8:8">
      <c r="H445596" s="12"/>
    </row>
    <row r="445597" spans="8:8">
      <c r="H445597" s="12"/>
    </row>
    <row r="445598" spans="8:8">
      <c r="H445598" s="12"/>
    </row>
    <row r="445599" spans="8:8">
      <c r="H445599" s="12"/>
    </row>
    <row r="445600" spans="8:8">
      <c r="H445600" s="12"/>
    </row>
    <row r="445601" spans="8:8">
      <c r="H445601" s="12"/>
    </row>
    <row r="445602" spans="8:8">
      <c r="H445602" s="12"/>
    </row>
    <row r="445603" spans="8:8">
      <c r="H445603" s="12"/>
    </row>
    <row r="445604" spans="8:8">
      <c r="H445604" s="12"/>
    </row>
    <row r="445605" spans="8:8">
      <c r="H445605" s="12"/>
    </row>
    <row r="445606" spans="8:8">
      <c r="H445606" s="12"/>
    </row>
    <row r="445607" spans="8:8">
      <c r="H445607" s="12"/>
    </row>
    <row r="445608" spans="8:8">
      <c r="H445608" s="12"/>
    </row>
    <row r="445609" spans="8:8">
      <c r="H445609" s="12"/>
    </row>
    <row r="445610" spans="8:8">
      <c r="H445610" s="12"/>
    </row>
    <row r="445611" spans="8:8">
      <c r="H445611" s="12"/>
    </row>
    <row r="445612" spans="8:8">
      <c r="H445612" s="12"/>
    </row>
    <row r="445613" spans="8:8">
      <c r="H445613" s="12"/>
    </row>
    <row r="445614" spans="8:8">
      <c r="H445614" s="12"/>
    </row>
    <row r="445615" spans="8:8">
      <c r="H445615" s="12"/>
    </row>
    <row r="445616" spans="8:8">
      <c r="H445616" s="12"/>
    </row>
    <row r="445617" spans="8:8">
      <c r="H445617" s="12"/>
    </row>
    <row r="445618" spans="8:8">
      <c r="H445618" s="12"/>
    </row>
    <row r="445619" spans="8:8">
      <c r="H445619" s="12"/>
    </row>
    <row r="445620" spans="8:8">
      <c r="H445620" s="12"/>
    </row>
    <row r="445621" spans="8:8">
      <c r="H445621" s="12"/>
    </row>
    <row r="445622" spans="8:8">
      <c r="H445622" s="12"/>
    </row>
    <row r="445623" spans="8:8">
      <c r="H445623" s="12"/>
    </row>
    <row r="445624" spans="8:8">
      <c r="H445624" s="12"/>
    </row>
    <row r="445625" spans="8:8">
      <c r="H445625" s="12"/>
    </row>
    <row r="445626" spans="8:8">
      <c r="H445626" s="12"/>
    </row>
    <row r="445627" spans="8:8">
      <c r="H445627" s="12"/>
    </row>
    <row r="445628" spans="8:8">
      <c r="H445628" s="12"/>
    </row>
    <row r="445629" spans="8:8">
      <c r="H445629" s="12"/>
    </row>
    <row r="445630" spans="8:8">
      <c r="H445630" s="12"/>
    </row>
    <row r="445631" spans="8:8">
      <c r="H445631" s="12"/>
    </row>
    <row r="445632" spans="8:8">
      <c r="H445632" s="12"/>
    </row>
    <row r="445633" spans="8:8">
      <c r="H445633" s="12"/>
    </row>
    <row r="445634" spans="8:8">
      <c r="H445634" s="12"/>
    </row>
    <row r="445635" spans="8:8">
      <c r="H445635" s="12"/>
    </row>
    <row r="445636" spans="8:8">
      <c r="H445636" s="12"/>
    </row>
    <row r="445637" spans="8:8">
      <c r="H445637" s="12"/>
    </row>
    <row r="445638" spans="8:8">
      <c r="H445638" s="12"/>
    </row>
    <row r="445639" spans="8:8">
      <c r="H445639" s="12"/>
    </row>
    <row r="445640" spans="8:8">
      <c r="H445640" s="12"/>
    </row>
    <row r="445641" spans="8:8">
      <c r="H445641" s="12"/>
    </row>
    <row r="445642" spans="8:8">
      <c r="H445642" s="12"/>
    </row>
    <row r="445643" spans="8:8">
      <c r="H445643" s="12"/>
    </row>
    <row r="445644" spans="8:8">
      <c r="H445644" s="12"/>
    </row>
    <row r="445645" spans="8:8">
      <c r="H445645" s="12"/>
    </row>
    <row r="445646" spans="8:8">
      <c r="H445646" s="12"/>
    </row>
    <row r="445647" spans="8:8">
      <c r="H445647" s="12"/>
    </row>
    <row r="445648" spans="8:8">
      <c r="H445648" s="12"/>
    </row>
    <row r="445649" spans="8:8">
      <c r="H445649" s="12"/>
    </row>
    <row r="445650" spans="8:8">
      <c r="H445650" s="12"/>
    </row>
    <row r="445651" spans="8:8">
      <c r="H445651" s="12"/>
    </row>
    <row r="445652" spans="8:8">
      <c r="H445652" s="12"/>
    </row>
    <row r="445653" spans="8:8">
      <c r="H445653" s="12"/>
    </row>
    <row r="445654" spans="8:8">
      <c r="H445654" s="12"/>
    </row>
    <row r="445655" spans="8:8">
      <c r="H445655" s="12"/>
    </row>
    <row r="445656" spans="8:8">
      <c r="H445656" s="12"/>
    </row>
    <row r="445657" spans="8:8">
      <c r="H445657" s="12"/>
    </row>
    <row r="445658" spans="8:8">
      <c r="H445658" s="12"/>
    </row>
    <row r="445659" spans="8:8">
      <c r="H445659" s="12"/>
    </row>
    <row r="445660" spans="8:8">
      <c r="H445660" s="12"/>
    </row>
    <row r="445661" spans="8:8">
      <c r="H445661" s="12"/>
    </row>
    <row r="445662" spans="8:8">
      <c r="H445662" s="12"/>
    </row>
    <row r="445663" spans="8:8">
      <c r="H445663" s="12"/>
    </row>
    <row r="445664" spans="8:8">
      <c r="H445664" s="12"/>
    </row>
    <row r="445665" spans="8:8">
      <c r="H445665" s="12"/>
    </row>
    <row r="445666" spans="8:8">
      <c r="H445666" s="12"/>
    </row>
    <row r="445667" spans="8:8">
      <c r="H445667" s="12"/>
    </row>
    <row r="445668" spans="8:8">
      <c r="H445668" s="12"/>
    </row>
    <row r="445669" spans="8:8">
      <c r="H445669" s="12"/>
    </row>
    <row r="445670" spans="8:8">
      <c r="H445670" s="12"/>
    </row>
    <row r="445671" spans="8:8">
      <c r="H445671" s="12"/>
    </row>
    <row r="445672" spans="8:8">
      <c r="H445672" s="12"/>
    </row>
    <row r="445673" spans="8:8">
      <c r="H445673" s="12"/>
    </row>
    <row r="445674" spans="8:8">
      <c r="H445674" s="12"/>
    </row>
    <row r="445675" spans="8:8">
      <c r="H445675" s="12"/>
    </row>
    <row r="445676" spans="8:8">
      <c r="H445676" s="12"/>
    </row>
    <row r="445677" spans="8:8">
      <c r="H445677" s="12"/>
    </row>
    <row r="445678" spans="8:8">
      <c r="H445678" s="12"/>
    </row>
    <row r="445679" spans="8:8">
      <c r="H445679" s="12"/>
    </row>
    <row r="445680" spans="8:8">
      <c r="H445680" s="12"/>
    </row>
    <row r="445681" spans="8:8">
      <c r="H445681" s="12"/>
    </row>
    <row r="445682" spans="8:8">
      <c r="H445682" s="12"/>
    </row>
    <row r="445683" spans="8:8">
      <c r="H445683" s="12"/>
    </row>
    <row r="445684" spans="8:8">
      <c r="H445684" s="12"/>
    </row>
    <row r="445685" spans="8:8">
      <c r="H445685" s="12"/>
    </row>
    <row r="445686" spans="8:8">
      <c r="H445686" s="12"/>
    </row>
    <row r="445687" spans="8:8">
      <c r="H445687" s="12"/>
    </row>
    <row r="445688" spans="8:8">
      <c r="H445688" s="12"/>
    </row>
    <row r="445689" spans="8:8">
      <c r="H445689" s="12"/>
    </row>
    <row r="445690" spans="8:8">
      <c r="H445690" s="12"/>
    </row>
    <row r="445691" spans="8:8">
      <c r="H445691" s="12"/>
    </row>
    <row r="445692" spans="8:8">
      <c r="H445692" s="12"/>
    </row>
    <row r="445693" spans="8:8">
      <c r="H445693" s="12"/>
    </row>
    <row r="445694" spans="8:8">
      <c r="H445694" s="12"/>
    </row>
    <row r="445695" spans="8:8">
      <c r="H445695" s="12"/>
    </row>
    <row r="445696" spans="8:8">
      <c r="H445696" s="12"/>
    </row>
    <row r="445697" spans="8:8">
      <c r="H445697" s="12"/>
    </row>
    <row r="445698" spans="8:8">
      <c r="H445698" s="12"/>
    </row>
    <row r="445699" spans="8:8">
      <c r="H445699" s="12"/>
    </row>
    <row r="445700" spans="8:8">
      <c r="H445700" s="12"/>
    </row>
    <row r="445701" spans="8:8">
      <c r="H445701" s="12"/>
    </row>
    <row r="445702" spans="8:8">
      <c r="H445702" s="12"/>
    </row>
    <row r="445703" spans="8:8">
      <c r="H445703" s="12"/>
    </row>
    <row r="445704" spans="8:8">
      <c r="H445704" s="12"/>
    </row>
    <row r="445705" spans="8:8">
      <c r="H445705" s="12"/>
    </row>
    <row r="445706" spans="8:8">
      <c r="H445706" s="12"/>
    </row>
    <row r="445707" spans="8:8">
      <c r="H445707" s="12"/>
    </row>
    <row r="445708" spans="8:8">
      <c r="H445708" s="12"/>
    </row>
    <row r="445709" spans="8:8">
      <c r="H445709" s="12"/>
    </row>
    <row r="445710" spans="8:8">
      <c r="H445710" s="12"/>
    </row>
    <row r="445711" spans="8:8">
      <c r="H445711" s="12"/>
    </row>
    <row r="445712" spans="8:8">
      <c r="H445712" s="12"/>
    </row>
    <row r="445713" spans="8:8">
      <c r="H445713" s="12"/>
    </row>
    <row r="445714" spans="8:8">
      <c r="H445714" s="12"/>
    </row>
    <row r="445715" spans="8:8">
      <c r="H445715" s="12"/>
    </row>
    <row r="445716" spans="8:8">
      <c r="H445716" s="12"/>
    </row>
    <row r="445717" spans="8:8">
      <c r="H445717" s="12"/>
    </row>
    <row r="445718" spans="8:8">
      <c r="H445718" s="12"/>
    </row>
    <row r="445719" spans="8:8">
      <c r="H445719" s="12"/>
    </row>
    <row r="445720" spans="8:8">
      <c r="H445720" s="12"/>
    </row>
    <row r="445721" spans="8:8">
      <c r="H445721" s="12"/>
    </row>
    <row r="445722" spans="8:8">
      <c r="H445722" s="12"/>
    </row>
    <row r="445723" spans="8:8">
      <c r="H445723" s="12"/>
    </row>
    <row r="445724" spans="8:8">
      <c r="H445724" s="12"/>
    </row>
    <row r="445725" spans="8:8">
      <c r="H445725" s="12"/>
    </row>
    <row r="445726" spans="8:8">
      <c r="H445726" s="12"/>
    </row>
    <row r="445727" spans="8:8">
      <c r="H445727" s="12"/>
    </row>
    <row r="445728" spans="8:8">
      <c r="H445728" s="12"/>
    </row>
    <row r="445729" spans="8:8">
      <c r="H445729" s="12"/>
    </row>
    <row r="445730" spans="8:8">
      <c r="H445730" s="12"/>
    </row>
    <row r="445731" spans="8:8">
      <c r="H445731" s="12"/>
    </row>
    <row r="445732" spans="8:8">
      <c r="H445732" s="12"/>
    </row>
    <row r="445733" spans="8:8">
      <c r="H445733" s="12"/>
    </row>
    <row r="445734" spans="8:8">
      <c r="H445734" s="12"/>
    </row>
    <row r="445735" spans="8:8">
      <c r="H445735" s="12"/>
    </row>
    <row r="445736" spans="8:8">
      <c r="H445736" s="12"/>
    </row>
    <row r="445737" spans="8:8">
      <c r="H445737" s="12"/>
    </row>
    <row r="445738" spans="8:8">
      <c r="H445738" s="12"/>
    </row>
    <row r="445739" spans="8:8">
      <c r="H445739" s="12"/>
    </row>
    <row r="445740" spans="8:8">
      <c r="H445740" s="12"/>
    </row>
    <row r="445741" spans="8:8">
      <c r="H445741" s="12"/>
    </row>
    <row r="445742" spans="8:8">
      <c r="H445742" s="12"/>
    </row>
    <row r="445743" spans="8:8">
      <c r="H445743" s="12"/>
    </row>
    <row r="445744" spans="8:8">
      <c r="H445744" s="12"/>
    </row>
    <row r="445745" spans="8:8">
      <c r="H445745" s="12"/>
    </row>
    <row r="445746" spans="8:8">
      <c r="H445746" s="12"/>
    </row>
    <row r="445747" spans="8:8">
      <c r="H445747" s="12"/>
    </row>
    <row r="445748" spans="8:8">
      <c r="H445748" s="12"/>
    </row>
    <row r="445749" spans="8:8">
      <c r="H445749" s="12"/>
    </row>
    <row r="445750" spans="8:8">
      <c r="H445750" s="12"/>
    </row>
    <row r="445751" spans="8:8">
      <c r="H445751" s="12"/>
    </row>
    <row r="445752" spans="8:8">
      <c r="H445752" s="12"/>
    </row>
    <row r="445753" spans="8:8">
      <c r="H445753" s="12"/>
    </row>
    <row r="445754" spans="8:8">
      <c r="H445754" s="12"/>
    </row>
    <row r="445755" spans="8:8">
      <c r="H445755" s="12"/>
    </row>
    <row r="445756" spans="8:8">
      <c r="H445756" s="12"/>
    </row>
    <row r="445757" spans="8:8">
      <c r="H445757" s="12"/>
    </row>
    <row r="445758" spans="8:8">
      <c r="H445758" s="12"/>
    </row>
    <row r="445759" spans="8:8">
      <c r="H445759" s="12"/>
    </row>
    <row r="445760" spans="8:8">
      <c r="H445760" s="12"/>
    </row>
    <row r="445761" spans="8:8">
      <c r="H445761" s="12"/>
    </row>
    <row r="445762" spans="8:8">
      <c r="H445762" s="12"/>
    </row>
    <row r="445763" spans="8:8">
      <c r="H445763" s="12"/>
    </row>
    <row r="445764" spans="8:8">
      <c r="H445764" s="12"/>
    </row>
    <row r="445765" spans="8:8">
      <c r="H445765" s="12"/>
    </row>
    <row r="445766" spans="8:8">
      <c r="H445766" s="12"/>
    </row>
    <row r="445767" spans="8:8">
      <c r="H445767" s="12"/>
    </row>
    <row r="445768" spans="8:8">
      <c r="H445768" s="12"/>
    </row>
    <row r="445769" spans="8:8">
      <c r="H445769" s="12"/>
    </row>
    <row r="445770" spans="8:8">
      <c r="H445770" s="12"/>
    </row>
    <row r="445771" spans="8:8">
      <c r="H445771" s="12"/>
    </row>
    <row r="445772" spans="8:8">
      <c r="H445772" s="12"/>
    </row>
    <row r="445773" spans="8:8">
      <c r="H445773" s="12"/>
    </row>
    <row r="445774" spans="8:8">
      <c r="H445774" s="12"/>
    </row>
    <row r="445775" spans="8:8">
      <c r="H445775" s="12"/>
    </row>
    <row r="445776" spans="8:8">
      <c r="H445776" s="12"/>
    </row>
    <row r="445777" spans="8:8">
      <c r="H445777" s="12"/>
    </row>
    <row r="445778" spans="8:8">
      <c r="H445778" s="12"/>
    </row>
    <row r="445779" spans="8:8">
      <c r="H445779" s="12"/>
    </row>
    <row r="445780" spans="8:8">
      <c r="H445780" s="12"/>
    </row>
    <row r="445781" spans="8:8">
      <c r="H445781" s="12"/>
    </row>
    <row r="445782" spans="8:8">
      <c r="H445782" s="12"/>
    </row>
    <row r="445783" spans="8:8">
      <c r="H445783" s="12"/>
    </row>
    <row r="445784" spans="8:8">
      <c r="H445784" s="12"/>
    </row>
    <row r="445785" spans="8:8">
      <c r="H445785" s="12"/>
    </row>
    <row r="445786" spans="8:8">
      <c r="H445786" s="12"/>
    </row>
    <row r="445787" spans="8:8">
      <c r="H445787" s="12"/>
    </row>
    <row r="445788" spans="8:8">
      <c r="H445788" s="12"/>
    </row>
    <row r="445789" spans="8:8">
      <c r="H445789" s="12"/>
    </row>
    <row r="445790" spans="8:8">
      <c r="H445790" s="12"/>
    </row>
    <row r="445791" spans="8:8">
      <c r="H445791" s="12"/>
    </row>
    <row r="445792" spans="8:8">
      <c r="H445792" s="12"/>
    </row>
    <row r="445793" spans="8:8">
      <c r="H445793" s="12"/>
    </row>
    <row r="445794" spans="8:8">
      <c r="H445794" s="12"/>
    </row>
    <row r="445795" spans="8:8">
      <c r="H445795" s="12"/>
    </row>
    <row r="445796" spans="8:8">
      <c r="H445796" s="12"/>
    </row>
    <row r="445797" spans="8:8">
      <c r="H445797" s="12"/>
    </row>
    <row r="445798" spans="8:8">
      <c r="H445798" s="12"/>
    </row>
    <row r="445799" spans="8:8">
      <c r="H445799" s="12"/>
    </row>
    <row r="445800" spans="8:8">
      <c r="H445800" s="12"/>
    </row>
    <row r="445801" spans="8:8">
      <c r="H445801" s="12"/>
    </row>
    <row r="445802" spans="8:8">
      <c r="H445802" s="12"/>
    </row>
    <row r="445803" spans="8:8">
      <c r="H445803" s="12"/>
    </row>
    <row r="445804" spans="8:8">
      <c r="H445804" s="12"/>
    </row>
    <row r="445805" spans="8:8">
      <c r="H445805" s="12"/>
    </row>
    <row r="445806" spans="8:8">
      <c r="H445806" s="12"/>
    </row>
    <row r="445807" spans="8:8">
      <c r="H445807" s="12"/>
    </row>
    <row r="445808" spans="8:8">
      <c r="H445808" s="12"/>
    </row>
    <row r="445809" spans="8:8">
      <c r="H445809" s="12"/>
    </row>
    <row r="445810" spans="8:8">
      <c r="H445810" s="12"/>
    </row>
    <row r="445811" spans="8:8">
      <c r="H445811" s="12"/>
    </row>
    <row r="445812" spans="8:8">
      <c r="H445812" s="12"/>
    </row>
    <row r="445813" spans="8:8">
      <c r="H445813" s="12"/>
    </row>
    <row r="445814" spans="8:8">
      <c r="H445814" s="12"/>
    </row>
    <row r="445815" spans="8:8">
      <c r="H445815" s="12"/>
    </row>
    <row r="445816" spans="8:8">
      <c r="H445816" s="12"/>
    </row>
    <row r="445817" spans="8:8">
      <c r="H445817" s="12"/>
    </row>
    <row r="445818" spans="8:8">
      <c r="H445818" s="12"/>
    </row>
    <row r="445819" spans="8:8">
      <c r="H445819" s="12"/>
    </row>
    <row r="445820" spans="8:8">
      <c r="H445820" s="12"/>
    </row>
    <row r="445821" spans="8:8">
      <c r="H445821" s="12"/>
    </row>
    <row r="445822" spans="8:8">
      <c r="H445822" s="12"/>
    </row>
    <row r="445823" spans="8:8">
      <c r="H445823" s="12"/>
    </row>
    <row r="445824" spans="8:8">
      <c r="H445824" s="12"/>
    </row>
    <row r="445825" spans="8:8">
      <c r="H445825" s="12"/>
    </row>
    <row r="445826" spans="8:8">
      <c r="H445826" s="12"/>
    </row>
    <row r="445827" spans="8:8">
      <c r="H445827" s="12"/>
    </row>
    <row r="445828" spans="8:8">
      <c r="H445828" s="12"/>
    </row>
    <row r="445829" spans="8:8">
      <c r="H445829" s="12"/>
    </row>
    <row r="445830" spans="8:8">
      <c r="H445830" s="12"/>
    </row>
    <row r="445831" spans="8:8">
      <c r="H445831" s="12"/>
    </row>
    <row r="445832" spans="8:8">
      <c r="H445832" s="12"/>
    </row>
    <row r="445833" spans="8:8">
      <c r="H445833" s="12"/>
    </row>
    <row r="445834" spans="8:8">
      <c r="H445834" s="12"/>
    </row>
    <row r="445835" spans="8:8">
      <c r="H445835" s="12"/>
    </row>
    <row r="445836" spans="8:8">
      <c r="H445836" s="12"/>
    </row>
    <row r="445837" spans="8:8">
      <c r="H445837" s="12"/>
    </row>
    <row r="445838" spans="8:8">
      <c r="H445838" s="12"/>
    </row>
    <row r="445839" spans="8:8">
      <c r="H445839" s="12"/>
    </row>
    <row r="445840" spans="8:8">
      <c r="H445840" s="12"/>
    </row>
    <row r="445841" spans="8:8">
      <c r="H445841" s="12"/>
    </row>
    <row r="445842" spans="8:8">
      <c r="H445842" s="12"/>
    </row>
    <row r="445843" spans="8:8">
      <c r="H445843" s="12"/>
    </row>
    <row r="445844" spans="8:8">
      <c r="H445844" s="12"/>
    </row>
    <row r="445845" spans="8:8">
      <c r="H445845" s="12"/>
    </row>
    <row r="445846" spans="8:8">
      <c r="H445846" s="12"/>
    </row>
    <row r="445847" spans="8:8">
      <c r="H445847" s="12"/>
    </row>
    <row r="445848" spans="8:8">
      <c r="H445848" s="12"/>
    </row>
    <row r="445849" spans="8:8">
      <c r="H445849" s="12"/>
    </row>
    <row r="445850" spans="8:8">
      <c r="H445850" s="12"/>
    </row>
    <row r="445851" spans="8:8">
      <c r="H445851" s="12"/>
    </row>
    <row r="445852" spans="8:8">
      <c r="H445852" s="12"/>
    </row>
    <row r="445853" spans="8:8">
      <c r="H445853" s="12"/>
    </row>
    <row r="445854" spans="8:8">
      <c r="H445854" s="12"/>
    </row>
    <row r="445855" spans="8:8">
      <c r="H445855" s="12"/>
    </row>
    <row r="445856" spans="8:8">
      <c r="H445856" s="12"/>
    </row>
    <row r="445857" spans="8:8">
      <c r="H445857" s="12"/>
    </row>
    <row r="445858" spans="8:8">
      <c r="H445858" s="12"/>
    </row>
    <row r="445859" spans="8:8">
      <c r="H445859" s="12"/>
    </row>
    <row r="445860" spans="8:8">
      <c r="H445860" s="12"/>
    </row>
    <row r="445861" spans="8:8">
      <c r="H445861" s="12"/>
    </row>
    <row r="445862" spans="8:8">
      <c r="H445862" s="12"/>
    </row>
    <row r="445863" spans="8:8">
      <c r="H445863" s="12"/>
    </row>
    <row r="445864" spans="8:8">
      <c r="H445864" s="12"/>
    </row>
    <row r="445865" spans="8:8">
      <c r="H445865" s="12"/>
    </row>
    <row r="445866" spans="8:8">
      <c r="H445866" s="12"/>
    </row>
    <row r="445867" spans="8:8">
      <c r="H445867" s="12"/>
    </row>
    <row r="445868" spans="8:8">
      <c r="H445868" s="12"/>
    </row>
    <row r="445869" spans="8:8">
      <c r="H445869" s="12"/>
    </row>
    <row r="445870" spans="8:8">
      <c r="H445870" s="12"/>
    </row>
    <row r="445871" spans="8:8">
      <c r="H445871" s="12"/>
    </row>
    <row r="445872" spans="8:8">
      <c r="H445872" s="12"/>
    </row>
    <row r="445873" spans="8:8">
      <c r="H445873" s="12"/>
    </row>
    <row r="445874" spans="8:8">
      <c r="H445874" s="12"/>
    </row>
    <row r="445875" spans="8:8">
      <c r="H445875" s="12"/>
    </row>
    <row r="445876" spans="8:8">
      <c r="H445876" s="12"/>
    </row>
    <row r="445877" spans="8:8">
      <c r="H445877" s="12"/>
    </row>
    <row r="445878" spans="8:8">
      <c r="H445878" s="12"/>
    </row>
    <row r="445879" spans="8:8">
      <c r="H445879" s="12"/>
    </row>
    <row r="445880" spans="8:8">
      <c r="H445880" s="12"/>
    </row>
    <row r="445881" spans="8:8">
      <c r="H445881" s="12"/>
    </row>
    <row r="445882" spans="8:8">
      <c r="H445882" s="12"/>
    </row>
    <row r="445883" spans="8:8">
      <c r="H445883" s="12"/>
    </row>
    <row r="445884" spans="8:8">
      <c r="H445884" s="12"/>
    </row>
    <row r="445885" spans="8:8">
      <c r="H445885" s="12"/>
    </row>
    <row r="445886" spans="8:8">
      <c r="H445886" s="12"/>
    </row>
    <row r="445887" spans="8:8">
      <c r="H445887" s="12"/>
    </row>
    <row r="445888" spans="8:8">
      <c r="H445888" s="12"/>
    </row>
    <row r="445889" spans="8:8">
      <c r="H445889" s="12"/>
    </row>
    <row r="445890" spans="8:8">
      <c r="H445890" s="12"/>
    </row>
    <row r="445891" spans="8:8">
      <c r="H445891" s="12"/>
    </row>
    <row r="445892" spans="8:8">
      <c r="H445892" s="12"/>
    </row>
    <row r="445893" spans="8:8">
      <c r="H445893" s="12"/>
    </row>
    <row r="445894" spans="8:8">
      <c r="H445894" s="12"/>
    </row>
    <row r="445895" spans="8:8">
      <c r="H445895" s="12"/>
    </row>
    <row r="445896" spans="8:8">
      <c r="H445896" s="12"/>
    </row>
    <row r="445897" spans="8:8">
      <c r="H445897" s="12"/>
    </row>
    <row r="445898" spans="8:8">
      <c r="H445898" s="12"/>
    </row>
    <row r="445899" spans="8:8">
      <c r="H445899" s="12"/>
    </row>
    <row r="445900" spans="8:8">
      <c r="H445900" s="12"/>
    </row>
    <row r="445901" spans="8:8">
      <c r="H445901" s="12"/>
    </row>
    <row r="445902" spans="8:8">
      <c r="H445902" s="12"/>
    </row>
    <row r="445903" spans="8:8">
      <c r="H445903" s="12"/>
    </row>
    <row r="445904" spans="8:8">
      <c r="H445904" s="12"/>
    </row>
    <row r="445905" spans="8:8">
      <c r="H445905" s="12"/>
    </row>
    <row r="445906" spans="8:8">
      <c r="H445906" s="12"/>
    </row>
    <row r="445907" spans="8:8">
      <c r="H445907" s="12"/>
    </row>
    <row r="445908" spans="8:8">
      <c r="H445908" s="12"/>
    </row>
    <row r="445909" spans="8:8">
      <c r="H445909" s="12"/>
    </row>
    <row r="445910" spans="8:8">
      <c r="H445910" s="12"/>
    </row>
    <row r="445911" spans="8:8">
      <c r="H445911" s="12"/>
    </row>
    <row r="445912" spans="8:8">
      <c r="H445912" s="12"/>
    </row>
    <row r="445913" spans="8:8">
      <c r="H445913" s="12"/>
    </row>
    <row r="445914" spans="8:8">
      <c r="H445914" s="12"/>
    </row>
    <row r="445915" spans="8:8">
      <c r="H445915" s="12"/>
    </row>
    <row r="445916" spans="8:8">
      <c r="H445916" s="12"/>
    </row>
    <row r="445917" spans="8:8">
      <c r="H445917" s="12"/>
    </row>
    <row r="445918" spans="8:8">
      <c r="H445918" s="12"/>
    </row>
    <row r="445919" spans="8:8">
      <c r="H445919" s="12"/>
    </row>
    <row r="445920" spans="8:8">
      <c r="H445920" s="12"/>
    </row>
    <row r="445921" spans="8:8">
      <c r="H445921" s="12"/>
    </row>
    <row r="445922" spans="8:8">
      <c r="H445922" s="12"/>
    </row>
    <row r="445923" spans="8:8">
      <c r="H445923" s="12"/>
    </row>
    <row r="445924" spans="8:8">
      <c r="H445924" s="12"/>
    </row>
    <row r="445925" spans="8:8">
      <c r="H445925" s="12"/>
    </row>
    <row r="445926" spans="8:8">
      <c r="H445926" s="12"/>
    </row>
    <row r="445927" spans="8:8">
      <c r="H445927" s="12"/>
    </row>
    <row r="445928" spans="8:8">
      <c r="H445928" s="12"/>
    </row>
    <row r="445929" spans="8:8">
      <c r="H445929" s="12"/>
    </row>
    <row r="445930" spans="8:8">
      <c r="H445930" s="12"/>
    </row>
    <row r="445931" spans="8:8">
      <c r="H445931" s="12"/>
    </row>
    <row r="445932" spans="8:8">
      <c r="H445932" s="12"/>
    </row>
    <row r="445933" spans="8:8">
      <c r="H445933" s="12"/>
    </row>
    <row r="445934" spans="8:8">
      <c r="H445934" s="12"/>
    </row>
    <row r="445935" spans="8:8">
      <c r="H445935" s="12"/>
    </row>
    <row r="445936" spans="8:8">
      <c r="H445936" s="12"/>
    </row>
    <row r="445937" spans="8:8">
      <c r="H445937" s="12"/>
    </row>
    <row r="445938" spans="8:8">
      <c r="H445938" s="12"/>
    </row>
    <row r="445939" spans="8:8">
      <c r="H445939" s="12"/>
    </row>
    <row r="445940" spans="8:8">
      <c r="H445940" s="12"/>
    </row>
    <row r="445941" spans="8:8">
      <c r="H445941" s="12"/>
    </row>
    <row r="445942" spans="8:8">
      <c r="H445942" s="12"/>
    </row>
    <row r="445943" spans="8:8">
      <c r="H445943" s="12"/>
    </row>
    <row r="445944" spans="8:8">
      <c r="H445944" s="12"/>
    </row>
    <row r="445945" spans="8:8">
      <c r="H445945" s="12"/>
    </row>
    <row r="445946" spans="8:8">
      <c r="H445946" s="12"/>
    </row>
    <row r="445947" spans="8:8">
      <c r="H445947" s="12"/>
    </row>
    <row r="445948" spans="8:8">
      <c r="H445948" s="12"/>
    </row>
    <row r="445949" spans="8:8">
      <c r="H445949" s="12"/>
    </row>
    <row r="445950" spans="8:8">
      <c r="H445950" s="12"/>
    </row>
    <row r="445951" spans="8:8">
      <c r="H445951" s="12"/>
    </row>
    <row r="445952" spans="8:8">
      <c r="H445952" s="12"/>
    </row>
    <row r="445953" spans="8:8">
      <c r="H445953" s="12"/>
    </row>
    <row r="445954" spans="8:8">
      <c r="H445954" s="12"/>
    </row>
    <row r="445955" spans="8:8">
      <c r="H445955" s="12"/>
    </row>
    <row r="445956" spans="8:8">
      <c r="H445956" s="12"/>
    </row>
    <row r="445957" spans="8:8">
      <c r="H445957" s="12"/>
    </row>
    <row r="445958" spans="8:8">
      <c r="H445958" s="12"/>
    </row>
    <row r="445959" spans="8:8">
      <c r="H445959" s="12"/>
    </row>
    <row r="445960" spans="8:8">
      <c r="H445960" s="12"/>
    </row>
    <row r="445961" spans="8:8">
      <c r="H445961" s="12"/>
    </row>
    <row r="445962" spans="8:8">
      <c r="H445962" s="12"/>
    </row>
    <row r="445963" spans="8:8">
      <c r="H445963" s="12"/>
    </row>
    <row r="445964" spans="8:8">
      <c r="H445964" s="12"/>
    </row>
    <row r="445965" spans="8:8">
      <c r="H445965" s="12"/>
    </row>
    <row r="445966" spans="8:8">
      <c r="H445966" s="12"/>
    </row>
    <row r="445967" spans="8:8">
      <c r="H445967" s="12"/>
    </row>
    <row r="445968" spans="8:8">
      <c r="H445968" s="12"/>
    </row>
    <row r="445969" spans="8:8">
      <c r="H445969" s="12"/>
    </row>
    <row r="445970" spans="8:8">
      <c r="H445970" s="12"/>
    </row>
    <row r="445971" spans="8:8">
      <c r="H445971" s="12"/>
    </row>
    <row r="445972" spans="8:8">
      <c r="H445972" s="12"/>
    </row>
    <row r="445973" spans="8:8">
      <c r="H445973" s="12"/>
    </row>
    <row r="445974" spans="8:8">
      <c r="H445974" s="12"/>
    </row>
    <row r="445975" spans="8:8">
      <c r="H445975" s="12"/>
    </row>
    <row r="445976" spans="8:8">
      <c r="H445976" s="12"/>
    </row>
    <row r="445977" spans="8:8">
      <c r="H445977" s="12"/>
    </row>
    <row r="445978" spans="8:8">
      <c r="H445978" s="12"/>
    </row>
    <row r="445979" spans="8:8">
      <c r="H445979" s="12"/>
    </row>
    <row r="445980" spans="8:8">
      <c r="H445980" s="12"/>
    </row>
    <row r="445981" spans="8:8">
      <c r="H445981" s="12"/>
    </row>
    <row r="445982" spans="8:8">
      <c r="H445982" s="12"/>
    </row>
    <row r="445983" spans="8:8">
      <c r="H445983" s="12"/>
    </row>
    <row r="445984" spans="8:8">
      <c r="H445984" s="12"/>
    </row>
    <row r="445985" spans="8:8">
      <c r="H445985" s="12"/>
    </row>
    <row r="445986" spans="8:8">
      <c r="H445986" s="12"/>
    </row>
    <row r="445987" spans="8:8">
      <c r="H445987" s="12"/>
    </row>
    <row r="445988" spans="8:8">
      <c r="H445988" s="12"/>
    </row>
    <row r="445989" spans="8:8">
      <c r="H445989" s="12"/>
    </row>
    <row r="445990" spans="8:8">
      <c r="H445990" s="12"/>
    </row>
    <row r="445991" spans="8:8">
      <c r="H445991" s="12"/>
    </row>
    <row r="445992" spans="8:8">
      <c r="H445992" s="12"/>
    </row>
    <row r="445993" spans="8:8">
      <c r="H445993" s="12"/>
    </row>
    <row r="445994" spans="8:8">
      <c r="H445994" s="12"/>
    </row>
    <row r="445995" spans="8:8">
      <c r="H445995" s="12"/>
    </row>
    <row r="445996" spans="8:8">
      <c r="H445996" s="12"/>
    </row>
    <row r="445997" spans="8:8">
      <c r="H445997" s="12"/>
    </row>
    <row r="445998" spans="8:8">
      <c r="H445998" s="12"/>
    </row>
    <row r="445999" spans="8:8">
      <c r="H445999" s="12"/>
    </row>
    <row r="446000" spans="8:8">
      <c r="H446000" s="12"/>
    </row>
    <row r="446001" spans="8:8">
      <c r="H446001" s="12"/>
    </row>
    <row r="446002" spans="8:8">
      <c r="H446002" s="12"/>
    </row>
    <row r="446003" spans="8:8">
      <c r="H446003" s="12"/>
    </row>
    <row r="446004" spans="8:8">
      <c r="H446004" s="12"/>
    </row>
    <row r="446005" spans="8:8">
      <c r="H446005" s="12"/>
    </row>
    <row r="446006" spans="8:8">
      <c r="H446006" s="12"/>
    </row>
    <row r="446007" spans="8:8">
      <c r="H446007" s="12"/>
    </row>
    <row r="446008" spans="8:8">
      <c r="H446008" s="12"/>
    </row>
    <row r="446009" spans="8:8">
      <c r="H446009" s="12"/>
    </row>
    <row r="446010" spans="8:8">
      <c r="H446010" s="12"/>
    </row>
    <row r="446011" spans="8:8">
      <c r="H446011" s="12"/>
    </row>
    <row r="446012" spans="8:8">
      <c r="H446012" s="12"/>
    </row>
    <row r="446013" spans="8:8">
      <c r="H446013" s="12"/>
    </row>
    <row r="446014" spans="8:8">
      <c r="H446014" s="12"/>
    </row>
    <row r="446015" spans="8:8">
      <c r="H446015" s="12"/>
    </row>
    <row r="446016" spans="8:8">
      <c r="H446016" s="12"/>
    </row>
    <row r="446017" spans="8:8">
      <c r="H446017" s="12"/>
    </row>
    <row r="446018" spans="8:8">
      <c r="H446018" s="12"/>
    </row>
    <row r="446019" spans="8:8">
      <c r="H446019" s="12"/>
    </row>
    <row r="446020" spans="8:8">
      <c r="H446020" s="12"/>
    </row>
    <row r="446021" spans="8:8">
      <c r="H446021" s="12"/>
    </row>
    <row r="446022" spans="8:8">
      <c r="H446022" s="12"/>
    </row>
    <row r="446023" spans="8:8">
      <c r="H446023" s="12"/>
    </row>
    <row r="446024" spans="8:8">
      <c r="H446024" s="12"/>
    </row>
    <row r="446025" spans="8:8">
      <c r="H446025" s="12"/>
    </row>
    <row r="446026" spans="8:8">
      <c r="H446026" s="12"/>
    </row>
    <row r="446027" spans="8:8">
      <c r="H446027" s="12"/>
    </row>
    <row r="446028" spans="8:8">
      <c r="H446028" s="12"/>
    </row>
    <row r="446029" spans="8:8">
      <c r="H446029" s="12"/>
    </row>
    <row r="446030" spans="8:8">
      <c r="H446030" s="12"/>
    </row>
    <row r="446031" spans="8:8">
      <c r="H446031" s="12"/>
    </row>
    <row r="446032" spans="8:8">
      <c r="H446032" s="12"/>
    </row>
    <row r="446033" spans="8:8">
      <c r="H446033" s="12"/>
    </row>
    <row r="446034" spans="8:8">
      <c r="H446034" s="12"/>
    </row>
    <row r="446035" spans="8:8">
      <c r="H446035" s="12"/>
    </row>
    <row r="446036" spans="8:8">
      <c r="H446036" s="12"/>
    </row>
    <row r="446037" spans="8:8">
      <c r="H446037" s="12"/>
    </row>
    <row r="446038" spans="8:8">
      <c r="H446038" s="12"/>
    </row>
    <row r="446039" spans="8:8">
      <c r="H446039" s="12"/>
    </row>
    <row r="446040" spans="8:8">
      <c r="H446040" s="12"/>
    </row>
    <row r="446041" spans="8:8">
      <c r="H446041" s="12"/>
    </row>
    <row r="446042" spans="8:8">
      <c r="H446042" s="12"/>
    </row>
    <row r="446043" spans="8:8">
      <c r="H446043" s="12"/>
    </row>
    <row r="446044" spans="8:8">
      <c r="H446044" s="12"/>
    </row>
    <row r="446045" spans="8:8">
      <c r="H446045" s="12"/>
    </row>
    <row r="446046" spans="8:8">
      <c r="H446046" s="12"/>
    </row>
    <row r="446047" spans="8:8">
      <c r="H446047" s="12"/>
    </row>
    <row r="446048" spans="8:8">
      <c r="H446048" s="12"/>
    </row>
    <row r="446049" spans="8:8">
      <c r="H446049" s="12"/>
    </row>
    <row r="446050" spans="8:8">
      <c r="H446050" s="12"/>
    </row>
    <row r="446051" spans="8:8">
      <c r="H446051" s="12"/>
    </row>
    <row r="446052" spans="8:8">
      <c r="H446052" s="12"/>
    </row>
    <row r="446053" spans="8:8">
      <c r="H446053" s="12"/>
    </row>
    <row r="446054" spans="8:8">
      <c r="H446054" s="12"/>
    </row>
    <row r="446055" spans="8:8">
      <c r="H446055" s="12"/>
    </row>
    <row r="446056" spans="8:8">
      <c r="H446056" s="12"/>
    </row>
    <row r="446057" spans="8:8">
      <c r="H446057" s="12"/>
    </row>
    <row r="446058" spans="8:8">
      <c r="H446058" s="12"/>
    </row>
    <row r="446059" spans="8:8">
      <c r="H446059" s="12"/>
    </row>
    <row r="446060" spans="8:8">
      <c r="H446060" s="12"/>
    </row>
    <row r="446061" spans="8:8">
      <c r="H446061" s="12"/>
    </row>
    <row r="446062" spans="8:8">
      <c r="H446062" s="12"/>
    </row>
    <row r="446063" spans="8:8">
      <c r="H446063" s="12"/>
    </row>
    <row r="446064" spans="8:8">
      <c r="H446064" s="12"/>
    </row>
    <row r="446065" spans="8:8">
      <c r="H446065" s="12"/>
    </row>
    <row r="446066" spans="8:8">
      <c r="H446066" s="12"/>
    </row>
    <row r="446067" spans="8:8">
      <c r="H446067" s="12"/>
    </row>
    <row r="446068" spans="8:8">
      <c r="H446068" s="12"/>
    </row>
    <row r="446069" spans="8:8">
      <c r="H446069" s="12"/>
    </row>
    <row r="446070" spans="8:8">
      <c r="H446070" s="12"/>
    </row>
    <row r="446071" spans="8:8">
      <c r="H446071" s="12"/>
    </row>
    <row r="446072" spans="8:8">
      <c r="H446072" s="12"/>
    </row>
    <row r="446073" spans="8:8">
      <c r="H446073" s="12"/>
    </row>
    <row r="446074" spans="8:8">
      <c r="H446074" s="12"/>
    </row>
    <row r="446075" spans="8:8">
      <c r="H446075" s="12"/>
    </row>
    <row r="446076" spans="8:8">
      <c r="H446076" s="12"/>
    </row>
    <row r="446077" spans="8:8">
      <c r="H446077" s="12"/>
    </row>
    <row r="446078" spans="8:8">
      <c r="H446078" s="12"/>
    </row>
    <row r="446079" spans="8:8">
      <c r="H446079" s="12"/>
    </row>
    <row r="446080" spans="8:8">
      <c r="H446080" s="12"/>
    </row>
    <row r="446081" spans="8:8">
      <c r="H446081" s="12"/>
    </row>
    <row r="446082" spans="8:8">
      <c r="H446082" s="12"/>
    </row>
    <row r="446083" spans="8:8">
      <c r="H446083" s="12"/>
    </row>
    <row r="446084" spans="8:8">
      <c r="H446084" s="12"/>
    </row>
    <row r="446085" spans="8:8">
      <c r="H446085" s="12"/>
    </row>
    <row r="446086" spans="8:8">
      <c r="H446086" s="12"/>
    </row>
    <row r="446087" spans="8:8">
      <c r="H446087" s="12"/>
    </row>
    <row r="446088" spans="8:8">
      <c r="H446088" s="12"/>
    </row>
    <row r="446089" spans="8:8">
      <c r="H446089" s="12"/>
    </row>
    <row r="446090" spans="8:8">
      <c r="H446090" s="12"/>
    </row>
    <row r="446091" spans="8:8">
      <c r="H446091" s="12"/>
    </row>
    <row r="446092" spans="8:8">
      <c r="H446092" s="12"/>
    </row>
    <row r="446093" spans="8:8">
      <c r="H446093" s="12"/>
    </row>
    <row r="446094" spans="8:8">
      <c r="H446094" s="12"/>
    </row>
    <row r="446095" spans="8:8">
      <c r="H446095" s="12"/>
    </row>
    <row r="446096" spans="8:8">
      <c r="H446096" s="12"/>
    </row>
    <row r="446097" spans="8:8">
      <c r="H446097" s="12"/>
    </row>
    <row r="446098" spans="8:8">
      <c r="H446098" s="12"/>
    </row>
    <row r="446099" spans="8:8">
      <c r="H446099" s="12"/>
    </row>
    <row r="446100" spans="8:8">
      <c r="H446100" s="12"/>
    </row>
    <row r="446101" spans="8:8">
      <c r="H446101" s="12"/>
    </row>
    <row r="446102" spans="8:8">
      <c r="H446102" s="12"/>
    </row>
    <row r="446103" spans="8:8">
      <c r="H446103" s="12"/>
    </row>
    <row r="446104" spans="8:8">
      <c r="H446104" s="12"/>
    </row>
    <row r="446105" spans="8:8">
      <c r="H446105" s="12"/>
    </row>
    <row r="446106" spans="8:8">
      <c r="H446106" s="12"/>
    </row>
    <row r="446107" spans="8:8">
      <c r="H446107" s="12"/>
    </row>
    <row r="446108" spans="8:8">
      <c r="H446108" s="12"/>
    </row>
    <row r="446109" spans="8:8">
      <c r="H446109" s="12"/>
    </row>
    <row r="446110" spans="8:8">
      <c r="H446110" s="12"/>
    </row>
    <row r="446111" spans="8:8">
      <c r="H446111" s="12"/>
    </row>
    <row r="446112" spans="8:8">
      <c r="H446112" s="12"/>
    </row>
    <row r="446113" spans="8:8">
      <c r="H446113" s="12"/>
    </row>
    <row r="446114" spans="8:8">
      <c r="H446114" s="12"/>
    </row>
    <row r="446115" spans="8:8">
      <c r="H446115" s="12"/>
    </row>
    <row r="446116" spans="8:8">
      <c r="H446116" s="12"/>
    </row>
    <row r="446117" spans="8:8">
      <c r="H446117" s="12"/>
    </row>
    <row r="446118" spans="8:8">
      <c r="H446118" s="12"/>
    </row>
    <row r="446119" spans="8:8">
      <c r="H446119" s="12"/>
    </row>
    <row r="446120" spans="8:8">
      <c r="H446120" s="12"/>
    </row>
    <row r="446121" spans="8:8">
      <c r="H446121" s="12"/>
    </row>
    <row r="446122" spans="8:8">
      <c r="H446122" s="12"/>
    </row>
    <row r="446123" spans="8:8">
      <c r="H446123" s="12"/>
    </row>
    <row r="446124" spans="8:8">
      <c r="H446124" s="12"/>
    </row>
    <row r="446125" spans="8:8">
      <c r="H446125" s="12"/>
    </row>
    <row r="446126" spans="8:8">
      <c r="H446126" s="12"/>
    </row>
    <row r="446127" spans="8:8">
      <c r="H446127" s="12"/>
    </row>
    <row r="446128" spans="8:8">
      <c r="H446128" s="12"/>
    </row>
    <row r="446129" spans="8:8">
      <c r="H446129" s="12"/>
    </row>
    <row r="446130" spans="8:8">
      <c r="H446130" s="12"/>
    </row>
    <row r="446131" spans="8:8">
      <c r="H446131" s="12"/>
    </row>
    <row r="446132" spans="8:8">
      <c r="H446132" s="12"/>
    </row>
    <row r="446133" spans="8:8">
      <c r="H446133" s="12"/>
    </row>
    <row r="446134" spans="8:8">
      <c r="H446134" s="12"/>
    </row>
    <row r="446135" spans="8:8">
      <c r="H446135" s="12"/>
    </row>
    <row r="446136" spans="8:8">
      <c r="H446136" s="12"/>
    </row>
    <row r="446137" spans="8:8">
      <c r="H446137" s="12"/>
    </row>
    <row r="446138" spans="8:8">
      <c r="H446138" s="12"/>
    </row>
    <row r="446139" spans="8:8">
      <c r="H446139" s="12"/>
    </row>
    <row r="446140" spans="8:8">
      <c r="H446140" s="12"/>
    </row>
    <row r="446141" spans="8:8">
      <c r="H446141" s="12"/>
    </row>
    <row r="446142" spans="8:8">
      <c r="H446142" s="12"/>
    </row>
    <row r="446143" spans="8:8">
      <c r="H446143" s="12"/>
    </row>
    <row r="446144" spans="8:8">
      <c r="H446144" s="12"/>
    </row>
    <row r="446145" spans="8:8">
      <c r="H446145" s="12"/>
    </row>
    <row r="446146" spans="8:8">
      <c r="H446146" s="12"/>
    </row>
    <row r="446147" spans="8:8">
      <c r="H446147" s="12"/>
    </row>
    <row r="446148" spans="8:8">
      <c r="H446148" s="12"/>
    </row>
    <row r="446149" spans="8:8">
      <c r="H446149" s="12"/>
    </row>
    <row r="446150" spans="8:8">
      <c r="H446150" s="12"/>
    </row>
    <row r="446151" spans="8:8">
      <c r="H446151" s="12"/>
    </row>
    <row r="446152" spans="8:8">
      <c r="H446152" s="12"/>
    </row>
    <row r="446153" spans="8:8">
      <c r="H446153" s="12"/>
    </row>
    <row r="446154" spans="8:8">
      <c r="H446154" s="12"/>
    </row>
    <row r="446155" spans="8:8">
      <c r="H446155" s="12"/>
    </row>
    <row r="446156" spans="8:8">
      <c r="H446156" s="12"/>
    </row>
    <row r="446157" spans="8:8">
      <c r="H446157" s="12"/>
    </row>
    <row r="446158" spans="8:8">
      <c r="H446158" s="12"/>
    </row>
    <row r="446159" spans="8:8">
      <c r="H446159" s="12"/>
    </row>
    <row r="446160" spans="8:8">
      <c r="H446160" s="12"/>
    </row>
    <row r="446161" spans="8:8">
      <c r="H446161" s="12"/>
    </row>
    <row r="446162" spans="8:8">
      <c r="H446162" s="12"/>
    </row>
    <row r="446163" spans="8:8">
      <c r="H446163" s="12"/>
    </row>
    <row r="446164" spans="8:8">
      <c r="H446164" s="12"/>
    </row>
    <row r="446165" spans="8:8">
      <c r="H446165" s="12"/>
    </row>
    <row r="446166" spans="8:8">
      <c r="H446166" s="12"/>
    </row>
    <row r="446167" spans="8:8">
      <c r="H446167" s="12"/>
    </row>
    <row r="446168" spans="8:8">
      <c r="H446168" s="12"/>
    </row>
    <row r="446169" spans="8:8">
      <c r="H446169" s="12"/>
    </row>
    <row r="446170" spans="8:8">
      <c r="H446170" s="12"/>
    </row>
    <row r="446171" spans="8:8">
      <c r="H446171" s="12"/>
    </row>
    <row r="446172" spans="8:8">
      <c r="H446172" s="12"/>
    </row>
    <row r="446173" spans="8:8">
      <c r="H446173" s="12"/>
    </row>
    <row r="446174" spans="8:8">
      <c r="H446174" s="12"/>
    </row>
    <row r="446175" spans="8:8">
      <c r="H446175" s="12"/>
    </row>
    <row r="446176" spans="8:8">
      <c r="H446176" s="12"/>
    </row>
    <row r="446177" spans="8:8">
      <c r="H446177" s="12"/>
    </row>
    <row r="446178" spans="8:8">
      <c r="H446178" s="12"/>
    </row>
    <row r="446179" spans="8:8">
      <c r="H446179" s="12"/>
    </row>
    <row r="446180" spans="8:8">
      <c r="H446180" s="12"/>
    </row>
    <row r="446181" spans="8:8">
      <c r="H446181" s="12"/>
    </row>
    <row r="446182" spans="8:8">
      <c r="H446182" s="12"/>
    </row>
    <row r="446183" spans="8:8">
      <c r="H446183" s="12"/>
    </row>
    <row r="446184" spans="8:8">
      <c r="H446184" s="12"/>
    </row>
    <row r="446185" spans="8:8">
      <c r="H446185" s="12"/>
    </row>
    <row r="446186" spans="8:8">
      <c r="H446186" s="12"/>
    </row>
    <row r="446187" spans="8:8">
      <c r="H446187" s="12"/>
    </row>
    <row r="446188" spans="8:8">
      <c r="H446188" s="12"/>
    </row>
    <row r="446189" spans="8:8">
      <c r="H446189" s="12"/>
    </row>
    <row r="446190" spans="8:8">
      <c r="H446190" s="12"/>
    </row>
    <row r="446191" spans="8:8">
      <c r="H446191" s="12"/>
    </row>
    <row r="446192" spans="8:8">
      <c r="H446192" s="12"/>
    </row>
    <row r="446193" spans="8:8">
      <c r="H446193" s="12"/>
    </row>
    <row r="446194" spans="8:8">
      <c r="H446194" s="12"/>
    </row>
    <row r="446195" spans="8:8">
      <c r="H446195" s="12"/>
    </row>
    <row r="446196" spans="8:8">
      <c r="H446196" s="12"/>
    </row>
    <row r="446197" spans="8:8">
      <c r="H446197" s="12"/>
    </row>
    <row r="446198" spans="8:8">
      <c r="H446198" s="12"/>
    </row>
    <row r="446199" spans="8:8">
      <c r="H446199" s="12"/>
    </row>
    <row r="446200" spans="8:8">
      <c r="H446200" s="12"/>
    </row>
    <row r="446201" spans="8:8">
      <c r="H446201" s="12"/>
    </row>
    <row r="446202" spans="8:8">
      <c r="H446202" s="12"/>
    </row>
    <row r="446203" spans="8:8">
      <c r="H446203" s="12"/>
    </row>
    <row r="446204" spans="8:8">
      <c r="H446204" s="12"/>
    </row>
    <row r="446205" spans="8:8">
      <c r="H446205" s="12"/>
    </row>
    <row r="446206" spans="8:8">
      <c r="H446206" s="12"/>
    </row>
    <row r="446207" spans="8:8">
      <c r="H446207" s="12"/>
    </row>
    <row r="446208" spans="8:8">
      <c r="H446208" s="12"/>
    </row>
    <row r="446209" spans="8:8">
      <c r="H446209" s="12"/>
    </row>
    <row r="446210" spans="8:8">
      <c r="H446210" s="12"/>
    </row>
    <row r="446211" spans="8:8">
      <c r="H446211" s="12"/>
    </row>
    <row r="446212" spans="8:8">
      <c r="H446212" s="12"/>
    </row>
    <row r="446213" spans="8:8">
      <c r="H446213" s="12"/>
    </row>
    <row r="446214" spans="8:8">
      <c r="H446214" s="12"/>
    </row>
    <row r="446215" spans="8:8">
      <c r="H446215" s="12"/>
    </row>
    <row r="446216" spans="8:8">
      <c r="H446216" s="12"/>
    </row>
    <row r="446217" spans="8:8">
      <c r="H446217" s="12"/>
    </row>
    <row r="446218" spans="8:8">
      <c r="H446218" s="12"/>
    </row>
    <row r="446219" spans="8:8">
      <c r="H446219" s="12"/>
    </row>
    <row r="446220" spans="8:8">
      <c r="H446220" s="12"/>
    </row>
    <row r="446221" spans="8:8">
      <c r="H446221" s="12"/>
    </row>
    <row r="446222" spans="8:8">
      <c r="H446222" s="12"/>
    </row>
    <row r="446223" spans="8:8">
      <c r="H446223" s="12"/>
    </row>
    <row r="446224" spans="8:8">
      <c r="H446224" s="12"/>
    </row>
    <row r="446225" spans="8:8">
      <c r="H446225" s="12"/>
    </row>
    <row r="446226" spans="8:8">
      <c r="H446226" s="12"/>
    </row>
    <row r="446227" spans="8:8">
      <c r="H446227" s="12"/>
    </row>
    <row r="446228" spans="8:8">
      <c r="H446228" s="12"/>
    </row>
    <row r="446229" spans="8:8">
      <c r="H446229" s="12"/>
    </row>
    <row r="446230" spans="8:8">
      <c r="H446230" s="12"/>
    </row>
    <row r="446231" spans="8:8">
      <c r="H446231" s="12"/>
    </row>
    <row r="446232" spans="8:8">
      <c r="H446232" s="12"/>
    </row>
    <row r="446233" spans="8:8">
      <c r="H446233" s="12"/>
    </row>
    <row r="446234" spans="8:8">
      <c r="H446234" s="12"/>
    </row>
    <row r="446235" spans="8:8">
      <c r="H446235" s="12"/>
    </row>
    <row r="446236" spans="8:8">
      <c r="H446236" s="12"/>
    </row>
    <row r="446237" spans="8:8">
      <c r="H446237" s="12"/>
    </row>
    <row r="446238" spans="8:8">
      <c r="H446238" s="12"/>
    </row>
    <row r="446239" spans="8:8">
      <c r="H446239" s="12"/>
    </row>
    <row r="446240" spans="8:8">
      <c r="H446240" s="12"/>
    </row>
    <row r="446241" spans="8:8">
      <c r="H446241" s="12"/>
    </row>
    <row r="446242" spans="8:8">
      <c r="H446242" s="12"/>
    </row>
    <row r="446243" spans="8:8">
      <c r="H446243" s="12"/>
    </row>
    <row r="446244" spans="8:8">
      <c r="H446244" s="12"/>
    </row>
    <row r="446245" spans="8:8">
      <c r="H446245" s="12"/>
    </row>
    <row r="446246" spans="8:8">
      <c r="H446246" s="12"/>
    </row>
    <row r="446247" spans="8:8">
      <c r="H446247" s="12"/>
    </row>
    <row r="446248" spans="8:8">
      <c r="H446248" s="12"/>
    </row>
    <row r="446249" spans="8:8">
      <c r="H446249" s="12"/>
    </row>
    <row r="446250" spans="8:8">
      <c r="H446250" s="12"/>
    </row>
    <row r="446251" spans="8:8">
      <c r="H446251" s="12"/>
    </row>
    <row r="446252" spans="8:8">
      <c r="H446252" s="12"/>
    </row>
    <row r="446253" spans="8:8">
      <c r="H446253" s="12"/>
    </row>
    <row r="446254" spans="8:8">
      <c r="H446254" s="12"/>
    </row>
    <row r="446255" spans="8:8">
      <c r="H446255" s="12"/>
    </row>
    <row r="446256" spans="8:8">
      <c r="H446256" s="12"/>
    </row>
    <row r="446257" spans="8:8">
      <c r="H446257" s="12"/>
    </row>
    <row r="446258" spans="8:8">
      <c r="H446258" s="12"/>
    </row>
    <row r="446259" spans="8:8">
      <c r="H446259" s="12"/>
    </row>
    <row r="446260" spans="8:8">
      <c r="H446260" s="12"/>
    </row>
    <row r="446261" spans="8:8">
      <c r="H446261" s="12"/>
    </row>
    <row r="446262" spans="8:8">
      <c r="H446262" s="12"/>
    </row>
    <row r="446263" spans="8:8">
      <c r="H446263" s="12"/>
    </row>
    <row r="446264" spans="8:8">
      <c r="H446264" s="12"/>
    </row>
    <row r="446265" spans="8:8">
      <c r="H446265" s="12"/>
    </row>
    <row r="446266" spans="8:8">
      <c r="H446266" s="12"/>
    </row>
    <row r="446267" spans="8:8">
      <c r="H446267" s="12"/>
    </row>
    <row r="446268" spans="8:8">
      <c r="H446268" s="12"/>
    </row>
    <row r="446269" spans="8:8">
      <c r="H446269" s="12"/>
    </row>
    <row r="446270" spans="8:8">
      <c r="H446270" s="12"/>
    </row>
    <row r="446271" spans="8:8">
      <c r="H446271" s="12"/>
    </row>
    <row r="446272" spans="8:8">
      <c r="H446272" s="12"/>
    </row>
    <row r="446273" spans="8:8">
      <c r="H446273" s="12"/>
    </row>
    <row r="446274" spans="8:8">
      <c r="H446274" s="12"/>
    </row>
    <row r="446275" spans="8:8">
      <c r="H446275" s="12"/>
    </row>
    <row r="446276" spans="8:8">
      <c r="H446276" s="12"/>
    </row>
    <row r="446277" spans="8:8">
      <c r="H446277" s="12"/>
    </row>
    <row r="446278" spans="8:8">
      <c r="H446278" s="12"/>
    </row>
    <row r="446279" spans="8:8">
      <c r="H446279" s="12"/>
    </row>
    <row r="446280" spans="8:8">
      <c r="H446280" s="12"/>
    </row>
    <row r="446281" spans="8:8">
      <c r="H446281" s="12"/>
    </row>
    <row r="446282" spans="8:8">
      <c r="H446282" s="12"/>
    </row>
    <row r="446283" spans="8:8">
      <c r="H446283" s="12"/>
    </row>
    <row r="446284" spans="8:8">
      <c r="H446284" s="12"/>
    </row>
    <row r="446285" spans="8:8">
      <c r="H446285" s="12"/>
    </row>
    <row r="446286" spans="8:8">
      <c r="H446286" s="12"/>
    </row>
    <row r="446287" spans="8:8">
      <c r="H446287" s="12"/>
    </row>
    <row r="446288" spans="8:8">
      <c r="H446288" s="12"/>
    </row>
    <row r="446289" spans="8:8">
      <c r="H446289" s="12"/>
    </row>
    <row r="446290" spans="8:8">
      <c r="H446290" s="12"/>
    </row>
    <row r="446291" spans="8:8">
      <c r="H446291" s="12"/>
    </row>
    <row r="446292" spans="8:8">
      <c r="H446292" s="12"/>
    </row>
    <row r="446293" spans="8:8">
      <c r="H446293" s="12"/>
    </row>
    <row r="446294" spans="8:8">
      <c r="H446294" s="12"/>
    </row>
    <row r="446295" spans="8:8">
      <c r="H446295" s="12"/>
    </row>
    <row r="446296" spans="8:8">
      <c r="H446296" s="12"/>
    </row>
    <row r="446297" spans="8:8">
      <c r="H446297" s="12"/>
    </row>
    <row r="446298" spans="8:8">
      <c r="H446298" s="12"/>
    </row>
    <row r="446299" spans="8:8">
      <c r="H446299" s="12"/>
    </row>
    <row r="446300" spans="8:8">
      <c r="H446300" s="12"/>
    </row>
    <row r="446301" spans="8:8">
      <c r="H446301" s="12"/>
    </row>
    <row r="446302" spans="8:8">
      <c r="H446302" s="12"/>
    </row>
    <row r="446303" spans="8:8">
      <c r="H446303" s="12"/>
    </row>
    <row r="446304" spans="8:8">
      <c r="H446304" s="12"/>
    </row>
    <row r="446305" spans="8:8">
      <c r="H446305" s="12"/>
    </row>
    <row r="446306" spans="8:8">
      <c r="H446306" s="12"/>
    </row>
    <row r="446307" spans="8:8">
      <c r="H446307" s="12"/>
    </row>
    <row r="446308" spans="8:8">
      <c r="H446308" s="12"/>
    </row>
    <row r="446309" spans="8:8">
      <c r="H446309" s="12"/>
    </row>
    <row r="446310" spans="8:8">
      <c r="H446310" s="12"/>
    </row>
    <row r="446311" spans="8:8">
      <c r="H446311" s="12"/>
    </row>
    <row r="446312" spans="8:8">
      <c r="H446312" s="12"/>
    </row>
    <row r="446313" spans="8:8">
      <c r="H446313" s="12"/>
    </row>
    <row r="446314" spans="8:8">
      <c r="H446314" s="12"/>
    </row>
    <row r="446315" spans="8:8">
      <c r="H446315" s="12"/>
    </row>
    <row r="446316" spans="8:8">
      <c r="H446316" s="12"/>
    </row>
    <row r="446317" spans="8:8">
      <c r="H446317" s="12"/>
    </row>
    <row r="446318" spans="8:8">
      <c r="H446318" s="12"/>
    </row>
    <row r="446319" spans="8:8">
      <c r="H446319" s="12"/>
    </row>
    <row r="446320" spans="8:8">
      <c r="H446320" s="12"/>
    </row>
    <row r="446321" spans="8:8">
      <c r="H446321" s="12"/>
    </row>
    <row r="446322" spans="8:8">
      <c r="H446322" s="12"/>
    </row>
    <row r="446323" spans="8:8">
      <c r="H446323" s="12"/>
    </row>
    <row r="446324" spans="8:8">
      <c r="H446324" s="12"/>
    </row>
    <row r="446325" spans="8:8">
      <c r="H446325" s="12"/>
    </row>
    <row r="446326" spans="8:8">
      <c r="H446326" s="12"/>
    </row>
    <row r="446327" spans="8:8">
      <c r="H446327" s="12"/>
    </row>
    <row r="446328" spans="8:8">
      <c r="H446328" s="12"/>
    </row>
    <row r="446329" spans="8:8">
      <c r="H446329" s="12"/>
    </row>
    <row r="446330" spans="8:8">
      <c r="H446330" s="12"/>
    </row>
    <row r="446331" spans="8:8">
      <c r="H446331" s="12"/>
    </row>
    <row r="446332" spans="8:8">
      <c r="H446332" s="12"/>
    </row>
    <row r="446333" spans="8:8">
      <c r="H446333" s="12"/>
    </row>
    <row r="446334" spans="8:8">
      <c r="H446334" s="12"/>
    </row>
    <row r="446335" spans="8:8">
      <c r="H446335" s="12"/>
    </row>
    <row r="446336" spans="8:8">
      <c r="H446336" s="12"/>
    </row>
    <row r="446337" spans="8:8">
      <c r="H446337" s="12"/>
    </row>
    <row r="446338" spans="8:8">
      <c r="H446338" s="12"/>
    </row>
    <row r="446339" spans="8:8">
      <c r="H446339" s="12"/>
    </row>
    <row r="446340" spans="8:8">
      <c r="H446340" s="12"/>
    </row>
    <row r="446341" spans="8:8">
      <c r="H446341" s="12"/>
    </row>
    <row r="446342" spans="8:8">
      <c r="H446342" s="12"/>
    </row>
    <row r="446343" spans="8:8">
      <c r="H446343" s="12"/>
    </row>
    <row r="446344" spans="8:8">
      <c r="H446344" s="12"/>
    </row>
    <row r="446345" spans="8:8">
      <c r="H446345" s="12"/>
    </row>
    <row r="446346" spans="8:8">
      <c r="H446346" s="12"/>
    </row>
    <row r="446347" spans="8:8">
      <c r="H446347" s="12"/>
    </row>
    <row r="446348" spans="8:8">
      <c r="H446348" s="12"/>
    </row>
    <row r="446349" spans="8:8">
      <c r="H446349" s="12"/>
    </row>
    <row r="446350" spans="8:8">
      <c r="H446350" s="12"/>
    </row>
    <row r="446351" spans="8:8">
      <c r="H446351" s="12"/>
    </row>
    <row r="446352" spans="8:8">
      <c r="H446352" s="12"/>
    </row>
    <row r="446353" spans="8:8">
      <c r="H446353" s="12"/>
    </row>
    <row r="446354" spans="8:8">
      <c r="H446354" s="12"/>
    </row>
    <row r="446355" spans="8:8">
      <c r="H446355" s="12"/>
    </row>
    <row r="446356" spans="8:8">
      <c r="H446356" s="12"/>
    </row>
    <row r="446357" spans="8:8">
      <c r="H446357" s="12"/>
    </row>
    <row r="446358" spans="8:8">
      <c r="H446358" s="12"/>
    </row>
    <row r="446359" spans="8:8">
      <c r="H446359" s="12"/>
    </row>
    <row r="446360" spans="8:8">
      <c r="H446360" s="12"/>
    </row>
    <row r="446361" spans="8:8">
      <c r="H446361" s="12"/>
    </row>
    <row r="446362" spans="8:8">
      <c r="H446362" s="12"/>
    </row>
    <row r="446363" spans="8:8">
      <c r="H446363" s="12"/>
    </row>
    <row r="446364" spans="8:8">
      <c r="H446364" s="12"/>
    </row>
    <row r="446365" spans="8:8">
      <c r="H446365" s="12"/>
    </row>
    <row r="446366" spans="8:8">
      <c r="H446366" s="12"/>
    </row>
    <row r="446367" spans="8:8">
      <c r="H446367" s="12"/>
    </row>
    <row r="446368" spans="8:8">
      <c r="H446368" s="12"/>
    </row>
    <row r="446369" spans="8:8">
      <c r="H446369" s="12"/>
    </row>
    <row r="446370" spans="8:8">
      <c r="H446370" s="12"/>
    </row>
    <row r="446371" spans="8:8">
      <c r="H446371" s="12"/>
    </row>
    <row r="446372" spans="8:8">
      <c r="H446372" s="12"/>
    </row>
    <row r="446373" spans="8:8">
      <c r="H446373" s="12"/>
    </row>
    <row r="446374" spans="8:8">
      <c r="H446374" s="12"/>
    </row>
    <row r="446375" spans="8:8">
      <c r="H446375" s="12"/>
    </row>
    <row r="446376" spans="8:8">
      <c r="H446376" s="12"/>
    </row>
    <row r="446377" spans="8:8">
      <c r="H446377" s="12"/>
    </row>
    <row r="446378" spans="8:8">
      <c r="H446378" s="12"/>
    </row>
    <row r="446379" spans="8:8">
      <c r="H446379" s="12"/>
    </row>
    <row r="446380" spans="8:8">
      <c r="H446380" s="12"/>
    </row>
    <row r="446381" spans="8:8">
      <c r="H446381" s="12"/>
    </row>
    <row r="446382" spans="8:8">
      <c r="H446382" s="12"/>
    </row>
    <row r="446383" spans="8:8">
      <c r="H446383" s="12"/>
    </row>
    <row r="446384" spans="8:8">
      <c r="H446384" s="12"/>
    </row>
    <row r="446385" spans="8:8">
      <c r="H446385" s="12"/>
    </row>
    <row r="446386" spans="8:8">
      <c r="H446386" s="12"/>
    </row>
    <row r="446387" spans="8:8">
      <c r="H446387" s="12"/>
    </row>
    <row r="446388" spans="8:8">
      <c r="H446388" s="12"/>
    </row>
    <row r="446389" spans="8:8">
      <c r="H446389" s="12"/>
    </row>
    <row r="446390" spans="8:8">
      <c r="H446390" s="12"/>
    </row>
    <row r="446391" spans="8:8">
      <c r="H446391" s="12"/>
    </row>
    <row r="446392" spans="8:8">
      <c r="H446392" s="12"/>
    </row>
    <row r="446393" spans="8:8">
      <c r="H446393" s="12"/>
    </row>
    <row r="446394" spans="8:8">
      <c r="H446394" s="12"/>
    </row>
    <row r="446395" spans="8:8">
      <c r="H446395" s="12"/>
    </row>
    <row r="446396" spans="8:8">
      <c r="H446396" s="12"/>
    </row>
    <row r="446397" spans="8:8">
      <c r="H446397" s="12"/>
    </row>
    <row r="446398" spans="8:8">
      <c r="H446398" s="12"/>
    </row>
    <row r="446399" spans="8:8">
      <c r="H446399" s="12"/>
    </row>
    <row r="446400" spans="8:8">
      <c r="H446400" s="12"/>
    </row>
    <row r="446401" spans="8:8">
      <c r="H446401" s="12"/>
    </row>
    <row r="446402" spans="8:8">
      <c r="H446402" s="12"/>
    </row>
    <row r="446403" spans="8:8">
      <c r="H446403" s="12"/>
    </row>
    <row r="446404" spans="8:8">
      <c r="H446404" s="12"/>
    </row>
    <row r="446405" spans="8:8">
      <c r="H446405" s="12"/>
    </row>
    <row r="446406" spans="8:8">
      <c r="H446406" s="12"/>
    </row>
    <row r="446407" spans="8:8">
      <c r="H446407" s="12"/>
    </row>
    <row r="446408" spans="8:8">
      <c r="H446408" s="12"/>
    </row>
    <row r="446409" spans="8:8">
      <c r="H446409" s="12"/>
    </row>
    <row r="446410" spans="8:8">
      <c r="H446410" s="12"/>
    </row>
    <row r="446411" spans="8:8">
      <c r="H446411" s="12"/>
    </row>
    <row r="446412" spans="8:8">
      <c r="H446412" s="12"/>
    </row>
    <row r="446413" spans="8:8">
      <c r="H446413" s="12"/>
    </row>
    <row r="446414" spans="8:8">
      <c r="H446414" s="12"/>
    </row>
    <row r="446415" spans="8:8">
      <c r="H446415" s="12"/>
    </row>
    <row r="446416" spans="8:8">
      <c r="H446416" s="12"/>
    </row>
    <row r="446417" spans="8:8">
      <c r="H446417" s="12"/>
    </row>
    <row r="446418" spans="8:8">
      <c r="H446418" s="12"/>
    </row>
    <row r="446419" spans="8:8">
      <c r="H446419" s="12"/>
    </row>
    <row r="446420" spans="8:8">
      <c r="H446420" s="12"/>
    </row>
    <row r="446421" spans="8:8">
      <c r="H446421" s="12"/>
    </row>
    <row r="446422" spans="8:8">
      <c r="H446422" s="12"/>
    </row>
    <row r="446423" spans="8:8">
      <c r="H446423" s="12"/>
    </row>
    <row r="446424" spans="8:8">
      <c r="H446424" s="12"/>
    </row>
    <row r="446425" spans="8:8">
      <c r="H446425" s="12"/>
    </row>
    <row r="446426" spans="8:8">
      <c r="H446426" s="12"/>
    </row>
    <row r="446427" spans="8:8">
      <c r="H446427" s="12"/>
    </row>
    <row r="446428" spans="8:8">
      <c r="H446428" s="12"/>
    </row>
    <row r="446429" spans="8:8">
      <c r="H446429" s="12"/>
    </row>
    <row r="446430" spans="8:8">
      <c r="H446430" s="12"/>
    </row>
    <row r="446431" spans="8:8">
      <c r="H446431" s="12"/>
    </row>
    <row r="446432" spans="8:8">
      <c r="H446432" s="12"/>
    </row>
    <row r="446433" spans="8:8">
      <c r="H446433" s="12"/>
    </row>
    <row r="446434" spans="8:8">
      <c r="H446434" s="12"/>
    </row>
    <row r="446435" spans="8:8">
      <c r="H446435" s="12"/>
    </row>
    <row r="446436" spans="8:8">
      <c r="H446436" s="12"/>
    </row>
    <row r="446437" spans="8:8">
      <c r="H446437" s="12"/>
    </row>
    <row r="446438" spans="8:8">
      <c r="H446438" s="12"/>
    </row>
    <row r="446439" spans="8:8">
      <c r="H446439" s="12"/>
    </row>
    <row r="446440" spans="8:8">
      <c r="H446440" s="12"/>
    </row>
    <row r="446441" spans="8:8">
      <c r="H446441" s="12"/>
    </row>
    <row r="446442" spans="8:8">
      <c r="H446442" s="12"/>
    </row>
    <row r="446443" spans="8:8">
      <c r="H446443" s="12"/>
    </row>
    <row r="446444" spans="8:8">
      <c r="H446444" s="12"/>
    </row>
    <row r="446445" spans="8:8">
      <c r="H446445" s="12"/>
    </row>
    <row r="446446" spans="8:8">
      <c r="H446446" s="12"/>
    </row>
    <row r="446447" spans="8:8">
      <c r="H446447" s="12"/>
    </row>
    <row r="446448" spans="8:8">
      <c r="H446448" s="12"/>
    </row>
    <row r="446449" spans="8:8">
      <c r="H446449" s="12"/>
    </row>
    <row r="446450" spans="8:8">
      <c r="H446450" s="12"/>
    </row>
    <row r="446451" spans="8:8">
      <c r="H446451" s="12"/>
    </row>
    <row r="446452" spans="8:8">
      <c r="H446452" s="12"/>
    </row>
    <row r="446453" spans="8:8">
      <c r="H446453" s="12"/>
    </row>
    <row r="446454" spans="8:8">
      <c r="H446454" s="12"/>
    </row>
    <row r="446455" spans="8:8">
      <c r="H446455" s="12"/>
    </row>
    <row r="446456" spans="8:8">
      <c r="H446456" s="12"/>
    </row>
    <row r="446457" spans="8:8">
      <c r="H446457" s="12"/>
    </row>
    <row r="446458" spans="8:8">
      <c r="H446458" s="12"/>
    </row>
    <row r="446459" spans="8:8">
      <c r="H446459" s="12"/>
    </row>
    <row r="446460" spans="8:8">
      <c r="H446460" s="12"/>
    </row>
    <row r="446461" spans="8:8">
      <c r="H446461" s="12"/>
    </row>
    <row r="446462" spans="8:8">
      <c r="H446462" s="12"/>
    </row>
    <row r="446463" spans="8:8">
      <c r="H446463" s="12"/>
    </row>
    <row r="446464" spans="8:8">
      <c r="H446464" s="12"/>
    </row>
    <row r="446465" spans="8:8">
      <c r="H446465" s="12"/>
    </row>
    <row r="446466" spans="8:8">
      <c r="H446466" s="12"/>
    </row>
    <row r="446467" spans="8:8">
      <c r="H446467" s="12"/>
    </row>
    <row r="446468" spans="8:8">
      <c r="H446468" s="12"/>
    </row>
    <row r="446469" spans="8:8">
      <c r="H446469" s="12"/>
    </row>
    <row r="446470" spans="8:8">
      <c r="H446470" s="12"/>
    </row>
    <row r="446471" spans="8:8">
      <c r="H446471" s="12"/>
    </row>
    <row r="446472" spans="8:8">
      <c r="H446472" s="12"/>
    </row>
    <row r="446473" spans="8:8">
      <c r="H446473" s="12"/>
    </row>
    <row r="446474" spans="8:8">
      <c r="H446474" s="12"/>
    </row>
    <row r="446475" spans="8:8">
      <c r="H446475" s="12"/>
    </row>
    <row r="446476" spans="8:8">
      <c r="H446476" s="12"/>
    </row>
    <row r="446477" spans="8:8">
      <c r="H446477" s="12"/>
    </row>
    <row r="446478" spans="8:8">
      <c r="H446478" s="12"/>
    </row>
    <row r="446479" spans="8:8">
      <c r="H446479" s="12"/>
    </row>
    <row r="446480" spans="8:8">
      <c r="H446480" s="12"/>
    </row>
    <row r="446481" spans="8:8">
      <c r="H446481" s="12"/>
    </row>
    <row r="446482" spans="8:8">
      <c r="H446482" s="12"/>
    </row>
    <row r="446483" spans="8:8">
      <c r="H446483" s="12"/>
    </row>
    <row r="446484" spans="8:8">
      <c r="H446484" s="12"/>
    </row>
    <row r="446485" spans="8:8">
      <c r="H446485" s="12"/>
    </row>
    <row r="446486" spans="8:8">
      <c r="H446486" s="12"/>
    </row>
    <row r="446487" spans="8:8">
      <c r="H446487" s="12"/>
    </row>
    <row r="446488" spans="8:8">
      <c r="H446488" s="12"/>
    </row>
    <row r="446489" spans="8:8">
      <c r="H446489" s="12"/>
    </row>
    <row r="446490" spans="8:8">
      <c r="H446490" s="12"/>
    </row>
    <row r="446491" spans="8:8">
      <c r="H446491" s="12"/>
    </row>
    <row r="446492" spans="8:8">
      <c r="H446492" s="12"/>
    </row>
    <row r="446493" spans="8:8">
      <c r="H446493" s="12"/>
    </row>
    <row r="446494" spans="8:8">
      <c r="H446494" s="12"/>
    </row>
    <row r="446495" spans="8:8">
      <c r="H446495" s="12"/>
    </row>
    <row r="446496" spans="8:8">
      <c r="H446496" s="12"/>
    </row>
    <row r="446497" spans="8:8">
      <c r="H446497" s="12"/>
    </row>
    <row r="446498" spans="8:8">
      <c r="H446498" s="12"/>
    </row>
    <row r="446499" spans="8:8">
      <c r="H446499" s="12"/>
    </row>
    <row r="446500" spans="8:8">
      <c r="H446500" s="12"/>
    </row>
    <row r="446501" spans="8:8">
      <c r="H446501" s="12"/>
    </row>
    <row r="446502" spans="8:8">
      <c r="H446502" s="12"/>
    </row>
    <row r="446503" spans="8:8">
      <c r="H446503" s="12"/>
    </row>
    <row r="446504" spans="8:8">
      <c r="H446504" s="12"/>
    </row>
    <row r="446505" spans="8:8">
      <c r="H446505" s="12"/>
    </row>
    <row r="446506" spans="8:8">
      <c r="H446506" s="12"/>
    </row>
    <row r="446507" spans="8:8">
      <c r="H446507" s="12"/>
    </row>
    <row r="446508" spans="8:8">
      <c r="H446508" s="12"/>
    </row>
    <row r="446509" spans="8:8">
      <c r="H446509" s="12"/>
    </row>
    <row r="446510" spans="8:8">
      <c r="H446510" s="12"/>
    </row>
    <row r="446511" spans="8:8">
      <c r="H446511" s="12"/>
    </row>
    <row r="446512" spans="8:8">
      <c r="H446512" s="12"/>
    </row>
    <row r="446513" spans="8:8">
      <c r="H446513" s="12"/>
    </row>
    <row r="446514" spans="8:8">
      <c r="H446514" s="12"/>
    </row>
    <row r="446515" spans="8:8">
      <c r="H446515" s="12"/>
    </row>
    <row r="446516" spans="8:8">
      <c r="H446516" s="12"/>
    </row>
    <row r="446517" spans="8:8">
      <c r="H446517" s="12"/>
    </row>
    <row r="446518" spans="8:8">
      <c r="H446518" s="12"/>
    </row>
    <row r="446519" spans="8:8">
      <c r="H446519" s="12"/>
    </row>
    <row r="446520" spans="8:8">
      <c r="H446520" s="12"/>
    </row>
    <row r="446521" spans="8:8">
      <c r="H446521" s="12"/>
    </row>
    <row r="446522" spans="8:8">
      <c r="H446522" s="12"/>
    </row>
    <row r="446523" spans="8:8">
      <c r="H446523" s="12"/>
    </row>
    <row r="446524" spans="8:8">
      <c r="H446524" s="12"/>
    </row>
    <row r="446525" spans="8:8">
      <c r="H446525" s="12"/>
    </row>
    <row r="446526" spans="8:8">
      <c r="H446526" s="12"/>
    </row>
    <row r="446527" spans="8:8">
      <c r="H446527" s="12"/>
    </row>
    <row r="446528" spans="8:8">
      <c r="H446528" s="12"/>
    </row>
    <row r="446529" spans="8:8">
      <c r="H446529" s="12"/>
    </row>
    <row r="446530" spans="8:8">
      <c r="H446530" s="12"/>
    </row>
    <row r="446531" spans="8:8">
      <c r="H446531" s="12"/>
    </row>
    <row r="446532" spans="8:8">
      <c r="H446532" s="12"/>
    </row>
    <row r="446533" spans="8:8">
      <c r="H446533" s="12"/>
    </row>
    <row r="446534" spans="8:8">
      <c r="H446534" s="12"/>
    </row>
    <row r="446535" spans="8:8">
      <c r="H446535" s="12"/>
    </row>
    <row r="446536" spans="8:8">
      <c r="H446536" s="12"/>
    </row>
    <row r="446537" spans="8:8">
      <c r="H446537" s="12"/>
    </row>
    <row r="446538" spans="8:8">
      <c r="H446538" s="12"/>
    </row>
    <row r="446539" spans="8:8">
      <c r="H446539" s="12"/>
    </row>
    <row r="446540" spans="8:8">
      <c r="H446540" s="12"/>
    </row>
    <row r="446541" spans="8:8">
      <c r="H446541" s="12"/>
    </row>
    <row r="446542" spans="8:8">
      <c r="H446542" s="12"/>
    </row>
    <row r="446543" spans="8:8">
      <c r="H446543" s="12"/>
    </row>
    <row r="446544" spans="8:8">
      <c r="H446544" s="12"/>
    </row>
    <row r="446545" spans="8:8">
      <c r="H446545" s="12"/>
    </row>
    <row r="446546" spans="8:8">
      <c r="H446546" s="12"/>
    </row>
    <row r="446547" spans="8:8">
      <c r="H446547" s="12"/>
    </row>
    <row r="446548" spans="8:8">
      <c r="H446548" s="12"/>
    </row>
    <row r="446549" spans="8:8">
      <c r="H446549" s="12"/>
    </row>
    <row r="446550" spans="8:8">
      <c r="H446550" s="12"/>
    </row>
    <row r="446551" spans="8:8">
      <c r="H446551" s="12"/>
    </row>
    <row r="446552" spans="8:8">
      <c r="H446552" s="12"/>
    </row>
    <row r="446553" spans="8:8">
      <c r="H446553" s="12"/>
    </row>
    <row r="446554" spans="8:8">
      <c r="H446554" s="12"/>
    </row>
    <row r="446555" spans="8:8">
      <c r="H446555" s="12"/>
    </row>
    <row r="446556" spans="8:8">
      <c r="H446556" s="12"/>
    </row>
    <row r="446557" spans="8:8">
      <c r="H446557" s="12"/>
    </row>
    <row r="446558" spans="8:8">
      <c r="H446558" s="12"/>
    </row>
    <row r="446559" spans="8:8">
      <c r="H446559" s="12"/>
    </row>
    <row r="446560" spans="8:8">
      <c r="H446560" s="12"/>
    </row>
    <row r="446561" spans="8:8">
      <c r="H446561" s="12"/>
    </row>
    <row r="446562" spans="8:8">
      <c r="H446562" s="12"/>
    </row>
    <row r="446563" spans="8:8">
      <c r="H446563" s="12"/>
    </row>
    <row r="446564" spans="8:8">
      <c r="H446564" s="12"/>
    </row>
    <row r="446565" spans="8:8">
      <c r="H446565" s="12"/>
    </row>
    <row r="446566" spans="8:8">
      <c r="H446566" s="12"/>
    </row>
    <row r="446567" spans="8:8">
      <c r="H446567" s="12"/>
    </row>
    <row r="446568" spans="8:8">
      <c r="H446568" s="12"/>
    </row>
    <row r="446569" spans="8:8">
      <c r="H446569" s="12"/>
    </row>
    <row r="446570" spans="8:8">
      <c r="H446570" s="12"/>
    </row>
    <row r="446571" spans="8:8">
      <c r="H446571" s="12"/>
    </row>
    <row r="446572" spans="8:8">
      <c r="H446572" s="12"/>
    </row>
    <row r="446573" spans="8:8">
      <c r="H446573" s="12"/>
    </row>
    <row r="446574" spans="8:8">
      <c r="H446574" s="12"/>
    </row>
    <row r="446575" spans="8:8">
      <c r="H446575" s="12"/>
    </row>
    <row r="446576" spans="8:8">
      <c r="H446576" s="12"/>
    </row>
    <row r="446577" spans="8:8">
      <c r="H446577" s="12"/>
    </row>
    <row r="446578" spans="8:8">
      <c r="H446578" s="12"/>
    </row>
    <row r="446579" spans="8:8">
      <c r="H446579" s="12"/>
    </row>
    <row r="446580" spans="8:8">
      <c r="H446580" s="12"/>
    </row>
    <row r="446581" spans="8:8">
      <c r="H446581" s="12"/>
    </row>
    <row r="446582" spans="8:8">
      <c r="H446582" s="12"/>
    </row>
    <row r="446583" spans="8:8">
      <c r="H446583" s="12"/>
    </row>
    <row r="446584" spans="8:8">
      <c r="H446584" s="12"/>
    </row>
    <row r="446585" spans="8:8">
      <c r="H446585" s="12"/>
    </row>
    <row r="446586" spans="8:8">
      <c r="H446586" s="12"/>
    </row>
    <row r="446587" spans="8:8">
      <c r="H446587" s="12"/>
    </row>
    <row r="446588" spans="8:8">
      <c r="H446588" s="12"/>
    </row>
    <row r="446589" spans="8:8">
      <c r="H446589" s="12"/>
    </row>
    <row r="446590" spans="8:8">
      <c r="H446590" s="12"/>
    </row>
    <row r="446591" spans="8:8">
      <c r="H446591" s="12"/>
    </row>
    <row r="446592" spans="8:8">
      <c r="H446592" s="12"/>
    </row>
    <row r="446593" spans="8:8">
      <c r="H446593" s="12"/>
    </row>
    <row r="446594" spans="8:8">
      <c r="H446594" s="12"/>
    </row>
    <row r="446595" spans="8:8">
      <c r="H446595" s="12"/>
    </row>
    <row r="446596" spans="8:8">
      <c r="H446596" s="12"/>
    </row>
    <row r="446597" spans="8:8">
      <c r="H446597" s="12"/>
    </row>
    <row r="446598" spans="8:8">
      <c r="H446598" s="12"/>
    </row>
    <row r="446599" spans="8:8">
      <c r="H446599" s="12"/>
    </row>
    <row r="446600" spans="8:8">
      <c r="H446600" s="12"/>
    </row>
    <row r="446601" spans="8:8">
      <c r="H446601" s="12"/>
    </row>
    <row r="446602" spans="8:8">
      <c r="H446602" s="12"/>
    </row>
    <row r="446603" spans="8:8">
      <c r="H446603" s="12"/>
    </row>
    <row r="446604" spans="8:8">
      <c r="H446604" s="12"/>
    </row>
    <row r="446605" spans="8:8">
      <c r="H446605" s="12"/>
    </row>
    <row r="446606" spans="8:8">
      <c r="H446606" s="12"/>
    </row>
    <row r="446607" spans="8:8">
      <c r="H446607" s="12"/>
    </row>
    <row r="446608" spans="8:8">
      <c r="H446608" s="12"/>
    </row>
    <row r="446609" spans="8:8">
      <c r="H446609" s="12"/>
    </row>
    <row r="446610" spans="8:8">
      <c r="H446610" s="12"/>
    </row>
    <row r="446611" spans="8:8">
      <c r="H446611" s="12"/>
    </row>
    <row r="446612" spans="8:8">
      <c r="H446612" s="12"/>
    </row>
    <row r="446613" spans="8:8">
      <c r="H446613" s="12"/>
    </row>
    <row r="446614" spans="8:8">
      <c r="H446614" s="12"/>
    </row>
    <row r="446615" spans="8:8">
      <c r="H446615" s="12"/>
    </row>
    <row r="446616" spans="8:8">
      <c r="H446616" s="12"/>
    </row>
    <row r="446617" spans="8:8">
      <c r="H446617" s="12"/>
    </row>
    <row r="446618" spans="8:8">
      <c r="H446618" s="12"/>
    </row>
    <row r="446619" spans="8:8">
      <c r="H446619" s="12"/>
    </row>
    <row r="446620" spans="8:8">
      <c r="H446620" s="12"/>
    </row>
    <row r="446621" spans="8:8">
      <c r="H446621" s="12"/>
    </row>
    <row r="446622" spans="8:8">
      <c r="H446622" s="12"/>
    </row>
    <row r="446623" spans="8:8">
      <c r="H446623" s="12"/>
    </row>
    <row r="446624" spans="8:8">
      <c r="H446624" s="12"/>
    </row>
    <row r="446625" spans="8:8">
      <c r="H446625" s="12"/>
    </row>
    <row r="446626" spans="8:8">
      <c r="H446626" s="12"/>
    </row>
    <row r="446627" spans="8:8">
      <c r="H446627" s="12"/>
    </row>
    <row r="446628" spans="8:8">
      <c r="H446628" s="12"/>
    </row>
    <row r="446629" spans="8:8">
      <c r="H446629" s="12"/>
    </row>
    <row r="446630" spans="8:8">
      <c r="H446630" s="12"/>
    </row>
    <row r="446631" spans="8:8">
      <c r="H446631" s="12"/>
    </row>
    <row r="446632" spans="8:8">
      <c r="H446632" s="12"/>
    </row>
    <row r="446633" spans="8:8">
      <c r="H446633" s="12"/>
    </row>
    <row r="446634" spans="8:8">
      <c r="H446634" s="12"/>
    </row>
    <row r="446635" spans="8:8">
      <c r="H446635" s="12"/>
    </row>
    <row r="446636" spans="8:8">
      <c r="H446636" s="12"/>
    </row>
    <row r="446637" spans="8:8">
      <c r="H446637" s="12"/>
    </row>
    <row r="446638" spans="8:8">
      <c r="H446638" s="12"/>
    </row>
    <row r="446639" spans="8:8">
      <c r="H446639" s="12"/>
    </row>
    <row r="446640" spans="8:8">
      <c r="H446640" s="12"/>
    </row>
    <row r="446641" spans="8:8">
      <c r="H446641" s="12"/>
    </row>
    <row r="446642" spans="8:8">
      <c r="H446642" s="12"/>
    </row>
    <row r="446643" spans="8:8">
      <c r="H446643" s="12"/>
    </row>
    <row r="446644" spans="8:8">
      <c r="H446644" s="12"/>
    </row>
    <row r="446645" spans="8:8">
      <c r="H446645" s="12"/>
    </row>
    <row r="446646" spans="8:8">
      <c r="H446646" s="12"/>
    </row>
    <row r="446647" spans="8:8">
      <c r="H446647" s="12"/>
    </row>
    <row r="446648" spans="8:8">
      <c r="H446648" s="12"/>
    </row>
    <row r="446649" spans="8:8">
      <c r="H446649" s="12"/>
    </row>
    <row r="446650" spans="8:8">
      <c r="H446650" s="12"/>
    </row>
    <row r="446651" spans="8:8">
      <c r="H446651" s="12"/>
    </row>
    <row r="446652" spans="8:8">
      <c r="H446652" s="12"/>
    </row>
    <row r="446653" spans="8:8">
      <c r="H446653" s="12"/>
    </row>
    <row r="446654" spans="8:8">
      <c r="H446654" s="12"/>
    </row>
    <row r="446655" spans="8:8">
      <c r="H446655" s="12"/>
    </row>
    <row r="446656" spans="8:8">
      <c r="H446656" s="12"/>
    </row>
    <row r="446657" spans="8:8">
      <c r="H446657" s="12"/>
    </row>
    <row r="446658" spans="8:8">
      <c r="H446658" s="12"/>
    </row>
    <row r="446659" spans="8:8">
      <c r="H446659" s="12"/>
    </row>
    <row r="446660" spans="8:8">
      <c r="H446660" s="12"/>
    </row>
    <row r="446661" spans="8:8">
      <c r="H446661" s="12"/>
    </row>
    <row r="446662" spans="8:8">
      <c r="H446662" s="12"/>
    </row>
    <row r="446663" spans="8:8">
      <c r="H446663" s="12"/>
    </row>
    <row r="446664" spans="8:8">
      <c r="H446664" s="12"/>
    </row>
    <row r="446665" spans="8:8">
      <c r="H446665" s="12"/>
    </row>
    <row r="446666" spans="8:8">
      <c r="H446666" s="12"/>
    </row>
    <row r="446667" spans="8:8">
      <c r="H446667" s="12"/>
    </row>
    <row r="446668" spans="8:8">
      <c r="H446668" s="12"/>
    </row>
    <row r="446669" spans="8:8">
      <c r="H446669" s="12"/>
    </row>
    <row r="446670" spans="8:8">
      <c r="H446670" s="12"/>
    </row>
    <row r="446671" spans="8:8">
      <c r="H446671" s="12"/>
    </row>
    <row r="446672" spans="8:8">
      <c r="H446672" s="12"/>
    </row>
    <row r="446673" spans="8:8">
      <c r="H446673" s="12"/>
    </row>
    <row r="446674" spans="8:8">
      <c r="H446674" s="12"/>
    </row>
    <row r="446675" spans="8:8">
      <c r="H446675" s="12"/>
    </row>
    <row r="446676" spans="8:8">
      <c r="H446676" s="12"/>
    </row>
    <row r="446677" spans="8:8">
      <c r="H446677" s="12"/>
    </row>
    <row r="446678" spans="8:8">
      <c r="H446678" s="12"/>
    </row>
    <row r="446679" spans="8:8">
      <c r="H446679" s="12"/>
    </row>
    <row r="446680" spans="8:8">
      <c r="H446680" s="12"/>
    </row>
    <row r="446681" spans="8:8">
      <c r="H446681" s="12"/>
    </row>
    <row r="446682" spans="8:8">
      <c r="H446682" s="12"/>
    </row>
    <row r="446683" spans="8:8">
      <c r="H446683" s="12"/>
    </row>
    <row r="446684" spans="8:8">
      <c r="H446684" s="12"/>
    </row>
    <row r="446685" spans="8:8">
      <c r="H446685" s="12"/>
    </row>
    <row r="446686" spans="8:8">
      <c r="H446686" s="12"/>
    </row>
    <row r="446687" spans="8:8">
      <c r="H446687" s="12"/>
    </row>
    <row r="446688" spans="8:8">
      <c r="H446688" s="12"/>
    </row>
    <row r="446689" spans="8:8">
      <c r="H446689" s="12"/>
    </row>
    <row r="446690" spans="8:8">
      <c r="H446690" s="12"/>
    </row>
    <row r="446691" spans="8:8">
      <c r="H446691" s="12"/>
    </row>
    <row r="446692" spans="8:8">
      <c r="H446692" s="12"/>
    </row>
    <row r="446693" spans="8:8">
      <c r="H446693" s="12"/>
    </row>
    <row r="446694" spans="8:8">
      <c r="H446694" s="12"/>
    </row>
    <row r="446695" spans="8:8">
      <c r="H446695" s="12"/>
    </row>
    <row r="446696" spans="8:8">
      <c r="H446696" s="12"/>
    </row>
    <row r="446697" spans="8:8">
      <c r="H446697" s="12"/>
    </row>
    <row r="446698" spans="8:8">
      <c r="H446698" s="12"/>
    </row>
    <row r="446699" spans="8:8">
      <c r="H446699" s="12"/>
    </row>
    <row r="446700" spans="8:8">
      <c r="H446700" s="12"/>
    </row>
    <row r="446701" spans="8:8">
      <c r="H446701" s="12"/>
    </row>
    <row r="446702" spans="8:8">
      <c r="H446702" s="12"/>
    </row>
    <row r="446703" spans="8:8">
      <c r="H446703" s="12"/>
    </row>
    <row r="446704" spans="8:8">
      <c r="H446704" s="12"/>
    </row>
    <row r="446705" spans="8:8">
      <c r="H446705" s="12"/>
    </row>
    <row r="446706" spans="8:8">
      <c r="H446706" s="12"/>
    </row>
    <row r="446707" spans="8:8">
      <c r="H446707" s="12"/>
    </row>
    <row r="446708" spans="8:8">
      <c r="H446708" s="12"/>
    </row>
    <row r="446709" spans="8:8">
      <c r="H446709" s="12"/>
    </row>
    <row r="446710" spans="8:8">
      <c r="H446710" s="12"/>
    </row>
    <row r="446711" spans="8:8">
      <c r="H446711" s="12"/>
    </row>
    <row r="446712" spans="8:8">
      <c r="H446712" s="12"/>
    </row>
    <row r="446713" spans="8:8">
      <c r="H446713" s="12"/>
    </row>
    <row r="446714" spans="8:8">
      <c r="H446714" s="12"/>
    </row>
    <row r="446715" spans="8:8">
      <c r="H446715" s="12"/>
    </row>
    <row r="446716" spans="8:8">
      <c r="H446716" s="12"/>
    </row>
    <row r="446717" spans="8:8">
      <c r="H446717" s="12"/>
    </row>
    <row r="446718" spans="8:8">
      <c r="H446718" s="12"/>
    </row>
    <row r="446719" spans="8:8">
      <c r="H446719" s="12"/>
    </row>
    <row r="446720" spans="8:8">
      <c r="H446720" s="12"/>
    </row>
    <row r="446721" spans="8:8">
      <c r="H446721" s="12"/>
    </row>
    <row r="446722" spans="8:8">
      <c r="H446722" s="12"/>
    </row>
    <row r="446723" spans="8:8">
      <c r="H446723" s="12"/>
    </row>
    <row r="446724" spans="8:8">
      <c r="H446724" s="12"/>
    </row>
    <row r="446725" spans="8:8">
      <c r="H446725" s="12"/>
    </row>
    <row r="446726" spans="8:8">
      <c r="H446726" s="12"/>
    </row>
    <row r="446727" spans="8:8">
      <c r="H446727" s="12"/>
    </row>
    <row r="446728" spans="8:8">
      <c r="H446728" s="12"/>
    </row>
    <row r="446729" spans="8:8">
      <c r="H446729" s="12"/>
    </row>
    <row r="446730" spans="8:8">
      <c r="H446730" s="12"/>
    </row>
    <row r="446731" spans="8:8">
      <c r="H446731" s="12"/>
    </row>
    <row r="446732" spans="8:8">
      <c r="H446732" s="12"/>
    </row>
    <row r="446733" spans="8:8">
      <c r="H446733" s="12"/>
    </row>
    <row r="446734" spans="8:8">
      <c r="H446734" s="12"/>
    </row>
    <row r="446735" spans="8:8">
      <c r="H446735" s="12"/>
    </row>
    <row r="446736" spans="8:8">
      <c r="H446736" s="12"/>
    </row>
    <row r="446737" spans="8:8">
      <c r="H446737" s="12"/>
    </row>
    <row r="446738" spans="8:8">
      <c r="H446738" s="12"/>
    </row>
    <row r="446739" spans="8:8">
      <c r="H446739" s="12"/>
    </row>
    <row r="446740" spans="8:8">
      <c r="H446740" s="12"/>
    </row>
    <row r="446741" spans="8:8">
      <c r="H446741" s="12"/>
    </row>
    <row r="446742" spans="8:8">
      <c r="H446742" s="12"/>
    </row>
    <row r="446743" spans="8:8">
      <c r="H446743" s="12"/>
    </row>
    <row r="446744" spans="8:8">
      <c r="H446744" s="12"/>
    </row>
    <row r="446745" spans="8:8">
      <c r="H446745" s="12"/>
    </row>
    <row r="446746" spans="8:8">
      <c r="H446746" s="12"/>
    </row>
    <row r="446747" spans="8:8">
      <c r="H446747" s="12"/>
    </row>
    <row r="446748" spans="8:8">
      <c r="H446748" s="12"/>
    </row>
    <row r="446749" spans="8:8">
      <c r="H446749" s="12"/>
    </row>
    <row r="446750" spans="8:8">
      <c r="H446750" s="12"/>
    </row>
    <row r="446751" spans="8:8">
      <c r="H446751" s="12"/>
    </row>
    <row r="446752" spans="8:8">
      <c r="H446752" s="12"/>
    </row>
    <row r="446753" spans="8:8">
      <c r="H446753" s="12"/>
    </row>
    <row r="446754" spans="8:8">
      <c r="H446754" s="12"/>
    </row>
    <row r="446755" spans="8:8">
      <c r="H446755" s="12"/>
    </row>
    <row r="446756" spans="8:8">
      <c r="H446756" s="12"/>
    </row>
    <row r="446757" spans="8:8">
      <c r="H446757" s="12"/>
    </row>
    <row r="446758" spans="8:8">
      <c r="H446758" s="12"/>
    </row>
    <row r="446759" spans="8:8">
      <c r="H446759" s="12"/>
    </row>
    <row r="446760" spans="8:8">
      <c r="H446760" s="12"/>
    </row>
    <row r="446761" spans="8:8">
      <c r="H446761" s="12"/>
    </row>
    <row r="446762" spans="8:8">
      <c r="H446762" s="12"/>
    </row>
    <row r="446763" spans="8:8">
      <c r="H446763" s="12"/>
    </row>
    <row r="446764" spans="8:8">
      <c r="H446764" s="12"/>
    </row>
    <row r="446765" spans="8:8">
      <c r="H446765" s="12"/>
    </row>
    <row r="446766" spans="8:8">
      <c r="H446766" s="12"/>
    </row>
    <row r="446767" spans="8:8">
      <c r="H446767" s="12"/>
    </row>
    <row r="446768" spans="8:8">
      <c r="H446768" s="12"/>
    </row>
    <row r="446769" spans="8:8">
      <c r="H446769" s="12"/>
    </row>
    <row r="446770" spans="8:8">
      <c r="H446770" s="12"/>
    </row>
    <row r="446771" spans="8:8">
      <c r="H446771" s="12"/>
    </row>
    <row r="446772" spans="8:8">
      <c r="H446772" s="12"/>
    </row>
    <row r="446773" spans="8:8">
      <c r="H446773" s="12"/>
    </row>
    <row r="446774" spans="8:8">
      <c r="H446774" s="12"/>
    </row>
    <row r="446775" spans="8:8">
      <c r="H446775" s="12"/>
    </row>
    <row r="446776" spans="8:8">
      <c r="H446776" s="12"/>
    </row>
    <row r="446777" spans="8:8">
      <c r="H446777" s="12"/>
    </row>
    <row r="446778" spans="8:8">
      <c r="H446778" s="12"/>
    </row>
    <row r="446779" spans="8:8">
      <c r="H446779" s="12"/>
    </row>
    <row r="446780" spans="8:8">
      <c r="H446780" s="12"/>
    </row>
    <row r="446781" spans="8:8">
      <c r="H446781" s="12"/>
    </row>
    <row r="446782" spans="8:8">
      <c r="H446782" s="12"/>
    </row>
    <row r="446783" spans="8:8">
      <c r="H446783" s="12"/>
    </row>
    <row r="446784" spans="8:8">
      <c r="H446784" s="12"/>
    </row>
    <row r="446785" spans="8:8">
      <c r="H446785" s="12"/>
    </row>
    <row r="446786" spans="8:8">
      <c r="H446786" s="12"/>
    </row>
    <row r="446787" spans="8:8">
      <c r="H446787" s="12"/>
    </row>
    <row r="446788" spans="8:8">
      <c r="H446788" s="12"/>
    </row>
    <row r="446789" spans="8:8">
      <c r="H446789" s="12"/>
    </row>
    <row r="446790" spans="8:8">
      <c r="H446790" s="12"/>
    </row>
    <row r="446791" spans="8:8">
      <c r="H446791" s="12"/>
    </row>
    <row r="446792" spans="8:8">
      <c r="H446792" s="12"/>
    </row>
    <row r="446793" spans="8:8">
      <c r="H446793" s="12"/>
    </row>
    <row r="446794" spans="8:8">
      <c r="H446794" s="12"/>
    </row>
    <row r="446795" spans="8:8">
      <c r="H446795" s="12"/>
    </row>
    <row r="446796" spans="8:8">
      <c r="H446796" s="12"/>
    </row>
    <row r="446797" spans="8:8">
      <c r="H446797" s="12"/>
    </row>
    <row r="446798" spans="8:8">
      <c r="H446798" s="12"/>
    </row>
    <row r="446799" spans="8:8">
      <c r="H446799" s="12"/>
    </row>
    <row r="446800" spans="8:8">
      <c r="H446800" s="12"/>
    </row>
    <row r="446801" spans="8:8">
      <c r="H446801" s="12"/>
    </row>
    <row r="446802" spans="8:8">
      <c r="H446802" s="12"/>
    </row>
    <row r="446803" spans="8:8">
      <c r="H446803" s="12"/>
    </row>
    <row r="446804" spans="8:8">
      <c r="H446804" s="12"/>
    </row>
    <row r="446805" spans="8:8">
      <c r="H446805" s="12"/>
    </row>
    <row r="446806" spans="8:8">
      <c r="H446806" s="12"/>
    </row>
    <row r="446807" spans="8:8">
      <c r="H446807" s="12"/>
    </row>
    <row r="446808" spans="8:8">
      <c r="H446808" s="12"/>
    </row>
    <row r="446809" spans="8:8">
      <c r="H446809" s="12"/>
    </row>
    <row r="446810" spans="8:8">
      <c r="H446810" s="12"/>
    </row>
    <row r="446811" spans="8:8">
      <c r="H446811" s="12"/>
    </row>
    <row r="446812" spans="8:8">
      <c r="H446812" s="12"/>
    </row>
    <row r="446813" spans="8:8">
      <c r="H446813" s="12"/>
    </row>
    <row r="446814" spans="8:8">
      <c r="H446814" s="12"/>
    </row>
    <row r="446815" spans="8:8">
      <c r="H446815" s="12"/>
    </row>
    <row r="446816" spans="8:8">
      <c r="H446816" s="12"/>
    </row>
    <row r="446817" spans="8:8">
      <c r="H446817" s="12"/>
    </row>
    <row r="446818" spans="8:8">
      <c r="H446818" s="12"/>
    </row>
    <row r="446819" spans="8:8">
      <c r="H446819" s="12"/>
    </row>
    <row r="446820" spans="8:8">
      <c r="H446820" s="12"/>
    </row>
    <row r="446821" spans="8:8">
      <c r="H446821" s="12"/>
    </row>
    <row r="446822" spans="8:8">
      <c r="H446822" s="12"/>
    </row>
    <row r="446823" spans="8:8">
      <c r="H446823" s="12"/>
    </row>
    <row r="446824" spans="8:8">
      <c r="H446824" s="12"/>
    </row>
    <row r="446825" spans="8:8">
      <c r="H446825" s="12"/>
    </row>
    <row r="446826" spans="8:8">
      <c r="H446826" s="12"/>
    </row>
    <row r="446827" spans="8:8">
      <c r="H446827" s="12"/>
    </row>
    <row r="446828" spans="8:8">
      <c r="H446828" s="12"/>
    </row>
    <row r="446829" spans="8:8">
      <c r="H446829" s="12"/>
    </row>
    <row r="446830" spans="8:8">
      <c r="H446830" s="12"/>
    </row>
    <row r="446831" spans="8:8">
      <c r="H446831" s="12"/>
    </row>
    <row r="446832" spans="8:8">
      <c r="H446832" s="12"/>
    </row>
    <row r="446833" spans="8:8">
      <c r="H446833" s="12"/>
    </row>
    <row r="446834" spans="8:8">
      <c r="H446834" s="12"/>
    </row>
    <row r="446835" spans="8:8">
      <c r="H446835" s="12"/>
    </row>
    <row r="446836" spans="8:8">
      <c r="H446836" s="12"/>
    </row>
    <row r="446837" spans="8:8">
      <c r="H446837" s="12"/>
    </row>
    <row r="446838" spans="8:8">
      <c r="H446838" s="12"/>
    </row>
    <row r="446839" spans="8:8">
      <c r="H446839" s="12"/>
    </row>
    <row r="446840" spans="8:8">
      <c r="H446840" s="12"/>
    </row>
    <row r="446841" spans="8:8">
      <c r="H446841" s="12"/>
    </row>
    <row r="446842" spans="8:8">
      <c r="H446842" s="12"/>
    </row>
    <row r="446843" spans="8:8">
      <c r="H446843" s="12"/>
    </row>
    <row r="446844" spans="8:8">
      <c r="H446844" s="12"/>
    </row>
    <row r="446845" spans="8:8">
      <c r="H446845" s="12"/>
    </row>
    <row r="446846" spans="8:8">
      <c r="H446846" s="12"/>
    </row>
    <row r="446847" spans="8:8">
      <c r="H446847" s="12"/>
    </row>
    <row r="446848" spans="8:8">
      <c r="H446848" s="12"/>
    </row>
    <row r="446849" spans="8:8">
      <c r="H446849" s="12"/>
    </row>
    <row r="446850" spans="8:8">
      <c r="H446850" s="12"/>
    </row>
    <row r="446851" spans="8:8">
      <c r="H446851" s="12"/>
    </row>
    <row r="446852" spans="8:8">
      <c r="H446852" s="12"/>
    </row>
    <row r="446853" spans="8:8">
      <c r="H446853" s="12"/>
    </row>
    <row r="446854" spans="8:8">
      <c r="H446854" s="12"/>
    </row>
    <row r="446855" spans="8:8">
      <c r="H446855" s="12"/>
    </row>
    <row r="446856" spans="8:8">
      <c r="H446856" s="12"/>
    </row>
    <row r="446857" spans="8:8">
      <c r="H446857" s="12"/>
    </row>
    <row r="446858" spans="8:8">
      <c r="H446858" s="12"/>
    </row>
    <row r="446859" spans="8:8">
      <c r="H446859" s="12"/>
    </row>
    <row r="446860" spans="8:8">
      <c r="H446860" s="12"/>
    </row>
    <row r="446861" spans="8:8">
      <c r="H446861" s="12"/>
    </row>
    <row r="446862" spans="8:8">
      <c r="H446862" s="12"/>
    </row>
    <row r="446863" spans="8:8">
      <c r="H446863" s="12"/>
    </row>
    <row r="446864" spans="8:8">
      <c r="H446864" s="12"/>
    </row>
    <row r="446865" spans="8:8">
      <c r="H446865" s="12"/>
    </row>
    <row r="446866" spans="8:8">
      <c r="H446866" s="12"/>
    </row>
    <row r="446867" spans="8:8">
      <c r="H446867" s="12"/>
    </row>
    <row r="446868" spans="8:8">
      <c r="H446868" s="12"/>
    </row>
    <row r="446869" spans="8:8">
      <c r="H446869" s="12"/>
    </row>
    <row r="446870" spans="8:8">
      <c r="H446870" s="12"/>
    </row>
    <row r="446871" spans="8:8">
      <c r="H446871" s="12"/>
    </row>
    <row r="446872" spans="8:8">
      <c r="H446872" s="12"/>
    </row>
    <row r="446873" spans="8:8">
      <c r="H446873" s="12"/>
    </row>
    <row r="446874" spans="8:8">
      <c r="H446874" s="12"/>
    </row>
    <row r="446875" spans="8:8">
      <c r="H446875" s="12"/>
    </row>
    <row r="446876" spans="8:8">
      <c r="H446876" s="12"/>
    </row>
    <row r="446877" spans="8:8">
      <c r="H446877" s="12"/>
    </row>
    <row r="446878" spans="8:8">
      <c r="H446878" s="12"/>
    </row>
    <row r="446879" spans="8:8">
      <c r="H446879" s="12"/>
    </row>
    <row r="446880" spans="8:8">
      <c r="H446880" s="12"/>
    </row>
    <row r="446881" spans="8:8">
      <c r="H446881" s="12"/>
    </row>
    <row r="446882" spans="8:8">
      <c r="H446882" s="12"/>
    </row>
    <row r="446883" spans="8:8">
      <c r="H446883" s="12"/>
    </row>
    <row r="446884" spans="8:8">
      <c r="H446884" s="12"/>
    </row>
    <row r="446885" spans="8:8">
      <c r="H446885" s="12"/>
    </row>
    <row r="446886" spans="8:8">
      <c r="H446886" s="12"/>
    </row>
    <row r="446887" spans="8:8">
      <c r="H446887" s="12"/>
    </row>
    <row r="446888" spans="8:8">
      <c r="H446888" s="12"/>
    </row>
    <row r="446889" spans="8:8">
      <c r="H446889" s="12"/>
    </row>
    <row r="446890" spans="8:8">
      <c r="H446890" s="12"/>
    </row>
    <row r="446891" spans="8:8">
      <c r="H446891" s="12"/>
    </row>
    <row r="446892" spans="8:8">
      <c r="H446892" s="12"/>
    </row>
    <row r="446893" spans="8:8">
      <c r="H446893" s="12"/>
    </row>
    <row r="446894" spans="8:8">
      <c r="H446894" s="12"/>
    </row>
    <row r="446895" spans="8:8">
      <c r="H446895" s="12"/>
    </row>
    <row r="446896" spans="8:8">
      <c r="H446896" s="12"/>
    </row>
    <row r="446897" spans="8:8">
      <c r="H446897" s="12"/>
    </row>
    <row r="446898" spans="8:8">
      <c r="H446898" s="12"/>
    </row>
    <row r="446899" spans="8:8">
      <c r="H446899" s="12"/>
    </row>
    <row r="446900" spans="8:8">
      <c r="H446900" s="12"/>
    </row>
    <row r="446901" spans="8:8">
      <c r="H446901" s="12"/>
    </row>
    <row r="446902" spans="8:8">
      <c r="H446902" s="12"/>
    </row>
    <row r="446903" spans="8:8">
      <c r="H446903" s="12"/>
    </row>
    <row r="446904" spans="8:8">
      <c r="H446904" s="12"/>
    </row>
    <row r="446905" spans="8:8">
      <c r="H446905" s="12"/>
    </row>
    <row r="446906" spans="8:8">
      <c r="H446906" s="12"/>
    </row>
    <row r="446907" spans="8:8">
      <c r="H446907" s="12"/>
    </row>
    <row r="446908" spans="8:8">
      <c r="H446908" s="12"/>
    </row>
    <row r="446909" spans="8:8">
      <c r="H446909" s="12"/>
    </row>
    <row r="446910" spans="8:8">
      <c r="H446910" s="12"/>
    </row>
    <row r="446911" spans="8:8">
      <c r="H446911" s="12"/>
    </row>
    <row r="446912" spans="8:8">
      <c r="H446912" s="12"/>
    </row>
    <row r="446913" spans="8:8">
      <c r="H446913" s="12"/>
    </row>
    <row r="446914" spans="8:8">
      <c r="H446914" s="12"/>
    </row>
    <row r="446915" spans="8:8">
      <c r="H446915" s="12"/>
    </row>
    <row r="446916" spans="8:8">
      <c r="H446916" s="12"/>
    </row>
    <row r="446917" spans="8:8">
      <c r="H446917" s="12"/>
    </row>
    <row r="446918" spans="8:8">
      <c r="H446918" s="12"/>
    </row>
    <row r="446919" spans="8:8">
      <c r="H446919" s="12"/>
    </row>
    <row r="446920" spans="8:8">
      <c r="H446920" s="12"/>
    </row>
    <row r="446921" spans="8:8">
      <c r="H446921" s="12"/>
    </row>
    <row r="446922" spans="8:8">
      <c r="H446922" s="12"/>
    </row>
    <row r="446923" spans="8:8">
      <c r="H446923" s="12"/>
    </row>
    <row r="446924" spans="8:8">
      <c r="H446924" s="12"/>
    </row>
    <row r="446925" spans="8:8">
      <c r="H446925" s="12"/>
    </row>
    <row r="446926" spans="8:8">
      <c r="H446926" s="12"/>
    </row>
    <row r="446927" spans="8:8">
      <c r="H446927" s="12"/>
    </row>
    <row r="446928" spans="8:8">
      <c r="H446928" s="12"/>
    </row>
    <row r="446929" spans="8:8">
      <c r="H446929" s="12"/>
    </row>
    <row r="446930" spans="8:8">
      <c r="H446930" s="12"/>
    </row>
    <row r="446931" spans="8:8">
      <c r="H446931" s="12"/>
    </row>
    <row r="446932" spans="8:8">
      <c r="H446932" s="12"/>
    </row>
    <row r="446933" spans="8:8">
      <c r="H446933" s="12"/>
    </row>
    <row r="446934" spans="8:8">
      <c r="H446934" s="12"/>
    </row>
    <row r="446935" spans="8:8">
      <c r="H446935" s="12"/>
    </row>
    <row r="446936" spans="8:8">
      <c r="H446936" s="12"/>
    </row>
    <row r="446937" spans="8:8">
      <c r="H446937" s="12"/>
    </row>
    <row r="446938" spans="8:8">
      <c r="H446938" s="12"/>
    </row>
    <row r="446939" spans="8:8">
      <c r="H446939" s="12"/>
    </row>
    <row r="446940" spans="8:8">
      <c r="H446940" s="12"/>
    </row>
    <row r="446941" spans="8:8">
      <c r="H446941" s="12"/>
    </row>
    <row r="446942" spans="8:8">
      <c r="H446942" s="12"/>
    </row>
    <row r="446943" spans="8:8">
      <c r="H446943" s="12"/>
    </row>
    <row r="446944" spans="8:8">
      <c r="H446944" s="12"/>
    </row>
    <row r="446945" spans="8:8">
      <c r="H446945" s="12"/>
    </row>
    <row r="446946" spans="8:8">
      <c r="H446946" s="12"/>
    </row>
    <row r="446947" spans="8:8">
      <c r="H446947" s="12"/>
    </row>
    <row r="446948" spans="8:8">
      <c r="H446948" s="12"/>
    </row>
    <row r="446949" spans="8:8">
      <c r="H446949" s="12"/>
    </row>
    <row r="446950" spans="8:8">
      <c r="H446950" s="12"/>
    </row>
    <row r="446951" spans="8:8">
      <c r="H446951" s="12"/>
    </row>
    <row r="446952" spans="8:8">
      <c r="H446952" s="12"/>
    </row>
    <row r="446953" spans="8:8">
      <c r="H446953" s="12"/>
    </row>
    <row r="446954" spans="8:8">
      <c r="H446954" s="12"/>
    </row>
    <row r="446955" spans="8:8">
      <c r="H446955" s="12"/>
    </row>
    <row r="446956" spans="8:8">
      <c r="H446956" s="12"/>
    </row>
    <row r="446957" spans="8:8">
      <c r="H446957" s="12"/>
    </row>
    <row r="446958" spans="8:8">
      <c r="H446958" s="12"/>
    </row>
    <row r="446959" spans="8:8">
      <c r="H446959" s="12"/>
    </row>
    <row r="446960" spans="8:8">
      <c r="H446960" s="12"/>
    </row>
    <row r="446961" spans="8:8">
      <c r="H446961" s="12"/>
    </row>
    <row r="446962" spans="8:8">
      <c r="H446962" s="12"/>
    </row>
    <row r="446963" spans="8:8">
      <c r="H446963" s="12"/>
    </row>
    <row r="446964" spans="8:8">
      <c r="H446964" s="12"/>
    </row>
    <row r="446965" spans="8:8">
      <c r="H446965" s="12"/>
    </row>
    <row r="446966" spans="8:8">
      <c r="H446966" s="12"/>
    </row>
    <row r="446967" spans="8:8">
      <c r="H446967" s="12"/>
    </row>
    <row r="446968" spans="8:8">
      <c r="H446968" s="12"/>
    </row>
    <row r="446969" spans="8:8">
      <c r="H446969" s="12"/>
    </row>
    <row r="446970" spans="8:8">
      <c r="H446970" s="12"/>
    </row>
    <row r="446971" spans="8:8">
      <c r="H446971" s="12"/>
    </row>
    <row r="446972" spans="8:8">
      <c r="H446972" s="12"/>
    </row>
    <row r="446973" spans="8:8">
      <c r="H446973" s="12"/>
    </row>
    <row r="446974" spans="8:8">
      <c r="H446974" s="12"/>
    </row>
    <row r="446975" spans="8:8">
      <c r="H446975" s="12"/>
    </row>
    <row r="446976" spans="8:8">
      <c r="H446976" s="12"/>
    </row>
    <row r="446977" spans="8:8">
      <c r="H446977" s="12"/>
    </row>
    <row r="446978" spans="8:8">
      <c r="H446978" s="12"/>
    </row>
    <row r="446979" spans="8:8">
      <c r="H446979" s="12"/>
    </row>
    <row r="446980" spans="8:8">
      <c r="H446980" s="12"/>
    </row>
    <row r="446981" spans="8:8">
      <c r="H446981" s="12"/>
    </row>
    <row r="446982" spans="8:8">
      <c r="H446982" s="12"/>
    </row>
    <row r="446983" spans="8:8">
      <c r="H446983" s="12"/>
    </row>
    <row r="446984" spans="8:8">
      <c r="H446984" s="12"/>
    </row>
    <row r="446985" spans="8:8">
      <c r="H446985" s="12"/>
    </row>
    <row r="446986" spans="8:8">
      <c r="H446986" s="12"/>
    </row>
    <row r="446987" spans="8:8">
      <c r="H446987" s="12"/>
    </row>
    <row r="446988" spans="8:8">
      <c r="H446988" s="12"/>
    </row>
    <row r="446989" spans="8:8">
      <c r="H446989" s="12"/>
    </row>
    <row r="446990" spans="8:8">
      <c r="H446990" s="12"/>
    </row>
    <row r="446991" spans="8:8">
      <c r="H446991" s="12"/>
    </row>
    <row r="446992" spans="8:8">
      <c r="H446992" s="12"/>
    </row>
    <row r="446993" spans="8:8">
      <c r="H446993" s="12"/>
    </row>
    <row r="446994" spans="8:8">
      <c r="H446994" s="12"/>
    </row>
    <row r="446995" spans="8:8">
      <c r="H446995" s="12"/>
    </row>
    <row r="446996" spans="8:8">
      <c r="H446996" s="12"/>
    </row>
    <row r="446997" spans="8:8">
      <c r="H446997" s="12"/>
    </row>
    <row r="446998" spans="8:8">
      <c r="H446998" s="12"/>
    </row>
    <row r="446999" spans="8:8">
      <c r="H446999" s="12"/>
    </row>
    <row r="447000" spans="8:8">
      <c r="H447000" s="12"/>
    </row>
    <row r="447001" spans="8:8">
      <c r="H447001" s="12"/>
    </row>
    <row r="447002" spans="8:8">
      <c r="H447002" s="12"/>
    </row>
    <row r="447003" spans="8:8">
      <c r="H447003" s="12"/>
    </row>
    <row r="447004" spans="8:8">
      <c r="H447004" s="12"/>
    </row>
    <row r="447005" spans="8:8">
      <c r="H447005" s="12"/>
    </row>
    <row r="447006" spans="8:8">
      <c r="H447006" s="12"/>
    </row>
    <row r="447007" spans="8:8">
      <c r="H447007" s="12"/>
    </row>
    <row r="447008" spans="8:8">
      <c r="H447008" s="12"/>
    </row>
    <row r="447009" spans="8:8">
      <c r="H447009" s="12"/>
    </row>
    <row r="447010" spans="8:8">
      <c r="H447010" s="12"/>
    </row>
    <row r="447011" spans="8:8">
      <c r="H447011" s="12"/>
    </row>
    <row r="447012" spans="8:8">
      <c r="H447012" s="12"/>
    </row>
    <row r="447013" spans="8:8">
      <c r="H447013" s="12"/>
    </row>
    <row r="447014" spans="8:8">
      <c r="H447014" s="12"/>
    </row>
    <row r="447015" spans="8:8">
      <c r="H447015" s="12"/>
    </row>
    <row r="447016" spans="8:8">
      <c r="H447016" s="12"/>
    </row>
    <row r="447017" spans="8:8">
      <c r="H447017" s="12"/>
    </row>
    <row r="447018" spans="8:8">
      <c r="H447018" s="12"/>
    </row>
    <row r="447019" spans="8:8">
      <c r="H447019" s="12"/>
    </row>
    <row r="447020" spans="8:8">
      <c r="H447020" s="12"/>
    </row>
    <row r="447021" spans="8:8">
      <c r="H447021" s="12"/>
    </row>
    <row r="447022" spans="8:8">
      <c r="H447022" s="12"/>
    </row>
    <row r="447023" spans="8:8">
      <c r="H447023" s="12"/>
    </row>
    <row r="447024" spans="8:8">
      <c r="H447024" s="12"/>
    </row>
    <row r="447025" spans="8:8">
      <c r="H447025" s="12"/>
    </row>
    <row r="447026" spans="8:8">
      <c r="H447026" s="12"/>
    </row>
    <row r="447027" spans="8:8">
      <c r="H447027" s="12"/>
    </row>
    <row r="447028" spans="8:8">
      <c r="H447028" s="12"/>
    </row>
    <row r="447029" spans="8:8">
      <c r="H447029" s="12"/>
    </row>
    <row r="447030" spans="8:8">
      <c r="H447030" s="12"/>
    </row>
    <row r="447031" spans="8:8">
      <c r="H447031" s="12"/>
    </row>
    <row r="447032" spans="8:8">
      <c r="H447032" s="12"/>
    </row>
    <row r="447033" spans="8:8">
      <c r="H447033" s="12"/>
    </row>
    <row r="447034" spans="8:8">
      <c r="H447034" s="12"/>
    </row>
    <row r="447035" spans="8:8">
      <c r="H447035" s="12"/>
    </row>
    <row r="447036" spans="8:8">
      <c r="H447036" s="12"/>
    </row>
    <row r="447037" spans="8:8">
      <c r="H447037" s="12"/>
    </row>
    <row r="447038" spans="8:8">
      <c r="H447038" s="12"/>
    </row>
    <row r="447039" spans="8:8">
      <c r="H447039" s="12"/>
    </row>
    <row r="447040" spans="8:8">
      <c r="H447040" s="12"/>
    </row>
    <row r="447041" spans="8:8">
      <c r="H447041" s="12"/>
    </row>
    <row r="447042" spans="8:8">
      <c r="H447042" s="12"/>
    </row>
    <row r="447043" spans="8:8">
      <c r="H447043" s="12"/>
    </row>
    <row r="447044" spans="8:8">
      <c r="H447044" s="12"/>
    </row>
    <row r="447045" spans="8:8">
      <c r="H447045" s="12"/>
    </row>
    <row r="447046" spans="8:8">
      <c r="H447046" s="12"/>
    </row>
    <row r="447047" spans="8:8">
      <c r="H447047" s="12"/>
    </row>
    <row r="447048" spans="8:8">
      <c r="H447048" s="12"/>
    </row>
    <row r="447049" spans="8:8">
      <c r="H447049" s="12"/>
    </row>
    <row r="447050" spans="8:8">
      <c r="H447050" s="12"/>
    </row>
    <row r="447051" spans="8:8">
      <c r="H447051" s="12"/>
    </row>
    <row r="447052" spans="8:8">
      <c r="H447052" s="12"/>
    </row>
    <row r="447053" spans="8:8">
      <c r="H447053" s="12"/>
    </row>
    <row r="447054" spans="8:8">
      <c r="H447054" s="12"/>
    </row>
    <row r="447055" spans="8:8">
      <c r="H447055" s="12"/>
    </row>
    <row r="447056" spans="8:8">
      <c r="H447056" s="12"/>
    </row>
    <row r="447057" spans="8:8">
      <c r="H447057" s="12"/>
    </row>
    <row r="447058" spans="8:8">
      <c r="H447058" s="12"/>
    </row>
    <row r="447059" spans="8:8">
      <c r="H447059" s="12"/>
    </row>
    <row r="447060" spans="8:8">
      <c r="H447060" s="12"/>
    </row>
    <row r="447061" spans="8:8">
      <c r="H447061" s="12"/>
    </row>
    <row r="447062" spans="8:8">
      <c r="H447062" s="12"/>
    </row>
    <row r="447063" spans="8:8">
      <c r="H447063" s="12"/>
    </row>
    <row r="447064" spans="8:8">
      <c r="H447064" s="12"/>
    </row>
    <row r="447065" spans="8:8">
      <c r="H447065" s="12"/>
    </row>
    <row r="447066" spans="8:8">
      <c r="H447066" s="12"/>
    </row>
    <row r="447067" spans="8:8">
      <c r="H447067" s="12"/>
    </row>
    <row r="447068" spans="8:8">
      <c r="H447068" s="12"/>
    </row>
    <row r="447069" spans="8:8">
      <c r="H447069" s="12"/>
    </row>
    <row r="447070" spans="8:8">
      <c r="H447070" s="12"/>
    </row>
    <row r="447071" spans="8:8">
      <c r="H447071" s="12"/>
    </row>
    <row r="447072" spans="8:8">
      <c r="H447072" s="12"/>
    </row>
    <row r="447073" spans="8:8">
      <c r="H447073" s="12"/>
    </row>
    <row r="447074" spans="8:8">
      <c r="H447074" s="12"/>
    </row>
    <row r="447075" spans="8:8">
      <c r="H447075" s="12"/>
    </row>
    <row r="447076" spans="8:8">
      <c r="H447076" s="12"/>
    </row>
    <row r="447077" spans="8:8">
      <c r="H447077" s="12"/>
    </row>
    <row r="447078" spans="8:8">
      <c r="H447078" s="12"/>
    </row>
    <row r="447079" spans="8:8">
      <c r="H447079" s="12"/>
    </row>
    <row r="447080" spans="8:8">
      <c r="H447080" s="12"/>
    </row>
    <row r="447081" spans="8:8">
      <c r="H447081" s="12"/>
    </row>
    <row r="447082" spans="8:8">
      <c r="H447082" s="12"/>
    </row>
    <row r="447083" spans="8:8">
      <c r="H447083" s="12"/>
    </row>
    <row r="447084" spans="8:8">
      <c r="H447084" s="12"/>
    </row>
    <row r="447085" spans="8:8">
      <c r="H447085" s="12"/>
    </row>
    <row r="447086" spans="8:8">
      <c r="H447086" s="12"/>
    </row>
    <row r="447087" spans="8:8">
      <c r="H447087" s="12"/>
    </row>
    <row r="447088" spans="8:8">
      <c r="H447088" s="12"/>
    </row>
    <row r="447089" spans="8:8">
      <c r="H447089" s="12"/>
    </row>
    <row r="447090" spans="8:8">
      <c r="H447090" s="12"/>
    </row>
    <row r="447091" spans="8:8">
      <c r="H447091" s="12"/>
    </row>
    <row r="447092" spans="8:8">
      <c r="H447092" s="12"/>
    </row>
    <row r="447093" spans="8:8">
      <c r="H447093" s="12"/>
    </row>
    <row r="447094" spans="8:8">
      <c r="H447094" s="12"/>
    </row>
    <row r="447095" spans="8:8">
      <c r="H447095" s="12"/>
    </row>
    <row r="447096" spans="8:8">
      <c r="H447096" s="12"/>
    </row>
    <row r="447097" spans="8:8">
      <c r="H447097" s="12"/>
    </row>
    <row r="447098" spans="8:8">
      <c r="H447098" s="12"/>
    </row>
    <row r="447099" spans="8:8">
      <c r="H447099" s="12"/>
    </row>
    <row r="447100" spans="8:8">
      <c r="H447100" s="12"/>
    </row>
    <row r="447101" spans="8:8">
      <c r="H447101" s="12"/>
    </row>
    <row r="447102" spans="8:8">
      <c r="H447102" s="12"/>
    </row>
    <row r="447103" spans="8:8">
      <c r="H447103" s="12"/>
    </row>
    <row r="447104" spans="8:8">
      <c r="H447104" s="12"/>
    </row>
    <row r="447105" spans="8:8">
      <c r="H447105" s="12"/>
    </row>
    <row r="447106" spans="8:8">
      <c r="H447106" s="12"/>
    </row>
    <row r="447107" spans="8:8">
      <c r="H447107" s="12"/>
    </row>
    <row r="447108" spans="8:8">
      <c r="H447108" s="12"/>
    </row>
    <row r="447109" spans="8:8">
      <c r="H447109" s="12"/>
    </row>
    <row r="447110" spans="8:8">
      <c r="H447110" s="12"/>
    </row>
    <row r="447111" spans="8:8">
      <c r="H447111" s="12"/>
    </row>
    <row r="447112" spans="8:8">
      <c r="H447112" s="12"/>
    </row>
    <row r="447113" spans="8:8">
      <c r="H447113" s="12"/>
    </row>
    <row r="447114" spans="8:8">
      <c r="H447114" s="12"/>
    </row>
    <row r="447115" spans="8:8">
      <c r="H447115" s="12"/>
    </row>
    <row r="447116" spans="8:8">
      <c r="H447116" s="12"/>
    </row>
    <row r="447117" spans="8:8">
      <c r="H447117" s="12"/>
    </row>
    <row r="447118" spans="8:8">
      <c r="H447118" s="12"/>
    </row>
    <row r="447119" spans="8:8">
      <c r="H447119" s="12"/>
    </row>
    <row r="447120" spans="8:8">
      <c r="H447120" s="12"/>
    </row>
    <row r="447121" spans="8:8">
      <c r="H447121" s="12"/>
    </row>
    <row r="447122" spans="8:8">
      <c r="H447122" s="12"/>
    </row>
    <row r="447123" spans="8:8">
      <c r="H447123" s="12"/>
    </row>
    <row r="447124" spans="8:8">
      <c r="H447124" s="12"/>
    </row>
    <row r="447125" spans="8:8">
      <c r="H447125" s="12"/>
    </row>
    <row r="447126" spans="8:8">
      <c r="H447126" s="12"/>
    </row>
    <row r="447127" spans="8:8">
      <c r="H447127" s="12"/>
    </row>
    <row r="447128" spans="8:8">
      <c r="H447128" s="12"/>
    </row>
    <row r="447129" spans="8:8">
      <c r="H447129" s="12"/>
    </row>
    <row r="447130" spans="8:8">
      <c r="H447130" s="12"/>
    </row>
    <row r="447131" spans="8:8">
      <c r="H447131" s="12"/>
    </row>
    <row r="447132" spans="8:8">
      <c r="H447132" s="12"/>
    </row>
    <row r="447133" spans="8:8">
      <c r="H447133" s="12"/>
    </row>
    <row r="447134" spans="8:8">
      <c r="H447134" s="12"/>
    </row>
    <row r="447135" spans="8:8">
      <c r="H447135" s="12"/>
    </row>
    <row r="447136" spans="8:8">
      <c r="H447136" s="12"/>
    </row>
    <row r="447137" spans="8:8">
      <c r="H447137" s="12"/>
    </row>
    <row r="447138" spans="8:8">
      <c r="H447138" s="12"/>
    </row>
    <row r="447139" spans="8:8">
      <c r="H447139" s="12"/>
    </row>
    <row r="447140" spans="8:8">
      <c r="H447140" s="12"/>
    </row>
    <row r="447141" spans="8:8">
      <c r="H447141" s="12"/>
    </row>
    <row r="447142" spans="8:8">
      <c r="H447142" s="12"/>
    </row>
    <row r="447143" spans="8:8">
      <c r="H447143" s="12"/>
    </row>
    <row r="447144" spans="8:8">
      <c r="H447144" s="12"/>
    </row>
    <row r="447145" spans="8:8">
      <c r="H447145" s="12"/>
    </row>
    <row r="447146" spans="8:8">
      <c r="H447146" s="12"/>
    </row>
    <row r="447147" spans="8:8">
      <c r="H447147" s="12"/>
    </row>
    <row r="447148" spans="8:8">
      <c r="H447148" s="12"/>
    </row>
    <row r="447149" spans="8:8">
      <c r="H447149" s="12"/>
    </row>
    <row r="447150" spans="8:8">
      <c r="H447150" s="12"/>
    </row>
    <row r="447151" spans="8:8">
      <c r="H447151" s="12"/>
    </row>
    <row r="447152" spans="8:8">
      <c r="H447152" s="12"/>
    </row>
    <row r="447153" spans="8:8">
      <c r="H447153" s="12"/>
    </row>
    <row r="447154" spans="8:8">
      <c r="H447154" s="12"/>
    </row>
    <row r="447155" spans="8:8">
      <c r="H447155" s="12"/>
    </row>
    <row r="447156" spans="8:8">
      <c r="H447156" s="12"/>
    </row>
    <row r="447157" spans="8:8">
      <c r="H447157" s="12"/>
    </row>
    <row r="447158" spans="8:8">
      <c r="H447158" s="12"/>
    </row>
    <row r="447159" spans="8:8">
      <c r="H447159" s="12"/>
    </row>
    <row r="447160" spans="8:8">
      <c r="H447160" s="12"/>
    </row>
    <row r="447161" spans="8:8">
      <c r="H447161" s="12"/>
    </row>
    <row r="447162" spans="8:8">
      <c r="H447162" s="12"/>
    </row>
    <row r="447163" spans="8:8">
      <c r="H447163" s="12"/>
    </row>
    <row r="447164" spans="8:8">
      <c r="H447164" s="12"/>
    </row>
    <row r="447165" spans="8:8">
      <c r="H447165" s="12"/>
    </row>
    <row r="447166" spans="8:8">
      <c r="H447166" s="12"/>
    </row>
    <row r="447167" spans="8:8">
      <c r="H447167" s="12"/>
    </row>
    <row r="447168" spans="8:8">
      <c r="H447168" s="12"/>
    </row>
    <row r="447169" spans="8:8">
      <c r="H447169" s="12"/>
    </row>
    <row r="447170" spans="8:8">
      <c r="H447170" s="12"/>
    </row>
    <row r="447171" spans="8:8">
      <c r="H447171" s="12"/>
    </row>
    <row r="447172" spans="8:8">
      <c r="H447172" s="12"/>
    </row>
    <row r="447173" spans="8:8">
      <c r="H447173" s="12"/>
    </row>
    <row r="447174" spans="8:8">
      <c r="H447174" s="12"/>
    </row>
    <row r="447175" spans="8:8">
      <c r="H447175" s="12"/>
    </row>
    <row r="447176" spans="8:8">
      <c r="H447176" s="12"/>
    </row>
    <row r="447177" spans="8:8">
      <c r="H447177" s="12"/>
    </row>
    <row r="447178" spans="8:8">
      <c r="H447178" s="12"/>
    </row>
    <row r="447179" spans="8:8">
      <c r="H447179" s="12"/>
    </row>
    <row r="447180" spans="8:8">
      <c r="H447180" s="12"/>
    </row>
    <row r="447181" spans="8:8">
      <c r="H447181" s="12"/>
    </row>
    <row r="447182" spans="8:8">
      <c r="H447182" s="12"/>
    </row>
    <row r="447183" spans="8:8">
      <c r="H447183" s="12"/>
    </row>
    <row r="447184" spans="8:8">
      <c r="H447184" s="12"/>
    </row>
    <row r="447185" spans="8:8">
      <c r="H447185" s="12"/>
    </row>
    <row r="447186" spans="8:8">
      <c r="H447186" s="12"/>
    </row>
    <row r="447187" spans="8:8">
      <c r="H447187" s="12"/>
    </row>
    <row r="447188" spans="8:8">
      <c r="H447188" s="12"/>
    </row>
    <row r="447189" spans="8:8">
      <c r="H447189" s="12"/>
    </row>
    <row r="447190" spans="8:8">
      <c r="H447190" s="12"/>
    </row>
    <row r="447191" spans="8:8">
      <c r="H447191" s="12"/>
    </row>
    <row r="447192" spans="8:8">
      <c r="H447192" s="12"/>
    </row>
    <row r="447193" spans="8:8">
      <c r="H447193" s="12"/>
    </row>
    <row r="447194" spans="8:8">
      <c r="H447194" s="12"/>
    </row>
    <row r="447195" spans="8:8">
      <c r="H447195" s="12"/>
    </row>
    <row r="447196" spans="8:8">
      <c r="H447196" s="12"/>
    </row>
    <row r="447197" spans="8:8">
      <c r="H447197" s="12"/>
    </row>
    <row r="447198" spans="8:8">
      <c r="H447198" s="12"/>
    </row>
    <row r="447199" spans="8:8">
      <c r="H447199" s="12"/>
    </row>
    <row r="447200" spans="8:8">
      <c r="H447200" s="12"/>
    </row>
    <row r="447201" spans="8:8">
      <c r="H447201" s="12"/>
    </row>
    <row r="447202" spans="8:8">
      <c r="H447202" s="12"/>
    </row>
    <row r="447203" spans="8:8">
      <c r="H447203" s="12"/>
    </row>
    <row r="447204" spans="8:8">
      <c r="H447204" s="12"/>
    </row>
    <row r="447205" spans="8:8">
      <c r="H447205" s="12"/>
    </row>
    <row r="447206" spans="8:8">
      <c r="H447206" s="12"/>
    </row>
    <row r="447207" spans="8:8">
      <c r="H447207" s="12"/>
    </row>
    <row r="447208" spans="8:8">
      <c r="H447208" s="12"/>
    </row>
    <row r="447209" spans="8:8">
      <c r="H447209" s="12"/>
    </row>
    <row r="447210" spans="8:8">
      <c r="H447210" s="12"/>
    </row>
    <row r="447211" spans="8:8">
      <c r="H447211" s="12"/>
    </row>
    <row r="447212" spans="8:8">
      <c r="H447212" s="12"/>
    </row>
    <row r="447213" spans="8:8">
      <c r="H447213" s="12"/>
    </row>
    <row r="447214" spans="8:8">
      <c r="H447214" s="12"/>
    </row>
    <row r="447215" spans="8:8">
      <c r="H447215" s="12"/>
    </row>
    <row r="447216" spans="8:8">
      <c r="H447216" s="12"/>
    </row>
    <row r="447217" spans="8:8">
      <c r="H447217" s="12"/>
    </row>
    <row r="447218" spans="8:8">
      <c r="H447218" s="12"/>
    </row>
    <row r="447219" spans="8:8">
      <c r="H447219" s="12"/>
    </row>
    <row r="447220" spans="8:8">
      <c r="H447220" s="12"/>
    </row>
    <row r="447221" spans="8:8">
      <c r="H447221" s="12"/>
    </row>
    <row r="447222" spans="8:8">
      <c r="H447222" s="12"/>
    </row>
    <row r="447223" spans="8:8">
      <c r="H447223" s="12"/>
    </row>
    <row r="447224" spans="8:8">
      <c r="H447224" s="12"/>
    </row>
    <row r="447225" spans="8:8">
      <c r="H447225" s="12"/>
    </row>
    <row r="447226" spans="8:8">
      <c r="H447226" s="12"/>
    </row>
    <row r="447227" spans="8:8">
      <c r="H447227" s="12"/>
    </row>
    <row r="447228" spans="8:8">
      <c r="H447228" s="12"/>
    </row>
    <row r="447229" spans="8:8">
      <c r="H447229" s="12"/>
    </row>
    <row r="447230" spans="8:8">
      <c r="H447230" s="12"/>
    </row>
    <row r="447231" spans="8:8">
      <c r="H447231" s="12"/>
    </row>
    <row r="447232" spans="8:8">
      <c r="H447232" s="12"/>
    </row>
    <row r="447233" spans="8:8">
      <c r="H447233" s="12"/>
    </row>
    <row r="447234" spans="8:8">
      <c r="H447234" s="12"/>
    </row>
    <row r="447235" spans="8:8">
      <c r="H447235" s="12"/>
    </row>
    <row r="447236" spans="8:8">
      <c r="H447236" s="12"/>
    </row>
    <row r="447237" spans="8:8">
      <c r="H447237" s="12"/>
    </row>
    <row r="447238" spans="8:8">
      <c r="H447238" s="12"/>
    </row>
    <row r="447239" spans="8:8">
      <c r="H447239" s="12"/>
    </row>
    <row r="447240" spans="8:8">
      <c r="H447240" s="12"/>
    </row>
    <row r="447241" spans="8:8">
      <c r="H447241" s="12"/>
    </row>
    <row r="447242" spans="8:8">
      <c r="H447242" s="12"/>
    </row>
    <row r="447243" spans="8:8">
      <c r="H447243" s="12"/>
    </row>
    <row r="447244" spans="8:8">
      <c r="H447244" s="12"/>
    </row>
    <row r="447245" spans="8:8">
      <c r="H447245" s="12"/>
    </row>
    <row r="447246" spans="8:8">
      <c r="H447246" s="12"/>
    </row>
    <row r="447247" spans="8:8">
      <c r="H447247" s="12"/>
    </row>
    <row r="447248" spans="8:8">
      <c r="H447248" s="12"/>
    </row>
    <row r="447249" spans="8:8">
      <c r="H447249" s="12"/>
    </row>
    <row r="447250" spans="8:8">
      <c r="H447250" s="12"/>
    </row>
    <row r="447251" spans="8:8">
      <c r="H447251" s="12"/>
    </row>
    <row r="447252" spans="8:8">
      <c r="H447252" s="12"/>
    </row>
    <row r="447253" spans="8:8">
      <c r="H447253" s="12"/>
    </row>
    <row r="447254" spans="8:8">
      <c r="H447254" s="12"/>
    </row>
    <row r="447255" spans="8:8">
      <c r="H447255" s="12"/>
    </row>
    <row r="447256" spans="8:8">
      <c r="H447256" s="12"/>
    </row>
    <row r="447257" spans="8:8">
      <c r="H447257" s="12"/>
    </row>
    <row r="447258" spans="8:8">
      <c r="H447258" s="12"/>
    </row>
    <row r="447259" spans="8:8">
      <c r="H447259" s="12"/>
    </row>
    <row r="447260" spans="8:8">
      <c r="H447260" s="12"/>
    </row>
    <row r="447261" spans="8:8">
      <c r="H447261" s="12"/>
    </row>
    <row r="447262" spans="8:8">
      <c r="H447262" s="12"/>
    </row>
    <row r="447263" spans="8:8">
      <c r="H447263" s="12"/>
    </row>
    <row r="447264" spans="8:8">
      <c r="H447264" s="12"/>
    </row>
    <row r="447265" spans="8:8">
      <c r="H447265" s="12"/>
    </row>
    <row r="447266" spans="8:8">
      <c r="H447266" s="12"/>
    </row>
    <row r="447267" spans="8:8">
      <c r="H447267" s="12"/>
    </row>
    <row r="447268" spans="8:8">
      <c r="H447268" s="12"/>
    </row>
    <row r="447269" spans="8:8">
      <c r="H447269" s="12"/>
    </row>
    <row r="447270" spans="8:8">
      <c r="H447270" s="12"/>
    </row>
    <row r="447271" spans="8:8">
      <c r="H447271" s="12"/>
    </row>
    <row r="447272" spans="8:8">
      <c r="H447272" s="12"/>
    </row>
    <row r="447273" spans="8:8">
      <c r="H447273" s="12"/>
    </row>
    <row r="447274" spans="8:8">
      <c r="H447274" s="12"/>
    </row>
    <row r="447275" spans="8:8">
      <c r="H447275" s="12"/>
    </row>
    <row r="447276" spans="8:8">
      <c r="H447276" s="12"/>
    </row>
    <row r="447277" spans="8:8">
      <c r="H447277" s="12"/>
    </row>
    <row r="447278" spans="8:8">
      <c r="H447278" s="12"/>
    </row>
    <row r="447279" spans="8:8">
      <c r="H447279" s="12"/>
    </row>
    <row r="447280" spans="8:8">
      <c r="H447280" s="12"/>
    </row>
    <row r="447281" spans="8:8">
      <c r="H447281" s="12"/>
    </row>
    <row r="447282" spans="8:8">
      <c r="H447282" s="12"/>
    </row>
    <row r="447283" spans="8:8">
      <c r="H447283" s="12"/>
    </row>
    <row r="447284" spans="8:8">
      <c r="H447284" s="12"/>
    </row>
    <row r="447285" spans="8:8">
      <c r="H447285" s="12"/>
    </row>
    <row r="447286" spans="8:8">
      <c r="H447286" s="12"/>
    </row>
    <row r="447287" spans="8:8">
      <c r="H447287" s="12"/>
    </row>
    <row r="447288" spans="8:8">
      <c r="H447288" s="12"/>
    </row>
    <row r="447289" spans="8:8">
      <c r="H447289" s="12"/>
    </row>
    <row r="447290" spans="8:8">
      <c r="H447290" s="12"/>
    </row>
    <row r="447291" spans="8:8">
      <c r="H447291" s="12"/>
    </row>
    <row r="447292" spans="8:8">
      <c r="H447292" s="12"/>
    </row>
    <row r="447293" spans="8:8">
      <c r="H447293" s="12"/>
    </row>
    <row r="447294" spans="8:8">
      <c r="H447294" s="12"/>
    </row>
    <row r="447295" spans="8:8">
      <c r="H447295" s="12"/>
    </row>
    <row r="447296" spans="8:8">
      <c r="H447296" s="12"/>
    </row>
    <row r="447297" spans="8:8">
      <c r="H447297" s="12"/>
    </row>
    <row r="447298" spans="8:8">
      <c r="H447298" s="12"/>
    </row>
    <row r="447299" spans="8:8">
      <c r="H447299" s="12"/>
    </row>
    <row r="447300" spans="8:8">
      <c r="H447300" s="12"/>
    </row>
    <row r="447301" spans="8:8">
      <c r="H447301" s="12"/>
    </row>
    <row r="447302" spans="8:8">
      <c r="H447302" s="12"/>
    </row>
    <row r="447303" spans="8:8">
      <c r="H447303" s="12"/>
    </row>
    <row r="447304" spans="8:8">
      <c r="H447304" s="12"/>
    </row>
    <row r="447305" spans="8:8">
      <c r="H447305" s="12"/>
    </row>
    <row r="447306" spans="8:8">
      <c r="H447306" s="12"/>
    </row>
    <row r="447307" spans="8:8">
      <c r="H447307" s="12"/>
    </row>
    <row r="447308" spans="8:8">
      <c r="H447308" s="12"/>
    </row>
    <row r="447309" spans="8:8">
      <c r="H447309" s="12"/>
    </row>
    <row r="447310" spans="8:8">
      <c r="H447310" s="12"/>
    </row>
    <row r="447311" spans="8:8">
      <c r="H447311" s="12"/>
    </row>
    <row r="447312" spans="8:8">
      <c r="H447312" s="12"/>
    </row>
    <row r="447313" spans="8:8">
      <c r="H447313" s="12"/>
    </row>
    <row r="447314" spans="8:8">
      <c r="H447314" s="12"/>
    </row>
    <row r="447315" spans="8:8">
      <c r="H447315" s="12"/>
    </row>
    <row r="447316" spans="8:8">
      <c r="H447316" s="12"/>
    </row>
    <row r="447317" spans="8:8">
      <c r="H447317" s="12"/>
    </row>
    <row r="447318" spans="8:8">
      <c r="H447318" s="12"/>
    </row>
    <row r="447319" spans="8:8">
      <c r="H447319" s="12"/>
    </row>
    <row r="447320" spans="8:8">
      <c r="H447320" s="12"/>
    </row>
    <row r="447321" spans="8:8">
      <c r="H447321" s="12"/>
    </row>
    <row r="447322" spans="8:8">
      <c r="H447322" s="12"/>
    </row>
    <row r="447323" spans="8:8">
      <c r="H447323" s="12"/>
    </row>
    <row r="447324" spans="8:8">
      <c r="H447324" s="12"/>
    </row>
    <row r="447325" spans="8:8">
      <c r="H447325" s="12"/>
    </row>
    <row r="447326" spans="8:8">
      <c r="H447326" s="12"/>
    </row>
    <row r="447327" spans="8:8">
      <c r="H447327" s="12"/>
    </row>
    <row r="447328" spans="8:8">
      <c r="H447328" s="12"/>
    </row>
    <row r="447329" spans="8:8">
      <c r="H447329" s="12"/>
    </row>
    <row r="447330" spans="8:8">
      <c r="H447330" s="12"/>
    </row>
    <row r="447331" spans="8:8">
      <c r="H447331" s="12"/>
    </row>
    <row r="447332" spans="8:8">
      <c r="H447332" s="12"/>
    </row>
    <row r="447333" spans="8:8">
      <c r="H447333" s="12"/>
    </row>
    <row r="447334" spans="8:8">
      <c r="H447334" s="12"/>
    </row>
    <row r="447335" spans="8:8">
      <c r="H447335" s="12"/>
    </row>
    <row r="447336" spans="8:8">
      <c r="H447336" s="12"/>
    </row>
    <row r="447337" spans="8:8">
      <c r="H447337" s="12"/>
    </row>
    <row r="447338" spans="8:8">
      <c r="H447338" s="12"/>
    </row>
    <row r="447339" spans="8:8">
      <c r="H447339" s="12"/>
    </row>
    <row r="447340" spans="8:8">
      <c r="H447340" s="12"/>
    </row>
    <row r="447341" spans="8:8">
      <c r="H447341" s="12"/>
    </row>
    <row r="447342" spans="8:8">
      <c r="H447342" s="12"/>
    </row>
    <row r="447343" spans="8:8">
      <c r="H447343" s="12"/>
    </row>
    <row r="447344" spans="8:8">
      <c r="H447344" s="12"/>
    </row>
    <row r="447345" spans="8:8">
      <c r="H447345" s="12"/>
    </row>
    <row r="447346" spans="8:8">
      <c r="H447346" s="12"/>
    </row>
    <row r="447347" spans="8:8">
      <c r="H447347" s="12"/>
    </row>
    <row r="447348" spans="8:8">
      <c r="H447348" s="12"/>
    </row>
    <row r="447349" spans="8:8">
      <c r="H447349" s="12"/>
    </row>
    <row r="447350" spans="8:8">
      <c r="H447350" s="12"/>
    </row>
    <row r="447351" spans="8:8">
      <c r="H447351" s="12"/>
    </row>
    <row r="447352" spans="8:8">
      <c r="H447352" s="12"/>
    </row>
    <row r="447353" spans="8:8">
      <c r="H447353" s="12"/>
    </row>
    <row r="447354" spans="8:8">
      <c r="H447354" s="12"/>
    </row>
    <row r="447355" spans="8:8">
      <c r="H447355" s="12"/>
    </row>
    <row r="447356" spans="8:8">
      <c r="H447356" s="12"/>
    </row>
    <row r="447357" spans="8:8">
      <c r="H447357" s="12"/>
    </row>
    <row r="447358" spans="8:8">
      <c r="H447358" s="12"/>
    </row>
    <row r="447359" spans="8:8">
      <c r="H447359" s="12"/>
    </row>
    <row r="447360" spans="8:8">
      <c r="H447360" s="12"/>
    </row>
    <row r="447361" spans="8:8">
      <c r="H447361" s="12"/>
    </row>
    <row r="447362" spans="8:8">
      <c r="H447362" s="12"/>
    </row>
    <row r="447363" spans="8:8">
      <c r="H447363" s="12"/>
    </row>
    <row r="447364" spans="8:8">
      <c r="H447364" s="12"/>
    </row>
    <row r="447365" spans="8:8">
      <c r="H447365" s="12"/>
    </row>
    <row r="447366" spans="8:8">
      <c r="H447366" s="12"/>
    </row>
    <row r="447367" spans="8:8">
      <c r="H447367" s="12"/>
    </row>
    <row r="447368" spans="8:8">
      <c r="H447368" s="12"/>
    </row>
    <row r="447369" spans="8:8">
      <c r="H447369" s="12"/>
    </row>
    <row r="447370" spans="8:8">
      <c r="H447370" s="12"/>
    </row>
    <row r="447371" spans="8:8">
      <c r="H447371" s="12"/>
    </row>
    <row r="447372" spans="8:8">
      <c r="H447372" s="12"/>
    </row>
    <row r="447373" spans="8:8">
      <c r="H447373" s="12"/>
    </row>
    <row r="447374" spans="8:8">
      <c r="H447374" s="12"/>
    </row>
    <row r="447375" spans="8:8">
      <c r="H447375" s="12"/>
    </row>
    <row r="447376" spans="8:8">
      <c r="H447376" s="12"/>
    </row>
    <row r="447377" spans="8:8">
      <c r="H447377" s="12"/>
    </row>
    <row r="447378" spans="8:8">
      <c r="H447378" s="12"/>
    </row>
    <row r="447379" spans="8:8">
      <c r="H447379" s="12"/>
    </row>
    <row r="447380" spans="8:8">
      <c r="H447380" s="12"/>
    </row>
    <row r="447381" spans="8:8">
      <c r="H447381" s="12"/>
    </row>
    <row r="447382" spans="8:8">
      <c r="H447382" s="12"/>
    </row>
    <row r="447383" spans="8:8">
      <c r="H447383" s="12"/>
    </row>
    <row r="447384" spans="8:8">
      <c r="H447384" s="12"/>
    </row>
    <row r="447385" spans="8:8">
      <c r="H447385" s="12"/>
    </row>
    <row r="447386" spans="8:8">
      <c r="H447386" s="12"/>
    </row>
    <row r="447387" spans="8:8">
      <c r="H447387" s="12"/>
    </row>
    <row r="447388" spans="8:8">
      <c r="H447388" s="12"/>
    </row>
    <row r="447389" spans="8:8">
      <c r="H447389" s="12"/>
    </row>
    <row r="447390" spans="8:8">
      <c r="H447390" s="12"/>
    </row>
    <row r="447391" spans="8:8">
      <c r="H447391" s="12"/>
    </row>
    <row r="447392" spans="8:8">
      <c r="H447392" s="12"/>
    </row>
    <row r="447393" spans="8:8">
      <c r="H447393" s="12"/>
    </row>
    <row r="447394" spans="8:8">
      <c r="H447394" s="12"/>
    </row>
    <row r="447395" spans="8:8">
      <c r="H447395" s="12"/>
    </row>
    <row r="447396" spans="8:8">
      <c r="H447396" s="12"/>
    </row>
    <row r="447397" spans="8:8">
      <c r="H447397" s="12"/>
    </row>
    <row r="447398" spans="8:8">
      <c r="H447398" s="12"/>
    </row>
    <row r="447399" spans="8:8">
      <c r="H447399" s="12"/>
    </row>
    <row r="447400" spans="8:8">
      <c r="H447400" s="12"/>
    </row>
    <row r="447401" spans="8:8">
      <c r="H447401" s="12"/>
    </row>
    <row r="447402" spans="8:8">
      <c r="H447402" s="12"/>
    </row>
    <row r="447403" spans="8:8">
      <c r="H447403" s="12"/>
    </row>
    <row r="447404" spans="8:8">
      <c r="H447404" s="12"/>
    </row>
    <row r="447405" spans="8:8">
      <c r="H447405" s="12"/>
    </row>
    <row r="447406" spans="8:8">
      <c r="H447406" s="12"/>
    </row>
    <row r="447407" spans="8:8">
      <c r="H447407" s="12"/>
    </row>
    <row r="447408" spans="8:8">
      <c r="H447408" s="12"/>
    </row>
    <row r="447409" spans="8:8">
      <c r="H447409" s="12"/>
    </row>
    <row r="447410" spans="8:8">
      <c r="H447410" s="12"/>
    </row>
    <row r="447411" spans="8:8">
      <c r="H447411" s="12"/>
    </row>
    <row r="447412" spans="8:8">
      <c r="H447412" s="12"/>
    </row>
    <row r="447413" spans="8:8">
      <c r="H447413" s="12"/>
    </row>
    <row r="447414" spans="8:8">
      <c r="H447414" s="12"/>
    </row>
    <row r="447415" spans="8:8">
      <c r="H447415" s="12"/>
    </row>
    <row r="447416" spans="8:8">
      <c r="H447416" s="12"/>
    </row>
    <row r="447417" spans="8:8">
      <c r="H447417" s="12"/>
    </row>
    <row r="447418" spans="8:8">
      <c r="H447418" s="12"/>
    </row>
    <row r="447419" spans="8:8">
      <c r="H447419" s="12"/>
    </row>
    <row r="447420" spans="8:8">
      <c r="H447420" s="12"/>
    </row>
    <row r="447421" spans="8:8">
      <c r="H447421" s="12"/>
    </row>
    <row r="447422" spans="8:8">
      <c r="H447422" s="12"/>
    </row>
    <row r="447423" spans="8:8">
      <c r="H447423" s="12"/>
    </row>
    <row r="447424" spans="8:8">
      <c r="H447424" s="12"/>
    </row>
    <row r="447425" spans="8:8">
      <c r="H447425" s="12"/>
    </row>
    <row r="447426" spans="8:8">
      <c r="H447426" s="12"/>
    </row>
    <row r="447427" spans="8:8">
      <c r="H447427" s="12"/>
    </row>
    <row r="447428" spans="8:8">
      <c r="H447428" s="12"/>
    </row>
    <row r="447429" spans="8:8">
      <c r="H447429" s="12"/>
    </row>
    <row r="447430" spans="8:8">
      <c r="H447430" s="12"/>
    </row>
    <row r="447431" spans="8:8">
      <c r="H447431" s="12"/>
    </row>
    <row r="447432" spans="8:8">
      <c r="H447432" s="12"/>
    </row>
    <row r="447433" spans="8:8">
      <c r="H447433" s="12"/>
    </row>
    <row r="447434" spans="8:8">
      <c r="H447434" s="12"/>
    </row>
    <row r="447435" spans="8:8">
      <c r="H447435" s="12"/>
    </row>
    <row r="447436" spans="8:8">
      <c r="H447436" s="12"/>
    </row>
    <row r="447437" spans="8:8">
      <c r="H447437" s="12"/>
    </row>
    <row r="447438" spans="8:8">
      <c r="H447438" s="12"/>
    </row>
    <row r="447439" spans="8:8">
      <c r="H447439" s="12"/>
    </row>
    <row r="447440" spans="8:8">
      <c r="H447440" s="12"/>
    </row>
    <row r="447441" spans="8:8">
      <c r="H447441" s="12"/>
    </row>
    <row r="447442" spans="8:8">
      <c r="H447442" s="12"/>
    </row>
    <row r="447443" spans="8:8">
      <c r="H447443" s="12"/>
    </row>
    <row r="447444" spans="8:8">
      <c r="H447444" s="12"/>
    </row>
    <row r="447445" spans="8:8">
      <c r="H447445" s="12"/>
    </row>
    <row r="447446" spans="8:8">
      <c r="H447446" s="12"/>
    </row>
    <row r="447447" spans="8:8">
      <c r="H447447" s="12"/>
    </row>
    <row r="447448" spans="8:8">
      <c r="H447448" s="12"/>
    </row>
    <row r="447449" spans="8:8">
      <c r="H447449" s="12"/>
    </row>
    <row r="447450" spans="8:8">
      <c r="H447450" s="12"/>
    </row>
    <row r="447451" spans="8:8">
      <c r="H447451" s="12"/>
    </row>
    <row r="447452" spans="8:8">
      <c r="H447452" s="12"/>
    </row>
    <row r="447453" spans="8:8">
      <c r="H447453" s="12"/>
    </row>
    <row r="447454" spans="8:8">
      <c r="H447454" s="12"/>
    </row>
    <row r="447455" spans="8:8">
      <c r="H447455" s="12"/>
    </row>
    <row r="447456" spans="8:8">
      <c r="H447456" s="12"/>
    </row>
    <row r="447457" spans="8:8">
      <c r="H447457" s="12"/>
    </row>
    <row r="447458" spans="8:8">
      <c r="H447458" s="12"/>
    </row>
    <row r="447459" spans="8:8">
      <c r="H447459" s="12"/>
    </row>
    <row r="447460" spans="8:8">
      <c r="H447460" s="12"/>
    </row>
    <row r="447461" spans="8:8">
      <c r="H447461" s="12"/>
    </row>
    <row r="447462" spans="8:8">
      <c r="H447462" s="12"/>
    </row>
    <row r="447463" spans="8:8">
      <c r="H447463" s="12"/>
    </row>
    <row r="447464" spans="8:8">
      <c r="H447464" s="12"/>
    </row>
    <row r="447465" spans="8:8">
      <c r="H447465" s="12"/>
    </row>
    <row r="447466" spans="8:8">
      <c r="H447466" s="12"/>
    </row>
    <row r="447467" spans="8:8">
      <c r="H447467" s="12"/>
    </row>
    <row r="447468" spans="8:8">
      <c r="H447468" s="12"/>
    </row>
    <row r="447469" spans="8:8">
      <c r="H447469" s="12"/>
    </row>
    <row r="447470" spans="8:8">
      <c r="H447470" s="12"/>
    </row>
    <row r="447471" spans="8:8">
      <c r="H447471" s="12"/>
    </row>
    <row r="447472" spans="8:8">
      <c r="H447472" s="12"/>
    </row>
    <row r="447473" spans="8:8">
      <c r="H447473" s="12"/>
    </row>
    <row r="447474" spans="8:8">
      <c r="H447474" s="12"/>
    </row>
    <row r="447475" spans="8:8">
      <c r="H447475" s="12"/>
    </row>
    <row r="447476" spans="8:8">
      <c r="H447476" s="12"/>
    </row>
    <row r="447477" spans="8:8">
      <c r="H447477" s="12"/>
    </row>
    <row r="447478" spans="8:8">
      <c r="H447478" s="12"/>
    </row>
    <row r="447479" spans="8:8">
      <c r="H447479" s="12"/>
    </row>
    <row r="447480" spans="8:8">
      <c r="H447480" s="12"/>
    </row>
    <row r="447481" spans="8:8">
      <c r="H447481" s="12"/>
    </row>
    <row r="447482" spans="8:8">
      <c r="H447482" s="12"/>
    </row>
    <row r="447483" spans="8:8">
      <c r="H447483" s="12"/>
    </row>
    <row r="447484" spans="8:8">
      <c r="H447484" s="12"/>
    </row>
    <row r="447485" spans="8:8">
      <c r="H447485" s="12"/>
    </row>
    <row r="447486" spans="8:8">
      <c r="H447486" s="12"/>
    </row>
    <row r="447487" spans="8:8">
      <c r="H447487" s="12"/>
    </row>
    <row r="447488" spans="8:8">
      <c r="H447488" s="12"/>
    </row>
    <row r="447489" spans="8:8">
      <c r="H447489" s="12"/>
    </row>
    <row r="447490" spans="8:8">
      <c r="H447490" s="12"/>
    </row>
    <row r="447491" spans="8:8">
      <c r="H447491" s="12"/>
    </row>
    <row r="447492" spans="8:8">
      <c r="H447492" s="12"/>
    </row>
    <row r="447493" spans="8:8">
      <c r="H447493" s="12"/>
    </row>
    <row r="447494" spans="8:8">
      <c r="H447494" s="12"/>
    </row>
    <row r="447495" spans="8:8">
      <c r="H447495" s="12"/>
    </row>
    <row r="447496" spans="8:8">
      <c r="H447496" s="12"/>
    </row>
    <row r="447497" spans="8:8">
      <c r="H447497" s="12"/>
    </row>
    <row r="447498" spans="8:8">
      <c r="H447498" s="12"/>
    </row>
    <row r="447499" spans="8:8">
      <c r="H447499" s="12"/>
    </row>
    <row r="447500" spans="8:8">
      <c r="H447500" s="12"/>
    </row>
    <row r="447501" spans="8:8">
      <c r="H447501" s="12"/>
    </row>
    <row r="447502" spans="8:8">
      <c r="H447502" s="12"/>
    </row>
    <row r="447503" spans="8:8">
      <c r="H447503" s="12"/>
    </row>
    <row r="447504" spans="8:8">
      <c r="H447504" s="12"/>
    </row>
    <row r="447505" spans="8:8">
      <c r="H447505" s="12"/>
    </row>
    <row r="447506" spans="8:8">
      <c r="H447506" s="12"/>
    </row>
    <row r="447507" spans="8:8">
      <c r="H447507" s="12"/>
    </row>
    <row r="447508" spans="8:8">
      <c r="H447508" s="12"/>
    </row>
    <row r="447509" spans="8:8">
      <c r="H447509" s="12"/>
    </row>
    <row r="447510" spans="8:8">
      <c r="H447510" s="12"/>
    </row>
    <row r="447511" spans="8:8">
      <c r="H447511" s="12"/>
    </row>
    <row r="447512" spans="8:8">
      <c r="H447512" s="12"/>
    </row>
    <row r="447513" spans="8:8">
      <c r="H447513" s="12"/>
    </row>
    <row r="447514" spans="8:8">
      <c r="H447514" s="12"/>
    </row>
    <row r="447515" spans="8:8">
      <c r="H447515" s="12"/>
    </row>
    <row r="447516" spans="8:8">
      <c r="H447516" s="12"/>
    </row>
    <row r="447517" spans="8:8">
      <c r="H447517" s="12"/>
    </row>
    <row r="447518" spans="8:8">
      <c r="H447518" s="12"/>
    </row>
    <row r="447519" spans="8:8">
      <c r="H447519" s="12"/>
    </row>
    <row r="447520" spans="8:8">
      <c r="H447520" s="12"/>
    </row>
    <row r="447521" spans="8:8">
      <c r="H447521" s="12"/>
    </row>
    <row r="447522" spans="8:8">
      <c r="H447522" s="12"/>
    </row>
    <row r="447523" spans="8:8">
      <c r="H447523" s="12"/>
    </row>
    <row r="447524" spans="8:8">
      <c r="H447524" s="12"/>
    </row>
    <row r="447525" spans="8:8">
      <c r="H447525" s="12"/>
    </row>
    <row r="447526" spans="8:8">
      <c r="H447526" s="12"/>
    </row>
    <row r="447527" spans="8:8">
      <c r="H447527" s="12"/>
    </row>
    <row r="447528" spans="8:8">
      <c r="H447528" s="12"/>
    </row>
    <row r="447529" spans="8:8">
      <c r="H447529" s="12"/>
    </row>
    <row r="447530" spans="8:8">
      <c r="H447530" s="12"/>
    </row>
    <row r="447531" spans="8:8">
      <c r="H447531" s="12"/>
    </row>
    <row r="447532" spans="8:8">
      <c r="H447532" s="12"/>
    </row>
    <row r="447533" spans="8:8">
      <c r="H447533" s="12"/>
    </row>
    <row r="447534" spans="8:8">
      <c r="H447534" s="12"/>
    </row>
    <row r="447535" spans="8:8">
      <c r="H447535" s="12"/>
    </row>
    <row r="447536" spans="8:8">
      <c r="H447536" s="12"/>
    </row>
    <row r="447537" spans="8:8">
      <c r="H447537" s="12"/>
    </row>
    <row r="447538" spans="8:8">
      <c r="H447538" s="12"/>
    </row>
    <row r="447539" spans="8:8">
      <c r="H447539" s="12"/>
    </row>
    <row r="447540" spans="8:8">
      <c r="H447540" s="12"/>
    </row>
    <row r="447541" spans="8:8">
      <c r="H447541" s="12"/>
    </row>
    <row r="447542" spans="8:8">
      <c r="H447542" s="12"/>
    </row>
    <row r="447543" spans="8:8">
      <c r="H447543" s="12"/>
    </row>
    <row r="447544" spans="8:8">
      <c r="H447544" s="12"/>
    </row>
    <row r="447545" spans="8:8">
      <c r="H447545" s="12"/>
    </row>
    <row r="447546" spans="8:8">
      <c r="H447546" s="12"/>
    </row>
    <row r="447547" spans="8:8">
      <c r="H447547" s="12"/>
    </row>
    <row r="447548" spans="8:8">
      <c r="H447548" s="12"/>
    </row>
    <row r="447549" spans="8:8">
      <c r="H447549" s="12"/>
    </row>
    <row r="447550" spans="8:8">
      <c r="H447550" s="12"/>
    </row>
    <row r="447551" spans="8:8">
      <c r="H447551" s="12"/>
    </row>
    <row r="447552" spans="8:8">
      <c r="H447552" s="12"/>
    </row>
    <row r="447553" spans="8:8">
      <c r="H447553" s="12"/>
    </row>
    <row r="447554" spans="8:8">
      <c r="H447554" s="12"/>
    </row>
    <row r="447555" spans="8:8">
      <c r="H447555" s="12"/>
    </row>
    <row r="447556" spans="8:8">
      <c r="H447556" s="12"/>
    </row>
    <row r="447557" spans="8:8">
      <c r="H447557" s="12"/>
    </row>
    <row r="447558" spans="8:8">
      <c r="H447558" s="12"/>
    </row>
    <row r="447559" spans="8:8">
      <c r="H447559" s="12"/>
    </row>
    <row r="447560" spans="8:8">
      <c r="H447560" s="12"/>
    </row>
    <row r="447561" spans="8:8">
      <c r="H447561" s="12"/>
    </row>
    <row r="447562" spans="8:8">
      <c r="H447562" s="12"/>
    </row>
    <row r="447563" spans="8:8">
      <c r="H447563" s="12"/>
    </row>
    <row r="447564" spans="8:8">
      <c r="H447564" s="12"/>
    </row>
    <row r="447565" spans="8:8">
      <c r="H447565" s="12"/>
    </row>
    <row r="447566" spans="8:8">
      <c r="H447566" s="12"/>
    </row>
    <row r="447567" spans="8:8">
      <c r="H447567" s="12"/>
    </row>
    <row r="447568" spans="8:8">
      <c r="H447568" s="12"/>
    </row>
    <row r="447569" spans="8:8">
      <c r="H447569" s="12"/>
    </row>
    <row r="447570" spans="8:8">
      <c r="H447570" s="12"/>
    </row>
    <row r="447571" spans="8:8">
      <c r="H447571" s="12"/>
    </row>
    <row r="447572" spans="8:8">
      <c r="H447572" s="12"/>
    </row>
    <row r="447573" spans="8:8">
      <c r="H447573" s="12"/>
    </row>
    <row r="447574" spans="8:8">
      <c r="H447574" s="12"/>
    </row>
    <row r="447575" spans="8:8">
      <c r="H447575" s="12"/>
    </row>
    <row r="447576" spans="8:8">
      <c r="H447576" s="12"/>
    </row>
    <row r="447577" spans="8:8">
      <c r="H447577" s="12"/>
    </row>
    <row r="447578" spans="8:8">
      <c r="H447578" s="12"/>
    </row>
    <row r="447579" spans="8:8">
      <c r="H447579" s="12"/>
    </row>
    <row r="447580" spans="8:8">
      <c r="H447580" s="12"/>
    </row>
    <row r="447581" spans="8:8">
      <c r="H447581" s="12"/>
    </row>
    <row r="447582" spans="8:8">
      <c r="H447582" s="12"/>
    </row>
    <row r="447583" spans="8:8">
      <c r="H447583" s="12"/>
    </row>
    <row r="447584" spans="8:8">
      <c r="H447584" s="12"/>
    </row>
    <row r="447585" spans="8:8">
      <c r="H447585" s="12"/>
    </row>
    <row r="447586" spans="8:8">
      <c r="H447586" s="12"/>
    </row>
    <row r="447587" spans="8:8">
      <c r="H447587" s="12"/>
    </row>
    <row r="447588" spans="8:8">
      <c r="H447588" s="12"/>
    </row>
    <row r="447589" spans="8:8">
      <c r="H447589" s="12"/>
    </row>
    <row r="447590" spans="8:8">
      <c r="H447590" s="12"/>
    </row>
    <row r="447591" spans="8:8">
      <c r="H447591" s="12"/>
    </row>
    <row r="447592" spans="8:8">
      <c r="H447592" s="12"/>
    </row>
    <row r="447593" spans="8:8">
      <c r="H447593" s="12"/>
    </row>
    <row r="447594" spans="8:8">
      <c r="H447594" s="12"/>
    </row>
    <row r="447595" spans="8:8">
      <c r="H447595" s="12"/>
    </row>
    <row r="447596" spans="8:8">
      <c r="H447596" s="12"/>
    </row>
    <row r="447597" spans="8:8">
      <c r="H447597" s="12"/>
    </row>
    <row r="447598" spans="8:8">
      <c r="H447598" s="12"/>
    </row>
    <row r="447599" spans="8:8">
      <c r="H447599" s="12"/>
    </row>
    <row r="447600" spans="8:8">
      <c r="H447600" s="12"/>
    </row>
    <row r="447601" spans="8:8">
      <c r="H447601" s="12"/>
    </row>
    <row r="447602" spans="8:8">
      <c r="H447602" s="12"/>
    </row>
    <row r="447603" spans="8:8">
      <c r="H447603" s="12"/>
    </row>
    <row r="447604" spans="8:8">
      <c r="H447604" s="12"/>
    </row>
    <row r="447605" spans="8:8">
      <c r="H447605" s="12"/>
    </row>
    <row r="447606" spans="8:8">
      <c r="H447606" s="12"/>
    </row>
    <row r="447607" spans="8:8">
      <c r="H447607" s="12"/>
    </row>
    <row r="447608" spans="8:8">
      <c r="H447608" s="12"/>
    </row>
    <row r="447609" spans="8:8">
      <c r="H447609" s="12"/>
    </row>
    <row r="447610" spans="8:8">
      <c r="H447610" s="12"/>
    </row>
    <row r="447611" spans="8:8">
      <c r="H447611" s="12"/>
    </row>
    <row r="447612" spans="8:8">
      <c r="H447612" s="12"/>
    </row>
    <row r="447613" spans="8:8">
      <c r="H447613" s="12"/>
    </row>
    <row r="447614" spans="8:8">
      <c r="H447614" s="12"/>
    </row>
    <row r="447615" spans="8:8">
      <c r="H447615" s="12"/>
    </row>
    <row r="447616" spans="8:8">
      <c r="H447616" s="12"/>
    </row>
    <row r="447617" spans="8:8">
      <c r="H447617" s="12"/>
    </row>
    <row r="447618" spans="8:8">
      <c r="H447618" s="12"/>
    </row>
    <row r="447619" spans="8:8">
      <c r="H447619" s="12"/>
    </row>
    <row r="447620" spans="8:8">
      <c r="H447620" s="12"/>
    </row>
    <row r="447621" spans="8:8">
      <c r="H447621" s="12"/>
    </row>
    <row r="447622" spans="8:8">
      <c r="H447622" s="12"/>
    </row>
    <row r="447623" spans="8:8">
      <c r="H447623" s="12"/>
    </row>
    <row r="447624" spans="8:8">
      <c r="H447624" s="12"/>
    </row>
    <row r="447625" spans="8:8">
      <c r="H447625" s="12"/>
    </row>
    <row r="447626" spans="8:8">
      <c r="H447626" s="12"/>
    </row>
    <row r="447627" spans="8:8">
      <c r="H447627" s="12"/>
    </row>
    <row r="447628" spans="8:8">
      <c r="H447628" s="12"/>
    </row>
    <row r="447629" spans="8:8">
      <c r="H447629" s="12"/>
    </row>
    <row r="447630" spans="8:8">
      <c r="H447630" s="12"/>
    </row>
    <row r="447631" spans="8:8">
      <c r="H447631" s="12"/>
    </row>
    <row r="447632" spans="8:8">
      <c r="H447632" s="12"/>
    </row>
    <row r="447633" spans="8:8">
      <c r="H447633" s="12"/>
    </row>
    <row r="447634" spans="8:8">
      <c r="H447634" s="12"/>
    </row>
    <row r="447635" spans="8:8">
      <c r="H447635" s="12"/>
    </row>
    <row r="447636" spans="8:8">
      <c r="H447636" s="12"/>
    </row>
    <row r="447637" spans="8:8">
      <c r="H447637" s="12"/>
    </row>
    <row r="447638" spans="8:8">
      <c r="H447638" s="12"/>
    </row>
    <row r="447639" spans="8:8">
      <c r="H447639" s="12"/>
    </row>
    <row r="447640" spans="8:8">
      <c r="H447640" s="12"/>
    </row>
    <row r="447641" spans="8:8">
      <c r="H447641" s="12"/>
    </row>
    <row r="447642" spans="8:8">
      <c r="H447642" s="12"/>
    </row>
    <row r="447643" spans="8:8">
      <c r="H447643" s="12"/>
    </row>
    <row r="447644" spans="8:8">
      <c r="H447644" s="12"/>
    </row>
    <row r="447645" spans="8:8">
      <c r="H447645" s="12"/>
    </row>
    <row r="447646" spans="8:8">
      <c r="H447646" s="12"/>
    </row>
    <row r="447647" spans="8:8">
      <c r="H447647" s="12"/>
    </row>
    <row r="447648" spans="8:8">
      <c r="H447648" s="12"/>
    </row>
    <row r="447649" spans="8:8">
      <c r="H447649" s="12"/>
    </row>
    <row r="447650" spans="8:8">
      <c r="H447650" s="12"/>
    </row>
    <row r="447651" spans="8:8">
      <c r="H447651" s="12"/>
    </row>
    <row r="447652" spans="8:8">
      <c r="H447652" s="12"/>
    </row>
    <row r="447653" spans="8:8">
      <c r="H447653" s="12"/>
    </row>
    <row r="447654" spans="8:8">
      <c r="H447654" s="12"/>
    </row>
    <row r="447655" spans="8:8">
      <c r="H447655" s="12"/>
    </row>
    <row r="447656" spans="8:8">
      <c r="H447656" s="12"/>
    </row>
    <row r="447657" spans="8:8">
      <c r="H447657" s="12"/>
    </row>
    <row r="447658" spans="8:8">
      <c r="H447658" s="12"/>
    </row>
    <row r="447659" spans="8:8">
      <c r="H447659" s="12"/>
    </row>
    <row r="447660" spans="8:8">
      <c r="H447660" s="12"/>
    </row>
    <row r="447661" spans="8:8">
      <c r="H447661" s="12"/>
    </row>
    <row r="447662" spans="8:8">
      <c r="H447662" s="12"/>
    </row>
    <row r="447663" spans="8:8">
      <c r="H447663" s="12"/>
    </row>
    <row r="447664" spans="8:8">
      <c r="H447664" s="12"/>
    </row>
    <row r="447665" spans="8:8">
      <c r="H447665" s="12"/>
    </row>
    <row r="447666" spans="8:8">
      <c r="H447666" s="12"/>
    </row>
    <row r="447667" spans="8:8">
      <c r="H447667" s="12"/>
    </row>
    <row r="447668" spans="8:8">
      <c r="H447668" s="12"/>
    </row>
    <row r="447669" spans="8:8">
      <c r="H447669" s="12"/>
    </row>
    <row r="447670" spans="8:8">
      <c r="H447670" s="12"/>
    </row>
    <row r="447671" spans="8:8">
      <c r="H447671" s="12"/>
    </row>
    <row r="447672" spans="8:8">
      <c r="H447672" s="12"/>
    </row>
    <row r="447673" spans="8:8">
      <c r="H447673" s="12"/>
    </row>
    <row r="447674" spans="8:8">
      <c r="H447674" s="12"/>
    </row>
    <row r="447675" spans="8:8">
      <c r="H447675" s="12"/>
    </row>
    <row r="447676" spans="8:8">
      <c r="H447676" s="12"/>
    </row>
    <row r="447677" spans="8:8">
      <c r="H447677" s="12"/>
    </row>
    <row r="447678" spans="8:8">
      <c r="H447678" s="12"/>
    </row>
    <row r="447679" spans="8:8">
      <c r="H447679" s="12"/>
    </row>
    <row r="447680" spans="8:8">
      <c r="H447680" s="12"/>
    </row>
    <row r="447681" spans="8:8">
      <c r="H447681" s="12"/>
    </row>
    <row r="447682" spans="8:8">
      <c r="H447682" s="12"/>
    </row>
    <row r="447683" spans="8:8">
      <c r="H447683" s="12"/>
    </row>
    <row r="447684" spans="8:8">
      <c r="H447684" s="12"/>
    </row>
    <row r="447685" spans="8:8">
      <c r="H447685" s="12"/>
    </row>
    <row r="447686" spans="8:8">
      <c r="H447686" s="12"/>
    </row>
    <row r="447687" spans="8:8">
      <c r="H447687" s="12"/>
    </row>
    <row r="447688" spans="8:8">
      <c r="H447688" s="12"/>
    </row>
    <row r="447689" spans="8:8">
      <c r="H447689" s="12"/>
    </row>
    <row r="447690" spans="8:8">
      <c r="H447690" s="12"/>
    </row>
    <row r="447691" spans="8:8">
      <c r="H447691" s="12"/>
    </row>
    <row r="447692" spans="8:8">
      <c r="H447692" s="12"/>
    </row>
    <row r="447693" spans="8:8">
      <c r="H447693" s="12"/>
    </row>
    <row r="447694" spans="8:8">
      <c r="H447694" s="12"/>
    </row>
    <row r="447695" spans="8:8">
      <c r="H447695" s="12"/>
    </row>
    <row r="447696" spans="8:8">
      <c r="H447696" s="12"/>
    </row>
    <row r="447697" spans="8:8">
      <c r="H447697" s="12"/>
    </row>
    <row r="447698" spans="8:8">
      <c r="H447698" s="12"/>
    </row>
    <row r="447699" spans="8:8">
      <c r="H447699" s="12"/>
    </row>
    <row r="447700" spans="8:8">
      <c r="H447700" s="12"/>
    </row>
    <row r="447701" spans="8:8">
      <c r="H447701" s="12"/>
    </row>
    <row r="447702" spans="8:8">
      <c r="H447702" s="12"/>
    </row>
    <row r="447703" spans="8:8">
      <c r="H447703" s="12"/>
    </row>
    <row r="447704" spans="8:8">
      <c r="H447704" s="12"/>
    </row>
    <row r="447705" spans="8:8">
      <c r="H447705" s="12"/>
    </row>
    <row r="447706" spans="8:8">
      <c r="H447706" s="12"/>
    </row>
    <row r="447707" spans="8:8">
      <c r="H447707" s="12"/>
    </row>
    <row r="447708" spans="8:8">
      <c r="H447708" s="12"/>
    </row>
    <row r="447709" spans="8:8">
      <c r="H447709" s="12"/>
    </row>
    <row r="447710" spans="8:8">
      <c r="H447710" s="12"/>
    </row>
    <row r="447711" spans="8:8">
      <c r="H447711" s="12"/>
    </row>
    <row r="447712" spans="8:8">
      <c r="H447712" s="12"/>
    </row>
    <row r="447713" spans="8:8">
      <c r="H447713" s="12"/>
    </row>
    <row r="447714" spans="8:8">
      <c r="H447714" s="12"/>
    </row>
    <row r="447715" spans="8:8">
      <c r="H447715" s="12"/>
    </row>
    <row r="447716" spans="8:8">
      <c r="H447716" s="12"/>
    </row>
    <row r="447717" spans="8:8">
      <c r="H447717" s="12"/>
    </row>
    <row r="447718" spans="8:8">
      <c r="H447718" s="12"/>
    </row>
    <row r="447719" spans="8:8">
      <c r="H447719" s="12"/>
    </row>
    <row r="447720" spans="8:8">
      <c r="H447720" s="12"/>
    </row>
    <row r="447721" spans="8:8">
      <c r="H447721" s="12"/>
    </row>
    <row r="447722" spans="8:8">
      <c r="H447722" s="12"/>
    </row>
    <row r="447723" spans="8:8">
      <c r="H447723" s="12"/>
    </row>
    <row r="447724" spans="8:8">
      <c r="H447724" s="12"/>
    </row>
    <row r="447725" spans="8:8">
      <c r="H447725" s="12"/>
    </row>
    <row r="447726" spans="8:8">
      <c r="H447726" s="12"/>
    </row>
    <row r="447727" spans="8:8">
      <c r="H447727" s="12"/>
    </row>
    <row r="447728" spans="8:8">
      <c r="H447728" s="12"/>
    </row>
    <row r="447729" spans="8:8">
      <c r="H447729" s="12"/>
    </row>
    <row r="447730" spans="8:8">
      <c r="H447730" s="12"/>
    </row>
    <row r="447731" spans="8:8">
      <c r="H447731" s="12"/>
    </row>
    <row r="447732" spans="8:8">
      <c r="H447732" s="12"/>
    </row>
    <row r="447733" spans="8:8">
      <c r="H447733" s="12"/>
    </row>
    <row r="447734" spans="8:8">
      <c r="H447734" s="12"/>
    </row>
    <row r="447735" spans="8:8">
      <c r="H447735" s="12"/>
    </row>
    <row r="447736" spans="8:8">
      <c r="H447736" s="12"/>
    </row>
    <row r="447737" spans="8:8">
      <c r="H447737" s="12"/>
    </row>
    <row r="447738" spans="8:8">
      <c r="H447738" s="12"/>
    </row>
    <row r="447739" spans="8:8">
      <c r="H447739" s="12"/>
    </row>
    <row r="447740" spans="8:8">
      <c r="H447740" s="12"/>
    </row>
    <row r="447741" spans="8:8">
      <c r="H447741" s="12"/>
    </row>
    <row r="447742" spans="8:8">
      <c r="H447742" s="12"/>
    </row>
    <row r="447743" spans="8:8">
      <c r="H447743" s="12"/>
    </row>
    <row r="447744" spans="8:8">
      <c r="H447744" s="12"/>
    </row>
    <row r="447745" spans="8:8">
      <c r="H447745" s="12"/>
    </row>
    <row r="447746" spans="8:8">
      <c r="H447746" s="12"/>
    </row>
    <row r="447747" spans="8:8">
      <c r="H447747" s="12"/>
    </row>
    <row r="447748" spans="8:8">
      <c r="H447748" s="12"/>
    </row>
    <row r="447749" spans="8:8">
      <c r="H447749" s="12"/>
    </row>
    <row r="447750" spans="8:8">
      <c r="H447750" s="12"/>
    </row>
    <row r="447751" spans="8:8">
      <c r="H447751" s="12"/>
    </row>
    <row r="447752" spans="8:8">
      <c r="H447752" s="12"/>
    </row>
    <row r="447753" spans="8:8">
      <c r="H447753" s="12"/>
    </row>
    <row r="447754" spans="8:8">
      <c r="H447754" s="12"/>
    </row>
    <row r="447755" spans="8:8">
      <c r="H447755" s="12"/>
    </row>
    <row r="447756" spans="8:8">
      <c r="H447756" s="12"/>
    </row>
    <row r="447757" spans="8:8">
      <c r="H447757" s="12"/>
    </row>
    <row r="447758" spans="8:8">
      <c r="H447758" s="12"/>
    </row>
    <row r="447759" spans="8:8">
      <c r="H447759" s="12"/>
    </row>
    <row r="447760" spans="8:8">
      <c r="H447760" s="12"/>
    </row>
    <row r="447761" spans="8:8">
      <c r="H447761" s="12"/>
    </row>
    <row r="447762" spans="8:8">
      <c r="H447762" s="12"/>
    </row>
    <row r="447763" spans="8:8">
      <c r="H447763" s="12"/>
    </row>
    <row r="447764" spans="8:8">
      <c r="H447764" s="12"/>
    </row>
    <row r="447765" spans="8:8">
      <c r="H447765" s="12"/>
    </row>
    <row r="447766" spans="8:8">
      <c r="H447766" s="12"/>
    </row>
    <row r="447767" spans="8:8">
      <c r="H447767" s="12"/>
    </row>
    <row r="447768" spans="8:8">
      <c r="H447768" s="12"/>
    </row>
    <row r="447769" spans="8:8">
      <c r="H447769" s="12"/>
    </row>
    <row r="447770" spans="8:8">
      <c r="H447770" s="12"/>
    </row>
    <row r="447771" spans="8:8">
      <c r="H447771" s="12"/>
    </row>
    <row r="447772" spans="8:8">
      <c r="H447772" s="12"/>
    </row>
    <row r="447773" spans="8:8">
      <c r="H447773" s="12"/>
    </row>
    <row r="447774" spans="8:8">
      <c r="H447774" s="12"/>
    </row>
    <row r="447775" spans="8:8">
      <c r="H447775" s="12"/>
    </row>
    <row r="447776" spans="8:8">
      <c r="H447776" s="12"/>
    </row>
    <row r="447777" spans="8:8">
      <c r="H447777" s="12"/>
    </row>
    <row r="447778" spans="8:8">
      <c r="H447778" s="12"/>
    </row>
    <row r="447779" spans="8:8">
      <c r="H447779" s="12"/>
    </row>
    <row r="447780" spans="8:8">
      <c r="H447780" s="12"/>
    </row>
    <row r="447781" spans="8:8">
      <c r="H447781" s="12"/>
    </row>
    <row r="447782" spans="8:8">
      <c r="H447782" s="12"/>
    </row>
    <row r="447783" spans="8:8">
      <c r="H447783" s="12"/>
    </row>
    <row r="447784" spans="8:8">
      <c r="H447784" s="12"/>
    </row>
    <row r="447785" spans="8:8">
      <c r="H447785" s="12"/>
    </row>
    <row r="447786" spans="8:8">
      <c r="H447786" s="12"/>
    </row>
    <row r="447787" spans="8:8">
      <c r="H447787" s="12"/>
    </row>
    <row r="447788" spans="8:8">
      <c r="H447788" s="12"/>
    </row>
    <row r="447789" spans="8:8">
      <c r="H447789" s="12"/>
    </row>
    <row r="447790" spans="8:8">
      <c r="H447790" s="12"/>
    </row>
    <row r="447791" spans="8:8">
      <c r="H447791" s="12"/>
    </row>
    <row r="447792" spans="8:8">
      <c r="H447792" s="12"/>
    </row>
    <row r="447793" spans="8:8">
      <c r="H447793" s="12"/>
    </row>
    <row r="447794" spans="8:8">
      <c r="H447794" s="12"/>
    </row>
    <row r="447795" spans="8:8">
      <c r="H447795" s="12"/>
    </row>
    <row r="447796" spans="8:8">
      <c r="H447796" s="12"/>
    </row>
    <row r="447797" spans="8:8">
      <c r="H447797" s="12"/>
    </row>
    <row r="447798" spans="8:8">
      <c r="H447798" s="12"/>
    </row>
    <row r="447799" spans="8:8">
      <c r="H447799" s="12"/>
    </row>
    <row r="447800" spans="8:8">
      <c r="H447800" s="12"/>
    </row>
    <row r="447801" spans="8:8">
      <c r="H447801" s="12"/>
    </row>
    <row r="447802" spans="8:8">
      <c r="H447802" s="12"/>
    </row>
    <row r="447803" spans="8:8">
      <c r="H447803" s="12"/>
    </row>
    <row r="447804" spans="8:8">
      <c r="H447804" s="12"/>
    </row>
    <row r="447805" spans="8:8">
      <c r="H447805" s="12"/>
    </row>
    <row r="447806" spans="8:8">
      <c r="H447806" s="12"/>
    </row>
    <row r="447807" spans="8:8">
      <c r="H447807" s="12"/>
    </row>
    <row r="447808" spans="8:8">
      <c r="H447808" s="12"/>
    </row>
    <row r="447809" spans="8:8">
      <c r="H447809" s="12"/>
    </row>
    <row r="447810" spans="8:8">
      <c r="H447810" s="12"/>
    </row>
    <row r="447811" spans="8:8">
      <c r="H447811" s="12"/>
    </row>
    <row r="447812" spans="8:8">
      <c r="H447812" s="12"/>
    </row>
    <row r="447813" spans="8:8">
      <c r="H447813" s="12"/>
    </row>
    <row r="447814" spans="8:8">
      <c r="H447814" s="12"/>
    </row>
    <row r="447815" spans="8:8">
      <c r="H447815" s="12"/>
    </row>
    <row r="447816" spans="8:8">
      <c r="H447816" s="12"/>
    </row>
    <row r="447817" spans="8:8">
      <c r="H447817" s="12"/>
    </row>
    <row r="447818" spans="8:8">
      <c r="H447818" s="12"/>
    </row>
    <row r="447819" spans="8:8">
      <c r="H447819" s="12"/>
    </row>
    <row r="447820" spans="8:8">
      <c r="H447820" s="12"/>
    </row>
    <row r="447821" spans="8:8">
      <c r="H447821" s="12"/>
    </row>
    <row r="447822" spans="8:8">
      <c r="H447822" s="12"/>
    </row>
    <row r="447823" spans="8:8">
      <c r="H447823" s="12"/>
    </row>
    <row r="447824" spans="8:8">
      <c r="H447824" s="12"/>
    </row>
    <row r="447825" spans="8:8">
      <c r="H447825" s="12"/>
    </row>
    <row r="447826" spans="8:8">
      <c r="H447826" s="12"/>
    </row>
    <row r="447827" spans="8:8">
      <c r="H447827" s="12"/>
    </row>
    <row r="447828" spans="8:8">
      <c r="H447828" s="12"/>
    </row>
    <row r="447829" spans="8:8">
      <c r="H447829" s="12"/>
    </row>
    <row r="447830" spans="8:8">
      <c r="H447830" s="12"/>
    </row>
    <row r="447831" spans="8:8">
      <c r="H447831" s="12"/>
    </row>
    <row r="447832" spans="8:8">
      <c r="H447832" s="12"/>
    </row>
    <row r="447833" spans="8:8">
      <c r="H447833" s="12"/>
    </row>
    <row r="447834" spans="8:8">
      <c r="H447834" s="12"/>
    </row>
    <row r="447835" spans="8:8">
      <c r="H447835" s="12"/>
    </row>
    <row r="447836" spans="8:8">
      <c r="H447836" s="12"/>
    </row>
    <row r="447837" spans="8:8">
      <c r="H447837" s="12"/>
    </row>
    <row r="447838" spans="8:8">
      <c r="H447838" s="12"/>
    </row>
    <row r="447839" spans="8:8">
      <c r="H447839" s="12"/>
    </row>
    <row r="447840" spans="8:8">
      <c r="H447840" s="12"/>
    </row>
    <row r="447841" spans="8:8">
      <c r="H447841" s="12"/>
    </row>
    <row r="447842" spans="8:8">
      <c r="H447842" s="12"/>
    </row>
    <row r="447843" spans="8:8">
      <c r="H447843" s="12"/>
    </row>
    <row r="447844" spans="8:8">
      <c r="H447844" s="12"/>
    </row>
    <row r="447845" spans="8:8">
      <c r="H447845" s="12"/>
    </row>
    <row r="447846" spans="8:8">
      <c r="H447846" s="12"/>
    </row>
    <row r="447847" spans="8:8">
      <c r="H447847" s="12"/>
    </row>
    <row r="447848" spans="8:8">
      <c r="H447848" s="12"/>
    </row>
    <row r="447849" spans="8:8">
      <c r="H447849" s="12"/>
    </row>
    <row r="447850" spans="8:8">
      <c r="H447850" s="12"/>
    </row>
    <row r="447851" spans="8:8">
      <c r="H447851" s="12"/>
    </row>
    <row r="447852" spans="8:8">
      <c r="H447852" s="12"/>
    </row>
    <row r="447853" spans="8:8">
      <c r="H447853" s="12"/>
    </row>
    <row r="447854" spans="8:8">
      <c r="H447854" s="12"/>
    </row>
    <row r="447855" spans="8:8">
      <c r="H447855" s="12"/>
    </row>
    <row r="447856" spans="8:8">
      <c r="H447856" s="12"/>
    </row>
    <row r="447857" spans="8:8">
      <c r="H447857" s="12"/>
    </row>
    <row r="447858" spans="8:8">
      <c r="H447858" s="12"/>
    </row>
    <row r="447859" spans="8:8">
      <c r="H447859" s="12"/>
    </row>
    <row r="447860" spans="8:8">
      <c r="H447860" s="12"/>
    </row>
    <row r="447861" spans="8:8">
      <c r="H447861" s="12"/>
    </row>
    <row r="447862" spans="8:8">
      <c r="H447862" s="12"/>
    </row>
    <row r="447863" spans="8:8">
      <c r="H447863" s="12"/>
    </row>
    <row r="447864" spans="8:8">
      <c r="H447864" s="12"/>
    </row>
    <row r="447865" spans="8:8">
      <c r="H447865" s="12"/>
    </row>
    <row r="447866" spans="8:8">
      <c r="H447866" s="12"/>
    </row>
    <row r="447867" spans="8:8">
      <c r="H447867" s="12"/>
    </row>
    <row r="447868" spans="8:8">
      <c r="H447868" s="12"/>
    </row>
    <row r="447869" spans="8:8">
      <c r="H447869" s="12"/>
    </row>
    <row r="447870" spans="8:8">
      <c r="H447870" s="12"/>
    </row>
    <row r="447871" spans="8:8">
      <c r="H447871" s="12"/>
    </row>
    <row r="447872" spans="8:8">
      <c r="H447872" s="12"/>
    </row>
    <row r="447873" spans="8:8">
      <c r="H447873" s="12"/>
    </row>
    <row r="447874" spans="8:8">
      <c r="H447874" s="12"/>
    </row>
    <row r="447875" spans="8:8">
      <c r="H447875" s="12"/>
    </row>
    <row r="447876" spans="8:8">
      <c r="H447876" s="12"/>
    </row>
    <row r="447877" spans="8:8">
      <c r="H447877" s="12"/>
    </row>
    <row r="447878" spans="8:8">
      <c r="H447878" s="12"/>
    </row>
    <row r="447879" spans="8:8">
      <c r="H447879" s="12"/>
    </row>
    <row r="447880" spans="8:8">
      <c r="H447880" s="12"/>
    </row>
    <row r="447881" spans="8:8">
      <c r="H447881" s="12"/>
    </row>
    <row r="447882" spans="8:8">
      <c r="H447882" s="12"/>
    </row>
    <row r="447883" spans="8:8">
      <c r="H447883" s="12"/>
    </row>
    <row r="447884" spans="8:8">
      <c r="H447884" s="12"/>
    </row>
    <row r="447885" spans="8:8">
      <c r="H447885" s="12"/>
    </row>
    <row r="447886" spans="8:8">
      <c r="H447886" s="12"/>
    </row>
    <row r="447887" spans="8:8">
      <c r="H447887" s="12"/>
    </row>
    <row r="447888" spans="8:8">
      <c r="H447888" s="12"/>
    </row>
    <row r="447889" spans="8:8">
      <c r="H447889" s="12"/>
    </row>
    <row r="447890" spans="8:8">
      <c r="H447890" s="12"/>
    </row>
    <row r="447891" spans="8:8">
      <c r="H447891" s="12"/>
    </row>
    <row r="447892" spans="8:8">
      <c r="H447892" s="12"/>
    </row>
    <row r="447893" spans="8:8">
      <c r="H447893" s="12"/>
    </row>
    <row r="447894" spans="8:8">
      <c r="H447894" s="12"/>
    </row>
    <row r="447895" spans="8:8">
      <c r="H447895" s="12"/>
    </row>
    <row r="447896" spans="8:8">
      <c r="H447896" s="12"/>
    </row>
    <row r="447897" spans="8:8">
      <c r="H447897" s="12"/>
    </row>
    <row r="447898" spans="8:8">
      <c r="H447898" s="12"/>
    </row>
    <row r="447899" spans="8:8">
      <c r="H447899" s="12"/>
    </row>
    <row r="447900" spans="8:8">
      <c r="H447900" s="12"/>
    </row>
    <row r="447901" spans="8:8">
      <c r="H447901" s="12"/>
    </row>
    <row r="447902" spans="8:8">
      <c r="H447902" s="12"/>
    </row>
    <row r="447903" spans="8:8">
      <c r="H447903" s="12"/>
    </row>
    <row r="447904" spans="8:8">
      <c r="H447904" s="12"/>
    </row>
    <row r="447905" spans="8:8">
      <c r="H447905" s="12"/>
    </row>
    <row r="447906" spans="8:8">
      <c r="H447906" s="12"/>
    </row>
    <row r="447907" spans="8:8">
      <c r="H447907" s="12"/>
    </row>
    <row r="447908" spans="8:8">
      <c r="H447908" s="12"/>
    </row>
    <row r="447909" spans="8:8">
      <c r="H447909" s="12"/>
    </row>
    <row r="447910" spans="8:8">
      <c r="H447910" s="12"/>
    </row>
    <row r="447911" spans="8:8">
      <c r="H447911" s="12"/>
    </row>
    <row r="447912" spans="8:8">
      <c r="H447912" s="12"/>
    </row>
    <row r="447913" spans="8:8">
      <c r="H447913" s="12"/>
    </row>
    <row r="447914" spans="8:8">
      <c r="H447914" s="12"/>
    </row>
    <row r="447915" spans="8:8">
      <c r="H447915" s="12"/>
    </row>
    <row r="447916" spans="8:8">
      <c r="H447916" s="12"/>
    </row>
    <row r="447917" spans="8:8">
      <c r="H447917" s="12"/>
    </row>
    <row r="447918" spans="8:8">
      <c r="H447918" s="12"/>
    </row>
    <row r="447919" spans="8:8">
      <c r="H447919" s="12"/>
    </row>
    <row r="447920" spans="8:8">
      <c r="H447920" s="12"/>
    </row>
    <row r="447921" spans="8:8">
      <c r="H447921" s="12"/>
    </row>
    <row r="447922" spans="8:8">
      <c r="H447922" s="12"/>
    </row>
    <row r="447923" spans="8:8">
      <c r="H447923" s="12"/>
    </row>
    <row r="447924" spans="8:8">
      <c r="H447924" s="12"/>
    </row>
    <row r="447925" spans="8:8">
      <c r="H447925" s="12"/>
    </row>
    <row r="447926" spans="8:8">
      <c r="H447926" s="12"/>
    </row>
    <row r="447927" spans="8:8">
      <c r="H447927" s="12"/>
    </row>
    <row r="447928" spans="8:8">
      <c r="H447928" s="12"/>
    </row>
    <row r="447929" spans="8:8">
      <c r="H447929" s="12"/>
    </row>
    <row r="447930" spans="8:8">
      <c r="H447930" s="12"/>
    </row>
    <row r="447931" spans="8:8">
      <c r="H447931" s="12"/>
    </row>
    <row r="447932" spans="8:8">
      <c r="H447932" s="12"/>
    </row>
    <row r="447933" spans="8:8">
      <c r="H447933" s="12"/>
    </row>
    <row r="447934" spans="8:8">
      <c r="H447934" s="12"/>
    </row>
    <row r="447935" spans="8:8">
      <c r="H447935" s="12"/>
    </row>
    <row r="447936" spans="8:8">
      <c r="H447936" s="12"/>
    </row>
    <row r="447937" spans="8:8">
      <c r="H447937" s="12"/>
    </row>
    <row r="447938" spans="8:8">
      <c r="H447938" s="12"/>
    </row>
    <row r="447939" spans="8:8">
      <c r="H447939" s="12"/>
    </row>
    <row r="447940" spans="8:8">
      <c r="H447940" s="12"/>
    </row>
    <row r="447941" spans="8:8">
      <c r="H447941" s="12"/>
    </row>
    <row r="447942" spans="8:8">
      <c r="H447942" s="12"/>
    </row>
    <row r="447943" spans="8:8">
      <c r="H447943" s="12"/>
    </row>
    <row r="447944" spans="8:8">
      <c r="H447944" s="12"/>
    </row>
    <row r="447945" spans="8:8">
      <c r="H447945" s="12"/>
    </row>
    <row r="447946" spans="8:8">
      <c r="H447946" s="12"/>
    </row>
    <row r="447947" spans="8:8">
      <c r="H447947" s="12"/>
    </row>
    <row r="447948" spans="8:8">
      <c r="H447948" s="12"/>
    </row>
    <row r="447949" spans="8:8">
      <c r="H447949" s="12"/>
    </row>
    <row r="447950" spans="8:8">
      <c r="H447950" s="12"/>
    </row>
    <row r="447951" spans="8:8">
      <c r="H447951" s="12"/>
    </row>
    <row r="447952" spans="8:8">
      <c r="H447952" s="12"/>
    </row>
    <row r="447953" spans="8:8">
      <c r="H447953" s="12"/>
    </row>
    <row r="447954" spans="8:8">
      <c r="H447954" s="12"/>
    </row>
    <row r="447955" spans="8:8">
      <c r="H447955" s="12"/>
    </row>
    <row r="447956" spans="8:8">
      <c r="H447956" s="12"/>
    </row>
    <row r="447957" spans="8:8">
      <c r="H447957" s="12"/>
    </row>
    <row r="447958" spans="8:8">
      <c r="H447958" s="12"/>
    </row>
    <row r="447959" spans="8:8">
      <c r="H447959" s="12"/>
    </row>
    <row r="447960" spans="8:8">
      <c r="H447960" s="12"/>
    </row>
    <row r="447961" spans="8:8">
      <c r="H447961" s="12"/>
    </row>
    <row r="447962" spans="8:8">
      <c r="H447962" s="12"/>
    </row>
    <row r="447963" spans="8:8">
      <c r="H447963" s="12"/>
    </row>
    <row r="447964" spans="8:8">
      <c r="H447964" s="12"/>
    </row>
    <row r="447965" spans="8:8">
      <c r="H447965" s="12"/>
    </row>
    <row r="447966" spans="8:8">
      <c r="H447966" s="12"/>
    </row>
    <row r="447967" spans="8:8">
      <c r="H447967" s="12"/>
    </row>
    <row r="447968" spans="8:8">
      <c r="H447968" s="12"/>
    </row>
    <row r="447969" spans="8:8">
      <c r="H447969" s="12"/>
    </row>
    <row r="447970" spans="8:8">
      <c r="H447970" s="12"/>
    </row>
    <row r="447971" spans="8:8">
      <c r="H447971" s="12"/>
    </row>
    <row r="447972" spans="8:8">
      <c r="H447972" s="12"/>
    </row>
    <row r="447973" spans="8:8">
      <c r="H447973" s="12"/>
    </row>
    <row r="447974" spans="8:8">
      <c r="H447974" s="12"/>
    </row>
    <row r="447975" spans="8:8">
      <c r="H447975" s="12"/>
    </row>
    <row r="447976" spans="8:8">
      <c r="H447976" s="12"/>
    </row>
    <row r="447977" spans="8:8">
      <c r="H447977" s="12"/>
    </row>
    <row r="447978" spans="8:8">
      <c r="H447978" s="12"/>
    </row>
    <row r="447979" spans="8:8">
      <c r="H447979" s="12"/>
    </row>
    <row r="447980" spans="8:8">
      <c r="H447980" s="12"/>
    </row>
    <row r="447981" spans="8:8">
      <c r="H447981" s="12"/>
    </row>
    <row r="447982" spans="8:8">
      <c r="H447982" s="12"/>
    </row>
    <row r="447983" spans="8:8">
      <c r="H447983" s="12"/>
    </row>
    <row r="447984" spans="8:8">
      <c r="H447984" s="12"/>
    </row>
    <row r="447985" spans="8:8">
      <c r="H447985" s="12"/>
    </row>
    <row r="447986" spans="8:8">
      <c r="H447986" s="12"/>
    </row>
    <row r="447987" spans="8:8">
      <c r="H447987" s="12"/>
    </row>
    <row r="447988" spans="8:8">
      <c r="H447988" s="12"/>
    </row>
    <row r="447989" spans="8:8">
      <c r="H447989" s="12"/>
    </row>
    <row r="447990" spans="8:8">
      <c r="H447990" s="12"/>
    </row>
    <row r="447991" spans="8:8">
      <c r="H447991" s="12"/>
    </row>
    <row r="447992" spans="8:8">
      <c r="H447992" s="12"/>
    </row>
    <row r="447993" spans="8:8">
      <c r="H447993" s="12"/>
    </row>
    <row r="447994" spans="8:8">
      <c r="H447994" s="12"/>
    </row>
    <row r="447995" spans="8:8">
      <c r="H447995" s="12"/>
    </row>
    <row r="447996" spans="8:8">
      <c r="H447996" s="12"/>
    </row>
    <row r="447997" spans="8:8">
      <c r="H447997" s="12"/>
    </row>
    <row r="447998" spans="8:8">
      <c r="H447998" s="12"/>
    </row>
    <row r="447999" spans="8:8">
      <c r="H447999" s="12"/>
    </row>
    <row r="448000" spans="8:8">
      <c r="H448000" s="12"/>
    </row>
    <row r="448001" spans="8:8">
      <c r="H448001" s="12"/>
    </row>
    <row r="448002" spans="8:8">
      <c r="H448002" s="12"/>
    </row>
    <row r="448003" spans="8:8">
      <c r="H448003" s="12"/>
    </row>
    <row r="448004" spans="8:8">
      <c r="H448004" s="12"/>
    </row>
    <row r="448005" spans="8:8">
      <c r="H448005" s="12"/>
    </row>
    <row r="448006" spans="8:8">
      <c r="H448006" s="12"/>
    </row>
    <row r="448007" spans="8:8">
      <c r="H448007" s="12"/>
    </row>
    <row r="448008" spans="8:8">
      <c r="H448008" s="12"/>
    </row>
    <row r="448009" spans="8:8">
      <c r="H448009" s="12"/>
    </row>
    <row r="448010" spans="8:8">
      <c r="H448010" s="12"/>
    </row>
    <row r="448011" spans="8:8">
      <c r="H448011" s="12"/>
    </row>
    <row r="448012" spans="8:8">
      <c r="H448012" s="12"/>
    </row>
    <row r="448013" spans="8:8">
      <c r="H448013" s="12"/>
    </row>
    <row r="448014" spans="8:8">
      <c r="H448014" s="12"/>
    </row>
    <row r="448015" spans="8:8">
      <c r="H448015" s="12"/>
    </row>
    <row r="448016" spans="8:8">
      <c r="H448016" s="12"/>
    </row>
    <row r="448017" spans="8:8">
      <c r="H448017" s="12"/>
    </row>
    <row r="448018" spans="8:8">
      <c r="H448018" s="12"/>
    </row>
    <row r="448019" spans="8:8">
      <c r="H448019" s="12"/>
    </row>
    <row r="448020" spans="8:8">
      <c r="H448020" s="12"/>
    </row>
    <row r="448021" spans="8:8">
      <c r="H448021" s="12"/>
    </row>
    <row r="448022" spans="8:8">
      <c r="H448022" s="12"/>
    </row>
    <row r="448023" spans="8:8">
      <c r="H448023" s="12"/>
    </row>
    <row r="448024" spans="8:8">
      <c r="H448024" s="12"/>
    </row>
    <row r="448025" spans="8:8">
      <c r="H448025" s="12"/>
    </row>
    <row r="448026" spans="8:8">
      <c r="H448026" s="12"/>
    </row>
    <row r="448027" spans="8:8">
      <c r="H448027" s="12"/>
    </row>
    <row r="448028" spans="8:8">
      <c r="H448028" s="12"/>
    </row>
    <row r="448029" spans="8:8">
      <c r="H448029" s="12"/>
    </row>
    <row r="448030" spans="8:8">
      <c r="H448030" s="12"/>
    </row>
    <row r="448031" spans="8:8">
      <c r="H448031" s="12"/>
    </row>
    <row r="448032" spans="8:8">
      <c r="H448032" s="12"/>
    </row>
    <row r="448033" spans="8:8">
      <c r="H448033" s="12"/>
    </row>
    <row r="448034" spans="8:8">
      <c r="H448034" s="12"/>
    </row>
    <row r="448035" spans="8:8">
      <c r="H448035" s="12"/>
    </row>
    <row r="448036" spans="8:8">
      <c r="H448036" s="12"/>
    </row>
    <row r="448037" spans="8:8">
      <c r="H448037" s="12"/>
    </row>
    <row r="448038" spans="8:8">
      <c r="H448038" s="12"/>
    </row>
    <row r="448039" spans="8:8">
      <c r="H448039" s="12"/>
    </row>
    <row r="448040" spans="8:8">
      <c r="H448040" s="12"/>
    </row>
    <row r="448041" spans="8:8">
      <c r="H448041" s="12"/>
    </row>
    <row r="448042" spans="8:8">
      <c r="H448042" s="12"/>
    </row>
    <row r="448043" spans="8:8">
      <c r="H448043" s="12"/>
    </row>
    <row r="448044" spans="8:8">
      <c r="H448044" s="12"/>
    </row>
    <row r="448045" spans="8:8">
      <c r="H448045" s="12"/>
    </row>
    <row r="448046" spans="8:8">
      <c r="H448046" s="12"/>
    </row>
    <row r="448047" spans="8:8">
      <c r="H448047" s="12"/>
    </row>
    <row r="448048" spans="8:8">
      <c r="H448048" s="12"/>
    </row>
    <row r="448049" spans="8:8">
      <c r="H448049" s="12"/>
    </row>
    <row r="448050" spans="8:8">
      <c r="H448050" s="12"/>
    </row>
    <row r="448051" spans="8:8">
      <c r="H448051" s="12"/>
    </row>
    <row r="448052" spans="8:8">
      <c r="H448052" s="12"/>
    </row>
    <row r="448053" spans="8:8">
      <c r="H448053" s="12"/>
    </row>
    <row r="448054" spans="8:8">
      <c r="H448054" s="12"/>
    </row>
    <row r="448055" spans="8:8">
      <c r="H448055" s="12"/>
    </row>
    <row r="448056" spans="8:8">
      <c r="H448056" s="12"/>
    </row>
    <row r="448057" spans="8:8">
      <c r="H448057" s="12"/>
    </row>
    <row r="448058" spans="8:8">
      <c r="H448058" s="12"/>
    </row>
    <row r="448059" spans="8:8">
      <c r="H448059" s="12"/>
    </row>
    <row r="448060" spans="8:8">
      <c r="H448060" s="12"/>
    </row>
    <row r="448061" spans="8:8">
      <c r="H448061" s="12"/>
    </row>
    <row r="448062" spans="8:8">
      <c r="H448062" s="12"/>
    </row>
    <row r="448063" spans="8:8">
      <c r="H448063" s="12"/>
    </row>
    <row r="448064" spans="8:8">
      <c r="H448064" s="12"/>
    </row>
    <row r="448065" spans="8:8">
      <c r="H448065" s="12"/>
    </row>
    <row r="448066" spans="8:8">
      <c r="H448066" s="12"/>
    </row>
    <row r="448067" spans="8:8">
      <c r="H448067" s="12"/>
    </row>
    <row r="448068" spans="8:8">
      <c r="H448068" s="12"/>
    </row>
    <row r="448069" spans="8:8">
      <c r="H448069" s="12"/>
    </row>
    <row r="448070" spans="8:8">
      <c r="H448070" s="12"/>
    </row>
    <row r="448071" spans="8:8">
      <c r="H448071" s="12"/>
    </row>
    <row r="448072" spans="8:8">
      <c r="H448072" s="12"/>
    </row>
    <row r="448073" spans="8:8">
      <c r="H448073" s="12"/>
    </row>
    <row r="448074" spans="8:8">
      <c r="H448074" s="12"/>
    </row>
    <row r="448075" spans="8:8">
      <c r="H448075" s="12"/>
    </row>
    <row r="448076" spans="8:8">
      <c r="H448076" s="12"/>
    </row>
    <row r="448077" spans="8:8">
      <c r="H448077" s="12"/>
    </row>
    <row r="448078" spans="8:8">
      <c r="H448078" s="12"/>
    </row>
    <row r="448079" spans="8:8">
      <c r="H448079" s="12"/>
    </row>
    <row r="448080" spans="8:8">
      <c r="H448080" s="12"/>
    </row>
    <row r="448081" spans="8:8">
      <c r="H448081" s="12"/>
    </row>
    <row r="448082" spans="8:8">
      <c r="H448082" s="12"/>
    </row>
    <row r="448083" spans="8:8">
      <c r="H448083" s="12"/>
    </row>
    <row r="448084" spans="8:8">
      <c r="H448084" s="12"/>
    </row>
    <row r="448085" spans="8:8">
      <c r="H448085" s="12"/>
    </row>
    <row r="448086" spans="8:8">
      <c r="H448086" s="12"/>
    </row>
    <row r="448087" spans="8:8">
      <c r="H448087" s="12"/>
    </row>
    <row r="448088" spans="8:8">
      <c r="H448088" s="12"/>
    </row>
    <row r="448089" spans="8:8">
      <c r="H448089" s="12"/>
    </row>
    <row r="448090" spans="8:8">
      <c r="H448090" s="12"/>
    </row>
    <row r="448091" spans="8:8">
      <c r="H448091" s="12"/>
    </row>
    <row r="448092" spans="8:8">
      <c r="H448092" s="12"/>
    </row>
    <row r="448093" spans="8:8">
      <c r="H448093" s="12"/>
    </row>
    <row r="448094" spans="8:8">
      <c r="H448094" s="12"/>
    </row>
    <row r="448095" spans="8:8">
      <c r="H448095" s="12"/>
    </row>
    <row r="448096" spans="8:8">
      <c r="H448096" s="12"/>
    </row>
    <row r="448097" spans="8:8">
      <c r="H448097" s="12"/>
    </row>
    <row r="448098" spans="8:8">
      <c r="H448098" s="12"/>
    </row>
    <row r="448099" spans="8:8">
      <c r="H448099" s="12"/>
    </row>
    <row r="448100" spans="8:8">
      <c r="H448100" s="12"/>
    </row>
    <row r="448101" spans="8:8">
      <c r="H448101" s="12"/>
    </row>
    <row r="448102" spans="8:8">
      <c r="H448102" s="12"/>
    </row>
    <row r="448103" spans="8:8">
      <c r="H448103" s="12"/>
    </row>
    <row r="448104" spans="8:8">
      <c r="H448104" s="12"/>
    </row>
    <row r="448105" spans="8:8">
      <c r="H448105" s="12"/>
    </row>
    <row r="448106" spans="8:8">
      <c r="H448106" s="12"/>
    </row>
    <row r="448107" spans="8:8">
      <c r="H448107" s="12"/>
    </row>
    <row r="448108" spans="8:8">
      <c r="H448108" s="12"/>
    </row>
    <row r="448109" spans="8:8">
      <c r="H448109" s="12"/>
    </row>
    <row r="448110" spans="8:8">
      <c r="H448110" s="12"/>
    </row>
    <row r="448111" spans="8:8">
      <c r="H448111" s="12"/>
    </row>
    <row r="448112" spans="8:8">
      <c r="H448112" s="12"/>
    </row>
    <row r="448113" spans="8:8">
      <c r="H448113" s="12"/>
    </row>
    <row r="448114" spans="8:8">
      <c r="H448114" s="12"/>
    </row>
    <row r="448115" spans="8:8">
      <c r="H448115" s="12"/>
    </row>
    <row r="448116" spans="8:8">
      <c r="H448116" s="12"/>
    </row>
    <row r="448117" spans="8:8">
      <c r="H448117" s="12"/>
    </row>
    <row r="448118" spans="8:8">
      <c r="H448118" s="12"/>
    </row>
    <row r="448119" spans="8:8">
      <c r="H448119" s="12"/>
    </row>
    <row r="448120" spans="8:8">
      <c r="H448120" s="12"/>
    </row>
    <row r="448121" spans="8:8">
      <c r="H448121" s="12"/>
    </row>
    <row r="448122" spans="8:8">
      <c r="H448122" s="12"/>
    </row>
    <row r="448123" spans="8:8">
      <c r="H448123" s="12"/>
    </row>
    <row r="448124" spans="8:8">
      <c r="H448124" s="12"/>
    </row>
    <row r="448125" spans="8:8">
      <c r="H448125" s="12"/>
    </row>
    <row r="448126" spans="8:8">
      <c r="H448126" s="12"/>
    </row>
    <row r="448127" spans="8:8">
      <c r="H448127" s="12"/>
    </row>
    <row r="448128" spans="8:8">
      <c r="H448128" s="12"/>
    </row>
    <row r="448129" spans="8:8">
      <c r="H448129" s="12"/>
    </row>
    <row r="448130" spans="8:8">
      <c r="H448130" s="12"/>
    </row>
    <row r="448131" spans="8:8">
      <c r="H448131" s="12"/>
    </row>
    <row r="448132" spans="8:8">
      <c r="H448132" s="12"/>
    </row>
    <row r="448133" spans="8:8">
      <c r="H448133" s="12"/>
    </row>
    <row r="448134" spans="8:8">
      <c r="H448134" s="12"/>
    </row>
    <row r="448135" spans="8:8">
      <c r="H448135" s="12"/>
    </row>
    <row r="448136" spans="8:8">
      <c r="H448136" s="12"/>
    </row>
    <row r="448137" spans="8:8">
      <c r="H448137" s="12"/>
    </row>
    <row r="448138" spans="8:8">
      <c r="H448138" s="12"/>
    </row>
    <row r="448139" spans="8:8">
      <c r="H448139" s="12"/>
    </row>
    <row r="448140" spans="8:8">
      <c r="H448140" s="12"/>
    </row>
    <row r="448141" spans="8:8">
      <c r="H448141" s="12"/>
    </row>
    <row r="448142" spans="8:8">
      <c r="H448142" s="12"/>
    </row>
    <row r="448143" spans="8:8">
      <c r="H448143" s="12"/>
    </row>
    <row r="448144" spans="8:8">
      <c r="H448144" s="12"/>
    </row>
    <row r="448145" spans="8:8">
      <c r="H448145" s="12"/>
    </row>
    <row r="448146" spans="8:8">
      <c r="H448146" s="12"/>
    </row>
    <row r="448147" spans="8:8">
      <c r="H448147" s="12"/>
    </row>
    <row r="448148" spans="8:8">
      <c r="H448148" s="12"/>
    </row>
    <row r="448149" spans="8:8">
      <c r="H448149" s="12"/>
    </row>
    <row r="448150" spans="8:8">
      <c r="H448150" s="12"/>
    </row>
    <row r="448151" spans="8:8">
      <c r="H448151" s="12"/>
    </row>
    <row r="448152" spans="8:8">
      <c r="H448152" s="12"/>
    </row>
    <row r="448153" spans="8:8">
      <c r="H448153" s="12"/>
    </row>
    <row r="448154" spans="8:8">
      <c r="H448154" s="12"/>
    </row>
    <row r="448155" spans="8:8">
      <c r="H448155" s="12"/>
    </row>
    <row r="448156" spans="8:8">
      <c r="H448156" s="12"/>
    </row>
    <row r="448157" spans="8:8">
      <c r="H448157" s="12"/>
    </row>
    <row r="448158" spans="8:8">
      <c r="H448158" s="12"/>
    </row>
    <row r="448159" spans="8:8">
      <c r="H448159" s="12"/>
    </row>
    <row r="448160" spans="8:8">
      <c r="H448160" s="12"/>
    </row>
    <row r="448161" spans="8:8">
      <c r="H448161" s="12"/>
    </row>
    <row r="448162" spans="8:8">
      <c r="H448162" s="12"/>
    </row>
    <row r="448163" spans="8:8">
      <c r="H448163" s="12"/>
    </row>
    <row r="448164" spans="8:8">
      <c r="H448164" s="12"/>
    </row>
    <row r="448165" spans="8:8">
      <c r="H448165" s="12"/>
    </row>
    <row r="448166" spans="8:8">
      <c r="H448166" s="12"/>
    </row>
    <row r="448167" spans="8:8">
      <c r="H448167" s="12"/>
    </row>
    <row r="448168" spans="8:8">
      <c r="H448168" s="12"/>
    </row>
    <row r="448169" spans="8:8">
      <c r="H448169" s="12"/>
    </row>
    <row r="448170" spans="8:8">
      <c r="H448170" s="12"/>
    </row>
    <row r="448171" spans="8:8">
      <c r="H448171" s="12"/>
    </row>
    <row r="448172" spans="8:8">
      <c r="H448172" s="12"/>
    </row>
    <row r="448173" spans="8:8">
      <c r="H448173" s="12"/>
    </row>
    <row r="448174" spans="8:8">
      <c r="H448174" s="12"/>
    </row>
    <row r="448175" spans="8:8">
      <c r="H448175" s="12"/>
    </row>
    <row r="448176" spans="8:8">
      <c r="H448176" s="12"/>
    </row>
    <row r="448177" spans="8:8">
      <c r="H448177" s="12"/>
    </row>
    <row r="448178" spans="8:8">
      <c r="H448178" s="12"/>
    </row>
    <row r="448179" spans="8:8">
      <c r="H448179" s="12"/>
    </row>
    <row r="448180" spans="8:8">
      <c r="H448180" s="12"/>
    </row>
    <row r="448181" spans="8:8">
      <c r="H448181" s="12"/>
    </row>
    <row r="448182" spans="8:8">
      <c r="H448182" s="12"/>
    </row>
    <row r="448183" spans="8:8">
      <c r="H448183" s="12"/>
    </row>
    <row r="448184" spans="8:8">
      <c r="H448184" s="12"/>
    </row>
    <row r="448185" spans="8:8">
      <c r="H448185" s="12"/>
    </row>
    <row r="448186" spans="8:8">
      <c r="H448186" s="12"/>
    </row>
    <row r="448187" spans="8:8">
      <c r="H448187" s="12"/>
    </row>
    <row r="448188" spans="8:8">
      <c r="H448188" s="12"/>
    </row>
    <row r="448189" spans="8:8">
      <c r="H448189" s="12"/>
    </row>
    <row r="448190" spans="8:8">
      <c r="H448190" s="12"/>
    </row>
    <row r="448191" spans="8:8">
      <c r="H448191" s="12"/>
    </row>
    <row r="448192" spans="8:8">
      <c r="H448192" s="12"/>
    </row>
    <row r="448193" spans="8:8">
      <c r="H448193" s="12"/>
    </row>
    <row r="448194" spans="8:8">
      <c r="H448194" s="12"/>
    </row>
    <row r="448195" spans="8:8">
      <c r="H448195" s="12"/>
    </row>
    <row r="448196" spans="8:8">
      <c r="H448196" s="12"/>
    </row>
    <row r="448197" spans="8:8">
      <c r="H448197" s="12"/>
    </row>
    <row r="448198" spans="8:8">
      <c r="H448198" s="12"/>
    </row>
    <row r="448199" spans="8:8">
      <c r="H448199" s="12"/>
    </row>
    <row r="448200" spans="8:8">
      <c r="H448200" s="12"/>
    </row>
    <row r="448201" spans="8:8">
      <c r="H448201" s="12"/>
    </row>
    <row r="448202" spans="8:8">
      <c r="H448202" s="12"/>
    </row>
    <row r="448203" spans="8:8">
      <c r="H448203" s="12"/>
    </row>
    <row r="448204" spans="8:8">
      <c r="H448204" s="12"/>
    </row>
    <row r="448205" spans="8:8">
      <c r="H448205" s="12"/>
    </row>
    <row r="448206" spans="8:8">
      <c r="H448206" s="12"/>
    </row>
    <row r="448207" spans="8:8">
      <c r="H448207" s="12"/>
    </row>
    <row r="448208" spans="8:8">
      <c r="H448208" s="12"/>
    </row>
    <row r="448209" spans="8:8">
      <c r="H448209" s="12"/>
    </row>
    <row r="448210" spans="8:8">
      <c r="H448210" s="12"/>
    </row>
    <row r="448211" spans="8:8">
      <c r="H448211" s="12"/>
    </row>
    <row r="448212" spans="8:8">
      <c r="H448212" s="12"/>
    </row>
    <row r="448213" spans="8:8">
      <c r="H448213" s="12"/>
    </row>
    <row r="448214" spans="8:8">
      <c r="H448214" s="12"/>
    </row>
    <row r="448215" spans="8:8">
      <c r="H448215" s="12"/>
    </row>
    <row r="448216" spans="8:8">
      <c r="H448216" s="12"/>
    </row>
    <row r="448217" spans="8:8">
      <c r="H448217" s="12"/>
    </row>
    <row r="448218" spans="8:8">
      <c r="H448218" s="12"/>
    </row>
    <row r="448219" spans="8:8">
      <c r="H448219" s="12"/>
    </row>
    <row r="448220" spans="8:8">
      <c r="H448220" s="12"/>
    </row>
    <row r="448221" spans="8:8">
      <c r="H448221" s="12"/>
    </row>
    <row r="448222" spans="8:8">
      <c r="H448222" s="12"/>
    </row>
    <row r="448223" spans="8:8">
      <c r="H448223" s="12"/>
    </row>
    <row r="448224" spans="8:8">
      <c r="H448224" s="12"/>
    </row>
    <row r="448225" spans="8:8">
      <c r="H448225" s="12"/>
    </row>
    <row r="448226" spans="8:8">
      <c r="H448226" s="12"/>
    </row>
    <row r="448227" spans="8:8">
      <c r="H448227" s="12"/>
    </row>
    <row r="448228" spans="8:8">
      <c r="H448228" s="12"/>
    </row>
    <row r="448229" spans="8:8">
      <c r="H448229" s="12"/>
    </row>
    <row r="448230" spans="8:8">
      <c r="H448230" s="12"/>
    </row>
    <row r="448231" spans="8:8">
      <c r="H448231" s="12"/>
    </row>
    <row r="448232" spans="8:8">
      <c r="H448232" s="12"/>
    </row>
    <row r="448233" spans="8:8">
      <c r="H448233" s="12"/>
    </row>
    <row r="448234" spans="8:8">
      <c r="H448234" s="12"/>
    </row>
    <row r="448235" spans="8:8">
      <c r="H448235" s="12"/>
    </row>
    <row r="448236" spans="8:8">
      <c r="H448236" s="12"/>
    </row>
    <row r="448237" spans="8:8">
      <c r="H448237" s="12"/>
    </row>
    <row r="448238" spans="8:8">
      <c r="H448238" s="12"/>
    </row>
    <row r="448239" spans="8:8">
      <c r="H448239" s="12"/>
    </row>
    <row r="448240" spans="8:8">
      <c r="H448240" s="12"/>
    </row>
    <row r="448241" spans="8:8">
      <c r="H448241" s="12"/>
    </row>
    <row r="448242" spans="8:8">
      <c r="H448242" s="12"/>
    </row>
    <row r="448243" spans="8:8">
      <c r="H448243" s="12"/>
    </row>
    <row r="448244" spans="8:8">
      <c r="H448244" s="12"/>
    </row>
    <row r="448245" spans="8:8">
      <c r="H448245" s="12"/>
    </row>
    <row r="448246" spans="8:8">
      <c r="H448246" s="12"/>
    </row>
    <row r="448247" spans="8:8">
      <c r="H448247" s="12"/>
    </row>
    <row r="448248" spans="8:8">
      <c r="H448248" s="12"/>
    </row>
    <row r="448249" spans="8:8">
      <c r="H448249" s="12"/>
    </row>
    <row r="448250" spans="8:8">
      <c r="H448250" s="12"/>
    </row>
    <row r="448251" spans="8:8">
      <c r="H448251" s="12"/>
    </row>
    <row r="448252" spans="8:8">
      <c r="H448252" s="12"/>
    </row>
    <row r="448253" spans="8:8">
      <c r="H448253" s="12"/>
    </row>
    <row r="448254" spans="8:8">
      <c r="H448254" s="12"/>
    </row>
    <row r="448255" spans="8:8">
      <c r="H448255" s="12"/>
    </row>
    <row r="448256" spans="8:8">
      <c r="H448256" s="12"/>
    </row>
    <row r="448257" spans="8:8">
      <c r="H448257" s="12"/>
    </row>
    <row r="448258" spans="8:8">
      <c r="H448258" s="12"/>
    </row>
    <row r="448259" spans="8:8">
      <c r="H448259" s="12"/>
    </row>
    <row r="448260" spans="8:8">
      <c r="H448260" s="12"/>
    </row>
    <row r="448261" spans="8:8">
      <c r="H448261" s="12"/>
    </row>
    <row r="448262" spans="8:8">
      <c r="H448262" s="12"/>
    </row>
    <row r="448263" spans="8:8">
      <c r="H448263" s="12"/>
    </row>
    <row r="448264" spans="8:8">
      <c r="H448264" s="12"/>
    </row>
    <row r="448265" spans="8:8">
      <c r="H448265" s="12"/>
    </row>
    <row r="448266" spans="8:8">
      <c r="H448266" s="12"/>
    </row>
    <row r="448267" spans="8:8">
      <c r="H448267" s="12"/>
    </row>
    <row r="448268" spans="8:8">
      <c r="H448268" s="12"/>
    </row>
    <row r="448269" spans="8:8">
      <c r="H448269" s="12"/>
    </row>
    <row r="448270" spans="8:8">
      <c r="H448270" s="12"/>
    </row>
    <row r="448271" spans="8:8">
      <c r="H448271" s="12"/>
    </row>
    <row r="448272" spans="8:8">
      <c r="H448272" s="12"/>
    </row>
    <row r="448273" spans="8:8">
      <c r="H448273" s="12"/>
    </row>
    <row r="448274" spans="8:8">
      <c r="H448274" s="12"/>
    </row>
    <row r="448275" spans="8:8">
      <c r="H448275" s="12"/>
    </row>
    <row r="448276" spans="8:8">
      <c r="H448276" s="12"/>
    </row>
    <row r="448277" spans="8:8">
      <c r="H448277" s="12"/>
    </row>
    <row r="448278" spans="8:8">
      <c r="H448278" s="12"/>
    </row>
    <row r="448279" spans="8:8">
      <c r="H448279" s="12"/>
    </row>
    <row r="448280" spans="8:8">
      <c r="H448280" s="12"/>
    </row>
    <row r="448281" spans="8:8">
      <c r="H448281" s="12"/>
    </row>
    <row r="448282" spans="8:8">
      <c r="H448282" s="12"/>
    </row>
    <row r="448283" spans="8:8">
      <c r="H448283" s="12"/>
    </row>
    <row r="448284" spans="8:8">
      <c r="H448284" s="12"/>
    </row>
    <row r="448285" spans="8:8">
      <c r="H448285" s="12"/>
    </row>
    <row r="448286" spans="8:8">
      <c r="H448286" s="12"/>
    </row>
    <row r="448287" spans="8:8">
      <c r="H448287" s="12"/>
    </row>
    <row r="448288" spans="8:8">
      <c r="H448288" s="12"/>
    </row>
    <row r="448289" spans="8:8">
      <c r="H448289" s="12"/>
    </row>
    <row r="448290" spans="8:8">
      <c r="H448290" s="12"/>
    </row>
    <row r="448291" spans="8:8">
      <c r="H448291" s="12"/>
    </row>
    <row r="448292" spans="8:8">
      <c r="H448292" s="12"/>
    </row>
    <row r="448293" spans="8:8">
      <c r="H448293" s="12"/>
    </row>
    <row r="448294" spans="8:8">
      <c r="H448294" s="12"/>
    </row>
    <row r="448295" spans="8:8">
      <c r="H448295" s="12"/>
    </row>
    <row r="448296" spans="8:8">
      <c r="H448296" s="12"/>
    </row>
    <row r="448297" spans="8:8">
      <c r="H448297" s="12"/>
    </row>
    <row r="448298" spans="8:8">
      <c r="H448298" s="12"/>
    </row>
    <row r="448299" spans="8:8">
      <c r="H448299" s="12"/>
    </row>
    <row r="448300" spans="8:8">
      <c r="H448300" s="12"/>
    </row>
    <row r="448301" spans="8:8">
      <c r="H448301" s="12"/>
    </row>
    <row r="448302" spans="8:8">
      <c r="H448302" s="12"/>
    </row>
    <row r="448303" spans="8:8">
      <c r="H448303" s="12"/>
    </row>
    <row r="448304" spans="8:8">
      <c r="H448304" s="12"/>
    </row>
    <row r="448305" spans="8:8">
      <c r="H448305" s="12"/>
    </row>
    <row r="448306" spans="8:8">
      <c r="H448306" s="12"/>
    </row>
    <row r="448307" spans="8:8">
      <c r="H448307" s="12"/>
    </row>
    <row r="448308" spans="8:8">
      <c r="H448308" s="12"/>
    </row>
    <row r="448309" spans="8:8">
      <c r="H448309" s="12"/>
    </row>
    <row r="448310" spans="8:8">
      <c r="H448310" s="12"/>
    </row>
    <row r="448311" spans="8:8">
      <c r="H448311" s="12"/>
    </row>
    <row r="448312" spans="8:8">
      <c r="H448312" s="12"/>
    </row>
    <row r="448313" spans="8:8">
      <c r="H448313" s="12"/>
    </row>
    <row r="448314" spans="8:8">
      <c r="H448314" s="12"/>
    </row>
    <row r="448315" spans="8:8">
      <c r="H448315" s="12"/>
    </row>
    <row r="448316" spans="8:8">
      <c r="H448316" s="12"/>
    </row>
    <row r="448317" spans="8:8">
      <c r="H448317" s="12"/>
    </row>
    <row r="448318" spans="8:8">
      <c r="H448318" s="12"/>
    </row>
    <row r="448319" spans="8:8">
      <c r="H448319" s="12"/>
    </row>
    <row r="448320" spans="8:8">
      <c r="H448320" s="12"/>
    </row>
    <row r="448321" spans="8:8">
      <c r="H448321" s="12"/>
    </row>
    <row r="448322" spans="8:8">
      <c r="H448322" s="12"/>
    </row>
    <row r="448323" spans="8:8">
      <c r="H448323" s="12"/>
    </row>
    <row r="448324" spans="8:8">
      <c r="H448324" s="12"/>
    </row>
    <row r="448325" spans="8:8">
      <c r="H448325" s="12"/>
    </row>
    <row r="448326" spans="8:8">
      <c r="H448326" s="12"/>
    </row>
    <row r="448327" spans="8:8">
      <c r="H448327" s="12"/>
    </row>
    <row r="448328" spans="8:8">
      <c r="H448328" s="12"/>
    </row>
    <row r="448329" spans="8:8">
      <c r="H448329" s="12"/>
    </row>
    <row r="448330" spans="8:8">
      <c r="H448330" s="12"/>
    </row>
    <row r="448331" spans="8:8">
      <c r="H448331" s="12"/>
    </row>
    <row r="448332" spans="8:8">
      <c r="H448332" s="12"/>
    </row>
    <row r="448333" spans="8:8">
      <c r="H448333" s="12"/>
    </row>
    <row r="448334" spans="8:8">
      <c r="H448334" s="12"/>
    </row>
    <row r="448335" spans="8:8">
      <c r="H448335" s="12"/>
    </row>
    <row r="448336" spans="8:8">
      <c r="H448336" s="12"/>
    </row>
    <row r="448337" spans="8:8">
      <c r="H448337" s="12"/>
    </row>
    <row r="448338" spans="8:8">
      <c r="H448338" s="12"/>
    </row>
    <row r="448339" spans="8:8">
      <c r="H448339" s="12"/>
    </row>
    <row r="448340" spans="8:8">
      <c r="H448340" s="12"/>
    </row>
    <row r="448341" spans="8:8">
      <c r="H448341" s="12"/>
    </row>
    <row r="448342" spans="8:8">
      <c r="H448342" s="12"/>
    </row>
    <row r="448343" spans="8:8">
      <c r="H448343" s="12"/>
    </row>
    <row r="448344" spans="8:8">
      <c r="H448344" s="12"/>
    </row>
    <row r="448345" spans="8:8">
      <c r="H448345" s="12"/>
    </row>
    <row r="448346" spans="8:8">
      <c r="H448346" s="12"/>
    </row>
    <row r="448347" spans="8:8">
      <c r="H448347" s="12"/>
    </row>
    <row r="448348" spans="8:8">
      <c r="H448348" s="12"/>
    </row>
    <row r="448349" spans="8:8">
      <c r="H448349" s="12"/>
    </row>
    <row r="448350" spans="8:8">
      <c r="H448350" s="12"/>
    </row>
    <row r="448351" spans="8:8">
      <c r="H448351" s="12"/>
    </row>
    <row r="448352" spans="8:8">
      <c r="H448352" s="12"/>
    </row>
    <row r="448353" spans="8:8">
      <c r="H448353" s="12"/>
    </row>
    <row r="448354" spans="8:8">
      <c r="H448354" s="12"/>
    </row>
    <row r="448355" spans="8:8">
      <c r="H448355" s="12"/>
    </row>
    <row r="448356" spans="8:8">
      <c r="H448356" s="12"/>
    </row>
    <row r="448357" spans="8:8">
      <c r="H448357" s="12"/>
    </row>
    <row r="448358" spans="8:8">
      <c r="H448358" s="12"/>
    </row>
    <row r="448359" spans="8:8">
      <c r="H448359" s="12"/>
    </row>
    <row r="448360" spans="8:8">
      <c r="H448360" s="12"/>
    </row>
    <row r="448361" spans="8:8">
      <c r="H448361" s="12"/>
    </row>
    <row r="448362" spans="8:8">
      <c r="H448362" s="12"/>
    </row>
    <row r="448363" spans="8:8">
      <c r="H448363" s="12"/>
    </row>
    <row r="448364" spans="8:8">
      <c r="H448364" s="12"/>
    </row>
    <row r="448365" spans="8:8">
      <c r="H448365" s="12"/>
    </row>
    <row r="448366" spans="8:8">
      <c r="H448366" s="12"/>
    </row>
    <row r="448367" spans="8:8">
      <c r="H448367" s="12"/>
    </row>
    <row r="448368" spans="8:8">
      <c r="H448368" s="12"/>
    </row>
    <row r="448369" spans="8:8">
      <c r="H448369" s="12"/>
    </row>
    <row r="448370" spans="8:8">
      <c r="H448370" s="12"/>
    </row>
    <row r="448371" spans="8:8">
      <c r="H448371" s="12"/>
    </row>
    <row r="448372" spans="8:8">
      <c r="H448372" s="12"/>
    </row>
    <row r="448373" spans="8:8">
      <c r="H448373" s="12"/>
    </row>
    <row r="448374" spans="8:8">
      <c r="H448374" s="12"/>
    </row>
    <row r="448375" spans="8:8">
      <c r="H448375" s="12"/>
    </row>
    <row r="448376" spans="8:8">
      <c r="H448376" s="12"/>
    </row>
    <row r="448377" spans="8:8">
      <c r="H448377" s="12"/>
    </row>
    <row r="448378" spans="8:8">
      <c r="H448378" s="12"/>
    </row>
    <row r="448379" spans="8:8">
      <c r="H448379" s="12"/>
    </row>
    <row r="448380" spans="8:8">
      <c r="H448380" s="12"/>
    </row>
    <row r="448381" spans="8:8">
      <c r="H448381" s="12"/>
    </row>
    <row r="448382" spans="8:8">
      <c r="H448382" s="12"/>
    </row>
    <row r="448383" spans="8:8">
      <c r="H448383" s="12"/>
    </row>
    <row r="448384" spans="8:8">
      <c r="H448384" s="12"/>
    </row>
    <row r="448385" spans="8:8">
      <c r="H448385" s="12"/>
    </row>
    <row r="448386" spans="8:8">
      <c r="H448386" s="12"/>
    </row>
    <row r="448387" spans="8:8">
      <c r="H448387" s="12"/>
    </row>
    <row r="448388" spans="8:8">
      <c r="H448388" s="12"/>
    </row>
    <row r="448389" spans="8:8">
      <c r="H448389" s="12"/>
    </row>
    <row r="448390" spans="8:8">
      <c r="H448390" s="12"/>
    </row>
    <row r="448391" spans="8:8">
      <c r="H448391" s="12"/>
    </row>
    <row r="448392" spans="8:8">
      <c r="H448392" s="12"/>
    </row>
    <row r="448393" spans="8:8">
      <c r="H448393" s="12"/>
    </row>
    <row r="448394" spans="8:8">
      <c r="H448394" s="12"/>
    </row>
    <row r="448395" spans="8:8">
      <c r="H448395" s="12"/>
    </row>
    <row r="448396" spans="8:8">
      <c r="H448396" s="12"/>
    </row>
    <row r="448397" spans="8:8">
      <c r="H448397" s="12"/>
    </row>
    <row r="448398" spans="8:8">
      <c r="H448398" s="12"/>
    </row>
    <row r="448399" spans="8:8">
      <c r="H448399" s="12"/>
    </row>
    <row r="448400" spans="8:8">
      <c r="H448400" s="12"/>
    </row>
    <row r="448401" spans="8:8">
      <c r="H448401" s="12"/>
    </row>
    <row r="448402" spans="8:8">
      <c r="H448402" s="12"/>
    </row>
    <row r="448403" spans="8:8">
      <c r="H448403" s="12"/>
    </row>
    <row r="448404" spans="8:8">
      <c r="H448404" s="12"/>
    </row>
    <row r="448405" spans="8:8">
      <c r="H448405" s="12"/>
    </row>
    <row r="448406" spans="8:8">
      <c r="H448406" s="12"/>
    </row>
    <row r="448407" spans="8:8">
      <c r="H448407" s="12"/>
    </row>
    <row r="448408" spans="8:8">
      <c r="H448408" s="12"/>
    </row>
    <row r="448409" spans="8:8">
      <c r="H448409" s="12"/>
    </row>
    <row r="448410" spans="8:8">
      <c r="H448410" s="12"/>
    </row>
    <row r="448411" spans="8:8">
      <c r="H448411" s="12"/>
    </row>
    <row r="448412" spans="8:8">
      <c r="H448412" s="12"/>
    </row>
    <row r="448413" spans="8:8">
      <c r="H448413" s="12"/>
    </row>
    <row r="448414" spans="8:8">
      <c r="H448414" s="12"/>
    </row>
    <row r="448415" spans="8:8">
      <c r="H448415" s="12"/>
    </row>
    <row r="448416" spans="8:8">
      <c r="H448416" s="12"/>
    </row>
    <row r="448417" spans="8:8">
      <c r="H448417" s="12"/>
    </row>
    <row r="448418" spans="8:8">
      <c r="H448418" s="12"/>
    </row>
    <row r="448419" spans="8:8">
      <c r="H448419" s="12"/>
    </row>
    <row r="448420" spans="8:8">
      <c r="H448420" s="12"/>
    </row>
    <row r="448421" spans="8:8">
      <c r="H448421" s="12"/>
    </row>
    <row r="448422" spans="8:8">
      <c r="H448422" s="12"/>
    </row>
    <row r="448423" spans="8:8">
      <c r="H448423" s="12"/>
    </row>
    <row r="448424" spans="8:8">
      <c r="H448424" s="12"/>
    </row>
    <row r="448425" spans="8:8">
      <c r="H448425" s="12"/>
    </row>
    <row r="448426" spans="8:8">
      <c r="H448426" s="12"/>
    </row>
    <row r="448427" spans="8:8">
      <c r="H448427" s="12"/>
    </row>
    <row r="448428" spans="8:8">
      <c r="H448428" s="12"/>
    </row>
    <row r="448429" spans="8:8">
      <c r="H448429" s="12"/>
    </row>
    <row r="448430" spans="8:8">
      <c r="H448430" s="12"/>
    </row>
    <row r="448431" spans="8:8">
      <c r="H448431" s="12"/>
    </row>
    <row r="448432" spans="8:8">
      <c r="H448432" s="12"/>
    </row>
    <row r="448433" spans="8:8">
      <c r="H448433" s="12"/>
    </row>
    <row r="448434" spans="8:8">
      <c r="H448434" s="12"/>
    </row>
    <row r="448435" spans="8:8">
      <c r="H448435" s="12"/>
    </row>
    <row r="448436" spans="8:8">
      <c r="H448436" s="12"/>
    </row>
    <row r="448437" spans="8:8">
      <c r="H448437" s="12"/>
    </row>
    <row r="448438" spans="8:8">
      <c r="H448438" s="12"/>
    </row>
    <row r="448439" spans="8:8">
      <c r="H448439" s="12"/>
    </row>
    <row r="448440" spans="8:8">
      <c r="H448440" s="12"/>
    </row>
    <row r="448441" spans="8:8">
      <c r="H448441" s="12"/>
    </row>
    <row r="448442" spans="8:8">
      <c r="H448442" s="12"/>
    </row>
    <row r="448443" spans="8:8">
      <c r="H448443" s="12"/>
    </row>
    <row r="448444" spans="8:8">
      <c r="H448444" s="12"/>
    </row>
    <row r="448445" spans="8:8">
      <c r="H448445" s="12"/>
    </row>
    <row r="448446" spans="8:8">
      <c r="H448446" s="12"/>
    </row>
    <row r="448447" spans="8:8">
      <c r="H448447" s="12"/>
    </row>
    <row r="448448" spans="8:8">
      <c r="H448448" s="12"/>
    </row>
    <row r="448449" spans="8:8">
      <c r="H448449" s="12"/>
    </row>
    <row r="448450" spans="8:8">
      <c r="H448450" s="12"/>
    </row>
    <row r="448451" spans="8:8">
      <c r="H448451" s="12"/>
    </row>
    <row r="448452" spans="8:8">
      <c r="H448452" s="12"/>
    </row>
    <row r="448453" spans="8:8">
      <c r="H448453" s="12"/>
    </row>
    <row r="448454" spans="8:8">
      <c r="H448454" s="12"/>
    </row>
    <row r="448455" spans="8:8">
      <c r="H448455" s="12"/>
    </row>
    <row r="448456" spans="8:8">
      <c r="H448456" s="12"/>
    </row>
    <row r="448457" spans="8:8">
      <c r="H448457" s="12"/>
    </row>
    <row r="448458" spans="8:8">
      <c r="H448458" s="12"/>
    </row>
    <row r="448459" spans="8:8">
      <c r="H448459" s="12"/>
    </row>
    <row r="448460" spans="8:8">
      <c r="H448460" s="12"/>
    </row>
    <row r="448461" spans="8:8">
      <c r="H448461" s="12"/>
    </row>
    <row r="448462" spans="8:8">
      <c r="H448462" s="12"/>
    </row>
    <row r="448463" spans="8:8">
      <c r="H448463" s="12"/>
    </row>
    <row r="448464" spans="8:8">
      <c r="H448464" s="12"/>
    </row>
    <row r="448465" spans="8:8">
      <c r="H448465" s="12"/>
    </row>
    <row r="448466" spans="8:8">
      <c r="H448466" s="12"/>
    </row>
    <row r="448467" spans="8:8">
      <c r="H448467" s="12"/>
    </row>
    <row r="448468" spans="8:8">
      <c r="H448468" s="12"/>
    </row>
    <row r="448469" spans="8:8">
      <c r="H448469" s="12"/>
    </row>
    <row r="448470" spans="8:8">
      <c r="H448470" s="12"/>
    </row>
    <row r="448471" spans="8:8">
      <c r="H448471" s="12"/>
    </row>
    <row r="448472" spans="8:8">
      <c r="H448472" s="12"/>
    </row>
    <row r="448473" spans="8:8">
      <c r="H448473" s="12"/>
    </row>
    <row r="448474" spans="8:8">
      <c r="H448474" s="12"/>
    </row>
    <row r="448475" spans="8:8">
      <c r="H448475" s="12"/>
    </row>
    <row r="448476" spans="8:8">
      <c r="H448476" s="12"/>
    </row>
    <row r="448477" spans="8:8">
      <c r="H448477" s="12"/>
    </row>
    <row r="448478" spans="8:8">
      <c r="H448478" s="12"/>
    </row>
    <row r="448479" spans="8:8">
      <c r="H448479" s="12"/>
    </row>
    <row r="448480" spans="8:8">
      <c r="H448480" s="12"/>
    </row>
    <row r="448481" spans="8:8">
      <c r="H448481" s="12"/>
    </row>
    <row r="448482" spans="8:8">
      <c r="H448482" s="12"/>
    </row>
    <row r="448483" spans="8:8">
      <c r="H448483" s="12"/>
    </row>
    <row r="448484" spans="8:8">
      <c r="H448484" s="12"/>
    </row>
    <row r="448485" spans="8:8">
      <c r="H448485" s="12"/>
    </row>
    <row r="448486" spans="8:8">
      <c r="H448486" s="12"/>
    </row>
    <row r="448487" spans="8:8">
      <c r="H448487" s="12"/>
    </row>
    <row r="448488" spans="8:8">
      <c r="H448488" s="12"/>
    </row>
    <row r="448489" spans="8:8">
      <c r="H448489" s="12"/>
    </row>
    <row r="448490" spans="8:8">
      <c r="H448490" s="12"/>
    </row>
    <row r="448491" spans="8:8">
      <c r="H448491" s="12"/>
    </row>
    <row r="448492" spans="8:8">
      <c r="H448492" s="12"/>
    </row>
    <row r="448493" spans="8:8">
      <c r="H448493" s="12"/>
    </row>
    <row r="448494" spans="8:8">
      <c r="H448494" s="12"/>
    </row>
    <row r="448495" spans="8:8">
      <c r="H448495" s="12"/>
    </row>
    <row r="448496" spans="8:8">
      <c r="H448496" s="12"/>
    </row>
    <row r="448497" spans="8:8">
      <c r="H448497" s="12"/>
    </row>
    <row r="448498" spans="8:8">
      <c r="H448498" s="12"/>
    </row>
    <row r="448499" spans="8:8">
      <c r="H448499" s="12"/>
    </row>
    <row r="448500" spans="8:8">
      <c r="H448500" s="12"/>
    </row>
    <row r="448501" spans="8:8">
      <c r="H448501" s="12"/>
    </row>
    <row r="448502" spans="8:8">
      <c r="H448502" s="12"/>
    </row>
    <row r="448503" spans="8:8">
      <c r="H448503" s="12"/>
    </row>
    <row r="448504" spans="8:8">
      <c r="H448504" s="12"/>
    </row>
    <row r="448505" spans="8:8">
      <c r="H448505" s="12"/>
    </row>
    <row r="448506" spans="8:8">
      <c r="H448506" s="12"/>
    </row>
    <row r="448507" spans="8:8">
      <c r="H448507" s="12"/>
    </row>
    <row r="448508" spans="8:8">
      <c r="H448508" s="12"/>
    </row>
    <row r="448509" spans="8:8">
      <c r="H448509" s="12"/>
    </row>
    <row r="448510" spans="8:8">
      <c r="H448510" s="12"/>
    </row>
    <row r="448511" spans="8:8">
      <c r="H448511" s="12"/>
    </row>
    <row r="448512" spans="8:8">
      <c r="H448512" s="12"/>
    </row>
    <row r="448513" spans="8:8">
      <c r="H448513" s="12"/>
    </row>
    <row r="448514" spans="8:8">
      <c r="H448514" s="12"/>
    </row>
    <row r="448515" spans="8:8">
      <c r="H448515" s="12"/>
    </row>
    <row r="448516" spans="8:8">
      <c r="H448516" s="12"/>
    </row>
    <row r="448517" spans="8:8">
      <c r="H448517" s="12"/>
    </row>
    <row r="448518" spans="8:8">
      <c r="H448518" s="12"/>
    </row>
    <row r="448519" spans="8:8">
      <c r="H448519" s="12"/>
    </row>
    <row r="448520" spans="8:8">
      <c r="H448520" s="12"/>
    </row>
    <row r="448521" spans="8:8">
      <c r="H448521" s="12"/>
    </row>
    <row r="448522" spans="8:8">
      <c r="H448522" s="12"/>
    </row>
    <row r="448523" spans="8:8">
      <c r="H448523" s="12"/>
    </row>
    <row r="448524" spans="8:8">
      <c r="H448524" s="12"/>
    </row>
    <row r="448525" spans="8:8">
      <c r="H448525" s="12"/>
    </row>
    <row r="448526" spans="8:8">
      <c r="H448526" s="12"/>
    </row>
    <row r="448527" spans="8:8">
      <c r="H448527" s="12"/>
    </row>
    <row r="448528" spans="8:8">
      <c r="H448528" s="12"/>
    </row>
    <row r="448529" spans="8:8">
      <c r="H448529" s="12"/>
    </row>
    <row r="448530" spans="8:8">
      <c r="H448530" s="12"/>
    </row>
    <row r="448531" spans="8:8">
      <c r="H448531" s="12"/>
    </row>
    <row r="448532" spans="8:8">
      <c r="H448532" s="12"/>
    </row>
    <row r="448533" spans="8:8">
      <c r="H448533" s="12"/>
    </row>
    <row r="448534" spans="8:8">
      <c r="H448534" s="12"/>
    </row>
    <row r="448535" spans="8:8">
      <c r="H448535" s="12"/>
    </row>
    <row r="448536" spans="8:8">
      <c r="H448536" s="12"/>
    </row>
    <row r="448537" spans="8:8">
      <c r="H448537" s="12"/>
    </row>
    <row r="448538" spans="8:8">
      <c r="H448538" s="12"/>
    </row>
    <row r="448539" spans="8:8">
      <c r="H448539" s="12"/>
    </row>
    <row r="448540" spans="8:8">
      <c r="H448540" s="12"/>
    </row>
    <row r="448541" spans="8:8">
      <c r="H448541" s="12"/>
    </row>
    <row r="448542" spans="8:8">
      <c r="H448542" s="12"/>
    </row>
    <row r="448543" spans="8:8">
      <c r="H448543" s="12"/>
    </row>
    <row r="448544" spans="8:8">
      <c r="H448544" s="12"/>
    </row>
    <row r="448545" spans="8:8">
      <c r="H448545" s="12"/>
    </row>
    <row r="448546" spans="8:8">
      <c r="H448546" s="12"/>
    </row>
    <row r="448547" spans="8:8">
      <c r="H448547" s="12"/>
    </row>
    <row r="448548" spans="8:8">
      <c r="H448548" s="12"/>
    </row>
    <row r="448549" spans="8:8">
      <c r="H448549" s="12"/>
    </row>
    <row r="448550" spans="8:8">
      <c r="H448550" s="12"/>
    </row>
    <row r="448551" spans="8:8">
      <c r="H448551" s="12"/>
    </row>
    <row r="448552" spans="8:8">
      <c r="H448552" s="12"/>
    </row>
    <row r="448553" spans="8:8">
      <c r="H448553" s="12"/>
    </row>
    <row r="448554" spans="8:8">
      <c r="H448554" s="12"/>
    </row>
    <row r="448555" spans="8:8">
      <c r="H448555" s="12"/>
    </row>
    <row r="448556" spans="8:8">
      <c r="H448556" s="12"/>
    </row>
    <row r="448557" spans="8:8">
      <c r="H448557" s="12"/>
    </row>
    <row r="448558" spans="8:8">
      <c r="H448558" s="12"/>
    </row>
    <row r="448559" spans="8:8">
      <c r="H448559" s="12"/>
    </row>
    <row r="448560" spans="8:8">
      <c r="H448560" s="12"/>
    </row>
    <row r="448561" spans="8:8">
      <c r="H448561" s="12"/>
    </row>
    <row r="448562" spans="8:8">
      <c r="H448562" s="12"/>
    </row>
    <row r="448563" spans="8:8">
      <c r="H448563" s="12"/>
    </row>
    <row r="448564" spans="8:8">
      <c r="H448564" s="12"/>
    </row>
    <row r="448565" spans="8:8">
      <c r="H448565" s="12"/>
    </row>
    <row r="448566" spans="8:8">
      <c r="H448566" s="12"/>
    </row>
    <row r="448567" spans="8:8">
      <c r="H448567" s="12"/>
    </row>
    <row r="448568" spans="8:8">
      <c r="H448568" s="12"/>
    </row>
    <row r="448569" spans="8:8">
      <c r="H448569" s="12"/>
    </row>
    <row r="448570" spans="8:8">
      <c r="H448570" s="12"/>
    </row>
    <row r="448571" spans="8:8">
      <c r="H448571" s="12"/>
    </row>
    <row r="448572" spans="8:8">
      <c r="H448572" s="12"/>
    </row>
    <row r="448573" spans="8:8">
      <c r="H448573" s="12"/>
    </row>
    <row r="448574" spans="8:8">
      <c r="H448574" s="12"/>
    </row>
    <row r="448575" spans="8:8">
      <c r="H448575" s="12"/>
    </row>
    <row r="448576" spans="8:8">
      <c r="H448576" s="12"/>
    </row>
    <row r="448577" spans="8:8">
      <c r="H448577" s="12"/>
    </row>
    <row r="448578" spans="8:8">
      <c r="H448578" s="12"/>
    </row>
    <row r="448579" spans="8:8">
      <c r="H448579" s="12"/>
    </row>
    <row r="448580" spans="8:8">
      <c r="H448580" s="12"/>
    </row>
    <row r="448581" spans="8:8">
      <c r="H448581" s="12"/>
    </row>
    <row r="448582" spans="8:8">
      <c r="H448582" s="12"/>
    </row>
    <row r="448583" spans="8:8">
      <c r="H448583" s="12"/>
    </row>
    <row r="448584" spans="8:8">
      <c r="H448584" s="12"/>
    </row>
    <row r="448585" spans="8:8">
      <c r="H448585" s="12"/>
    </row>
    <row r="448586" spans="8:8">
      <c r="H448586" s="12"/>
    </row>
    <row r="448587" spans="8:8">
      <c r="H448587" s="12"/>
    </row>
    <row r="448588" spans="8:8">
      <c r="H448588" s="12"/>
    </row>
    <row r="448589" spans="8:8">
      <c r="H448589" s="12"/>
    </row>
    <row r="448590" spans="8:8">
      <c r="H448590" s="12"/>
    </row>
    <row r="448591" spans="8:8">
      <c r="H448591" s="12"/>
    </row>
    <row r="448592" spans="8:8">
      <c r="H448592" s="12"/>
    </row>
    <row r="448593" spans="8:8">
      <c r="H448593" s="12"/>
    </row>
    <row r="448594" spans="8:8">
      <c r="H448594" s="12"/>
    </row>
    <row r="448595" spans="8:8">
      <c r="H448595" s="12"/>
    </row>
    <row r="448596" spans="8:8">
      <c r="H448596" s="12"/>
    </row>
    <row r="448597" spans="8:8">
      <c r="H448597" s="12"/>
    </row>
    <row r="448598" spans="8:8">
      <c r="H448598" s="12"/>
    </row>
    <row r="448599" spans="8:8">
      <c r="H448599" s="12"/>
    </row>
    <row r="448600" spans="8:8">
      <c r="H448600" s="12"/>
    </row>
    <row r="448601" spans="8:8">
      <c r="H448601" s="12"/>
    </row>
    <row r="448602" spans="8:8">
      <c r="H448602" s="12"/>
    </row>
    <row r="448603" spans="8:8">
      <c r="H448603" s="12"/>
    </row>
    <row r="448604" spans="8:8">
      <c r="H448604" s="12"/>
    </row>
    <row r="448605" spans="8:8">
      <c r="H448605" s="12"/>
    </row>
    <row r="448606" spans="8:8">
      <c r="H448606" s="12"/>
    </row>
    <row r="448607" spans="8:8">
      <c r="H448607" s="12"/>
    </row>
    <row r="448608" spans="8:8">
      <c r="H448608" s="12"/>
    </row>
    <row r="448609" spans="8:8">
      <c r="H448609" s="12"/>
    </row>
    <row r="448610" spans="8:8">
      <c r="H448610" s="12"/>
    </row>
    <row r="448611" spans="8:8">
      <c r="H448611" s="12"/>
    </row>
    <row r="448612" spans="8:8">
      <c r="H448612" s="12"/>
    </row>
    <row r="448613" spans="8:8">
      <c r="H448613" s="12"/>
    </row>
    <row r="448614" spans="8:8">
      <c r="H448614" s="12"/>
    </row>
    <row r="448615" spans="8:8">
      <c r="H448615" s="12"/>
    </row>
    <row r="448616" spans="8:8">
      <c r="H448616" s="12"/>
    </row>
    <row r="448617" spans="8:8">
      <c r="H448617" s="12"/>
    </row>
    <row r="448618" spans="8:8">
      <c r="H448618" s="12"/>
    </row>
    <row r="448619" spans="8:8">
      <c r="H448619" s="12"/>
    </row>
    <row r="448620" spans="8:8">
      <c r="H448620" s="12"/>
    </row>
    <row r="448621" spans="8:8">
      <c r="H448621" s="12"/>
    </row>
    <row r="448622" spans="8:8">
      <c r="H448622" s="12"/>
    </row>
    <row r="448623" spans="8:8">
      <c r="H448623" s="12"/>
    </row>
    <row r="448624" spans="8:8">
      <c r="H448624" s="12"/>
    </row>
    <row r="448625" spans="8:8">
      <c r="H448625" s="12"/>
    </row>
    <row r="448626" spans="8:8">
      <c r="H448626" s="12"/>
    </row>
    <row r="448627" spans="8:8">
      <c r="H448627" s="12"/>
    </row>
    <row r="448628" spans="8:8">
      <c r="H448628" s="12"/>
    </row>
    <row r="448629" spans="8:8">
      <c r="H448629" s="12"/>
    </row>
    <row r="448630" spans="8:8">
      <c r="H448630" s="12"/>
    </row>
    <row r="448631" spans="8:8">
      <c r="H448631" s="12"/>
    </row>
    <row r="448632" spans="8:8">
      <c r="H448632" s="12"/>
    </row>
    <row r="448633" spans="8:8">
      <c r="H448633" s="12"/>
    </row>
    <row r="448634" spans="8:8">
      <c r="H448634" s="12"/>
    </row>
    <row r="448635" spans="8:8">
      <c r="H448635" s="12"/>
    </row>
    <row r="448636" spans="8:8">
      <c r="H448636" s="12"/>
    </row>
    <row r="448637" spans="8:8">
      <c r="H448637" s="12"/>
    </row>
    <row r="448638" spans="8:8">
      <c r="H448638" s="12"/>
    </row>
    <row r="448639" spans="8:8">
      <c r="H448639" s="12"/>
    </row>
    <row r="448640" spans="8:8">
      <c r="H448640" s="12"/>
    </row>
    <row r="448641" spans="8:8">
      <c r="H448641" s="12"/>
    </row>
    <row r="448642" spans="8:8">
      <c r="H448642" s="12"/>
    </row>
    <row r="448643" spans="8:8">
      <c r="H448643" s="12"/>
    </row>
    <row r="448644" spans="8:8">
      <c r="H448644" s="12"/>
    </row>
    <row r="448645" spans="8:8">
      <c r="H448645" s="12"/>
    </row>
    <row r="448646" spans="8:8">
      <c r="H448646" s="12"/>
    </row>
    <row r="448647" spans="8:8">
      <c r="H448647" s="12"/>
    </row>
    <row r="448648" spans="8:8">
      <c r="H448648" s="12"/>
    </row>
    <row r="448649" spans="8:8">
      <c r="H448649" s="12"/>
    </row>
    <row r="448650" spans="8:8">
      <c r="H448650" s="12"/>
    </row>
    <row r="448651" spans="8:8">
      <c r="H448651" s="12"/>
    </row>
    <row r="448652" spans="8:8">
      <c r="H448652" s="12"/>
    </row>
    <row r="448653" spans="8:8">
      <c r="H448653" s="12"/>
    </row>
    <row r="448654" spans="8:8">
      <c r="H448654" s="12"/>
    </row>
    <row r="448655" spans="8:8">
      <c r="H448655" s="12"/>
    </row>
    <row r="448656" spans="8:8">
      <c r="H448656" s="12"/>
    </row>
    <row r="448657" spans="8:8">
      <c r="H448657" s="12"/>
    </row>
    <row r="448658" spans="8:8">
      <c r="H448658" s="12"/>
    </row>
    <row r="448659" spans="8:8">
      <c r="H448659" s="12"/>
    </row>
    <row r="448660" spans="8:8">
      <c r="H448660" s="12"/>
    </row>
    <row r="448661" spans="8:8">
      <c r="H448661" s="12"/>
    </row>
    <row r="448662" spans="8:8">
      <c r="H448662" s="12"/>
    </row>
    <row r="448663" spans="8:8">
      <c r="H448663" s="12"/>
    </row>
    <row r="448664" spans="8:8">
      <c r="H448664" s="12"/>
    </row>
    <row r="448665" spans="8:8">
      <c r="H448665" s="12"/>
    </row>
    <row r="448666" spans="8:8">
      <c r="H448666" s="12"/>
    </row>
    <row r="448667" spans="8:8">
      <c r="H448667" s="12"/>
    </row>
    <row r="448668" spans="8:8">
      <c r="H448668" s="12"/>
    </row>
    <row r="448669" spans="8:8">
      <c r="H448669" s="12"/>
    </row>
    <row r="448670" spans="8:8">
      <c r="H448670" s="12"/>
    </row>
    <row r="448671" spans="8:8">
      <c r="H448671" s="12"/>
    </row>
    <row r="448672" spans="8:8">
      <c r="H448672" s="12"/>
    </row>
    <row r="448673" spans="8:8">
      <c r="H448673" s="12"/>
    </row>
    <row r="448674" spans="8:8">
      <c r="H448674" s="12"/>
    </row>
    <row r="448675" spans="8:8">
      <c r="H448675" s="12"/>
    </row>
    <row r="448676" spans="8:8">
      <c r="H448676" s="12"/>
    </row>
    <row r="448677" spans="8:8">
      <c r="H448677" s="12"/>
    </row>
    <row r="448678" spans="8:8">
      <c r="H448678" s="12"/>
    </row>
    <row r="448679" spans="8:8">
      <c r="H448679" s="12"/>
    </row>
    <row r="448680" spans="8:8">
      <c r="H448680" s="12"/>
    </row>
    <row r="448681" spans="8:8">
      <c r="H448681" s="12"/>
    </row>
    <row r="448682" spans="8:8">
      <c r="H448682" s="12"/>
    </row>
    <row r="448683" spans="8:8">
      <c r="H448683" s="12"/>
    </row>
    <row r="448684" spans="8:8">
      <c r="H448684" s="12"/>
    </row>
    <row r="448685" spans="8:8">
      <c r="H448685" s="12"/>
    </row>
    <row r="448686" spans="8:8">
      <c r="H448686" s="12"/>
    </row>
    <row r="448687" spans="8:8">
      <c r="H448687" s="12"/>
    </row>
    <row r="448688" spans="8:8">
      <c r="H448688" s="12"/>
    </row>
    <row r="448689" spans="8:8">
      <c r="H448689" s="12"/>
    </row>
    <row r="448690" spans="8:8">
      <c r="H448690" s="12"/>
    </row>
    <row r="448691" spans="8:8">
      <c r="H448691" s="12"/>
    </row>
    <row r="448692" spans="8:8">
      <c r="H448692" s="12"/>
    </row>
    <row r="448693" spans="8:8">
      <c r="H448693" s="12"/>
    </row>
    <row r="448694" spans="8:8">
      <c r="H448694" s="12"/>
    </row>
    <row r="448695" spans="8:8">
      <c r="H448695" s="12"/>
    </row>
    <row r="448696" spans="8:8">
      <c r="H448696" s="12"/>
    </row>
    <row r="448697" spans="8:8">
      <c r="H448697" s="12"/>
    </row>
    <row r="448698" spans="8:8">
      <c r="H448698" s="12"/>
    </row>
    <row r="448699" spans="8:8">
      <c r="H448699" s="12"/>
    </row>
    <row r="448700" spans="8:8">
      <c r="H448700" s="12"/>
    </row>
    <row r="448701" spans="8:8">
      <c r="H448701" s="12"/>
    </row>
    <row r="448702" spans="8:8">
      <c r="H448702" s="12"/>
    </row>
    <row r="448703" spans="8:8">
      <c r="H448703" s="12"/>
    </row>
    <row r="448704" spans="8:8">
      <c r="H448704" s="12"/>
    </row>
    <row r="448705" spans="8:8">
      <c r="H448705" s="12"/>
    </row>
    <row r="448706" spans="8:8">
      <c r="H448706" s="12"/>
    </row>
    <row r="448707" spans="8:8">
      <c r="H448707" s="12"/>
    </row>
    <row r="448708" spans="8:8">
      <c r="H448708" s="12"/>
    </row>
    <row r="448709" spans="8:8">
      <c r="H448709" s="12"/>
    </row>
    <row r="448710" spans="8:8">
      <c r="H448710" s="12"/>
    </row>
    <row r="448711" spans="8:8">
      <c r="H448711" s="12"/>
    </row>
    <row r="448712" spans="8:8">
      <c r="H448712" s="12"/>
    </row>
    <row r="448713" spans="8:8">
      <c r="H448713" s="12"/>
    </row>
    <row r="448714" spans="8:8">
      <c r="H448714" s="12"/>
    </row>
    <row r="448715" spans="8:8">
      <c r="H448715" s="12"/>
    </row>
    <row r="448716" spans="8:8">
      <c r="H448716" s="12"/>
    </row>
    <row r="448717" spans="8:8">
      <c r="H448717" s="12"/>
    </row>
    <row r="448718" spans="8:8">
      <c r="H448718" s="12"/>
    </row>
    <row r="448719" spans="8:8">
      <c r="H448719" s="12"/>
    </row>
    <row r="448720" spans="8:8">
      <c r="H448720" s="12"/>
    </row>
    <row r="448721" spans="8:8">
      <c r="H448721" s="12"/>
    </row>
    <row r="448722" spans="8:8">
      <c r="H448722" s="12"/>
    </row>
    <row r="448723" spans="8:8">
      <c r="H448723" s="12"/>
    </row>
    <row r="448724" spans="8:8">
      <c r="H448724" s="12"/>
    </row>
    <row r="448725" spans="8:8">
      <c r="H448725" s="12"/>
    </row>
    <row r="448726" spans="8:8">
      <c r="H448726" s="12"/>
    </row>
    <row r="448727" spans="8:8">
      <c r="H448727" s="12"/>
    </row>
    <row r="448728" spans="8:8">
      <c r="H448728" s="12"/>
    </row>
    <row r="448729" spans="8:8">
      <c r="H448729" s="12"/>
    </row>
    <row r="448730" spans="8:8">
      <c r="H448730" s="12"/>
    </row>
    <row r="448731" spans="8:8">
      <c r="H448731" s="12"/>
    </row>
    <row r="448732" spans="8:8">
      <c r="H448732" s="12"/>
    </row>
    <row r="448733" spans="8:8">
      <c r="H448733" s="12"/>
    </row>
    <row r="448734" spans="8:8">
      <c r="H448734" s="12"/>
    </row>
    <row r="448735" spans="8:8">
      <c r="H448735" s="12"/>
    </row>
    <row r="448736" spans="8:8">
      <c r="H448736" s="12"/>
    </row>
    <row r="448737" spans="8:8">
      <c r="H448737" s="12"/>
    </row>
    <row r="448738" spans="8:8">
      <c r="H448738" s="12"/>
    </row>
    <row r="448739" spans="8:8">
      <c r="H448739" s="12"/>
    </row>
    <row r="448740" spans="8:8">
      <c r="H448740" s="12"/>
    </row>
    <row r="448741" spans="8:8">
      <c r="H448741" s="12"/>
    </row>
    <row r="448742" spans="8:8">
      <c r="H448742" s="12"/>
    </row>
    <row r="448743" spans="8:8">
      <c r="H448743" s="12"/>
    </row>
    <row r="448744" spans="8:8">
      <c r="H448744" s="12"/>
    </row>
    <row r="448745" spans="8:8">
      <c r="H448745" s="12"/>
    </row>
    <row r="448746" spans="8:8">
      <c r="H448746" s="12"/>
    </row>
    <row r="448747" spans="8:8">
      <c r="H448747" s="12"/>
    </row>
    <row r="448748" spans="8:8">
      <c r="H448748" s="12"/>
    </row>
    <row r="448749" spans="8:8">
      <c r="H448749" s="12"/>
    </row>
    <row r="448750" spans="8:8">
      <c r="H448750" s="12"/>
    </row>
    <row r="448751" spans="8:8">
      <c r="H448751" s="12"/>
    </row>
    <row r="448752" spans="8:8">
      <c r="H448752" s="12"/>
    </row>
    <row r="448753" spans="8:8">
      <c r="H448753" s="12"/>
    </row>
    <row r="448754" spans="8:8">
      <c r="H448754" s="12"/>
    </row>
    <row r="448755" spans="8:8">
      <c r="H448755" s="12"/>
    </row>
    <row r="448756" spans="8:8">
      <c r="H448756" s="12"/>
    </row>
    <row r="448757" spans="8:8">
      <c r="H448757" s="12"/>
    </row>
    <row r="448758" spans="8:8">
      <c r="H448758" s="12"/>
    </row>
    <row r="448759" spans="8:8">
      <c r="H448759" s="12"/>
    </row>
    <row r="448760" spans="8:8">
      <c r="H448760" s="12"/>
    </row>
    <row r="448761" spans="8:8">
      <c r="H448761" s="12"/>
    </row>
    <row r="448762" spans="8:8">
      <c r="H448762" s="12"/>
    </row>
    <row r="448763" spans="8:8">
      <c r="H448763" s="12"/>
    </row>
    <row r="448764" spans="8:8">
      <c r="H448764" s="12"/>
    </row>
    <row r="448765" spans="8:8">
      <c r="H448765" s="12"/>
    </row>
    <row r="448766" spans="8:8">
      <c r="H448766" s="12"/>
    </row>
    <row r="448767" spans="8:8">
      <c r="H448767" s="12"/>
    </row>
    <row r="448768" spans="8:8">
      <c r="H448768" s="12"/>
    </row>
    <row r="448769" spans="8:8">
      <c r="H448769" s="12"/>
    </row>
    <row r="448770" spans="8:8">
      <c r="H448770" s="12"/>
    </row>
    <row r="448771" spans="8:8">
      <c r="H448771" s="12"/>
    </row>
    <row r="448772" spans="8:8">
      <c r="H448772" s="12"/>
    </row>
    <row r="448773" spans="8:8">
      <c r="H448773" s="12"/>
    </row>
    <row r="448774" spans="8:8">
      <c r="H448774" s="12"/>
    </row>
    <row r="448775" spans="8:8">
      <c r="H448775" s="12"/>
    </row>
    <row r="448776" spans="8:8">
      <c r="H448776" s="12"/>
    </row>
    <row r="448777" spans="8:8">
      <c r="H448777" s="12"/>
    </row>
    <row r="448778" spans="8:8">
      <c r="H448778" s="12"/>
    </row>
    <row r="448779" spans="8:8">
      <c r="H448779" s="12"/>
    </row>
    <row r="448780" spans="8:8">
      <c r="H448780" s="12"/>
    </row>
    <row r="448781" spans="8:8">
      <c r="H448781" s="12"/>
    </row>
    <row r="448782" spans="8:8">
      <c r="H448782" s="12"/>
    </row>
    <row r="448783" spans="8:8">
      <c r="H448783" s="12"/>
    </row>
    <row r="448784" spans="8:8">
      <c r="H448784" s="12"/>
    </row>
    <row r="448785" spans="8:8">
      <c r="H448785" s="12"/>
    </row>
    <row r="448786" spans="8:8">
      <c r="H448786" s="12"/>
    </row>
    <row r="448787" spans="8:8">
      <c r="H448787" s="12"/>
    </row>
    <row r="448788" spans="8:8">
      <c r="H448788" s="12"/>
    </row>
    <row r="448789" spans="8:8">
      <c r="H448789" s="12"/>
    </row>
    <row r="448790" spans="8:8">
      <c r="H448790" s="12"/>
    </row>
    <row r="448791" spans="8:8">
      <c r="H448791" s="12"/>
    </row>
    <row r="448792" spans="8:8">
      <c r="H448792" s="12"/>
    </row>
    <row r="448793" spans="8:8">
      <c r="H448793" s="12"/>
    </row>
    <row r="448794" spans="8:8">
      <c r="H448794" s="12"/>
    </row>
    <row r="448795" spans="8:8">
      <c r="H448795" s="12"/>
    </row>
    <row r="448796" spans="8:8">
      <c r="H448796" s="12"/>
    </row>
    <row r="448797" spans="8:8">
      <c r="H448797" s="12"/>
    </row>
    <row r="448798" spans="8:8">
      <c r="H448798" s="12"/>
    </row>
    <row r="448799" spans="8:8">
      <c r="H448799" s="12"/>
    </row>
    <row r="448800" spans="8:8">
      <c r="H448800" s="12"/>
    </row>
    <row r="448801" spans="8:8">
      <c r="H448801" s="12"/>
    </row>
    <row r="448802" spans="8:8">
      <c r="H448802" s="12"/>
    </row>
    <row r="448803" spans="8:8">
      <c r="H448803" s="12"/>
    </row>
    <row r="448804" spans="8:8">
      <c r="H448804" s="12"/>
    </row>
    <row r="448805" spans="8:8">
      <c r="H448805" s="12"/>
    </row>
    <row r="448806" spans="8:8">
      <c r="H448806" s="12"/>
    </row>
    <row r="448807" spans="8:8">
      <c r="H448807" s="12"/>
    </row>
    <row r="448808" spans="8:8">
      <c r="H448808" s="12"/>
    </row>
    <row r="448809" spans="8:8">
      <c r="H448809" s="12"/>
    </row>
    <row r="448810" spans="8:8">
      <c r="H448810" s="12"/>
    </row>
    <row r="448811" spans="8:8">
      <c r="H448811" s="12"/>
    </row>
    <row r="448812" spans="8:8">
      <c r="H448812" s="12"/>
    </row>
    <row r="448813" spans="8:8">
      <c r="H448813" s="12"/>
    </row>
    <row r="448814" spans="8:8">
      <c r="H448814" s="12"/>
    </row>
    <row r="448815" spans="8:8">
      <c r="H448815" s="12"/>
    </row>
    <row r="448816" spans="8:8">
      <c r="H448816" s="12"/>
    </row>
    <row r="448817" spans="8:8">
      <c r="H448817" s="12"/>
    </row>
    <row r="448818" spans="8:8">
      <c r="H448818" s="12"/>
    </row>
    <row r="448819" spans="8:8">
      <c r="H448819" s="12"/>
    </row>
    <row r="448820" spans="8:8">
      <c r="H448820" s="12"/>
    </row>
    <row r="448821" spans="8:8">
      <c r="H448821" s="12"/>
    </row>
    <row r="448822" spans="8:8">
      <c r="H448822" s="12"/>
    </row>
    <row r="448823" spans="8:8">
      <c r="H448823" s="12"/>
    </row>
    <row r="448824" spans="8:8">
      <c r="H448824" s="12"/>
    </row>
    <row r="448825" spans="8:8">
      <c r="H448825" s="12"/>
    </row>
    <row r="448826" spans="8:8">
      <c r="H448826" s="12"/>
    </row>
    <row r="448827" spans="8:8">
      <c r="H448827" s="12"/>
    </row>
    <row r="448828" spans="8:8">
      <c r="H448828" s="12"/>
    </row>
    <row r="448829" spans="8:8">
      <c r="H448829" s="12"/>
    </row>
    <row r="448830" spans="8:8">
      <c r="H448830" s="12"/>
    </row>
    <row r="448831" spans="8:8">
      <c r="H448831" s="12"/>
    </row>
    <row r="448832" spans="8:8">
      <c r="H448832" s="12"/>
    </row>
    <row r="448833" spans="8:8">
      <c r="H448833" s="12"/>
    </row>
    <row r="448834" spans="8:8">
      <c r="H448834" s="12"/>
    </row>
    <row r="448835" spans="8:8">
      <c r="H448835" s="12"/>
    </row>
    <row r="448836" spans="8:8">
      <c r="H448836" s="12"/>
    </row>
    <row r="448837" spans="8:8">
      <c r="H448837" s="12"/>
    </row>
    <row r="448838" spans="8:8">
      <c r="H448838" s="12"/>
    </row>
    <row r="448839" spans="8:8">
      <c r="H448839" s="12"/>
    </row>
    <row r="448840" spans="8:8">
      <c r="H448840" s="12"/>
    </row>
    <row r="448841" spans="8:8">
      <c r="H448841" s="12"/>
    </row>
    <row r="448842" spans="8:8">
      <c r="H448842" s="12"/>
    </row>
    <row r="448843" spans="8:8">
      <c r="H448843" s="12"/>
    </row>
    <row r="448844" spans="8:8">
      <c r="H448844" s="12"/>
    </row>
    <row r="448845" spans="8:8">
      <c r="H448845" s="12"/>
    </row>
    <row r="448846" spans="8:8">
      <c r="H448846" s="12"/>
    </row>
    <row r="448847" spans="8:8">
      <c r="H448847" s="12"/>
    </row>
    <row r="448848" spans="8:8">
      <c r="H448848" s="12"/>
    </row>
    <row r="448849" spans="8:8">
      <c r="H448849" s="12"/>
    </row>
    <row r="448850" spans="8:8">
      <c r="H448850" s="12"/>
    </row>
    <row r="448851" spans="8:8">
      <c r="H448851" s="12"/>
    </row>
    <row r="448852" spans="8:8">
      <c r="H448852" s="12"/>
    </row>
    <row r="448853" spans="8:8">
      <c r="H448853" s="12"/>
    </row>
    <row r="448854" spans="8:8">
      <c r="H448854" s="12"/>
    </row>
    <row r="448855" spans="8:8">
      <c r="H448855" s="12"/>
    </row>
    <row r="448856" spans="8:8">
      <c r="H448856" s="12"/>
    </row>
    <row r="448857" spans="8:8">
      <c r="H448857" s="12"/>
    </row>
    <row r="448858" spans="8:8">
      <c r="H448858" s="12"/>
    </row>
    <row r="448859" spans="8:8">
      <c r="H448859" s="12"/>
    </row>
    <row r="448860" spans="8:8">
      <c r="H448860" s="12"/>
    </row>
    <row r="448861" spans="8:8">
      <c r="H448861" s="12"/>
    </row>
    <row r="448862" spans="8:8">
      <c r="H448862" s="12"/>
    </row>
    <row r="448863" spans="8:8">
      <c r="H448863" s="12"/>
    </row>
    <row r="448864" spans="8:8">
      <c r="H448864" s="12"/>
    </row>
    <row r="448865" spans="8:8">
      <c r="H448865" s="12"/>
    </row>
    <row r="448866" spans="8:8">
      <c r="H448866" s="12"/>
    </row>
    <row r="448867" spans="8:8">
      <c r="H448867" s="12"/>
    </row>
    <row r="448868" spans="8:8">
      <c r="H448868" s="12"/>
    </row>
    <row r="448869" spans="8:8">
      <c r="H448869" s="12"/>
    </row>
    <row r="448870" spans="8:8">
      <c r="H448870" s="12"/>
    </row>
    <row r="448871" spans="8:8">
      <c r="H448871" s="12"/>
    </row>
    <row r="448872" spans="8:8">
      <c r="H448872" s="12"/>
    </row>
    <row r="448873" spans="8:8">
      <c r="H448873" s="12"/>
    </row>
    <row r="448874" spans="8:8">
      <c r="H448874" s="12"/>
    </row>
    <row r="448875" spans="8:8">
      <c r="H448875" s="12"/>
    </row>
    <row r="448876" spans="8:8">
      <c r="H448876" s="12"/>
    </row>
    <row r="448877" spans="8:8">
      <c r="H448877" s="12"/>
    </row>
    <row r="448878" spans="8:8">
      <c r="H448878" s="12"/>
    </row>
    <row r="448879" spans="8:8">
      <c r="H448879" s="12"/>
    </row>
    <row r="448880" spans="8:8">
      <c r="H448880" s="12"/>
    </row>
    <row r="448881" spans="8:8">
      <c r="H448881" s="12"/>
    </row>
    <row r="448882" spans="8:8">
      <c r="H448882" s="12"/>
    </row>
    <row r="448883" spans="8:8">
      <c r="H448883" s="12"/>
    </row>
    <row r="448884" spans="8:8">
      <c r="H448884" s="12"/>
    </row>
    <row r="448885" spans="8:8">
      <c r="H448885" s="12"/>
    </row>
    <row r="448886" spans="8:8">
      <c r="H448886" s="12"/>
    </row>
    <row r="448887" spans="8:8">
      <c r="H448887" s="12"/>
    </row>
    <row r="448888" spans="8:8">
      <c r="H448888" s="12"/>
    </row>
    <row r="448889" spans="8:8">
      <c r="H448889" s="12"/>
    </row>
    <row r="448890" spans="8:8">
      <c r="H448890" s="12"/>
    </row>
    <row r="448891" spans="8:8">
      <c r="H448891" s="12"/>
    </row>
    <row r="448892" spans="8:8">
      <c r="H448892" s="12"/>
    </row>
    <row r="448893" spans="8:8">
      <c r="H448893" s="12"/>
    </row>
    <row r="448894" spans="8:8">
      <c r="H448894" s="12"/>
    </row>
    <row r="448895" spans="8:8">
      <c r="H448895" s="12"/>
    </row>
    <row r="448896" spans="8:8">
      <c r="H448896" s="12"/>
    </row>
    <row r="448897" spans="8:8">
      <c r="H448897" s="12"/>
    </row>
    <row r="448898" spans="8:8">
      <c r="H448898" s="12"/>
    </row>
    <row r="448899" spans="8:8">
      <c r="H448899" s="12"/>
    </row>
    <row r="448900" spans="8:8">
      <c r="H448900" s="12"/>
    </row>
    <row r="448901" spans="8:8">
      <c r="H448901" s="12"/>
    </row>
    <row r="448902" spans="8:8">
      <c r="H448902" s="12"/>
    </row>
    <row r="448903" spans="8:8">
      <c r="H448903" s="12"/>
    </row>
    <row r="448904" spans="8:8">
      <c r="H448904" s="12"/>
    </row>
    <row r="448905" spans="8:8">
      <c r="H448905" s="12"/>
    </row>
    <row r="448906" spans="8:8">
      <c r="H448906" s="12"/>
    </row>
    <row r="448907" spans="8:8">
      <c r="H448907" s="12"/>
    </row>
    <row r="448908" spans="8:8">
      <c r="H448908" s="12"/>
    </row>
    <row r="448909" spans="8:8">
      <c r="H448909" s="12"/>
    </row>
    <row r="448910" spans="8:8">
      <c r="H448910" s="12"/>
    </row>
    <row r="448911" spans="8:8">
      <c r="H448911" s="12"/>
    </row>
    <row r="448912" spans="8:8">
      <c r="H448912" s="12"/>
    </row>
    <row r="448913" spans="8:8">
      <c r="H448913" s="12"/>
    </row>
    <row r="448914" spans="8:8">
      <c r="H448914" s="12"/>
    </row>
    <row r="448915" spans="8:8">
      <c r="H448915" s="12"/>
    </row>
    <row r="448916" spans="8:8">
      <c r="H448916" s="12"/>
    </row>
    <row r="448917" spans="8:8">
      <c r="H448917" s="12"/>
    </row>
    <row r="448918" spans="8:8">
      <c r="H448918" s="12"/>
    </row>
    <row r="448919" spans="8:8">
      <c r="H448919" s="12"/>
    </row>
    <row r="448920" spans="8:8">
      <c r="H448920" s="12"/>
    </row>
    <row r="448921" spans="8:8">
      <c r="H448921" s="12"/>
    </row>
    <row r="448922" spans="8:8">
      <c r="H448922" s="12"/>
    </row>
    <row r="448923" spans="8:8">
      <c r="H448923" s="12"/>
    </row>
    <row r="448924" spans="8:8">
      <c r="H448924" s="12"/>
    </row>
    <row r="448925" spans="8:8">
      <c r="H448925" s="12"/>
    </row>
    <row r="448926" spans="8:8">
      <c r="H448926" s="12"/>
    </row>
    <row r="448927" spans="8:8">
      <c r="H448927" s="12"/>
    </row>
    <row r="448928" spans="8:8">
      <c r="H448928" s="12"/>
    </row>
    <row r="448929" spans="8:8">
      <c r="H448929" s="12"/>
    </row>
    <row r="448930" spans="8:8">
      <c r="H448930" s="12"/>
    </row>
    <row r="448931" spans="8:8">
      <c r="H448931" s="12"/>
    </row>
    <row r="448932" spans="8:8">
      <c r="H448932" s="12"/>
    </row>
    <row r="448933" spans="8:8">
      <c r="H448933" s="12"/>
    </row>
    <row r="448934" spans="8:8">
      <c r="H448934" s="12"/>
    </row>
    <row r="448935" spans="8:8">
      <c r="H448935" s="12"/>
    </row>
    <row r="448936" spans="8:8">
      <c r="H448936" s="12"/>
    </row>
    <row r="448937" spans="8:8">
      <c r="H448937" s="12"/>
    </row>
    <row r="448938" spans="8:8">
      <c r="H448938" s="12"/>
    </row>
    <row r="448939" spans="8:8">
      <c r="H448939" s="12"/>
    </row>
    <row r="448940" spans="8:8">
      <c r="H448940" s="12"/>
    </row>
    <row r="448941" spans="8:8">
      <c r="H448941" s="12"/>
    </row>
    <row r="448942" spans="8:8">
      <c r="H448942" s="12"/>
    </row>
    <row r="448943" spans="8:8">
      <c r="H448943" s="12"/>
    </row>
    <row r="448944" spans="8:8">
      <c r="H448944" s="12"/>
    </row>
    <row r="448945" spans="8:8">
      <c r="H448945" s="12"/>
    </row>
    <row r="448946" spans="8:8">
      <c r="H448946" s="12"/>
    </row>
    <row r="448947" spans="8:8">
      <c r="H448947" s="12"/>
    </row>
    <row r="448948" spans="8:8">
      <c r="H448948" s="12"/>
    </row>
    <row r="448949" spans="8:8">
      <c r="H448949" s="12"/>
    </row>
    <row r="448950" spans="8:8">
      <c r="H448950" s="12"/>
    </row>
    <row r="448951" spans="8:8">
      <c r="H448951" s="12"/>
    </row>
    <row r="448952" spans="8:8">
      <c r="H448952" s="12"/>
    </row>
    <row r="448953" spans="8:8">
      <c r="H448953" s="12"/>
    </row>
    <row r="448954" spans="8:8">
      <c r="H448954" s="12"/>
    </row>
    <row r="448955" spans="8:8">
      <c r="H448955" s="12"/>
    </row>
    <row r="448956" spans="8:8">
      <c r="H448956" s="12"/>
    </row>
    <row r="448957" spans="8:8">
      <c r="H448957" s="12"/>
    </row>
    <row r="448958" spans="8:8">
      <c r="H448958" s="12"/>
    </row>
    <row r="448959" spans="8:8">
      <c r="H448959" s="12"/>
    </row>
    <row r="448960" spans="8:8">
      <c r="H448960" s="12"/>
    </row>
    <row r="448961" spans="8:8">
      <c r="H448961" s="12"/>
    </row>
    <row r="448962" spans="8:8">
      <c r="H448962" s="12"/>
    </row>
    <row r="448963" spans="8:8">
      <c r="H448963" s="12"/>
    </row>
    <row r="448964" spans="8:8">
      <c r="H448964" s="12"/>
    </row>
    <row r="448965" spans="8:8">
      <c r="H448965" s="12"/>
    </row>
    <row r="448966" spans="8:8">
      <c r="H448966" s="12"/>
    </row>
    <row r="448967" spans="8:8">
      <c r="H448967" s="12"/>
    </row>
    <row r="448968" spans="8:8">
      <c r="H448968" s="12"/>
    </row>
    <row r="448969" spans="8:8">
      <c r="H448969" s="12"/>
    </row>
    <row r="448970" spans="8:8">
      <c r="H448970" s="12"/>
    </row>
    <row r="448971" spans="8:8">
      <c r="H448971" s="12"/>
    </row>
    <row r="448972" spans="8:8">
      <c r="H448972" s="12"/>
    </row>
    <row r="448973" spans="8:8">
      <c r="H448973" s="12"/>
    </row>
    <row r="448974" spans="8:8">
      <c r="H448974" s="12"/>
    </row>
    <row r="448975" spans="8:8">
      <c r="H448975" s="12"/>
    </row>
    <row r="448976" spans="8:8">
      <c r="H448976" s="12"/>
    </row>
    <row r="448977" spans="8:8">
      <c r="H448977" s="12"/>
    </row>
    <row r="448978" spans="8:8">
      <c r="H448978" s="12"/>
    </row>
    <row r="448979" spans="8:8">
      <c r="H448979" s="12"/>
    </row>
    <row r="448980" spans="8:8">
      <c r="H448980" s="12"/>
    </row>
    <row r="448981" spans="8:8">
      <c r="H448981" s="12"/>
    </row>
    <row r="448982" spans="8:8">
      <c r="H448982" s="12"/>
    </row>
    <row r="448983" spans="8:8">
      <c r="H448983" s="12"/>
    </row>
    <row r="448984" spans="8:8">
      <c r="H448984" s="12"/>
    </row>
    <row r="448985" spans="8:8">
      <c r="H448985" s="12"/>
    </row>
    <row r="448986" spans="8:8">
      <c r="H448986" s="12"/>
    </row>
    <row r="448987" spans="8:8">
      <c r="H448987" s="12"/>
    </row>
    <row r="448988" spans="8:8">
      <c r="H448988" s="12"/>
    </row>
    <row r="448989" spans="8:8">
      <c r="H448989" s="12"/>
    </row>
    <row r="448990" spans="8:8">
      <c r="H448990" s="12"/>
    </row>
    <row r="448991" spans="8:8">
      <c r="H448991" s="12"/>
    </row>
    <row r="448992" spans="8:8">
      <c r="H448992" s="12"/>
    </row>
    <row r="448993" spans="8:8">
      <c r="H448993" s="12"/>
    </row>
    <row r="448994" spans="8:8">
      <c r="H448994" s="12"/>
    </row>
    <row r="448995" spans="8:8">
      <c r="H448995" s="12"/>
    </row>
    <row r="448996" spans="8:8">
      <c r="H448996" s="12"/>
    </row>
    <row r="448997" spans="8:8">
      <c r="H448997" s="12"/>
    </row>
    <row r="448998" spans="8:8">
      <c r="H448998" s="12"/>
    </row>
    <row r="448999" spans="8:8">
      <c r="H448999" s="12"/>
    </row>
    <row r="449000" spans="8:8">
      <c r="H449000" s="12"/>
    </row>
    <row r="449001" spans="8:8">
      <c r="H449001" s="12"/>
    </row>
    <row r="449002" spans="8:8">
      <c r="H449002" s="12"/>
    </row>
    <row r="449003" spans="8:8">
      <c r="H449003" s="12"/>
    </row>
    <row r="449004" spans="8:8">
      <c r="H449004" s="12"/>
    </row>
    <row r="449005" spans="8:8">
      <c r="H449005" s="12"/>
    </row>
    <row r="449006" spans="8:8">
      <c r="H449006" s="12"/>
    </row>
    <row r="449007" spans="8:8">
      <c r="H449007" s="12"/>
    </row>
    <row r="449008" spans="8:8">
      <c r="H449008" s="12"/>
    </row>
    <row r="449009" spans="8:8">
      <c r="H449009" s="12"/>
    </row>
    <row r="449010" spans="8:8">
      <c r="H449010" s="12"/>
    </row>
    <row r="449011" spans="8:8">
      <c r="H449011" s="12"/>
    </row>
    <row r="449012" spans="8:8">
      <c r="H449012" s="12"/>
    </row>
    <row r="449013" spans="8:8">
      <c r="H449013" s="12"/>
    </row>
    <row r="449014" spans="8:8">
      <c r="H449014" s="12"/>
    </row>
    <row r="449015" spans="8:8">
      <c r="H449015" s="12"/>
    </row>
    <row r="449016" spans="8:8">
      <c r="H449016" s="12"/>
    </row>
    <row r="449017" spans="8:8">
      <c r="H449017" s="12"/>
    </row>
    <row r="449018" spans="8:8">
      <c r="H449018" s="12"/>
    </row>
    <row r="449019" spans="8:8">
      <c r="H449019" s="12"/>
    </row>
    <row r="449020" spans="8:8">
      <c r="H449020" s="12"/>
    </row>
    <row r="449021" spans="8:8">
      <c r="H449021" s="12"/>
    </row>
    <row r="449022" spans="8:8">
      <c r="H449022" s="12"/>
    </row>
    <row r="449023" spans="8:8">
      <c r="H449023" s="12"/>
    </row>
    <row r="449024" spans="8:8">
      <c r="H449024" s="12"/>
    </row>
    <row r="449025" spans="8:8">
      <c r="H449025" s="12"/>
    </row>
    <row r="449026" spans="8:8">
      <c r="H449026" s="12"/>
    </row>
    <row r="449027" spans="8:8">
      <c r="H449027" s="12"/>
    </row>
    <row r="449028" spans="8:8">
      <c r="H449028" s="12"/>
    </row>
    <row r="449029" spans="8:8">
      <c r="H449029" s="12"/>
    </row>
    <row r="449030" spans="8:8">
      <c r="H449030" s="12"/>
    </row>
    <row r="449031" spans="8:8">
      <c r="H449031" s="12"/>
    </row>
    <row r="449032" spans="8:8">
      <c r="H449032" s="12"/>
    </row>
    <row r="449033" spans="8:8">
      <c r="H449033" s="12"/>
    </row>
    <row r="449034" spans="8:8">
      <c r="H449034" s="12"/>
    </row>
    <row r="449035" spans="8:8">
      <c r="H449035" s="12"/>
    </row>
    <row r="449036" spans="8:8">
      <c r="H449036" s="12"/>
    </row>
    <row r="449037" spans="8:8">
      <c r="H449037" s="12"/>
    </row>
    <row r="449038" spans="8:8">
      <c r="H449038" s="12"/>
    </row>
    <row r="449039" spans="8:8">
      <c r="H449039" s="12"/>
    </row>
    <row r="449040" spans="8:8">
      <c r="H449040" s="12"/>
    </row>
    <row r="449041" spans="8:8">
      <c r="H449041" s="12"/>
    </row>
    <row r="449042" spans="8:8">
      <c r="H449042" s="12"/>
    </row>
    <row r="449043" spans="8:8">
      <c r="H449043" s="12"/>
    </row>
    <row r="449044" spans="8:8">
      <c r="H449044" s="12"/>
    </row>
    <row r="449045" spans="8:8">
      <c r="H449045" s="12"/>
    </row>
    <row r="449046" spans="8:8">
      <c r="H449046" s="12"/>
    </row>
    <row r="449047" spans="8:8">
      <c r="H449047" s="12"/>
    </row>
    <row r="449048" spans="8:8">
      <c r="H449048" s="12"/>
    </row>
    <row r="449049" spans="8:8">
      <c r="H449049" s="12"/>
    </row>
    <row r="449050" spans="8:8">
      <c r="H449050" s="12"/>
    </row>
    <row r="449051" spans="8:8">
      <c r="H449051" s="12"/>
    </row>
    <row r="449052" spans="8:8">
      <c r="H449052" s="12"/>
    </row>
    <row r="449053" spans="8:8">
      <c r="H449053" s="12"/>
    </row>
    <row r="449054" spans="8:8">
      <c r="H449054" s="12"/>
    </row>
    <row r="449055" spans="8:8">
      <c r="H449055" s="12"/>
    </row>
    <row r="449056" spans="8:8">
      <c r="H449056" s="12"/>
    </row>
    <row r="449057" spans="8:8">
      <c r="H449057" s="12"/>
    </row>
    <row r="449058" spans="8:8">
      <c r="H449058" s="12"/>
    </row>
    <row r="449059" spans="8:8">
      <c r="H449059" s="12"/>
    </row>
    <row r="449060" spans="8:8">
      <c r="H449060" s="12"/>
    </row>
    <row r="449061" spans="8:8">
      <c r="H449061" s="12"/>
    </row>
    <row r="449062" spans="8:8">
      <c r="H449062" s="12"/>
    </row>
    <row r="449063" spans="8:8">
      <c r="H449063" s="12"/>
    </row>
    <row r="449064" spans="8:8">
      <c r="H449064" s="12"/>
    </row>
    <row r="449065" spans="8:8">
      <c r="H449065" s="12"/>
    </row>
    <row r="449066" spans="8:8">
      <c r="H449066" s="12"/>
    </row>
    <row r="449067" spans="8:8">
      <c r="H449067" s="12"/>
    </row>
    <row r="449068" spans="8:8">
      <c r="H449068" s="12"/>
    </row>
    <row r="449069" spans="8:8">
      <c r="H449069" s="12"/>
    </row>
    <row r="449070" spans="8:8">
      <c r="H449070" s="12"/>
    </row>
    <row r="449071" spans="8:8">
      <c r="H449071" s="12"/>
    </row>
    <row r="449072" spans="8:8">
      <c r="H449072" s="12"/>
    </row>
    <row r="449073" spans="8:8">
      <c r="H449073" s="12"/>
    </row>
    <row r="449074" spans="8:8">
      <c r="H449074" s="12"/>
    </row>
    <row r="449075" spans="8:8">
      <c r="H449075" s="12"/>
    </row>
    <row r="449076" spans="8:8">
      <c r="H449076" s="12"/>
    </row>
    <row r="449077" spans="8:8">
      <c r="H449077" s="12"/>
    </row>
    <row r="449078" spans="8:8">
      <c r="H449078" s="12"/>
    </row>
    <row r="449079" spans="8:8">
      <c r="H449079" s="12"/>
    </row>
    <row r="449080" spans="8:8">
      <c r="H449080" s="12"/>
    </row>
    <row r="449081" spans="8:8">
      <c r="H449081" s="12"/>
    </row>
    <row r="449082" spans="8:8">
      <c r="H449082" s="12"/>
    </row>
    <row r="449083" spans="8:8">
      <c r="H449083" s="12"/>
    </row>
    <row r="449084" spans="8:8">
      <c r="H449084" s="12"/>
    </row>
    <row r="449085" spans="8:8">
      <c r="H449085" s="12"/>
    </row>
    <row r="449086" spans="8:8">
      <c r="H449086" s="12"/>
    </row>
    <row r="449087" spans="8:8">
      <c r="H449087" s="12"/>
    </row>
    <row r="449088" spans="8:8">
      <c r="H449088" s="12"/>
    </row>
    <row r="449089" spans="8:8">
      <c r="H449089" s="12"/>
    </row>
    <row r="449090" spans="8:8">
      <c r="H449090" s="12"/>
    </row>
    <row r="449091" spans="8:8">
      <c r="H449091" s="12"/>
    </row>
    <row r="449092" spans="8:8">
      <c r="H449092" s="12"/>
    </row>
    <row r="449093" spans="8:8">
      <c r="H449093" s="12"/>
    </row>
    <row r="449094" spans="8:8">
      <c r="H449094" s="12"/>
    </row>
    <row r="449095" spans="8:8">
      <c r="H449095" s="12"/>
    </row>
    <row r="449096" spans="8:8">
      <c r="H449096" s="12"/>
    </row>
    <row r="449097" spans="8:8">
      <c r="H449097" s="12"/>
    </row>
    <row r="449098" spans="8:8">
      <c r="H449098" s="12"/>
    </row>
    <row r="449099" spans="8:8">
      <c r="H449099" s="12"/>
    </row>
    <row r="449100" spans="8:8">
      <c r="H449100" s="12"/>
    </row>
    <row r="449101" spans="8:8">
      <c r="H449101" s="12"/>
    </row>
    <row r="449102" spans="8:8">
      <c r="H449102" s="12"/>
    </row>
    <row r="449103" spans="8:8">
      <c r="H449103" s="12"/>
    </row>
    <row r="449104" spans="8:8">
      <c r="H449104" s="12"/>
    </row>
    <row r="449105" spans="8:8">
      <c r="H449105" s="12"/>
    </row>
    <row r="449106" spans="8:8">
      <c r="H449106" s="12"/>
    </row>
    <row r="449107" spans="8:8">
      <c r="H449107" s="12"/>
    </row>
    <row r="449108" spans="8:8">
      <c r="H449108" s="12"/>
    </row>
    <row r="449109" spans="8:8">
      <c r="H449109" s="12"/>
    </row>
    <row r="449110" spans="8:8">
      <c r="H449110" s="12"/>
    </row>
    <row r="449111" spans="8:8">
      <c r="H449111" s="12"/>
    </row>
    <row r="449112" spans="8:8">
      <c r="H449112" s="12"/>
    </row>
    <row r="449113" spans="8:8">
      <c r="H449113" s="12"/>
    </row>
    <row r="449114" spans="8:8">
      <c r="H449114" s="12"/>
    </row>
    <row r="449115" spans="8:8">
      <c r="H449115" s="12"/>
    </row>
    <row r="449116" spans="8:8">
      <c r="H449116" s="12"/>
    </row>
    <row r="449117" spans="8:8">
      <c r="H449117" s="12"/>
    </row>
    <row r="449118" spans="8:8">
      <c r="H449118" s="12"/>
    </row>
    <row r="449119" spans="8:8">
      <c r="H449119" s="12"/>
    </row>
    <row r="449120" spans="8:8">
      <c r="H449120" s="12"/>
    </row>
    <row r="449121" spans="8:8">
      <c r="H449121" s="12"/>
    </row>
    <row r="449122" spans="8:8">
      <c r="H449122" s="12"/>
    </row>
    <row r="449123" spans="8:8">
      <c r="H449123" s="12"/>
    </row>
    <row r="449124" spans="8:8">
      <c r="H449124" s="12"/>
    </row>
    <row r="449125" spans="8:8">
      <c r="H449125" s="12"/>
    </row>
    <row r="449126" spans="8:8">
      <c r="H449126" s="12"/>
    </row>
    <row r="449127" spans="8:8">
      <c r="H449127" s="12"/>
    </row>
    <row r="449128" spans="8:8">
      <c r="H449128" s="12"/>
    </row>
    <row r="449129" spans="8:8">
      <c r="H449129" s="12"/>
    </row>
    <row r="449130" spans="8:8">
      <c r="H449130" s="12"/>
    </row>
    <row r="449131" spans="8:8">
      <c r="H449131" s="12"/>
    </row>
    <row r="449132" spans="8:8">
      <c r="H449132" s="12"/>
    </row>
    <row r="449133" spans="8:8">
      <c r="H449133" s="12"/>
    </row>
    <row r="449134" spans="8:8">
      <c r="H449134" s="12"/>
    </row>
    <row r="449135" spans="8:8">
      <c r="H449135" s="12"/>
    </row>
    <row r="449136" spans="8:8">
      <c r="H449136" s="12"/>
    </row>
    <row r="449137" spans="8:8">
      <c r="H449137" s="12"/>
    </row>
    <row r="449138" spans="8:8">
      <c r="H449138" s="12"/>
    </row>
    <row r="449139" spans="8:8">
      <c r="H449139" s="12"/>
    </row>
    <row r="449140" spans="8:8">
      <c r="H449140" s="12"/>
    </row>
    <row r="449141" spans="8:8">
      <c r="H449141" s="12"/>
    </row>
    <row r="449142" spans="8:8">
      <c r="H449142" s="12"/>
    </row>
    <row r="449143" spans="8:8">
      <c r="H449143" s="12"/>
    </row>
    <row r="449144" spans="8:8">
      <c r="H449144" s="12"/>
    </row>
    <row r="449145" spans="8:8">
      <c r="H449145" s="12"/>
    </row>
    <row r="449146" spans="8:8">
      <c r="H449146" s="12"/>
    </row>
    <row r="449147" spans="8:8">
      <c r="H449147" s="12"/>
    </row>
    <row r="449148" spans="8:8">
      <c r="H449148" s="12"/>
    </row>
    <row r="449149" spans="8:8">
      <c r="H449149" s="12"/>
    </row>
    <row r="449150" spans="8:8">
      <c r="H449150" s="12"/>
    </row>
    <row r="449151" spans="8:8">
      <c r="H449151" s="12"/>
    </row>
    <row r="449152" spans="8:8">
      <c r="H449152" s="12"/>
    </row>
    <row r="449153" spans="8:8">
      <c r="H449153" s="12"/>
    </row>
    <row r="449154" spans="8:8">
      <c r="H449154" s="12"/>
    </row>
    <row r="449155" spans="8:8">
      <c r="H449155" s="12"/>
    </row>
    <row r="449156" spans="8:8">
      <c r="H449156" s="12"/>
    </row>
    <row r="449157" spans="8:8">
      <c r="H449157" s="12"/>
    </row>
    <row r="449158" spans="8:8">
      <c r="H449158" s="12"/>
    </row>
    <row r="449159" spans="8:8">
      <c r="H449159" s="12"/>
    </row>
    <row r="449160" spans="8:8">
      <c r="H449160" s="12"/>
    </row>
    <row r="449161" spans="8:8">
      <c r="H449161" s="12"/>
    </row>
    <row r="449162" spans="8:8">
      <c r="H449162" s="12"/>
    </row>
    <row r="449163" spans="8:8">
      <c r="H449163" s="12"/>
    </row>
    <row r="449164" spans="8:8">
      <c r="H449164" s="12"/>
    </row>
    <row r="449165" spans="8:8">
      <c r="H449165" s="12"/>
    </row>
    <row r="449166" spans="8:8">
      <c r="H449166" s="12"/>
    </row>
    <row r="449167" spans="8:8">
      <c r="H449167" s="12"/>
    </row>
    <row r="449168" spans="8:8">
      <c r="H449168" s="12"/>
    </row>
    <row r="449169" spans="8:8">
      <c r="H449169" s="12"/>
    </row>
    <row r="449170" spans="8:8">
      <c r="H449170" s="12"/>
    </row>
    <row r="449171" spans="8:8">
      <c r="H449171" s="12"/>
    </row>
    <row r="449172" spans="8:8">
      <c r="H449172" s="12"/>
    </row>
    <row r="449173" spans="8:8">
      <c r="H449173" s="12"/>
    </row>
    <row r="449174" spans="8:8">
      <c r="H449174" s="12"/>
    </row>
    <row r="449175" spans="8:8">
      <c r="H449175" s="12"/>
    </row>
    <row r="449176" spans="8:8">
      <c r="H449176" s="12"/>
    </row>
    <row r="449177" spans="8:8">
      <c r="H449177" s="12"/>
    </row>
    <row r="449178" spans="8:8">
      <c r="H449178" s="12"/>
    </row>
    <row r="449179" spans="8:8">
      <c r="H449179" s="12"/>
    </row>
    <row r="449180" spans="8:8">
      <c r="H449180" s="12"/>
    </row>
    <row r="449181" spans="8:8">
      <c r="H449181" s="12"/>
    </row>
    <row r="449182" spans="8:8">
      <c r="H449182" s="12"/>
    </row>
    <row r="449183" spans="8:8">
      <c r="H449183" s="12"/>
    </row>
    <row r="449184" spans="8:8">
      <c r="H449184" s="12"/>
    </row>
    <row r="449185" spans="8:8">
      <c r="H449185" s="12"/>
    </row>
    <row r="449186" spans="8:8">
      <c r="H449186" s="12"/>
    </row>
    <row r="449187" spans="8:8">
      <c r="H449187" s="12"/>
    </row>
    <row r="449188" spans="8:8">
      <c r="H449188" s="12"/>
    </row>
    <row r="449189" spans="8:8">
      <c r="H449189" s="12"/>
    </row>
    <row r="449190" spans="8:8">
      <c r="H449190" s="12"/>
    </row>
    <row r="449191" spans="8:8">
      <c r="H449191" s="12"/>
    </row>
    <row r="449192" spans="8:8">
      <c r="H449192" s="12"/>
    </row>
    <row r="449193" spans="8:8">
      <c r="H449193" s="12"/>
    </row>
    <row r="449194" spans="8:8">
      <c r="H449194" s="12"/>
    </row>
    <row r="449195" spans="8:8">
      <c r="H449195" s="12"/>
    </row>
    <row r="449196" spans="8:8">
      <c r="H449196" s="12"/>
    </row>
    <row r="449197" spans="8:8">
      <c r="H449197" s="12"/>
    </row>
    <row r="449198" spans="8:8">
      <c r="H449198" s="12"/>
    </row>
    <row r="449199" spans="8:8">
      <c r="H449199" s="12"/>
    </row>
    <row r="449200" spans="8:8">
      <c r="H449200" s="12"/>
    </row>
    <row r="449201" spans="8:8">
      <c r="H449201" s="12"/>
    </row>
    <row r="449202" spans="8:8">
      <c r="H449202" s="12"/>
    </row>
    <row r="449203" spans="8:8">
      <c r="H449203" s="12"/>
    </row>
    <row r="449204" spans="8:8">
      <c r="H449204" s="12"/>
    </row>
    <row r="449205" spans="8:8">
      <c r="H449205" s="12"/>
    </row>
    <row r="449206" spans="8:8">
      <c r="H449206" s="12"/>
    </row>
    <row r="449207" spans="8:8">
      <c r="H449207" s="12"/>
    </row>
    <row r="449208" spans="8:8">
      <c r="H449208" s="12"/>
    </row>
    <row r="449209" spans="8:8">
      <c r="H449209" s="12"/>
    </row>
    <row r="449210" spans="8:8">
      <c r="H449210" s="12"/>
    </row>
    <row r="449211" spans="8:8">
      <c r="H449211" s="12"/>
    </row>
    <row r="449212" spans="8:8">
      <c r="H449212" s="12"/>
    </row>
    <row r="449213" spans="8:8">
      <c r="H449213" s="12"/>
    </row>
    <row r="449214" spans="8:8">
      <c r="H449214" s="12"/>
    </row>
    <row r="449215" spans="8:8">
      <c r="H449215" s="12"/>
    </row>
    <row r="449216" spans="8:8">
      <c r="H449216" s="12"/>
    </row>
    <row r="449217" spans="8:8">
      <c r="H449217" s="12"/>
    </row>
    <row r="449218" spans="8:8">
      <c r="H449218" s="12"/>
    </row>
    <row r="449219" spans="8:8">
      <c r="H449219" s="12"/>
    </row>
    <row r="449220" spans="8:8">
      <c r="H449220" s="12"/>
    </row>
    <row r="449221" spans="8:8">
      <c r="H449221" s="12"/>
    </row>
    <row r="449222" spans="8:8">
      <c r="H449222" s="12"/>
    </row>
    <row r="449223" spans="8:8">
      <c r="H449223" s="12"/>
    </row>
    <row r="449224" spans="8:8">
      <c r="H449224" s="12"/>
    </row>
    <row r="449225" spans="8:8">
      <c r="H449225" s="12"/>
    </row>
    <row r="449226" spans="8:8">
      <c r="H449226" s="12"/>
    </row>
    <row r="449227" spans="8:8">
      <c r="H449227" s="12"/>
    </row>
    <row r="449228" spans="8:8">
      <c r="H449228" s="12"/>
    </row>
    <row r="449229" spans="8:8">
      <c r="H449229" s="12"/>
    </row>
    <row r="449230" spans="8:8">
      <c r="H449230" s="12"/>
    </row>
    <row r="449231" spans="8:8">
      <c r="H449231" s="12"/>
    </row>
    <row r="449232" spans="8:8">
      <c r="H449232" s="12"/>
    </row>
    <row r="449233" spans="8:8">
      <c r="H449233" s="12"/>
    </row>
    <row r="449234" spans="8:8">
      <c r="H449234" s="12"/>
    </row>
    <row r="449235" spans="8:8">
      <c r="H449235" s="12"/>
    </row>
    <row r="449236" spans="8:8">
      <c r="H449236" s="12"/>
    </row>
    <row r="449237" spans="8:8">
      <c r="H449237" s="12"/>
    </row>
    <row r="449238" spans="8:8">
      <c r="H449238" s="12"/>
    </row>
    <row r="449239" spans="8:8">
      <c r="H449239" s="12"/>
    </row>
    <row r="449240" spans="8:8">
      <c r="H449240" s="12"/>
    </row>
    <row r="449241" spans="8:8">
      <c r="H449241" s="12"/>
    </row>
    <row r="449242" spans="8:8">
      <c r="H449242" s="12"/>
    </row>
    <row r="449243" spans="8:8">
      <c r="H449243" s="12"/>
    </row>
    <row r="449244" spans="8:8">
      <c r="H449244" s="12"/>
    </row>
    <row r="449245" spans="8:8">
      <c r="H449245" s="12"/>
    </row>
    <row r="449246" spans="8:8">
      <c r="H449246" s="12"/>
    </row>
    <row r="449247" spans="8:8">
      <c r="H449247" s="12"/>
    </row>
    <row r="449248" spans="8:8">
      <c r="H449248" s="12"/>
    </row>
    <row r="449249" spans="8:8">
      <c r="H449249" s="12"/>
    </row>
    <row r="449250" spans="8:8">
      <c r="H449250" s="12"/>
    </row>
    <row r="449251" spans="8:8">
      <c r="H449251" s="12"/>
    </row>
    <row r="449252" spans="8:8">
      <c r="H449252" s="12"/>
    </row>
    <row r="449253" spans="8:8">
      <c r="H449253" s="12"/>
    </row>
    <row r="449254" spans="8:8">
      <c r="H449254" s="12"/>
    </row>
    <row r="449255" spans="8:8">
      <c r="H449255" s="12"/>
    </row>
    <row r="449256" spans="8:8">
      <c r="H449256" s="12"/>
    </row>
    <row r="449257" spans="8:8">
      <c r="H449257" s="12"/>
    </row>
    <row r="449258" spans="8:8">
      <c r="H449258" s="12"/>
    </row>
    <row r="449259" spans="8:8">
      <c r="H449259" s="12"/>
    </row>
    <row r="449260" spans="8:8">
      <c r="H449260" s="12"/>
    </row>
    <row r="449261" spans="8:8">
      <c r="H449261" s="12"/>
    </row>
    <row r="449262" spans="8:8">
      <c r="H449262" s="12"/>
    </row>
    <row r="449263" spans="8:8">
      <c r="H449263" s="12"/>
    </row>
    <row r="449264" spans="8:8">
      <c r="H449264" s="12"/>
    </row>
    <row r="449265" spans="8:8">
      <c r="H449265" s="12"/>
    </row>
    <row r="449266" spans="8:8">
      <c r="H449266" s="12"/>
    </row>
    <row r="449267" spans="8:8">
      <c r="H449267" s="12"/>
    </row>
    <row r="449268" spans="8:8">
      <c r="H449268" s="12"/>
    </row>
    <row r="449269" spans="8:8">
      <c r="H449269" s="12"/>
    </row>
    <row r="449270" spans="8:8">
      <c r="H449270" s="12"/>
    </row>
    <row r="449271" spans="8:8">
      <c r="H449271" s="12"/>
    </row>
    <row r="449272" spans="8:8">
      <c r="H449272" s="12"/>
    </row>
    <row r="449273" spans="8:8">
      <c r="H449273" s="12"/>
    </row>
    <row r="449274" spans="8:8">
      <c r="H449274" s="12"/>
    </row>
    <row r="449275" spans="8:8">
      <c r="H449275" s="12"/>
    </row>
    <row r="449276" spans="8:8">
      <c r="H449276" s="12"/>
    </row>
    <row r="449277" spans="8:8">
      <c r="H449277" s="12"/>
    </row>
    <row r="449278" spans="8:8">
      <c r="H449278" s="12"/>
    </row>
    <row r="449279" spans="8:8">
      <c r="H449279" s="12"/>
    </row>
    <row r="449280" spans="8:8">
      <c r="H449280" s="12"/>
    </row>
    <row r="449281" spans="8:8">
      <c r="H449281" s="12"/>
    </row>
    <row r="449282" spans="8:8">
      <c r="H449282" s="12"/>
    </row>
    <row r="449283" spans="8:8">
      <c r="H449283" s="12"/>
    </row>
    <row r="449284" spans="8:8">
      <c r="H449284" s="12"/>
    </row>
    <row r="449285" spans="8:8">
      <c r="H449285" s="12"/>
    </row>
    <row r="449286" spans="8:8">
      <c r="H449286" s="12"/>
    </row>
    <row r="449287" spans="8:8">
      <c r="H449287" s="12"/>
    </row>
    <row r="449288" spans="8:8">
      <c r="H449288" s="12"/>
    </row>
    <row r="449289" spans="8:8">
      <c r="H449289" s="12"/>
    </row>
    <row r="449290" spans="8:8">
      <c r="H449290" s="12"/>
    </row>
    <row r="449291" spans="8:8">
      <c r="H449291" s="12"/>
    </row>
    <row r="449292" spans="8:8">
      <c r="H449292" s="12"/>
    </row>
    <row r="449293" spans="8:8">
      <c r="H449293" s="12"/>
    </row>
    <row r="449294" spans="8:8">
      <c r="H449294" s="12"/>
    </row>
    <row r="449295" spans="8:8">
      <c r="H449295" s="12"/>
    </row>
    <row r="449296" spans="8:8">
      <c r="H449296" s="12"/>
    </row>
    <row r="449297" spans="8:8">
      <c r="H449297" s="12"/>
    </row>
    <row r="449298" spans="8:8">
      <c r="H449298" s="12"/>
    </row>
    <row r="449299" spans="8:8">
      <c r="H449299" s="12"/>
    </row>
    <row r="449300" spans="8:8">
      <c r="H449300" s="12"/>
    </row>
    <row r="449301" spans="8:8">
      <c r="H449301" s="12"/>
    </row>
    <row r="449302" spans="8:8">
      <c r="H449302" s="12"/>
    </row>
    <row r="449303" spans="8:8">
      <c r="H449303" s="12"/>
    </row>
    <row r="449304" spans="8:8">
      <c r="H449304" s="12"/>
    </row>
    <row r="449305" spans="8:8">
      <c r="H449305" s="12"/>
    </row>
    <row r="449306" spans="8:8">
      <c r="H449306" s="12"/>
    </row>
    <row r="449307" spans="8:8">
      <c r="H449307" s="12"/>
    </row>
    <row r="449308" spans="8:8">
      <c r="H449308" s="12"/>
    </row>
    <row r="449309" spans="8:8">
      <c r="H449309" s="12"/>
    </row>
    <row r="449310" spans="8:8">
      <c r="H449310" s="12"/>
    </row>
    <row r="449311" spans="8:8">
      <c r="H449311" s="12"/>
    </row>
    <row r="449312" spans="8:8">
      <c r="H449312" s="12"/>
    </row>
    <row r="449313" spans="8:8">
      <c r="H449313" s="12"/>
    </row>
    <row r="449314" spans="8:8">
      <c r="H449314" s="12"/>
    </row>
    <row r="449315" spans="8:8">
      <c r="H449315" s="12"/>
    </row>
    <row r="449316" spans="8:8">
      <c r="H449316" s="12"/>
    </row>
    <row r="449317" spans="8:8">
      <c r="H449317" s="12"/>
    </row>
    <row r="449318" spans="8:8">
      <c r="H449318" s="12"/>
    </row>
    <row r="449319" spans="8:8">
      <c r="H449319" s="12"/>
    </row>
    <row r="449320" spans="8:8">
      <c r="H449320" s="12"/>
    </row>
    <row r="449321" spans="8:8">
      <c r="H449321" s="12"/>
    </row>
    <row r="449322" spans="8:8">
      <c r="H449322" s="12"/>
    </row>
    <row r="449323" spans="8:8">
      <c r="H449323" s="12"/>
    </row>
    <row r="449324" spans="8:8">
      <c r="H449324" s="12"/>
    </row>
    <row r="449325" spans="8:8">
      <c r="H449325" s="12"/>
    </row>
    <row r="449326" spans="8:8">
      <c r="H449326" s="12"/>
    </row>
    <row r="449327" spans="8:8">
      <c r="H449327" s="12"/>
    </row>
    <row r="449328" spans="8:8">
      <c r="H449328" s="12"/>
    </row>
    <row r="449329" spans="8:8">
      <c r="H449329" s="12"/>
    </row>
    <row r="449330" spans="8:8">
      <c r="H449330" s="12"/>
    </row>
    <row r="449331" spans="8:8">
      <c r="H449331" s="12"/>
    </row>
    <row r="449332" spans="8:8">
      <c r="H449332" s="12"/>
    </row>
    <row r="449333" spans="8:8">
      <c r="H449333" s="12"/>
    </row>
    <row r="449334" spans="8:8">
      <c r="H449334" s="12"/>
    </row>
    <row r="449335" spans="8:8">
      <c r="H449335" s="12"/>
    </row>
    <row r="449336" spans="8:8">
      <c r="H449336" s="12"/>
    </row>
    <row r="449337" spans="8:8">
      <c r="H449337" s="12"/>
    </row>
    <row r="449338" spans="8:8">
      <c r="H449338" s="12"/>
    </row>
    <row r="449339" spans="8:8">
      <c r="H449339" s="12"/>
    </row>
    <row r="449340" spans="8:8">
      <c r="H449340" s="12"/>
    </row>
    <row r="449341" spans="8:8">
      <c r="H449341" s="12"/>
    </row>
    <row r="449342" spans="8:8">
      <c r="H449342" s="12"/>
    </row>
    <row r="449343" spans="8:8">
      <c r="H449343" s="12"/>
    </row>
    <row r="449344" spans="8:8">
      <c r="H449344" s="12"/>
    </row>
    <row r="449345" spans="8:8">
      <c r="H449345" s="12"/>
    </row>
    <row r="449346" spans="8:8">
      <c r="H449346" s="12"/>
    </row>
    <row r="449347" spans="8:8">
      <c r="H449347" s="12"/>
    </row>
    <row r="449348" spans="8:8">
      <c r="H449348" s="12"/>
    </row>
    <row r="449349" spans="8:8">
      <c r="H449349" s="12"/>
    </row>
    <row r="449350" spans="8:8">
      <c r="H449350" s="12"/>
    </row>
    <row r="449351" spans="8:8">
      <c r="H449351" s="12"/>
    </row>
    <row r="449352" spans="8:8">
      <c r="H449352" s="12"/>
    </row>
    <row r="449353" spans="8:8">
      <c r="H449353" s="12"/>
    </row>
    <row r="449354" spans="8:8">
      <c r="H449354" s="12"/>
    </row>
    <row r="449355" spans="8:8">
      <c r="H449355" s="12"/>
    </row>
    <row r="449356" spans="8:8">
      <c r="H449356" s="12"/>
    </row>
    <row r="449357" spans="8:8">
      <c r="H449357" s="12"/>
    </row>
    <row r="449358" spans="8:8">
      <c r="H449358" s="12"/>
    </row>
    <row r="449359" spans="8:8">
      <c r="H449359" s="12"/>
    </row>
    <row r="449360" spans="8:8">
      <c r="H449360" s="12"/>
    </row>
    <row r="449361" spans="8:8">
      <c r="H449361" s="12"/>
    </row>
    <row r="449362" spans="8:8">
      <c r="H449362" s="12"/>
    </row>
    <row r="449363" spans="8:8">
      <c r="H449363" s="12"/>
    </row>
    <row r="449364" spans="8:8">
      <c r="H449364" s="12"/>
    </row>
    <row r="449365" spans="8:8">
      <c r="H449365" s="12"/>
    </row>
    <row r="449366" spans="8:8">
      <c r="H449366" s="12"/>
    </row>
    <row r="449367" spans="8:8">
      <c r="H449367" s="12"/>
    </row>
    <row r="449368" spans="8:8">
      <c r="H449368" s="12"/>
    </row>
    <row r="449369" spans="8:8">
      <c r="H449369" s="12"/>
    </row>
    <row r="449370" spans="8:8">
      <c r="H449370" s="12"/>
    </row>
    <row r="449371" spans="8:8">
      <c r="H449371" s="12"/>
    </row>
    <row r="449372" spans="8:8">
      <c r="H449372" s="12"/>
    </row>
    <row r="449373" spans="8:8">
      <c r="H449373" s="12"/>
    </row>
    <row r="449374" spans="8:8">
      <c r="H449374" s="12"/>
    </row>
    <row r="449375" spans="8:8">
      <c r="H449375" s="12"/>
    </row>
    <row r="449376" spans="8:8">
      <c r="H449376" s="12"/>
    </row>
    <row r="449377" spans="8:8">
      <c r="H449377" s="12"/>
    </row>
    <row r="449378" spans="8:8">
      <c r="H449378" s="12"/>
    </row>
    <row r="449379" spans="8:8">
      <c r="H449379" s="12"/>
    </row>
    <row r="449380" spans="8:8">
      <c r="H449380" s="12"/>
    </row>
    <row r="449381" spans="8:8">
      <c r="H449381" s="12"/>
    </row>
    <row r="449382" spans="8:8">
      <c r="H449382" s="12"/>
    </row>
    <row r="449383" spans="8:8">
      <c r="H449383" s="12"/>
    </row>
    <row r="449384" spans="8:8">
      <c r="H449384" s="12"/>
    </row>
    <row r="449385" spans="8:8">
      <c r="H449385" s="12"/>
    </row>
    <row r="449386" spans="8:8">
      <c r="H449386" s="12"/>
    </row>
    <row r="449387" spans="8:8">
      <c r="H449387" s="12"/>
    </row>
    <row r="449388" spans="8:8">
      <c r="H449388" s="12"/>
    </row>
    <row r="449389" spans="8:8">
      <c r="H449389" s="12"/>
    </row>
    <row r="449390" spans="8:8">
      <c r="H449390" s="12"/>
    </row>
    <row r="449391" spans="8:8">
      <c r="H449391" s="12"/>
    </row>
    <row r="449392" spans="8:8">
      <c r="H449392" s="12"/>
    </row>
    <row r="449393" spans="8:8">
      <c r="H449393" s="12"/>
    </row>
    <row r="449394" spans="8:8">
      <c r="H449394" s="12"/>
    </row>
    <row r="449395" spans="8:8">
      <c r="H449395" s="12"/>
    </row>
    <row r="449396" spans="8:8">
      <c r="H449396" s="12"/>
    </row>
    <row r="449397" spans="8:8">
      <c r="H449397" s="12"/>
    </row>
    <row r="449398" spans="8:8">
      <c r="H449398" s="12"/>
    </row>
    <row r="449399" spans="8:8">
      <c r="H449399" s="12"/>
    </row>
    <row r="449400" spans="8:8">
      <c r="H449400" s="12"/>
    </row>
    <row r="449401" spans="8:8">
      <c r="H449401" s="12"/>
    </row>
    <row r="449402" spans="8:8">
      <c r="H449402" s="12"/>
    </row>
    <row r="449403" spans="8:8">
      <c r="H449403" s="12"/>
    </row>
    <row r="449404" spans="8:8">
      <c r="H449404" s="12"/>
    </row>
    <row r="449405" spans="8:8">
      <c r="H449405" s="12"/>
    </row>
    <row r="449406" spans="8:8">
      <c r="H449406" s="12"/>
    </row>
    <row r="449407" spans="8:8">
      <c r="H449407" s="12"/>
    </row>
    <row r="449408" spans="8:8">
      <c r="H449408" s="12"/>
    </row>
    <row r="449409" spans="8:8">
      <c r="H449409" s="12"/>
    </row>
    <row r="449410" spans="8:8">
      <c r="H449410" s="12"/>
    </row>
    <row r="449411" spans="8:8">
      <c r="H449411" s="12"/>
    </row>
    <row r="449412" spans="8:8">
      <c r="H449412" s="12"/>
    </row>
    <row r="449413" spans="8:8">
      <c r="H449413" s="12"/>
    </row>
    <row r="449414" spans="8:8">
      <c r="H449414" s="12"/>
    </row>
    <row r="449415" spans="8:8">
      <c r="H449415" s="12"/>
    </row>
    <row r="449416" spans="8:8">
      <c r="H449416" s="12"/>
    </row>
    <row r="449417" spans="8:8">
      <c r="H449417" s="12"/>
    </row>
    <row r="449418" spans="8:8">
      <c r="H449418" s="12"/>
    </row>
    <row r="449419" spans="8:8">
      <c r="H449419" s="12"/>
    </row>
    <row r="449420" spans="8:8">
      <c r="H449420" s="12"/>
    </row>
    <row r="449421" spans="8:8">
      <c r="H449421" s="12"/>
    </row>
    <row r="449422" spans="8:8">
      <c r="H449422" s="12"/>
    </row>
    <row r="449423" spans="8:8">
      <c r="H449423" s="12"/>
    </row>
    <row r="449424" spans="8:8">
      <c r="H449424" s="12"/>
    </row>
    <row r="449425" spans="8:8">
      <c r="H449425" s="12"/>
    </row>
    <row r="449426" spans="8:8">
      <c r="H449426" s="12"/>
    </row>
    <row r="449427" spans="8:8">
      <c r="H449427" s="12"/>
    </row>
    <row r="449428" spans="8:8">
      <c r="H449428" s="12"/>
    </row>
    <row r="449429" spans="8:8">
      <c r="H449429" s="12"/>
    </row>
    <row r="449430" spans="8:8">
      <c r="H449430" s="12"/>
    </row>
    <row r="449431" spans="8:8">
      <c r="H449431" s="12"/>
    </row>
    <row r="449432" spans="8:8">
      <c r="H449432" s="12"/>
    </row>
    <row r="449433" spans="8:8">
      <c r="H449433" s="12"/>
    </row>
    <row r="449434" spans="8:8">
      <c r="H449434" s="12"/>
    </row>
    <row r="449435" spans="8:8">
      <c r="H449435" s="12"/>
    </row>
    <row r="449436" spans="8:8">
      <c r="H449436" s="12"/>
    </row>
    <row r="449437" spans="8:8">
      <c r="H449437" s="12"/>
    </row>
    <row r="449438" spans="8:8">
      <c r="H449438" s="12"/>
    </row>
    <row r="449439" spans="8:8">
      <c r="H449439" s="12"/>
    </row>
    <row r="449440" spans="8:8">
      <c r="H449440" s="12"/>
    </row>
    <row r="449441" spans="8:8">
      <c r="H449441" s="12"/>
    </row>
    <row r="449442" spans="8:8">
      <c r="H449442" s="12"/>
    </row>
    <row r="449443" spans="8:8">
      <c r="H449443" s="12"/>
    </row>
    <row r="449444" spans="8:8">
      <c r="H449444" s="12"/>
    </row>
    <row r="449445" spans="8:8">
      <c r="H449445" s="12"/>
    </row>
    <row r="449446" spans="8:8">
      <c r="H449446" s="12"/>
    </row>
    <row r="449447" spans="8:8">
      <c r="H449447" s="12"/>
    </row>
    <row r="449448" spans="8:8">
      <c r="H449448" s="12"/>
    </row>
    <row r="449449" spans="8:8">
      <c r="H449449" s="12"/>
    </row>
    <row r="449450" spans="8:8">
      <c r="H449450" s="12"/>
    </row>
    <row r="449451" spans="8:8">
      <c r="H449451" s="12"/>
    </row>
    <row r="449452" spans="8:8">
      <c r="H449452" s="12"/>
    </row>
    <row r="449453" spans="8:8">
      <c r="H449453" s="12"/>
    </row>
    <row r="449454" spans="8:8">
      <c r="H449454" s="12"/>
    </row>
    <row r="449455" spans="8:8">
      <c r="H449455" s="12"/>
    </row>
    <row r="449456" spans="8:8">
      <c r="H449456" s="12"/>
    </row>
    <row r="449457" spans="8:8">
      <c r="H449457" s="12"/>
    </row>
    <row r="449458" spans="8:8">
      <c r="H449458" s="12"/>
    </row>
    <row r="449459" spans="8:8">
      <c r="H449459" s="12"/>
    </row>
    <row r="449460" spans="8:8">
      <c r="H449460" s="12"/>
    </row>
    <row r="449461" spans="8:8">
      <c r="H449461" s="12"/>
    </row>
    <row r="449462" spans="8:8">
      <c r="H449462" s="12"/>
    </row>
    <row r="449463" spans="8:8">
      <c r="H449463" s="12"/>
    </row>
    <row r="449464" spans="8:8">
      <c r="H449464" s="12"/>
    </row>
    <row r="449465" spans="8:8">
      <c r="H449465" s="12"/>
    </row>
    <row r="449466" spans="8:8">
      <c r="H449466" s="12"/>
    </row>
    <row r="449467" spans="8:8">
      <c r="H449467" s="12"/>
    </row>
    <row r="449468" spans="8:8">
      <c r="H449468" s="12"/>
    </row>
    <row r="449469" spans="8:8">
      <c r="H449469" s="12"/>
    </row>
    <row r="449470" spans="8:8">
      <c r="H449470" s="12"/>
    </row>
    <row r="449471" spans="8:8">
      <c r="H449471" s="12"/>
    </row>
    <row r="449472" spans="8:8">
      <c r="H449472" s="12"/>
    </row>
    <row r="449473" spans="8:8">
      <c r="H449473" s="12"/>
    </row>
    <row r="449474" spans="8:8">
      <c r="H449474" s="12"/>
    </row>
    <row r="449475" spans="8:8">
      <c r="H449475" s="12"/>
    </row>
    <row r="449476" spans="8:8">
      <c r="H449476" s="12"/>
    </row>
    <row r="449477" spans="8:8">
      <c r="H449477" s="12"/>
    </row>
    <row r="449478" spans="8:8">
      <c r="H449478" s="12"/>
    </row>
    <row r="449479" spans="8:8">
      <c r="H449479" s="12"/>
    </row>
    <row r="449480" spans="8:8">
      <c r="H449480" s="12"/>
    </row>
    <row r="449481" spans="8:8">
      <c r="H449481" s="12"/>
    </row>
    <row r="449482" spans="8:8">
      <c r="H449482" s="12"/>
    </row>
    <row r="449483" spans="8:8">
      <c r="H449483" s="12"/>
    </row>
    <row r="449484" spans="8:8">
      <c r="H449484" s="12"/>
    </row>
    <row r="449485" spans="8:8">
      <c r="H449485" s="12"/>
    </row>
    <row r="449486" spans="8:8">
      <c r="H449486" s="12"/>
    </row>
    <row r="449487" spans="8:8">
      <c r="H449487" s="12"/>
    </row>
    <row r="449488" spans="8:8">
      <c r="H449488" s="12"/>
    </row>
    <row r="449489" spans="8:8">
      <c r="H449489" s="12"/>
    </row>
    <row r="449490" spans="8:8">
      <c r="H449490" s="12"/>
    </row>
    <row r="449491" spans="8:8">
      <c r="H449491" s="12"/>
    </row>
    <row r="449492" spans="8:8">
      <c r="H449492" s="12"/>
    </row>
    <row r="449493" spans="8:8">
      <c r="H449493" s="12"/>
    </row>
    <row r="449494" spans="8:8">
      <c r="H449494" s="12"/>
    </row>
    <row r="449495" spans="8:8">
      <c r="H449495" s="12"/>
    </row>
    <row r="449496" spans="8:8">
      <c r="H449496" s="12"/>
    </row>
    <row r="449497" spans="8:8">
      <c r="H449497" s="12"/>
    </row>
    <row r="449498" spans="8:8">
      <c r="H449498" s="12"/>
    </row>
    <row r="449499" spans="8:8">
      <c r="H449499" s="12"/>
    </row>
    <row r="449500" spans="8:8">
      <c r="H449500" s="12"/>
    </row>
    <row r="449501" spans="8:8">
      <c r="H449501" s="12"/>
    </row>
    <row r="449502" spans="8:8">
      <c r="H449502" s="12"/>
    </row>
    <row r="449503" spans="8:8">
      <c r="H449503" s="12"/>
    </row>
    <row r="449504" spans="8:8">
      <c r="H449504" s="12"/>
    </row>
    <row r="449505" spans="8:8">
      <c r="H449505" s="12"/>
    </row>
    <row r="449506" spans="8:8">
      <c r="H449506" s="12"/>
    </row>
    <row r="449507" spans="8:8">
      <c r="H449507" s="12"/>
    </row>
    <row r="449508" spans="8:8">
      <c r="H449508" s="12"/>
    </row>
    <row r="449509" spans="8:8">
      <c r="H449509" s="12"/>
    </row>
    <row r="449510" spans="8:8">
      <c r="H449510" s="12"/>
    </row>
    <row r="449511" spans="8:8">
      <c r="H449511" s="12"/>
    </row>
    <row r="449512" spans="8:8">
      <c r="H449512" s="12"/>
    </row>
    <row r="449513" spans="8:8">
      <c r="H449513" s="12"/>
    </row>
    <row r="449514" spans="8:8">
      <c r="H449514" s="12"/>
    </row>
    <row r="449515" spans="8:8">
      <c r="H449515" s="12"/>
    </row>
    <row r="449516" spans="8:8">
      <c r="H449516" s="12"/>
    </row>
    <row r="449517" spans="8:8">
      <c r="H449517" s="12"/>
    </row>
    <row r="449518" spans="8:8">
      <c r="H449518" s="12"/>
    </row>
    <row r="449519" spans="8:8">
      <c r="H449519" s="12"/>
    </row>
    <row r="449520" spans="8:8">
      <c r="H449520" s="12"/>
    </row>
    <row r="449521" spans="8:8">
      <c r="H449521" s="12"/>
    </row>
    <row r="449522" spans="8:8">
      <c r="H449522" s="12"/>
    </row>
    <row r="449523" spans="8:8">
      <c r="H449523" s="12"/>
    </row>
    <row r="449524" spans="8:8">
      <c r="H449524" s="12"/>
    </row>
    <row r="449525" spans="8:8">
      <c r="H449525" s="12"/>
    </row>
    <row r="449526" spans="8:8">
      <c r="H449526" s="12"/>
    </row>
    <row r="449527" spans="8:8">
      <c r="H449527" s="12"/>
    </row>
    <row r="449528" spans="8:8">
      <c r="H449528" s="12"/>
    </row>
    <row r="449529" spans="8:8">
      <c r="H449529" s="12"/>
    </row>
    <row r="449530" spans="8:8">
      <c r="H449530" s="12"/>
    </row>
    <row r="449531" spans="8:8">
      <c r="H449531" s="12"/>
    </row>
    <row r="449532" spans="8:8">
      <c r="H449532" s="12"/>
    </row>
    <row r="449533" spans="8:8">
      <c r="H449533" s="12"/>
    </row>
    <row r="449534" spans="8:8">
      <c r="H449534" s="12"/>
    </row>
    <row r="449535" spans="8:8">
      <c r="H449535" s="12"/>
    </row>
    <row r="449536" spans="8:8">
      <c r="H449536" s="12"/>
    </row>
    <row r="449537" spans="8:8">
      <c r="H449537" s="12"/>
    </row>
    <row r="449538" spans="8:8">
      <c r="H449538" s="12"/>
    </row>
    <row r="449539" spans="8:8">
      <c r="H449539" s="12"/>
    </row>
    <row r="449540" spans="8:8">
      <c r="H449540" s="12"/>
    </row>
    <row r="449541" spans="8:8">
      <c r="H449541" s="12"/>
    </row>
    <row r="449542" spans="8:8">
      <c r="H449542" s="12"/>
    </row>
    <row r="449543" spans="8:8">
      <c r="H449543" s="12"/>
    </row>
    <row r="449544" spans="8:8">
      <c r="H449544" s="12"/>
    </row>
    <row r="449545" spans="8:8">
      <c r="H449545" s="12"/>
    </row>
    <row r="449546" spans="8:8">
      <c r="H449546" s="12"/>
    </row>
    <row r="449547" spans="8:8">
      <c r="H449547" s="12"/>
    </row>
    <row r="449548" spans="8:8">
      <c r="H449548" s="12"/>
    </row>
    <row r="449549" spans="8:8">
      <c r="H449549" s="12"/>
    </row>
    <row r="449550" spans="8:8">
      <c r="H449550" s="12"/>
    </row>
    <row r="449551" spans="8:8">
      <c r="H449551" s="12"/>
    </row>
    <row r="449552" spans="8:8">
      <c r="H449552" s="12"/>
    </row>
    <row r="449553" spans="8:8">
      <c r="H449553" s="12"/>
    </row>
    <row r="449554" spans="8:8">
      <c r="H449554" s="12"/>
    </row>
    <row r="449555" spans="8:8">
      <c r="H449555" s="12"/>
    </row>
    <row r="449556" spans="8:8">
      <c r="H449556" s="12"/>
    </row>
    <row r="449557" spans="8:8">
      <c r="H449557" s="12"/>
    </row>
    <row r="449558" spans="8:8">
      <c r="H449558" s="12"/>
    </row>
    <row r="449559" spans="8:8">
      <c r="H449559" s="12"/>
    </row>
    <row r="449560" spans="8:8">
      <c r="H449560" s="12"/>
    </row>
    <row r="449561" spans="8:8">
      <c r="H449561" s="12"/>
    </row>
    <row r="449562" spans="8:8">
      <c r="H449562" s="12"/>
    </row>
    <row r="449563" spans="8:8">
      <c r="H449563" s="12"/>
    </row>
    <row r="449564" spans="8:8">
      <c r="H449564" s="12"/>
    </row>
    <row r="449565" spans="8:8">
      <c r="H449565" s="12"/>
    </row>
    <row r="449566" spans="8:8">
      <c r="H449566" s="12"/>
    </row>
    <row r="449567" spans="8:8">
      <c r="H449567" s="12"/>
    </row>
    <row r="449568" spans="8:8">
      <c r="H449568" s="12"/>
    </row>
    <row r="449569" spans="8:8">
      <c r="H449569" s="12"/>
    </row>
    <row r="449570" spans="8:8">
      <c r="H449570" s="12"/>
    </row>
    <row r="449571" spans="8:8">
      <c r="H449571" s="12"/>
    </row>
    <row r="449572" spans="8:8">
      <c r="H449572" s="12"/>
    </row>
    <row r="449573" spans="8:8">
      <c r="H449573" s="12"/>
    </row>
    <row r="449574" spans="8:8">
      <c r="H449574" s="12"/>
    </row>
    <row r="449575" spans="8:8">
      <c r="H449575" s="12"/>
    </row>
    <row r="449576" spans="8:8">
      <c r="H449576" s="12"/>
    </row>
    <row r="449577" spans="8:8">
      <c r="H449577" s="12"/>
    </row>
    <row r="449578" spans="8:8">
      <c r="H449578" s="12"/>
    </row>
    <row r="449579" spans="8:8">
      <c r="H449579" s="12"/>
    </row>
    <row r="449580" spans="8:8">
      <c r="H449580" s="12"/>
    </row>
    <row r="449581" spans="8:8">
      <c r="H449581" s="12"/>
    </row>
    <row r="449582" spans="8:8">
      <c r="H449582" s="12"/>
    </row>
    <row r="449583" spans="8:8">
      <c r="H449583" s="12"/>
    </row>
    <row r="449584" spans="8:8">
      <c r="H449584" s="12"/>
    </row>
    <row r="449585" spans="8:8">
      <c r="H449585" s="12"/>
    </row>
    <row r="449586" spans="8:8">
      <c r="H449586" s="12"/>
    </row>
    <row r="449587" spans="8:8">
      <c r="H449587" s="12"/>
    </row>
    <row r="449588" spans="8:8">
      <c r="H449588" s="12"/>
    </row>
    <row r="449589" spans="8:8">
      <c r="H449589" s="12"/>
    </row>
    <row r="449590" spans="8:8">
      <c r="H449590" s="12"/>
    </row>
    <row r="449591" spans="8:8">
      <c r="H449591" s="12"/>
    </row>
    <row r="449592" spans="8:8">
      <c r="H449592" s="12"/>
    </row>
    <row r="449593" spans="8:8">
      <c r="H449593" s="12"/>
    </row>
    <row r="449594" spans="8:8">
      <c r="H449594" s="12"/>
    </row>
    <row r="449595" spans="8:8">
      <c r="H449595" s="12"/>
    </row>
    <row r="449596" spans="8:8">
      <c r="H449596" s="12"/>
    </row>
    <row r="449597" spans="8:8">
      <c r="H449597" s="12"/>
    </row>
    <row r="449598" spans="8:8">
      <c r="H449598" s="12"/>
    </row>
    <row r="449599" spans="8:8">
      <c r="H449599" s="12"/>
    </row>
    <row r="449600" spans="8:8">
      <c r="H449600" s="12"/>
    </row>
    <row r="449601" spans="8:8">
      <c r="H449601" s="12"/>
    </row>
    <row r="449602" spans="8:8">
      <c r="H449602" s="12"/>
    </row>
    <row r="449603" spans="8:8">
      <c r="H449603" s="12"/>
    </row>
    <row r="449604" spans="8:8">
      <c r="H449604" s="12"/>
    </row>
    <row r="449605" spans="8:8">
      <c r="H449605" s="12"/>
    </row>
    <row r="449606" spans="8:8">
      <c r="H449606" s="12"/>
    </row>
    <row r="449607" spans="8:8">
      <c r="H449607" s="12"/>
    </row>
    <row r="449608" spans="8:8">
      <c r="H449608" s="12"/>
    </row>
    <row r="449609" spans="8:8">
      <c r="H449609" s="12"/>
    </row>
    <row r="449610" spans="8:8">
      <c r="H449610" s="12"/>
    </row>
    <row r="449611" spans="8:8">
      <c r="H449611" s="12"/>
    </row>
    <row r="449612" spans="8:8">
      <c r="H449612" s="12"/>
    </row>
    <row r="449613" spans="8:8">
      <c r="H449613" s="12"/>
    </row>
    <row r="449614" spans="8:8">
      <c r="H449614" s="12"/>
    </row>
    <row r="449615" spans="8:8">
      <c r="H449615" s="12"/>
    </row>
    <row r="449616" spans="8:8">
      <c r="H449616" s="12"/>
    </row>
    <row r="449617" spans="8:8">
      <c r="H449617" s="12"/>
    </row>
    <row r="449618" spans="8:8">
      <c r="H449618" s="12"/>
    </row>
    <row r="449619" spans="8:8">
      <c r="H449619" s="12"/>
    </row>
    <row r="449620" spans="8:8">
      <c r="H449620" s="12"/>
    </row>
    <row r="449621" spans="8:8">
      <c r="H449621" s="12"/>
    </row>
    <row r="449622" spans="8:8">
      <c r="H449622" s="12"/>
    </row>
    <row r="449623" spans="8:8">
      <c r="H449623" s="12"/>
    </row>
    <row r="449624" spans="8:8">
      <c r="H449624" s="12"/>
    </row>
    <row r="449625" spans="8:8">
      <c r="H449625" s="12"/>
    </row>
    <row r="449626" spans="8:8">
      <c r="H449626" s="12"/>
    </row>
    <row r="449627" spans="8:8">
      <c r="H449627" s="12"/>
    </row>
    <row r="449628" spans="8:8">
      <c r="H449628" s="12"/>
    </row>
    <row r="449629" spans="8:8">
      <c r="H449629" s="12"/>
    </row>
    <row r="449630" spans="8:8">
      <c r="H449630" s="12"/>
    </row>
    <row r="449631" spans="8:8">
      <c r="H449631" s="12"/>
    </row>
    <row r="449632" spans="8:8">
      <c r="H449632" s="12"/>
    </row>
    <row r="449633" spans="8:8">
      <c r="H449633" s="12"/>
    </row>
    <row r="449634" spans="8:8">
      <c r="H449634" s="12"/>
    </row>
    <row r="449635" spans="8:8">
      <c r="H449635" s="12"/>
    </row>
    <row r="449636" spans="8:8">
      <c r="H449636" s="12"/>
    </row>
    <row r="449637" spans="8:8">
      <c r="H449637" s="12"/>
    </row>
    <row r="449638" spans="8:8">
      <c r="H449638" s="12"/>
    </row>
    <row r="449639" spans="8:8">
      <c r="H449639" s="12"/>
    </row>
    <row r="449640" spans="8:8">
      <c r="H449640" s="12"/>
    </row>
    <row r="449641" spans="8:8">
      <c r="H449641" s="12"/>
    </row>
    <row r="449642" spans="8:8">
      <c r="H449642" s="12"/>
    </row>
    <row r="449643" spans="8:8">
      <c r="H449643" s="12"/>
    </row>
    <row r="449644" spans="8:8">
      <c r="H449644" s="12"/>
    </row>
    <row r="449645" spans="8:8">
      <c r="H449645" s="12"/>
    </row>
    <row r="449646" spans="8:8">
      <c r="H449646" s="12"/>
    </row>
    <row r="449647" spans="8:8">
      <c r="H449647" s="12"/>
    </row>
    <row r="449648" spans="8:8">
      <c r="H449648" s="12"/>
    </row>
    <row r="449649" spans="8:8">
      <c r="H449649" s="12"/>
    </row>
    <row r="449650" spans="8:8">
      <c r="H449650" s="12"/>
    </row>
    <row r="449651" spans="8:8">
      <c r="H449651" s="12"/>
    </row>
    <row r="449652" spans="8:8">
      <c r="H449652" s="12"/>
    </row>
    <row r="449653" spans="8:8">
      <c r="H449653" s="12"/>
    </row>
    <row r="449654" spans="8:8">
      <c r="H449654" s="12"/>
    </row>
    <row r="449655" spans="8:8">
      <c r="H449655" s="12"/>
    </row>
    <row r="449656" spans="8:8">
      <c r="H449656" s="12"/>
    </row>
    <row r="449657" spans="8:8">
      <c r="H449657" s="12"/>
    </row>
    <row r="449658" spans="8:8">
      <c r="H449658" s="12"/>
    </row>
    <row r="449659" spans="8:8">
      <c r="H449659" s="12"/>
    </row>
    <row r="449660" spans="8:8">
      <c r="H449660" s="12"/>
    </row>
    <row r="449661" spans="8:8">
      <c r="H449661" s="12"/>
    </row>
    <row r="449662" spans="8:8">
      <c r="H449662" s="12"/>
    </row>
    <row r="449663" spans="8:8">
      <c r="H449663" s="12"/>
    </row>
    <row r="449664" spans="8:8">
      <c r="H449664" s="12"/>
    </row>
    <row r="449665" spans="8:8">
      <c r="H449665" s="12"/>
    </row>
    <row r="449666" spans="8:8">
      <c r="H449666" s="12"/>
    </row>
    <row r="449667" spans="8:8">
      <c r="H449667" s="12"/>
    </row>
    <row r="449668" spans="8:8">
      <c r="H449668" s="12"/>
    </row>
    <row r="449669" spans="8:8">
      <c r="H449669" s="12"/>
    </row>
    <row r="449670" spans="8:8">
      <c r="H449670" s="12"/>
    </row>
    <row r="449671" spans="8:8">
      <c r="H449671" s="12"/>
    </row>
    <row r="449672" spans="8:8">
      <c r="H449672" s="12"/>
    </row>
    <row r="449673" spans="8:8">
      <c r="H449673" s="12"/>
    </row>
    <row r="449674" spans="8:8">
      <c r="H449674" s="12"/>
    </row>
    <row r="449675" spans="8:8">
      <c r="H449675" s="12"/>
    </row>
    <row r="449676" spans="8:8">
      <c r="H449676" s="12"/>
    </row>
    <row r="449677" spans="8:8">
      <c r="H449677" s="12"/>
    </row>
    <row r="449678" spans="8:8">
      <c r="H449678" s="12"/>
    </row>
    <row r="449679" spans="8:8">
      <c r="H449679" s="12"/>
    </row>
    <row r="449680" spans="8:8">
      <c r="H449680" s="12"/>
    </row>
    <row r="449681" spans="8:8">
      <c r="H449681" s="12"/>
    </row>
    <row r="449682" spans="8:8">
      <c r="H449682" s="12"/>
    </row>
    <row r="449683" spans="8:8">
      <c r="H449683" s="12"/>
    </row>
    <row r="449684" spans="8:8">
      <c r="H449684" s="12"/>
    </row>
    <row r="449685" spans="8:8">
      <c r="H449685" s="12"/>
    </row>
    <row r="449686" spans="8:8">
      <c r="H449686" s="12"/>
    </row>
    <row r="449687" spans="8:8">
      <c r="H449687" s="12"/>
    </row>
    <row r="449688" spans="8:8">
      <c r="H449688" s="12"/>
    </row>
    <row r="449689" spans="8:8">
      <c r="H449689" s="12"/>
    </row>
    <row r="449690" spans="8:8">
      <c r="H449690" s="12"/>
    </row>
    <row r="449691" spans="8:8">
      <c r="H449691" s="12"/>
    </row>
    <row r="449692" spans="8:8">
      <c r="H449692" s="12"/>
    </row>
    <row r="449693" spans="8:8">
      <c r="H449693" s="12"/>
    </row>
    <row r="449694" spans="8:8">
      <c r="H449694" s="12"/>
    </row>
    <row r="449695" spans="8:8">
      <c r="H449695" s="12"/>
    </row>
    <row r="449696" spans="8:8">
      <c r="H449696" s="12"/>
    </row>
    <row r="449697" spans="8:8">
      <c r="H449697" s="12"/>
    </row>
    <row r="449698" spans="8:8">
      <c r="H449698" s="12"/>
    </row>
    <row r="449699" spans="8:8">
      <c r="H449699" s="12"/>
    </row>
    <row r="449700" spans="8:8">
      <c r="H449700" s="12"/>
    </row>
    <row r="449701" spans="8:8">
      <c r="H449701" s="12"/>
    </row>
    <row r="449702" spans="8:8">
      <c r="H449702" s="12"/>
    </row>
    <row r="449703" spans="8:8">
      <c r="H449703" s="12"/>
    </row>
    <row r="449704" spans="8:8">
      <c r="H449704" s="12"/>
    </row>
    <row r="449705" spans="8:8">
      <c r="H449705" s="12"/>
    </row>
    <row r="449706" spans="8:8">
      <c r="H449706" s="12"/>
    </row>
    <row r="449707" spans="8:8">
      <c r="H449707" s="12"/>
    </row>
    <row r="449708" spans="8:8">
      <c r="H449708" s="12"/>
    </row>
    <row r="449709" spans="8:8">
      <c r="H449709" s="12"/>
    </row>
    <row r="449710" spans="8:8">
      <c r="H449710" s="12"/>
    </row>
    <row r="449711" spans="8:8">
      <c r="H449711" s="12"/>
    </row>
    <row r="449712" spans="8:8">
      <c r="H449712" s="12"/>
    </row>
    <row r="449713" spans="8:8">
      <c r="H449713" s="12"/>
    </row>
    <row r="449714" spans="8:8">
      <c r="H449714" s="12"/>
    </row>
    <row r="449715" spans="8:8">
      <c r="H449715" s="12"/>
    </row>
    <row r="449716" spans="8:8">
      <c r="H449716" s="12"/>
    </row>
    <row r="449717" spans="8:8">
      <c r="H449717" s="12"/>
    </row>
    <row r="449718" spans="8:8">
      <c r="H449718" s="12"/>
    </row>
    <row r="449719" spans="8:8">
      <c r="H449719" s="12"/>
    </row>
    <row r="449720" spans="8:8">
      <c r="H449720" s="12"/>
    </row>
    <row r="449721" spans="8:8">
      <c r="H449721" s="12"/>
    </row>
    <row r="449722" spans="8:8">
      <c r="H449722" s="12"/>
    </row>
    <row r="449723" spans="8:8">
      <c r="H449723" s="12"/>
    </row>
    <row r="449724" spans="8:8">
      <c r="H449724" s="12"/>
    </row>
    <row r="449725" spans="8:8">
      <c r="H449725" s="12"/>
    </row>
    <row r="449726" spans="8:8">
      <c r="H449726" s="12"/>
    </row>
    <row r="449727" spans="8:8">
      <c r="H449727" s="12"/>
    </row>
    <row r="449728" spans="8:8">
      <c r="H449728" s="12"/>
    </row>
    <row r="449729" spans="8:8">
      <c r="H449729" s="12"/>
    </row>
    <row r="449730" spans="8:8">
      <c r="H449730" s="12"/>
    </row>
    <row r="449731" spans="8:8">
      <c r="H449731" s="12"/>
    </row>
    <row r="449732" spans="8:8">
      <c r="H449732" s="12"/>
    </row>
    <row r="449733" spans="8:8">
      <c r="H449733" s="12"/>
    </row>
    <row r="449734" spans="8:8">
      <c r="H449734" s="12"/>
    </row>
    <row r="449735" spans="8:8">
      <c r="H449735" s="12"/>
    </row>
    <row r="449736" spans="8:8">
      <c r="H449736" s="12"/>
    </row>
    <row r="449737" spans="8:8">
      <c r="H449737" s="12"/>
    </row>
    <row r="449738" spans="8:8">
      <c r="H449738" s="12"/>
    </row>
    <row r="449739" spans="8:8">
      <c r="H449739" s="12"/>
    </row>
    <row r="449740" spans="8:8">
      <c r="H449740" s="12"/>
    </row>
    <row r="449741" spans="8:8">
      <c r="H449741" s="12"/>
    </row>
    <row r="449742" spans="8:8">
      <c r="H449742" s="12"/>
    </row>
    <row r="449743" spans="8:8">
      <c r="H449743" s="12"/>
    </row>
    <row r="449744" spans="8:8">
      <c r="H449744" s="12"/>
    </row>
    <row r="449745" spans="8:8">
      <c r="H449745" s="12"/>
    </row>
    <row r="449746" spans="8:8">
      <c r="H449746" s="12"/>
    </row>
    <row r="449747" spans="8:8">
      <c r="H449747" s="12"/>
    </row>
    <row r="449748" spans="8:8">
      <c r="H449748" s="12"/>
    </row>
    <row r="449749" spans="8:8">
      <c r="H449749" s="12"/>
    </row>
    <row r="449750" spans="8:8">
      <c r="H449750" s="12"/>
    </row>
    <row r="449751" spans="8:8">
      <c r="H449751" s="12"/>
    </row>
    <row r="449752" spans="8:8">
      <c r="H449752" s="12"/>
    </row>
    <row r="449753" spans="8:8">
      <c r="H449753" s="12"/>
    </row>
    <row r="449754" spans="8:8">
      <c r="H449754" s="12"/>
    </row>
    <row r="449755" spans="8:8">
      <c r="H449755" s="12"/>
    </row>
    <row r="449756" spans="8:8">
      <c r="H449756" s="12"/>
    </row>
    <row r="449757" spans="8:8">
      <c r="H449757" s="12"/>
    </row>
    <row r="449758" spans="8:8">
      <c r="H449758" s="12"/>
    </row>
    <row r="449759" spans="8:8">
      <c r="H449759" s="12"/>
    </row>
    <row r="449760" spans="8:8">
      <c r="H449760" s="12"/>
    </row>
    <row r="449761" spans="8:8">
      <c r="H449761" s="12"/>
    </row>
    <row r="449762" spans="8:8">
      <c r="H449762" s="12"/>
    </row>
    <row r="449763" spans="8:8">
      <c r="H449763" s="12"/>
    </row>
    <row r="449764" spans="8:8">
      <c r="H449764" s="12"/>
    </row>
    <row r="449765" spans="8:8">
      <c r="H449765" s="12"/>
    </row>
    <row r="449766" spans="8:8">
      <c r="H449766" s="12"/>
    </row>
    <row r="449767" spans="8:8">
      <c r="H449767" s="12"/>
    </row>
    <row r="449768" spans="8:8">
      <c r="H449768" s="12"/>
    </row>
    <row r="449769" spans="8:8">
      <c r="H449769" s="12"/>
    </row>
    <row r="449770" spans="8:8">
      <c r="H449770" s="12"/>
    </row>
    <row r="449771" spans="8:8">
      <c r="H449771" s="12"/>
    </row>
    <row r="449772" spans="8:8">
      <c r="H449772" s="12"/>
    </row>
    <row r="449773" spans="8:8">
      <c r="H449773" s="12"/>
    </row>
    <row r="449774" spans="8:8">
      <c r="H449774" s="12"/>
    </row>
    <row r="449775" spans="8:8">
      <c r="H449775" s="12"/>
    </row>
    <row r="449776" spans="8:8">
      <c r="H449776" s="12"/>
    </row>
    <row r="449777" spans="8:8">
      <c r="H449777" s="12"/>
    </row>
    <row r="449778" spans="8:8">
      <c r="H449778" s="12"/>
    </row>
    <row r="449779" spans="8:8">
      <c r="H449779" s="12"/>
    </row>
    <row r="449780" spans="8:8">
      <c r="H449780" s="12"/>
    </row>
    <row r="449781" spans="8:8">
      <c r="H449781" s="12"/>
    </row>
    <row r="449782" spans="8:8">
      <c r="H449782" s="12"/>
    </row>
    <row r="449783" spans="8:8">
      <c r="H449783" s="12"/>
    </row>
    <row r="449784" spans="8:8">
      <c r="H449784" s="12"/>
    </row>
    <row r="449785" spans="8:8">
      <c r="H449785" s="12"/>
    </row>
    <row r="449786" spans="8:8">
      <c r="H449786" s="12"/>
    </row>
    <row r="449787" spans="8:8">
      <c r="H449787" s="12"/>
    </row>
    <row r="449788" spans="8:8">
      <c r="H449788" s="12"/>
    </row>
    <row r="449789" spans="8:8">
      <c r="H449789" s="12"/>
    </row>
    <row r="449790" spans="8:8">
      <c r="H449790" s="12"/>
    </row>
    <row r="449791" spans="8:8">
      <c r="H449791" s="12"/>
    </row>
    <row r="449792" spans="8:8">
      <c r="H449792" s="12"/>
    </row>
    <row r="449793" spans="8:8">
      <c r="H449793" s="12"/>
    </row>
    <row r="449794" spans="8:8">
      <c r="H449794" s="12"/>
    </row>
    <row r="449795" spans="8:8">
      <c r="H449795" s="12"/>
    </row>
    <row r="449796" spans="8:8">
      <c r="H449796" s="12"/>
    </row>
    <row r="449797" spans="8:8">
      <c r="H449797" s="12"/>
    </row>
    <row r="449798" spans="8:8">
      <c r="H449798" s="12"/>
    </row>
    <row r="449799" spans="8:8">
      <c r="H449799" s="12"/>
    </row>
    <row r="449800" spans="8:8">
      <c r="H449800" s="12"/>
    </row>
    <row r="449801" spans="8:8">
      <c r="H449801" s="12"/>
    </row>
    <row r="449802" spans="8:8">
      <c r="H449802" s="12"/>
    </row>
    <row r="449803" spans="8:8">
      <c r="H449803" s="12"/>
    </row>
    <row r="449804" spans="8:8">
      <c r="H449804" s="12"/>
    </row>
    <row r="449805" spans="8:8">
      <c r="H449805" s="12"/>
    </row>
    <row r="449806" spans="8:8">
      <c r="H449806" s="12"/>
    </row>
    <row r="449807" spans="8:8">
      <c r="H449807" s="12"/>
    </row>
    <row r="449808" spans="8:8">
      <c r="H449808" s="12"/>
    </row>
    <row r="449809" spans="8:8">
      <c r="H449809" s="12"/>
    </row>
    <row r="449810" spans="8:8">
      <c r="H449810" s="12"/>
    </row>
    <row r="449811" spans="8:8">
      <c r="H449811" s="12"/>
    </row>
    <row r="449812" spans="8:8">
      <c r="H449812" s="12"/>
    </row>
    <row r="449813" spans="8:8">
      <c r="H449813" s="12"/>
    </row>
    <row r="449814" spans="8:8">
      <c r="H449814" s="12"/>
    </row>
    <row r="449815" spans="8:8">
      <c r="H449815" s="12"/>
    </row>
    <row r="449816" spans="8:8">
      <c r="H449816" s="12"/>
    </row>
    <row r="449817" spans="8:8">
      <c r="H449817" s="12"/>
    </row>
    <row r="449818" spans="8:8">
      <c r="H449818" s="12"/>
    </row>
    <row r="449819" spans="8:8">
      <c r="H449819" s="12"/>
    </row>
    <row r="449820" spans="8:8">
      <c r="H449820" s="12"/>
    </row>
    <row r="449821" spans="8:8">
      <c r="H449821" s="12"/>
    </row>
    <row r="449822" spans="8:8">
      <c r="H449822" s="12"/>
    </row>
    <row r="449823" spans="8:8">
      <c r="H449823" s="12"/>
    </row>
    <row r="449824" spans="8:8">
      <c r="H449824" s="12"/>
    </row>
    <row r="449825" spans="8:8">
      <c r="H449825" s="12"/>
    </row>
    <row r="449826" spans="8:8">
      <c r="H449826" s="12"/>
    </row>
    <row r="449827" spans="8:8">
      <c r="H449827" s="12"/>
    </row>
    <row r="449828" spans="8:8">
      <c r="H449828" s="12"/>
    </row>
    <row r="449829" spans="8:8">
      <c r="H449829" s="12"/>
    </row>
    <row r="449830" spans="8:8">
      <c r="H449830" s="12"/>
    </row>
    <row r="449831" spans="8:8">
      <c r="H449831" s="12"/>
    </row>
    <row r="449832" spans="8:8">
      <c r="H449832" s="12"/>
    </row>
    <row r="449833" spans="8:8">
      <c r="H449833" s="12"/>
    </row>
    <row r="449834" spans="8:8">
      <c r="H449834" s="12"/>
    </row>
    <row r="449835" spans="8:8">
      <c r="H449835" s="12"/>
    </row>
    <row r="449836" spans="8:8">
      <c r="H449836" s="12"/>
    </row>
    <row r="449837" spans="8:8">
      <c r="H449837" s="12"/>
    </row>
    <row r="449838" spans="8:8">
      <c r="H449838" s="12"/>
    </row>
    <row r="449839" spans="8:8">
      <c r="H449839" s="12"/>
    </row>
    <row r="449840" spans="8:8">
      <c r="H449840" s="12"/>
    </row>
    <row r="449841" spans="8:8">
      <c r="H449841" s="12"/>
    </row>
    <row r="449842" spans="8:8">
      <c r="H449842" s="12"/>
    </row>
    <row r="449843" spans="8:8">
      <c r="H449843" s="12"/>
    </row>
    <row r="449844" spans="8:8">
      <c r="H449844" s="12"/>
    </row>
    <row r="449845" spans="8:8">
      <c r="H449845" s="12"/>
    </row>
    <row r="449846" spans="8:8">
      <c r="H449846" s="12"/>
    </row>
    <row r="449847" spans="8:8">
      <c r="H449847" s="12"/>
    </row>
    <row r="449848" spans="8:8">
      <c r="H449848" s="12"/>
    </row>
    <row r="449849" spans="8:8">
      <c r="H449849" s="12"/>
    </row>
    <row r="449850" spans="8:8">
      <c r="H449850" s="12"/>
    </row>
    <row r="449851" spans="8:8">
      <c r="H449851" s="12"/>
    </row>
    <row r="449852" spans="8:8">
      <c r="H449852" s="12"/>
    </row>
    <row r="449853" spans="8:8">
      <c r="H449853" s="12"/>
    </row>
    <row r="449854" spans="8:8">
      <c r="H449854" s="12"/>
    </row>
    <row r="449855" spans="8:8">
      <c r="H449855" s="12"/>
    </row>
    <row r="449856" spans="8:8">
      <c r="H449856" s="12"/>
    </row>
    <row r="449857" spans="8:8">
      <c r="H449857" s="12"/>
    </row>
    <row r="449858" spans="8:8">
      <c r="H449858" s="12"/>
    </row>
    <row r="449859" spans="8:8">
      <c r="H449859" s="12"/>
    </row>
    <row r="449860" spans="8:8">
      <c r="H449860" s="12"/>
    </row>
    <row r="449861" spans="8:8">
      <c r="H449861" s="12"/>
    </row>
    <row r="449862" spans="8:8">
      <c r="H449862" s="12"/>
    </row>
    <row r="449863" spans="8:8">
      <c r="H449863" s="12"/>
    </row>
    <row r="449864" spans="8:8">
      <c r="H449864" s="12"/>
    </row>
    <row r="449865" spans="8:8">
      <c r="H449865" s="12"/>
    </row>
    <row r="449866" spans="8:8">
      <c r="H449866" s="12"/>
    </row>
    <row r="449867" spans="8:8">
      <c r="H449867" s="12"/>
    </row>
    <row r="449868" spans="8:8">
      <c r="H449868" s="12"/>
    </row>
    <row r="449869" spans="8:8">
      <c r="H449869" s="12"/>
    </row>
    <row r="449870" spans="8:8">
      <c r="H449870" s="12"/>
    </row>
    <row r="449871" spans="8:8">
      <c r="H449871" s="12"/>
    </row>
    <row r="449872" spans="8:8">
      <c r="H449872" s="12"/>
    </row>
    <row r="449873" spans="8:8">
      <c r="H449873" s="12"/>
    </row>
    <row r="449874" spans="8:8">
      <c r="H449874" s="12"/>
    </row>
    <row r="449875" spans="8:8">
      <c r="H449875" s="12"/>
    </row>
    <row r="449876" spans="8:8">
      <c r="H449876" s="12"/>
    </row>
    <row r="449877" spans="8:8">
      <c r="H449877" s="12"/>
    </row>
    <row r="449878" spans="8:8">
      <c r="H449878" s="12"/>
    </row>
    <row r="449879" spans="8:8">
      <c r="H449879" s="12"/>
    </row>
    <row r="449880" spans="8:8">
      <c r="H449880" s="12"/>
    </row>
    <row r="449881" spans="8:8">
      <c r="H449881" s="12"/>
    </row>
    <row r="449882" spans="8:8">
      <c r="H449882" s="12"/>
    </row>
    <row r="449883" spans="8:8">
      <c r="H449883" s="12"/>
    </row>
    <row r="449884" spans="8:8">
      <c r="H449884" s="12"/>
    </row>
    <row r="449885" spans="8:8">
      <c r="H449885" s="12"/>
    </row>
    <row r="449886" spans="8:8">
      <c r="H449886" s="12"/>
    </row>
    <row r="449887" spans="8:8">
      <c r="H449887" s="12"/>
    </row>
    <row r="449888" spans="8:8">
      <c r="H449888" s="12"/>
    </row>
    <row r="449889" spans="8:8">
      <c r="H449889" s="12"/>
    </row>
    <row r="449890" spans="8:8">
      <c r="H449890" s="12"/>
    </row>
    <row r="449891" spans="8:8">
      <c r="H449891" s="12"/>
    </row>
    <row r="449892" spans="8:8">
      <c r="H449892" s="12"/>
    </row>
    <row r="449893" spans="8:8">
      <c r="H449893" s="12"/>
    </row>
    <row r="449894" spans="8:8">
      <c r="H449894" s="12"/>
    </row>
    <row r="449895" spans="8:8">
      <c r="H449895" s="12"/>
    </row>
    <row r="449896" spans="8:8">
      <c r="H449896" s="12"/>
    </row>
    <row r="449897" spans="8:8">
      <c r="H449897" s="12"/>
    </row>
    <row r="449898" spans="8:8">
      <c r="H449898" s="12"/>
    </row>
    <row r="449899" spans="8:8">
      <c r="H449899" s="12"/>
    </row>
    <row r="449900" spans="8:8">
      <c r="H449900" s="12"/>
    </row>
    <row r="449901" spans="8:8">
      <c r="H449901" s="12"/>
    </row>
    <row r="449902" spans="8:8">
      <c r="H449902" s="12"/>
    </row>
    <row r="449903" spans="8:8">
      <c r="H449903" s="12"/>
    </row>
    <row r="449904" spans="8:8">
      <c r="H449904" s="12"/>
    </row>
    <row r="449905" spans="8:8">
      <c r="H449905" s="12"/>
    </row>
    <row r="449906" spans="8:8">
      <c r="H449906" s="12"/>
    </row>
    <row r="449907" spans="8:8">
      <c r="H449907" s="12"/>
    </row>
    <row r="449908" spans="8:8">
      <c r="H449908" s="12"/>
    </row>
    <row r="449909" spans="8:8">
      <c r="H449909" s="12"/>
    </row>
    <row r="449910" spans="8:8">
      <c r="H449910" s="12"/>
    </row>
    <row r="449911" spans="8:8">
      <c r="H449911" s="12"/>
    </row>
    <row r="449912" spans="8:8">
      <c r="H449912" s="12"/>
    </row>
    <row r="449913" spans="8:8">
      <c r="H449913" s="12"/>
    </row>
    <row r="449914" spans="8:8">
      <c r="H449914" s="12"/>
    </row>
    <row r="449915" spans="8:8">
      <c r="H449915" s="12"/>
    </row>
    <row r="449916" spans="8:8">
      <c r="H449916" s="12"/>
    </row>
    <row r="449917" spans="8:8">
      <c r="H449917" s="12"/>
    </row>
    <row r="449918" spans="8:8">
      <c r="H449918" s="12"/>
    </row>
    <row r="449919" spans="8:8">
      <c r="H449919" s="12"/>
    </row>
    <row r="449920" spans="8:8">
      <c r="H449920" s="12"/>
    </row>
    <row r="449921" spans="8:8">
      <c r="H449921" s="12"/>
    </row>
    <row r="449922" spans="8:8">
      <c r="H449922" s="12"/>
    </row>
    <row r="449923" spans="8:8">
      <c r="H449923" s="12"/>
    </row>
    <row r="449924" spans="8:8">
      <c r="H449924" s="12"/>
    </row>
    <row r="449925" spans="8:8">
      <c r="H449925" s="12"/>
    </row>
    <row r="449926" spans="8:8">
      <c r="H449926" s="12"/>
    </row>
    <row r="449927" spans="8:8">
      <c r="H449927" s="12"/>
    </row>
    <row r="449928" spans="8:8">
      <c r="H449928" s="12"/>
    </row>
    <row r="449929" spans="8:8">
      <c r="H449929" s="12"/>
    </row>
    <row r="449930" spans="8:8">
      <c r="H449930" s="12"/>
    </row>
    <row r="449931" spans="8:8">
      <c r="H449931" s="12"/>
    </row>
    <row r="449932" spans="8:8">
      <c r="H449932" s="12"/>
    </row>
    <row r="449933" spans="8:8">
      <c r="H449933" s="12"/>
    </row>
    <row r="449934" spans="8:8">
      <c r="H449934" s="12"/>
    </row>
    <row r="449935" spans="8:8">
      <c r="H449935" s="12"/>
    </row>
    <row r="449936" spans="8:8">
      <c r="H449936" s="12"/>
    </row>
    <row r="449937" spans="8:8">
      <c r="H449937" s="12"/>
    </row>
    <row r="449938" spans="8:8">
      <c r="H449938" s="12"/>
    </row>
    <row r="449939" spans="8:8">
      <c r="H449939" s="12"/>
    </row>
    <row r="449940" spans="8:8">
      <c r="H449940" s="12"/>
    </row>
    <row r="449941" spans="8:8">
      <c r="H449941" s="12"/>
    </row>
    <row r="449942" spans="8:8">
      <c r="H449942" s="12"/>
    </row>
    <row r="449943" spans="8:8">
      <c r="H449943" s="12"/>
    </row>
    <row r="449944" spans="8:8">
      <c r="H449944" s="12"/>
    </row>
    <row r="449945" spans="8:8">
      <c r="H449945" s="12"/>
    </row>
    <row r="449946" spans="8:8">
      <c r="H449946" s="12"/>
    </row>
    <row r="449947" spans="8:8">
      <c r="H449947" s="12"/>
    </row>
    <row r="449948" spans="8:8">
      <c r="H449948" s="12"/>
    </row>
    <row r="449949" spans="8:8">
      <c r="H449949" s="12"/>
    </row>
    <row r="449950" spans="8:8">
      <c r="H449950" s="12"/>
    </row>
    <row r="449951" spans="8:8">
      <c r="H449951" s="12"/>
    </row>
    <row r="449952" spans="8:8">
      <c r="H449952" s="12"/>
    </row>
    <row r="449953" spans="8:8">
      <c r="H449953" s="12"/>
    </row>
    <row r="449954" spans="8:8">
      <c r="H449954" s="12"/>
    </row>
    <row r="449955" spans="8:8">
      <c r="H449955" s="12"/>
    </row>
    <row r="449956" spans="8:8">
      <c r="H449956" s="12"/>
    </row>
    <row r="449957" spans="8:8">
      <c r="H449957" s="12"/>
    </row>
    <row r="449958" spans="8:8">
      <c r="H449958" s="12"/>
    </row>
    <row r="449959" spans="8:8">
      <c r="H449959" s="12"/>
    </row>
    <row r="449960" spans="8:8">
      <c r="H449960" s="12"/>
    </row>
    <row r="449961" spans="8:8">
      <c r="H449961" s="12"/>
    </row>
    <row r="449962" spans="8:8">
      <c r="H449962" s="12"/>
    </row>
    <row r="449963" spans="8:8">
      <c r="H449963" s="12"/>
    </row>
    <row r="449964" spans="8:8">
      <c r="H449964" s="12"/>
    </row>
    <row r="449965" spans="8:8">
      <c r="H449965" s="12"/>
    </row>
    <row r="449966" spans="8:8">
      <c r="H449966" s="12"/>
    </row>
    <row r="449967" spans="8:8">
      <c r="H449967" s="12"/>
    </row>
    <row r="449968" spans="8:8">
      <c r="H449968" s="12"/>
    </row>
    <row r="449969" spans="8:8">
      <c r="H449969" s="12"/>
    </row>
    <row r="449970" spans="8:8">
      <c r="H449970" s="12"/>
    </row>
    <row r="449971" spans="8:8">
      <c r="H449971" s="12"/>
    </row>
    <row r="449972" spans="8:8">
      <c r="H449972" s="12"/>
    </row>
    <row r="449973" spans="8:8">
      <c r="H449973" s="12"/>
    </row>
    <row r="449974" spans="8:8">
      <c r="H449974" s="12"/>
    </row>
    <row r="449975" spans="8:8">
      <c r="H449975" s="12"/>
    </row>
    <row r="449976" spans="8:8">
      <c r="H449976" s="12"/>
    </row>
    <row r="449977" spans="8:8">
      <c r="H449977" s="12"/>
    </row>
    <row r="449978" spans="8:8">
      <c r="H449978" s="12"/>
    </row>
    <row r="449979" spans="8:8">
      <c r="H449979" s="12"/>
    </row>
    <row r="449980" spans="8:8">
      <c r="H449980" s="12"/>
    </row>
    <row r="449981" spans="8:8">
      <c r="H449981" s="12"/>
    </row>
    <row r="449982" spans="8:8">
      <c r="H449982" s="12"/>
    </row>
    <row r="449983" spans="8:8">
      <c r="H449983" s="12"/>
    </row>
    <row r="449984" spans="8:8">
      <c r="H449984" s="12"/>
    </row>
    <row r="449985" spans="8:8">
      <c r="H449985" s="12"/>
    </row>
    <row r="449986" spans="8:8">
      <c r="H449986" s="12"/>
    </row>
    <row r="449987" spans="8:8">
      <c r="H449987" s="12"/>
    </row>
    <row r="449988" spans="8:8">
      <c r="H449988" s="12"/>
    </row>
    <row r="449989" spans="8:8">
      <c r="H449989" s="12"/>
    </row>
    <row r="449990" spans="8:8">
      <c r="H449990" s="12"/>
    </row>
    <row r="449991" spans="8:8">
      <c r="H449991" s="12"/>
    </row>
    <row r="449992" spans="8:8">
      <c r="H449992" s="12"/>
    </row>
    <row r="449993" spans="8:8">
      <c r="H449993" s="12"/>
    </row>
    <row r="449994" spans="8:8">
      <c r="H449994" s="12"/>
    </row>
    <row r="449995" spans="8:8">
      <c r="H449995" s="12"/>
    </row>
    <row r="449996" spans="8:8">
      <c r="H449996" s="12"/>
    </row>
    <row r="449997" spans="8:8">
      <c r="H449997" s="12"/>
    </row>
    <row r="449998" spans="8:8">
      <c r="H449998" s="12"/>
    </row>
    <row r="449999" spans="8:8">
      <c r="H449999" s="12"/>
    </row>
    <row r="450000" spans="8:8">
      <c r="H450000" s="12"/>
    </row>
    <row r="450001" spans="8:8">
      <c r="H450001" s="12"/>
    </row>
    <row r="450002" spans="8:8">
      <c r="H450002" s="12"/>
    </row>
    <row r="450003" spans="8:8">
      <c r="H450003" s="12"/>
    </row>
    <row r="450004" spans="8:8">
      <c r="H450004" s="12"/>
    </row>
    <row r="450005" spans="8:8">
      <c r="H450005" s="12"/>
    </row>
    <row r="450006" spans="8:8">
      <c r="H450006" s="12"/>
    </row>
    <row r="450007" spans="8:8">
      <c r="H450007" s="12"/>
    </row>
    <row r="450008" spans="8:8">
      <c r="H450008" s="12"/>
    </row>
    <row r="450009" spans="8:8">
      <c r="H450009" s="12"/>
    </row>
    <row r="450010" spans="8:8">
      <c r="H450010" s="12"/>
    </row>
    <row r="450011" spans="8:8">
      <c r="H450011" s="12"/>
    </row>
    <row r="450012" spans="8:8">
      <c r="H450012" s="12"/>
    </row>
    <row r="450013" spans="8:8">
      <c r="H450013" s="12"/>
    </row>
    <row r="450014" spans="8:8">
      <c r="H450014" s="12"/>
    </row>
    <row r="450015" spans="8:8">
      <c r="H450015" s="12"/>
    </row>
    <row r="450016" spans="8:8">
      <c r="H450016" s="12"/>
    </row>
    <row r="450017" spans="8:8">
      <c r="H450017" s="12"/>
    </row>
    <row r="450018" spans="8:8">
      <c r="H450018" s="12"/>
    </row>
    <row r="450019" spans="8:8">
      <c r="H450019" s="12"/>
    </row>
    <row r="450020" spans="8:8">
      <c r="H450020" s="12"/>
    </row>
    <row r="450021" spans="8:8">
      <c r="H450021" s="12"/>
    </row>
    <row r="450022" spans="8:8">
      <c r="H450022" s="12"/>
    </row>
    <row r="450023" spans="8:8">
      <c r="H450023" s="12"/>
    </row>
    <row r="450024" spans="8:8">
      <c r="H450024" s="12"/>
    </row>
    <row r="450025" spans="8:8">
      <c r="H450025" s="12"/>
    </row>
    <row r="450026" spans="8:8">
      <c r="H450026" s="12"/>
    </row>
    <row r="450027" spans="8:8">
      <c r="H450027" s="12"/>
    </row>
    <row r="450028" spans="8:8">
      <c r="H450028" s="12"/>
    </row>
    <row r="450029" spans="8:8">
      <c r="H450029" s="12"/>
    </row>
    <row r="450030" spans="8:8">
      <c r="H450030" s="12"/>
    </row>
    <row r="450031" spans="8:8">
      <c r="H450031" s="12"/>
    </row>
    <row r="450032" spans="8:8">
      <c r="H450032" s="12"/>
    </row>
    <row r="450033" spans="8:8">
      <c r="H450033" s="12"/>
    </row>
    <row r="450034" spans="8:8">
      <c r="H450034" s="12"/>
    </row>
    <row r="450035" spans="8:8">
      <c r="H450035" s="12"/>
    </row>
    <row r="450036" spans="8:8">
      <c r="H450036" s="12"/>
    </row>
    <row r="450037" spans="8:8">
      <c r="H450037" s="12"/>
    </row>
    <row r="450038" spans="8:8">
      <c r="H450038" s="12"/>
    </row>
    <row r="450039" spans="8:8">
      <c r="H450039" s="12"/>
    </row>
    <row r="450040" spans="8:8">
      <c r="H450040" s="12"/>
    </row>
    <row r="450041" spans="8:8">
      <c r="H450041" s="12"/>
    </row>
    <row r="450042" spans="8:8">
      <c r="H450042" s="12"/>
    </row>
    <row r="450043" spans="8:8">
      <c r="H450043" s="12"/>
    </row>
    <row r="450044" spans="8:8">
      <c r="H450044" s="12"/>
    </row>
    <row r="450045" spans="8:8">
      <c r="H450045" s="12"/>
    </row>
    <row r="450046" spans="8:8">
      <c r="H450046" s="12"/>
    </row>
    <row r="450047" spans="8:8">
      <c r="H450047" s="12"/>
    </row>
    <row r="450048" spans="8:8">
      <c r="H450048" s="12"/>
    </row>
    <row r="450049" spans="8:8">
      <c r="H450049" s="12"/>
    </row>
    <row r="450050" spans="8:8">
      <c r="H450050" s="12"/>
    </row>
    <row r="450051" spans="8:8">
      <c r="H450051" s="12"/>
    </row>
    <row r="450052" spans="8:8">
      <c r="H450052" s="12"/>
    </row>
    <row r="450053" spans="8:8">
      <c r="H450053" s="12"/>
    </row>
    <row r="450054" spans="8:8">
      <c r="H450054" s="12"/>
    </row>
    <row r="450055" spans="8:8">
      <c r="H450055" s="12"/>
    </row>
    <row r="450056" spans="8:8">
      <c r="H450056" s="12"/>
    </row>
    <row r="450057" spans="8:8">
      <c r="H450057" s="12"/>
    </row>
    <row r="450058" spans="8:8">
      <c r="H450058" s="12"/>
    </row>
    <row r="450059" spans="8:8">
      <c r="H450059" s="12"/>
    </row>
    <row r="450060" spans="8:8">
      <c r="H450060" s="12"/>
    </row>
    <row r="450061" spans="8:8">
      <c r="H450061" s="12"/>
    </row>
    <row r="450062" spans="8:8">
      <c r="H450062" s="12"/>
    </row>
    <row r="450063" spans="8:8">
      <c r="H450063" s="12"/>
    </row>
    <row r="450064" spans="8:8">
      <c r="H450064" s="12"/>
    </row>
    <row r="450065" spans="8:8">
      <c r="H450065" s="12"/>
    </row>
    <row r="450066" spans="8:8">
      <c r="H450066" s="12"/>
    </row>
    <row r="450067" spans="8:8">
      <c r="H450067" s="12"/>
    </row>
    <row r="450068" spans="8:8">
      <c r="H450068" s="12"/>
    </row>
    <row r="450069" spans="8:8">
      <c r="H450069" s="12"/>
    </row>
    <row r="450070" spans="8:8">
      <c r="H450070" s="12"/>
    </row>
    <row r="450071" spans="8:8">
      <c r="H450071" s="12"/>
    </row>
    <row r="450072" spans="8:8">
      <c r="H450072" s="12"/>
    </row>
    <row r="450073" spans="8:8">
      <c r="H450073" s="12"/>
    </row>
    <row r="450074" spans="8:8">
      <c r="H450074" s="12"/>
    </row>
    <row r="450075" spans="8:8">
      <c r="H450075" s="12"/>
    </row>
    <row r="450076" spans="8:8">
      <c r="H450076" s="12"/>
    </row>
    <row r="450077" spans="8:8">
      <c r="H450077" s="12"/>
    </row>
    <row r="450078" spans="8:8">
      <c r="H450078" s="12"/>
    </row>
    <row r="450079" spans="8:8">
      <c r="H450079" s="12"/>
    </row>
    <row r="450080" spans="8:8">
      <c r="H450080" s="12"/>
    </row>
    <row r="450081" spans="8:8">
      <c r="H450081" s="12"/>
    </row>
    <row r="450082" spans="8:8">
      <c r="H450082" s="12"/>
    </row>
    <row r="450083" spans="8:8">
      <c r="H450083" s="12"/>
    </row>
    <row r="450084" spans="8:8">
      <c r="H450084" s="12"/>
    </row>
    <row r="450085" spans="8:8">
      <c r="H450085" s="12"/>
    </row>
    <row r="450086" spans="8:8">
      <c r="H450086" s="12"/>
    </row>
    <row r="450087" spans="8:8">
      <c r="H450087" s="12"/>
    </row>
    <row r="450088" spans="8:8">
      <c r="H450088" s="12"/>
    </row>
    <row r="450089" spans="8:8">
      <c r="H450089" s="12"/>
    </row>
    <row r="450090" spans="8:8">
      <c r="H450090" s="12"/>
    </row>
    <row r="450091" spans="8:8">
      <c r="H450091" s="12"/>
    </row>
    <row r="450092" spans="8:8">
      <c r="H450092" s="12"/>
    </row>
    <row r="450093" spans="8:8">
      <c r="H450093" s="12"/>
    </row>
    <row r="450094" spans="8:8">
      <c r="H450094" s="12"/>
    </row>
    <row r="450095" spans="8:8">
      <c r="H450095" s="12"/>
    </row>
    <row r="450096" spans="8:8">
      <c r="H450096" s="12"/>
    </row>
    <row r="450097" spans="8:8">
      <c r="H450097" s="12"/>
    </row>
    <row r="450098" spans="8:8">
      <c r="H450098" s="12"/>
    </row>
    <row r="450099" spans="8:8">
      <c r="H450099" s="12"/>
    </row>
    <row r="450100" spans="8:8">
      <c r="H450100" s="12"/>
    </row>
    <row r="450101" spans="8:8">
      <c r="H450101" s="12"/>
    </row>
    <row r="450102" spans="8:8">
      <c r="H450102" s="12"/>
    </row>
    <row r="450103" spans="8:8">
      <c r="H450103" s="12"/>
    </row>
    <row r="450104" spans="8:8">
      <c r="H450104" s="12"/>
    </row>
    <row r="450105" spans="8:8">
      <c r="H450105" s="12"/>
    </row>
    <row r="450106" spans="8:8">
      <c r="H450106" s="12"/>
    </row>
    <row r="450107" spans="8:8">
      <c r="H450107" s="12"/>
    </row>
    <row r="450108" spans="8:8">
      <c r="H450108" s="12"/>
    </row>
    <row r="450109" spans="8:8">
      <c r="H450109" s="12"/>
    </row>
    <row r="450110" spans="8:8">
      <c r="H450110" s="12"/>
    </row>
    <row r="450111" spans="8:8">
      <c r="H450111" s="12"/>
    </row>
    <row r="450112" spans="8:8">
      <c r="H450112" s="12"/>
    </row>
    <row r="450113" spans="8:8">
      <c r="H450113" s="12"/>
    </row>
    <row r="450114" spans="8:8">
      <c r="H450114" s="12"/>
    </row>
    <row r="450115" spans="8:8">
      <c r="H450115" s="12"/>
    </row>
    <row r="450116" spans="8:8">
      <c r="H450116" s="12"/>
    </row>
    <row r="450117" spans="8:8">
      <c r="H450117" s="12"/>
    </row>
    <row r="450118" spans="8:8">
      <c r="H450118" s="12"/>
    </row>
    <row r="450119" spans="8:8">
      <c r="H450119" s="12"/>
    </row>
    <row r="450120" spans="8:8">
      <c r="H450120" s="12"/>
    </row>
    <row r="450121" spans="8:8">
      <c r="H450121" s="12"/>
    </row>
    <row r="450122" spans="8:8">
      <c r="H450122" s="12"/>
    </row>
    <row r="450123" spans="8:8">
      <c r="H450123" s="12"/>
    </row>
    <row r="450124" spans="8:8">
      <c r="H450124" s="12"/>
    </row>
    <row r="450125" spans="8:8">
      <c r="H450125" s="12"/>
    </row>
    <row r="450126" spans="8:8">
      <c r="H450126" s="12"/>
    </row>
    <row r="450127" spans="8:8">
      <c r="H450127" s="12"/>
    </row>
    <row r="450128" spans="8:8">
      <c r="H450128" s="12"/>
    </row>
    <row r="450129" spans="8:8">
      <c r="H450129" s="12"/>
    </row>
    <row r="450130" spans="8:8">
      <c r="H450130" s="12"/>
    </row>
    <row r="450131" spans="8:8">
      <c r="H450131" s="12"/>
    </row>
    <row r="450132" spans="8:8">
      <c r="H450132" s="12"/>
    </row>
    <row r="450133" spans="8:8">
      <c r="H450133" s="12"/>
    </row>
    <row r="450134" spans="8:8">
      <c r="H450134" s="12"/>
    </row>
    <row r="450135" spans="8:8">
      <c r="H450135" s="12"/>
    </row>
    <row r="450136" spans="8:8">
      <c r="H450136" s="12"/>
    </row>
    <row r="450137" spans="8:8">
      <c r="H450137" s="12"/>
    </row>
    <row r="450138" spans="8:8">
      <c r="H450138" s="12"/>
    </row>
    <row r="450139" spans="8:8">
      <c r="H450139" s="12"/>
    </row>
    <row r="450140" spans="8:8">
      <c r="H450140" s="12"/>
    </row>
    <row r="450141" spans="8:8">
      <c r="H450141" s="12"/>
    </row>
    <row r="450142" spans="8:8">
      <c r="H450142" s="12"/>
    </row>
    <row r="450143" spans="8:8">
      <c r="H450143" s="12"/>
    </row>
    <row r="450144" spans="8:8">
      <c r="H450144" s="12"/>
    </row>
    <row r="450145" spans="8:8">
      <c r="H450145" s="12"/>
    </row>
    <row r="450146" spans="8:8">
      <c r="H450146" s="12"/>
    </row>
    <row r="450147" spans="8:8">
      <c r="H450147" s="12"/>
    </row>
    <row r="450148" spans="8:8">
      <c r="H450148" s="12"/>
    </row>
    <row r="450149" spans="8:8">
      <c r="H450149" s="12"/>
    </row>
    <row r="450150" spans="8:8">
      <c r="H450150" s="12"/>
    </row>
    <row r="450151" spans="8:8">
      <c r="H450151" s="12"/>
    </row>
    <row r="450152" spans="8:8">
      <c r="H450152" s="12"/>
    </row>
    <row r="450153" spans="8:8">
      <c r="H450153" s="12"/>
    </row>
    <row r="450154" spans="8:8">
      <c r="H450154" s="12"/>
    </row>
    <row r="450155" spans="8:8">
      <c r="H450155" s="12"/>
    </row>
    <row r="450156" spans="8:8">
      <c r="H450156" s="12"/>
    </row>
    <row r="450157" spans="8:8">
      <c r="H450157" s="12"/>
    </row>
    <row r="450158" spans="8:8">
      <c r="H450158" s="12"/>
    </row>
    <row r="450159" spans="8:8">
      <c r="H450159" s="12"/>
    </row>
    <row r="450160" spans="8:8">
      <c r="H450160" s="12"/>
    </row>
    <row r="450161" spans="8:8">
      <c r="H450161" s="12"/>
    </row>
    <row r="450162" spans="8:8">
      <c r="H450162" s="12"/>
    </row>
    <row r="450163" spans="8:8">
      <c r="H450163" s="12"/>
    </row>
    <row r="450164" spans="8:8">
      <c r="H450164" s="12"/>
    </row>
    <row r="450165" spans="8:8">
      <c r="H450165" s="12"/>
    </row>
    <row r="450166" spans="8:8">
      <c r="H450166" s="12"/>
    </row>
    <row r="450167" spans="8:8">
      <c r="H450167" s="12"/>
    </row>
    <row r="450168" spans="8:8">
      <c r="H450168" s="12"/>
    </row>
    <row r="450169" spans="8:8">
      <c r="H450169" s="12"/>
    </row>
    <row r="450170" spans="8:8">
      <c r="H450170" s="12"/>
    </row>
    <row r="450171" spans="8:8">
      <c r="H450171" s="12"/>
    </row>
    <row r="450172" spans="8:8">
      <c r="H450172" s="12"/>
    </row>
    <row r="450173" spans="8:8">
      <c r="H450173" s="12"/>
    </row>
    <row r="450174" spans="8:8">
      <c r="H450174" s="12"/>
    </row>
    <row r="450175" spans="8:8">
      <c r="H450175" s="12"/>
    </row>
    <row r="450176" spans="8:8">
      <c r="H450176" s="12"/>
    </row>
    <row r="450177" spans="8:8">
      <c r="H450177" s="12"/>
    </row>
    <row r="450178" spans="8:8">
      <c r="H450178" s="12"/>
    </row>
    <row r="450179" spans="8:8">
      <c r="H450179" s="12"/>
    </row>
    <row r="450180" spans="8:8">
      <c r="H450180" s="12"/>
    </row>
    <row r="450181" spans="8:8">
      <c r="H450181" s="12"/>
    </row>
    <row r="450182" spans="8:8">
      <c r="H450182" s="12"/>
    </row>
    <row r="450183" spans="8:8">
      <c r="H450183" s="12"/>
    </row>
    <row r="450184" spans="8:8">
      <c r="H450184" s="12"/>
    </row>
    <row r="450185" spans="8:8">
      <c r="H450185" s="12"/>
    </row>
    <row r="450186" spans="8:8">
      <c r="H450186" s="12"/>
    </row>
    <row r="450187" spans="8:8">
      <c r="H450187" s="12"/>
    </row>
    <row r="450188" spans="8:8">
      <c r="H450188" s="12"/>
    </row>
    <row r="450189" spans="8:8">
      <c r="H450189" s="12"/>
    </row>
    <row r="450190" spans="8:8">
      <c r="H450190" s="12"/>
    </row>
    <row r="450191" spans="8:8">
      <c r="H450191" s="12"/>
    </row>
    <row r="450192" spans="8:8">
      <c r="H450192" s="12"/>
    </row>
    <row r="450193" spans="8:8">
      <c r="H450193" s="12"/>
    </row>
    <row r="450194" spans="8:8">
      <c r="H450194" s="12"/>
    </row>
    <row r="450195" spans="8:8">
      <c r="H450195" s="12"/>
    </row>
    <row r="450196" spans="8:8">
      <c r="H450196" s="12"/>
    </row>
    <row r="450197" spans="8:8">
      <c r="H450197" s="12"/>
    </row>
    <row r="450198" spans="8:8">
      <c r="H450198" s="12"/>
    </row>
    <row r="450199" spans="8:8">
      <c r="H450199" s="12"/>
    </row>
    <row r="450200" spans="8:8">
      <c r="H450200" s="12"/>
    </row>
    <row r="450201" spans="8:8">
      <c r="H450201" s="12"/>
    </row>
    <row r="450202" spans="8:8">
      <c r="H450202" s="12"/>
    </row>
    <row r="450203" spans="8:8">
      <c r="H450203" s="12"/>
    </row>
    <row r="450204" spans="8:8">
      <c r="H450204" s="12"/>
    </row>
    <row r="450205" spans="8:8">
      <c r="H450205" s="12"/>
    </row>
    <row r="450206" spans="8:8">
      <c r="H450206" s="12"/>
    </row>
    <row r="450207" spans="8:8">
      <c r="H450207" s="12"/>
    </row>
    <row r="450208" spans="8:8">
      <c r="H450208" s="12"/>
    </row>
    <row r="450209" spans="8:8">
      <c r="H450209" s="12"/>
    </row>
    <row r="450210" spans="8:8">
      <c r="H450210" s="12"/>
    </row>
    <row r="450211" spans="8:8">
      <c r="H450211" s="12"/>
    </row>
    <row r="450212" spans="8:8">
      <c r="H450212" s="12"/>
    </row>
    <row r="450213" spans="8:8">
      <c r="H450213" s="12"/>
    </row>
    <row r="450214" spans="8:8">
      <c r="H450214" s="12"/>
    </row>
    <row r="450215" spans="8:8">
      <c r="H450215" s="12"/>
    </row>
    <row r="450216" spans="8:8">
      <c r="H450216" s="12"/>
    </row>
    <row r="450217" spans="8:8">
      <c r="H450217" s="12"/>
    </row>
    <row r="450218" spans="8:8">
      <c r="H450218" s="12"/>
    </row>
    <row r="450219" spans="8:8">
      <c r="H450219" s="12"/>
    </row>
    <row r="450220" spans="8:8">
      <c r="H450220" s="12"/>
    </row>
    <row r="450221" spans="8:8">
      <c r="H450221" s="12"/>
    </row>
    <row r="450222" spans="8:8">
      <c r="H450222" s="12"/>
    </row>
    <row r="450223" spans="8:8">
      <c r="H450223" s="12"/>
    </row>
    <row r="450224" spans="8:8">
      <c r="H450224" s="12"/>
    </row>
    <row r="450225" spans="8:8">
      <c r="H450225" s="12"/>
    </row>
    <row r="450226" spans="8:8">
      <c r="H450226" s="12"/>
    </row>
    <row r="450227" spans="8:8">
      <c r="H450227" s="12"/>
    </row>
    <row r="450228" spans="8:8">
      <c r="H450228" s="12"/>
    </row>
    <row r="450229" spans="8:8">
      <c r="H450229" s="12"/>
    </row>
    <row r="450230" spans="8:8">
      <c r="H450230" s="12"/>
    </row>
    <row r="450231" spans="8:8">
      <c r="H450231" s="12"/>
    </row>
    <row r="450232" spans="8:8">
      <c r="H450232" s="12"/>
    </row>
    <row r="450233" spans="8:8">
      <c r="H450233" s="12"/>
    </row>
    <row r="450234" spans="8:8">
      <c r="H450234" s="12"/>
    </row>
    <row r="450235" spans="8:8">
      <c r="H450235" s="12"/>
    </row>
    <row r="450236" spans="8:8">
      <c r="H450236" s="12"/>
    </row>
    <row r="450237" spans="8:8">
      <c r="H450237" s="12"/>
    </row>
    <row r="450238" spans="8:8">
      <c r="H450238" s="12"/>
    </row>
    <row r="450239" spans="8:8">
      <c r="H450239" s="12"/>
    </row>
    <row r="450240" spans="8:8">
      <c r="H450240" s="12"/>
    </row>
    <row r="450241" spans="8:8">
      <c r="H450241" s="12"/>
    </row>
    <row r="450242" spans="8:8">
      <c r="H450242" s="12"/>
    </row>
    <row r="450243" spans="8:8">
      <c r="H450243" s="12"/>
    </row>
    <row r="450244" spans="8:8">
      <c r="H450244" s="12"/>
    </row>
    <row r="450245" spans="8:8">
      <c r="H450245" s="12"/>
    </row>
    <row r="450246" spans="8:8">
      <c r="H450246" s="12"/>
    </row>
    <row r="450247" spans="8:8">
      <c r="H450247" s="12"/>
    </row>
    <row r="450248" spans="8:8">
      <c r="H450248" s="12"/>
    </row>
    <row r="450249" spans="8:8">
      <c r="H450249" s="12"/>
    </row>
    <row r="450250" spans="8:8">
      <c r="H450250" s="12"/>
    </row>
    <row r="450251" spans="8:8">
      <c r="H450251" s="12"/>
    </row>
    <row r="450252" spans="8:8">
      <c r="H450252" s="12"/>
    </row>
    <row r="450253" spans="8:8">
      <c r="H450253" s="12"/>
    </row>
    <row r="450254" spans="8:8">
      <c r="H450254" s="12"/>
    </row>
    <row r="450255" spans="8:8">
      <c r="H450255" s="12"/>
    </row>
    <row r="450256" spans="8:8">
      <c r="H450256" s="12"/>
    </row>
    <row r="450257" spans="8:8">
      <c r="H450257" s="12"/>
    </row>
    <row r="450258" spans="8:8">
      <c r="H450258" s="12"/>
    </row>
    <row r="450259" spans="8:8">
      <c r="H450259" s="12"/>
    </row>
    <row r="450260" spans="8:8">
      <c r="H450260" s="12"/>
    </row>
    <row r="450261" spans="8:8">
      <c r="H450261" s="12"/>
    </row>
    <row r="450262" spans="8:8">
      <c r="H450262" s="12"/>
    </row>
    <row r="450263" spans="8:8">
      <c r="H450263" s="12"/>
    </row>
    <row r="450264" spans="8:8">
      <c r="H450264" s="12"/>
    </row>
    <row r="450265" spans="8:8">
      <c r="H450265" s="12"/>
    </row>
    <row r="450266" spans="8:8">
      <c r="H450266" s="12"/>
    </row>
    <row r="450267" spans="8:8">
      <c r="H450267" s="12"/>
    </row>
    <row r="450268" spans="8:8">
      <c r="H450268" s="12"/>
    </row>
    <row r="450269" spans="8:8">
      <c r="H450269" s="12"/>
    </row>
    <row r="450270" spans="8:8">
      <c r="H450270" s="12"/>
    </row>
    <row r="450271" spans="8:8">
      <c r="H450271" s="12"/>
    </row>
    <row r="450272" spans="8:8">
      <c r="H450272" s="12"/>
    </row>
    <row r="450273" spans="8:8">
      <c r="H450273" s="12"/>
    </row>
    <row r="450274" spans="8:8">
      <c r="H450274" s="12"/>
    </row>
    <row r="450275" spans="8:8">
      <c r="H450275" s="12"/>
    </row>
    <row r="450276" spans="8:8">
      <c r="H450276" s="12"/>
    </row>
    <row r="450277" spans="8:8">
      <c r="H450277" s="12"/>
    </row>
    <row r="450278" spans="8:8">
      <c r="H450278" s="12"/>
    </row>
    <row r="450279" spans="8:8">
      <c r="H450279" s="12"/>
    </row>
    <row r="450280" spans="8:8">
      <c r="H450280" s="12"/>
    </row>
    <row r="450281" spans="8:8">
      <c r="H450281" s="12"/>
    </row>
    <row r="450282" spans="8:8">
      <c r="H450282" s="12"/>
    </row>
    <row r="450283" spans="8:8">
      <c r="H450283" s="12"/>
    </row>
    <row r="450284" spans="8:8">
      <c r="H450284" s="12"/>
    </row>
    <row r="450285" spans="8:8">
      <c r="H450285" s="12"/>
    </row>
    <row r="450286" spans="8:8">
      <c r="H450286" s="12"/>
    </row>
    <row r="450287" spans="8:8">
      <c r="H450287" s="12"/>
    </row>
    <row r="450288" spans="8:8">
      <c r="H450288" s="12"/>
    </row>
    <row r="450289" spans="8:8">
      <c r="H450289" s="12"/>
    </row>
    <row r="450290" spans="8:8">
      <c r="H450290" s="12"/>
    </row>
    <row r="450291" spans="8:8">
      <c r="H450291" s="12"/>
    </row>
    <row r="450292" spans="8:8">
      <c r="H450292" s="12"/>
    </row>
    <row r="450293" spans="8:8">
      <c r="H450293" s="12"/>
    </row>
    <row r="450294" spans="8:8">
      <c r="H450294" s="12"/>
    </row>
    <row r="450295" spans="8:8">
      <c r="H450295" s="12"/>
    </row>
    <row r="450296" spans="8:8">
      <c r="H450296" s="12"/>
    </row>
    <row r="450297" spans="8:8">
      <c r="H450297" s="12"/>
    </row>
    <row r="450298" spans="8:8">
      <c r="H450298" s="12"/>
    </row>
    <row r="450299" spans="8:8">
      <c r="H450299" s="12"/>
    </row>
    <row r="450300" spans="8:8">
      <c r="H450300" s="12"/>
    </row>
    <row r="450301" spans="8:8">
      <c r="H450301" s="12"/>
    </row>
    <row r="450302" spans="8:8">
      <c r="H450302" s="12"/>
    </row>
    <row r="450303" spans="8:8">
      <c r="H450303" s="12"/>
    </row>
    <row r="450304" spans="8:8">
      <c r="H450304" s="12"/>
    </row>
    <row r="450305" spans="8:8">
      <c r="H450305" s="12"/>
    </row>
    <row r="450306" spans="8:8">
      <c r="H450306" s="12"/>
    </row>
    <row r="450307" spans="8:8">
      <c r="H450307" s="12"/>
    </row>
    <row r="450308" spans="8:8">
      <c r="H450308" s="12"/>
    </row>
    <row r="450309" spans="8:8">
      <c r="H450309" s="12"/>
    </row>
    <row r="450310" spans="8:8">
      <c r="H450310" s="12"/>
    </row>
    <row r="450311" spans="8:8">
      <c r="H450311" s="12"/>
    </row>
    <row r="450312" spans="8:8">
      <c r="H450312" s="12"/>
    </row>
    <row r="450313" spans="8:8">
      <c r="H450313" s="12"/>
    </row>
    <row r="450314" spans="8:8">
      <c r="H450314" s="12"/>
    </row>
    <row r="450315" spans="8:8">
      <c r="H450315" s="12"/>
    </row>
    <row r="450316" spans="8:8">
      <c r="H450316" s="12"/>
    </row>
    <row r="450317" spans="8:8">
      <c r="H450317" s="12"/>
    </row>
    <row r="450318" spans="8:8">
      <c r="H450318" s="12"/>
    </row>
    <row r="450319" spans="8:8">
      <c r="H450319" s="12"/>
    </row>
    <row r="450320" spans="8:8">
      <c r="H450320" s="12"/>
    </row>
    <row r="450321" spans="8:8">
      <c r="H450321" s="12"/>
    </row>
    <row r="450322" spans="8:8">
      <c r="H450322" s="12"/>
    </row>
    <row r="450323" spans="8:8">
      <c r="H450323" s="12"/>
    </row>
    <row r="450324" spans="8:8">
      <c r="H450324" s="12"/>
    </row>
    <row r="450325" spans="8:8">
      <c r="H450325" s="12"/>
    </row>
    <row r="450326" spans="8:8">
      <c r="H450326" s="12"/>
    </row>
    <row r="450327" spans="8:8">
      <c r="H450327" s="12"/>
    </row>
    <row r="450328" spans="8:8">
      <c r="H450328" s="12"/>
    </row>
    <row r="450329" spans="8:8">
      <c r="H450329" s="12"/>
    </row>
    <row r="450330" spans="8:8">
      <c r="H450330" s="12"/>
    </row>
    <row r="450331" spans="8:8">
      <c r="H450331" s="12"/>
    </row>
    <row r="450332" spans="8:8">
      <c r="H450332" s="12"/>
    </row>
    <row r="450333" spans="8:8">
      <c r="H450333" s="12"/>
    </row>
    <row r="450334" spans="8:8">
      <c r="H450334" s="12"/>
    </row>
    <row r="450335" spans="8:8">
      <c r="H450335" s="12"/>
    </row>
    <row r="450336" spans="8:8">
      <c r="H450336" s="12"/>
    </row>
    <row r="450337" spans="8:8">
      <c r="H450337" s="12"/>
    </row>
    <row r="450338" spans="8:8">
      <c r="H450338" s="12"/>
    </row>
    <row r="450339" spans="8:8">
      <c r="H450339" s="12"/>
    </row>
    <row r="450340" spans="8:8">
      <c r="H450340" s="12"/>
    </row>
    <row r="450341" spans="8:8">
      <c r="H450341" s="12"/>
    </row>
    <row r="450342" spans="8:8">
      <c r="H450342" s="12"/>
    </row>
    <row r="450343" spans="8:8">
      <c r="H450343" s="12"/>
    </row>
    <row r="450344" spans="8:8">
      <c r="H450344" s="12"/>
    </row>
    <row r="450345" spans="8:8">
      <c r="H450345" s="12"/>
    </row>
    <row r="450346" spans="8:8">
      <c r="H450346" s="12"/>
    </row>
    <row r="450347" spans="8:8">
      <c r="H450347" s="12"/>
    </row>
    <row r="450348" spans="8:8">
      <c r="H450348" s="12"/>
    </row>
    <row r="450349" spans="8:8">
      <c r="H450349" s="12"/>
    </row>
    <row r="450350" spans="8:8">
      <c r="H450350" s="12"/>
    </row>
    <row r="450351" spans="8:8">
      <c r="H450351" s="12"/>
    </row>
    <row r="450352" spans="8:8">
      <c r="H450352" s="12"/>
    </row>
    <row r="450353" spans="8:8">
      <c r="H450353" s="12"/>
    </row>
    <row r="450354" spans="8:8">
      <c r="H450354" s="12"/>
    </row>
    <row r="450355" spans="8:8">
      <c r="H450355" s="12"/>
    </row>
    <row r="450356" spans="8:8">
      <c r="H450356" s="12"/>
    </row>
    <row r="450357" spans="8:8">
      <c r="H450357" s="12"/>
    </row>
    <row r="450358" spans="8:8">
      <c r="H450358" s="12"/>
    </row>
    <row r="450359" spans="8:8">
      <c r="H450359" s="12"/>
    </row>
    <row r="450360" spans="8:8">
      <c r="H450360" s="12"/>
    </row>
    <row r="450361" spans="8:8">
      <c r="H450361" s="12"/>
    </row>
    <row r="450362" spans="8:8">
      <c r="H450362" s="12"/>
    </row>
    <row r="450363" spans="8:8">
      <c r="H450363" s="12"/>
    </row>
    <row r="450364" spans="8:8">
      <c r="H450364" s="12"/>
    </row>
    <row r="450365" spans="8:8">
      <c r="H450365" s="12"/>
    </row>
    <row r="450366" spans="8:8">
      <c r="H450366" s="12"/>
    </row>
    <row r="450367" spans="8:8">
      <c r="H450367" s="12"/>
    </row>
    <row r="450368" spans="8:8">
      <c r="H450368" s="12"/>
    </row>
    <row r="450369" spans="8:8">
      <c r="H450369" s="12"/>
    </row>
    <row r="450370" spans="8:8">
      <c r="H450370" s="12"/>
    </row>
    <row r="450371" spans="8:8">
      <c r="H450371" s="12"/>
    </row>
    <row r="450372" spans="8:8">
      <c r="H450372" s="12"/>
    </row>
    <row r="450373" spans="8:8">
      <c r="H450373" s="12"/>
    </row>
    <row r="450374" spans="8:8">
      <c r="H450374" s="12"/>
    </row>
    <row r="450375" spans="8:8">
      <c r="H450375" s="12"/>
    </row>
    <row r="450376" spans="8:8">
      <c r="H450376" s="12"/>
    </row>
    <row r="450377" spans="8:8">
      <c r="H450377" s="12"/>
    </row>
    <row r="450378" spans="8:8">
      <c r="H450378" s="12"/>
    </row>
    <row r="450379" spans="8:8">
      <c r="H450379" s="12"/>
    </row>
    <row r="450380" spans="8:8">
      <c r="H450380" s="12"/>
    </row>
    <row r="450381" spans="8:8">
      <c r="H450381" s="12"/>
    </row>
    <row r="450382" spans="8:8">
      <c r="H450382" s="12"/>
    </row>
    <row r="450383" spans="8:8">
      <c r="H450383" s="12"/>
    </row>
    <row r="450384" spans="8:8">
      <c r="H450384" s="12"/>
    </row>
    <row r="450385" spans="8:8">
      <c r="H450385" s="12"/>
    </row>
    <row r="450386" spans="8:8">
      <c r="H450386" s="12"/>
    </row>
    <row r="450387" spans="8:8">
      <c r="H450387" s="12"/>
    </row>
    <row r="450388" spans="8:8">
      <c r="H450388" s="12"/>
    </row>
    <row r="450389" spans="8:8">
      <c r="H450389" s="12"/>
    </row>
    <row r="450390" spans="8:8">
      <c r="H450390" s="12"/>
    </row>
    <row r="450391" spans="8:8">
      <c r="H450391" s="12"/>
    </row>
    <row r="450392" spans="8:8">
      <c r="H450392" s="12"/>
    </row>
    <row r="450393" spans="8:8">
      <c r="H450393" s="12"/>
    </row>
    <row r="450394" spans="8:8">
      <c r="H450394" s="12"/>
    </row>
    <row r="450395" spans="8:8">
      <c r="H450395" s="12"/>
    </row>
    <row r="450396" spans="8:8">
      <c r="H450396" s="12"/>
    </row>
    <row r="450397" spans="8:8">
      <c r="H450397" s="12"/>
    </row>
    <row r="450398" spans="8:8">
      <c r="H450398" s="12"/>
    </row>
    <row r="450399" spans="8:8">
      <c r="H450399" s="12"/>
    </row>
    <row r="450400" spans="8:8">
      <c r="H450400" s="12"/>
    </row>
    <row r="450401" spans="8:8">
      <c r="H450401" s="12"/>
    </row>
    <row r="450402" spans="8:8">
      <c r="H450402" s="12"/>
    </row>
    <row r="450403" spans="8:8">
      <c r="H450403" s="12"/>
    </row>
    <row r="450404" spans="8:8">
      <c r="H450404" s="12"/>
    </row>
    <row r="450405" spans="8:8">
      <c r="H450405" s="12"/>
    </row>
    <row r="450406" spans="8:8">
      <c r="H450406" s="12"/>
    </row>
    <row r="450407" spans="8:8">
      <c r="H450407" s="12"/>
    </row>
    <row r="450408" spans="8:8">
      <c r="H450408" s="12"/>
    </row>
    <row r="450409" spans="8:8">
      <c r="H450409" s="12"/>
    </row>
    <row r="450410" spans="8:8">
      <c r="H450410" s="12"/>
    </row>
    <row r="450411" spans="8:8">
      <c r="H450411" s="12"/>
    </row>
    <row r="450412" spans="8:8">
      <c r="H450412" s="12"/>
    </row>
    <row r="450413" spans="8:8">
      <c r="H450413" s="12"/>
    </row>
    <row r="450414" spans="8:8">
      <c r="H450414" s="12"/>
    </row>
    <row r="450415" spans="8:8">
      <c r="H450415" s="12"/>
    </row>
    <row r="450416" spans="8:8">
      <c r="H450416" s="12"/>
    </row>
    <row r="450417" spans="8:8">
      <c r="H450417" s="12"/>
    </row>
    <row r="450418" spans="8:8">
      <c r="H450418" s="12"/>
    </row>
    <row r="450419" spans="8:8">
      <c r="H450419" s="12"/>
    </row>
    <row r="450420" spans="8:8">
      <c r="H450420" s="12"/>
    </row>
    <row r="450421" spans="8:8">
      <c r="H450421" s="12"/>
    </row>
    <row r="450422" spans="8:8">
      <c r="H450422" s="12"/>
    </row>
    <row r="450423" spans="8:8">
      <c r="H450423" s="12"/>
    </row>
    <row r="450424" spans="8:8">
      <c r="H450424" s="12"/>
    </row>
    <row r="450425" spans="8:8">
      <c r="H450425" s="12"/>
    </row>
    <row r="450426" spans="8:8">
      <c r="H450426" s="12"/>
    </row>
    <row r="450427" spans="8:8">
      <c r="H450427" s="12"/>
    </row>
    <row r="450428" spans="8:8">
      <c r="H450428" s="12"/>
    </row>
    <row r="450429" spans="8:8">
      <c r="H450429" s="12"/>
    </row>
    <row r="450430" spans="8:8">
      <c r="H450430" s="12"/>
    </row>
    <row r="450431" spans="8:8">
      <c r="H450431" s="12"/>
    </row>
    <row r="450432" spans="8:8">
      <c r="H450432" s="12"/>
    </row>
    <row r="450433" spans="8:8">
      <c r="H450433" s="12"/>
    </row>
    <row r="450434" spans="8:8">
      <c r="H450434" s="12"/>
    </row>
    <row r="450435" spans="8:8">
      <c r="H450435" s="12"/>
    </row>
    <row r="450436" spans="8:8">
      <c r="H450436" s="12"/>
    </row>
    <row r="450437" spans="8:8">
      <c r="H450437" s="12"/>
    </row>
    <row r="450438" spans="8:8">
      <c r="H450438" s="12"/>
    </row>
    <row r="450439" spans="8:8">
      <c r="H450439" s="12"/>
    </row>
    <row r="450440" spans="8:8">
      <c r="H450440" s="12"/>
    </row>
    <row r="450441" spans="8:8">
      <c r="H450441" s="12"/>
    </row>
    <row r="450442" spans="8:8">
      <c r="H450442" s="12"/>
    </row>
    <row r="450443" spans="8:8">
      <c r="H450443" s="12"/>
    </row>
    <row r="450444" spans="8:8">
      <c r="H450444" s="12"/>
    </row>
    <row r="450445" spans="8:8">
      <c r="H450445" s="12"/>
    </row>
    <row r="450446" spans="8:8">
      <c r="H450446" s="12"/>
    </row>
    <row r="450447" spans="8:8">
      <c r="H450447" s="12"/>
    </row>
    <row r="450448" spans="8:8">
      <c r="H450448" s="12"/>
    </row>
    <row r="450449" spans="8:8">
      <c r="H450449" s="12"/>
    </row>
    <row r="450450" spans="8:8">
      <c r="H450450" s="12"/>
    </row>
    <row r="450451" spans="8:8">
      <c r="H450451" s="12"/>
    </row>
    <row r="450452" spans="8:8">
      <c r="H450452" s="12"/>
    </row>
    <row r="450453" spans="8:8">
      <c r="H450453" s="12"/>
    </row>
    <row r="450454" spans="8:8">
      <c r="H450454" s="12"/>
    </row>
    <row r="450455" spans="8:8">
      <c r="H450455" s="12"/>
    </row>
    <row r="450456" spans="8:8">
      <c r="H450456" s="12"/>
    </row>
    <row r="450457" spans="8:8">
      <c r="H450457" s="12"/>
    </row>
    <row r="450458" spans="8:8">
      <c r="H450458" s="12"/>
    </row>
    <row r="450459" spans="8:8">
      <c r="H450459" s="12"/>
    </row>
    <row r="450460" spans="8:8">
      <c r="H450460" s="12"/>
    </row>
    <row r="450461" spans="8:8">
      <c r="H450461" s="12"/>
    </row>
    <row r="450462" spans="8:8">
      <c r="H450462" s="12"/>
    </row>
    <row r="450463" spans="8:8">
      <c r="H450463" s="12"/>
    </row>
    <row r="450464" spans="8:8">
      <c r="H450464" s="12"/>
    </row>
    <row r="450465" spans="8:8">
      <c r="H450465" s="12"/>
    </row>
    <row r="450466" spans="8:8">
      <c r="H450466" s="12"/>
    </row>
    <row r="450467" spans="8:8">
      <c r="H450467" s="12"/>
    </row>
    <row r="450468" spans="8:8">
      <c r="H450468" s="12"/>
    </row>
    <row r="450469" spans="8:8">
      <c r="H450469" s="12"/>
    </row>
    <row r="450470" spans="8:8">
      <c r="H450470" s="12"/>
    </row>
    <row r="450471" spans="8:8">
      <c r="H450471" s="12"/>
    </row>
    <row r="450472" spans="8:8">
      <c r="H450472" s="12"/>
    </row>
    <row r="450473" spans="8:8">
      <c r="H450473" s="12"/>
    </row>
    <row r="450474" spans="8:8">
      <c r="H450474" s="12"/>
    </row>
    <row r="450475" spans="8:8">
      <c r="H450475" s="12"/>
    </row>
    <row r="450476" spans="8:8">
      <c r="H450476" s="12"/>
    </row>
    <row r="450477" spans="8:8">
      <c r="H450477" s="12"/>
    </row>
    <row r="450478" spans="8:8">
      <c r="H450478" s="12"/>
    </row>
    <row r="450479" spans="8:8">
      <c r="H450479" s="12"/>
    </row>
    <row r="450480" spans="8:8">
      <c r="H450480" s="12"/>
    </row>
    <row r="450481" spans="8:8">
      <c r="H450481" s="12"/>
    </row>
    <row r="450482" spans="8:8">
      <c r="H450482" s="12"/>
    </row>
    <row r="450483" spans="8:8">
      <c r="H450483" s="12"/>
    </row>
    <row r="450484" spans="8:8">
      <c r="H450484" s="12"/>
    </row>
    <row r="450485" spans="8:8">
      <c r="H450485" s="12"/>
    </row>
    <row r="450486" spans="8:8">
      <c r="H450486" s="12"/>
    </row>
    <row r="450487" spans="8:8">
      <c r="H450487" s="12"/>
    </row>
    <row r="450488" spans="8:8">
      <c r="H450488" s="12"/>
    </row>
    <row r="450489" spans="8:8">
      <c r="H450489" s="12"/>
    </row>
    <row r="450490" spans="8:8">
      <c r="H450490" s="12"/>
    </row>
    <row r="450491" spans="8:8">
      <c r="H450491" s="12"/>
    </row>
    <row r="450492" spans="8:8">
      <c r="H450492" s="12"/>
    </row>
    <row r="450493" spans="8:8">
      <c r="H450493" s="12"/>
    </row>
    <row r="450494" spans="8:8">
      <c r="H450494" s="12"/>
    </row>
    <row r="450495" spans="8:8">
      <c r="H450495" s="12"/>
    </row>
    <row r="450496" spans="8:8">
      <c r="H450496" s="12"/>
    </row>
    <row r="450497" spans="8:8">
      <c r="H450497" s="12"/>
    </row>
    <row r="450498" spans="8:8">
      <c r="H450498" s="12"/>
    </row>
    <row r="450499" spans="8:8">
      <c r="H450499" s="12"/>
    </row>
    <row r="450500" spans="8:8">
      <c r="H450500" s="12"/>
    </row>
    <row r="450501" spans="8:8">
      <c r="H450501" s="12"/>
    </row>
    <row r="450502" spans="8:8">
      <c r="H450502" s="12"/>
    </row>
    <row r="450503" spans="8:8">
      <c r="H450503" s="12"/>
    </row>
    <row r="450504" spans="8:8">
      <c r="H450504" s="12"/>
    </row>
    <row r="450505" spans="8:8">
      <c r="H450505" s="12"/>
    </row>
    <row r="450506" spans="8:8">
      <c r="H450506" s="12"/>
    </row>
    <row r="450507" spans="8:8">
      <c r="H450507" s="12"/>
    </row>
    <row r="450508" spans="8:8">
      <c r="H450508" s="12"/>
    </row>
    <row r="450509" spans="8:8">
      <c r="H450509" s="12"/>
    </row>
    <row r="450510" spans="8:8">
      <c r="H450510" s="12"/>
    </row>
    <row r="450511" spans="8:8">
      <c r="H450511" s="12"/>
    </row>
    <row r="450512" spans="8:8">
      <c r="H450512" s="12"/>
    </row>
    <row r="450513" spans="8:8">
      <c r="H450513" s="12"/>
    </row>
    <row r="450514" spans="8:8">
      <c r="H450514" s="12"/>
    </row>
    <row r="450515" spans="8:8">
      <c r="H450515" s="12"/>
    </row>
    <row r="450516" spans="8:8">
      <c r="H450516" s="12"/>
    </row>
    <row r="450517" spans="8:8">
      <c r="H450517" s="12"/>
    </row>
    <row r="450518" spans="8:8">
      <c r="H450518" s="12"/>
    </row>
    <row r="450519" spans="8:8">
      <c r="H450519" s="12"/>
    </row>
    <row r="450520" spans="8:8">
      <c r="H450520" s="12"/>
    </row>
    <row r="450521" spans="8:8">
      <c r="H450521" s="12"/>
    </row>
    <row r="450522" spans="8:8">
      <c r="H450522" s="12"/>
    </row>
    <row r="450523" spans="8:8">
      <c r="H450523" s="12"/>
    </row>
    <row r="450524" spans="8:8">
      <c r="H450524" s="12"/>
    </row>
    <row r="450525" spans="8:8">
      <c r="H450525" s="12"/>
    </row>
    <row r="450526" spans="8:8">
      <c r="H450526" s="12"/>
    </row>
    <row r="450527" spans="8:8">
      <c r="H450527" s="12"/>
    </row>
    <row r="450528" spans="8:8">
      <c r="H450528" s="12"/>
    </row>
    <row r="450529" spans="8:8">
      <c r="H450529" s="12"/>
    </row>
    <row r="450530" spans="8:8">
      <c r="H450530" s="12"/>
    </row>
    <row r="450531" spans="8:8">
      <c r="H450531" s="12"/>
    </row>
    <row r="450532" spans="8:8">
      <c r="H450532" s="12"/>
    </row>
    <row r="450533" spans="8:8">
      <c r="H450533" s="12"/>
    </row>
    <row r="450534" spans="8:8">
      <c r="H450534" s="12"/>
    </row>
    <row r="450535" spans="8:8">
      <c r="H450535" s="12"/>
    </row>
    <row r="450536" spans="8:8">
      <c r="H450536" s="12"/>
    </row>
    <row r="450537" spans="8:8">
      <c r="H450537" s="12"/>
    </row>
    <row r="450538" spans="8:8">
      <c r="H450538" s="12"/>
    </row>
    <row r="450539" spans="8:8">
      <c r="H450539" s="12"/>
    </row>
    <row r="450540" spans="8:8">
      <c r="H450540" s="12"/>
    </row>
    <row r="450541" spans="8:8">
      <c r="H450541" s="12"/>
    </row>
    <row r="450542" spans="8:8">
      <c r="H450542" s="12"/>
    </row>
    <row r="450543" spans="8:8">
      <c r="H450543" s="12"/>
    </row>
    <row r="450544" spans="8:8">
      <c r="H450544" s="12"/>
    </row>
    <row r="450545" spans="8:8">
      <c r="H450545" s="12"/>
    </row>
    <row r="450546" spans="8:8">
      <c r="H450546" s="12"/>
    </row>
    <row r="450547" spans="8:8">
      <c r="H450547" s="12"/>
    </row>
    <row r="450548" spans="8:8">
      <c r="H450548" s="12"/>
    </row>
    <row r="450549" spans="8:8">
      <c r="H450549" s="12"/>
    </row>
    <row r="450550" spans="8:8">
      <c r="H450550" s="12"/>
    </row>
    <row r="450551" spans="8:8">
      <c r="H450551" s="12"/>
    </row>
    <row r="450552" spans="8:8">
      <c r="H450552" s="12"/>
    </row>
    <row r="450553" spans="8:8">
      <c r="H450553" s="12"/>
    </row>
    <row r="450554" spans="8:8">
      <c r="H450554" s="12"/>
    </row>
    <row r="450555" spans="8:8">
      <c r="H450555" s="12"/>
    </row>
    <row r="450556" spans="8:8">
      <c r="H450556" s="12"/>
    </row>
    <row r="450557" spans="8:8">
      <c r="H450557" s="12"/>
    </row>
    <row r="450558" spans="8:8">
      <c r="H450558" s="12"/>
    </row>
    <row r="450559" spans="8:8">
      <c r="H450559" s="12"/>
    </row>
    <row r="450560" spans="8:8">
      <c r="H450560" s="12"/>
    </row>
    <row r="450561" spans="8:8">
      <c r="H450561" s="12"/>
    </row>
    <row r="450562" spans="8:8">
      <c r="H450562" s="12"/>
    </row>
    <row r="450563" spans="8:8">
      <c r="H450563" s="12"/>
    </row>
    <row r="450564" spans="8:8">
      <c r="H450564" s="12"/>
    </row>
    <row r="450565" spans="8:8">
      <c r="H450565" s="12"/>
    </row>
    <row r="450566" spans="8:8">
      <c r="H450566" s="12"/>
    </row>
    <row r="450567" spans="8:8">
      <c r="H450567" s="12"/>
    </row>
    <row r="450568" spans="8:8">
      <c r="H450568" s="12"/>
    </row>
    <row r="450569" spans="8:8">
      <c r="H450569" s="12"/>
    </row>
    <row r="450570" spans="8:8">
      <c r="H450570" s="12"/>
    </row>
    <row r="450571" spans="8:8">
      <c r="H450571" s="12"/>
    </row>
    <row r="450572" spans="8:8">
      <c r="H450572" s="12"/>
    </row>
    <row r="450573" spans="8:8">
      <c r="H450573" s="12"/>
    </row>
    <row r="450574" spans="8:8">
      <c r="H450574" s="12"/>
    </row>
    <row r="450575" spans="8:8">
      <c r="H450575" s="12"/>
    </row>
    <row r="450576" spans="8:8">
      <c r="H450576" s="12"/>
    </row>
    <row r="450577" spans="8:8">
      <c r="H450577" s="12"/>
    </row>
    <row r="450578" spans="8:8">
      <c r="H450578" s="12"/>
    </row>
    <row r="450579" spans="8:8">
      <c r="H450579" s="12"/>
    </row>
    <row r="450580" spans="8:8">
      <c r="H450580" s="12"/>
    </row>
    <row r="450581" spans="8:8">
      <c r="H450581" s="12"/>
    </row>
    <row r="450582" spans="8:8">
      <c r="H450582" s="12"/>
    </row>
    <row r="450583" spans="8:8">
      <c r="H450583" s="12"/>
    </row>
    <row r="450584" spans="8:8">
      <c r="H450584" s="12"/>
    </row>
    <row r="450585" spans="8:8">
      <c r="H450585" s="12"/>
    </row>
    <row r="450586" spans="8:8">
      <c r="H450586" s="12"/>
    </row>
    <row r="450587" spans="8:8">
      <c r="H450587" s="12"/>
    </row>
    <row r="450588" spans="8:8">
      <c r="H450588" s="12"/>
    </row>
    <row r="450589" spans="8:8">
      <c r="H450589" s="12"/>
    </row>
    <row r="450590" spans="8:8">
      <c r="H450590" s="12"/>
    </row>
    <row r="450591" spans="8:8">
      <c r="H450591" s="12"/>
    </row>
    <row r="450592" spans="8:8">
      <c r="H450592" s="12"/>
    </row>
    <row r="450593" spans="8:8">
      <c r="H450593" s="12"/>
    </row>
    <row r="450594" spans="8:8">
      <c r="H450594" s="12"/>
    </row>
    <row r="450595" spans="8:8">
      <c r="H450595" s="12"/>
    </row>
    <row r="450596" spans="8:8">
      <c r="H450596" s="12"/>
    </row>
    <row r="450597" spans="8:8">
      <c r="H450597" s="12"/>
    </row>
    <row r="450598" spans="8:8">
      <c r="H450598" s="12"/>
    </row>
    <row r="450599" spans="8:8">
      <c r="H450599" s="12"/>
    </row>
    <row r="450600" spans="8:8">
      <c r="H450600" s="12"/>
    </row>
    <row r="450601" spans="8:8">
      <c r="H450601" s="12"/>
    </row>
    <row r="450602" spans="8:8">
      <c r="H450602" s="12"/>
    </row>
    <row r="450603" spans="8:8">
      <c r="H450603" s="12"/>
    </row>
    <row r="450604" spans="8:8">
      <c r="H450604" s="12"/>
    </row>
    <row r="450605" spans="8:8">
      <c r="H450605" s="12"/>
    </row>
    <row r="450606" spans="8:8">
      <c r="H450606" s="12"/>
    </row>
    <row r="450607" spans="8:8">
      <c r="H450607" s="12"/>
    </row>
    <row r="450608" spans="8:8">
      <c r="H450608" s="12"/>
    </row>
    <row r="450609" spans="8:8">
      <c r="H450609" s="12"/>
    </row>
    <row r="450610" spans="8:8">
      <c r="H450610" s="12"/>
    </row>
    <row r="450611" spans="8:8">
      <c r="H450611" s="12"/>
    </row>
    <row r="450612" spans="8:8">
      <c r="H450612" s="12"/>
    </row>
    <row r="450613" spans="8:8">
      <c r="H450613" s="12"/>
    </row>
    <row r="450614" spans="8:8">
      <c r="H450614" s="12"/>
    </row>
    <row r="450615" spans="8:8">
      <c r="H450615" s="12"/>
    </row>
    <row r="450616" spans="8:8">
      <c r="H450616" s="12"/>
    </row>
    <row r="450617" spans="8:8">
      <c r="H450617" s="12"/>
    </row>
    <row r="450618" spans="8:8">
      <c r="H450618" s="12"/>
    </row>
    <row r="450619" spans="8:8">
      <c r="H450619" s="12"/>
    </row>
    <row r="450620" spans="8:8">
      <c r="H450620" s="12"/>
    </row>
    <row r="450621" spans="8:8">
      <c r="H450621" s="12"/>
    </row>
    <row r="450622" spans="8:8">
      <c r="H450622" s="12"/>
    </row>
    <row r="450623" spans="8:8">
      <c r="H450623" s="12"/>
    </row>
    <row r="450624" spans="8:8">
      <c r="H450624" s="12"/>
    </row>
    <row r="450625" spans="8:8">
      <c r="H450625" s="12"/>
    </row>
    <row r="450626" spans="8:8">
      <c r="H450626" s="12"/>
    </row>
    <row r="450627" spans="8:8">
      <c r="H450627" s="12"/>
    </row>
    <row r="450628" spans="8:8">
      <c r="H450628" s="12"/>
    </row>
    <row r="450629" spans="8:8">
      <c r="H450629" s="12"/>
    </row>
    <row r="450630" spans="8:8">
      <c r="H450630" s="12"/>
    </row>
    <row r="450631" spans="8:8">
      <c r="H450631" s="12"/>
    </row>
    <row r="450632" spans="8:8">
      <c r="H450632" s="12"/>
    </row>
    <row r="450633" spans="8:8">
      <c r="H450633" s="12"/>
    </row>
    <row r="450634" spans="8:8">
      <c r="H450634" s="12"/>
    </row>
    <row r="450635" spans="8:8">
      <c r="H450635" s="12"/>
    </row>
    <row r="450636" spans="8:8">
      <c r="H450636" s="12"/>
    </row>
    <row r="450637" spans="8:8">
      <c r="H450637" s="12"/>
    </row>
    <row r="450638" spans="8:8">
      <c r="H450638" s="12"/>
    </row>
    <row r="450639" spans="8:8">
      <c r="H450639" s="12"/>
    </row>
    <row r="450640" spans="8:8">
      <c r="H450640" s="12"/>
    </row>
    <row r="450641" spans="8:8">
      <c r="H450641" s="12"/>
    </row>
    <row r="450642" spans="8:8">
      <c r="H450642" s="12"/>
    </row>
    <row r="450643" spans="8:8">
      <c r="H450643" s="12"/>
    </row>
    <row r="450644" spans="8:8">
      <c r="H450644" s="12"/>
    </row>
    <row r="450645" spans="8:8">
      <c r="H450645" s="12"/>
    </row>
    <row r="450646" spans="8:8">
      <c r="H450646" s="12"/>
    </row>
    <row r="450647" spans="8:8">
      <c r="H450647" s="12"/>
    </row>
    <row r="450648" spans="8:8">
      <c r="H450648" s="12"/>
    </row>
    <row r="450649" spans="8:8">
      <c r="H450649" s="12"/>
    </row>
    <row r="450650" spans="8:8">
      <c r="H450650" s="12"/>
    </row>
    <row r="450651" spans="8:8">
      <c r="H450651" s="12"/>
    </row>
    <row r="450652" spans="8:8">
      <c r="H450652" s="12"/>
    </row>
    <row r="450653" spans="8:8">
      <c r="H450653" s="12"/>
    </row>
    <row r="450654" spans="8:8">
      <c r="H450654" s="12"/>
    </row>
    <row r="450655" spans="8:8">
      <c r="H450655" s="12"/>
    </row>
    <row r="450656" spans="8:8">
      <c r="H450656" s="12"/>
    </row>
    <row r="450657" spans="8:8">
      <c r="H450657" s="12"/>
    </row>
    <row r="450658" spans="8:8">
      <c r="H450658" s="12"/>
    </row>
    <row r="450659" spans="8:8">
      <c r="H450659" s="12"/>
    </row>
    <row r="450660" spans="8:8">
      <c r="H450660" s="12"/>
    </row>
    <row r="450661" spans="8:8">
      <c r="H450661" s="12"/>
    </row>
    <row r="450662" spans="8:8">
      <c r="H450662" s="12"/>
    </row>
    <row r="450663" spans="8:8">
      <c r="H450663" s="12"/>
    </row>
    <row r="450664" spans="8:8">
      <c r="H450664" s="12"/>
    </row>
    <row r="450665" spans="8:8">
      <c r="H450665" s="12"/>
    </row>
    <row r="450666" spans="8:8">
      <c r="H450666" s="12"/>
    </row>
    <row r="450667" spans="8:8">
      <c r="H450667" s="12"/>
    </row>
    <row r="450668" spans="8:8">
      <c r="H450668" s="12"/>
    </row>
    <row r="450669" spans="8:8">
      <c r="H450669" s="12"/>
    </row>
    <row r="450670" spans="8:8">
      <c r="H450670" s="12"/>
    </row>
    <row r="450671" spans="8:8">
      <c r="H450671" s="12"/>
    </row>
    <row r="450672" spans="8:8">
      <c r="H450672" s="12"/>
    </row>
    <row r="450673" spans="8:8">
      <c r="H450673" s="12"/>
    </row>
    <row r="450674" spans="8:8">
      <c r="H450674" s="12"/>
    </row>
    <row r="450675" spans="8:8">
      <c r="H450675" s="12"/>
    </row>
    <row r="450676" spans="8:8">
      <c r="H450676" s="12"/>
    </row>
    <row r="450677" spans="8:8">
      <c r="H450677" s="12"/>
    </row>
    <row r="450678" spans="8:8">
      <c r="H450678" s="12"/>
    </row>
    <row r="450679" spans="8:8">
      <c r="H450679" s="12"/>
    </row>
    <row r="450680" spans="8:8">
      <c r="H450680" s="12"/>
    </row>
    <row r="450681" spans="8:8">
      <c r="H450681" s="12"/>
    </row>
    <row r="450682" spans="8:8">
      <c r="H450682" s="12"/>
    </row>
    <row r="450683" spans="8:8">
      <c r="H450683" s="12"/>
    </row>
    <row r="450684" spans="8:8">
      <c r="H450684" s="12"/>
    </row>
    <row r="450685" spans="8:8">
      <c r="H450685" s="12"/>
    </row>
    <row r="450686" spans="8:8">
      <c r="H450686" s="12"/>
    </row>
    <row r="450687" spans="8:8">
      <c r="H450687" s="12"/>
    </row>
    <row r="450688" spans="8:8">
      <c r="H450688" s="12"/>
    </row>
    <row r="450689" spans="8:8">
      <c r="H450689" s="12"/>
    </row>
    <row r="450690" spans="8:8">
      <c r="H450690" s="12"/>
    </row>
    <row r="450691" spans="8:8">
      <c r="H450691" s="12"/>
    </row>
    <row r="450692" spans="8:8">
      <c r="H450692" s="12"/>
    </row>
    <row r="450693" spans="8:8">
      <c r="H450693" s="12"/>
    </row>
    <row r="450694" spans="8:8">
      <c r="H450694" s="12"/>
    </row>
    <row r="450695" spans="8:8">
      <c r="H450695" s="12"/>
    </row>
    <row r="450696" spans="8:8">
      <c r="H450696" s="12"/>
    </row>
    <row r="450697" spans="8:8">
      <c r="H450697" s="12"/>
    </row>
    <row r="450698" spans="8:8">
      <c r="H450698" s="12"/>
    </row>
    <row r="450699" spans="8:8">
      <c r="H450699" s="12"/>
    </row>
    <row r="450700" spans="8:8">
      <c r="H450700" s="12"/>
    </row>
    <row r="450701" spans="8:8">
      <c r="H450701" s="12"/>
    </row>
    <row r="450702" spans="8:8">
      <c r="H450702" s="12"/>
    </row>
    <row r="450703" spans="8:8">
      <c r="H450703" s="12"/>
    </row>
    <row r="450704" spans="8:8">
      <c r="H450704" s="12"/>
    </row>
    <row r="450705" spans="8:8">
      <c r="H450705" s="12"/>
    </row>
    <row r="450706" spans="8:8">
      <c r="H450706" s="12"/>
    </row>
    <row r="450707" spans="8:8">
      <c r="H450707" s="12"/>
    </row>
    <row r="450708" spans="8:8">
      <c r="H450708" s="12"/>
    </row>
    <row r="450709" spans="8:8">
      <c r="H450709" s="12"/>
    </row>
    <row r="450710" spans="8:8">
      <c r="H450710" s="12"/>
    </row>
    <row r="450711" spans="8:8">
      <c r="H450711" s="12"/>
    </row>
    <row r="450712" spans="8:8">
      <c r="H450712" s="12"/>
    </row>
    <row r="450713" spans="8:8">
      <c r="H450713" s="12"/>
    </row>
    <row r="450714" spans="8:8">
      <c r="H450714" s="12"/>
    </row>
    <row r="450715" spans="8:8">
      <c r="H450715" s="12"/>
    </row>
    <row r="450716" spans="8:8">
      <c r="H450716" s="12"/>
    </row>
    <row r="450717" spans="8:8">
      <c r="H450717" s="12"/>
    </row>
    <row r="450718" spans="8:8">
      <c r="H450718" s="12"/>
    </row>
    <row r="450719" spans="8:8">
      <c r="H450719" s="12"/>
    </row>
    <row r="450720" spans="8:8">
      <c r="H450720" s="12"/>
    </row>
    <row r="450721" spans="8:8">
      <c r="H450721" s="12"/>
    </row>
    <row r="450722" spans="8:8">
      <c r="H450722" s="12"/>
    </row>
    <row r="450723" spans="8:8">
      <c r="H450723" s="12"/>
    </row>
    <row r="450724" spans="8:8">
      <c r="H450724" s="12"/>
    </row>
    <row r="450725" spans="8:8">
      <c r="H450725" s="12"/>
    </row>
    <row r="450726" spans="8:8">
      <c r="H450726" s="12"/>
    </row>
    <row r="450727" spans="8:8">
      <c r="H450727" s="12"/>
    </row>
    <row r="450728" spans="8:8">
      <c r="H450728" s="12"/>
    </row>
    <row r="450729" spans="8:8">
      <c r="H450729" s="12"/>
    </row>
    <row r="450730" spans="8:8">
      <c r="H450730" s="12"/>
    </row>
    <row r="450731" spans="8:8">
      <c r="H450731" s="12"/>
    </row>
    <row r="450732" spans="8:8">
      <c r="H450732" s="12"/>
    </row>
    <row r="450733" spans="8:8">
      <c r="H450733" s="12"/>
    </row>
    <row r="450734" spans="8:8">
      <c r="H450734" s="12"/>
    </row>
    <row r="450735" spans="8:8">
      <c r="H450735" s="12"/>
    </row>
    <row r="450736" spans="8:8">
      <c r="H450736" s="12"/>
    </row>
    <row r="450737" spans="8:8">
      <c r="H450737" s="12"/>
    </row>
    <row r="450738" spans="8:8">
      <c r="H450738" s="12"/>
    </row>
    <row r="450739" spans="8:8">
      <c r="H450739" s="12"/>
    </row>
    <row r="450740" spans="8:8">
      <c r="H450740" s="12"/>
    </row>
    <row r="450741" spans="8:8">
      <c r="H450741" s="12"/>
    </row>
    <row r="450742" spans="8:8">
      <c r="H450742" s="12"/>
    </row>
    <row r="450743" spans="8:8">
      <c r="H450743" s="12"/>
    </row>
    <row r="450744" spans="8:8">
      <c r="H450744" s="12"/>
    </row>
    <row r="450745" spans="8:8">
      <c r="H450745" s="12"/>
    </row>
    <row r="450746" spans="8:8">
      <c r="H450746" s="12"/>
    </row>
    <row r="450747" spans="8:8">
      <c r="H450747" s="12"/>
    </row>
    <row r="450748" spans="8:8">
      <c r="H450748" s="12"/>
    </row>
    <row r="450749" spans="8:8">
      <c r="H450749" s="12"/>
    </row>
    <row r="450750" spans="8:8">
      <c r="H450750" s="12"/>
    </row>
    <row r="450751" spans="8:8">
      <c r="H450751" s="12"/>
    </row>
    <row r="450752" spans="8:8">
      <c r="H450752" s="12"/>
    </row>
    <row r="450753" spans="8:8">
      <c r="H450753" s="12"/>
    </row>
    <row r="450754" spans="8:8">
      <c r="H450754" s="12"/>
    </row>
    <row r="450755" spans="8:8">
      <c r="H450755" s="12"/>
    </row>
    <row r="450756" spans="8:8">
      <c r="H450756" s="12"/>
    </row>
    <row r="450757" spans="8:8">
      <c r="H450757" s="12"/>
    </row>
    <row r="450758" spans="8:8">
      <c r="H450758" s="12"/>
    </row>
    <row r="450759" spans="8:8">
      <c r="H450759" s="12"/>
    </row>
    <row r="450760" spans="8:8">
      <c r="H450760" s="12"/>
    </row>
    <row r="450761" spans="8:8">
      <c r="H450761" s="12"/>
    </row>
    <row r="450762" spans="8:8">
      <c r="H450762" s="12"/>
    </row>
    <row r="450763" spans="8:8">
      <c r="H450763" s="12"/>
    </row>
    <row r="450764" spans="8:8">
      <c r="H450764" s="12"/>
    </row>
    <row r="450765" spans="8:8">
      <c r="H450765" s="12"/>
    </row>
    <row r="450766" spans="8:8">
      <c r="H450766" s="12"/>
    </row>
    <row r="450767" spans="8:8">
      <c r="H450767" s="12"/>
    </row>
    <row r="450768" spans="8:8">
      <c r="H450768" s="12"/>
    </row>
    <row r="450769" spans="8:8">
      <c r="H450769" s="12"/>
    </row>
    <row r="450770" spans="8:8">
      <c r="H450770" s="12"/>
    </row>
    <row r="450771" spans="8:8">
      <c r="H450771" s="12"/>
    </row>
    <row r="450772" spans="8:8">
      <c r="H450772" s="12"/>
    </row>
    <row r="450773" spans="8:8">
      <c r="H450773" s="12"/>
    </row>
    <row r="450774" spans="8:8">
      <c r="H450774" s="12"/>
    </row>
    <row r="450775" spans="8:8">
      <c r="H450775" s="12"/>
    </row>
    <row r="450776" spans="8:8">
      <c r="H450776" s="12"/>
    </row>
    <row r="450777" spans="8:8">
      <c r="H450777" s="12"/>
    </row>
    <row r="450778" spans="8:8">
      <c r="H450778" s="12"/>
    </row>
    <row r="450779" spans="8:8">
      <c r="H450779" s="12"/>
    </row>
    <row r="450780" spans="8:8">
      <c r="H450780" s="12"/>
    </row>
    <row r="450781" spans="8:8">
      <c r="H450781" s="12"/>
    </row>
    <row r="450782" spans="8:8">
      <c r="H450782" s="12"/>
    </row>
    <row r="450783" spans="8:8">
      <c r="H450783" s="12"/>
    </row>
    <row r="450784" spans="8:8">
      <c r="H450784" s="12"/>
    </row>
    <row r="450785" spans="8:8">
      <c r="H450785" s="12"/>
    </row>
    <row r="450786" spans="8:8">
      <c r="H450786" s="12"/>
    </row>
    <row r="450787" spans="8:8">
      <c r="H450787" s="12"/>
    </row>
    <row r="450788" spans="8:8">
      <c r="H450788" s="12"/>
    </row>
    <row r="450789" spans="8:8">
      <c r="H450789" s="12"/>
    </row>
    <row r="450790" spans="8:8">
      <c r="H450790" s="12"/>
    </row>
    <row r="450791" spans="8:8">
      <c r="H450791" s="12"/>
    </row>
    <row r="450792" spans="8:8">
      <c r="H450792" s="12"/>
    </row>
    <row r="450793" spans="8:8">
      <c r="H450793" s="12"/>
    </row>
    <row r="450794" spans="8:8">
      <c r="H450794" s="12"/>
    </row>
    <row r="450795" spans="8:8">
      <c r="H450795" s="12"/>
    </row>
    <row r="450796" spans="8:8">
      <c r="H450796" s="12"/>
    </row>
    <row r="450797" spans="8:8">
      <c r="H450797" s="12"/>
    </row>
    <row r="450798" spans="8:8">
      <c r="H450798" s="12"/>
    </row>
    <row r="450799" spans="8:8">
      <c r="H450799" s="12"/>
    </row>
    <row r="450800" spans="8:8">
      <c r="H450800" s="12"/>
    </row>
    <row r="450801" spans="8:8">
      <c r="H450801" s="12"/>
    </row>
    <row r="450802" spans="8:8">
      <c r="H450802" s="12"/>
    </row>
    <row r="450803" spans="8:8">
      <c r="H450803" s="12"/>
    </row>
    <row r="450804" spans="8:8">
      <c r="H450804" s="12"/>
    </row>
    <row r="450805" spans="8:8">
      <c r="H450805" s="12"/>
    </row>
    <row r="450806" spans="8:8">
      <c r="H450806" s="12"/>
    </row>
    <row r="450807" spans="8:8">
      <c r="H450807" s="12"/>
    </row>
    <row r="450808" spans="8:8">
      <c r="H450808" s="12"/>
    </row>
    <row r="450809" spans="8:8">
      <c r="H450809" s="12"/>
    </row>
    <row r="450810" spans="8:8">
      <c r="H450810" s="12"/>
    </row>
    <row r="450811" spans="8:8">
      <c r="H450811" s="12"/>
    </row>
    <row r="450812" spans="8:8">
      <c r="H450812" s="12"/>
    </row>
    <row r="450813" spans="8:8">
      <c r="H450813" s="12"/>
    </row>
    <row r="450814" spans="8:8">
      <c r="H450814" s="12"/>
    </row>
    <row r="450815" spans="8:8">
      <c r="H450815" s="12"/>
    </row>
    <row r="450816" spans="8:8">
      <c r="H450816" s="12"/>
    </row>
    <row r="450817" spans="8:8">
      <c r="H450817" s="12"/>
    </row>
    <row r="450818" spans="8:8">
      <c r="H450818" s="12"/>
    </row>
    <row r="450819" spans="8:8">
      <c r="H450819" s="12"/>
    </row>
    <row r="450820" spans="8:8">
      <c r="H450820" s="12"/>
    </row>
    <row r="450821" spans="8:8">
      <c r="H450821" s="12"/>
    </row>
    <row r="450822" spans="8:8">
      <c r="H450822" s="12"/>
    </row>
    <row r="450823" spans="8:8">
      <c r="H450823" s="12"/>
    </row>
    <row r="450824" spans="8:8">
      <c r="H450824" s="12"/>
    </row>
    <row r="450825" spans="8:8">
      <c r="H450825" s="12"/>
    </row>
    <row r="450826" spans="8:8">
      <c r="H450826" s="12"/>
    </row>
    <row r="450827" spans="8:8">
      <c r="H450827" s="12"/>
    </row>
    <row r="450828" spans="8:8">
      <c r="H450828" s="12"/>
    </row>
    <row r="450829" spans="8:8">
      <c r="H450829" s="12"/>
    </row>
    <row r="450830" spans="8:8">
      <c r="H450830" s="12"/>
    </row>
    <row r="450831" spans="8:8">
      <c r="H450831" s="12"/>
    </row>
    <row r="450832" spans="8:8">
      <c r="H450832" s="12"/>
    </row>
    <row r="450833" spans="8:8">
      <c r="H450833" s="12"/>
    </row>
    <row r="450834" spans="8:8">
      <c r="H450834" s="12"/>
    </row>
    <row r="450835" spans="8:8">
      <c r="H450835" s="12"/>
    </row>
    <row r="450836" spans="8:8">
      <c r="H450836" s="12"/>
    </row>
    <row r="450837" spans="8:8">
      <c r="H450837" s="12"/>
    </row>
    <row r="450838" spans="8:8">
      <c r="H450838" s="12"/>
    </row>
    <row r="450839" spans="8:8">
      <c r="H450839" s="12"/>
    </row>
    <row r="450840" spans="8:8">
      <c r="H450840" s="12"/>
    </row>
    <row r="450841" spans="8:8">
      <c r="H450841" s="12"/>
    </row>
    <row r="450842" spans="8:8">
      <c r="H450842" s="12"/>
    </row>
    <row r="450843" spans="8:8">
      <c r="H450843" s="12"/>
    </row>
    <row r="450844" spans="8:8">
      <c r="H450844" s="12"/>
    </row>
    <row r="450845" spans="8:8">
      <c r="H450845" s="12"/>
    </row>
    <row r="450846" spans="8:8">
      <c r="H450846" s="12"/>
    </row>
    <row r="450847" spans="8:8">
      <c r="H450847" s="12"/>
    </row>
    <row r="450848" spans="8:8">
      <c r="H450848" s="12"/>
    </row>
    <row r="450849" spans="8:8">
      <c r="H450849" s="12"/>
    </row>
    <row r="450850" spans="8:8">
      <c r="H450850" s="12"/>
    </row>
    <row r="450851" spans="8:8">
      <c r="H450851" s="12"/>
    </row>
    <row r="450852" spans="8:8">
      <c r="H450852" s="12"/>
    </row>
    <row r="450853" spans="8:8">
      <c r="H450853" s="12"/>
    </row>
    <row r="450854" spans="8:8">
      <c r="H450854" s="12"/>
    </row>
    <row r="450855" spans="8:8">
      <c r="H450855" s="12"/>
    </row>
    <row r="450856" spans="8:8">
      <c r="H450856" s="12"/>
    </row>
    <row r="450857" spans="8:8">
      <c r="H450857" s="12"/>
    </row>
    <row r="450858" spans="8:8">
      <c r="H450858" s="12"/>
    </row>
    <row r="450859" spans="8:8">
      <c r="H450859" s="12"/>
    </row>
    <row r="450860" spans="8:8">
      <c r="H450860" s="12"/>
    </row>
    <row r="450861" spans="8:8">
      <c r="H450861" s="12"/>
    </row>
    <row r="450862" spans="8:8">
      <c r="H450862" s="12"/>
    </row>
    <row r="450863" spans="8:8">
      <c r="H450863" s="12"/>
    </row>
    <row r="450864" spans="8:8">
      <c r="H450864" s="12"/>
    </row>
    <row r="450865" spans="8:8">
      <c r="H450865" s="12"/>
    </row>
    <row r="450866" spans="8:8">
      <c r="H450866" s="12"/>
    </row>
    <row r="450867" spans="8:8">
      <c r="H450867" s="12"/>
    </row>
    <row r="450868" spans="8:8">
      <c r="H450868" s="12"/>
    </row>
    <row r="450869" spans="8:8">
      <c r="H450869" s="12"/>
    </row>
    <row r="450870" spans="8:8">
      <c r="H450870" s="12"/>
    </row>
    <row r="450871" spans="8:8">
      <c r="H450871" s="12"/>
    </row>
    <row r="450872" spans="8:8">
      <c r="H450872" s="12"/>
    </row>
    <row r="450873" spans="8:8">
      <c r="H450873" s="12"/>
    </row>
    <row r="450874" spans="8:8">
      <c r="H450874" s="12"/>
    </row>
    <row r="450875" spans="8:8">
      <c r="H450875" s="12"/>
    </row>
    <row r="450876" spans="8:8">
      <c r="H450876" s="12"/>
    </row>
    <row r="450877" spans="8:8">
      <c r="H450877" s="12"/>
    </row>
    <row r="450878" spans="8:8">
      <c r="H450878" s="12"/>
    </row>
    <row r="450879" spans="8:8">
      <c r="H450879" s="12"/>
    </row>
    <row r="450880" spans="8:8">
      <c r="H450880" s="12"/>
    </row>
    <row r="450881" spans="8:8">
      <c r="H450881" s="12"/>
    </row>
    <row r="450882" spans="8:8">
      <c r="H450882" s="12"/>
    </row>
    <row r="450883" spans="8:8">
      <c r="H450883" s="12"/>
    </row>
    <row r="450884" spans="8:8">
      <c r="H450884" s="12"/>
    </row>
    <row r="450885" spans="8:8">
      <c r="H450885" s="12"/>
    </row>
    <row r="450886" spans="8:8">
      <c r="H450886" s="12"/>
    </row>
    <row r="450887" spans="8:8">
      <c r="H450887" s="12"/>
    </row>
    <row r="450888" spans="8:8">
      <c r="H450888" s="12"/>
    </row>
    <row r="450889" spans="8:8">
      <c r="H450889" s="12"/>
    </row>
    <row r="450890" spans="8:8">
      <c r="H450890" s="12"/>
    </row>
    <row r="450891" spans="8:8">
      <c r="H450891" s="12"/>
    </row>
    <row r="450892" spans="8:8">
      <c r="H450892" s="12"/>
    </row>
    <row r="450893" spans="8:8">
      <c r="H450893" s="12"/>
    </row>
    <row r="450894" spans="8:8">
      <c r="H450894" s="12"/>
    </row>
    <row r="450895" spans="8:8">
      <c r="H450895" s="12"/>
    </row>
    <row r="450896" spans="8:8">
      <c r="H450896" s="12"/>
    </row>
    <row r="450897" spans="8:8">
      <c r="H450897" s="12"/>
    </row>
    <row r="450898" spans="8:8">
      <c r="H450898" s="12"/>
    </row>
    <row r="450899" spans="8:8">
      <c r="H450899" s="12"/>
    </row>
    <row r="450900" spans="8:8">
      <c r="H450900" s="12"/>
    </row>
    <row r="450901" spans="8:8">
      <c r="H450901" s="12"/>
    </row>
    <row r="450902" spans="8:8">
      <c r="H450902" s="12"/>
    </row>
    <row r="450903" spans="8:8">
      <c r="H450903" s="12"/>
    </row>
    <row r="450904" spans="8:8">
      <c r="H450904" s="12"/>
    </row>
    <row r="450905" spans="8:8">
      <c r="H450905" s="12"/>
    </row>
    <row r="450906" spans="8:8">
      <c r="H450906" s="12"/>
    </row>
    <row r="450907" spans="8:8">
      <c r="H450907" s="12"/>
    </row>
    <row r="450908" spans="8:8">
      <c r="H450908" s="12"/>
    </row>
    <row r="450909" spans="8:8">
      <c r="H450909" s="12"/>
    </row>
    <row r="450910" spans="8:8">
      <c r="H450910" s="12"/>
    </row>
    <row r="450911" spans="8:8">
      <c r="H450911" s="12"/>
    </row>
    <row r="450912" spans="8:8">
      <c r="H450912" s="12"/>
    </row>
    <row r="450913" spans="8:8">
      <c r="H450913" s="12"/>
    </row>
    <row r="450914" spans="8:8">
      <c r="H450914" s="12"/>
    </row>
    <row r="450915" spans="8:8">
      <c r="H450915" s="12"/>
    </row>
    <row r="450916" spans="8:8">
      <c r="H450916" s="12"/>
    </row>
    <row r="450917" spans="8:8">
      <c r="H450917" s="12"/>
    </row>
    <row r="450918" spans="8:8">
      <c r="H450918" s="12"/>
    </row>
    <row r="450919" spans="8:8">
      <c r="H450919" s="12"/>
    </row>
    <row r="450920" spans="8:8">
      <c r="H450920" s="12"/>
    </row>
    <row r="450921" spans="8:8">
      <c r="H450921" s="12"/>
    </row>
    <row r="450922" spans="8:8">
      <c r="H450922" s="12"/>
    </row>
    <row r="450923" spans="8:8">
      <c r="H450923" s="12"/>
    </row>
    <row r="450924" spans="8:8">
      <c r="H450924" s="12"/>
    </row>
    <row r="450925" spans="8:8">
      <c r="H450925" s="12"/>
    </row>
    <row r="450926" spans="8:8">
      <c r="H450926" s="12"/>
    </row>
    <row r="450927" spans="8:8">
      <c r="H450927" s="12"/>
    </row>
    <row r="450928" spans="8:8">
      <c r="H450928" s="12"/>
    </row>
    <row r="450929" spans="8:8">
      <c r="H450929" s="12"/>
    </row>
    <row r="450930" spans="8:8">
      <c r="H450930" s="12"/>
    </row>
    <row r="450931" spans="8:8">
      <c r="H450931" s="12"/>
    </row>
    <row r="450932" spans="8:8">
      <c r="H450932" s="12"/>
    </row>
    <row r="450933" spans="8:8">
      <c r="H450933" s="12"/>
    </row>
    <row r="450934" spans="8:8">
      <c r="H450934" s="12"/>
    </row>
    <row r="450935" spans="8:8">
      <c r="H450935" s="12"/>
    </row>
    <row r="450936" spans="8:8">
      <c r="H450936" s="12"/>
    </row>
    <row r="450937" spans="8:8">
      <c r="H450937" s="12"/>
    </row>
    <row r="450938" spans="8:8">
      <c r="H450938" s="12"/>
    </row>
    <row r="450939" spans="8:8">
      <c r="H450939" s="12"/>
    </row>
    <row r="450940" spans="8:8">
      <c r="H450940" s="12"/>
    </row>
    <row r="450941" spans="8:8">
      <c r="H450941" s="12"/>
    </row>
    <row r="450942" spans="8:8">
      <c r="H450942" s="12"/>
    </row>
    <row r="450943" spans="8:8">
      <c r="H450943" s="12"/>
    </row>
    <row r="450944" spans="8:8">
      <c r="H450944" s="12"/>
    </row>
    <row r="450945" spans="8:8">
      <c r="H450945" s="12"/>
    </row>
    <row r="450946" spans="8:8">
      <c r="H450946" s="12"/>
    </row>
    <row r="450947" spans="8:8">
      <c r="H450947" s="12"/>
    </row>
    <row r="450948" spans="8:8">
      <c r="H450948" s="12"/>
    </row>
    <row r="450949" spans="8:8">
      <c r="H450949" s="12"/>
    </row>
    <row r="450950" spans="8:8">
      <c r="H450950" s="12"/>
    </row>
    <row r="450951" spans="8:8">
      <c r="H450951" s="12"/>
    </row>
    <row r="450952" spans="8:8">
      <c r="H450952" s="12"/>
    </row>
    <row r="450953" spans="8:8">
      <c r="H450953" s="12"/>
    </row>
    <row r="450954" spans="8:8">
      <c r="H450954" s="12"/>
    </row>
    <row r="450955" spans="8:8">
      <c r="H450955" s="12"/>
    </row>
    <row r="450956" spans="8:8">
      <c r="H450956" s="12"/>
    </row>
    <row r="450957" spans="8:8">
      <c r="H450957" s="12"/>
    </row>
    <row r="450958" spans="8:8">
      <c r="H450958" s="12"/>
    </row>
    <row r="450959" spans="8:8">
      <c r="H450959" s="12"/>
    </row>
    <row r="450960" spans="8:8">
      <c r="H450960" s="12"/>
    </row>
    <row r="450961" spans="8:8">
      <c r="H450961" s="12"/>
    </row>
    <row r="450962" spans="8:8">
      <c r="H450962" s="12"/>
    </row>
    <row r="450963" spans="8:8">
      <c r="H450963" s="12"/>
    </row>
    <row r="450964" spans="8:8">
      <c r="H450964" s="12"/>
    </row>
    <row r="450965" spans="8:8">
      <c r="H450965" s="12"/>
    </row>
    <row r="450966" spans="8:8">
      <c r="H450966" s="12"/>
    </row>
    <row r="450967" spans="8:8">
      <c r="H450967" s="12"/>
    </row>
    <row r="450968" spans="8:8">
      <c r="H450968" s="12"/>
    </row>
    <row r="450969" spans="8:8">
      <c r="H450969" s="12"/>
    </row>
    <row r="450970" spans="8:8">
      <c r="H450970" s="12"/>
    </row>
    <row r="450971" spans="8:8">
      <c r="H450971" s="12"/>
    </row>
    <row r="450972" spans="8:8">
      <c r="H450972" s="12"/>
    </row>
    <row r="450973" spans="8:8">
      <c r="H450973" s="12"/>
    </row>
    <row r="450974" spans="8:8">
      <c r="H450974" s="12"/>
    </row>
    <row r="450975" spans="8:8">
      <c r="H450975" s="12"/>
    </row>
    <row r="450976" spans="8:8">
      <c r="H450976" s="12"/>
    </row>
    <row r="450977" spans="8:8">
      <c r="H450977" s="12"/>
    </row>
    <row r="450978" spans="8:8">
      <c r="H450978" s="12"/>
    </row>
    <row r="450979" spans="8:8">
      <c r="H450979" s="12"/>
    </row>
    <row r="450980" spans="8:8">
      <c r="H450980" s="12"/>
    </row>
    <row r="450981" spans="8:8">
      <c r="H450981" s="12"/>
    </row>
    <row r="450982" spans="8:8">
      <c r="H450982" s="12"/>
    </row>
    <row r="450983" spans="8:8">
      <c r="H450983" s="12"/>
    </row>
    <row r="450984" spans="8:8">
      <c r="H450984" s="12"/>
    </row>
    <row r="450985" spans="8:8">
      <c r="H450985" s="12"/>
    </row>
    <row r="450986" spans="8:8">
      <c r="H450986" s="12"/>
    </row>
    <row r="450987" spans="8:8">
      <c r="H450987" s="12"/>
    </row>
    <row r="450988" spans="8:8">
      <c r="H450988" s="12"/>
    </row>
    <row r="450989" spans="8:8">
      <c r="H450989" s="12"/>
    </row>
    <row r="450990" spans="8:8">
      <c r="H450990" s="12"/>
    </row>
    <row r="450991" spans="8:8">
      <c r="H450991" s="12"/>
    </row>
    <row r="450992" spans="8:8">
      <c r="H450992" s="12"/>
    </row>
    <row r="450993" spans="8:8">
      <c r="H450993" s="12"/>
    </row>
    <row r="450994" spans="8:8">
      <c r="H450994" s="12"/>
    </row>
    <row r="450995" spans="8:8">
      <c r="H450995" s="12"/>
    </row>
    <row r="450996" spans="8:8">
      <c r="H450996" s="12"/>
    </row>
    <row r="450997" spans="8:8">
      <c r="H450997" s="12"/>
    </row>
    <row r="450998" spans="8:8">
      <c r="H450998" s="12"/>
    </row>
    <row r="450999" spans="8:8">
      <c r="H450999" s="12"/>
    </row>
    <row r="451000" spans="8:8">
      <c r="H451000" s="12"/>
    </row>
    <row r="451001" spans="8:8">
      <c r="H451001" s="12"/>
    </row>
    <row r="451002" spans="8:8">
      <c r="H451002" s="12"/>
    </row>
    <row r="451003" spans="8:8">
      <c r="H451003" s="12"/>
    </row>
    <row r="451004" spans="8:8">
      <c r="H451004" s="12"/>
    </row>
    <row r="451005" spans="8:8">
      <c r="H451005" s="12"/>
    </row>
    <row r="451006" spans="8:8">
      <c r="H451006" s="12"/>
    </row>
    <row r="451007" spans="8:8">
      <c r="H451007" s="12"/>
    </row>
    <row r="451008" spans="8:8">
      <c r="H451008" s="12"/>
    </row>
    <row r="451009" spans="8:8">
      <c r="H451009" s="12"/>
    </row>
    <row r="451010" spans="8:8">
      <c r="H451010" s="12"/>
    </row>
    <row r="451011" spans="8:8">
      <c r="H451011" s="12"/>
    </row>
    <row r="451012" spans="8:8">
      <c r="H451012" s="12"/>
    </row>
    <row r="451013" spans="8:8">
      <c r="H451013" s="12"/>
    </row>
    <row r="451014" spans="8:8">
      <c r="H451014" s="12"/>
    </row>
    <row r="451015" spans="8:8">
      <c r="H451015" s="12"/>
    </row>
    <row r="451016" spans="8:8">
      <c r="H451016" s="12"/>
    </row>
    <row r="451017" spans="8:8">
      <c r="H451017" s="12"/>
    </row>
    <row r="451018" spans="8:8">
      <c r="H451018" s="12"/>
    </row>
    <row r="451019" spans="8:8">
      <c r="H451019" s="12"/>
    </row>
    <row r="451020" spans="8:8">
      <c r="H451020" s="12"/>
    </row>
    <row r="451021" spans="8:8">
      <c r="H451021" s="12"/>
    </row>
    <row r="451022" spans="8:8">
      <c r="H451022" s="12"/>
    </row>
    <row r="451023" spans="8:8">
      <c r="H451023" s="12"/>
    </row>
    <row r="451024" spans="8:8">
      <c r="H451024" s="12"/>
    </row>
    <row r="451025" spans="8:8">
      <c r="H451025" s="12"/>
    </row>
    <row r="451026" spans="8:8">
      <c r="H451026" s="12"/>
    </row>
    <row r="451027" spans="8:8">
      <c r="H451027" s="12"/>
    </row>
    <row r="451028" spans="8:8">
      <c r="H451028" s="12"/>
    </row>
    <row r="451029" spans="8:8">
      <c r="H451029" s="12"/>
    </row>
    <row r="451030" spans="8:8">
      <c r="H451030" s="12"/>
    </row>
    <row r="451031" spans="8:8">
      <c r="H451031" s="12"/>
    </row>
    <row r="451032" spans="8:8">
      <c r="H451032" s="12"/>
    </row>
    <row r="451033" spans="8:8">
      <c r="H451033" s="12"/>
    </row>
    <row r="451034" spans="8:8">
      <c r="H451034" s="12"/>
    </row>
    <row r="451035" spans="8:8">
      <c r="H451035" s="12"/>
    </row>
    <row r="451036" spans="8:8">
      <c r="H451036" s="12"/>
    </row>
    <row r="451037" spans="8:8">
      <c r="H451037" s="12"/>
    </row>
    <row r="451038" spans="8:8">
      <c r="H451038" s="12"/>
    </row>
    <row r="451039" spans="8:8">
      <c r="H451039" s="12"/>
    </row>
    <row r="451040" spans="8:8">
      <c r="H451040" s="12"/>
    </row>
    <row r="451041" spans="8:8">
      <c r="H451041" s="12"/>
    </row>
    <row r="451042" spans="8:8">
      <c r="H451042" s="12"/>
    </row>
    <row r="451043" spans="8:8">
      <c r="H451043" s="12"/>
    </row>
    <row r="451044" spans="8:8">
      <c r="H451044" s="12"/>
    </row>
    <row r="451045" spans="8:8">
      <c r="H451045" s="12"/>
    </row>
    <row r="451046" spans="8:8">
      <c r="H451046" s="12"/>
    </row>
    <row r="451047" spans="8:8">
      <c r="H451047" s="12"/>
    </row>
    <row r="451048" spans="8:8">
      <c r="H451048" s="12"/>
    </row>
    <row r="451049" spans="8:8">
      <c r="H451049" s="12"/>
    </row>
    <row r="451050" spans="8:8">
      <c r="H451050" s="12"/>
    </row>
    <row r="451051" spans="8:8">
      <c r="H451051" s="12"/>
    </row>
    <row r="451052" spans="8:8">
      <c r="H451052" s="12"/>
    </row>
    <row r="451053" spans="8:8">
      <c r="H451053" s="12"/>
    </row>
    <row r="451054" spans="8:8">
      <c r="H451054" s="12"/>
    </row>
    <row r="451055" spans="8:8">
      <c r="H451055" s="12"/>
    </row>
    <row r="451056" spans="8:8">
      <c r="H451056" s="12"/>
    </row>
    <row r="451057" spans="8:8">
      <c r="H451057" s="12"/>
    </row>
    <row r="451058" spans="8:8">
      <c r="H451058" s="12"/>
    </row>
    <row r="451059" spans="8:8">
      <c r="H451059" s="12"/>
    </row>
    <row r="451060" spans="8:8">
      <c r="H451060" s="12"/>
    </row>
    <row r="451061" spans="8:8">
      <c r="H451061" s="12"/>
    </row>
    <row r="451062" spans="8:8">
      <c r="H451062" s="12"/>
    </row>
    <row r="451063" spans="8:8">
      <c r="H451063" s="12"/>
    </row>
    <row r="451064" spans="8:8">
      <c r="H451064" s="12"/>
    </row>
    <row r="451065" spans="8:8">
      <c r="H451065" s="12"/>
    </row>
    <row r="451066" spans="8:8">
      <c r="H451066" s="12"/>
    </row>
    <row r="451067" spans="8:8">
      <c r="H451067" s="12"/>
    </row>
    <row r="451068" spans="8:8">
      <c r="H451068" s="12"/>
    </row>
    <row r="451069" spans="8:8">
      <c r="H451069" s="12"/>
    </row>
    <row r="451070" spans="8:8">
      <c r="H451070" s="12"/>
    </row>
    <row r="451071" spans="8:8">
      <c r="H451071" s="12"/>
    </row>
    <row r="451072" spans="8:8">
      <c r="H451072" s="12"/>
    </row>
    <row r="451073" spans="8:8">
      <c r="H451073" s="12"/>
    </row>
    <row r="451074" spans="8:8">
      <c r="H451074" s="12"/>
    </row>
    <row r="451075" spans="8:8">
      <c r="H451075" s="12"/>
    </row>
    <row r="451076" spans="8:8">
      <c r="H451076" s="12"/>
    </row>
    <row r="451077" spans="8:8">
      <c r="H451077" s="12"/>
    </row>
    <row r="451078" spans="8:8">
      <c r="H451078" s="12"/>
    </row>
    <row r="451079" spans="8:8">
      <c r="H451079" s="12"/>
    </row>
    <row r="451080" spans="8:8">
      <c r="H451080" s="12"/>
    </row>
    <row r="451081" spans="8:8">
      <c r="H451081" s="12"/>
    </row>
    <row r="451082" spans="8:8">
      <c r="H451082" s="12"/>
    </row>
    <row r="451083" spans="8:8">
      <c r="H451083" s="12"/>
    </row>
    <row r="451084" spans="8:8">
      <c r="H451084" s="12"/>
    </row>
    <row r="451085" spans="8:8">
      <c r="H451085" s="12"/>
    </row>
    <row r="451086" spans="8:8">
      <c r="H451086" s="12"/>
    </row>
    <row r="451087" spans="8:8">
      <c r="H451087" s="12"/>
    </row>
    <row r="451088" spans="8:8">
      <c r="H451088" s="12"/>
    </row>
    <row r="451089" spans="8:8">
      <c r="H451089" s="12"/>
    </row>
    <row r="451090" spans="8:8">
      <c r="H451090" s="12"/>
    </row>
    <row r="451091" spans="8:8">
      <c r="H451091" s="12"/>
    </row>
    <row r="451092" spans="8:8">
      <c r="H451092" s="12"/>
    </row>
    <row r="451093" spans="8:8">
      <c r="H451093" s="12"/>
    </row>
    <row r="451094" spans="8:8">
      <c r="H451094" s="12"/>
    </row>
    <row r="451095" spans="8:8">
      <c r="H451095" s="12"/>
    </row>
    <row r="451096" spans="8:8">
      <c r="H451096" s="12"/>
    </row>
    <row r="451097" spans="8:8">
      <c r="H451097" s="12"/>
    </row>
    <row r="451098" spans="8:8">
      <c r="H451098" s="12"/>
    </row>
    <row r="451099" spans="8:8">
      <c r="H451099" s="12"/>
    </row>
    <row r="451100" spans="8:8">
      <c r="H451100" s="12"/>
    </row>
    <row r="451101" spans="8:8">
      <c r="H451101" s="12"/>
    </row>
    <row r="451102" spans="8:8">
      <c r="H451102" s="12"/>
    </row>
    <row r="451103" spans="8:8">
      <c r="H451103" s="12"/>
    </row>
    <row r="451104" spans="8:8">
      <c r="H451104" s="12"/>
    </row>
    <row r="451105" spans="8:8">
      <c r="H451105" s="12"/>
    </row>
    <row r="451106" spans="8:8">
      <c r="H451106" s="12"/>
    </row>
    <row r="451107" spans="8:8">
      <c r="H451107" s="12"/>
    </row>
    <row r="451108" spans="8:8">
      <c r="H451108" s="12"/>
    </row>
    <row r="451109" spans="8:8">
      <c r="H451109" s="12"/>
    </row>
    <row r="451110" spans="8:8">
      <c r="H451110" s="12"/>
    </row>
    <row r="451111" spans="8:8">
      <c r="H451111" s="12"/>
    </row>
    <row r="451112" spans="8:8">
      <c r="H451112" s="12"/>
    </row>
    <row r="451113" spans="8:8">
      <c r="H451113" s="12"/>
    </row>
    <row r="451114" spans="8:8">
      <c r="H451114" s="12"/>
    </row>
    <row r="451115" spans="8:8">
      <c r="H451115" s="12"/>
    </row>
    <row r="451116" spans="8:8">
      <c r="H451116" s="12"/>
    </row>
    <row r="451117" spans="8:8">
      <c r="H451117" s="12"/>
    </row>
    <row r="451118" spans="8:8">
      <c r="H451118" s="12"/>
    </row>
    <row r="451119" spans="8:8">
      <c r="H451119" s="12"/>
    </row>
    <row r="451120" spans="8:8">
      <c r="H451120" s="12"/>
    </row>
    <row r="451121" spans="8:8">
      <c r="H451121" s="12"/>
    </row>
    <row r="451122" spans="8:8">
      <c r="H451122" s="12"/>
    </row>
    <row r="451123" spans="8:8">
      <c r="H451123" s="12"/>
    </row>
    <row r="451124" spans="8:8">
      <c r="H451124" s="12"/>
    </row>
    <row r="451125" spans="8:8">
      <c r="H451125" s="12"/>
    </row>
    <row r="451126" spans="8:8">
      <c r="H451126" s="12"/>
    </row>
    <row r="451127" spans="8:8">
      <c r="H451127" s="12"/>
    </row>
    <row r="451128" spans="8:8">
      <c r="H451128" s="12"/>
    </row>
    <row r="451129" spans="8:8">
      <c r="H451129" s="12"/>
    </row>
    <row r="451130" spans="8:8">
      <c r="H451130" s="12"/>
    </row>
    <row r="451131" spans="8:8">
      <c r="H451131" s="12"/>
    </row>
    <row r="451132" spans="8:8">
      <c r="H451132" s="12"/>
    </row>
    <row r="451133" spans="8:8">
      <c r="H451133" s="12"/>
    </row>
    <row r="451134" spans="8:8">
      <c r="H451134" s="12"/>
    </row>
    <row r="451135" spans="8:8">
      <c r="H451135" s="12"/>
    </row>
    <row r="451136" spans="8:8">
      <c r="H451136" s="12"/>
    </row>
    <row r="451137" spans="8:8">
      <c r="H451137" s="12"/>
    </row>
    <row r="451138" spans="8:8">
      <c r="H451138" s="12"/>
    </row>
    <row r="451139" spans="8:8">
      <c r="H451139" s="12"/>
    </row>
    <row r="451140" spans="8:8">
      <c r="H451140" s="12"/>
    </row>
    <row r="451141" spans="8:8">
      <c r="H451141" s="12"/>
    </row>
    <row r="451142" spans="8:8">
      <c r="H451142" s="12"/>
    </row>
    <row r="451143" spans="8:8">
      <c r="H451143" s="12"/>
    </row>
    <row r="451144" spans="8:8">
      <c r="H451144" s="12"/>
    </row>
    <row r="451145" spans="8:8">
      <c r="H451145" s="12"/>
    </row>
    <row r="451146" spans="8:8">
      <c r="H451146" s="12"/>
    </row>
    <row r="451147" spans="8:8">
      <c r="H451147" s="12"/>
    </row>
    <row r="451148" spans="8:8">
      <c r="H451148" s="12"/>
    </row>
    <row r="451149" spans="8:8">
      <c r="H451149" s="12"/>
    </row>
    <row r="451150" spans="8:8">
      <c r="H451150" s="12"/>
    </row>
    <row r="451151" spans="8:8">
      <c r="H451151" s="12"/>
    </row>
    <row r="451152" spans="8:8">
      <c r="H451152" s="12"/>
    </row>
    <row r="451153" spans="8:8">
      <c r="H451153" s="12"/>
    </row>
    <row r="451154" spans="8:8">
      <c r="H451154" s="12"/>
    </row>
    <row r="451155" spans="8:8">
      <c r="H451155" s="12"/>
    </row>
    <row r="451156" spans="8:8">
      <c r="H451156" s="12"/>
    </row>
    <row r="451157" spans="8:8">
      <c r="H451157" s="12"/>
    </row>
    <row r="451158" spans="8:8">
      <c r="H451158" s="12"/>
    </row>
    <row r="451159" spans="8:8">
      <c r="H451159" s="12"/>
    </row>
    <row r="451160" spans="8:8">
      <c r="H451160" s="12"/>
    </row>
    <row r="451161" spans="8:8">
      <c r="H451161" s="12"/>
    </row>
    <row r="451162" spans="8:8">
      <c r="H451162" s="12"/>
    </row>
    <row r="451163" spans="8:8">
      <c r="H451163" s="12"/>
    </row>
    <row r="451164" spans="8:8">
      <c r="H451164" s="12"/>
    </row>
    <row r="451165" spans="8:8">
      <c r="H451165" s="12"/>
    </row>
    <row r="451166" spans="8:8">
      <c r="H451166" s="12"/>
    </row>
    <row r="451167" spans="8:8">
      <c r="H451167" s="12"/>
    </row>
    <row r="451168" spans="8:8">
      <c r="H451168" s="12"/>
    </row>
    <row r="451169" spans="8:8">
      <c r="H451169" s="12"/>
    </row>
    <row r="451170" spans="8:8">
      <c r="H451170" s="12"/>
    </row>
    <row r="451171" spans="8:8">
      <c r="H451171" s="12"/>
    </row>
    <row r="451172" spans="8:8">
      <c r="H451172" s="12"/>
    </row>
    <row r="451173" spans="8:8">
      <c r="H451173" s="12"/>
    </row>
    <row r="451174" spans="8:8">
      <c r="H451174" s="12"/>
    </row>
    <row r="451175" spans="8:8">
      <c r="H451175" s="12"/>
    </row>
    <row r="451176" spans="8:8">
      <c r="H451176" s="12"/>
    </row>
    <row r="451177" spans="8:8">
      <c r="H451177" s="12"/>
    </row>
    <row r="451178" spans="8:8">
      <c r="H451178" s="12"/>
    </row>
    <row r="451179" spans="8:8">
      <c r="H451179" s="12"/>
    </row>
    <row r="451180" spans="8:8">
      <c r="H451180" s="12"/>
    </row>
    <row r="451181" spans="8:8">
      <c r="H451181" s="12"/>
    </row>
    <row r="451182" spans="8:8">
      <c r="H451182" s="12"/>
    </row>
    <row r="451183" spans="8:8">
      <c r="H451183" s="12"/>
    </row>
    <row r="451184" spans="8:8">
      <c r="H451184" s="12"/>
    </row>
    <row r="451185" spans="8:8">
      <c r="H451185" s="12"/>
    </row>
    <row r="451186" spans="8:8">
      <c r="H451186" s="12"/>
    </row>
    <row r="451187" spans="8:8">
      <c r="H451187" s="12"/>
    </row>
    <row r="451188" spans="8:8">
      <c r="H451188" s="12"/>
    </row>
    <row r="451189" spans="8:8">
      <c r="H451189" s="12"/>
    </row>
    <row r="451190" spans="8:8">
      <c r="H451190" s="12"/>
    </row>
    <row r="451191" spans="8:8">
      <c r="H451191" s="12"/>
    </row>
    <row r="451192" spans="8:8">
      <c r="H451192" s="12"/>
    </row>
    <row r="451193" spans="8:8">
      <c r="H451193" s="12"/>
    </row>
    <row r="451194" spans="8:8">
      <c r="H451194" s="12"/>
    </row>
    <row r="451195" spans="8:8">
      <c r="H451195" s="12"/>
    </row>
    <row r="451196" spans="8:8">
      <c r="H451196" s="12"/>
    </row>
    <row r="451197" spans="8:8">
      <c r="H451197" s="12"/>
    </row>
    <row r="451198" spans="8:8">
      <c r="H451198" s="12"/>
    </row>
    <row r="451199" spans="8:8">
      <c r="H451199" s="12"/>
    </row>
    <row r="451200" spans="8:8">
      <c r="H451200" s="12"/>
    </row>
    <row r="451201" spans="8:8">
      <c r="H451201" s="12"/>
    </row>
    <row r="451202" spans="8:8">
      <c r="H451202" s="12"/>
    </row>
    <row r="451203" spans="8:8">
      <c r="H451203" s="12"/>
    </row>
    <row r="451204" spans="8:8">
      <c r="H451204" s="12"/>
    </row>
    <row r="451205" spans="8:8">
      <c r="H451205" s="12"/>
    </row>
    <row r="451206" spans="8:8">
      <c r="H451206" s="12"/>
    </row>
    <row r="451207" spans="8:8">
      <c r="H451207" s="12"/>
    </row>
    <row r="451208" spans="8:8">
      <c r="H451208" s="12"/>
    </row>
    <row r="451209" spans="8:8">
      <c r="H451209" s="12"/>
    </row>
    <row r="451210" spans="8:8">
      <c r="H451210" s="12"/>
    </row>
    <row r="451211" spans="8:8">
      <c r="H451211" s="12"/>
    </row>
    <row r="451212" spans="8:8">
      <c r="H451212" s="12"/>
    </row>
    <row r="451213" spans="8:8">
      <c r="H451213" s="12"/>
    </row>
    <row r="451214" spans="8:8">
      <c r="H451214" s="12"/>
    </row>
    <row r="451215" spans="8:8">
      <c r="H451215" s="12"/>
    </row>
    <row r="451216" spans="8:8">
      <c r="H451216" s="12"/>
    </row>
    <row r="451217" spans="8:8">
      <c r="H451217" s="12"/>
    </row>
    <row r="451218" spans="8:8">
      <c r="H451218" s="12"/>
    </row>
    <row r="451219" spans="8:8">
      <c r="H451219" s="12"/>
    </row>
    <row r="451220" spans="8:8">
      <c r="H451220" s="12"/>
    </row>
    <row r="451221" spans="8:8">
      <c r="H451221" s="12"/>
    </row>
    <row r="451222" spans="8:8">
      <c r="H451222" s="12"/>
    </row>
    <row r="451223" spans="8:8">
      <c r="H451223" s="12"/>
    </row>
    <row r="451224" spans="8:8">
      <c r="H451224" s="12"/>
    </row>
    <row r="451225" spans="8:8">
      <c r="H451225" s="12"/>
    </row>
    <row r="451226" spans="8:8">
      <c r="H451226" s="12"/>
    </row>
    <row r="451227" spans="8:8">
      <c r="H451227" s="12"/>
    </row>
    <row r="451228" spans="8:8">
      <c r="H451228" s="12"/>
    </row>
    <row r="451229" spans="8:8">
      <c r="H451229" s="12"/>
    </row>
    <row r="451230" spans="8:8">
      <c r="H451230" s="12"/>
    </row>
    <row r="451231" spans="8:8">
      <c r="H451231" s="12"/>
    </row>
    <row r="451232" spans="8:8">
      <c r="H451232" s="12"/>
    </row>
    <row r="451233" spans="8:8">
      <c r="H451233" s="12"/>
    </row>
    <row r="451234" spans="8:8">
      <c r="H451234" s="12"/>
    </row>
    <row r="451235" spans="8:8">
      <c r="H451235" s="12"/>
    </row>
    <row r="451236" spans="8:8">
      <c r="H451236" s="12"/>
    </row>
    <row r="451237" spans="8:8">
      <c r="H451237" s="12"/>
    </row>
    <row r="451238" spans="8:8">
      <c r="H451238" s="12"/>
    </row>
    <row r="451239" spans="8:8">
      <c r="H451239" s="12"/>
    </row>
    <row r="451240" spans="8:8">
      <c r="H451240" s="12"/>
    </row>
    <row r="451241" spans="8:8">
      <c r="H451241" s="12"/>
    </row>
    <row r="451242" spans="8:8">
      <c r="H451242" s="12"/>
    </row>
    <row r="451243" spans="8:8">
      <c r="H451243" s="12"/>
    </row>
    <row r="451244" spans="8:8">
      <c r="H451244" s="12"/>
    </row>
    <row r="451245" spans="8:8">
      <c r="H451245" s="12"/>
    </row>
    <row r="451246" spans="8:8">
      <c r="H451246" s="12"/>
    </row>
    <row r="451247" spans="8:8">
      <c r="H451247" s="12"/>
    </row>
    <row r="451248" spans="8:8">
      <c r="H451248" s="12"/>
    </row>
    <row r="451249" spans="8:8">
      <c r="H451249" s="12"/>
    </row>
    <row r="451250" spans="8:8">
      <c r="H451250" s="12"/>
    </row>
    <row r="451251" spans="8:8">
      <c r="H451251" s="12"/>
    </row>
    <row r="451252" spans="8:8">
      <c r="H451252" s="12"/>
    </row>
    <row r="451253" spans="8:8">
      <c r="H451253" s="12"/>
    </row>
    <row r="451254" spans="8:8">
      <c r="H451254" s="12"/>
    </row>
    <row r="451255" spans="8:8">
      <c r="H451255" s="12"/>
    </row>
    <row r="451256" spans="8:8">
      <c r="H451256" s="12"/>
    </row>
    <row r="451257" spans="8:8">
      <c r="H451257" s="12"/>
    </row>
    <row r="451258" spans="8:8">
      <c r="H451258" s="12"/>
    </row>
    <row r="451259" spans="8:8">
      <c r="H451259" s="12"/>
    </row>
    <row r="451260" spans="8:8">
      <c r="H451260" s="12"/>
    </row>
    <row r="451261" spans="8:8">
      <c r="H451261" s="12"/>
    </row>
    <row r="451262" spans="8:8">
      <c r="H451262" s="12"/>
    </row>
    <row r="451263" spans="8:8">
      <c r="H451263" s="12"/>
    </row>
    <row r="451264" spans="8:8">
      <c r="H451264" s="12"/>
    </row>
    <row r="451265" spans="8:8">
      <c r="H451265" s="12"/>
    </row>
    <row r="451266" spans="8:8">
      <c r="H451266" s="12"/>
    </row>
    <row r="451267" spans="8:8">
      <c r="H451267" s="12"/>
    </row>
    <row r="451268" spans="8:8">
      <c r="H451268" s="12"/>
    </row>
    <row r="451269" spans="8:8">
      <c r="H451269" s="12"/>
    </row>
    <row r="451270" spans="8:8">
      <c r="H451270" s="12"/>
    </row>
    <row r="451271" spans="8:8">
      <c r="H451271" s="12"/>
    </row>
    <row r="451272" spans="8:8">
      <c r="H451272" s="12"/>
    </row>
    <row r="451273" spans="8:8">
      <c r="H451273" s="12"/>
    </row>
    <row r="451274" spans="8:8">
      <c r="H451274" s="12"/>
    </row>
    <row r="451275" spans="8:8">
      <c r="H451275" s="12"/>
    </row>
    <row r="451276" spans="8:8">
      <c r="H451276" s="12"/>
    </row>
    <row r="451277" spans="8:8">
      <c r="H451277" s="12"/>
    </row>
    <row r="451278" spans="8:8">
      <c r="H451278" s="12"/>
    </row>
    <row r="451279" spans="8:8">
      <c r="H451279" s="12"/>
    </row>
    <row r="451280" spans="8:8">
      <c r="H451280" s="12"/>
    </row>
    <row r="451281" spans="8:8">
      <c r="H451281" s="12"/>
    </row>
    <row r="451282" spans="8:8">
      <c r="H451282" s="12"/>
    </row>
    <row r="451283" spans="8:8">
      <c r="H451283" s="12"/>
    </row>
    <row r="451284" spans="8:8">
      <c r="H451284" s="12"/>
    </row>
    <row r="451285" spans="8:8">
      <c r="H451285" s="12"/>
    </row>
    <row r="451286" spans="8:8">
      <c r="H451286" s="12"/>
    </row>
    <row r="451287" spans="8:8">
      <c r="H451287" s="12"/>
    </row>
    <row r="451288" spans="8:8">
      <c r="H451288" s="12"/>
    </row>
    <row r="451289" spans="8:8">
      <c r="H451289" s="12"/>
    </row>
    <row r="451290" spans="8:8">
      <c r="H451290" s="12"/>
    </row>
    <row r="451291" spans="8:8">
      <c r="H451291" s="12"/>
    </row>
    <row r="451292" spans="8:8">
      <c r="H451292" s="12"/>
    </row>
    <row r="451293" spans="8:8">
      <c r="H451293" s="12"/>
    </row>
    <row r="451294" spans="8:8">
      <c r="H451294" s="12"/>
    </row>
    <row r="451295" spans="8:8">
      <c r="H451295" s="12"/>
    </row>
    <row r="451296" spans="8:8">
      <c r="H451296" s="12"/>
    </row>
    <row r="451297" spans="8:8">
      <c r="H451297" s="12"/>
    </row>
    <row r="451298" spans="8:8">
      <c r="H451298" s="12"/>
    </row>
    <row r="451299" spans="8:8">
      <c r="H451299" s="12"/>
    </row>
    <row r="451300" spans="8:8">
      <c r="H451300" s="12"/>
    </row>
    <row r="451301" spans="8:8">
      <c r="H451301" s="12"/>
    </row>
    <row r="451302" spans="8:8">
      <c r="H451302" s="12"/>
    </row>
    <row r="451303" spans="8:8">
      <c r="H451303" s="12"/>
    </row>
    <row r="451304" spans="8:8">
      <c r="H451304" s="12"/>
    </row>
    <row r="451305" spans="8:8">
      <c r="H451305" s="12"/>
    </row>
    <row r="451306" spans="8:8">
      <c r="H451306" s="12"/>
    </row>
    <row r="451307" spans="8:8">
      <c r="H451307" s="12"/>
    </row>
    <row r="451308" spans="8:8">
      <c r="H451308" s="12"/>
    </row>
    <row r="451309" spans="8:8">
      <c r="H451309" s="12"/>
    </row>
    <row r="451310" spans="8:8">
      <c r="H451310" s="12"/>
    </row>
    <row r="451311" spans="8:8">
      <c r="H451311" s="12"/>
    </row>
    <row r="451312" spans="8:8">
      <c r="H451312" s="12"/>
    </row>
    <row r="451313" spans="8:8">
      <c r="H451313" s="12"/>
    </row>
    <row r="451314" spans="8:8">
      <c r="H451314" s="12"/>
    </row>
    <row r="451315" spans="8:8">
      <c r="H451315" s="12"/>
    </row>
    <row r="451316" spans="8:8">
      <c r="H451316" s="12"/>
    </row>
    <row r="451317" spans="8:8">
      <c r="H451317" s="12"/>
    </row>
    <row r="451318" spans="8:8">
      <c r="H451318" s="12"/>
    </row>
    <row r="451319" spans="8:8">
      <c r="H451319" s="12"/>
    </row>
    <row r="451320" spans="8:8">
      <c r="H451320" s="12"/>
    </row>
    <row r="451321" spans="8:8">
      <c r="H451321" s="12"/>
    </row>
    <row r="451322" spans="8:8">
      <c r="H451322" s="12"/>
    </row>
    <row r="451323" spans="8:8">
      <c r="H451323" s="12"/>
    </row>
    <row r="451324" spans="8:8">
      <c r="H451324" s="12"/>
    </row>
    <row r="451325" spans="8:8">
      <c r="H451325" s="12"/>
    </row>
    <row r="451326" spans="8:8">
      <c r="H451326" s="12"/>
    </row>
    <row r="451327" spans="8:8">
      <c r="H451327" s="12"/>
    </row>
    <row r="451328" spans="8:8">
      <c r="H451328" s="12"/>
    </row>
    <row r="451329" spans="8:8">
      <c r="H451329" s="12"/>
    </row>
    <row r="451330" spans="8:8">
      <c r="H451330" s="12"/>
    </row>
    <row r="451331" spans="8:8">
      <c r="H451331" s="12"/>
    </row>
    <row r="451332" spans="8:8">
      <c r="H451332" s="12"/>
    </row>
    <row r="451333" spans="8:8">
      <c r="H451333" s="12"/>
    </row>
    <row r="451334" spans="8:8">
      <c r="H451334" s="12"/>
    </row>
    <row r="451335" spans="8:8">
      <c r="H451335" s="12"/>
    </row>
    <row r="451336" spans="8:8">
      <c r="H451336" s="12"/>
    </row>
    <row r="451337" spans="8:8">
      <c r="H451337" s="12"/>
    </row>
    <row r="451338" spans="8:8">
      <c r="H451338" s="12"/>
    </row>
    <row r="451339" spans="8:8">
      <c r="H451339" s="12"/>
    </row>
    <row r="451340" spans="8:8">
      <c r="H451340" s="12"/>
    </row>
    <row r="451341" spans="8:8">
      <c r="H451341" s="12"/>
    </row>
    <row r="451342" spans="8:8">
      <c r="H451342" s="12"/>
    </row>
    <row r="451343" spans="8:8">
      <c r="H451343" s="12"/>
    </row>
    <row r="451344" spans="8:8">
      <c r="H451344" s="12"/>
    </row>
    <row r="451345" spans="8:8">
      <c r="H451345" s="12"/>
    </row>
    <row r="451346" spans="8:8">
      <c r="H451346" s="12"/>
    </row>
    <row r="451347" spans="8:8">
      <c r="H451347" s="12"/>
    </row>
    <row r="451348" spans="8:8">
      <c r="H451348" s="12"/>
    </row>
    <row r="451349" spans="8:8">
      <c r="H451349" s="12"/>
    </row>
    <row r="451350" spans="8:8">
      <c r="H451350" s="12"/>
    </row>
    <row r="451351" spans="8:8">
      <c r="H451351" s="12"/>
    </row>
    <row r="451352" spans="8:8">
      <c r="H451352" s="12"/>
    </row>
    <row r="451353" spans="8:8">
      <c r="H451353" s="12"/>
    </row>
    <row r="451354" spans="8:8">
      <c r="H451354" s="12"/>
    </row>
    <row r="451355" spans="8:8">
      <c r="H451355" s="12"/>
    </row>
    <row r="451356" spans="8:8">
      <c r="H451356" s="12"/>
    </row>
    <row r="451357" spans="8:8">
      <c r="H451357" s="12"/>
    </row>
    <row r="451358" spans="8:8">
      <c r="H451358" s="12"/>
    </row>
    <row r="451359" spans="8:8">
      <c r="H451359" s="12"/>
    </row>
    <row r="451360" spans="8:8">
      <c r="H451360" s="12"/>
    </row>
    <row r="451361" spans="8:8">
      <c r="H451361" s="12"/>
    </row>
    <row r="451362" spans="8:8">
      <c r="H451362" s="12"/>
    </row>
    <row r="451363" spans="8:8">
      <c r="H451363" s="12"/>
    </row>
    <row r="451364" spans="8:8">
      <c r="H451364" s="12"/>
    </row>
    <row r="451365" spans="8:8">
      <c r="H451365" s="12"/>
    </row>
    <row r="451366" spans="8:8">
      <c r="H451366" s="12"/>
    </row>
    <row r="451367" spans="8:8">
      <c r="H451367" s="12"/>
    </row>
    <row r="451368" spans="8:8">
      <c r="H451368" s="12"/>
    </row>
    <row r="451369" spans="8:8">
      <c r="H451369" s="12"/>
    </row>
    <row r="451370" spans="8:8">
      <c r="H451370" s="12"/>
    </row>
    <row r="451371" spans="8:8">
      <c r="H451371" s="12"/>
    </row>
    <row r="451372" spans="8:8">
      <c r="H451372" s="12"/>
    </row>
    <row r="451373" spans="8:8">
      <c r="H451373" s="12"/>
    </row>
    <row r="451374" spans="8:8">
      <c r="H451374" s="12"/>
    </row>
    <row r="451375" spans="8:8">
      <c r="H451375" s="12"/>
    </row>
    <row r="451376" spans="8:8">
      <c r="H451376" s="12"/>
    </row>
    <row r="451377" spans="8:8">
      <c r="H451377" s="12"/>
    </row>
    <row r="451378" spans="8:8">
      <c r="H451378" s="12"/>
    </row>
    <row r="451379" spans="8:8">
      <c r="H451379" s="12"/>
    </row>
    <row r="451380" spans="8:8">
      <c r="H451380" s="12"/>
    </row>
    <row r="451381" spans="8:8">
      <c r="H451381" s="12"/>
    </row>
    <row r="451382" spans="8:8">
      <c r="H451382" s="12"/>
    </row>
    <row r="451383" spans="8:8">
      <c r="H451383" s="12"/>
    </row>
    <row r="451384" spans="8:8">
      <c r="H451384" s="12"/>
    </row>
    <row r="451385" spans="8:8">
      <c r="H451385" s="12"/>
    </row>
    <row r="451386" spans="8:8">
      <c r="H451386" s="12"/>
    </row>
    <row r="451387" spans="8:8">
      <c r="H451387" s="12"/>
    </row>
    <row r="451388" spans="8:8">
      <c r="H451388" s="12"/>
    </row>
    <row r="451389" spans="8:8">
      <c r="H451389" s="12"/>
    </row>
    <row r="451390" spans="8:8">
      <c r="H451390" s="12"/>
    </row>
    <row r="451391" spans="8:8">
      <c r="H451391" s="12"/>
    </row>
    <row r="451392" spans="8:8">
      <c r="H451392" s="12"/>
    </row>
    <row r="451393" spans="8:8">
      <c r="H451393" s="12"/>
    </row>
    <row r="451394" spans="8:8">
      <c r="H451394" s="12"/>
    </row>
    <row r="451395" spans="8:8">
      <c r="H451395" s="12"/>
    </row>
    <row r="451396" spans="8:8">
      <c r="H451396" s="12"/>
    </row>
    <row r="451397" spans="8:8">
      <c r="H451397" s="12"/>
    </row>
    <row r="451398" spans="8:8">
      <c r="H451398" s="12"/>
    </row>
    <row r="451399" spans="8:8">
      <c r="H451399" s="12"/>
    </row>
    <row r="451400" spans="8:8">
      <c r="H451400" s="12"/>
    </row>
    <row r="451401" spans="8:8">
      <c r="H451401" s="12"/>
    </row>
    <row r="451402" spans="8:8">
      <c r="H451402" s="12"/>
    </row>
    <row r="451403" spans="8:8">
      <c r="H451403" s="12"/>
    </row>
    <row r="451404" spans="8:8">
      <c r="H451404" s="12"/>
    </row>
    <row r="451405" spans="8:8">
      <c r="H451405" s="12"/>
    </row>
    <row r="451406" spans="8:8">
      <c r="H451406" s="12"/>
    </row>
    <row r="451407" spans="8:8">
      <c r="H451407" s="12"/>
    </row>
    <row r="451408" spans="8:8">
      <c r="H451408" s="12"/>
    </row>
    <row r="451409" spans="8:8">
      <c r="H451409" s="12"/>
    </row>
    <row r="451410" spans="8:8">
      <c r="H451410" s="12"/>
    </row>
    <row r="451411" spans="8:8">
      <c r="H451411" s="12"/>
    </row>
    <row r="451412" spans="8:8">
      <c r="H451412" s="12"/>
    </row>
    <row r="451413" spans="8:8">
      <c r="H451413" s="12"/>
    </row>
    <row r="451414" spans="8:8">
      <c r="H451414" s="12"/>
    </row>
    <row r="451415" spans="8:8">
      <c r="H451415" s="12"/>
    </row>
    <row r="451416" spans="8:8">
      <c r="H451416" s="12"/>
    </row>
    <row r="451417" spans="8:8">
      <c r="H451417" s="12"/>
    </row>
    <row r="451418" spans="8:8">
      <c r="H451418" s="12"/>
    </row>
    <row r="451419" spans="8:8">
      <c r="H451419" s="12"/>
    </row>
    <row r="451420" spans="8:8">
      <c r="H451420" s="12"/>
    </row>
    <row r="451421" spans="8:8">
      <c r="H451421" s="12"/>
    </row>
    <row r="451422" spans="8:8">
      <c r="H451422" s="12"/>
    </row>
    <row r="451423" spans="8:8">
      <c r="H451423" s="12"/>
    </row>
    <row r="451424" spans="8:8">
      <c r="H451424" s="12"/>
    </row>
    <row r="451425" spans="8:8">
      <c r="H451425" s="12"/>
    </row>
    <row r="451426" spans="8:8">
      <c r="H451426" s="12"/>
    </row>
    <row r="451427" spans="8:8">
      <c r="H451427" s="12"/>
    </row>
    <row r="451428" spans="8:8">
      <c r="H451428" s="12"/>
    </row>
    <row r="451429" spans="8:8">
      <c r="H451429" s="12"/>
    </row>
    <row r="451430" spans="8:8">
      <c r="H451430" s="12"/>
    </row>
    <row r="451431" spans="8:8">
      <c r="H451431" s="12"/>
    </row>
    <row r="451432" spans="8:8">
      <c r="H451432" s="12"/>
    </row>
    <row r="451433" spans="8:8">
      <c r="H451433" s="12"/>
    </row>
    <row r="451434" spans="8:8">
      <c r="H451434" s="12"/>
    </row>
    <row r="451435" spans="8:8">
      <c r="H451435" s="12"/>
    </row>
    <row r="451436" spans="8:8">
      <c r="H451436" s="12"/>
    </row>
    <row r="451437" spans="8:8">
      <c r="H451437" s="12"/>
    </row>
    <row r="451438" spans="8:8">
      <c r="H451438" s="12"/>
    </row>
    <row r="451439" spans="8:8">
      <c r="H451439" s="12"/>
    </row>
    <row r="451440" spans="8:8">
      <c r="H451440" s="12"/>
    </row>
    <row r="451441" spans="8:8">
      <c r="H451441" s="12"/>
    </row>
    <row r="451442" spans="8:8">
      <c r="H451442" s="12"/>
    </row>
    <row r="451443" spans="8:8">
      <c r="H451443" s="12"/>
    </row>
    <row r="451444" spans="8:8">
      <c r="H451444" s="12"/>
    </row>
    <row r="451445" spans="8:8">
      <c r="H451445" s="12"/>
    </row>
    <row r="451446" spans="8:8">
      <c r="H451446" s="12"/>
    </row>
    <row r="451447" spans="8:8">
      <c r="H451447" s="12"/>
    </row>
    <row r="451448" spans="8:8">
      <c r="H451448" s="12"/>
    </row>
    <row r="451449" spans="8:8">
      <c r="H451449" s="12"/>
    </row>
    <row r="451450" spans="8:8">
      <c r="H451450" s="12"/>
    </row>
    <row r="451451" spans="8:8">
      <c r="H451451" s="12"/>
    </row>
    <row r="451452" spans="8:8">
      <c r="H451452" s="12"/>
    </row>
    <row r="451453" spans="8:8">
      <c r="H451453" s="12"/>
    </row>
    <row r="451454" spans="8:8">
      <c r="H451454" s="12"/>
    </row>
    <row r="451455" spans="8:8">
      <c r="H451455" s="12"/>
    </row>
    <row r="451456" spans="8:8">
      <c r="H451456" s="12"/>
    </row>
    <row r="451457" spans="8:8">
      <c r="H451457" s="12"/>
    </row>
    <row r="451458" spans="8:8">
      <c r="H451458" s="12"/>
    </row>
    <row r="451459" spans="8:8">
      <c r="H451459" s="12"/>
    </row>
    <row r="451460" spans="8:8">
      <c r="H451460" s="12"/>
    </row>
    <row r="451461" spans="8:8">
      <c r="H451461" s="12"/>
    </row>
    <row r="451462" spans="8:8">
      <c r="H451462" s="12"/>
    </row>
    <row r="451463" spans="8:8">
      <c r="H451463" s="12"/>
    </row>
    <row r="451464" spans="8:8">
      <c r="H451464" s="12"/>
    </row>
    <row r="451465" spans="8:8">
      <c r="H451465" s="12"/>
    </row>
    <row r="451466" spans="8:8">
      <c r="H451466" s="12"/>
    </row>
    <row r="451467" spans="8:8">
      <c r="H451467" s="12"/>
    </row>
    <row r="451468" spans="8:8">
      <c r="H451468" s="12"/>
    </row>
    <row r="451469" spans="8:8">
      <c r="H451469" s="12"/>
    </row>
    <row r="451470" spans="8:8">
      <c r="H451470" s="12"/>
    </row>
    <row r="451471" spans="8:8">
      <c r="H451471" s="12"/>
    </row>
    <row r="451472" spans="8:8">
      <c r="H451472" s="12"/>
    </row>
    <row r="451473" spans="8:8">
      <c r="H451473" s="12"/>
    </row>
    <row r="451474" spans="8:8">
      <c r="H451474" s="12"/>
    </row>
    <row r="451475" spans="8:8">
      <c r="H451475" s="12"/>
    </row>
    <row r="451476" spans="8:8">
      <c r="H451476" s="12"/>
    </row>
    <row r="451477" spans="8:8">
      <c r="H451477" s="12"/>
    </row>
    <row r="451478" spans="8:8">
      <c r="H451478" s="12"/>
    </row>
    <row r="451479" spans="8:8">
      <c r="H451479" s="12"/>
    </row>
    <row r="451480" spans="8:8">
      <c r="H451480" s="12"/>
    </row>
    <row r="451481" spans="8:8">
      <c r="H451481" s="12"/>
    </row>
    <row r="451482" spans="8:8">
      <c r="H451482" s="12"/>
    </row>
    <row r="451483" spans="8:8">
      <c r="H451483" s="12"/>
    </row>
    <row r="451484" spans="8:8">
      <c r="H451484" s="12"/>
    </row>
    <row r="451485" spans="8:8">
      <c r="H451485" s="12"/>
    </row>
    <row r="451486" spans="8:8">
      <c r="H451486" s="12"/>
    </row>
    <row r="451487" spans="8:8">
      <c r="H451487" s="12"/>
    </row>
    <row r="451488" spans="8:8">
      <c r="H451488" s="12"/>
    </row>
    <row r="451489" spans="8:8">
      <c r="H451489" s="12"/>
    </row>
    <row r="451490" spans="8:8">
      <c r="H451490" s="12"/>
    </row>
    <row r="451491" spans="8:8">
      <c r="H451491" s="12"/>
    </row>
    <row r="451492" spans="8:8">
      <c r="H451492" s="12"/>
    </row>
    <row r="451493" spans="8:8">
      <c r="H451493" s="12"/>
    </row>
    <row r="451494" spans="8:8">
      <c r="H451494" s="12"/>
    </row>
    <row r="451495" spans="8:8">
      <c r="H451495" s="12"/>
    </row>
    <row r="451496" spans="8:8">
      <c r="H451496" s="12"/>
    </row>
    <row r="451497" spans="8:8">
      <c r="H451497" s="12"/>
    </row>
    <row r="451498" spans="8:8">
      <c r="H451498" s="12"/>
    </row>
    <row r="451499" spans="8:8">
      <c r="H451499" s="12"/>
    </row>
    <row r="451500" spans="8:8">
      <c r="H451500" s="12"/>
    </row>
    <row r="451501" spans="8:8">
      <c r="H451501" s="12"/>
    </row>
    <row r="451502" spans="8:8">
      <c r="H451502" s="12"/>
    </row>
    <row r="451503" spans="8:8">
      <c r="H451503" s="12"/>
    </row>
    <row r="451504" spans="8:8">
      <c r="H451504" s="12"/>
    </row>
    <row r="451505" spans="8:8">
      <c r="H451505" s="12"/>
    </row>
    <row r="451506" spans="8:8">
      <c r="H451506" s="12"/>
    </row>
    <row r="451507" spans="8:8">
      <c r="H451507" s="12"/>
    </row>
    <row r="451508" spans="8:8">
      <c r="H451508" s="12"/>
    </row>
    <row r="451509" spans="8:8">
      <c r="H451509" s="12"/>
    </row>
    <row r="451510" spans="8:8">
      <c r="H451510" s="12"/>
    </row>
    <row r="451511" spans="8:8">
      <c r="H451511" s="12"/>
    </row>
    <row r="451512" spans="8:8">
      <c r="H451512" s="12"/>
    </row>
    <row r="451513" spans="8:8">
      <c r="H451513" s="12"/>
    </row>
    <row r="451514" spans="8:8">
      <c r="H451514" s="12"/>
    </row>
    <row r="451515" spans="8:8">
      <c r="H451515" s="12"/>
    </row>
    <row r="451516" spans="8:8">
      <c r="H451516" s="12"/>
    </row>
    <row r="451517" spans="8:8">
      <c r="H451517" s="12"/>
    </row>
    <row r="451518" spans="8:8">
      <c r="H451518" s="12"/>
    </row>
    <row r="451519" spans="8:8">
      <c r="H451519" s="12"/>
    </row>
    <row r="451520" spans="8:8">
      <c r="H451520" s="12"/>
    </row>
    <row r="451521" spans="8:8">
      <c r="H451521" s="12"/>
    </row>
    <row r="451522" spans="8:8">
      <c r="H451522" s="12"/>
    </row>
    <row r="451523" spans="8:8">
      <c r="H451523" s="12"/>
    </row>
    <row r="451524" spans="8:8">
      <c r="H451524" s="12"/>
    </row>
    <row r="451525" spans="8:8">
      <c r="H451525" s="12"/>
    </row>
    <row r="451526" spans="8:8">
      <c r="H451526" s="12"/>
    </row>
    <row r="451527" spans="8:8">
      <c r="H451527" s="12"/>
    </row>
    <row r="451528" spans="8:8">
      <c r="H451528" s="12"/>
    </row>
    <row r="451529" spans="8:8">
      <c r="H451529" s="12"/>
    </row>
    <row r="451530" spans="8:8">
      <c r="H451530" s="12"/>
    </row>
    <row r="451531" spans="8:8">
      <c r="H451531" s="12"/>
    </row>
    <row r="451532" spans="8:8">
      <c r="H451532" s="12"/>
    </row>
    <row r="451533" spans="8:8">
      <c r="H451533" s="12"/>
    </row>
    <row r="451534" spans="8:8">
      <c r="H451534" s="12"/>
    </row>
    <row r="451535" spans="8:8">
      <c r="H451535" s="12"/>
    </row>
    <row r="451536" spans="8:8">
      <c r="H451536" s="12"/>
    </row>
    <row r="451537" spans="8:8">
      <c r="H451537" s="12"/>
    </row>
    <row r="451538" spans="8:8">
      <c r="H451538" s="12"/>
    </row>
    <row r="451539" spans="8:8">
      <c r="H451539" s="12"/>
    </row>
    <row r="451540" spans="8:8">
      <c r="H451540" s="12"/>
    </row>
    <row r="451541" spans="8:8">
      <c r="H451541" s="12"/>
    </row>
    <row r="451542" spans="8:8">
      <c r="H451542" s="12"/>
    </row>
    <row r="451543" spans="8:8">
      <c r="H451543" s="12"/>
    </row>
    <row r="451544" spans="8:8">
      <c r="H451544" s="12"/>
    </row>
    <row r="451545" spans="8:8">
      <c r="H451545" s="12"/>
    </row>
    <row r="451546" spans="8:8">
      <c r="H451546" s="12"/>
    </row>
    <row r="451547" spans="8:8">
      <c r="H451547" s="12"/>
    </row>
    <row r="451548" spans="8:8">
      <c r="H451548" s="12"/>
    </row>
    <row r="451549" spans="8:8">
      <c r="H451549" s="12"/>
    </row>
    <row r="451550" spans="8:8">
      <c r="H451550" s="12"/>
    </row>
    <row r="451551" spans="8:8">
      <c r="H451551" s="12"/>
    </row>
    <row r="451552" spans="8:8">
      <c r="H451552" s="12"/>
    </row>
    <row r="451553" spans="8:8">
      <c r="H451553" s="12"/>
    </row>
    <row r="451554" spans="8:8">
      <c r="H451554" s="12"/>
    </row>
    <row r="451555" spans="8:8">
      <c r="H451555" s="12"/>
    </row>
    <row r="451556" spans="8:8">
      <c r="H451556" s="12"/>
    </row>
    <row r="451557" spans="8:8">
      <c r="H451557" s="12"/>
    </row>
    <row r="451558" spans="8:8">
      <c r="H451558" s="12"/>
    </row>
    <row r="451559" spans="8:8">
      <c r="H451559" s="12"/>
    </row>
    <row r="451560" spans="8:8">
      <c r="H451560" s="12"/>
    </row>
    <row r="451561" spans="8:8">
      <c r="H451561" s="12"/>
    </row>
    <row r="451562" spans="8:8">
      <c r="H451562" s="12"/>
    </row>
    <row r="451563" spans="8:8">
      <c r="H451563" s="12"/>
    </row>
    <row r="451564" spans="8:8">
      <c r="H451564" s="12"/>
    </row>
    <row r="451565" spans="8:8">
      <c r="H451565" s="12"/>
    </row>
    <row r="451566" spans="8:8">
      <c r="H451566" s="12"/>
    </row>
    <row r="451567" spans="8:8">
      <c r="H451567" s="12"/>
    </row>
    <row r="451568" spans="8:8">
      <c r="H451568" s="12"/>
    </row>
    <row r="451569" spans="8:8">
      <c r="H451569" s="12"/>
    </row>
    <row r="451570" spans="8:8">
      <c r="H451570" s="12"/>
    </row>
    <row r="451571" spans="8:8">
      <c r="H451571" s="12"/>
    </row>
    <row r="451572" spans="8:8">
      <c r="H451572" s="12"/>
    </row>
    <row r="451573" spans="8:8">
      <c r="H451573" s="12"/>
    </row>
    <row r="451574" spans="8:8">
      <c r="H451574" s="12"/>
    </row>
    <row r="451575" spans="8:8">
      <c r="H451575" s="12"/>
    </row>
    <row r="451576" spans="8:8">
      <c r="H451576" s="12"/>
    </row>
    <row r="451577" spans="8:8">
      <c r="H451577" s="12"/>
    </row>
    <row r="451578" spans="8:8">
      <c r="H451578" s="12"/>
    </row>
    <row r="451579" spans="8:8">
      <c r="H451579" s="12"/>
    </row>
    <row r="451580" spans="8:8">
      <c r="H451580" s="12"/>
    </row>
    <row r="451581" spans="8:8">
      <c r="H451581" s="12"/>
    </row>
    <row r="451582" spans="8:8">
      <c r="H451582" s="12"/>
    </row>
    <row r="451583" spans="8:8">
      <c r="H451583" s="12"/>
    </row>
    <row r="451584" spans="8:8">
      <c r="H451584" s="12"/>
    </row>
    <row r="451585" spans="8:8">
      <c r="H451585" s="12"/>
    </row>
    <row r="451586" spans="8:8">
      <c r="H451586" s="12"/>
    </row>
    <row r="451587" spans="8:8">
      <c r="H451587" s="12"/>
    </row>
    <row r="451588" spans="8:8">
      <c r="H451588" s="12"/>
    </row>
    <row r="451589" spans="8:8">
      <c r="H451589" s="12"/>
    </row>
    <row r="451590" spans="8:8">
      <c r="H451590" s="12"/>
    </row>
    <row r="451591" spans="8:8">
      <c r="H451591" s="12"/>
    </row>
    <row r="451592" spans="8:8">
      <c r="H451592" s="12"/>
    </row>
    <row r="451593" spans="8:8">
      <c r="H451593" s="12"/>
    </row>
    <row r="451594" spans="8:8">
      <c r="H451594" s="12"/>
    </row>
    <row r="451595" spans="8:8">
      <c r="H451595" s="12"/>
    </row>
    <row r="451596" spans="8:8">
      <c r="H451596" s="12"/>
    </row>
    <row r="451597" spans="8:8">
      <c r="H451597" s="12"/>
    </row>
    <row r="451598" spans="8:8">
      <c r="H451598" s="12"/>
    </row>
    <row r="451599" spans="8:8">
      <c r="H451599" s="12"/>
    </row>
    <row r="451600" spans="8:8">
      <c r="H451600" s="12"/>
    </row>
    <row r="451601" spans="8:8">
      <c r="H451601" s="12"/>
    </row>
    <row r="451602" spans="8:8">
      <c r="H451602" s="12"/>
    </row>
    <row r="451603" spans="8:8">
      <c r="H451603" s="12"/>
    </row>
    <row r="451604" spans="8:8">
      <c r="H451604" s="12"/>
    </row>
    <row r="451605" spans="8:8">
      <c r="H451605" s="12"/>
    </row>
    <row r="451606" spans="8:8">
      <c r="H451606" s="12"/>
    </row>
    <row r="451607" spans="8:8">
      <c r="H451607" s="12"/>
    </row>
    <row r="451608" spans="8:8">
      <c r="H451608" s="12"/>
    </row>
    <row r="451609" spans="8:8">
      <c r="H451609" s="12"/>
    </row>
    <row r="451610" spans="8:8">
      <c r="H451610" s="12"/>
    </row>
    <row r="451611" spans="8:8">
      <c r="H451611" s="12"/>
    </row>
    <row r="451612" spans="8:8">
      <c r="H451612" s="12"/>
    </row>
    <row r="451613" spans="8:8">
      <c r="H451613" s="12"/>
    </row>
    <row r="451614" spans="8:8">
      <c r="H451614" s="12"/>
    </row>
    <row r="451615" spans="8:8">
      <c r="H451615" s="12"/>
    </row>
    <row r="451616" spans="8:8">
      <c r="H451616" s="12"/>
    </row>
    <row r="451617" spans="8:8">
      <c r="H451617" s="12"/>
    </row>
    <row r="451618" spans="8:8">
      <c r="H451618" s="12"/>
    </row>
    <row r="451619" spans="8:8">
      <c r="H451619" s="12"/>
    </row>
    <row r="451620" spans="8:8">
      <c r="H451620" s="12"/>
    </row>
    <row r="451621" spans="8:8">
      <c r="H451621" s="12"/>
    </row>
    <row r="451622" spans="8:8">
      <c r="H451622" s="12"/>
    </row>
    <row r="451623" spans="8:8">
      <c r="H451623" s="12"/>
    </row>
    <row r="451624" spans="8:8">
      <c r="H451624" s="12"/>
    </row>
    <row r="451625" spans="8:8">
      <c r="H451625" s="12"/>
    </row>
    <row r="451626" spans="8:8">
      <c r="H451626" s="12"/>
    </row>
    <row r="451627" spans="8:8">
      <c r="H451627" s="12"/>
    </row>
    <row r="451628" spans="8:8">
      <c r="H451628" s="12"/>
    </row>
    <row r="451629" spans="8:8">
      <c r="H451629" s="12"/>
    </row>
    <row r="451630" spans="8:8">
      <c r="H451630" s="12"/>
    </row>
    <row r="451631" spans="8:8">
      <c r="H451631" s="12"/>
    </row>
    <row r="451632" spans="8:8">
      <c r="H451632" s="12"/>
    </row>
    <row r="451633" spans="8:8">
      <c r="H451633" s="12"/>
    </row>
    <row r="451634" spans="8:8">
      <c r="H451634" s="12"/>
    </row>
    <row r="451635" spans="8:8">
      <c r="H451635" s="12"/>
    </row>
    <row r="451636" spans="8:8">
      <c r="H451636" s="12"/>
    </row>
    <row r="451637" spans="8:8">
      <c r="H451637" s="12"/>
    </row>
    <row r="451638" spans="8:8">
      <c r="H451638" s="12"/>
    </row>
    <row r="451639" spans="8:8">
      <c r="H451639" s="12"/>
    </row>
    <row r="451640" spans="8:8">
      <c r="H451640" s="12"/>
    </row>
    <row r="451641" spans="8:8">
      <c r="H451641" s="12"/>
    </row>
    <row r="451642" spans="8:8">
      <c r="H451642" s="12"/>
    </row>
    <row r="451643" spans="8:8">
      <c r="H451643" s="12"/>
    </row>
    <row r="451644" spans="8:8">
      <c r="H451644" s="12"/>
    </row>
    <row r="451645" spans="8:8">
      <c r="H451645" s="12"/>
    </row>
    <row r="451646" spans="8:8">
      <c r="H451646" s="12"/>
    </row>
    <row r="451647" spans="8:8">
      <c r="H451647" s="12"/>
    </row>
    <row r="451648" spans="8:8">
      <c r="H451648" s="12"/>
    </row>
    <row r="451649" spans="8:8">
      <c r="H451649" s="12"/>
    </row>
    <row r="451650" spans="8:8">
      <c r="H451650" s="12"/>
    </row>
    <row r="451651" spans="8:8">
      <c r="H451651" s="12"/>
    </row>
    <row r="451652" spans="8:8">
      <c r="H451652" s="12"/>
    </row>
    <row r="451653" spans="8:8">
      <c r="H451653" s="12"/>
    </row>
    <row r="451654" spans="8:8">
      <c r="H451654" s="12"/>
    </row>
    <row r="451655" spans="8:8">
      <c r="H451655" s="12"/>
    </row>
    <row r="451656" spans="8:8">
      <c r="H451656" s="12"/>
    </row>
    <row r="451657" spans="8:8">
      <c r="H451657" s="12"/>
    </row>
    <row r="451658" spans="8:8">
      <c r="H451658" s="12"/>
    </row>
    <row r="451659" spans="8:8">
      <c r="H451659" s="12"/>
    </row>
    <row r="451660" spans="8:8">
      <c r="H451660" s="12"/>
    </row>
    <row r="451661" spans="8:8">
      <c r="H451661" s="12"/>
    </row>
    <row r="451662" spans="8:8">
      <c r="H451662" s="12"/>
    </row>
    <row r="451663" spans="8:8">
      <c r="H451663" s="12"/>
    </row>
    <row r="451664" spans="8:8">
      <c r="H451664" s="12"/>
    </row>
    <row r="451665" spans="8:8">
      <c r="H451665" s="12"/>
    </row>
    <row r="451666" spans="8:8">
      <c r="H451666" s="12"/>
    </row>
    <row r="451667" spans="8:8">
      <c r="H451667" s="12"/>
    </row>
    <row r="451668" spans="8:8">
      <c r="H451668" s="12"/>
    </row>
    <row r="451669" spans="8:8">
      <c r="H451669" s="12"/>
    </row>
    <row r="451670" spans="8:8">
      <c r="H451670" s="12"/>
    </row>
    <row r="451671" spans="8:8">
      <c r="H451671" s="12"/>
    </row>
    <row r="451672" spans="8:8">
      <c r="H451672" s="12"/>
    </row>
    <row r="451673" spans="8:8">
      <c r="H451673" s="12"/>
    </row>
    <row r="451674" spans="8:8">
      <c r="H451674" s="12"/>
    </row>
    <row r="451675" spans="8:8">
      <c r="H451675" s="12"/>
    </row>
    <row r="451676" spans="8:8">
      <c r="H451676" s="12"/>
    </row>
    <row r="451677" spans="8:8">
      <c r="H451677" s="12"/>
    </row>
    <row r="451678" spans="8:8">
      <c r="H451678" s="12"/>
    </row>
    <row r="451679" spans="8:8">
      <c r="H451679" s="12"/>
    </row>
    <row r="451680" spans="8:8">
      <c r="H451680" s="12"/>
    </row>
    <row r="451681" spans="8:8">
      <c r="H451681" s="12"/>
    </row>
    <row r="451682" spans="8:8">
      <c r="H451682" s="12"/>
    </row>
    <row r="451683" spans="8:8">
      <c r="H451683" s="12"/>
    </row>
    <row r="451684" spans="8:8">
      <c r="H451684" s="12"/>
    </row>
    <row r="451685" spans="8:8">
      <c r="H451685" s="12"/>
    </row>
    <row r="451686" spans="8:8">
      <c r="H451686" s="12"/>
    </row>
    <row r="451687" spans="8:8">
      <c r="H451687" s="12"/>
    </row>
    <row r="451688" spans="8:8">
      <c r="H451688" s="12"/>
    </row>
    <row r="451689" spans="8:8">
      <c r="H451689" s="12"/>
    </row>
    <row r="451690" spans="8:8">
      <c r="H451690" s="12"/>
    </row>
    <row r="451691" spans="8:8">
      <c r="H451691" s="12"/>
    </row>
    <row r="451692" spans="8:8">
      <c r="H451692" s="12"/>
    </row>
    <row r="451693" spans="8:8">
      <c r="H451693" s="12"/>
    </row>
    <row r="451694" spans="8:8">
      <c r="H451694" s="12"/>
    </row>
    <row r="451695" spans="8:8">
      <c r="H451695" s="12"/>
    </row>
    <row r="451696" spans="8:8">
      <c r="H451696" s="12"/>
    </row>
    <row r="451697" spans="8:8">
      <c r="H451697" s="12"/>
    </row>
    <row r="451698" spans="8:8">
      <c r="H451698" s="12"/>
    </row>
    <row r="451699" spans="8:8">
      <c r="H451699" s="12"/>
    </row>
    <row r="451700" spans="8:8">
      <c r="H451700" s="12"/>
    </row>
    <row r="451701" spans="8:8">
      <c r="H451701" s="12"/>
    </row>
    <row r="451702" spans="8:8">
      <c r="H451702" s="12"/>
    </row>
    <row r="451703" spans="8:8">
      <c r="H451703" s="12"/>
    </row>
    <row r="451704" spans="8:8">
      <c r="H451704" s="12"/>
    </row>
    <row r="451705" spans="8:8">
      <c r="H451705" s="12"/>
    </row>
    <row r="451706" spans="8:8">
      <c r="H451706" s="12"/>
    </row>
    <row r="451707" spans="8:8">
      <c r="H451707" s="12"/>
    </row>
    <row r="451708" spans="8:8">
      <c r="H451708" s="12"/>
    </row>
    <row r="451709" spans="8:8">
      <c r="H451709" s="12"/>
    </row>
    <row r="451710" spans="8:8">
      <c r="H451710" s="12"/>
    </row>
    <row r="451711" spans="8:8">
      <c r="H451711" s="12"/>
    </row>
    <row r="451712" spans="8:8">
      <c r="H451712" s="12"/>
    </row>
    <row r="451713" spans="8:8">
      <c r="H451713" s="12"/>
    </row>
    <row r="451714" spans="8:8">
      <c r="H451714" s="12"/>
    </row>
    <row r="451715" spans="8:8">
      <c r="H451715" s="12"/>
    </row>
    <row r="451716" spans="8:8">
      <c r="H451716" s="12"/>
    </row>
    <row r="451717" spans="8:8">
      <c r="H451717" s="12"/>
    </row>
    <row r="451718" spans="8:8">
      <c r="H451718" s="12"/>
    </row>
    <row r="451719" spans="8:8">
      <c r="H451719" s="12"/>
    </row>
    <row r="451720" spans="8:8">
      <c r="H451720" s="12"/>
    </row>
    <row r="451721" spans="8:8">
      <c r="H451721" s="12"/>
    </row>
    <row r="451722" spans="8:8">
      <c r="H451722" s="12"/>
    </row>
    <row r="451723" spans="8:8">
      <c r="H451723" s="12"/>
    </row>
    <row r="451724" spans="8:8">
      <c r="H451724" s="12"/>
    </row>
    <row r="451725" spans="8:8">
      <c r="H451725" s="12"/>
    </row>
    <row r="451726" spans="8:8">
      <c r="H451726" s="12"/>
    </row>
    <row r="451727" spans="8:8">
      <c r="H451727" s="12"/>
    </row>
    <row r="451728" spans="8:8">
      <c r="H451728" s="12"/>
    </row>
    <row r="451729" spans="8:8">
      <c r="H451729" s="12"/>
    </row>
    <row r="451730" spans="8:8">
      <c r="H451730" s="12"/>
    </row>
    <row r="451731" spans="8:8">
      <c r="H451731" s="12"/>
    </row>
    <row r="451732" spans="8:8">
      <c r="H451732" s="12"/>
    </row>
    <row r="451733" spans="8:8">
      <c r="H451733" s="12"/>
    </row>
    <row r="451734" spans="8:8">
      <c r="H451734" s="12"/>
    </row>
    <row r="451735" spans="8:8">
      <c r="H451735" s="12"/>
    </row>
    <row r="451736" spans="8:8">
      <c r="H451736" s="12"/>
    </row>
    <row r="451737" spans="8:8">
      <c r="H451737" s="12"/>
    </row>
    <row r="451738" spans="8:8">
      <c r="H451738" s="12"/>
    </row>
    <row r="451739" spans="8:8">
      <c r="H451739" s="12"/>
    </row>
    <row r="451740" spans="8:8">
      <c r="H451740" s="12"/>
    </row>
    <row r="451741" spans="8:8">
      <c r="H451741" s="12"/>
    </row>
    <row r="451742" spans="8:8">
      <c r="H451742" s="12"/>
    </row>
    <row r="451743" spans="8:8">
      <c r="H451743" s="12"/>
    </row>
    <row r="451744" spans="8:8">
      <c r="H451744" s="12"/>
    </row>
    <row r="451745" spans="8:8">
      <c r="H451745" s="12"/>
    </row>
    <row r="451746" spans="8:8">
      <c r="H451746" s="12"/>
    </row>
    <row r="451747" spans="8:8">
      <c r="H451747" s="12"/>
    </row>
    <row r="451748" spans="8:8">
      <c r="H451748" s="12"/>
    </row>
    <row r="451749" spans="8:8">
      <c r="H451749" s="12"/>
    </row>
    <row r="451750" spans="8:8">
      <c r="H451750" s="12"/>
    </row>
    <row r="451751" spans="8:8">
      <c r="H451751" s="12"/>
    </row>
    <row r="451752" spans="8:8">
      <c r="H451752" s="12"/>
    </row>
    <row r="451753" spans="8:8">
      <c r="H451753" s="12"/>
    </row>
    <row r="451754" spans="8:8">
      <c r="H451754" s="12"/>
    </row>
    <row r="451755" spans="8:8">
      <c r="H451755" s="12"/>
    </row>
    <row r="451756" spans="8:8">
      <c r="H451756" s="12"/>
    </row>
    <row r="451757" spans="8:8">
      <c r="H451757" s="12"/>
    </row>
    <row r="451758" spans="8:8">
      <c r="H451758" s="12"/>
    </row>
    <row r="451759" spans="8:8">
      <c r="H451759" s="12"/>
    </row>
    <row r="451760" spans="8:8">
      <c r="H451760" s="12"/>
    </row>
    <row r="451761" spans="8:8">
      <c r="H451761" s="12"/>
    </row>
    <row r="451762" spans="8:8">
      <c r="H451762" s="12"/>
    </row>
    <row r="451763" spans="8:8">
      <c r="H451763" s="12"/>
    </row>
    <row r="451764" spans="8:8">
      <c r="H451764" s="12"/>
    </row>
    <row r="451765" spans="8:8">
      <c r="H451765" s="12"/>
    </row>
    <row r="451766" spans="8:8">
      <c r="H451766" s="12"/>
    </row>
    <row r="451767" spans="8:8">
      <c r="H451767" s="12"/>
    </row>
    <row r="451768" spans="8:8">
      <c r="H451768" s="12"/>
    </row>
    <row r="451769" spans="8:8">
      <c r="H451769" s="12"/>
    </row>
    <row r="451770" spans="8:8">
      <c r="H451770" s="12"/>
    </row>
    <row r="451771" spans="8:8">
      <c r="H451771" s="12"/>
    </row>
    <row r="451772" spans="8:8">
      <c r="H451772" s="12"/>
    </row>
    <row r="451773" spans="8:8">
      <c r="H451773" s="12"/>
    </row>
    <row r="451774" spans="8:8">
      <c r="H451774" s="12"/>
    </row>
    <row r="451775" spans="8:8">
      <c r="H451775" s="12"/>
    </row>
    <row r="451776" spans="8:8">
      <c r="H451776" s="12"/>
    </row>
    <row r="451777" spans="8:8">
      <c r="H451777" s="12"/>
    </row>
    <row r="451778" spans="8:8">
      <c r="H451778" s="12"/>
    </row>
    <row r="451779" spans="8:8">
      <c r="H451779" s="12"/>
    </row>
    <row r="451780" spans="8:8">
      <c r="H451780" s="12"/>
    </row>
    <row r="451781" spans="8:8">
      <c r="H451781" s="12"/>
    </row>
    <row r="451782" spans="8:8">
      <c r="H451782" s="12"/>
    </row>
    <row r="451783" spans="8:8">
      <c r="H451783" s="12"/>
    </row>
    <row r="451784" spans="8:8">
      <c r="H451784" s="12"/>
    </row>
    <row r="451785" spans="8:8">
      <c r="H451785" s="12"/>
    </row>
    <row r="451786" spans="8:8">
      <c r="H451786" s="12"/>
    </row>
    <row r="451787" spans="8:8">
      <c r="H451787" s="12"/>
    </row>
    <row r="451788" spans="8:8">
      <c r="H451788" s="12"/>
    </row>
    <row r="451789" spans="8:8">
      <c r="H451789" s="12"/>
    </row>
    <row r="451790" spans="8:8">
      <c r="H451790" s="12"/>
    </row>
    <row r="451791" spans="8:8">
      <c r="H451791" s="12"/>
    </row>
    <row r="451792" spans="8:8">
      <c r="H451792" s="12"/>
    </row>
    <row r="451793" spans="8:8">
      <c r="H451793" s="12"/>
    </row>
    <row r="451794" spans="8:8">
      <c r="H451794" s="12"/>
    </row>
    <row r="451795" spans="8:8">
      <c r="H451795" s="12"/>
    </row>
    <row r="451796" spans="8:8">
      <c r="H451796" s="12"/>
    </row>
    <row r="451797" spans="8:8">
      <c r="H451797" s="12"/>
    </row>
    <row r="451798" spans="8:8">
      <c r="H451798" s="12"/>
    </row>
    <row r="451799" spans="8:8">
      <c r="H451799" s="12"/>
    </row>
    <row r="451800" spans="8:8">
      <c r="H451800" s="12"/>
    </row>
    <row r="451801" spans="8:8">
      <c r="H451801" s="12"/>
    </row>
    <row r="451802" spans="8:8">
      <c r="H451802" s="12"/>
    </row>
    <row r="451803" spans="8:8">
      <c r="H451803" s="12"/>
    </row>
    <row r="451804" spans="8:8">
      <c r="H451804" s="12"/>
    </row>
    <row r="451805" spans="8:8">
      <c r="H451805" s="12"/>
    </row>
    <row r="451806" spans="8:8">
      <c r="H451806" s="12"/>
    </row>
    <row r="451807" spans="8:8">
      <c r="H451807" s="12"/>
    </row>
    <row r="451808" spans="8:8">
      <c r="H451808" s="12"/>
    </row>
    <row r="451809" spans="8:8">
      <c r="H451809" s="12"/>
    </row>
    <row r="451810" spans="8:8">
      <c r="H451810" s="12"/>
    </row>
    <row r="451811" spans="8:8">
      <c r="H451811" s="12"/>
    </row>
    <row r="451812" spans="8:8">
      <c r="H451812" s="12"/>
    </row>
    <row r="451813" spans="8:8">
      <c r="H451813" s="12"/>
    </row>
    <row r="451814" spans="8:8">
      <c r="H451814" s="12"/>
    </row>
    <row r="451815" spans="8:8">
      <c r="H451815" s="12"/>
    </row>
    <row r="451816" spans="8:8">
      <c r="H451816" s="12"/>
    </row>
    <row r="451817" spans="8:8">
      <c r="H451817" s="12"/>
    </row>
    <row r="451818" spans="8:8">
      <c r="H451818" s="12"/>
    </row>
    <row r="451819" spans="8:8">
      <c r="H451819" s="12"/>
    </row>
    <row r="451820" spans="8:8">
      <c r="H451820" s="12"/>
    </row>
    <row r="451821" spans="8:8">
      <c r="H451821" s="12"/>
    </row>
    <row r="451822" spans="8:8">
      <c r="H451822" s="12"/>
    </row>
    <row r="451823" spans="8:8">
      <c r="H451823" s="12"/>
    </row>
    <row r="451824" spans="8:8">
      <c r="H451824" s="12"/>
    </row>
    <row r="451825" spans="8:8">
      <c r="H451825" s="12"/>
    </row>
    <row r="451826" spans="8:8">
      <c r="H451826" s="12"/>
    </row>
    <row r="451827" spans="8:8">
      <c r="H451827" s="12"/>
    </row>
    <row r="451828" spans="8:8">
      <c r="H451828" s="12"/>
    </row>
    <row r="451829" spans="8:8">
      <c r="H451829" s="12"/>
    </row>
    <row r="451830" spans="8:8">
      <c r="H451830" s="12"/>
    </row>
    <row r="451831" spans="8:8">
      <c r="H451831" s="12"/>
    </row>
    <row r="451832" spans="8:8">
      <c r="H451832" s="12"/>
    </row>
    <row r="451833" spans="8:8">
      <c r="H451833" s="12"/>
    </row>
    <row r="451834" spans="8:8">
      <c r="H451834" s="12"/>
    </row>
    <row r="451835" spans="8:8">
      <c r="H451835" s="12"/>
    </row>
    <row r="451836" spans="8:8">
      <c r="H451836" s="12"/>
    </row>
    <row r="451837" spans="8:8">
      <c r="H451837" s="12"/>
    </row>
    <row r="451838" spans="8:8">
      <c r="H451838" s="12"/>
    </row>
    <row r="451839" spans="8:8">
      <c r="H451839" s="12"/>
    </row>
    <row r="451840" spans="8:8">
      <c r="H451840" s="12"/>
    </row>
    <row r="451841" spans="8:8">
      <c r="H451841" s="12"/>
    </row>
    <row r="451842" spans="8:8">
      <c r="H451842" s="12"/>
    </row>
    <row r="451843" spans="8:8">
      <c r="H451843" s="12"/>
    </row>
    <row r="451844" spans="8:8">
      <c r="H451844" s="12"/>
    </row>
    <row r="451845" spans="8:8">
      <c r="H451845" s="12"/>
    </row>
    <row r="451846" spans="8:8">
      <c r="H451846" s="12"/>
    </row>
    <row r="451847" spans="8:8">
      <c r="H451847" s="12"/>
    </row>
    <row r="451848" spans="8:8">
      <c r="H451848" s="12"/>
    </row>
    <row r="451849" spans="8:8">
      <c r="H451849" s="12"/>
    </row>
    <row r="451850" spans="8:8">
      <c r="H451850" s="12"/>
    </row>
    <row r="451851" spans="8:8">
      <c r="H451851" s="12"/>
    </row>
    <row r="451852" spans="8:8">
      <c r="H451852" s="12"/>
    </row>
    <row r="451853" spans="8:8">
      <c r="H451853" s="12"/>
    </row>
    <row r="451854" spans="8:8">
      <c r="H451854" s="12"/>
    </row>
    <row r="451855" spans="8:8">
      <c r="H451855" s="12"/>
    </row>
    <row r="451856" spans="8:8">
      <c r="H451856" s="12"/>
    </row>
    <row r="451857" spans="8:8">
      <c r="H451857" s="12"/>
    </row>
    <row r="451858" spans="8:8">
      <c r="H451858" s="12"/>
    </row>
    <row r="451859" spans="8:8">
      <c r="H451859" s="12"/>
    </row>
    <row r="451860" spans="8:8">
      <c r="H451860" s="12"/>
    </row>
    <row r="451861" spans="8:8">
      <c r="H451861" s="12"/>
    </row>
    <row r="451862" spans="8:8">
      <c r="H451862" s="12"/>
    </row>
    <row r="451863" spans="8:8">
      <c r="H451863" s="12"/>
    </row>
    <row r="451864" spans="8:8">
      <c r="H451864" s="12"/>
    </row>
    <row r="451865" spans="8:8">
      <c r="H451865" s="12"/>
    </row>
    <row r="451866" spans="8:8">
      <c r="H451866" s="12"/>
    </row>
    <row r="451867" spans="8:8">
      <c r="H451867" s="12"/>
    </row>
    <row r="451868" spans="8:8">
      <c r="H451868" s="12"/>
    </row>
    <row r="451869" spans="8:8">
      <c r="H451869" s="12"/>
    </row>
    <row r="451870" spans="8:8">
      <c r="H451870" s="12"/>
    </row>
    <row r="451871" spans="8:8">
      <c r="H451871" s="12"/>
    </row>
    <row r="451872" spans="8:8">
      <c r="H451872" s="12"/>
    </row>
    <row r="451873" spans="8:8">
      <c r="H451873" s="12"/>
    </row>
    <row r="451874" spans="8:8">
      <c r="H451874" s="12"/>
    </row>
    <row r="451875" spans="8:8">
      <c r="H451875" s="12"/>
    </row>
    <row r="451876" spans="8:8">
      <c r="H451876" s="12"/>
    </row>
    <row r="451877" spans="8:8">
      <c r="H451877" s="12"/>
    </row>
    <row r="451878" spans="8:8">
      <c r="H451878" s="12"/>
    </row>
    <row r="451879" spans="8:8">
      <c r="H451879" s="12"/>
    </row>
    <row r="451880" spans="8:8">
      <c r="H451880" s="12"/>
    </row>
    <row r="451881" spans="8:8">
      <c r="H451881" s="12"/>
    </row>
    <row r="451882" spans="8:8">
      <c r="H451882" s="12"/>
    </row>
    <row r="451883" spans="8:8">
      <c r="H451883" s="12"/>
    </row>
    <row r="451884" spans="8:8">
      <c r="H451884" s="12"/>
    </row>
    <row r="451885" spans="8:8">
      <c r="H451885" s="12"/>
    </row>
    <row r="451886" spans="8:8">
      <c r="H451886" s="12"/>
    </row>
    <row r="451887" spans="8:8">
      <c r="H451887" s="12"/>
    </row>
    <row r="451888" spans="8:8">
      <c r="H451888" s="12"/>
    </row>
    <row r="451889" spans="8:8">
      <c r="H451889" s="12"/>
    </row>
    <row r="451890" spans="8:8">
      <c r="H451890" s="12"/>
    </row>
    <row r="451891" spans="8:8">
      <c r="H451891" s="12"/>
    </row>
    <row r="451892" spans="8:8">
      <c r="H451892" s="12"/>
    </row>
    <row r="451893" spans="8:8">
      <c r="H451893" s="12"/>
    </row>
    <row r="451894" spans="8:8">
      <c r="H451894" s="12"/>
    </row>
    <row r="451895" spans="8:8">
      <c r="H451895" s="12"/>
    </row>
    <row r="451896" spans="8:8">
      <c r="H451896" s="12"/>
    </row>
    <row r="451897" spans="8:8">
      <c r="H451897" s="12"/>
    </row>
    <row r="451898" spans="8:8">
      <c r="H451898" s="12"/>
    </row>
    <row r="451899" spans="8:8">
      <c r="H451899" s="12"/>
    </row>
    <row r="451900" spans="8:8">
      <c r="H451900" s="12"/>
    </row>
    <row r="451901" spans="8:8">
      <c r="H451901" s="12"/>
    </row>
    <row r="451902" spans="8:8">
      <c r="H451902" s="12"/>
    </row>
    <row r="451903" spans="8:8">
      <c r="H451903" s="12"/>
    </row>
    <row r="451904" spans="8:8">
      <c r="H451904" s="12"/>
    </row>
    <row r="451905" spans="8:8">
      <c r="H451905" s="12"/>
    </row>
    <row r="451906" spans="8:8">
      <c r="H451906" s="12"/>
    </row>
    <row r="451907" spans="8:8">
      <c r="H451907" s="12"/>
    </row>
    <row r="451908" spans="8:8">
      <c r="H451908" s="12"/>
    </row>
    <row r="451909" spans="8:8">
      <c r="H451909" s="12"/>
    </row>
    <row r="451910" spans="8:8">
      <c r="H451910" s="12"/>
    </row>
    <row r="451911" spans="8:8">
      <c r="H451911" s="12"/>
    </row>
    <row r="451912" spans="8:8">
      <c r="H451912" s="12"/>
    </row>
    <row r="451913" spans="8:8">
      <c r="H451913" s="12"/>
    </row>
    <row r="451914" spans="8:8">
      <c r="H451914" s="12"/>
    </row>
    <row r="451915" spans="8:8">
      <c r="H451915" s="12"/>
    </row>
    <row r="451916" spans="8:8">
      <c r="H451916" s="12"/>
    </row>
    <row r="451917" spans="8:8">
      <c r="H451917" s="12"/>
    </row>
    <row r="451918" spans="8:8">
      <c r="H451918" s="12"/>
    </row>
    <row r="451919" spans="8:8">
      <c r="H451919" s="12"/>
    </row>
    <row r="451920" spans="8:8">
      <c r="H451920" s="12"/>
    </row>
    <row r="451921" spans="8:8">
      <c r="H451921" s="12"/>
    </row>
    <row r="451922" spans="8:8">
      <c r="H451922" s="12"/>
    </row>
    <row r="451923" spans="8:8">
      <c r="H451923" s="12"/>
    </row>
    <row r="451924" spans="8:8">
      <c r="H451924" s="12"/>
    </row>
    <row r="451925" spans="8:8">
      <c r="H451925" s="12"/>
    </row>
    <row r="451926" spans="8:8">
      <c r="H451926" s="12"/>
    </row>
    <row r="451927" spans="8:8">
      <c r="H451927" s="12"/>
    </row>
    <row r="451928" spans="8:8">
      <c r="H451928" s="12"/>
    </row>
    <row r="451929" spans="8:8">
      <c r="H451929" s="12"/>
    </row>
    <row r="451930" spans="8:8">
      <c r="H451930" s="12"/>
    </row>
    <row r="451931" spans="8:8">
      <c r="H451931" s="12"/>
    </row>
    <row r="451932" spans="8:8">
      <c r="H451932" s="12"/>
    </row>
    <row r="451933" spans="8:8">
      <c r="H451933" s="12"/>
    </row>
    <row r="451934" spans="8:8">
      <c r="H451934" s="12"/>
    </row>
    <row r="451935" spans="8:8">
      <c r="H451935" s="12"/>
    </row>
    <row r="451936" spans="8:8">
      <c r="H451936" s="12"/>
    </row>
    <row r="451937" spans="8:8">
      <c r="H451937" s="12"/>
    </row>
    <row r="451938" spans="8:8">
      <c r="H451938" s="12"/>
    </row>
    <row r="451939" spans="8:8">
      <c r="H451939" s="12"/>
    </row>
    <row r="451940" spans="8:8">
      <c r="H451940" s="12"/>
    </row>
    <row r="451941" spans="8:8">
      <c r="H451941" s="12"/>
    </row>
    <row r="451942" spans="8:8">
      <c r="H451942" s="12"/>
    </row>
    <row r="451943" spans="8:8">
      <c r="H451943" s="12"/>
    </row>
    <row r="451944" spans="8:8">
      <c r="H451944" s="12"/>
    </row>
    <row r="451945" spans="8:8">
      <c r="H451945" s="12"/>
    </row>
    <row r="451946" spans="8:8">
      <c r="H451946" s="12"/>
    </row>
    <row r="451947" spans="8:8">
      <c r="H451947" s="12"/>
    </row>
    <row r="451948" spans="8:8">
      <c r="H451948" s="12"/>
    </row>
    <row r="451949" spans="8:8">
      <c r="H451949" s="12"/>
    </row>
    <row r="451950" spans="8:8">
      <c r="H451950" s="12"/>
    </row>
    <row r="451951" spans="8:8">
      <c r="H451951" s="12"/>
    </row>
    <row r="451952" spans="8:8">
      <c r="H451952" s="12"/>
    </row>
    <row r="451953" spans="8:8">
      <c r="H451953" s="12"/>
    </row>
    <row r="451954" spans="8:8">
      <c r="H451954" s="12"/>
    </row>
    <row r="451955" spans="8:8">
      <c r="H451955" s="12"/>
    </row>
    <row r="451956" spans="8:8">
      <c r="H451956" s="12"/>
    </row>
    <row r="451957" spans="8:8">
      <c r="H451957" s="12"/>
    </row>
    <row r="451958" spans="8:8">
      <c r="H451958" s="12"/>
    </row>
    <row r="451959" spans="8:8">
      <c r="H451959" s="12"/>
    </row>
    <row r="451960" spans="8:8">
      <c r="H451960" s="12"/>
    </row>
    <row r="451961" spans="8:8">
      <c r="H451961" s="12"/>
    </row>
    <row r="451962" spans="8:8">
      <c r="H451962" s="12"/>
    </row>
    <row r="451963" spans="8:8">
      <c r="H451963" s="12"/>
    </row>
    <row r="451964" spans="8:8">
      <c r="H451964" s="12"/>
    </row>
    <row r="451965" spans="8:8">
      <c r="H451965" s="12"/>
    </row>
    <row r="451966" spans="8:8">
      <c r="H451966" s="12"/>
    </row>
    <row r="451967" spans="8:8">
      <c r="H451967" s="12"/>
    </row>
    <row r="451968" spans="8:8">
      <c r="H451968" s="12"/>
    </row>
    <row r="451969" spans="8:8">
      <c r="H451969" s="12"/>
    </row>
    <row r="451970" spans="8:8">
      <c r="H451970" s="12"/>
    </row>
    <row r="451971" spans="8:8">
      <c r="H451971" s="12"/>
    </row>
    <row r="451972" spans="8:8">
      <c r="H451972" s="12"/>
    </row>
    <row r="451973" spans="8:8">
      <c r="H451973" s="12"/>
    </row>
    <row r="451974" spans="8:8">
      <c r="H451974" s="12"/>
    </row>
    <row r="451975" spans="8:8">
      <c r="H451975" s="12"/>
    </row>
    <row r="451976" spans="8:8">
      <c r="H451976" s="12"/>
    </row>
    <row r="451977" spans="8:8">
      <c r="H451977" s="12"/>
    </row>
    <row r="451978" spans="8:8">
      <c r="H451978" s="12"/>
    </row>
    <row r="451979" spans="8:8">
      <c r="H451979" s="12"/>
    </row>
    <row r="451980" spans="8:8">
      <c r="H451980" s="12"/>
    </row>
    <row r="451981" spans="8:8">
      <c r="H451981" s="12"/>
    </row>
    <row r="451982" spans="8:8">
      <c r="H451982" s="12"/>
    </row>
    <row r="451983" spans="8:8">
      <c r="H451983" s="12"/>
    </row>
    <row r="451984" spans="8:8">
      <c r="H451984" s="12"/>
    </row>
    <row r="451985" spans="8:8">
      <c r="H451985" s="12"/>
    </row>
    <row r="451986" spans="8:8">
      <c r="H451986" s="12"/>
    </row>
    <row r="451987" spans="8:8">
      <c r="H451987" s="12"/>
    </row>
    <row r="451988" spans="8:8">
      <c r="H451988" s="12"/>
    </row>
    <row r="451989" spans="8:8">
      <c r="H451989" s="12"/>
    </row>
    <row r="451990" spans="8:8">
      <c r="H451990" s="12"/>
    </row>
    <row r="451991" spans="8:8">
      <c r="H451991" s="12"/>
    </row>
    <row r="451992" spans="8:8">
      <c r="H451992" s="12"/>
    </row>
    <row r="451993" spans="8:8">
      <c r="H451993" s="12"/>
    </row>
    <row r="451994" spans="8:8">
      <c r="H451994" s="12"/>
    </row>
    <row r="451995" spans="8:8">
      <c r="H451995" s="12"/>
    </row>
    <row r="451996" spans="8:8">
      <c r="H451996" s="12"/>
    </row>
    <row r="451997" spans="8:8">
      <c r="H451997" s="12"/>
    </row>
    <row r="451998" spans="8:8">
      <c r="H451998" s="12"/>
    </row>
    <row r="451999" spans="8:8">
      <c r="H451999" s="12"/>
    </row>
    <row r="452000" spans="8:8">
      <c r="H452000" s="12"/>
    </row>
    <row r="452001" spans="8:8">
      <c r="H452001" s="12"/>
    </row>
    <row r="452002" spans="8:8">
      <c r="H452002" s="12"/>
    </row>
    <row r="452003" spans="8:8">
      <c r="H452003" s="12"/>
    </row>
    <row r="452004" spans="8:8">
      <c r="H452004" s="12"/>
    </row>
    <row r="452005" spans="8:8">
      <c r="H452005" s="12"/>
    </row>
    <row r="452006" spans="8:8">
      <c r="H452006" s="12"/>
    </row>
    <row r="452007" spans="8:8">
      <c r="H452007" s="12"/>
    </row>
    <row r="452008" spans="8:8">
      <c r="H452008" s="12"/>
    </row>
    <row r="452009" spans="8:8">
      <c r="H452009" s="12"/>
    </row>
    <row r="452010" spans="8:8">
      <c r="H452010" s="12"/>
    </row>
    <row r="452011" spans="8:8">
      <c r="H452011" s="12"/>
    </row>
    <row r="452012" spans="8:8">
      <c r="H452012" s="12"/>
    </row>
    <row r="452013" spans="8:8">
      <c r="H452013" s="12"/>
    </row>
    <row r="452014" spans="8:8">
      <c r="H452014" s="12"/>
    </row>
    <row r="452015" spans="8:8">
      <c r="H452015" s="12"/>
    </row>
    <row r="452016" spans="8:8">
      <c r="H452016" s="12"/>
    </row>
    <row r="452017" spans="8:8">
      <c r="H452017" s="12"/>
    </row>
    <row r="452018" spans="8:8">
      <c r="H452018" s="12"/>
    </row>
    <row r="452019" spans="8:8">
      <c r="H452019" s="12"/>
    </row>
    <row r="452020" spans="8:8">
      <c r="H452020" s="12"/>
    </row>
    <row r="452021" spans="8:8">
      <c r="H452021" s="12"/>
    </row>
    <row r="452022" spans="8:8">
      <c r="H452022" s="12"/>
    </row>
    <row r="452023" spans="8:8">
      <c r="H452023" s="12"/>
    </row>
    <row r="452024" spans="8:8">
      <c r="H452024" s="12"/>
    </row>
    <row r="452025" spans="8:8">
      <c r="H452025" s="12"/>
    </row>
    <row r="452026" spans="8:8">
      <c r="H452026" s="12"/>
    </row>
    <row r="452027" spans="8:8">
      <c r="H452027" s="12"/>
    </row>
    <row r="452028" spans="8:8">
      <c r="H452028" s="12"/>
    </row>
    <row r="452029" spans="8:8">
      <c r="H452029" s="12"/>
    </row>
    <row r="452030" spans="8:8">
      <c r="H452030" s="12"/>
    </row>
    <row r="452031" spans="8:8">
      <c r="H452031" s="12"/>
    </row>
    <row r="452032" spans="8:8">
      <c r="H452032" s="12"/>
    </row>
    <row r="452033" spans="8:8">
      <c r="H452033" s="12"/>
    </row>
    <row r="452034" spans="8:8">
      <c r="H452034" s="12"/>
    </row>
    <row r="452035" spans="8:8">
      <c r="H452035" s="12"/>
    </row>
    <row r="452036" spans="8:8">
      <c r="H452036" s="12"/>
    </row>
    <row r="452037" spans="8:8">
      <c r="H452037" s="12"/>
    </row>
    <row r="452038" spans="8:8">
      <c r="H452038" s="12"/>
    </row>
    <row r="452039" spans="8:8">
      <c r="H452039" s="12"/>
    </row>
    <row r="452040" spans="8:8">
      <c r="H452040" s="12"/>
    </row>
    <row r="452041" spans="8:8">
      <c r="H452041" s="12"/>
    </row>
    <row r="452042" spans="8:8">
      <c r="H452042" s="12"/>
    </row>
    <row r="452043" spans="8:8">
      <c r="H452043" s="12"/>
    </row>
    <row r="452044" spans="8:8">
      <c r="H452044" s="12"/>
    </row>
    <row r="452045" spans="8:8">
      <c r="H452045" s="12"/>
    </row>
    <row r="452046" spans="8:8">
      <c r="H452046" s="12"/>
    </row>
    <row r="452047" spans="8:8">
      <c r="H452047" s="12"/>
    </row>
    <row r="452048" spans="8:8">
      <c r="H452048" s="12"/>
    </row>
    <row r="452049" spans="8:8">
      <c r="H452049" s="12"/>
    </row>
    <row r="452050" spans="8:8">
      <c r="H452050" s="12"/>
    </row>
    <row r="452051" spans="8:8">
      <c r="H452051" s="12"/>
    </row>
    <row r="452052" spans="8:8">
      <c r="H452052" s="12"/>
    </row>
    <row r="452053" spans="8:8">
      <c r="H452053" s="12"/>
    </row>
    <row r="452054" spans="8:8">
      <c r="H452054" s="12"/>
    </row>
    <row r="452055" spans="8:8">
      <c r="H452055" s="12"/>
    </row>
    <row r="452056" spans="8:8">
      <c r="H452056" s="12"/>
    </row>
    <row r="452057" spans="8:8">
      <c r="H452057" s="12"/>
    </row>
    <row r="452058" spans="8:8">
      <c r="H452058" s="12"/>
    </row>
    <row r="452059" spans="8:8">
      <c r="H452059" s="12"/>
    </row>
    <row r="452060" spans="8:8">
      <c r="H452060" s="12"/>
    </row>
    <row r="452061" spans="8:8">
      <c r="H452061" s="12"/>
    </row>
    <row r="452062" spans="8:8">
      <c r="H452062" s="12"/>
    </row>
    <row r="452063" spans="8:8">
      <c r="H452063" s="12"/>
    </row>
    <row r="452064" spans="8:8">
      <c r="H452064" s="12"/>
    </row>
    <row r="452065" spans="8:8">
      <c r="H452065" s="12"/>
    </row>
    <row r="452066" spans="8:8">
      <c r="H452066" s="12"/>
    </row>
    <row r="452067" spans="8:8">
      <c r="H452067" s="12"/>
    </row>
    <row r="452068" spans="8:8">
      <c r="H452068" s="12"/>
    </row>
    <row r="452069" spans="8:8">
      <c r="H452069" s="12"/>
    </row>
    <row r="452070" spans="8:8">
      <c r="H452070" s="12"/>
    </row>
    <row r="452071" spans="8:8">
      <c r="H452071" s="12"/>
    </row>
    <row r="452072" spans="8:8">
      <c r="H452072" s="12"/>
    </row>
    <row r="452073" spans="8:8">
      <c r="H452073" s="12"/>
    </row>
    <row r="452074" spans="8:8">
      <c r="H452074" s="12"/>
    </row>
    <row r="452075" spans="8:8">
      <c r="H452075" s="12"/>
    </row>
    <row r="452076" spans="8:8">
      <c r="H452076" s="12"/>
    </row>
    <row r="452077" spans="8:8">
      <c r="H452077" s="12"/>
    </row>
    <row r="452078" spans="8:8">
      <c r="H452078" s="12"/>
    </row>
    <row r="452079" spans="8:8">
      <c r="H452079" s="12"/>
    </row>
    <row r="452080" spans="8:8">
      <c r="H452080" s="12"/>
    </row>
    <row r="452081" spans="8:8">
      <c r="H452081" s="12"/>
    </row>
    <row r="452082" spans="8:8">
      <c r="H452082" s="12"/>
    </row>
    <row r="452083" spans="8:8">
      <c r="H452083" s="12"/>
    </row>
    <row r="452084" spans="8:8">
      <c r="H452084" s="12"/>
    </row>
    <row r="452085" spans="8:8">
      <c r="H452085" s="12"/>
    </row>
    <row r="452086" spans="8:8">
      <c r="H452086" s="12"/>
    </row>
    <row r="452087" spans="8:8">
      <c r="H452087" s="12"/>
    </row>
    <row r="452088" spans="8:8">
      <c r="H452088" s="12"/>
    </row>
    <row r="452089" spans="8:8">
      <c r="H452089" s="12"/>
    </row>
    <row r="452090" spans="8:8">
      <c r="H452090" s="12"/>
    </row>
    <row r="452091" spans="8:8">
      <c r="H452091" s="12"/>
    </row>
    <row r="452092" spans="8:8">
      <c r="H452092" s="12"/>
    </row>
    <row r="452093" spans="8:8">
      <c r="H452093" s="12"/>
    </row>
    <row r="452094" spans="8:8">
      <c r="H452094" s="12"/>
    </row>
    <row r="452095" spans="8:8">
      <c r="H452095" s="12"/>
    </row>
    <row r="452096" spans="8:8">
      <c r="H452096" s="12"/>
    </row>
    <row r="452097" spans="8:8">
      <c r="H452097" s="12"/>
    </row>
    <row r="452098" spans="8:8">
      <c r="H452098" s="12"/>
    </row>
    <row r="452099" spans="8:8">
      <c r="H452099" s="12"/>
    </row>
    <row r="452100" spans="8:8">
      <c r="H452100" s="12"/>
    </row>
    <row r="452101" spans="8:8">
      <c r="H452101" s="12"/>
    </row>
    <row r="452102" spans="8:8">
      <c r="H452102" s="12"/>
    </row>
    <row r="452103" spans="8:8">
      <c r="H452103" s="12"/>
    </row>
    <row r="452104" spans="8:8">
      <c r="H452104" s="12"/>
    </row>
    <row r="452105" spans="8:8">
      <c r="H452105" s="12"/>
    </row>
    <row r="452106" spans="8:8">
      <c r="H452106" s="12"/>
    </row>
    <row r="452107" spans="8:8">
      <c r="H452107" s="12"/>
    </row>
    <row r="452108" spans="8:8">
      <c r="H452108" s="12"/>
    </row>
    <row r="452109" spans="8:8">
      <c r="H452109" s="12"/>
    </row>
    <row r="452110" spans="8:8">
      <c r="H452110" s="12"/>
    </row>
    <row r="452111" spans="8:8">
      <c r="H452111" s="12"/>
    </row>
    <row r="452112" spans="8:8">
      <c r="H452112" s="12"/>
    </row>
    <row r="452113" spans="8:8">
      <c r="H452113" s="12"/>
    </row>
    <row r="452114" spans="8:8">
      <c r="H452114" s="12"/>
    </row>
    <row r="452115" spans="8:8">
      <c r="H452115" s="12"/>
    </row>
    <row r="452116" spans="8:8">
      <c r="H452116" s="12"/>
    </row>
    <row r="452117" spans="8:8">
      <c r="H452117" s="12"/>
    </row>
    <row r="452118" spans="8:8">
      <c r="H452118" s="12"/>
    </row>
    <row r="452119" spans="8:8">
      <c r="H452119" s="12"/>
    </row>
    <row r="452120" spans="8:8">
      <c r="H452120" s="12"/>
    </row>
    <row r="452121" spans="8:8">
      <c r="H452121" s="12"/>
    </row>
    <row r="452122" spans="8:8">
      <c r="H452122" s="12"/>
    </row>
    <row r="452123" spans="8:8">
      <c r="H452123" s="12"/>
    </row>
    <row r="452124" spans="8:8">
      <c r="H452124" s="12"/>
    </row>
    <row r="452125" spans="8:8">
      <c r="H452125" s="12"/>
    </row>
    <row r="452126" spans="8:8">
      <c r="H452126" s="12"/>
    </row>
    <row r="452127" spans="8:8">
      <c r="H452127" s="12"/>
    </row>
    <row r="452128" spans="8:8">
      <c r="H452128" s="12"/>
    </row>
    <row r="452129" spans="8:8">
      <c r="H452129" s="12"/>
    </row>
    <row r="452130" spans="8:8">
      <c r="H452130" s="12"/>
    </row>
    <row r="452131" spans="8:8">
      <c r="H452131" s="12"/>
    </row>
    <row r="452132" spans="8:8">
      <c r="H452132" s="12"/>
    </row>
    <row r="452133" spans="8:8">
      <c r="H452133" s="12"/>
    </row>
    <row r="452134" spans="8:8">
      <c r="H452134" s="12"/>
    </row>
    <row r="452135" spans="8:8">
      <c r="H452135" s="12"/>
    </row>
    <row r="452136" spans="8:8">
      <c r="H452136" s="12"/>
    </row>
    <row r="452137" spans="8:8">
      <c r="H452137" s="12"/>
    </row>
    <row r="452138" spans="8:8">
      <c r="H452138" s="12"/>
    </row>
    <row r="452139" spans="8:8">
      <c r="H452139" s="12"/>
    </row>
    <row r="452140" spans="8:8">
      <c r="H452140" s="12"/>
    </row>
    <row r="452141" spans="8:8">
      <c r="H452141" s="12"/>
    </row>
    <row r="452142" spans="8:8">
      <c r="H452142" s="12"/>
    </row>
    <row r="452143" spans="8:8">
      <c r="H452143" s="12"/>
    </row>
    <row r="452144" spans="8:8">
      <c r="H452144" s="12"/>
    </row>
    <row r="452145" spans="8:8">
      <c r="H452145" s="12"/>
    </row>
    <row r="452146" spans="8:8">
      <c r="H452146" s="12"/>
    </row>
    <row r="452147" spans="8:8">
      <c r="H452147" s="12"/>
    </row>
    <row r="452148" spans="8:8">
      <c r="H452148" s="12"/>
    </row>
    <row r="452149" spans="8:8">
      <c r="H452149" s="12"/>
    </row>
    <row r="452150" spans="8:8">
      <c r="H452150" s="12"/>
    </row>
    <row r="452151" spans="8:8">
      <c r="H452151" s="12"/>
    </row>
    <row r="452152" spans="8:8">
      <c r="H452152" s="12"/>
    </row>
    <row r="452153" spans="8:8">
      <c r="H452153" s="12"/>
    </row>
    <row r="452154" spans="8:8">
      <c r="H452154" s="12"/>
    </row>
    <row r="452155" spans="8:8">
      <c r="H452155" s="12"/>
    </row>
    <row r="452156" spans="8:8">
      <c r="H452156" s="12"/>
    </row>
    <row r="452157" spans="8:8">
      <c r="H452157" s="12"/>
    </row>
    <row r="452158" spans="8:8">
      <c r="H452158" s="12"/>
    </row>
    <row r="452159" spans="8:8">
      <c r="H452159" s="12"/>
    </row>
    <row r="452160" spans="8:8">
      <c r="H452160" s="12"/>
    </row>
    <row r="452161" spans="8:8">
      <c r="H452161" s="12"/>
    </row>
    <row r="452162" spans="8:8">
      <c r="H452162" s="12"/>
    </row>
    <row r="452163" spans="8:8">
      <c r="H452163" s="12"/>
    </row>
    <row r="452164" spans="8:8">
      <c r="H452164" s="12"/>
    </row>
    <row r="452165" spans="8:8">
      <c r="H452165" s="12"/>
    </row>
    <row r="452166" spans="8:8">
      <c r="H452166" s="12"/>
    </row>
    <row r="452167" spans="8:8">
      <c r="H452167" s="12"/>
    </row>
    <row r="452168" spans="8:8">
      <c r="H452168" s="12"/>
    </row>
    <row r="452169" spans="8:8">
      <c r="H452169" s="12"/>
    </row>
    <row r="452170" spans="8:8">
      <c r="H452170" s="12"/>
    </row>
    <row r="452171" spans="8:8">
      <c r="H452171" s="12"/>
    </row>
    <row r="452172" spans="8:8">
      <c r="H452172" s="12"/>
    </row>
    <row r="452173" spans="8:8">
      <c r="H452173" s="12"/>
    </row>
    <row r="452174" spans="8:8">
      <c r="H452174" s="12"/>
    </row>
    <row r="452175" spans="8:8">
      <c r="H452175" s="12"/>
    </row>
    <row r="452176" spans="8:8">
      <c r="H452176" s="12"/>
    </row>
    <row r="452177" spans="8:8">
      <c r="H452177" s="12"/>
    </row>
    <row r="452178" spans="8:8">
      <c r="H452178" s="12"/>
    </row>
    <row r="452179" spans="8:8">
      <c r="H452179" s="12"/>
    </row>
    <row r="452180" spans="8:8">
      <c r="H452180" s="12"/>
    </row>
    <row r="452181" spans="8:8">
      <c r="H452181" s="12"/>
    </row>
    <row r="452182" spans="8:8">
      <c r="H452182" s="12"/>
    </row>
    <row r="452183" spans="8:8">
      <c r="H452183" s="12"/>
    </row>
    <row r="452184" spans="8:8">
      <c r="H452184" s="12"/>
    </row>
    <row r="452185" spans="8:8">
      <c r="H452185" s="12"/>
    </row>
    <row r="452186" spans="8:8">
      <c r="H452186" s="12"/>
    </row>
    <row r="452187" spans="8:8">
      <c r="H452187" s="12"/>
    </row>
    <row r="452188" spans="8:8">
      <c r="H452188" s="12"/>
    </row>
    <row r="452189" spans="8:8">
      <c r="H452189" s="12"/>
    </row>
    <row r="452190" spans="8:8">
      <c r="H452190" s="12"/>
    </row>
    <row r="452191" spans="8:8">
      <c r="H452191" s="12"/>
    </row>
    <row r="452192" spans="8:8">
      <c r="H452192" s="12"/>
    </row>
    <row r="452193" spans="8:8">
      <c r="H452193" s="12"/>
    </row>
    <row r="452194" spans="8:8">
      <c r="H452194" s="12"/>
    </row>
    <row r="452195" spans="8:8">
      <c r="H452195" s="12"/>
    </row>
    <row r="452196" spans="8:8">
      <c r="H452196" s="12"/>
    </row>
    <row r="452197" spans="8:8">
      <c r="H452197" s="12"/>
    </row>
    <row r="452198" spans="8:8">
      <c r="H452198" s="12"/>
    </row>
    <row r="452199" spans="8:8">
      <c r="H452199" s="12"/>
    </row>
    <row r="452200" spans="8:8">
      <c r="H452200" s="12"/>
    </row>
    <row r="452201" spans="8:8">
      <c r="H452201" s="12"/>
    </row>
    <row r="452202" spans="8:8">
      <c r="H452202" s="12"/>
    </row>
    <row r="452203" spans="8:8">
      <c r="H452203" s="12"/>
    </row>
    <row r="452204" spans="8:8">
      <c r="H452204" s="12"/>
    </row>
    <row r="452205" spans="8:8">
      <c r="H452205" s="12"/>
    </row>
    <row r="452206" spans="8:8">
      <c r="H452206" s="12"/>
    </row>
    <row r="452207" spans="8:8">
      <c r="H452207" s="12"/>
    </row>
    <row r="452208" spans="8:8">
      <c r="H452208" s="12"/>
    </row>
    <row r="452209" spans="8:8">
      <c r="H452209" s="12"/>
    </row>
    <row r="452210" spans="8:8">
      <c r="H452210" s="12"/>
    </row>
    <row r="452211" spans="8:8">
      <c r="H452211" s="12"/>
    </row>
    <row r="452212" spans="8:8">
      <c r="H452212" s="12"/>
    </row>
    <row r="452213" spans="8:8">
      <c r="H452213" s="12"/>
    </row>
    <row r="452214" spans="8:8">
      <c r="H452214" s="12"/>
    </row>
    <row r="452215" spans="8:8">
      <c r="H452215" s="12"/>
    </row>
    <row r="452216" spans="8:8">
      <c r="H452216" s="12"/>
    </row>
    <row r="452217" spans="8:8">
      <c r="H452217" s="12"/>
    </row>
    <row r="452218" spans="8:8">
      <c r="H452218" s="12"/>
    </row>
    <row r="452219" spans="8:8">
      <c r="H452219" s="12"/>
    </row>
    <row r="452220" spans="8:8">
      <c r="H452220" s="12"/>
    </row>
    <row r="452221" spans="8:8">
      <c r="H452221" s="12"/>
    </row>
    <row r="452222" spans="8:8">
      <c r="H452222" s="12"/>
    </row>
    <row r="452223" spans="8:8">
      <c r="H452223" s="12"/>
    </row>
    <row r="452224" spans="8:8">
      <c r="H452224" s="12"/>
    </row>
    <row r="452225" spans="8:8">
      <c r="H452225" s="12"/>
    </row>
    <row r="452226" spans="8:8">
      <c r="H452226" s="12"/>
    </row>
    <row r="452227" spans="8:8">
      <c r="H452227" s="12"/>
    </row>
    <row r="452228" spans="8:8">
      <c r="H452228" s="12"/>
    </row>
    <row r="452229" spans="8:8">
      <c r="H452229" s="12"/>
    </row>
    <row r="452230" spans="8:8">
      <c r="H452230" s="12"/>
    </row>
    <row r="452231" spans="8:8">
      <c r="H452231" s="12"/>
    </row>
    <row r="452232" spans="8:8">
      <c r="H452232" s="12"/>
    </row>
    <row r="452233" spans="8:8">
      <c r="H452233" s="12"/>
    </row>
    <row r="452234" spans="8:8">
      <c r="H452234" s="12"/>
    </row>
    <row r="452235" spans="8:8">
      <c r="H452235" s="12"/>
    </row>
    <row r="452236" spans="8:8">
      <c r="H452236" s="12"/>
    </row>
    <row r="452237" spans="8:8">
      <c r="H452237" s="12"/>
    </row>
    <row r="452238" spans="8:8">
      <c r="H452238" s="12"/>
    </row>
    <row r="452239" spans="8:8">
      <c r="H452239" s="12"/>
    </row>
    <row r="452240" spans="8:8">
      <c r="H452240" s="12"/>
    </row>
    <row r="452241" spans="8:8">
      <c r="H452241" s="12"/>
    </row>
    <row r="452242" spans="8:8">
      <c r="H452242" s="12"/>
    </row>
    <row r="452243" spans="8:8">
      <c r="H452243" s="12"/>
    </row>
    <row r="452244" spans="8:8">
      <c r="H452244" s="12"/>
    </row>
    <row r="452245" spans="8:8">
      <c r="H452245" s="12"/>
    </row>
    <row r="452246" spans="8:8">
      <c r="H452246" s="12"/>
    </row>
    <row r="452247" spans="8:8">
      <c r="H452247" s="12"/>
    </row>
    <row r="452248" spans="8:8">
      <c r="H452248" s="12"/>
    </row>
    <row r="452249" spans="8:8">
      <c r="H452249" s="12"/>
    </row>
    <row r="452250" spans="8:8">
      <c r="H452250" s="12"/>
    </row>
    <row r="452251" spans="8:8">
      <c r="H452251" s="12"/>
    </row>
    <row r="452252" spans="8:8">
      <c r="H452252" s="12"/>
    </row>
    <row r="452253" spans="8:8">
      <c r="H452253" s="12"/>
    </row>
    <row r="452254" spans="8:8">
      <c r="H452254" s="12"/>
    </row>
    <row r="452255" spans="8:8">
      <c r="H452255" s="12"/>
    </row>
    <row r="452256" spans="8:8">
      <c r="H452256" s="12"/>
    </row>
    <row r="452257" spans="8:8">
      <c r="H452257" s="12"/>
    </row>
    <row r="452258" spans="8:8">
      <c r="H452258" s="12"/>
    </row>
    <row r="452259" spans="8:8">
      <c r="H452259" s="12"/>
    </row>
    <row r="452260" spans="8:8">
      <c r="H452260" s="12"/>
    </row>
    <row r="452261" spans="8:8">
      <c r="H452261" s="12"/>
    </row>
    <row r="452262" spans="8:8">
      <c r="H452262" s="12"/>
    </row>
    <row r="452263" spans="8:8">
      <c r="H452263" s="12"/>
    </row>
    <row r="452264" spans="8:8">
      <c r="H452264" s="12"/>
    </row>
    <row r="452265" spans="8:8">
      <c r="H452265" s="12"/>
    </row>
    <row r="452266" spans="8:8">
      <c r="H452266" s="12"/>
    </row>
    <row r="452267" spans="8:8">
      <c r="H452267" s="12"/>
    </row>
    <row r="452268" spans="8:8">
      <c r="H452268" s="12"/>
    </row>
    <row r="452269" spans="8:8">
      <c r="H452269" s="12"/>
    </row>
    <row r="452270" spans="8:8">
      <c r="H452270" s="12"/>
    </row>
    <row r="452271" spans="8:8">
      <c r="H452271" s="12"/>
    </row>
    <row r="452272" spans="8:8">
      <c r="H452272" s="12"/>
    </row>
    <row r="452273" spans="8:8">
      <c r="H452273" s="12"/>
    </row>
    <row r="452274" spans="8:8">
      <c r="H452274" s="12"/>
    </row>
    <row r="452275" spans="8:8">
      <c r="H452275" s="12"/>
    </row>
    <row r="452276" spans="8:8">
      <c r="H452276" s="12"/>
    </row>
    <row r="452277" spans="8:8">
      <c r="H452277" s="12"/>
    </row>
    <row r="452278" spans="8:8">
      <c r="H452278" s="12"/>
    </row>
    <row r="452279" spans="8:8">
      <c r="H452279" s="12"/>
    </row>
    <row r="452280" spans="8:8">
      <c r="H452280" s="12"/>
    </row>
    <row r="452281" spans="8:8">
      <c r="H452281" s="12"/>
    </row>
    <row r="452282" spans="8:8">
      <c r="H452282" s="12"/>
    </row>
    <row r="452283" spans="8:8">
      <c r="H452283" s="12"/>
    </row>
    <row r="452284" spans="8:8">
      <c r="H452284" s="12"/>
    </row>
    <row r="452285" spans="8:8">
      <c r="H452285" s="12"/>
    </row>
    <row r="452286" spans="8:8">
      <c r="H452286" s="12"/>
    </row>
    <row r="452287" spans="8:8">
      <c r="H452287" s="12"/>
    </row>
    <row r="452288" spans="8:8">
      <c r="H452288" s="12"/>
    </row>
    <row r="452289" spans="8:8">
      <c r="H452289" s="12"/>
    </row>
    <row r="452290" spans="8:8">
      <c r="H452290" s="12"/>
    </row>
    <row r="452291" spans="8:8">
      <c r="H452291" s="12"/>
    </row>
    <row r="452292" spans="8:8">
      <c r="H452292" s="12"/>
    </row>
    <row r="452293" spans="8:8">
      <c r="H452293" s="12"/>
    </row>
    <row r="452294" spans="8:8">
      <c r="H452294" s="12"/>
    </row>
    <row r="452295" spans="8:8">
      <c r="H452295" s="12"/>
    </row>
    <row r="452296" spans="8:8">
      <c r="H452296" s="12"/>
    </row>
    <row r="452297" spans="8:8">
      <c r="H452297" s="12"/>
    </row>
    <row r="452298" spans="8:8">
      <c r="H452298" s="12"/>
    </row>
    <row r="452299" spans="8:8">
      <c r="H452299" s="12"/>
    </row>
    <row r="452300" spans="8:8">
      <c r="H452300" s="12"/>
    </row>
    <row r="452301" spans="8:8">
      <c r="H452301" s="12"/>
    </row>
    <row r="452302" spans="8:8">
      <c r="H452302" s="12"/>
    </row>
    <row r="452303" spans="8:8">
      <c r="H452303" s="12"/>
    </row>
    <row r="452304" spans="8:8">
      <c r="H452304" s="12"/>
    </row>
    <row r="452305" spans="8:8">
      <c r="H452305" s="12"/>
    </row>
    <row r="452306" spans="8:8">
      <c r="H452306" s="12"/>
    </row>
    <row r="452307" spans="8:8">
      <c r="H452307" s="12"/>
    </row>
    <row r="452308" spans="8:8">
      <c r="H452308" s="12"/>
    </row>
    <row r="452309" spans="8:8">
      <c r="H452309" s="12"/>
    </row>
    <row r="452310" spans="8:8">
      <c r="H452310" s="12"/>
    </row>
    <row r="452311" spans="8:8">
      <c r="H452311" s="12"/>
    </row>
    <row r="452312" spans="8:8">
      <c r="H452312" s="12"/>
    </row>
    <row r="452313" spans="8:8">
      <c r="H452313" s="12"/>
    </row>
    <row r="452314" spans="8:8">
      <c r="H452314" s="12"/>
    </row>
    <row r="452315" spans="8:8">
      <c r="H452315" s="12"/>
    </row>
    <row r="452316" spans="8:8">
      <c r="H452316" s="12"/>
    </row>
    <row r="452317" spans="8:8">
      <c r="H452317" s="12"/>
    </row>
    <row r="452318" spans="8:8">
      <c r="H452318" s="12"/>
    </row>
    <row r="452319" spans="8:8">
      <c r="H452319" s="12"/>
    </row>
    <row r="452320" spans="8:8">
      <c r="H452320" s="12"/>
    </row>
    <row r="452321" spans="8:8">
      <c r="H452321" s="12"/>
    </row>
    <row r="452322" spans="8:8">
      <c r="H452322" s="12"/>
    </row>
    <row r="452323" spans="8:8">
      <c r="H452323" s="12"/>
    </row>
    <row r="452324" spans="8:8">
      <c r="H452324" s="12"/>
    </row>
    <row r="452325" spans="8:8">
      <c r="H452325" s="12"/>
    </row>
    <row r="452326" spans="8:8">
      <c r="H452326" s="12"/>
    </row>
    <row r="452327" spans="8:8">
      <c r="H452327" s="12"/>
    </row>
    <row r="452328" spans="8:8">
      <c r="H452328" s="12"/>
    </row>
    <row r="452329" spans="8:8">
      <c r="H452329" s="12"/>
    </row>
    <row r="452330" spans="8:8">
      <c r="H452330" s="12"/>
    </row>
    <row r="452331" spans="8:8">
      <c r="H452331" s="12"/>
    </row>
    <row r="452332" spans="8:8">
      <c r="H452332" s="12"/>
    </row>
    <row r="452333" spans="8:8">
      <c r="H452333" s="12"/>
    </row>
    <row r="452334" spans="8:8">
      <c r="H452334" s="12"/>
    </row>
    <row r="452335" spans="8:8">
      <c r="H452335" s="12"/>
    </row>
    <row r="452336" spans="8:8">
      <c r="H452336" s="12"/>
    </row>
    <row r="452337" spans="8:8">
      <c r="H452337" s="12"/>
    </row>
    <row r="452338" spans="8:8">
      <c r="H452338" s="12"/>
    </row>
    <row r="452339" spans="8:8">
      <c r="H452339" s="12"/>
    </row>
    <row r="452340" spans="8:8">
      <c r="H452340" s="12"/>
    </row>
    <row r="452341" spans="8:8">
      <c r="H452341" s="12"/>
    </row>
    <row r="452342" spans="8:8">
      <c r="H452342" s="12"/>
    </row>
    <row r="452343" spans="8:8">
      <c r="H452343" s="12"/>
    </row>
    <row r="452344" spans="8:8">
      <c r="H452344" s="12"/>
    </row>
    <row r="452345" spans="8:8">
      <c r="H452345" s="12"/>
    </row>
    <row r="452346" spans="8:8">
      <c r="H452346" s="12"/>
    </row>
    <row r="452347" spans="8:8">
      <c r="H452347" s="12"/>
    </row>
    <row r="452348" spans="8:8">
      <c r="H452348" s="12"/>
    </row>
    <row r="452349" spans="8:8">
      <c r="H452349" s="12"/>
    </row>
    <row r="452350" spans="8:8">
      <c r="H452350" s="12"/>
    </row>
    <row r="452351" spans="8:8">
      <c r="H452351" s="12"/>
    </row>
    <row r="452352" spans="8:8">
      <c r="H452352" s="12"/>
    </row>
    <row r="452353" spans="8:8">
      <c r="H452353" s="12"/>
    </row>
    <row r="452354" spans="8:8">
      <c r="H452354" s="12"/>
    </row>
    <row r="452355" spans="8:8">
      <c r="H452355" s="12"/>
    </row>
    <row r="452356" spans="8:8">
      <c r="H452356" s="12"/>
    </row>
    <row r="452357" spans="8:8">
      <c r="H452357" s="12"/>
    </row>
    <row r="452358" spans="8:8">
      <c r="H452358" s="12"/>
    </row>
    <row r="452359" spans="8:8">
      <c r="H452359" s="12"/>
    </row>
    <row r="452360" spans="8:8">
      <c r="H452360" s="12"/>
    </row>
    <row r="452361" spans="8:8">
      <c r="H452361" s="12"/>
    </row>
    <row r="452362" spans="8:8">
      <c r="H452362" s="12"/>
    </row>
    <row r="452363" spans="8:8">
      <c r="H452363" s="12"/>
    </row>
    <row r="452364" spans="8:8">
      <c r="H452364" s="12"/>
    </row>
    <row r="452365" spans="8:8">
      <c r="H452365" s="12"/>
    </row>
    <row r="452366" spans="8:8">
      <c r="H452366" s="12"/>
    </row>
    <row r="452367" spans="8:8">
      <c r="H452367" s="12"/>
    </row>
    <row r="452368" spans="8:8">
      <c r="H452368" s="12"/>
    </row>
    <row r="452369" spans="8:8">
      <c r="H452369" s="12"/>
    </row>
    <row r="452370" spans="8:8">
      <c r="H452370" s="12"/>
    </row>
    <row r="452371" spans="8:8">
      <c r="H452371" s="12"/>
    </row>
    <row r="452372" spans="8:8">
      <c r="H452372" s="12"/>
    </row>
    <row r="452373" spans="8:8">
      <c r="H452373" s="12"/>
    </row>
    <row r="452374" spans="8:8">
      <c r="H452374" s="12"/>
    </row>
    <row r="452375" spans="8:8">
      <c r="H452375" s="12"/>
    </row>
    <row r="452376" spans="8:8">
      <c r="H452376" s="12"/>
    </row>
    <row r="452377" spans="8:8">
      <c r="H452377" s="12"/>
    </row>
    <row r="452378" spans="8:8">
      <c r="H452378" s="12"/>
    </row>
    <row r="452379" spans="8:8">
      <c r="H452379" s="12"/>
    </row>
    <row r="452380" spans="8:8">
      <c r="H452380" s="12"/>
    </row>
    <row r="452381" spans="8:8">
      <c r="H452381" s="12"/>
    </row>
    <row r="452382" spans="8:8">
      <c r="H452382" s="12"/>
    </row>
    <row r="452383" spans="8:8">
      <c r="H452383" s="12"/>
    </row>
    <row r="452384" spans="8:8">
      <c r="H452384" s="12"/>
    </row>
    <row r="452385" spans="8:8">
      <c r="H452385" s="12"/>
    </row>
    <row r="452386" spans="8:8">
      <c r="H452386" s="12"/>
    </row>
    <row r="452387" spans="8:8">
      <c r="H452387" s="12"/>
    </row>
    <row r="452388" spans="8:8">
      <c r="H452388" s="12"/>
    </row>
    <row r="452389" spans="8:8">
      <c r="H452389" s="12"/>
    </row>
    <row r="452390" spans="8:8">
      <c r="H452390" s="12"/>
    </row>
    <row r="452391" spans="8:8">
      <c r="H452391" s="12"/>
    </row>
    <row r="452392" spans="8:8">
      <c r="H452392" s="12"/>
    </row>
    <row r="452393" spans="8:8">
      <c r="H452393" s="12"/>
    </row>
    <row r="452394" spans="8:8">
      <c r="H452394" s="12"/>
    </row>
    <row r="452395" spans="8:8">
      <c r="H452395" s="12"/>
    </row>
    <row r="452396" spans="8:8">
      <c r="H452396" s="12"/>
    </row>
    <row r="452397" spans="8:8">
      <c r="H452397" s="12"/>
    </row>
    <row r="452398" spans="8:8">
      <c r="H452398" s="12"/>
    </row>
    <row r="452399" spans="8:8">
      <c r="H452399" s="12"/>
    </row>
    <row r="452400" spans="8:8">
      <c r="H452400" s="12"/>
    </row>
    <row r="452401" spans="8:8">
      <c r="H452401" s="12"/>
    </row>
    <row r="452402" spans="8:8">
      <c r="H452402" s="12"/>
    </row>
    <row r="452403" spans="8:8">
      <c r="H452403" s="12"/>
    </row>
    <row r="452404" spans="8:8">
      <c r="H452404" s="12"/>
    </row>
    <row r="452405" spans="8:8">
      <c r="H452405" s="12"/>
    </row>
    <row r="452406" spans="8:8">
      <c r="H452406" s="12"/>
    </row>
    <row r="452407" spans="8:8">
      <c r="H452407" s="12"/>
    </row>
    <row r="452408" spans="8:8">
      <c r="H452408" s="12"/>
    </row>
    <row r="452409" spans="8:8">
      <c r="H452409" s="12"/>
    </row>
    <row r="452410" spans="8:8">
      <c r="H452410" s="12"/>
    </row>
    <row r="452411" spans="8:8">
      <c r="H452411" s="12"/>
    </row>
    <row r="452412" spans="8:8">
      <c r="H452412" s="12"/>
    </row>
    <row r="452413" spans="8:8">
      <c r="H452413" s="12"/>
    </row>
    <row r="452414" spans="8:8">
      <c r="H452414" s="12"/>
    </row>
    <row r="452415" spans="8:8">
      <c r="H452415" s="12"/>
    </row>
    <row r="452416" spans="8:8">
      <c r="H452416" s="12"/>
    </row>
    <row r="452417" spans="8:8">
      <c r="H452417" s="12"/>
    </row>
    <row r="452418" spans="8:8">
      <c r="H452418" s="12"/>
    </row>
    <row r="452419" spans="8:8">
      <c r="H452419" s="12"/>
    </row>
    <row r="452420" spans="8:8">
      <c r="H452420" s="12"/>
    </row>
    <row r="452421" spans="8:8">
      <c r="H452421" s="12"/>
    </row>
    <row r="452422" spans="8:8">
      <c r="H452422" s="12"/>
    </row>
    <row r="452423" spans="8:8">
      <c r="H452423" s="12"/>
    </row>
    <row r="452424" spans="8:8">
      <c r="H452424" s="12"/>
    </row>
    <row r="452425" spans="8:8">
      <c r="H452425" s="12"/>
    </row>
    <row r="452426" spans="8:8">
      <c r="H452426" s="12"/>
    </row>
    <row r="452427" spans="8:8">
      <c r="H452427" s="12"/>
    </row>
    <row r="452428" spans="8:8">
      <c r="H452428" s="12"/>
    </row>
    <row r="452429" spans="8:8">
      <c r="H452429" s="12"/>
    </row>
    <row r="452430" spans="8:8">
      <c r="H452430" s="12"/>
    </row>
    <row r="452431" spans="8:8">
      <c r="H452431" s="12"/>
    </row>
    <row r="452432" spans="8:8">
      <c r="H452432" s="12"/>
    </row>
    <row r="452433" spans="8:8">
      <c r="H452433" s="12"/>
    </row>
    <row r="452434" spans="8:8">
      <c r="H452434" s="12"/>
    </row>
    <row r="452435" spans="8:8">
      <c r="H452435" s="12"/>
    </row>
    <row r="452436" spans="8:8">
      <c r="H452436" s="12"/>
    </row>
    <row r="452437" spans="8:8">
      <c r="H452437" s="12"/>
    </row>
    <row r="452438" spans="8:8">
      <c r="H452438" s="12"/>
    </row>
    <row r="452439" spans="8:8">
      <c r="H452439" s="12"/>
    </row>
    <row r="452440" spans="8:8">
      <c r="H452440" s="12"/>
    </row>
    <row r="452441" spans="8:8">
      <c r="H452441" s="12"/>
    </row>
    <row r="452442" spans="8:8">
      <c r="H452442" s="12"/>
    </row>
    <row r="452443" spans="8:8">
      <c r="H452443" s="12"/>
    </row>
    <row r="452444" spans="8:8">
      <c r="H452444" s="12"/>
    </row>
    <row r="452445" spans="8:8">
      <c r="H452445" s="12"/>
    </row>
    <row r="452446" spans="8:8">
      <c r="H452446" s="12"/>
    </row>
    <row r="452447" spans="8:8">
      <c r="H452447" s="12"/>
    </row>
    <row r="452448" spans="8:8">
      <c r="H452448" s="12"/>
    </row>
    <row r="452449" spans="8:8">
      <c r="H452449" s="12"/>
    </row>
    <row r="452450" spans="8:8">
      <c r="H452450" s="12"/>
    </row>
    <row r="452451" spans="8:8">
      <c r="H452451" s="12"/>
    </row>
    <row r="452452" spans="8:8">
      <c r="H452452" s="12"/>
    </row>
    <row r="452453" spans="8:8">
      <c r="H452453" s="12"/>
    </row>
    <row r="452454" spans="8:8">
      <c r="H452454" s="12"/>
    </row>
    <row r="452455" spans="8:8">
      <c r="H452455" s="12"/>
    </row>
    <row r="452456" spans="8:8">
      <c r="H452456" s="12"/>
    </row>
    <row r="452457" spans="8:8">
      <c r="H452457" s="12"/>
    </row>
    <row r="452458" spans="8:8">
      <c r="H452458" s="12"/>
    </row>
    <row r="452459" spans="8:8">
      <c r="H452459" s="12"/>
    </row>
    <row r="452460" spans="8:8">
      <c r="H452460" s="12"/>
    </row>
    <row r="452461" spans="8:8">
      <c r="H452461" s="12"/>
    </row>
    <row r="452462" spans="8:8">
      <c r="H452462" s="12"/>
    </row>
    <row r="452463" spans="8:8">
      <c r="H452463" s="12"/>
    </row>
    <row r="452464" spans="8:8">
      <c r="H452464" s="12"/>
    </row>
    <row r="452465" spans="8:8">
      <c r="H452465" s="12"/>
    </row>
    <row r="452466" spans="8:8">
      <c r="H452466" s="12"/>
    </row>
    <row r="452467" spans="8:8">
      <c r="H452467" s="12"/>
    </row>
    <row r="452468" spans="8:8">
      <c r="H452468" s="12"/>
    </row>
    <row r="452469" spans="8:8">
      <c r="H452469" s="12"/>
    </row>
    <row r="452470" spans="8:8">
      <c r="H452470" s="12"/>
    </row>
    <row r="452471" spans="8:8">
      <c r="H452471" s="12"/>
    </row>
    <row r="452472" spans="8:8">
      <c r="H452472" s="12"/>
    </row>
    <row r="452473" spans="8:8">
      <c r="H452473" s="12"/>
    </row>
    <row r="452474" spans="8:8">
      <c r="H452474" s="12"/>
    </row>
    <row r="452475" spans="8:8">
      <c r="H452475" s="12"/>
    </row>
    <row r="452476" spans="8:8">
      <c r="H452476" s="12"/>
    </row>
    <row r="452477" spans="8:8">
      <c r="H452477" s="12"/>
    </row>
    <row r="452478" spans="8:8">
      <c r="H452478" s="12"/>
    </row>
    <row r="452479" spans="8:8">
      <c r="H452479" s="12"/>
    </row>
    <row r="452480" spans="8:8">
      <c r="H452480" s="12"/>
    </row>
    <row r="452481" spans="8:8">
      <c r="H452481" s="12"/>
    </row>
    <row r="452482" spans="8:8">
      <c r="H452482" s="12"/>
    </row>
    <row r="452483" spans="8:8">
      <c r="H452483" s="12"/>
    </row>
    <row r="452484" spans="8:8">
      <c r="H452484" s="12"/>
    </row>
    <row r="452485" spans="8:8">
      <c r="H452485" s="12"/>
    </row>
    <row r="452486" spans="8:8">
      <c r="H452486" s="12"/>
    </row>
    <row r="452487" spans="8:8">
      <c r="H452487" s="12"/>
    </row>
    <row r="452488" spans="8:8">
      <c r="H452488" s="12"/>
    </row>
    <row r="452489" spans="8:8">
      <c r="H452489" s="12"/>
    </row>
    <row r="452490" spans="8:8">
      <c r="H452490" s="12"/>
    </row>
    <row r="452491" spans="8:8">
      <c r="H452491" s="12"/>
    </row>
    <row r="452492" spans="8:8">
      <c r="H452492" s="12"/>
    </row>
    <row r="452493" spans="8:8">
      <c r="H452493" s="12"/>
    </row>
    <row r="452494" spans="8:8">
      <c r="H452494" s="12"/>
    </row>
    <row r="452495" spans="8:8">
      <c r="H452495" s="12"/>
    </row>
    <row r="452496" spans="8:8">
      <c r="H452496" s="12"/>
    </row>
    <row r="452497" spans="8:8">
      <c r="H452497" s="12"/>
    </row>
    <row r="452498" spans="8:8">
      <c r="H452498" s="12"/>
    </row>
    <row r="452499" spans="8:8">
      <c r="H452499" s="12"/>
    </row>
    <row r="452500" spans="8:8">
      <c r="H452500" s="12"/>
    </row>
    <row r="452501" spans="8:8">
      <c r="H452501" s="12"/>
    </row>
    <row r="452502" spans="8:8">
      <c r="H452502" s="12"/>
    </row>
    <row r="452503" spans="8:8">
      <c r="H452503" s="12"/>
    </row>
    <row r="452504" spans="8:8">
      <c r="H452504" s="12"/>
    </row>
    <row r="452505" spans="8:8">
      <c r="H452505" s="12"/>
    </row>
    <row r="452506" spans="8:8">
      <c r="H452506" s="12"/>
    </row>
    <row r="452507" spans="8:8">
      <c r="H452507" s="12"/>
    </row>
    <row r="452508" spans="8:8">
      <c r="H452508" s="12"/>
    </row>
    <row r="452509" spans="8:8">
      <c r="H452509" s="12"/>
    </row>
    <row r="452510" spans="8:8">
      <c r="H452510" s="12"/>
    </row>
    <row r="452511" spans="8:8">
      <c r="H452511" s="12"/>
    </row>
    <row r="452512" spans="8:8">
      <c r="H452512" s="12"/>
    </row>
    <row r="452513" spans="8:8">
      <c r="H452513" s="12"/>
    </row>
    <row r="452514" spans="8:8">
      <c r="H452514" s="12"/>
    </row>
    <row r="452515" spans="8:8">
      <c r="H452515" s="12"/>
    </row>
    <row r="452516" spans="8:8">
      <c r="H452516" s="12"/>
    </row>
    <row r="452517" spans="8:8">
      <c r="H452517" s="12"/>
    </row>
    <row r="452518" spans="8:8">
      <c r="H452518" s="12"/>
    </row>
    <row r="452519" spans="8:8">
      <c r="H452519" s="12"/>
    </row>
    <row r="452520" spans="8:8">
      <c r="H452520" s="12"/>
    </row>
    <row r="452521" spans="8:8">
      <c r="H452521" s="12"/>
    </row>
    <row r="452522" spans="8:8">
      <c r="H452522" s="12"/>
    </row>
    <row r="452523" spans="8:8">
      <c r="H452523" s="12"/>
    </row>
    <row r="452524" spans="8:8">
      <c r="H452524" s="12"/>
    </row>
    <row r="452525" spans="8:8">
      <c r="H452525" s="12"/>
    </row>
    <row r="452526" spans="8:8">
      <c r="H452526" s="12"/>
    </row>
    <row r="452527" spans="8:8">
      <c r="H452527" s="12"/>
    </row>
    <row r="452528" spans="8:8">
      <c r="H452528" s="12"/>
    </row>
    <row r="452529" spans="8:8">
      <c r="H452529" s="12"/>
    </row>
    <row r="452530" spans="8:8">
      <c r="H452530" s="12"/>
    </row>
    <row r="452531" spans="8:8">
      <c r="H452531" s="12"/>
    </row>
    <row r="452532" spans="8:8">
      <c r="H452532" s="12"/>
    </row>
    <row r="452533" spans="8:8">
      <c r="H452533" s="12"/>
    </row>
    <row r="452534" spans="8:8">
      <c r="H452534" s="12"/>
    </row>
    <row r="452535" spans="8:8">
      <c r="H452535" s="12"/>
    </row>
    <row r="452536" spans="8:8">
      <c r="H452536" s="12"/>
    </row>
    <row r="452537" spans="8:8">
      <c r="H452537" s="12"/>
    </row>
    <row r="452538" spans="8:8">
      <c r="H452538" s="12"/>
    </row>
    <row r="452539" spans="8:8">
      <c r="H452539" s="12"/>
    </row>
    <row r="452540" spans="8:8">
      <c r="H452540" s="12"/>
    </row>
    <row r="452541" spans="8:8">
      <c r="H452541" s="12"/>
    </row>
    <row r="452542" spans="8:8">
      <c r="H452542" s="12"/>
    </row>
    <row r="452543" spans="8:8">
      <c r="H452543" s="12"/>
    </row>
    <row r="452544" spans="8:8">
      <c r="H452544" s="12"/>
    </row>
    <row r="452545" spans="8:8">
      <c r="H452545" s="12"/>
    </row>
    <row r="452546" spans="8:8">
      <c r="H452546" s="12"/>
    </row>
    <row r="452547" spans="8:8">
      <c r="H452547" s="12"/>
    </row>
    <row r="452548" spans="8:8">
      <c r="H452548" s="12"/>
    </row>
    <row r="452549" spans="8:8">
      <c r="H452549" s="12"/>
    </row>
    <row r="452550" spans="8:8">
      <c r="H452550" s="12"/>
    </row>
    <row r="452551" spans="8:8">
      <c r="H452551" s="12"/>
    </row>
    <row r="452552" spans="8:8">
      <c r="H452552" s="12"/>
    </row>
    <row r="452553" spans="8:8">
      <c r="H452553" s="12"/>
    </row>
    <row r="452554" spans="8:8">
      <c r="H452554" s="12"/>
    </row>
    <row r="452555" spans="8:8">
      <c r="H452555" s="12"/>
    </row>
    <row r="452556" spans="8:8">
      <c r="H452556" s="12"/>
    </row>
    <row r="452557" spans="8:8">
      <c r="H452557" s="12"/>
    </row>
    <row r="452558" spans="8:8">
      <c r="H452558" s="12"/>
    </row>
    <row r="452559" spans="8:8">
      <c r="H452559" s="12"/>
    </row>
    <row r="452560" spans="8:8">
      <c r="H452560" s="12"/>
    </row>
    <row r="452561" spans="8:8">
      <c r="H452561" s="12"/>
    </row>
    <row r="452562" spans="8:8">
      <c r="H452562" s="12"/>
    </row>
    <row r="452563" spans="8:8">
      <c r="H452563" s="12"/>
    </row>
    <row r="452564" spans="8:8">
      <c r="H452564" s="12"/>
    </row>
    <row r="452565" spans="8:8">
      <c r="H452565" s="12"/>
    </row>
    <row r="452566" spans="8:8">
      <c r="H452566" s="12"/>
    </row>
    <row r="452567" spans="8:8">
      <c r="H452567" s="12"/>
    </row>
    <row r="452568" spans="8:8">
      <c r="H452568" s="12"/>
    </row>
    <row r="452569" spans="8:8">
      <c r="H452569" s="12"/>
    </row>
    <row r="452570" spans="8:8">
      <c r="H452570" s="12"/>
    </row>
    <row r="452571" spans="8:8">
      <c r="H452571" s="12"/>
    </row>
    <row r="452572" spans="8:8">
      <c r="H452572" s="12"/>
    </row>
    <row r="452573" spans="8:8">
      <c r="H452573" s="12"/>
    </row>
    <row r="452574" spans="8:8">
      <c r="H452574" s="12"/>
    </row>
    <row r="452575" spans="8:8">
      <c r="H452575" s="12"/>
    </row>
    <row r="452576" spans="8:8">
      <c r="H452576" s="12"/>
    </row>
    <row r="452577" spans="8:8">
      <c r="H452577" s="12"/>
    </row>
    <row r="452578" spans="8:8">
      <c r="H452578" s="12"/>
    </row>
    <row r="452579" spans="8:8">
      <c r="H452579" s="12"/>
    </row>
    <row r="452580" spans="8:8">
      <c r="H452580" s="12"/>
    </row>
    <row r="452581" spans="8:8">
      <c r="H452581" s="12"/>
    </row>
    <row r="452582" spans="8:8">
      <c r="H452582" s="12"/>
    </row>
    <row r="452583" spans="8:8">
      <c r="H452583" s="12"/>
    </row>
    <row r="452584" spans="8:8">
      <c r="H452584" s="12"/>
    </row>
    <row r="452585" spans="8:8">
      <c r="H452585" s="12"/>
    </row>
    <row r="452586" spans="8:8">
      <c r="H452586" s="12"/>
    </row>
    <row r="452587" spans="8:8">
      <c r="H452587" s="12"/>
    </row>
    <row r="452588" spans="8:8">
      <c r="H452588" s="12"/>
    </row>
    <row r="452589" spans="8:8">
      <c r="H452589" s="12"/>
    </row>
    <row r="452590" spans="8:8">
      <c r="H452590" s="12"/>
    </row>
    <row r="452591" spans="8:8">
      <c r="H452591" s="12"/>
    </row>
    <row r="452592" spans="8:8">
      <c r="H452592" s="12"/>
    </row>
    <row r="452593" spans="8:8">
      <c r="H452593" s="12"/>
    </row>
    <row r="452594" spans="8:8">
      <c r="H452594" s="12"/>
    </row>
    <row r="452595" spans="8:8">
      <c r="H452595" s="12"/>
    </row>
    <row r="452596" spans="8:8">
      <c r="H452596" s="12"/>
    </row>
    <row r="452597" spans="8:8">
      <c r="H452597" s="12"/>
    </row>
    <row r="452598" spans="8:8">
      <c r="H452598" s="12"/>
    </row>
    <row r="452599" spans="8:8">
      <c r="H452599" s="12"/>
    </row>
    <row r="452600" spans="8:8">
      <c r="H452600" s="12"/>
    </row>
    <row r="452601" spans="8:8">
      <c r="H452601" s="12"/>
    </row>
    <row r="452602" spans="8:8">
      <c r="H452602" s="12"/>
    </row>
    <row r="452603" spans="8:8">
      <c r="H452603" s="12"/>
    </row>
    <row r="452604" spans="8:8">
      <c r="H452604" s="12"/>
    </row>
    <row r="452605" spans="8:8">
      <c r="H452605" s="12"/>
    </row>
    <row r="452606" spans="8:8">
      <c r="H452606" s="12"/>
    </row>
    <row r="452607" spans="8:8">
      <c r="H452607" s="12"/>
    </row>
    <row r="452608" spans="8:8">
      <c r="H452608" s="12"/>
    </row>
    <row r="452609" spans="8:8">
      <c r="H452609" s="12"/>
    </row>
    <row r="452610" spans="8:8">
      <c r="H452610" s="12"/>
    </row>
    <row r="452611" spans="8:8">
      <c r="H452611" s="12"/>
    </row>
    <row r="452612" spans="8:8">
      <c r="H452612" s="12"/>
    </row>
    <row r="452613" spans="8:8">
      <c r="H452613" s="12"/>
    </row>
    <row r="452614" spans="8:8">
      <c r="H452614" s="12"/>
    </row>
    <row r="452615" spans="8:8">
      <c r="H452615" s="12"/>
    </row>
    <row r="452616" spans="8:8">
      <c r="H452616" s="12"/>
    </row>
    <row r="452617" spans="8:8">
      <c r="H452617" s="12"/>
    </row>
    <row r="452618" spans="8:8">
      <c r="H452618" s="12"/>
    </row>
    <row r="452619" spans="8:8">
      <c r="H452619" s="12"/>
    </row>
    <row r="452620" spans="8:8">
      <c r="H452620" s="12"/>
    </row>
    <row r="452621" spans="8:8">
      <c r="H452621" s="12"/>
    </row>
    <row r="452622" spans="8:8">
      <c r="H452622" s="12"/>
    </row>
    <row r="452623" spans="8:8">
      <c r="H452623" s="12"/>
    </row>
    <row r="452624" spans="8:8">
      <c r="H452624" s="12"/>
    </row>
    <row r="452625" spans="8:8">
      <c r="H452625" s="12"/>
    </row>
    <row r="452626" spans="8:8">
      <c r="H452626" s="12"/>
    </row>
    <row r="452627" spans="8:8">
      <c r="H452627" s="12"/>
    </row>
    <row r="452628" spans="8:8">
      <c r="H452628" s="12"/>
    </row>
    <row r="452629" spans="8:8">
      <c r="H452629" s="12"/>
    </row>
    <row r="452630" spans="8:8">
      <c r="H452630" s="12"/>
    </row>
    <row r="452631" spans="8:8">
      <c r="H452631" s="12"/>
    </row>
    <row r="452632" spans="8:8">
      <c r="H452632" s="12"/>
    </row>
    <row r="452633" spans="8:8">
      <c r="H452633" s="12"/>
    </row>
    <row r="452634" spans="8:8">
      <c r="H452634" s="12"/>
    </row>
    <row r="452635" spans="8:8">
      <c r="H452635" s="12"/>
    </row>
    <row r="452636" spans="8:8">
      <c r="H452636" s="12"/>
    </row>
    <row r="452637" spans="8:8">
      <c r="H452637" s="12"/>
    </row>
    <row r="452638" spans="8:8">
      <c r="H452638" s="12"/>
    </row>
    <row r="452639" spans="8:8">
      <c r="H452639" s="12"/>
    </row>
    <row r="452640" spans="8:8">
      <c r="H452640" s="12"/>
    </row>
    <row r="452641" spans="8:8">
      <c r="H452641" s="12"/>
    </row>
    <row r="452642" spans="8:8">
      <c r="H452642" s="12"/>
    </row>
    <row r="452643" spans="8:8">
      <c r="H452643" s="12"/>
    </row>
    <row r="452644" spans="8:8">
      <c r="H452644" s="12"/>
    </row>
    <row r="452645" spans="8:8">
      <c r="H452645" s="12"/>
    </row>
    <row r="452646" spans="8:8">
      <c r="H452646" s="12"/>
    </row>
    <row r="452647" spans="8:8">
      <c r="H452647" s="12"/>
    </row>
    <row r="452648" spans="8:8">
      <c r="H452648" s="12"/>
    </row>
    <row r="452649" spans="8:8">
      <c r="H452649" s="12"/>
    </row>
    <row r="452650" spans="8:8">
      <c r="H452650" s="12"/>
    </row>
    <row r="452651" spans="8:8">
      <c r="H452651" s="12"/>
    </row>
    <row r="452652" spans="8:8">
      <c r="H452652" s="12"/>
    </row>
    <row r="452653" spans="8:8">
      <c r="H452653" s="12"/>
    </row>
    <row r="452654" spans="8:8">
      <c r="H452654" s="12"/>
    </row>
    <row r="452655" spans="8:8">
      <c r="H452655" s="12"/>
    </row>
    <row r="452656" spans="8:8">
      <c r="H452656" s="12"/>
    </row>
    <row r="452657" spans="8:8">
      <c r="H452657" s="12"/>
    </row>
    <row r="452658" spans="8:8">
      <c r="H452658" s="12"/>
    </row>
    <row r="452659" spans="8:8">
      <c r="H452659" s="12"/>
    </row>
    <row r="452660" spans="8:8">
      <c r="H452660" s="12"/>
    </row>
    <row r="452661" spans="8:8">
      <c r="H452661" s="12"/>
    </row>
    <row r="452662" spans="8:8">
      <c r="H452662" s="12"/>
    </row>
    <row r="452663" spans="8:8">
      <c r="H452663" s="12"/>
    </row>
    <row r="452664" spans="8:8">
      <c r="H452664" s="12"/>
    </row>
    <row r="452665" spans="8:8">
      <c r="H452665" s="12"/>
    </row>
    <row r="452666" spans="8:8">
      <c r="H452666" s="12"/>
    </row>
    <row r="452667" spans="8:8">
      <c r="H452667" s="12"/>
    </row>
    <row r="452668" spans="8:8">
      <c r="H452668" s="12"/>
    </row>
    <row r="452669" spans="8:8">
      <c r="H452669" s="12"/>
    </row>
    <row r="452670" spans="8:8">
      <c r="H452670" s="12"/>
    </row>
    <row r="452671" spans="8:8">
      <c r="H452671" s="12"/>
    </row>
    <row r="452672" spans="8:8">
      <c r="H452672" s="12"/>
    </row>
    <row r="452673" spans="8:8">
      <c r="H452673" s="12"/>
    </row>
    <row r="452674" spans="8:8">
      <c r="H452674" s="12"/>
    </row>
    <row r="452675" spans="8:8">
      <c r="H452675" s="12"/>
    </row>
    <row r="452676" spans="8:8">
      <c r="H452676" s="12"/>
    </row>
    <row r="452677" spans="8:8">
      <c r="H452677" s="12"/>
    </row>
    <row r="452678" spans="8:8">
      <c r="H452678" s="12"/>
    </row>
    <row r="452679" spans="8:8">
      <c r="H452679" s="12"/>
    </row>
    <row r="452680" spans="8:8">
      <c r="H452680" s="12"/>
    </row>
    <row r="452681" spans="8:8">
      <c r="H452681" s="12"/>
    </row>
    <row r="452682" spans="8:8">
      <c r="H452682" s="12"/>
    </row>
    <row r="452683" spans="8:8">
      <c r="H452683" s="12"/>
    </row>
    <row r="452684" spans="8:8">
      <c r="H452684" s="12"/>
    </row>
    <row r="452685" spans="8:8">
      <c r="H452685" s="12"/>
    </row>
    <row r="452686" spans="8:8">
      <c r="H452686" s="12"/>
    </row>
    <row r="452687" spans="8:8">
      <c r="H452687" s="12"/>
    </row>
    <row r="452688" spans="8:8">
      <c r="H452688" s="12"/>
    </row>
    <row r="452689" spans="8:8">
      <c r="H452689" s="12"/>
    </row>
    <row r="452690" spans="8:8">
      <c r="H452690" s="12"/>
    </row>
    <row r="452691" spans="8:8">
      <c r="H452691" s="12"/>
    </row>
    <row r="452692" spans="8:8">
      <c r="H452692" s="12"/>
    </row>
    <row r="452693" spans="8:8">
      <c r="H452693" s="12"/>
    </row>
    <row r="452694" spans="8:8">
      <c r="H452694" s="12"/>
    </row>
    <row r="452695" spans="8:8">
      <c r="H452695" s="12"/>
    </row>
    <row r="452696" spans="8:8">
      <c r="H452696" s="12"/>
    </row>
    <row r="452697" spans="8:8">
      <c r="H452697" s="12"/>
    </row>
    <row r="452698" spans="8:8">
      <c r="H452698" s="12"/>
    </row>
    <row r="452699" spans="8:8">
      <c r="H452699" s="12"/>
    </row>
    <row r="452700" spans="8:8">
      <c r="H452700" s="12"/>
    </row>
    <row r="452701" spans="8:8">
      <c r="H452701" s="12"/>
    </row>
    <row r="452702" spans="8:8">
      <c r="H452702" s="12"/>
    </row>
    <row r="452703" spans="8:8">
      <c r="H452703" s="12"/>
    </row>
    <row r="452704" spans="8:8">
      <c r="H452704" s="12"/>
    </row>
    <row r="452705" spans="8:8">
      <c r="H452705" s="12"/>
    </row>
    <row r="452706" spans="8:8">
      <c r="H452706" s="12"/>
    </row>
    <row r="452707" spans="8:8">
      <c r="H452707" s="12"/>
    </row>
    <row r="452708" spans="8:8">
      <c r="H452708" s="12"/>
    </row>
    <row r="452709" spans="8:8">
      <c r="H452709" s="12"/>
    </row>
    <row r="452710" spans="8:8">
      <c r="H452710" s="12"/>
    </row>
    <row r="452711" spans="8:8">
      <c r="H452711" s="12"/>
    </row>
    <row r="452712" spans="8:8">
      <c r="H452712" s="12"/>
    </row>
    <row r="452713" spans="8:8">
      <c r="H452713" s="12"/>
    </row>
    <row r="452714" spans="8:8">
      <c r="H452714" s="12"/>
    </row>
    <row r="452715" spans="8:8">
      <c r="H452715" s="12"/>
    </row>
    <row r="452716" spans="8:8">
      <c r="H452716" s="12"/>
    </row>
    <row r="452717" spans="8:8">
      <c r="H452717" s="12"/>
    </row>
    <row r="452718" spans="8:8">
      <c r="H452718" s="12"/>
    </row>
    <row r="452719" spans="8:8">
      <c r="H452719" s="12"/>
    </row>
    <row r="452720" spans="8:8">
      <c r="H452720" s="12"/>
    </row>
    <row r="452721" spans="8:8">
      <c r="H452721" s="12"/>
    </row>
    <row r="452722" spans="8:8">
      <c r="H452722" s="12"/>
    </row>
    <row r="452723" spans="8:8">
      <c r="H452723" s="12"/>
    </row>
    <row r="452724" spans="8:8">
      <c r="H452724" s="12"/>
    </row>
    <row r="452725" spans="8:8">
      <c r="H452725" s="12"/>
    </row>
    <row r="452726" spans="8:8">
      <c r="H452726" s="12"/>
    </row>
    <row r="452727" spans="8:8">
      <c r="H452727" s="12"/>
    </row>
    <row r="452728" spans="8:8">
      <c r="H452728" s="12"/>
    </row>
    <row r="452729" spans="8:8">
      <c r="H452729" s="12"/>
    </row>
    <row r="452730" spans="8:8">
      <c r="H452730" s="12"/>
    </row>
    <row r="452731" spans="8:8">
      <c r="H452731" s="12"/>
    </row>
    <row r="452732" spans="8:8">
      <c r="H452732" s="12"/>
    </row>
    <row r="452733" spans="8:8">
      <c r="H452733" s="12"/>
    </row>
    <row r="452734" spans="8:8">
      <c r="H452734" s="12"/>
    </row>
    <row r="452735" spans="8:8">
      <c r="H452735" s="12"/>
    </row>
    <row r="452736" spans="8:8">
      <c r="H452736" s="12"/>
    </row>
    <row r="452737" spans="8:8">
      <c r="H452737" s="12"/>
    </row>
    <row r="452738" spans="8:8">
      <c r="H452738" s="12"/>
    </row>
    <row r="452739" spans="8:8">
      <c r="H452739" s="12"/>
    </row>
    <row r="452740" spans="8:8">
      <c r="H452740" s="12"/>
    </row>
    <row r="452741" spans="8:8">
      <c r="H452741" s="12"/>
    </row>
    <row r="452742" spans="8:8">
      <c r="H452742" s="12"/>
    </row>
    <row r="452743" spans="8:8">
      <c r="H452743" s="12"/>
    </row>
    <row r="452744" spans="8:8">
      <c r="H452744" s="12"/>
    </row>
    <row r="452745" spans="8:8">
      <c r="H452745" s="12"/>
    </row>
    <row r="452746" spans="8:8">
      <c r="H452746" s="12"/>
    </row>
    <row r="452747" spans="8:8">
      <c r="H452747" s="12"/>
    </row>
    <row r="452748" spans="8:8">
      <c r="H452748" s="12"/>
    </row>
    <row r="452749" spans="8:8">
      <c r="H452749" s="12"/>
    </row>
    <row r="452750" spans="8:8">
      <c r="H452750" s="12"/>
    </row>
    <row r="452751" spans="8:8">
      <c r="H452751" s="12"/>
    </row>
    <row r="452752" spans="8:8">
      <c r="H452752" s="12"/>
    </row>
    <row r="452753" spans="8:8">
      <c r="H452753" s="12"/>
    </row>
    <row r="452754" spans="8:8">
      <c r="H452754" s="12"/>
    </row>
    <row r="452755" spans="8:8">
      <c r="H452755" s="12"/>
    </row>
    <row r="452756" spans="8:8">
      <c r="H452756" s="12"/>
    </row>
    <row r="452757" spans="8:8">
      <c r="H452757" s="12"/>
    </row>
    <row r="452758" spans="8:8">
      <c r="H452758" s="12"/>
    </row>
    <row r="452759" spans="8:8">
      <c r="H452759" s="12"/>
    </row>
    <row r="452760" spans="8:8">
      <c r="H452760" s="12"/>
    </row>
    <row r="452761" spans="8:8">
      <c r="H452761" s="12"/>
    </row>
    <row r="452762" spans="8:8">
      <c r="H452762" s="12"/>
    </row>
    <row r="452763" spans="8:8">
      <c r="H452763" s="12"/>
    </row>
    <row r="452764" spans="8:8">
      <c r="H452764" s="12"/>
    </row>
    <row r="452765" spans="8:8">
      <c r="H452765" s="12"/>
    </row>
    <row r="452766" spans="8:8">
      <c r="H452766" s="12"/>
    </row>
    <row r="452767" spans="8:8">
      <c r="H452767" s="12"/>
    </row>
    <row r="452768" spans="8:8">
      <c r="H452768" s="12"/>
    </row>
    <row r="452769" spans="8:8">
      <c r="H452769" s="12"/>
    </row>
    <row r="452770" spans="8:8">
      <c r="H452770" s="12"/>
    </row>
    <row r="452771" spans="8:8">
      <c r="H452771" s="12"/>
    </row>
    <row r="452772" spans="8:8">
      <c r="H452772" s="12"/>
    </row>
    <row r="452773" spans="8:8">
      <c r="H452773" s="12"/>
    </row>
    <row r="452774" spans="8:8">
      <c r="H452774" s="12"/>
    </row>
    <row r="452775" spans="8:8">
      <c r="H452775" s="12"/>
    </row>
    <row r="452776" spans="8:8">
      <c r="H452776" s="12"/>
    </row>
    <row r="452777" spans="8:8">
      <c r="H452777" s="12"/>
    </row>
    <row r="452778" spans="8:8">
      <c r="H452778" s="12"/>
    </row>
    <row r="452779" spans="8:8">
      <c r="H452779" s="12"/>
    </row>
    <row r="452780" spans="8:8">
      <c r="H452780" s="12"/>
    </row>
    <row r="452781" spans="8:8">
      <c r="H452781" s="12"/>
    </row>
    <row r="452782" spans="8:8">
      <c r="H452782" s="12"/>
    </row>
    <row r="452783" spans="8:8">
      <c r="H452783" s="12"/>
    </row>
    <row r="452784" spans="8:8">
      <c r="H452784" s="12"/>
    </row>
    <row r="452785" spans="8:8">
      <c r="H452785" s="12"/>
    </row>
    <row r="452786" spans="8:8">
      <c r="H452786" s="12"/>
    </row>
    <row r="452787" spans="8:8">
      <c r="H452787" s="12"/>
    </row>
    <row r="452788" spans="8:8">
      <c r="H452788" s="12"/>
    </row>
    <row r="452789" spans="8:8">
      <c r="H452789" s="12"/>
    </row>
    <row r="452790" spans="8:8">
      <c r="H452790" s="12"/>
    </row>
    <row r="452791" spans="8:8">
      <c r="H452791" s="12"/>
    </row>
    <row r="452792" spans="8:8">
      <c r="H452792" s="12"/>
    </row>
    <row r="452793" spans="8:8">
      <c r="H452793" s="12"/>
    </row>
    <row r="452794" spans="8:8">
      <c r="H452794" s="12"/>
    </row>
    <row r="452795" spans="8:8">
      <c r="H452795" s="12"/>
    </row>
    <row r="452796" spans="8:8">
      <c r="H452796" s="12"/>
    </row>
    <row r="452797" spans="8:8">
      <c r="H452797" s="12"/>
    </row>
    <row r="452798" spans="8:8">
      <c r="H452798" s="12"/>
    </row>
    <row r="452799" spans="8:8">
      <c r="H452799" s="12"/>
    </row>
    <row r="452800" spans="8:8">
      <c r="H452800" s="12"/>
    </row>
    <row r="452801" spans="8:8">
      <c r="H452801" s="12"/>
    </row>
    <row r="452802" spans="8:8">
      <c r="H452802" s="12"/>
    </row>
    <row r="452803" spans="8:8">
      <c r="H452803" s="12"/>
    </row>
    <row r="452804" spans="8:8">
      <c r="H452804" s="12"/>
    </row>
    <row r="452805" spans="8:8">
      <c r="H452805" s="12"/>
    </row>
    <row r="452806" spans="8:8">
      <c r="H452806" s="12"/>
    </row>
    <row r="452807" spans="8:8">
      <c r="H452807" s="12"/>
    </row>
    <row r="452808" spans="8:8">
      <c r="H452808" s="12"/>
    </row>
    <row r="452809" spans="8:8">
      <c r="H452809" s="12"/>
    </row>
    <row r="452810" spans="8:8">
      <c r="H452810" s="12"/>
    </row>
    <row r="452811" spans="8:8">
      <c r="H452811" s="12"/>
    </row>
    <row r="452812" spans="8:8">
      <c r="H452812" s="12"/>
    </row>
    <row r="452813" spans="8:8">
      <c r="H452813" s="12"/>
    </row>
    <row r="452814" spans="8:8">
      <c r="H452814" s="12"/>
    </row>
    <row r="452815" spans="8:8">
      <c r="H452815" s="12"/>
    </row>
    <row r="452816" spans="8:8">
      <c r="H452816" s="12"/>
    </row>
    <row r="452817" spans="8:8">
      <c r="H452817" s="12"/>
    </row>
    <row r="452818" spans="8:8">
      <c r="H452818" s="12"/>
    </row>
    <row r="452819" spans="8:8">
      <c r="H452819" s="12"/>
    </row>
    <row r="452820" spans="8:8">
      <c r="H452820" s="12"/>
    </row>
    <row r="452821" spans="8:8">
      <c r="H452821" s="12"/>
    </row>
    <row r="452822" spans="8:8">
      <c r="H452822" s="12"/>
    </row>
    <row r="452823" spans="8:8">
      <c r="H452823" s="12"/>
    </row>
    <row r="452824" spans="8:8">
      <c r="H452824" s="12"/>
    </row>
    <row r="452825" spans="8:8">
      <c r="H452825" s="12"/>
    </row>
    <row r="452826" spans="8:8">
      <c r="H452826" s="12"/>
    </row>
    <row r="452827" spans="8:8">
      <c r="H452827" s="12"/>
    </row>
    <row r="452828" spans="8:8">
      <c r="H452828" s="12"/>
    </row>
    <row r="452829" spans="8:8">
      <c r="H452829" s="12"/>
    </row>
    <row r="452830" spans="8:8">
      <c r="H452830" s="12"/>
    </row>
    <row r="452831" spans="8:8">
      <c r="H452831" s="12"/>
    </row>
    <row r="452832" spans="8:8">
      <c r="H452832" s="12"/>
    </row>
    <row r="452833" spans="8:8">
      <c r="H452833" s="12"/>
    </row>
    <row r="452834" spans="8:8">
      <c r="H452834" s="12"/>
    </row>
    <row r="452835" spans="8:8">
      <c r="H452835" s="12"/>
    </row>
    <row r="452836" spans="8:8">
      <c r="H452836" s="12"/>
    </row>
    <row r="452837" spans="8:8">
      <c r="H452837" s="12"/>
    </row>
    <row r="452838" spans="8:8">
      <c r="H452838" s="12"/>
    </row>
    <row r="452839" spans="8:8">
      <c r="H452839" s="12"/>
    </row>
    <row r="452840" spans="8:8">
      <c r="H452840" s="12"/>
    </row>
    <row r="452841" spans="8:8">
      <c r="H452841" s="12"/>
    </row>
    <row r="452842" spans="8:8">
      <c r="H452842" s="12"/>
    </row>
    <row r="452843" spans="8:8">
      <c r="H452843" s="12"/>
    </row>
    <row r="452844" spans="8:8">
      <c r="H452844" s="12"/>
    </row>
    <row r="452845" spans="8:8">
      <c r="H452845" s="12"/>
    </row>
    <row r="452846" spans="8:8">
      <c r="H452846" s="12"/>
    </row>
    <row r="452847" spans="8:8">
      <c r="H452847" s="12"/>
    </row>
    <row r="452848" spans="8:8">
      <c r="H452848" s="12"/>
    </row>
    <row r="452849" spans="8:8">
      <c r="H452849" s="12"/>
    </row>
    <row r="452850" spans="8:8">
      <c r="H452850" s="12"/>
    </row>
    <row r="452851" spans="8:8">
      <c r="H452851" s="12"/>
    </row>
    <row r="452852" spans="8:8">
      <c r="H452852" s="12"/>
    </row>
    <row r="452853" spans="8:8">
      <c r="H452853" s="12"/>
    </row>
    <row r="452854" spans="8:8">
      <c r="H452854" s="12"/>
    </row>
    <row r="452855" spans="8:8">
      <c r="H452855" s="12"/>
    </row>
    <row r="452856" spans="8:8">
      <c r="H452856" s="12"/>
    </row>
    <row r="452857" spans="8:8">
      <c r="H452857" s="12"/>
    </row>
    <row r="452858" spans="8:8">
      <c r="H452858" s="12"/>
    </row>
    <row r="452859" spans="8:8">
      <c r="H452859" s="12"/>
    </row>
    <row r="452860" spans="8:8">
      <c r="H452860" s="12"/>
    </row>
    <row r="452861" spans="8:8">
      <c r="H452861" s="12"/>
    </row>
    <row r="452862" spans="8:8">
      <c r="H452862" s="12"/>
    </row>
    <row r="452863" spans="8:8">
      <c r="H452863" s="12"/>
    </row>
    <row r="452864" spans="8:8">
      <c r="H452864" s="12"/>
    </row>
    <row r="452865" spans="8:8">
      <c r="H452865" s="12"/>
    </row>
    <row r="452866" spans="8:8">
      <c r="H452866" s="12"/>
    </row>
    <row r="452867" spans="8:8">
      <c r="H452867" s="12"/>
    </row>
    <row r="452868" spans="8:8">
      <c r="H452868" s="12"/>
    </row>
    <row r="452869" spans="8:8">
      <c r="H452869" s="12"/>
    </row>
    <row r="452870" spans="8:8">
      <c r="H452870" s="12"/>
    </row>
    <row r="452871" spans="8:8">
      <c r="H452871" s="12"/>
    </row>
    <row r="452872" spans="8:8">
      <c r="H452872" s="12"/>
    </row>
    <row r="452873" spans="8:8">
      <c r="H452873" s="12"/>
    </row>
    <row r="452874" spans="8:8">
      <c r="H452874" s="12"/>
    </row>
    <row r="452875" spans="8:8">
      <c r="H452875" s="12"/>
    </row>
    <row r="452876" spans="8:8">
      <c r="H452876" s="12"/>
    </row>
    <row r="452877" spans="8:8">
      <c r="H452877" s="12"/>
    </row>
    <row r="452878" spans="8:8">
      <c r="H452878" s="12"/>
    </row>
    <row r="452879" spans="8:8">
      <c r="H452879" s="12"/>
    </row>
    <row r="452880" spans="8:8">
      <c r="H452880" s="12"/>
    </row>
    <row r="452881" spans="8:8">
      <c r="H452881" s="12"/>
    </row>
    <row r="452882" spans="8:8">
      <c r="H452882" s="12"/>
    </row>
    <row r="452883" spans="8:8">
      <c r="H452883" s="12"/>
    </row>
    <row r="452884" spans="8:8">
      <c r="H452884" s="12"/>
    </row>
    <row r="452885" spans="8:8">
      <c r="H452885" s="12"/>
    </row>
    <row r="452886" spans="8:8">
      <c r="H452886" s="12"/>
    </row>
    <row r="452887" spans="8:8">
      <c r="H452887" s="12"/>
    </row>
    <row r="452888" spans="8:8">
      <c r="H452888" s="12"/>
    </row>
    <row r="452889" spans="8:8">
      <c r="H452889" s="12"/>
    </row>
    <row r="452890" spans="8:8">
      <c r="H452890" s="12"/>
    </row>
    <row r="452891" spans="8:8">
      <c r="H452891" s="12"/>
    </row>
    <row r="452892" spans="8:8">
      <c r="H452892" s="12"/>
    </row>
    <row r="452893" spans="8:8">
      <c r="H452893" s="12"/>
    </row>
    <row r="452894" spans="8:8">
      <c r="H452894" s="12"/>
    </row>
    <row r="452895" spans="8:8">
      <c r="H452895" s="12"/>
    </row>
    <row r="452896" spans="8:8">
      <c r="H452896" s="12"/>
    </row>
    <row r="452897" spans="8:8">
      <c r="H452897" s="12"/>
    </row>
    <row r="452898" spans="8:8">
      <c r="H452898" s="12"/>
    </row>
    <row r="452899" spans="8:8">
      <c r="H452899" s="12"/>
    </row>
    <row r="452900" spans="8:8">
      <c r="H452900" s="12"/>
    </row>
    <row r="452901" spans="8:8">
      <c r="H452901" s="12"/>
    </row>
    <row r="452902" spans="8:8">
      <c r="H452902" s="12"/>
    </row>
    <row r="452903" spans="8:8">
      <c r="H452903" s="12"/>
    </row>
    <row r="452904" spans="8:8">
      <c r="H452904" s="12"/>
    </row>
    <row r="452905" spans="8:8">
      <c r="H452905" s="12"/>
    </row>
    <row r="452906" spans="8:8">
      <c r="H452906" s="12"/>
    </row>
    <row r="452907" spans="8:8">
      <c r="H452907" s="12"/>
    </row>
    <row r="452908" spans="8:8">
      <c r="H452908" s="12"/>
    </row>
    <row r="452909" spans="8:8">
      <c r="H452909" s="12"/>
    </row>
    <row r="452910" spans="8:8">
      <c r="H452910" s="12"/>
    </row>
    <row r="452911" spans="8:8">
      <c r="H452911" s="12"/>
    </row>
    <row r="452912" spans="8:8">
      <c r="H452912" s="12"/>
    </row>
    <row r="452913" spans="8:8">
      <c r="H452913" s="12"/>
    </row>
    <row r="452914" spans="8:8">
      <c r="H452914" s="12"/>
    </row>
    <row r="452915" spans="8:8">
      <c r="H452915" s="12"/>
    </row>
    <row r="452916" spans="8:8">
      <c r="H452916" s="12"/>
    </row>
    <row r="452917" spans="8:8">
      <c r="H452917" s="12"/>
    </row>
    <row r="452918" spans="8:8">
      <c r="H452918" s="12"/>
    </row>
    <row r="452919" spans="8:8">
      <c r="H452919" s="12"/>
    </row>
    <row r="452920" spans="8:8">
      <c r="H452920" s="12"/>
    </row>
    <row r="452921" spans="8:8">
      <c r="H452921" s="12"/>
    </row>
    <row r="452922" spans="8:8">
      <c r="H452922" s="12"/>
    </row>
    <row r="452923" spans="8:8">
      <c r="H452923" s="12"/>
    </row>
    <row r="452924" spans="8:8">
      <c r="H452924" s="12"/>
    </row>
    <row r="452925" spans="8:8">
      <c r="H452925" s="12"/>
    </row>
    <row r="452926" spans="8:8">
      <c r="H452926" s="12"/>
    </row>
    <row r="452927" spans="8:8">
      <c r="H452927" s="12"/>
    </row>
    <row r="452928" spans="8:8">
      <c r="H452928" s="12"/>
    </row>
    <row r="452929" spans="8:8">
      <c r="H452929" s="12"/>
    </row>
    <row r="452930" spans="8:8">
      <c r="H452930" s="12"/>
    </row>
    <row r="452931" spans="8:8">
      <c r="H452931" s="12"/>
    </row>
    <row r="452932" spans="8:8">
      <c r="H452932" s="12"/>
    </row>
    <row r="452933" spans="8:8">
      <c r="H452933" s="12"/>
    </row>
    <row r="452934" spans="8:8">
      <c r="H452934" s="12"/>
    </row>
    <row r="452935" spans="8:8">
      <c r="H452935" s="12"/>
    </row>
    <row r="452936" spans="8:8">
      <c r="H452936" s="12"/>
    </row>
    <row r="452937" spans="8:8">
      <c r="H452937" s="12"/>
    </row>
    <row r="452938" spans="8:8">
      <c r="H452938" s="12"/>
    </row>
    <row r="452939" spans="8:8">
      <c r="H452939" s="12"/>
    </row>
    <row r="452940" spans="8:8">
      <c r="H452940" s="12"/>
    </row>
    <row r="452941" spans="8:8">
      <c r="H452941" s="12"/>
    </row>
    <row r="452942" spans="8:8">
      <c r="H452942" s="12"/>
    </row>
    <row r="452943" spans="8:8">
      <c r="H452943" s="12"/>
    </row>
    <row r="452944" spans="8:8">
      <c r="H452944" s="12"/>
    </row>
    <row r="452945" spans="8:8">
      <c r="H452945" s="12"/>
    </row>
    <row r="452946" spans="8:8">
      <c r="H452946" s="12"/>
    </row>
    <row r="452947" spans="8:8">
      <c r="H452947" s="12"/>
    </row>
    <row r="452948" spans="8:8">
      <c r="H452948" s="12"/>
    </row>
    <row r="452949" spans="8:8">
      <c r="H452949" s="12"/>
    </row>
    <row r="452950" spans="8:8">
      <c r="H452950" s="12"/>
    </row>
    <row r="452951" spans="8:8">
      <c r="H452951" s="12"/>
    </row>
    <row r="452952" spans="8:8">
      <c r="H452952" s="12"/>
    </row>
    <row r="452953" spans="8:8">
      <c r="H452953" s="12"/>
    </row>
    <row r="452954" spans="8:8">
      <c r="H452954" s="12"/>
    </row>
    <row r="452955" spans="8:8">
      <c r="H452955" s="12"/>
    </row>
    <row r="452956" spans="8:8">
      <c r="H452956" s="12"/>
    </row>
    <row r="452957" spans="8:8">
      <c r="H452957" s="12"/>
    </row>
    <row r="452958" spans="8:8">
      <c r="H452958" s="12"/>
    </row>
    <row r="452959" spans="8:8">
      <c r="H452959" s="12"/>
    </row>
    <row r="452960" spans="8:8">
      <c r="H452960" s="12"/>
    </row>
    <row r="452961" spans="8:8">
      <c r="H452961" s="12"/>
    </row>
    <row r="452962" spans="8:8">
      <c r="H452962" s="12"/>
    </row>
    <row r="452963" spans="8:8">
      <c r="H452963" s="12"/>
    </row>
    <row r="452964" spans="8:8">
      <c r="H452964" s="12"/>
    </row>
    <row r="452965" spans="8:8">
      <c r="H452965" s="12"/>
    </row>
    <row r="452966" spans="8:8">
      <c r="H452966" s="12"/>
    </row>
    <row r="452967" spans="8:8">
      <c r="H452967" s="12"/>
    </row>
    <row r="452968" spans="8:8">
      <c r="H452968" s="12"/>
    </row>
    <row r="452969" spans="8:8">
      <c r="H452969" s="12"/>
    </row>
    <row r="452970" spans="8:8">
      <c r="H452970" s="12"/>
    </row>
    <row r="452971" spans="8:8">
      <c r="H452971" s="12"/>
    </row>
    <row r="452972" spans="8:8">
      <c r="H452972" s="12"/>
    </row>
    <row r="452973" spans="8:8">
      <c r="H452973" s="12"/>
    </row>
    <row r="452974" spans="8:8">
      <c r="H452974" s="12"/>
    </row>
    <row r="452975" spans="8:8">
      <c r="H452975" s="12"/>
    </row>
    <row r="452976" spans="8:8">
      <c r="H452976" s="12"/>
    </row>
    <row r="452977" spans="8:8">
      <c r="H452977" s="12"/>
    </row>
    <row r="452978" spans="8:8">
      <c r="H452978" s="12"/>
    </row>
    <row r="452979" spans="8:8">
      <c r="H452979" s="12"/>
    </row>
    <row r="452980" spans="8:8">
      <c r="H452980" s="12"/>
    </row>
    <row r="452981" spans="8:8">
      <c r="H452981" s="12"/>
    </row>
    <row r="452982" spans="8:8">
      <c r="H452982" s="12"/>
    </row>
    <row r="452983" spans="8:8">
      <c r="H452983" s="12"/>
    </row>
    <row r="452984" spans="8:8">
      <c r="H452984" s="12"/>
    </row>
    <row r="452985" spans="8:8">
      <c r="H452985" s="12"/>
    </row>
    <row r="452986" spans="8:8">
      <c r="H452986" s="12"/>
    </row>
    <row r="452987" spans="8:8">
      <c r="H452987" s="12"/>
    </row>
    <row r="452988" spans="8:8">
      <c r="H452988" s="12"/>
    </row>
    <row r="452989" spans="8:8">
      <c r="H452989" s="12"/>
    </row>
    <row r="452990" spans="8:8">
      <c r="H452990" s="12"/>
    </row>
    <row r="452991" spans="8:8">
      <c r="H452991" s="12"/>
    </row>
    <row r="452992" spans="8:8">
      <c r="H452992" s="12"/>
    </row>
    <row r="452993" spans="8:8">
      <c r="H452993" s="12"/>
    </row>
    <row r="452994" spans="8:8">
      <c r="H452994" s="12"/>
    </row>
    <row r="452995" spans="8:8">
      <c r="H452995" s="12"/>
    </row>
    <row r="452996" spans="8:8">
      <c r="H452996" s="12"/>
    </row>
    <row r="452997" spans="8:8">
      <c r="H452997" s="12"/>
    </row>
    <row r="452998" spans="8:8">
      <c r="H452998" s="12"/>
    </row>
    <row r="452999" spans="8:8">
      <c r="H452999" s="12"/>
    </row>
    <row r="453000" spans="8:8">
      <c r="H453000" s="12"/>
    </row>
    <row r="453001" spans="8:8">
      <c r="H453001" s="12"/>
    </row>
    <row r="453002" spans="8:8">
      <c r="H453002" s="12"/>
    </row>
    <row r="453003" spans="8:8">
      <c r="H453003" s="12"/>
    </row>
    <row r="453004" spans="8:8">
      <c r="H453004" s="12"/>
    </row>
    <row r="453005" spans="8:8">
      <c r="H453005" s="12"/>
    </row>
    <row r="453006" spans="8:8">
      <c r="H453006" s="12"/>
    </row>
    <row r="453007" spans="8:8">
      <c r="H453007" s="12"/>
    </row>
    <row r="453008" spans="8:8">
      <c r="H453008" s="12"/>
    </row>
    <row r="453009" spans="8:8">
      <c r="H453009" s="12"/>
    </row>
    <row r="453010" spans="8:8">
      <c r="H453010" s="12"/>
    </row>
    <row r="453011" spans="8:8">
      <c r="H453011" s="12"/>
    </row>
    <row r="453012" spans="8:8">
      <c r="H453012" s="12"/>
    </row>
    <row r="453013" spans="8:8">
      <c r="H453013" s="12"/>
    </row>
    <row r="453014" spans="8:8">
      <c r="H453014" s="12"/>
    </row>
    <row r="453015" spans="8:8">
      <c r="H453015" s="12"/>
    </row>
    <row r="453016" spans="8:8">
      <c r="H453016" s="12"/>
    </row>
    <row r="453017" spans="8:8">
      <c r="H453017" s="12"/>
    </row>
    <row r="453018" spans="8:8">
      <c r="H453018" s="12"/>
    </row>
    <row r="453019" spans="8:8">
      <c r="H453019" s="12"/>
    </row>
    <row r="453020" spans="8:8">
      <c r="H453020" s="12"/>
    </row>
    <row r="453021" spans="8:8">
      <c r="H453021" s="12"/>
    </row>
    <row r="453022" spans="8:8">
      <c r="H453022" s="12"/>
    </row>
    <row r="453023" spans="8:8">
      <c r="H453023" s="12"/>
    </row>
    <row r="453024" spans="8:8">
      <c r="H453024" s="12"/>
    </row>
    <row r="453025" spans="8:8">
      <c r="H453025" s="12"/>
    </row>
    <row r="453026" spans="8:8">
      <c r="H453026" s="12"/>
    </row>
    <row r="453027" spans="8:8">
      <c r="H453027" s="12"/>
    </row>
    <row r="453028" spans="8:8">
      <c r="H453028" s="12"/>
    </row>
    <row r="453029" spans="8:8">
      <c r="H453029" s="12"/>
    </row>
    <row r="453030" spans="8:8">
      <c r="H453030" s="12"/>
    </row>
    <row r="453031" spans="8:8">
      <c r="H453031" s="12"/>
    </row>
    <row r="453032" spans="8:8">
      <c r="H453032" s="12"/>
    </row>
    <row r="453033" spans="8:8">
      <c r="H453033" s="12"/>
    </row>
    <row r="453034" spans="8:8">
      <c r="H453034" s="12"/>
    </row>
    <row r="453035" spans="8:8">
      <c r="H453035" s="12"/>
    </row>
    <row r="453036" spans="8:8">
      <c r="H453036" s="12"/>
    </row>
    <row r="453037" spans="8:8">
      <c r="H453037" s="12"/>
    </row>
    <row r="453038" spans="8:8">
      <c r="H453038" s="12"/>
    </row>
    <row r="453039" spans="8:8">
      <c r="H453039" s="12"/>
    </row>
    <row r="453040" spans="8:8">
      <c r="H453040" s="12"/>
    </row>
    <row r="453041" spans="8:8">
      <c r="H453041" s="12"/>
    </row>
    <row r="453042" spans="8:8">
      <c r="H453042" s="12"/>
    </row>
    <row r="453043" spans="8:8">
      <c r="H453043" s="12"/>
    </row>
    <row r="453044" spans="8:8">
      <c r="H453044" s="12"/>
    </row>
    <row r="453045" spans="8:8">
      <c r="H453045" s="12"/>
    </row>
    <row r="453046" spans="8:8">
      <c r="H453046" s="12"/>
    </row>
    <row r="453047" spans="8:8">
      <c r="H453047" s="12"/>
    </row>
    <row r="453048" spans="8:8">
      <c r="H453048" s="12"/>
    </row>
    <row r="453049" spans="8:8">
      <c r="H453049" s="12"/>
    </row>
    <row r="453050" spans="8:8">
      <c r="H453050" s="12"/>
    </row>
    <row r="453051" spans="8:8">
      <c r="H453051" s="12"/>
    </row>
    <row r="453052" spans="8:8">
      <c r="H453052" s="12"/>
    </row>
    <row r="453053" spans="8:8">
      <c r="H453053" s="12"/>
    </row>
    <row r="453054" spans="8:8">
      <c r="H453054" s="12"/>
    </row>
    <row r="453055" spans="8:8">
      <c r="H453055" s="12"/>
    </row>
    <row r="453056" spans="8:8">
      <c r="H453056" s="12"/>
    </row>
    <row r="453057" spans="8:8">
      <c r="H453057" s="12"/>
    </row>
    <row r="453058" spans="8:8">
      <c r="H453058" s="12"/>
    </row>
    <row r="453059" spans="8:8">
      <c r="H453059" s="12"/>
    </row>
    <row r="453060" spans="8:8">
      <c r="H453060" s="12"/>
    </row>
    <row r="453061" spans="8:8">
      <c r="H453061" s="12"/>
    </row>
    <row r="453062" spans="8:8">
      <c r="H453062" s="12"/>
    </row>
    <row r="453063" spans="8:8">
      <c r="H453063" s="12"/>
    </row>
    <row r="453064" spans="8:8">
      <c r="H453064" s="12"/>
    </row>
    <row r="453065" spans="8:8">
      <c r="H453065" s="12"/>
    </row>
    <row r="453066" spans="8:8">
      <c r="H453066" s="12"/>
    </row>
    <row r="453067" spans="8:8">
      <c r="H453067" s="12"/>
    </row>
    <row r="453068" spans="8:8">
      <c r="H453068" s="12"/>
    </row>
    <row r="453069" spans="8:8">
      <c r="H453069" s="12"/>
    </row>
    <row r="453070" spans="8:8">
      <c r="H453070" s="12"/>
    </row>
    <row r="453071" spans="8:8">
      <c r="H453071" s="12"/>
    </row>
    <row r="453072" spans="8:8">
      <c r="H453072" s="12"/>
    </row>
    <row r="453073" spans="8:8">
      <c r="H453073" s="12"/>
    </row>
    <row r="453074" spans="8:8">
      <c r="H453074" s="12"/>
    </row>
    <row r="453075" spans="8:8">
      <c r="H453075" s="12"/>
    </row>
    <row r="453076" spans="8:8">
      <c r="H453076" s="12"/>
    </row>
    <row r="453077" spans="8:8">
      <c r="H453077" s="12"/>
    </row>
    <row r="453078" spans="8:8">
      <c r="H453078" s="12"/>
    </row>
    <row r="453079" spans="8:8">
      <c r="H453079" s="12"/>
    </row>
    <row r="453080" spans="8:8">
      <c r="H453080" s="12"/>
    </row>
    <row r="453081" spans="8:8">
      <c r="H453081" s="12"/>
    </row>
    <row r="453082" spans="8:8">
      <c r="H453082" s="12"/>
    </row>
    <row r="453083" spans="8:8">
      <c r="H453083" s="12"/>
    </row>
    <row r="453084" spans="8:8">
      <c r="H453084" s="12"/>
    </row>
    <row r="453085" spans="8:8">
      <c r="H453085" s="12"/>
    </row>
    <row r="453086" spans="8:8">
      <c r="H453086" s="12"/>
    </row>
    <row r="453087" spans="8:8">
      <c r="H453087" s="12"/>
    </row>
    <row r="453088" spans="8:8">
      <c r="H453088" s="12"/>
    </row>
    <row r="453089" spans="8:8">
      <c r="H453089" s="12"/>
    </row>
    <row r="453090" spans="8:8">
      <c r="H453090" s="12"/>
    </row>
    <row r="453091" spans="8:8">
      <c r="H453091" s="12"/>
    </row>
    <row r="453092" spans="8:8">
      <c r="H453092" s="12"/>
    </row>
    <row r="453093" spans="8:8">
      <c r="H453093" s="12"/>
    </row>
    <row r="453094" spans="8:8">
      <c r="H453094" s="12"/>
    </row>
    <row r="453095" spans="8:8">
      <c r="H453095" s="12"/>
    </row>
    <row r="453096" spans="8:8">
      <c r="H453096" s="12"/>
    </row>
    <row r="453097" spans="8:8">
      <c r="H453097" s="12"/>
    </row>
    <row r="453098" spans="8:8">
      <c r="H453098" s="12"/>
    </row>
    <row r="453099" spans="8:8">
      <c r="H453099" s="12"/>
    </row>
    <row r="453100" spans="8:8">
      <c r="H453100" s="12"/>
    </row>
    <row r="453101" spans="8:8">
      <c r="H453101" s="12"/>
    </row>
    <row r="453102" spans="8:8">
      <c r="H453102" s="12"/>
    </row>
    <row r="453103" spans="8:8">
      <c r="H453103" s="12"/>
    </row>
    <row r="453104" spans="8:8">
      <c r="H453104" s="12"/>
    </row>
    <row r="453105" spans="8:8">
      <c r="H453105" s="12"/>
    </row>
    <row r="453106" spans="8:8">
      <c r="H453106" s="12"/>
    </row>
    <row r="453107" spans="8:8">
      <c r="H453107" s="12"/>
    </row>
    <row r="453108" spans="8:8">
      <c r="H453108" s="12"/>
    </row>
    <row r="453109" spans="8:8">
      <c r="H453109" s="12"/>
    </row>
    <row r="453110" spans="8:8">
      <c r="H453110" s="12"/>
    </row>
    <row r="453111" spans="8:8">
      <c r="H453111" s="12"/>
    </row>
    <row r="453112" spans="8:8">
      <c r="H453112" s="12"/>
    </row>
    <row r="453113" spans="8:8">
      <c r="H453113" s="12"/>
    </row>
    <row r="453114" spans="8:8">
      <c r="H453114" s="12"/>
    </row>
    <row r="453115" spans="8:8">
      <c r="H453115" s="12"/>
    </row>
    <row r="453116" spans="8:8">
      <c r="H453116" s="12"/>
    </row>
    <row r="453117" spans="8:8">
      <c r="H453117" s="12"/>
    </row>
    <row r="453118" spans="8:8">
      <c r="H453118" s="12"/>
    </row>
    <row r="453119" spans="8:8">
      <c r="H453119" s="12"/>
    </row>
    <row r="453120" spans="8:8">
      <c r="H453120" s="12"/>
    </row>
    <row r="453121" spans="8:8">
      <c r="H453121" s="12"/>
    </row>
    <row r="453122" spans="8:8">
      <c r="H453122" s="12"/>
    </row>
    <row r="453123" spans="8:8">
      <c r="H453123" s="12"/>
    </row>
    <row r="453124" spans="8:8">
      <c r="H453124" s="12"/>
    </row>
    <row r="453125" spans="8:8">
      <c r="H453125" s="12"/>
    </row>
    <row r="453126" spans="8:8">
      <c r="H453126" s="12"/>
    </row>
    <row r="453127" spans="8:8">
      <c r="H453127" s="12"/>
    </row>
    <row r="453128" spans="8:8">
      <c r="H453128" s="12"/>
    </row>
    <row r="453129" spans="8:8">
      <c r="H453129" s="12"/>
    </row>
    <row r="453130" spans="8:8">
      <c r="H453130" s="12"/>
    </row>
    <row r="453131" spans="8:8">
      <c r="H453131" s="12"/>
    </row>
    <row r="453132" spans="8:8">
      <c r="H453132" s="12"/>
    </row>
    <row r="453133" spans="8:8">
      <c r="H453133" s="12"/>
    </row>
    <row r="453134" spans="8:8">
      <c r="H453134" s="12"/>
    </row>
    <row r="453135" spans="8:8">
      <c r="H453135" s="12"/>
    </row>
    <row r="453136" spans="8:8">
      <c r="H453136" s="12"/>
    </row>
    <row r="453137" spans="8:8">
      <c r="H453137" s="12"/>
    </row>
    <row r="453138" spans="8:8">
      <c r="H453138" s="12"/>
    </row>
    <row r="453139" spans="8:8">
      <c r="H453139" s="12"/>
    </row>
    <row r="453140" spans="8:8">
      <c r="H453140" s="12"/>
    </row>
    <row r="453141" spans="8:8">
      <c r="H453141" s="12"/>
    </row>
    <row r="453142" spans="8:8">
      <c r="H453142" s="12"/>
    </row>
    <row r="453143" spans="8:8">
      <c r="H453143" s="12"/>
    </row>
    <row r="453144" spans="8:8">
      <c r="H453144" s="12"/>
    </row>
    <row r="453145" spans="8:8">
      <c r="H453145" s="12"/>
    </row>
    <row r="453146" spans="8:8">
      <c r="H453146" s="12"/>
    </row>
    <row r="453147" spans="8:8">
      <c r="H453147" s="12"/>
    </row>
    <row r="453148" spans="8:8">
      <c r="H453148" s="12"/>
    </row>
    <row r="453149" spans="8:8">
      <c r="H453149" s="12"/>
    </row>
    <row r="453150" spans="8:8">
      <c r="H453150" s="12"/>
    </row>
    <row r="453151" spans="8:8">
      <c r="H453151" s="12"/>
    </row>
    <row r="453152" spans="8:8">
      <c r="H453152" s="12"/>
    </row>
    <row r="453153" spans="8:8">
      <c r="H453153" s="12"/>
    </row>
    <row r="453154" spans="8:8">
      <c r="H453154" s="12"/>
    </row>
    <row r="453155" spans="8:8">
      <c r="H453155" s="12"/>
    </row>
    <row r="453156" spans="8:8">
      <c r="H453156" s="12"/>
    </row>
    <row r="453157" spans="8:8">
      <c r="H453157" s="12"/>
    </row>
    <row r="453158" spans="8:8">
      <c r="H453158" s="12"/>
    </row>
    <row r="453159" spans="8:8">
      <c r="H453159" s="12"/>
    </row>
    <row r="453160" spans="8:8">
      <c r="H453160" s="12"/>
    </row>
    <row r="453161" spans="8:8">
      <c r="H453161" s="12"/>
    </row>
    <row r="453162" spans="8:8">
      <c r="H453162" s="12"/>
    </row>
    <row r="453163" spans="8:8">
      <c r="H453163" s="12"/>
    </row>
    <row r="453164" spans="8:8">
      <c r="H453164" s="12"/>
    </row>
    <row r="453165" spans="8:8">
      <c r="H453165" s="12"/>
    </row>
    <row r="453166" spans="8:8">
      <c r="H453166" s="12"/>
    </row>
    <row r="453167" spans="8:8">
      <c r="H453167" s="12"/>
    </row>
    <row r="453168" spans="8:8">
      <c r="H453168" s="12"/>
    </row>
    <row r="453169" spans="8:8">
      <c r="H453169" s="12"/>
    </row>
    <row r="453170" spans="8:8">
      <c r="H453170" s="12"/>
    </row>
    <row r="453171" spans="8:8">
      <c r="H453171" s="12"/>
    </row>
    <row r="453172" spans="8:8">
      <c r="H453172" s="12"/>
    </row>
    <row r="453173" spans="8:8">
      <c r="H453173" s="12"/>
    </row>
    <row r="453174" spans="8:8">
      <c r="H453174" s="12"/>
    </row>
    <row r="453175" spans="8:8">
      <c r="H453175" s="12"/>
    </row>
    <row r="453176" spans="8:8">
      <c r="H453176" s="12"/>
    </row>
    <row r="453177" spans="8:8">
      <c r="H453177" s="12"/>
    </row>
    <row r="453178" spans="8:8">
      <c r="H453178" s="12"/>
    </row>
    <row r="453179" spans="8:8">
      <c r="H453179" s="12"/>
    </row>
    <row r="453180" spans="8:8">
      <c r="H453180" s="12"/>
    </row>
    <row r="453181" spans="8:8">
      <c r="H453181" s="12"/>
    </row>
    <row r="453182" spans="8:8">
      <c r="H453182" s="12"/>
    </row>
    <row r="453183" spans="8:8">
      <c r="H453183" s="12"/>
    </row>
    <row r="453184" spans="8:8">
      <c r="H453184" s="12"/>
    </row>
    <row r="453185" spans="8:8">
      <c r="H453185" s="12"/>
    </row>
    <row r="453186" spans="8:8">
      <c r="H453186" s="12"/>
    </row>
    <row r="453187" spans="8:8">
      <c r="H453187" s="12"/>
    </row>
    <row r="453188" spans="8:8">
      <c r="H453188" s="12"/>
    </row>
    <row r="453189" spans="8:8">
      <c r="H453189" s="12"/>
    </row>
    <row r="453190" spans="8:8">
      <c r="H453190" s="12"/>
    </row>
    <row r="453191" spans="8:8">
      <c r="H453191" s="12"/>
    </row>
    <row r="453192" spans="8:8">
      <c r="H453192" s="12"/>
    </row>
    <row r="453193" spans="8:8">
      <c r="H453193" s="12"/>
    </row>
    <row r="453194" spans="8:8">
      <c r="H453194" s="12"/>
    </row>
    <row r="453195" spans="8:8">
      <c r="H453195" s="12"/>
    </row>
    <row r="453196" spans="8:8">
      <c r="H453196" s="12"/>
    </row>
    <row r="453197" spans="8:8">
      <c r="H453197" s="12"/>
    </row>
    <row r="453198" spans="8:8">
      <c r="H453198" s="12"/>
    </row>
    <row r="453199" spans="8:8">
      <c r="H453199" s="12"/>
    </row>
    <row r="453200" spans="8:8">
      <c r="H453200" s="12"/>
    </row>
    <row r="453201" spans="8:8">
      <c r="H453201" s="12"/>
    </row>
    <row r="453202" spans="8:8">
      <c r="H453202" s="12"/>
    </row>
    <row r="453203" spans="8:8">
      <c r="H453203" s="12"/>
    </row>
    <row r="453204" spans="8:8">
      <c r="H453204" s="12"/>
    </row>
    <row r="453205" spans="8:8">
      <c r="H453205" s="12"/>
    </row>
    <row r="453206" spans="8:8">
      <c r="H453206" s="12"/>
    </row>
    <row r="453207" spans="8:8">
      <c r="H453207" s="12"/>
    </row>
    <row r="453208" spans="8:8">
      <c r="H453208" s="12"/>
    </row>
    <row r="453209" spans="8:8">
      <c r="H453209" s="12"/>
    </row>
    <row r="453210" spans="8:8">
      <c r="H453210" s="12"/>
    </row>
    <row r="453211" spans="8:8">
      <c r="H453211" s="12"/>
    </row>
    <row r="453212" spans="8:8">
      <c r="H453212" s="12"/>
    </row>
    <row r="453213" spans="8:8">
      <c r="H453213" s="12"/>
    </row>
    <row r="453214" spans="8:8">
      <c r="H453214" s="12"/>
    </row>
    <row r="453215" spans="8:8">
      <c r="H453215" s="12"/>
    </row>
    <row r="453216" spans="8:8">
      <c r="H453216" s="12"/>
    </row>
    <row r="453217" spans="8:8">
      <c r="H453217" s="12"/>
    </row>
    <row r="453218" spans="8:8">
      <c r="H453218" s="12"/>
    </row>
    <row r="453219" spans="8:8">
      <c r="H453219" s="12"/>
    </row>
    <row r="453220" spans="8:8">
      <c r="H453220" s="12"/>
    </row>
    <row r="453221" spans="8:8">
      <c r="H453221" s="12"/>
    </row>
    <row r="453222" spans="8:8">
      <c r="H453222" s="12"/>
    </row>
    <row r="453223" spans="8:8">
      <c r="H453223" s="12"/>
    </row>
    <row r="453224" spans="8:8">
      <c r="H453224" s="12"/>
    </row>
    <row r="453225" spans="8:8">
      <c r="H453225" s="12"/>
    </row>
    <row r="453226" spans="8:8">
      <c r="H453226" s="12"/>
    </row>
    <row r="453227" spans="8:8">
      <c r="H453227" s="12"/>
    </row>
    <row r="453228" spans="8:8">
      <c r="H453228" s="12"/>
    </row>
    <row r="453229" spans="8:8">
      <c r="H453229" s="12"/>
    </row>
    <row r="453230" spans="8:8">
      <c r="H453230" s="12"/>
    </row>
    <row r="453231" spans="8:8">
      <c r="H453231" s="12"/>
    </row>
    <row r="453232" spans="8:8">
      <c r="H453232" s="12"/>
    </row>
    <row r="453233" spans="8:8">
      <c r="H453233" s="12"/>
    </row>
    <row r="453234" spans="8:8">
      <c r="H453234" s="12"/>
    </row>
    <row r="453235" spans="8:8">
      <c r="H453235" s="12"/>
    </row>
    <row r="453236" spans="8:8">
      <c r="H453236" s="12"/>
    </row>
    <row r="453237" spans="8:8">
      <c r="H453237" s="12"/>
    </row>
    <row r="453238" spans="8:8">
      <c r="H453238" s="12"/>
    </row>
    <row r="453239" spans="8:8">
      <c r="H453239" s="12"/>
    </row>
    <row r="453240" spans="8:8">
      <c r="H453240" s="12"/>
    </row>
    <row r="453241" spans="8:8">
      <c r="H453241" s="12"/>
    </row>
    <row r="453242" spans="8:8">
      <c r="H453242" s="12"/>
    </row>
    <row r="453243" spans="8:8">
      <c r="H453243" s="12"/>
    </row>
    <row r="453244" spans="8:8">
      <c r="H453244" s="12"/>
    </row>
    <row r="453245" spans="8:8">
      <c r="H453245" s="12"/>
    </row>
    <row r="453246" spans="8:8">
      <c r="H453246" s="12"/>
    </row>
    <row r="453247" spans="8:8">
      <c r="H453247" s="12"/>
    </row>
    <row r="453248" spans="8:8">
      <c r="H453248" s="12"/>
    </row>
    <row r="453249" spans="8:8">
      <c r="H453249" s="12"/>
    </row>
    <row r="453250" spans="8:8">
      <c r="H453250" s="12"/>
    </row>
    <row r="453251" spans="8:8">
      <c r="H453251" s="12"/>
    </row>
    <row r="453252" spans="8:8">
      <c r="H453252" s="12"/>
    </row>
    <row r="453253" spans="8:8">
      <c r="H453253" s="12"/>
    </row>
    <row r="453254" spans="8:8">
      <c r="H453254" s="12"/>
    </row>
    <row r="453255" spans="8:8">
      <c r="H453255" s="12"/>
    </row>
    <row r="453256" spans="8:8">
      <c r="H453256" s="12"/>
    </row>
    <row r="453257" spans="8:8">
      <c r="H453257" s="12"/>
    </row>
    <row r="453258" spans="8:8">
      <c r="H453258" s="12"/>
    </row>
    <row r="453259" spans="8:8">
      <c r="H453259" s="12"/>
    </row>
    <row r="453260" spans="8:8">
      <c r="H453260" s="12"/>
    </row>
    <row r="453261" spans="8:8">
      <c r="H453261" s="12"/>
    </row>
    <row r="453262" spans="8:8">
      <c r="H453262" s="12"/>
    </row>
    <row r="453263" spans="8:8">
      <c r="H453263" s="12"/>
    </row>
    <row r="453264" spans="8:8">
      <c r="H453264" s="12"/>
    </row>
    <row r="453265" spans="8:8">
      <c r="H453265" s="12"/>
    </row>
    <row r="453266" spans="8:8">
      <c r="H453266" s="12"/>
    </row>
    <row r="453267" spans="8:8">
      <c r="H453267" s="12"/>
    </row>
    <row r="453268" spans="8:8">
      <c r="H453268" s="12"/>
    </row>
    <row r="453269" spans="8:8">
      <c r="H453269" s="12"/>
    </row>
    <row r="453270" spans="8:8">
      <c r="H453270" s="12"/>
    </row>
    <row r="453271" spans="8:8">
      <c r="H453271" s="12"/>
    </row>
    <row r="453272" spans="8:8">
      <c r="H453272" s="12"/>
    </row>
    <row r="453273" spans="8:8">
      <c r="H453273" s="12"/>
    </row>
    <row r="453274" spans="8:8">
      <c r="H453274" s="12"/>
    </row>
    <row r="453275" spans="8:8">
      <c r="H453275" s="12"/>
    </row>
    <row r="453276" spans="8:8">
      <c r="H453276" s="12"/>
    </row>
    <row r="453277" spans="8:8">
      <c r="H453277" s="12"/>
    </row>
    <row r="453278" spans="8:8">
      <c r="H453278" s="12"/>
    </row>
    <row r="453279" spans="8:8">
      <c r="H453279" s="12"/>
    </row>
    <row r="453280" spans="8:8">
      <c r="H453280" s="12"/>
    </row>
    <row r="453281" spans="8:8">
      <c r="H453281" s="12"/>
    </row>
    <row r="453282" spans="8:8">
      <c r="H453282" s="12"/>
    </row>
    <row r="453283" spans="8:8">
      <c r="H453283" s="12"/>
    </row>
    <row r="453284" spans="8:8">
      <c r="H453284" s="12"/>
    </row>
    <row r="453285" spans="8:8">
      <c r="H453285" s="12"/>
    </row>
    <row r="453286" spans="8:8">
      <c r="H453286" s="12"/>
    </row>
    <row r="453287" spans="8:8">
      <c r="H453287" s="12"/>
    </row>
    <row r="453288" spans="8:8">
      <c r="H453288" s="12"/>
    </row>
    <row r="453289" spans="8:8">
      <c r="H453289" s="12"/>
    </row>
    <row r="453290" spans="8:8">
      <c r="H453290" s="12"/>
    </row>
    <row r="453291" spans="8:8">
      <c r="H453291" s="12"/>
    </row>
    <row r="453292" spans="8:8">
      <c r="H453292" s="12"/>
    </row>
    <row r="453293" spans="8:8">
      <c r="H453293" s="12"/>
    </row>
    <row r="453294" spans="8:8">
      <c r="H453294" s="12"/>
    </row>
    <row r="453295" spans="8:8">
      <c r="H453295" s="12"/>
    </row>
    <row r="453296" spans="8:8">
      <c r="H453296" s="12"/>
    </row>
    <row r="453297" spans="8:8">
      <c r="H453297" s="12"/>
    </row>
    <row r="453298" spans="8:8">
      <c r="H453298" s="12"/>
    </row>
    <row r="453299" spans="8:8">
      <c r="H453299" s="12"/>
    </row>
    <row r="453300" spans="8:8">
      <c r="H453300" s="12"/>
    </row>
    <row r="453301" spans="8:8">
      <c r="H453301" s="12"/>
    </row>
    <row r="453302" spans="8:8">
      <c r="H453302" s="12"/>
    </row>
    <row r="453303" spans="8:8">
      <c r="H453303" s="12"/>
    </row>
    <row r="453304" spans="8:8">
      <c r="H453304" s="12"/>
    </row>
    <row r="453305" spans="8:8">
      <c r="H453305" s="12"/>
    </row>
    <row r="453306" spans="8:8">
      <c r="H453306" s="12"/>
    </row>
    <row r="453307" spans="8:8">
      <c r="H453307" s="12"/>
    </row>
    <row r="453308" spans="8:8">
      <c r="H453308" s="12"/>
    </row>
    <row r="453309" spans="8:8">
      <c r="H453309" s="12"/>
    </row>
    <row r="453310" spans="8:8">
      <c r="H453310" s="12"/>
    </row>
    <row r="453311" spans="8:8">
      <c r="H453311" s="12"/>
    </row>
    <row r="453312" spans="8:8">
      <c r="H453312" s="12"/>
    </row>
    <row r="453313" spans="8:8">
      <c r="H453313" s="12"/>
    </row>
    <row r="453314" spans="8:8">
      <c r="H453314" s="12"/>
    </row>
    <row r="453315" spans="8:8">
      <c r="H453315" s="12"/>
    </row>
    <row r="453316" spans="8:8">
      <c r="H453316" s="12"/>
    </row>
    <row r="453317" spans="8:8">
      <c r="H453317" s="12"/>
    </row>
    <row r="453318" spans="8:8">
      <c r="H453318" s="12"/>
    </row>
    <row r="453319" spans="8:8">
      <c r="H453319" s="12"/>
    </row>
    <row r="453320" spans="8:8">
      <c r="H453320" s="12"/>
    </row>
    <row r="453321" spans="8:8">
      <c r="H453321" s="12"/>
    </row>
    <row r="453322" spans="8:8">
      <c r="H453322" s="12"/>
    </row>
    <row r="453323" spans="8:8">
      <c r="H453323" s="12"/>
    </row>
    <row r="453324" spans="8:8">
      <c r="H453324" s="12"/>
    </row>
    <row r="453325" spans="8:8">
      <c r="H453325" s="12"/>
    </row>
    <row r="453326" spans="8:8">
      <c r="H453326" s="12"/>
    </row>
    <row r="453327" spans="8:8">
      <c r="H453327" s="12"/>
    </row>
    <row r="453328" spans="8:8">
      <c r="H453328" s="12"/>
    </row>
    <row r="453329" spans="8:8">
      <c r="H453329" s="12"/>
    </row>
    <row r="453330" spans="8:8">
      <c r="H453330" s="12"/>
    </row>
    <row r="453331" spans="8:8">
      <c r="H453331" s="12"/>
    </row>
    <row r="453332" spans="8:8">
      <c r="H453332" s="12"/>
    </row>
    <row r="453333" spans="8:8">
      <c r="H453333" s="12"/>
    </row>
    <row r="453334" spans="8:8">
      <c r="H453334" s="12"/>
    </row>
    <row r="453335" spans="8:8">
      <c r="H453335" s="12"/>
    </row>
    <row r="453336" spans="8:8">
      <c r="H453336" s="12"/>
    </row>
    <row r="453337" spans="8:8">
      <c r="H453337" s="12"/>
    </row>
    <row r="453338" spans="8:8">
      <c r="H453338" s="12"/>
    </row>
    <row r="453339" spans="8:8">
      <c r="H453339" s="12"/>
    </row>
    <row r="453340" spans="8:8">
      <c r="H453340" s="12"/>
    </row>
    <row r="453341" spans="8:8">
      <c r="H453341" s="12"/>
    </row>
    <row r="453342" spans="8:8">
      <c r="H453342" s="12"/>
    </row>
    <row r="453343" spans="8:8">
      <c r="H453343" s="12"/>
    </row>
    <row r="453344" spans="8:8">
      <c r="H453344" s="12"/>
    </row>
    <row r="453345" spans="8:8">
      <c r="H453345" s="12"/>
    </row>
    <row r="453346" spans="8:8">
      <c r="H453346" s="12"/>
    </row>
    <row r="453347" spans="8:8">
      <c r="H453347" s="12"/>
    </row>
    <row r="453348" spans="8:8">
      <c r="H453348" s="12"/>
    </row>
    <row r="453349" spans="8:8">
      <c r="H453349" s="12"/>
    </row>
    <row r="453350" spans="8:8">
      <c r="H453350" s="12"/>
    </row>
    <row r="453351" spans="8:8">
      <c r="H453351" s="12"/>
    </row>
    <row r="453352" spans="8:8">
      <c r="H453352" s="12"/>
    </row>
    <row r="453353" spans="8:8">
      <c r="H453353" s="12"/>
    </row>
    <row r="453354" spans="8:8">
      <c r="H453354" s="12"/>
    </row>
    <row r="453355" spans="8:8">
      <c r="H453355" s="12"/>
    </row>
    <row r="453356" spans="8:8">
      <c r="H453356" s="12"/>
    </row>
    <row r="453357" spans="8:8">
      <c r="H453357" s="12"/>
    </row>
    <row r="453358" spans="8:8">
      <c r="H453358" s="12"/>
    </row>
    <row r="453359" spans="8:8">
      <c r="H453359" s="12"/>
    </row>
    <row r="453360" spans="8:8">
      <c r="H453360" s="12"/>
    </row>
    <row r="453361" spans="8:8">
      <c r="H453361" s="12"/>
    </row>
    <row r="453362" spans="8:8">
      <c r="H453362" s="12"/>
    </row>
    <row r="453363" spans="8:8">
      <c r="H453363" s="12"/>
    </row>
    <row r="453364" spans="8:8">
      <c r="H453364" s="12"/>
    </row>
    <row r="453365" spans="8:8">
      <c r="H453365" s="12"/>
    </row>
    <row r="453366" spans="8:8">
      <c r="H453366" s="12"/>
    </row>
    <row r="453367" spans="8:8">
      <c r="H453367" s="12"/>
    </row>
    <row r="453368" spans="8:8">
      <c r="H453368" s="12"/>
    </row>
    <row r="453369" spans="8:8">
      <c r="H453369" s="12"/>
    </row>
    <row r="453370" spans="8:8">
      <c r="H453370" s="12"/>
    </row>
    <row r="453371" spans="8:8">
      <c r="H453371" s="12"/>
    </row>
    <row r="453372" spans="8:8">
      <c r="H453372" s="12"/>
    </row>
    <row r="453373" spans="8:8">
      <c r="H453373" s="12"/>
    </row>
    <row r="453374" spans="8:8">
      <c r="H453374" s="12"/>
    </row>
    <row r="453375" spans="8:8">
      <c r="H453375" s="12"/>
    </row>
    <row r="453376" spans="8:8">
      <c r="H453376" s="12"/>
    </row>
    <row r="453377" spans="8:8">
      <c r="H453377" s="12"/>
    </row>
    <row r="453378" spans="8:8">
      <c r="H453378" s="12"/>
    </row>
    <row r="453379" spans="8:8">
      <c r="H453379" s="12"/>
    </row>
    <row r="453380" spans="8:8">
      <c r="H453380" s="12"/>
    </row>
    <row r="453381" spans="8:8">
      <c r="H453381" s="12"/>
    </row>
    <row r="453382" spans="8:8">
      <c r="H453382" s="12"/>
    </row>
    <row r="453383" spans="8:8">
      <c r="H453383" s="12"/>
    </row>
    <row r="453384" spans="8:8">
      <c r="H453384" s="12"/>
    </row>
    <row r="453385" spans="8:8">
      <c r="H453385" s="12"/>
    </row>
    <row r="453386" spans="8:8">
      <c r="H453386" s="12"/>
    </row>
    <row r="453387" spans="8:8">
      <c r="H453387" s="12"/>
    </row>
    <row r="453388" spans="8:8">
      <c r="H453388" s="12"/>
    </row>
    <row r="453389" spans="8:8">
      <c r="H453389" s="12"/>
    </row>
    <row r="453390" spans="8:8">
      <c r="H453390" s="12"/>
    </row>
    <row r="453391" spans="8:8">
      <c r="H453391" s="12"/>
    </row>
    <row r="453392" spans="8:8">
      <c r="H453392" s="12"/>
    </row>
    <row r="453393" spans="8:8">
      <c r="H453393" s="12"/>
    </row>
    <row r="453394" spans="8:8">
      <c r="H453394" s="12"/>
    </row>
    <row r="453395" spans="8:8">
      <c r="H453395" s="12"/>
    </row>
    <row r="453396" spans="8:8">
      <c r="H453396" s="12"/>
    </row>
    <row r="453397" spans="8:8">
      <c r="H453397" s="12"/>
    </row>
    <row r="453398" spans="8:8">
      <c r="H453398" s="12"/>
    </row>
    <row r="453399" spans="8:8">
      <c r="H453399" s="12"/>
    </row>
    <row r="453400" spans="8:8">
      <c r="H453400" s="12"/>
    </row>
    <row r="453401" spans="8:8">
      <c r="H453401" s="12"/>
    </row>
    <row r="453402" spans="8:8">
      <c r="H453402" s="12"/>
    </row>
    <row r="453403" spans="8:8">
      <c r="H453403" s="12"/>
    </row>
    <row r="453404" spans="8:8">
      <c r="H453404" s="12"/>
    </row>
    <row r="453405" spans="8:8">
      <c r="H453405" s="12"/>
    </row>
    <row r="453406" spans="8:8">
      <c r="H453406" s="12"/>
    </row>
    <row r="453407" spans="8:8">
      <c r="H453407" s="12"/>
    </row>
    <row r="453408" spans="8:8">
      <c r="H453408" s="12"/>
    </row>
    <row r="453409" spans="8:8">
      <c r="H453409" s="12"/>
    </row>
    <row r="453410" spans="8:8">
      <c r="H453410" s="12"/>
    </row>
    <row r="453411" spans="8:8">
      <c r="H453411" s="12"/>
    </row>
    <row r="453412" spans="8:8">
      <c r="H453412" s="12"/>
    </row>
    <row r="453413" spans="8:8">
      <c r="H453413" s="12"/>
    </row>
    <row r="453414" spans="8:8">
      <c r="H453414" s="12"/>
    </row>
    <row r="453415" spans="8:8">
      <c r="H453415" s="12"/>
    </row>
    <row r="453416" spans="8:8">
      <c r="H453416" s="12"/>
    </row>
    <row r="453417" spans="8:8">
      <c r="H453417" s="12"/>
    </row>
    <row r="453418" spans="8:8">
      <c r="H453418" s="12"/>
    </row>
    <row r="453419" spans="8:8">
      <c r="H453419" s="12"/>
    </row>
    <row r="453420" spans="8:8">
      <c r="H453420" s="12"/>
    </row>
    <row r="453421" spans="8:8">
      <c r="H453421" s="12"/>
    </row>
    <row r="453422" spans="8:8">
      <c r="H453422" s="12"/>
    </row>
    <row r="453423" spans="8:8">
      <c r="H453423" s="12"/>
    </row>
    <row r="453424" spans="8:8">
      <c r="H453424" s="12"/>
    </row>
    <row r="453425" spans="8:8">
      <c r="H453425" s="12"/>
    </row>
    <row r="453426" spans="8:8">
      <c r="H453426" s="12"/>
    </row>
    <row r="453427" spans="8:8">
      <c r="H453427" s="12"/>
    </row>
    <row r="453428" spans="8:8">
      <c r="H453428" s="12"/>
    </row>
    <row r="453429" spans="8:8">
      <c r="H453429" s="12"/>
    </row>
    <row r="453430" spans="8:8">
      <c r="H453430" s="12"/>
    </row>
    <row r="453431" spans="8:8">
      <c r="H453431" s="12"/>
    </row>
    <row r="453432" spans="8:8">
      <c r="H453432" s="12"/>
    </row>
    <row r="453433" spans="8:8">
      <c r="H453433" s="12"/>
    </row>
    <row r="453434" spans="8:8">
      <c r="H453434" s="12"/>
    </row>
    <row r="453435" spans="8:8">
      <c r="H453435" s="12"/>
    </row>
    <row r="453436" spans="8:8">
      <c r="H453436" s="12"/>
    </row>
    <row r="453437" spans="8:8">
      <c r="H453437" s="12"/>
    </row>
    <row r="453438" spans="8:8">
      <c r="H453438" s="12"/>
    </row>
    <row r="453439" spans="8:8">
      <c r="H453439" s="12"/>
    </row>
    <row r="453440" spans="8:8">
      <c r="H453440" s="12"/>
    </row>
    <row r="453441" spans="8:8">
      <c r="H453441" s="12"/>
    </row>
    <row r="453442" spans="8:8">
      <c r="H453442" s="12"/>
    </row>
    <row r="453443" spans="8:8">
      <c r="H453443" s="12"/>
    </row>
    <row r="453444" spans="8:8">
      <c r="H453444" s="12"/>
    </row>
    <row r="453445" spans="8:8">
      <c r="H453445" s="12"/>
    </row>
    <row r="453446" spans="8:8">
      <c r="H453446" s="12"/>
    </row>
    <row r="453447" spans="8:8">
      <c r="H453447" s="12"/>
    </row>
    <row r="453448" spans="8:8">
      <c r="H453448" s="12"/>
    </row>
    <row r="453449" spans="8:8">
      <c r="H453449" s="12"/>
    </row>
    <row r="453450" spans="8:8">
      <c r="H453450" s="12"/>
    </row>
    <row r="453451" spans="8:8">
      <c r="H453451" s="12"/>
    </row>
    <row r="453452" spans="8:8">
      <c r="H453452" s="12"/>
    </row>
    <row r="453453" spans="8:8">
      <c r="H453453" s="12"/>
    </row>
    <row r="453454" spans="8:8">
      <c r="H453454" s="12"/>
    </row>
    <row r="453455" spans="8:8">
      <c r="H453455" s="12"/>
    </row>
    <row r="453456" spans="8:8">
      <c r="H453456" s="12"/>
    </row>
    <row r="453457" spans="8:8">
      <c r="H453457" s="12"/>
    </row>
    <row r="453458" spans="8:8">
      <c r="H453458" s="12"/>
    </row>
    <row r="453459" spans="8:8">
      <c r="H453459" s="12"/>
    </row>
    <row r="453460" spans="8:8">
      <c r="H453460" s="12"/>
    </row>
    <row r="453461" spans="8:8">
      <c r="H453461" s="12"/>
    </row>
    <row r="453462" spans="8:8">
      <c r="H453462" s="12"/>
    </row>
    <row r="453463" spans="8:8">
      <c r="H453463" s="12"/>
    </row>
    <row r="453464" spans="8:8">
      <c r="H453464" s="12"/>
    </row>
    <row r="453465" spans="8:8">
      <c r="H453465" s="12"/>
    </row>
    <row r="453466" spans="8:8">
      <c r="H453466" s="12"/>
    </row>
    <row r="453467" spans="8:8">
      <c r="H453467" s="12"/>
    </row>
    <row r="453468" spans="8:8">
      <c r="H453468" s="12"/>
    </row>
    <row r="453469" spans="8:8">
      <c r="H453469" s="12"/>
    </row>
    <row r="453470" spans="8:8">
      <c r="H453470" s="12"/>
    </row>
    <row r="453471" spans="8:8">
      <c r="H453471" s="12"/>
    </row>
    <row r="453472" spans="8:8">
      <c r="H453472" s="12"/>
    </row>
    <row r="453473" spans="8:8">
      <c r="H453473" s="12"/>
    </row>
    <row r="453474" spans="8:8">
      <c r="H453474" s="12"/>
    </row>
    <row r="453475" spans="8:8">
      <c r="H453475" s="12"/>
    </row>
    <row r="453476" spans="8:8">
      <c r="H453476" s="12"/>
    </row>
    <row r="453477" spans="8:8">
      <c r="H453477" s="12"/>
    </row>
    <row r="453478" spans="8:8">
      <c r="H453478" s="12"/>
    </row>
    <row r="453479" spans="8:8">
      <c r="H453479" s="12"/>
    </row>
    <row r="453480" spans="8:8">
      <c r="H453480" s="12"/>
    </row>
    <row r="453481" spans="8:8">
      <c r="H453481" s="12"/>
    </row>
    <row r="453482" spans="8:8">
      <c r="H453482" s="12"/>
    </row>
    <row r="453483" spans="8:8">
      <c r="H453483" s="12"/>
    </row>
    <row r="453484" spans="8:8">
      <c r="H453484" s="12"/>
    </row>
    <row r="453485" spans="8:8">
      <c r="H453485" s="12"/>
    </row>
    <row r="453486" spans="8:8">
      <c r="H453486" s="12"/>
    </row>
    <row r="453487" spans="8:8">
      <c r="H453487" s="12"/>
    </row>
    <row r="453488" spans="8:8">
      <c r="H453488" s="12"/>
    </row>
    <row r="453489" spans="8:8">
      <c r="H453489" s="12"/>
    </row>
    <row r="453490" spans="8:8">
      <c r="H453490" s="12"/>
    </row>
    <row r="453491" spans="8:8">
      <c r="H453491" s="12"/>
    </row>
    <row r="453492" spans="8:8">
      <c r="H453492" s="12"/>
    </row>
    <row r="453493" spans="8:8">
      <c r="H453493" s="12"/>
    </row>
    <row r="453494" spans="8:8">
      <c r="H453494" s="12"/>
    </row>
    <row r="453495" spans="8:8">
      <c r="H453495" s="12"/>
    </row>
    <row r="453496" spans="8:8">
      <c r="H453496" s="12"/>
    </row>
    <row r="453497" spans="8:8">
      <c r="H453497" s="12"/>
    </row>
    <row r="453498" spans="8:8">
      <c r="H453498" s="12"/>
    </row>
    <row r="453499" spans="8:8">
      <c r="H453499" s="12"/>
    </row>
    <row r="453500" spans="8:8">
      <c r="H453500" s="12"/>
    </row>
    <row r="453501" spans="8:8">
      <c r="H453501" s="12"/>
    </row>
    <row r="453502" spans="8:8">
      <c r="H453502" s="12"/>
    </row>
    <row r="453503" spans="8:8">
      <c r="H453503" s="12"/>
    </row>
    <row r="453504" spans="8:8">
      <c r="H453504" s="12"/>
    </row>
    <row r="453505" spans="8:8">
      <c r="H453505" s="12"/>
    </row>
    <row r="453506" spans="8:8">
      <c r="H453506" s="12"/>
    </row>
    <row r="453507" spans="8:8">
      <c r="H453507" s="12"/>
    </row>
    <row r="453508" spans="8:8">
      <c r="H453508" s="12"/>
    </row>
    <row r="453509" spans="8:8">
      <c r="H453509" s="12"/>
    </row>
    <row r="453510" spans="8:8">
      <c r="H453510" s="12"/>
    </row>
    <row r="453511" spans="8:8">
      <c r="H453511" s="12"/>
    </row>
    <row r="453512" spans="8:8">
      <c r="H453512" s="12"/>
    </row>
    <row r="453513" spans="8:8">
      <c r="H453513" s="12"/>
    </row>
    <row r="453514" spans="8:8">
      <c r="H453514" s="12"/>
    </row>
    <row r="453515" spans="8:8">
      <c r="H453515" s="12"/>
    </row>
    <row r="453516" spans="8:8">
      <c r="H453516" s="12"/>
    </row>
    <row r="453517" spans="8:8">
      <c r="H453517" s="12"/>
    </row>
    <row r="453518" spans="8:8">
      <c r="H453518" s="12"/>
    </row>
    <row r="453519" spans="8:8">
      <c r="H453519" s="12"/>
    </row>
    <row r="453520" spans="8:8">
      <c r="H453520" s="12"/>
    </row>
    <row r="453521" spans="8:8">
      <c r="H453521" s="12"/>
    </row>
    <row r="453522" spans="8:8">
      <c r="H453522" s="12"/>
    </row>
    <row r="453523" spans="8:8">
      <c r="H453523" s="12"/>
    </row>
    <row r="453524" spans="8:8">
      <c r="H453524" s="12"/>
    </row>
    <row r="453525" spans="8:8">
      <c r="H453525" s="12"/>
    </row>
    <row r="453526" spans="8:8">
      <c r="H453526" s="12"/>
    </row>
    <row r="453527" spans="8:8">
      <c r="H453527" s="12"/>
    </row>
    <row r="453528" spans="8:8">
      <c r="H453528" s="12"/>
    </row>
    <row r="453529" spans="8:8">
      <c r="H453529" s="12"/>
    </row>
    <row r="453530" spans="8:8">
      <c r="H453530" s="12"/>
    </row>
    <row r="453531" spans="8:8">
      <c r="H453531" s="12"/>
    </row>
    <row r="453532" spans="8:8">
      <c r="H453532" s="12"/>
    </row>
    <row r="453533" spans="8:8">
      <c r="H453533" s="12"/>
    </row>
    <row r="453534" spans="8:8">
      <c r="H453534" s="12"/>
    </row>
    <row r="453535" spans="8:8">
      <c r="H453535" s="12"/>
    </row>
    <row r="453536" spans="8:8">
      <c r="H453536" s="12"/>
    </row>
    <row r="453537" spans="8:8">
      <c r="H453537" s="12"/>
    </row>
    <row r="453538" spans="8:8">
      <c r="H453538" s="12"/>
    </row>
    <row r="453539" spans="8:8">
      <c r="H453539" s="12"/>
    </row>
    <row r="453540" spans="8:8">
      <c r="H453540" s="12"/>
    </row>
    <row r="453541" spans="8:8">
      <c r="H453541" s="12"/>
    </row>
    <row r="453542" spans="8:8">
      <c r="H453542" s="12"/>
    </row>
    <row r="453543" spans="8:8">
      <c r="H453543" s="12"/>
    </row>
    <row r="453544" spans="8:8">
      <c r="H453544" s="12"/>
    </row>
    <row r="453545" spans="8:8">
      <c r="H453545" s="12"/>
    </row>
    <row r="453546" spans="8:8">
      <c r="H453546" s="12"/>
    </row>
    <row r="453547" spans="8:8">
      <c r="H453547" s="12"/>
    </row>
    <row r="453548" spans="8:8">
      <c r="H453548" s="12"/>
    </row>
    <row r="453549" spans="8:8">
      <c r="H453549" s="12"/>
    </row>
    <row r="453550" spans="8:8">
      <c r="H453550" s="12"/>
    </row>
    <row r="453551" spans="8:8">
      <c r="H453551" s="12"/>
    </row>
    <row r="453552" spans="8:8">
      <c r="H453552" s="12"/>
    </row>
    <row r="453553" spans="8:8">
      <c r="H453553" s="12"/>
    </row>
    <row r="453554" spans="8:8">
      <c r="H453554" s="12"/>
    </row>
    <row r="453555" spans="8:8">
      <c r="H453555" s="12"/>
    </row>
    <row r="453556" spans="8:8">
      <c r="H453556" s="12"/>
    </row>
    <row r="453557" spans="8:8">
      <c r="H453557" s="12"/>
    </row>
    <row r="453558" spans="8:8">
      <c r="H453558" s="12"/>
    </row>
    <row r="453559" spans="8:8">
      <c r="H453559" s="12"/>
    </row>
    <row r="453560" spans="8:8">
      <c r="H453560" s="12"/>
    </row>
    <row r="453561" spans="8:8">
      <c r="H453561" s="12"/>
    </row>
    <row r="453562" spans="8:8">
      <c r="H453562" s="12"/>
    </row>
    <row r="453563" spans="8:8">
      <c r="H453563" s="12"/>
    </row>
    <row r="453564" spans="8:8">
      <c r="H453564" s="12"/>
    </row>
    <row r="453565" spans="8:8">
      <c r="H453565" s="12"/>
    </row>
    <row r="453566" spans="8:8">
      <c r="H453566" s="12"/>
    </row>
    <row r="453567" spans="8:8">
      <c r="H453567" s="12"/>
    </row>
    <row r="453568" spans="8:8">
      <c r="H453568" s="12"/>
    </row>
    <row r="453569" spans="8:8">
      <c r="H453569" s="12"/>
    </row>
    <row r="453570" spans="8:8">
      <c r="H453570" s="12"/>
    </row>
    <row r="453571" spans="8:8">
      <c r="H453571" s="12"/>
    </row>
    <row r="453572" spans="8:8">
      <c r="H453572" s="12"/>
    </row>
    <row r="453573" spans="8:8">
      <c r="H453573" s="12"/>
    </row>
    <row r="453574" spans="8:8">
      <c r="H453574" s="12"/>
    </row>
    <row r="453575" spans="8:8">
      <c r="H453575" s="12"/>
    </row>
    <row r="453576" spans="8:8">
      <c r="H453576" s="12"/>
    </row>
    <row r="453577" spans="8:8">
      <c r="H453577" s="12"/>
    </row>
    <row r="453578" spans="8:8">
      <c r="H453578" s="12"/>
    </row>
    <row r="453579" spans="8:8">
      <c r="H453579" s="12"/>
    </row>
    <row r="453580" spans="8:8">
      <c r="H453580" s="12"/>
    </row>
    <row r="453581" spans="8:8">
      <c r="H453581" s="12"/>
    </row>
    <row r="453582" spans="8:8">
      <c r="H453582" s="12"/>
    </row>
    <row r="453583" spans="8:8">
      <c r="H453583" s="12"/>
    </row>
    <row r="453584" spans="8:8">
      <c r="H453584" s="12"/>
    </row>
    <row r="453585" spans="8:8">
      <c r="H453585" s="12"/>
    </row>
    <row r="453586" spans="8:8">
      <c r="H453586" s="12"/>
    </row>
    <row r="453587" spans="8:8">
      <c r="H453587" s="12"/>
    </row>
    <row r="453588" spans="8:8">
      <c r="H453588" s="12"/>
    </row>
    <row r="453589" spans="8:8">
      <c r="H453589" s="12"/>
    </row>
    <row r="453590" spans="8:8">
      <c r="H453590" s="12"/>
    </row>
    <row r="453591" spans="8:8">
      <c r="H453591" s="12"/>
    </row>
    <row r="453592" spans="8:8">
      <c r="H453592" s="12"/>
    </row>
    <row r="453593" spans="8:8">
      <c r="H453593" s="12"/>
    </row>
    <row r="453594" spans="8:8">
      <c r="H453594" s="12"/>
    </row>
    <row r="453595" spans="8:8">
      <c r="H453595" s="12"/>
    </row>
    <row r="453596" spans="8:8">
      <c r="H453596" s="12"/>
    </row>
    <row r="453597" spans="8:8">
      <c r="H453597" s="12"/>
    </row>
    <row r="453598" spans="8:8">
      <c r="H453598" s="12"/>
    </row>
    <row r="453599" spans="8:8">
      <c r="H453599" s="12"/>
    </row>
    <row r="453600" spans="8:8">
      <c r="H453600" s="12"/>
    </row>
    <row r="453601" spans="8:8">
      <c r="H453601" s="12"/>
    </row>
    <row r="453602" spans="8:8">
      <c r="H453602" s="12"/>
    </row>
    <row r="453603" spans="8:8">
      <c r="H453603" s="12"/>
    </row>
    <row r="453604" spans="8:8">
      <c r="H453604" s="12"/>
    </row>
    <row r="453605" spans="8:8">
      <c r="H453605" s="12"/>
    </row>
    <row r="453606" spans="8:8">
      <c r="H453606" s="12"/>
    </row>
    <row r="453607" spans="8:8">
      <c r="H453607" s="12"/>
    </row>
    <row r="453608" spans="8:8">
      <c r="H453608" s="12"/>
    </row>
    <row r="453609" spans="8:8">
      <c r="H453609" s="12"/>
    </row>
    <row r="453610" spans="8:8">
      <c r="H453610" s="12"/>
    </row>
    <row r="453611" spans="8:8">
      <c r="H453611" s="12"/>
    </row>
    <row r="453612" spans="8:8">
      <c r="H453612" s="12"/>
    </row>
    <row r="453613" spans="8:8">
      <c r="H453613" s="12"/>
    </row>
    <row r="453614" spans="8:8">
      <c r="H453614" s="12"/>
    </row>
    <row r="453615" spans="8:8">
      <c r="H453615" s="12"/>
    </row>
    <row r="453616" spans="8:8">
      <c r="H453616" s="12"/>
    </row>
    <row r="453617" spans="8:8">
      <c r="H453617" s="12"/>
    </row>
    <row r="453618" spans="8:8">
      <c r="H453618" s="12"/>
    </row>
    <row r="453619" spans="8:8">
      <c r="H453619" s="12"/>
    </row>
    <row r="453620" spans="8:8">
      <c r="H453620" s="12"/>
    </row>
    <row r="453621" spans="8:8">
      <c r="H453621" s="12"/>
    </row>
    <row r="453622" spans="8:8">
      <c r="H453622" s="12"/>
    </row>
    <row r="453623" spans="8:8">
      <c r="H453623" s="12"/>
    </row>
    <row r="453624" spans="8:8">
      <c r="H453624" s="12"/>
    </row>
    <row r="453625" spans="8:8">
      <c r="H453625" s="12"/>
    </row>
    <row r="453626" spans="8:8">
      <c r="H453626" s="12"/>
    </row>
    <row r="453627" spans="8:8">
      <c r="H453627" s="12"/>
    </row>
    <row r="453628" spans="8:8">
      <c r="H453628" s="12"/>
    </row>
    <row r="453629" spans="8:8">
      <c r="H453629" s="12"/>
    </row>
    <row r="453630" spans="8:8">
      <c r="H453630" s="12"/>
    </row>
    <row r="453631" spans="8:8">
      <c r="H453631" s="12"/>
    </row>
    <row r="453632" spans="8:8">
      <c r="H453632" s="12"/>
    </row>
    <row r="453633" spans="8:8">
      <c r="H453633" s="12"/>
    </row>
    <row r="453634" spans="8:8">
      <c r="H453634" s="12"/>
    </row>
    <row r="453635" spans="8:8">
      <c r="H453635" s="12"/>
    </row>
    <row r="453636" spans="8:8">
      <c r="H453636" s="12"/>
    </row>
    <row r="453637" spans="8:8">
      <c r="H453637" s="12"/>
    </row>
    <row r="453638" spans="8:8">
      <c r="H453638" s="12"/>
    </row>
    <row r="453639" spans="8:8">
      <c r="H453639" s="12"/>
    </row>
    <row r="453640" spans="8:8">
      <c r="H453640" s="12"/>
    </row>
    <row r="453641" spans="8:8">
      <c r="H453641" s="12"/>
    </row>
    <row r="453642" spans="8:8">
      <c r="H453642" s="12"/>
    </row>
    <row r="453643" spans="8:8">
      <c r="H453643" s="12"/>
    </row>
    <row r="453644" spans="8:8">
      <c r="H453644" s="12"/>
    </row>
    <row r="453645" spans="8:8">
      <c r="H453645" s="12"/>
    </row>
    <row r="453646" spans="8:8">
      <c r="H453646" s="12"/>
    </row>
    <row r="453647" spans="8:8">
      <c r="H453647" s="12"/>
    </row>
    <row r="453648" spans="8:8">
      <c r="H453648" s="12"/>
    </row>
    <row r="453649" spans="8:8">
      <c r="H453649" s="12"/>
    </row>
    <row r="453650" spans="8:8">
      <c r="H453650" s="12"/>
    </row>
    <row r="453651" spans="8:8">
      <c r="H453651" s="12"/>
    </row>
    <row r="453652" spans="8:8">
      <c r="H453652" s="12"/>
    </row>
    <row r="453653" spans="8:8">
      <c r="H453653" s="12"/>
    </row>
    <row r="453654" spans="8:8">
      <c r="H453654" s="12"/>
    </row>
    <row r="453655" spans="8:8">
      <c r="H453655" s="12"/>
    </row>
    <row r="453656" spans="8:8">
      <c r="H453656" s="12"/>
    </row>
    <row r="453657" spans="8:8">
      <c r="H453657" s="12"/>
    </row>
    <row r="453658" spans="8:8">
      <c r="H453658" s="12"/>
    </row>
    <row r="453659" spans="8:8">
      <c r="H453659" s="12"/>
    </row>
    <row r="453660" spans="8:8">
      <c r="H453660" s="12"/>
    </row>
    <row r="453661" spans="8:8">
      <c r="H453661" s="12"/>
    </row>
    <row r="453662" spans="8:8">
      <c r="H453662" s="12"/>
    </row>
    <row r="453663" spans="8:8">
      <c r="H453663" s="12"/>
    </row>
    <row r="453664" spans="8:8">
      <c r="H453664" s="12"/>
    </row>
    <row r="453665" spans="8:8">
      <c r="H453665" s="12"/>
    </row>
    <row r="453666" spans="8:8">
      <c r="H453666" s="12"/>
    </row>
    <row r="453667" spans="8:8">
      <c r="H453667" s="12"/>
    </row>
    <row r="453668" spans="8:8">
      <c r="H453668" s="12"/>
    </row>
    <row r="453669" spans="8:8">
      <c r="H453669" s="12"/>
    </row>
    <row r="453670" spans="8:8">
      <c r="H453670" s="12"/>
    </row>
    <row r="453671" spans="8:8">
      <c r="H453671" s="12"/>
    </row>
    <row r="453672" spans="8:8">
      <c r="H453672" s="12"/>
    </row>
    <row r="453673" spans="8:8">
      <c r="H453673" s="12"/>
    </row>
    <row r="453674" spans="8:8">
      <c r="H453674" s="12"/>
    </row>
    <row r="453675" spans="8:8">
      <c r="H453675" s="12"/>
    </row>
    <row r="453676" spans="8:8">
      <c r="H453676" s="12"/>
    </row>
    <row r="453677" spans="8:8">
      <c r="H453677" s="12"/>
    </row>
    <row r="453678" spans="8:8">
      <c r="H453678" s="12"/>
    </row>
    <row r="453679" spans="8:8">
      <c r="H453679" s="12"/>
    </row>
    <row r="453680" spans="8:8">
      <c r="H453680" s="12"/>
    </row>
    <row r="453681" spans="8:8">
      <c r="H453681" s="12"/>
    </row>
    <row r="453682" spans="8:8">
      <c r="H453682" s="12"/>
    </row>
    <row r="453683" spans="8:8">
      <c r="H453683" s="12"/>
    </row>
    <row r="453684" spans="8:8">
      <c r="H453684" s="12"/>
    </row>
    <row r="453685" spans="8:8">
      <c r="H453685" s="12"/>
    </row>
    <row r="453686" spans="8:8">
      <c r="H453686" s="12"/>
    </row>
    <row r="453687" spans="8:8">
      <c r="H453687" s="12"/>
    </row>
    <row r="453688" spans="8:8">
      <c r="H453688" s="12"/>
    </row>
    <row r="453689" spans="8:8">
      <c r="H453689" s="12"/>
    </row>
    <row r="453690" spans="8:8">
      <c r="H453690" s="12"/>
    </row>
    <row r="453691" spans="8:8">
      <c r="H453691" s="12"/>
    </row>
    <row r="453692" spans="8:8">
      <c r="H453692" s="12"/>
    </row>
    <row r="453693" spans="8:8">
      <c r="H453693" s="12"/>
    </row>
    <row r="453694" spans="8:8">
      <c r="H453694" s="12"/>
    </row>
    <row r="453695" spans="8:8">
      <c r="H453695" s="12"/>
    </row>
    <row r="453696" spans="8:8">
      <c r="H453696" s="12"/>
    </row>
    <row r="453697" spans="8:8">
      <c r="H453697" s="12"/>
    </row>
    <row r="453698" spans="8:8">
      <c r="H453698" s="12"/>
    </row>
    <row r="453699" spans="8:8">
      <c r="H453699" s="12"/>
    </row>
    <row r="453700" spans="8:8">
      <c r="H453700" s="12"/>
    </row>
    <row r="453701" spans="8:8">
      <c r="H453701" s="12"/>
    </row>
    <row r="453702" spans="8:8">
      <c r="H453702" s="12"/>
    </row>
    <row r="453703" spans="8:8">
      <c r="H453703" s="12"/>
    </row>
    <row r="453704" spans="8:8">
      <c r="H453704" s="12"/>
    </row>
    <row r="453705" spans="8:8">
      <c r="H453705" s="12"/>
    </row>
    <row r="453706" spans="8:8">
      <c r="H453706" s="12"/>
    </row>
    <row r="453707" spans="8:8">
      <c r="H453707" s="12"/>
    </row>
    <row r="453708" spans="8:8">
      <c r="H453708" s="12"/>
    </row>
    <row r="453709" spans="8:8">
      <c r="H453709" s="12"/>
    </row>
    <row r="453710" spans="8:8">
      <c r="H453710" s="12"/>
    </row>
    <row r="453711" spans="8:8">
      <c r="H453711" s="12"/>
    </row>
    <row r="453712" spans="8:8">
      <c r="H453712" s="12"/>
    </row>
    <row r="453713" spans="8:8">
      <c r="H453713" s="12"/>
    </row>
    <row r="453714" spans="8:8">
      <c r="H453714" s="12"/>
    </row>
    <row r="453715" spans="8:8">
      <c r="H453715" s="12"/>
    </row>
    <row r="453716" spans="8:8">
      <c r="H453716" s="12"/>
    </row>
    <row r="453717" spans="8:8">
      <c r="H453717" s="12"/>
    </row>
    <row r="453718" spans="8:8">
      <c r="H453718" s="12"/>
    </row>
    <row r="453719" spans="8:8">
      <c r="H453719" s="12"/>
    </row>
    <row r="453720" spans="8:8">
      <c r="H453720" s="12"/>
    </row>
    <row r="453721" spans="8:8">
      <c r="H453721" s="12"/>
    </row>
    <row r="453722" spans="8:8">
      <c r="H453722" s="12"/>
    </row>
    <row r="453723" spans="8:8">
      <c r="H453723" s="12"/>
    </row>
    <row r="453724" spans="8:8">
      <c r="H453724" s="12"/>
    </row>
    <row r="453725" spans="8:8">
      <c r="H453725" s="12"/>
    </row>
    <row r="453726" spans="8:8">
      <c r="H453726" s="12"/>
    </row>
    <row r="453727" spans="8:8">
      <c r="H453727" s="12"/>
    </row>
    <row r="453728" spans="8:8">
      <c r="H453728" s="12"/>
    </row>
    <row r="453729" spans="8:8">
      <c r="H453729" s="12"/>
    </row>
    <row r="453730" spans="8:8">
      <c r="H453730" s="12"/>
    </row>
    <row r="453731" spans="8:8">
      <c r="H453731" s="12"/>
    </row>
    <row r="453732" spans="8:8">
      <c r="H453732" s="12"/>
    </row>
    <row r="453733" spans="8:8">
      <c r="H453733" s="12"/>
    </row>
    <row r="453734" spans="8:8">
      <c r="H453734" s="12"/>
    </row>
    <row r="453735" spans="8:8">
      <c r="H453735" s="12"/>
    </row>
    <row r="453736" spans="8:8">
      <c r="H453736" s="12"/>
    </row>
    <row r="453737" spans="8:8">
      <c r="H453737" s="12"/>
    </row>
    <row r="453738" spans="8:8">
      <c r="H453738" s="12"/>
    </row>
    <row r="453739" spans="8:8">
      <c r="H453739" s="12"/>
    </row>
    <row r="453740" spans="8:8">
      <c r="H453740" s="12"/>
    </row>
    <row r="453741" spans="8:8">
      <c r="H453741" s="12"/>
    </row>
    <row r="453742" spans="8:8">
      <c r="H453742" s="12"/>
    </row>
    <row r="453743" spans="8:8">
      <c r="H453743" s="12"/>
    </row>
    <row r="453744" spans="8:8">
      <c r="H453744" s="12"/>
    </row>
    <row r="453745" spans="8:8">
      <c r="H453745" s="12"/>
    </row>
    <row r="453746" spans="8:8">
      <c r="H453746" s="12"/>
    </row>
    <row r="453747" spans="8:8">
      <c r="H453747" s="12"/>
    </row>
    <row r="453748" spans="8:8">
      <c r="H453748" s="12"/>
    </row>
    <row r="453749" spans="8:8">
      <c r="H453749" s="12"/>
    </row>
    <row r="453750" spans="8:8">
      <c r="H453750" s="12"/>
    </row>
    <row r="453751" spans="8:8">
      <c r="H453751" s="12"/>
    </row>
    <row r="453752" spans="8:8">
      <c r="H453752" s="12"/>
    </row>
    <row r="453753" spans="8:8">
      <c r="H453753" s="12"/>
    </row>
    <row r="453754" spans="8:8">
      <c r="H453754" s="12"/>
    </row>
    <row r="453755" spans="8:8">
      <c r="H453755" s="12"/>
    </row>
    <row r="453756" spans="8:8">
      <c r="H453756" s="12"/>
    </row>
    <row r="453757" spans="8:8">
      <c r="H453757" s="12"/>
    </row>
    <row r="453758" spans="8:8">
      <c r="H453758" s="12"/>
    </row>
    <row r="453759" spans="8:8">
      <c r="H453759" s="12"/>
    </row>
    <row r="453760" spans="8:8">
      <c r="H453760" s="12"/>
    </row>
    <row r="453761" spans="8:8">
      <c r="H453761" s="12"/>
    </row>
    <row r="453762" spans="8:8">
      <c r="H453762" s="12"/>
    </row>
    <row r="453763" spans="8:8">
      <c r="H453763" s="12"/>
    </row>
    <row r="453764" spans="8:8">
      <c r="H453764" s="12"/>
    </row>
    <row r="453765" spans="8:8">
      <c r="H453765" s="12"/>
    </row>
    <row r="453766" spans="8:8">
      <c r="H453766" s="12"/>
    </row>
    <row r="453767" spans="8:8">
      <c r="H453767" s="12"/>
    </row>
    <row r="453768" spans="8:8">
      <c r="H453768" s="12"/>
    </row>
    <row r="453769" spans="8:8">
      <c r="H453769" s="12"/>
    </row>
    <row r="453770" spans="8:8">
      <c r="H453770" s="12"/>
    </row>
    <row r="453771" spans="8:8">
      <c r="H453771" s="12"/>
    </row>
    <row r="453772" spans="8:8">
      <c r="H453772" s="12"/>
    </row>
    <row r="453773" spans="8:8">
      <c r="H453773" s="12"/>
    </row>
    <row r="453774" spans="8:8">
      <c r="H453774" s="12"/>
    </row>
    <row r="453775" spans="8:8">
      <c r="H453775" s="12"/>
    </row>
    <row r="453776" spans="8:8">
      <c r="H453776" s="12"/>
    </row>
    <row r="453777" spans="8:8">
      <c r="H453777" s="12"/>
    </row>
    <row r="453778" spans="8:8">
      <c r="H453778" s="12"/>
    </row>
    <row r="453779" spans="8:8">
      <c r="H453779" s="12"/>
    </row>
    <row r="453780" spans="8:8">
      <c r="H453780" s="12"/>
    </row>
    <row r="453781" spans="8:8">
      <c r="H453781" s="12"/>
    </row>
    <row r="453782" spans="8:8">
      <c r="H453782" s="12"/>
    </row>
    <row r="453783" spans="8:8">
      <c r="H453783" s="12"/>
    </row>
    <row r="453784" spans="8:8">
      <c r="H453784" s="12"/>
    </row>
    <row r="453785" spans="8:8">
      <c r="H453785" s="12"/>
    </row>
    <row r="453786" spans="8:8">
      <c r="H453786" s="12"/>
    </row>
    <row r="453787" spans="8:8">
      <c r="H453787" s="12"/>
    </row>
    <row r="453788" spans="8:8">
      <c r="H453788" s="12"/>
    </row>
    <row r="453789" spans="8:8">
      <c r="H453789" s="12"/>
    </row>
    <row r="453790" spans="8:8">
      <c r="H453790" s="12"/>
    </row>
    <row r="453791" spans="8:8">
      <c r="H453791" s="12"/>
    </row>
    <row r="453792" spans="8:8">
      <c r="H453792" s="12"/>
    </row>
    <row r="453793" spans="8:8">
      <c r="H453793" s="12"/>
    </row>
    <row r="453794" spans="8:8">
      <c r="H453794" s="12"/>
    </row>
    <row r="453795" spans="8:8">
      <c r="H453795" s="12"/>
    </row>
    <row r="453796" spans="8:8">
      <c r="H453796" s="12"/>
    </row>
    <row r="453797" spans="8:8">
      <c r="H453797" s="12"/>
    </row>
    <row r="453798" spans="8:8">
      <c r="H453798" s="12"/>
    </row>
    <row r="453799" spans="8:8">
      <c r="H453799" s="12"/>
    </row>
    <row r="453800" spans="8:8">
      <c r="H453800" s="12"/>
    </row>
    <row r="453801" spans="8:8">
      <c r="H453801" s="12"/>
    </row>
    <row r="453802" spans="8:8">
      <c r="H453802" s="12"/>
    </row>
    <row r="453803" spans="8:8">
      <c r="H453803" s="12"/>
    </row>
    <row r="453804" spans="8:8">
      <c r="H453804" s="12"/>
    </row>
    <row r="453805" spans="8:8">
      <c r="H453805" s="12"/>
    </row>
    <row r="453806" spans="8:8">
      <c r="H453806" s="12"/>
    </row>
    <row r="453807" spans="8:8">
      <c r="H453807" s="12"/>
    </row>
    <row r="453808" spans="8:8">
      <c r="H453808" s="12"/>
    </row>
    <row r="453809" spans="8:8">
      <c r="H453809" s="12"/>
    </row>
    <row r="453810" spans="8:8">
      <c r="H453810" s="12"/>
    </row>
    <row r="453811" spans="8:8">
      <c r="H453811" s="12"/>
    </row>
    <row r="453812" spans="8:8">
      <c r="H453812" s="12"/>
    </row>
    <row r="453813" spans="8:8">
      <c r="H453813" s="12"/>
    </row>
    <row r="453814" spans="8:8">
      <c r="H453814" s="12"/>
    </row>
    <row r="453815" spans="8:8">
      <c r="H453815" s="12"/>
    </row>
    <row r="453816" spans="8:8">
      <c r="H453816" s="12"/>
    </row>
    <row r="453817" spans="8:8">
      <c r="H453817" s="12"/>
    </row>
    <row r="453818" spans="8:8">
      <c r="H453818" s="12"/>
    </row>
    <row r="453819" spans="8:8">
      <c r="H453819" s="12"/>
    </row>
    <row r="453820" spans="8:8">
      <c r="H453820" s="12"/>
    </row>
    <row r="453821" spans="8:8">
      <c r="H453821" s="12"/>
    </row>
    <row r="453822" spans="8:8">
      <c r="H453822" s="12"/>
    </row>
    <row r="453823" spans="8:8">
      <c r="H453823" s="12"/>
    </row>
    <row r="453824" spans="8:8">
      <c r="H453824" s="12"/>
    </row>
    <row r="453825" spans="8:8">
      <c r="H453825" s="12"/>
    </row>
    <row r="453826" spans="8:8">
      <c r="H453826" s="12"/>
    </row>
    <row r="453827" spans="8:8">
      <c r="H453827" s="12"/>
    </row>
    <row r="453828" spans="8:8">
      <c r="H453828" s="12"/>
    </row>
    <row r="453829" spans="8:8">
      <c r="H453829" s="12"/>
    </row>
    <row r="453830" spans="8:8">
      <c r="H453830" s="12"/>
    </row>
    <row r="453831" spans="8:8">
      <c r="H453831" s="12"/>
    </row>
    <row r="453832" spans="8:8">
      <c r="H453832" s="12"/>
    </row>
    <row r="453833" spans="8:8">
      <c r="H453833" s="12"/>
    </row>
    <row r="453834" spans="8:8">
      <c r="H453834" s="12"/>
    </row>
    <row r="453835" spans="8:8">
      <c r="H453835" s="12"/>
    </row>
    <row r="453836" spans="8:8">
      <c r="H453836" s="12"/>
    </row>
    <row r="453837" spans="8:8">
      <c r="H453837" s="12"/>
    </row>
    <row r="453838" spans="8:8">
      <c r="H453838" s="12"/>
    </row>
    <row r="453839" spans="8:8">
      <c r="H453839" s="12"/>
    </row>
    <row r="453840" spans="8:8">
      <c r="H453840" s="12"/>
    </row>
    <row r="453841" spans="8:8">
      <c r="H453841" s="12"/>
    </row>
    <row r="453842" spans="8:8">
      <c r="H453842" s="12"/>
    </row>
    <row r="453843" spans="8:8">
      <c r="H453843" s="12"/>
    </row>
    <row r="453844" spans="8:8">
      <c r="H453844" s="12"/>
    </row>
    <row r="453845" spans="8:8">
      <c r="H453845" s="12"/>
    </row>
    <row r="453846" spans="8:8">
      <c r="H453846" s="12"/>
    </row>
    <row r="453847" spans="8:8">
      <c r="H453847" s="12"/>
    </row>
    <row r="453848" spans="8:8">
      <c r="H453848" s="12"/>
    </row>
    <row r="453849" spans="8:8">
      <c r="H453849" s="12"/>
    </row>
    <row r="453850" spans="8:8">
      <c r="H453850" s="12"/>
    </row>
    <row r="453851" spans="8:8">
      <c r="H453851" s="12"/>
    </row>
    <row r="453852" spans="8:8">
      <c r="H453852" s="12"/>
    </row>
    <row r="453853" spans="8:8">
      <c r="H453853" s="12"/>
    </row>
    <row r="453854" spans="8:8">
      <c r="H453854" s="12"/>
    </row>
    <row r="453855" spans="8:8">
      <c r="H453855" s="12"/>
    </row>
    <row r="453856" spans="8:8">
      <c r="H453856" s="12"/>
    </row>
    <row r="453857" spans="8:8">
      <c r="H453857" s="12"/>
    </row>
    <row r="453858" spans="8:8">
      <c r="H453858" s="12"/>
    </row>
    <row r="453859" spans="8:8">
      <c r="H453859" s="12"/>
    </row>
    <row r="453860" spans="8:8">
      <c r="H453860" s="12"/>
    </row>
    <row r="453861" spans="8:8">
      <c r="H453861" s="12"/>
    </row>
    <row r="453862" spans="8:8">
      <c r="H453862" s="12"/>
    </row>
    <row r="453863" spans="8:8">
      <c r="H453863" s="12"/>
    </row>
    <row r="453864" spans="8:8">
      <c r="H453864" s="12"/>
    </row>
    <row r="453865" spans="8:8">
      <c r="H453865" s="12"/>
    </row>
    <row r="453866" spans="8:8">
      <c r="H453866" s="12"/>
    </row>
    <row r="453867" spans="8:8">
      <c r="H453867" s="12"/>
    </row>
    <row r="453868" spans="8:8">
      <c r="H453868" s="12"/>
    </row>
    <row r="453869" spans="8:8">
      <c r="H453869" s="12"/>
    </row>
    <row r="453870" spans="8:8">
      <c r="H453870" s="12"/>
    </row>
    <row r="453871" spans="8:8">
      <c r="H453871" s="12"/>
    </row>
    <row r="453872" spans="8:8">
      <c r="H453872" s="12"/>
    </row>
    <row r="453873" spans="8:8">
      <c r="H453873" s="12"/>
    </row>
    <row r="453874" spans="8:8">
      <c r="H453874" s="12"/>
    </row>
    <row r="453875" spans="8:8">
      <c r="H453875" s="12"/>
    </row>
    <row r="453876" spans="8:8">
      <c r="H453876" s="12"/>
    </row>
    <row r="453877" spans="8:8">
      <c r="H453877" s="12"/>
    </row>
    <row r="453878" spans="8:8">
      <c r="H453878" s="12"/>
    </row>
    <row r="453879" spans="8:8">
      <c r="H453879" s="12"/>
    </row>
    <row r="453880" spans="8:8">
      <c r="H453880" s="12"/>
    </row>
    <row r="453881" spans="8:8">
      <c r="H453881" s="12"/>
    </row>
    <row r="453882" spans="8:8">
      <c r="H453882" s="12"/>
    </row>
    <row r="453883" spans="8:8">
      <c r="H453883" s="12"/>
    </row>
    <row r="453884" spans="8:8">
      <c r="H453884" s="12"/>
    </row>
    <row r="453885" spans="8:8">
      <c r="H453885" s="12"/>
    </row>
    <row r="453886" spans="8:8">
      <c r="H453886" s="12"/>
    </row>
    <row r="453887" spans="8:8">
      <c r="H453887" s="12"/>
    </row>
    <row r="453888" spans="8:8">
      <c r="H453888" s="12"/>
    </row>
    <row r="453889" spans="8:8">
      <c r="H453889" s="12"/>
    </row>
    <row r="453890" spans="8:8">
      <c r="H453890" s="12"/>
    </row>
    <row r="453891" spans="8:8">
      <c r="H453891" s="12"/>
    </row>
    <row r="453892" spans="8:8">
      <c r="H453892" s="12"/>
    </row>
    <row r="453893" spans="8:8">
      <c r="H453893" s="12"/>
    </row>
    <row r="453894" spans="8:8">
      <c r="H453894" s="12"/>
    </row>
    <row r="453895" spans="8:8">
      <c r="H453895" s="12"/>
    </row>
    <row r="453896" spans="8:8">
      <c r="H453896" s="12"/>
    </row>
    <row r="453897" spans="8:8">
      <c r="H453897" s="12"/>
    </row>
    <row r="453898" spans="8:8">
      <c r="H453898" s="12"/>
    </row>
    <row r="453899" spans="8:8">
      <c r="H453899" s="12"/>
    </row>
    <row r="453900" spans="8:8">
      <c r="H453900" s="12"/>
    </row>
    <row r="453901" spans="8:8">
      <c r="H453901" s="12"/>
    </row>
    <row r="453902" spans="8:8">
      <c r="H453902" s="12"/>
    </row>
    <row r="453903" spans="8:8">
      <c r="H453903" s="12"/>
    </row>
    <row r="453904" spans="8:8">
      <c r="H453904" s="12"/>
    </row>
    <row r="453905" spans="8:8">
      <c r="H453905" s="12"/>
    </row>
    <row r="453906" spans="8:8">
      <c r="H453906" s="12"/>
    </row>
    <row r="453907" spans="8:8">
      <c r="H453907" s="12"/>
    </row>
    <row r="453908" spans="8:8">
      <c r="H453908" s="12"/>
    </row>
    <row r="453909" spans="8:8">
      <c r="H453909" s="12"/>
    </row>
    <row r="453910" spans="8:8">
      <c r="H453910" s="12"/>
    </row>
    <row r="453911" spans="8:8">
      <c r="H453911" s="12"/>
    </row>
    <row r="453912" spans="8:8">
      <c r="H453912" s="12"/>
    </row>
    <row r="453913" spans="8:8">
      <c r="H453913" s="12"/>
    </row>
    <row r="453914" spans="8:8">
      <c r="H453914" s="12"/>
    </row>
    <row r="453915" spans="8:8">
      <c r="H453915" s="12"/>
    </row>
    <row r="453916" spans="8:8">
      <c r="H453916" s="12"/>
    </row>
    <row r="453917" spans="8:8">
      <c r="H453917" s="12"/>
    </row>
    <row r="453918" spans="8:8">
      <c r="H453918" s="12"/>
    </row>
    <row r="453919" spans="8:8">
      <c r="H453919" s="12"/>
    </row>
    <row r="453920" spans="8:8">
      <c r="H453920" s="12"/>
    </row>
    <row r="453921" spans="8:8">
      <c r="H453921" s="12"/>
    </row>
    <row r="453922" spans="8:8">
      <c r="H453922" s="12"/>
    </row>
    <row r="453923" spans="8:8">
      <c r="H453923" s="12"/>
    </row>
    <row r="453924" spans="8:8">
      <c r="H453924" s="12"/>
    </row>
    <row r="453925" spans="8:8">
      <c r="H453925" s="12"/>
    </row>
    <row r="453926" spans="8:8">
      <c r="H453926" s="12"/>
    </row>
    <row r="453927" spans="8:8">
      <c r="H453927" s="12"/>
    </row>
    <row r="453928" spans="8:8">
      <c r="H453928" s="12"/>
    </row>
    <row r="453929" spans="8:8">
      <c r="H453929" s="12"/>
    </row>
    <row r="453930" spans="8:8">
      <c r="H453930" s="12"/>
    </row>
    <row r="453931" spans="8:8">
      <c r="H453931" s="12"/>
    </row>
    <row r="453932" spans="8:8">
      <c r="H453932" s="12"/>
    </row>
    <row r="453933" spans="8:8">
      <c r="H453933" s="12"/>
    </row>
    <row r="453934" spans="8:8">
      <c r="H453934" s="12"/>
    </row>
    <row r="453935" spans="8:8">
      <c r="H453935" s="12"/>
    </row>
    <row r="453936" spans="8:8">
      <c r="H453936" s="12"/>
    </row>
    <row r="453937" spans="8:8">
      <c r="H453937" s="12"/>
    </row>
    <row r="453938" spans="8:8">
      <c r="H453938" s="12"/>
    </row>
    <row r="453939" spans="8:8">
      <c r="H453939" s="12"/>
    </row>
    <row r="453940" spans="8:8">
      <c r="H453940" s="12"/>
    </row>
    <row r="453941" spans="8:8">
      <c r="H453941" s="12"/>
    </row>
    <row r="453942" spans="8:8">
      <c r="H453942" s="12"/>
    </row>
    <row r="453943" spans="8:8">
      <c r="H453943" s="12"/>
    </row>
    <row r="453944" spans="8:8">
      <c r="H453944" s="12"/>
    </row>
    <row r="453945" spans="8:8">
      <c r="H453945" s="12"/>
    </row>
    <row r="453946" spans="8:8">
      <c r="H453946" s="12"/>
    </row>
    <row r="453947" spans="8:8">
      <c r="H453947" s="12"/>
    </row>
    <row r="453948" spans="8:8">
      <c r="H453948" s="12"/>
    </row>
    <row r="453949" spans="8:8">
      <c r="H453949" s="12"/>
    </row>
    <row r="453950" spans="8:8">
      <c r="H453950" s="12"/>
    </row>
    <row r="453951" spans="8:8">
      <c r="H453951" s="12"/>
    </row>
    <row r="453952" spans="8:8">
      <c r="H453952" s="12"/>
    </row>
    <row r="453953" spans="8:8">
      <c r="H453953" s="12"/>
    </row>
    <row r="453954" spans="8:8">
      <c r="H453954" s="12"/>
    </row>
    <row r="453955" spans="8:8">
      <c r="H453955" s="12"/>
    </row>
    <row r="453956" spans="8:8">
      <c r="H453956" s="12"/>
    </row>
    <row r="453957" spans="8:8">
      <c r="H453957" s="12"/>
    </row>
    <row r="453958" spans="8:8">
      <c r="H453958" s="12"/>
    </row>
    <row r="453959" spans="8:8">
      <c r="H453959" s="12"/>
    </row>
    <row r="453960" spans="8:8">
      <c r="H453960" s="12"/>
    </row>
    <row r="453961" spans="8:8">
      <c r="H453961" s="12"/>
    </row>
    <row r="453962" spans="8:8">
      <c r="H453962" s="12"/>
    </row>
    <row r="453963" spans="8:8">
      <c r="H453963" s="12"/>
    </row>
    <row r="453964" spans="8:8">
      <c r="H453964" s="12"/>
    </row>
    <row r="453965" spans="8:8">
      <c r="H453965" s="12"/>
    </row>
    <row r="453966" spans="8:8">
      <c r="H453966" s="12"/>
    </row>
    <row r="453967" spans="8:8">
      <c r="H453967" s="12"/>
    </row>
    <row r="453968" spans="8:8">
      <c r="H453968" s="12"/>
    </row>
    <row r="453969" spans="8:8">
      <c r="H453969" s="12"/>
    </row>
    <row r="453970" spans="8:8">
      <c r="H453970" s="12"/>
    </row>
    <row r="453971" spans="8:8">
      <c r="H453971" s="12"/>
    </row>
    <row r="453972" spans="8:8">
      <c r="H453972" s="12"/>
    </row>
    <row r="453973" spans="8:8">
      <c r="H453973" s="12"/>
    </row>
    <row r="453974" spans="8:8">
      <c r="H453974" s="12"/>
    </row>
    <row r="453975" spans="8:8">
      <c r="H453975" s="12"/>
    </row>
    <row r="453976" spans="8:8">
      <c r="H453976" s="12"/>
    </row>
    <row r="453977" spans="8:8">
      <c r="H453977" s="12"/>
    </row>
    <row r="453978" spans="8:8">
      <c r="H453978" s="12"/>
    </row>
    <row r="453979" spans="8:8">
      <c r="H453979" s="12"/>
    </row>
    <row r="453980" spans="8:8">
      <c r="H453980" s="12"/>
    </row>
    <row r="453981" spans="8:8">
      <c r="H453981" s="12"/>
    </row>
    <row r="453982" spans="8:8">
      <c r="H453982" s="12"/>
    </row>
    <row r="453983" spans="8:8">
      <c r="H453983" s="12"/>
    </row>
    <row r="453984" spans="8:8">
      <c r="H453984" s="12"/>
    </row>
    <row r="453985" spans="8:8">
      <c r="H453985" s="12"/>
    </row>
    <row r="453986" spans="8:8">
      <c r="H453986" s="12"/>
    </row>
    <row r="453987" spans="8:8">
      <c r="H453987" s="12"/>
    </row>
    <row r="453988" spans="8:8">
      <c r="H453988" s="12"/>
    </row>
    <row r="453989" spans="8:8">
      <c r="H453989" s="12"/>
    </row>
    <row r="453990" spans="8:8">
      <c r="H453990" s="12"/>
    </row>
    <row r="453991" spans="8:8">
      <c r="H453991" s="12"/>
    </row>
    <row r="453992" spans="8:8">
      <c r="H453992" s="12"/>
    </row>
    <row r="453993" spans="8:8">
      <c r="H453993" s="12"/>
    </row>
    <row r="453994" spans="8:8">
      <c r="H453994" s="12"/>
    </row>
    <row r="453995" spans="8:8">
      <c r="H453995" s="12"/>
    </row>
    <row r="453996" spans="8:8">
      <c r="H453996" s="12"/>
    </row>
    <row r="453997" spans="8:8">
      <c r="H453997" s="12"/>
    </row>
    <row r="453998" spans="8:8">
      <c r="H453998" s="12"/>
    </row>
    <row r="453999" spans="8:8">
      <c r="H453999" s="12"/>
    </row>
    <row r="454000" spans="8:8">
      <c r="H454000" s="12"/>
    </row>
    <row r="454001" spans="8:8">
      <c r="H454001" s="12"/>
    </row>
    <row r="454002" spans="8:8">
      <c r="H454002" s="12"/>
    </row>
    <row r="454003" spans="8:8">
      <c r="H454003" s="12"/>
    </row>
    <row r="454004" spans="8:8">
      <c r="H454004" s="12"/>
    </row>
    <row r="454005" spans="8:8">
      <c r="H454005" s="12"/>
    </row>
    <row r="454006" spans="8:8">
      <c r="H454006" s="12"/>
    </row>
    <row r="454007" spans="8:8">
      <c r="H454007" s="12"/>
    </row>
    <row r="454008" spans="8:8">
      <c r="H454008" s="12"/>
    </row>
    <row r="454009" spans="8:8">
      <c r="H454009" s="12"/>
    </row>
    <row r="454010" spans="8:8">
      <c r="H454010" s="12"/>
    </row>
    <row r="454011" spans="8:8">
      <c r="H454011" s="12"/>
    </row>
    <row r="454012" spans="8:8">
      <c r="H454012" s="12"/>
    </row>
    <row r="454013" spans="8:8">
      <c r="H454013" s="12"/>
    </row>
    <row r="454014" spans="8:8">
      <c r="H454014" s="12"/>
    </row>
    <row r="454015" spans="8:8">
      <c r="H454015" s="12"/>
    </row>
    <row r="454016" spans="8:8">
      <c r="H454016" s="12"/>
    </row>
    <row r="454017" spans="8:8">
      <c r="H454017" s="12"/>
    </row>
    <row r="454018" spans="8:8">
      <c r="H454018" s="12"/>
    </row>
    <row r="454019" spans="8:8">
      <c r="H454019" s="12"/>
    </row>
    <row r="454020" spans="8:8">
      <c r="H454020" s="12"/>
    </row>
    <row r="454021" spans="8:8">
      <c r="H454021" s="12"/>
    </row>
    <row r="454022" spans="8:8">
      <c r="H454022" s="12"/>
    </row>
    <row r="454023" spans="8:8">
      <c r="H454023" s="12"/>
    </row>
    <row r="454024" spans="8:8">
      <c r="H454024" s="12"/>
    </row>
    <row r="454025" spans="8:8">
      <c r="H454025" s="12"/>
    </row>
    <row r="454026" spans="8:8">
      <c r="H454026" s="12"/>
    </row>
    <row r="454027" spans="8:8">
      <c r="H454027" s="12"/>
    </row>
    <row r="454028" spans="8:8">
      <c r="H454028" s="12"/>
    </row>
    <row r="454029" spans="8:8">
      <c r="H454029" s="12"/>
    </row>
    <row r="454030" spans="8:8">
      <c r="H454030" s="12"/>
    </row>
    <row r="454031" spans="8:8">
      <c r="H454031" s="12"/>
    </row>
    <row r="454032" spans="8:8">
      <c r="H454032" s="12"/>
    </row>
    <row r="454033" spans="8:8">
      <c r="H454033" s="12"/>
    </row>
    <row r="454034" spans="8:8">
      <c r="H454034" s="12"/>
    </row>
    <row r="454035" spans="8:8">
      <c r="H454035" s="12"/>
    </row>
    <row r="454036" spans="8:8">
      <c r="H454036" s="12"/>
    </row>
    <row r="454037" spans="8:8">
      <c r="H454037" s="12"/>
    </row>
    <row r="454038" spans="8:8">
      <c r="H454038" s="12"/>
    </row>
    <row r="454039" spans="8:8">
      <c r="H454039" s="12"/>
    </row>
    <row r="454040" spans="8:8">
      <c r="H454040" s="12"/>
    </row>
    <row r="454041" spans="8:8">
      <c r="H454041" s="12"/>
    </row>
    <row r="454042" spans="8:8">
      <c r="H454042" s="12"/>
    </row>
    <row r="454043" spans="8:8">
      <c r="H454043" s="12"/>
    </row>
    <row r="454044" spans="8:8">
      <c r="H454044" s="12"/>
    </row>
    <row r="454045" spans="8:8">
      <c r="H454045" s="12"/>
    </row>
    <row r="454046" spans="8:8">
      <c r="H454046" s="12"/>
    </row>
    <row r="454047" spans="8:8">
      <c r="H454047" s="12"/>
    </row>
    <row r="454048" spans="8:8">
      <c r="H454048" s="12"/>
    </row>
    <row r="454049" spans="8:8">
      <c r="H454049" s="12"/>
    </row>
    <row r="454050" spans="8:8">
      <c r="H454050" s="12"/>
    </row>
    <row r="454051" spans="8:8">
      <c r="H454051" s="12"/>
    </row>
    <row r="454052" spans="8:8">
      <c r="H454052" s="12"/>
    </row>
    <row r="454053" spans="8:8">
      <c r="H454053" s="12"/>
    </row>
    <row r="454054" spans="8:8">
      <c r="H454054" s="12"/>
    </row>
    <row r="454055" spans="8:8">
      <c r="H454055" s="12"/>
    </row>
    <row r="454056" spans="8:8">
      <c r="H454056" s="12"/>
    </row>
    <row r="454057" spans="8:8">
      <c r="H454057" s="12"/>
    </row>
    <row r="454058" spans="8:8">
      <c r="H454058" s="12"/>
    </row>
    <row r="454059" spans="8:8">
      <c r="H454059" s="12"/>
    </row>
    <row r="454060" spans="8:8">
      <c r="H454060" s="12"/>
    </row>
    <row r="454061" spans="8:8">
      <c r="H454061" s="12"/>
    </row>
    <row r="454062" spans="8:8">
      <c r="H454062" s="12"/>
    </row>
    <row r="454063" spans="8:8">
      <c r="H454063" s="12"/>
    </row>
    <row r="454064" spans="8:8">
      <c r="H454064" s="12"/>
    </row>
    <row r="454065" spans="8:8">
      <c r="H454065" s="12"/>
    </row>
    <row r="454066" spans="8:8">
      <c r="H454066" s="12"/>
    </row>
    <row r="454067" spans="8:8">
      <c r="H454067" s="12"/>
    </row>
    <row r="454068" spans="8:8">
      <c r="H454068" s="12"/>
    </row>
    <row r="454069" spans="8:8">
      <c r="H454069" s="12"/>
    </row>
    <row r="454070" spans="8:8">
      <c r="H454070" s="12"/>
    </row>
    <row r="454071" spans="8:8">
      <c r="H454071" s="12"/>
    </row>
    <row r="454072" spans="8:8">
      <c r="H454072" s="12"/>
    </row>
    <row r="454073" spans="8:8">
      <c r="H454073" s="12"/>
    </row>
    <row r="454074" spans="8:8">
      <c r="H454074" s="12"/>
    </row>
    <row r="454075" spans="8:8">
      <c r="H454075" s="12"/>
    </row>
    <row r="454076" spans="8:8">
      <c r="H454076" s="12"/>
    </row>
    <row r="454077" spans="8:8">
      <c r="H454077" s="12"/>
    </row>
    <row r="454078" spans="8:8">
      <c r="H454078" s="12"/>
    </row>
    <row r="454079" spans="8:8">
      <c r="H454079" s="12"/>
    </row>
    <row r="454080" spans="8:8">
      <c r="H454080" s="12"/>
    </row>
    <row r="454081" spans="8:8">
      <c r="H454081" s="12"/>
    </row>
    <row r="454082" spans="8:8">
      <c r="H454082" s="12"/>
    </row>
    <row r="454083" spans="8:8">
      <c r="H454083" s="12"/>
    </row>
    <row r="454084" spans="8:8">
      <c r="H454084" s="12"/>
    </row>
    <row r="454085" spans="8:8">
      <c r="H454085" s="12"/>
    </row>
    <row r="454086" spans="8:8">
      <c r="H454086" s="12"/>
    </row>
    <row r="454087" spans="8:8">
      <c r="H454087" s="12"/>
    </row>
    <row r="454088" spans="8:8">
      <c r="H454088" s="12"/>
    </row>
    <row r="454089" spans="8:8">
      <c r="H454089" s="12"/>
    </row>
    <row r="454090" spans="8:8">
      <c r="H454090" s="12"/>
    </row>
    <row r="454091" spans="8:8">
      <c r="H454091" s="12"/>
    </row>
    <row r="454092" spans="8:8">
      <c r="H454092" s="12"/>
    </row>
    <row r="454093" spans="8:8">
      <c r="H454093" s="12"/>
    </row>
    <row r="454094" spans="8:8">
      <c r="H454094" s="12"/>
    </row>
    <row r="454095" spans="8:8">
      <c r="H454095" s="12"/>
    </row>
    <row r="454096" spans="8:8">
      <c r="H454096" s="12"/>
    </row>
    <row r="454097" spans="8:8">
      <c r="H454097" s="12"/>
    </row>
    <row r="454098" spans="8:8">
      <c r="H454098" s="12"/>
    </row>
    <row r="454099" spans="8:8">
      <c r="H454099" s="12"/>
    </row>
    <row r="454100" spans="8:8">
      <c r="H454100" s="12"/>
    </row>
    <row r="454101" spans="8:8">
      <c r="H454101" s="12"/>
    </row>
    <row r="454102" spans="8:8">
      <c r="H454102" s="12"/>
    </row>
    <row r="454103" spans="8:8">
      <c r="H454103" s="12"/>
    </row>
    <row r="454104" spans="8:8">
      <c r="H454104" s="12"/>
    </row>
    <row r="454105" spans="8:8">
      <c r="H454105" s="12"/>
    </row>
    <row r="454106" spans="8:8">
      <c r="H454106" s="12"/>
    </row>
    <row r="454107" spans="8:8">
      <c r="H454107" s="12"/>
    </row>
    <row r="454108" spans="8:8">
      <c r="H454108" s="12"/>
    </row>
    <row r="454109" spans="8:8">
      <c r="H454109" s="12"/>
    </row>
    <row r="454110" spans="8:8">
      <c r="H454110" s="12"/>
    </row>
    <row r="454111" spans="8:8">
      <c r="H454111" s="12"/>
    </row>
    <row r="454112" spans="8:8">
      <c r="H454112" s="12"/>
    </row>
    <row r="454113" spans="8:8">
      <c r="H454113" s="12"/>
    </row>
    <row r="454114" spans="8:8">
      <c r="H454114" s="12"/>
    </row>
    <row r="454115" spans="8:8">
      <c r="H454115" s="12"/>
    </row>
    <row r="454116" spans="8:8">
      <c r="H454116" s="12"/>
    </row>
    <row r="454117" spans="8:8">
      <c r="H454117" s="12"/>
    </row>
    <row r="454118" spans="8:8">
      <c r="H454118" s="12"/>
    </row>
    <row r="454119" spans="8:8">
      <c r="H454119" s="12"/>
    </row>
    <row r="454120" spans="8:8">
      <c r="H454120" s="12"/>
    </row>
    <row r="454121" spans="8:8">
      <c r="H454121" s="12"/>
    </row>
    <row r="454122" spans="8:8">
      <c r="H454122" s="12"/>
    </row>
    <row r="454123" spans="8:8">
      <c r="H454123" s="12"/>
    </row>
    <row r="454124" spans="8:8">
      <c r="H454124" s="12"/>
    </row>
    <row r="454125" spans="8:8">
      <c r="H454125" s="12"/>
    </row>
    <row r="454126" spans="8:8">
      <c r="H454126" s="12"/>
    </row>
    <row r="454127" spans="8:8">
      <c r="H454127" s="12"/>
    </row>
    <row r="454128" spans="8:8">
      <c r="H454128" s="12"/>
    </row>
    <row r="454129" spans="8:8">
      <c r="H454129" s="12"/>
    </row>
    <row r="454130" spans="8:8">
      <c r="H454130" s="12"/>
    </row>
    <row r="454131" spans="8:8">
      <c r="H454131" s="12"/>
    </row>
    <row r="454132" spans="8:8">
      <c r="H454132" s="12"/>
    </row>
    <row r="454133" spans="8:8">
      <c r="H454133" s="12"/>
    </row>
    <row r="454134" spans="8:8">
      <c r="H454134" s="12"/>
    </row>
    <row r="454135" spans="8:8">
      <c r="H454135" s="12"/>
    </row>
    <row r="454136" spans="8:8">
      <c r="H454136" s="12"/>
    </row>
    <row r="454137" spans="8:8">
      <c r="H454137" s="12"/>
    </row>
    <row r="454138" spans="8:8">
      <c r="H454138" s="12"/>
    </row>
    <row r="454139" spans="8:8">
      <c r="H454139" s="12"/>
    </row>
    <row r="454140" spans="8:8">
      <c r="H454140" s="12"/>
    </row>
    <row r="454141" spans="8:8">
      <c r="H454141" s="12"/>
    </row>
    <row r="454142" spans="8:8">
      <c r="H454142" s="12"/>
    </row>
    <row r="454143" spans="8:8">
      <c r="H454143" s="12"/>
    </row>
    <row r="454144" spans="8:8">
      <c r="H454144" s="12"/>
    </row>
    <row r="454145" spans="8:8">
      <c r="H454145" s="12"/>
    </row>
    <row r="454146" spans="8:8">
      <c r="H454146" s="12"/>
    </row>
    <row r="454147" spans="8:8">
      <c r="H454147" s="12"/>
    </row>
    <row r="454148" spans="8:8">
      <c r="H454148" s="12"/>
    </row>
    <row r="454149" spans="8:8">
      <c r="H454149" s="12"/>
    </row>
    <row r="454150" spans="8:8">
      <c r="H454150" s="12"/>
    </row>
    <row r="454151" spans="8:8">
      <c r="H454151" s="12"/>
    </row>
    <row r="454152" spans="8:8">
      <c r="H454152" s="12"/>
    </row>
    <row r="454153" spans="8:8">
      <c r="H454153" s="12"/>
    </row>
    <row r="454154" spans="8:8">
      <c r="H454154" s="12"/>
    </row>
    <row r="454155" spans="8:8">
      <c r="H454155" s="12"/>
    </row>
    <row r="454156" spans="8:8">
      <c r="H454156" s="12"/>
    </row>
    <row r="454157" spans="8:8">
      <c r="H454157" s="12"/>
    </row>
    <row r="454158" spans="8:8">
      <c r="H454158" s="12"/>
    </row>
    <row r="454159" spans="8:8">
      <c r="H454159" s="12"/>
    </row>
    <row r="454160" spans="8:8">
      <c r="H454160" s="12"/>
    </row>
    <row r="454161" spans="8:8">
      <c r="H454161" s="12"/>
    </row>
    <row r="454162" spans="8:8">
      <c r="H454162" s="12"/>
    </row>
    <row r="454163" spans="8:8">
      <c r="H454163" s="12"/>
    </row>
    <row r="454164" spans="8:8">
      <c r="H454164" s="12"/>
    </row>
    <row r="454165" spans="8:8">
      <c r="H454165" s="12"/>
    </row>
    <row r="454166" spans="8:8">
      <c r="H454166" s="12"/>
    </row>
    <row r="454167" spans="8:8">
      <c r="H454167" s="12"/>
    </row>
    <row r="454168" spans="8:8">
      <c r="H454168" s="12"/>
    </row>
    <row r="454169" spans="8:8">
      <c r="H454169" s="12"/>
    </row>
    <row r="454170" spans="8:8">
      <c r="H454170" s="12"/>
    </row>
    <row r="454171" spans="8:8">
      <c r="H454171" s="12"/>
    </row>
    <row r="454172" spans="8:8">
      <c r="H454172" s="12"/>
    </row>
    <row r="454173" spans="8:8">
      <c r="H454173" s="12"/>
    </row>
    <row r="454174" spans="8:8">
      <c r="H454174" s="12"/>
    </row>
    <row r="454175" spans="8:8">
      <c r="H454175" s="12"/>
    </row>
    <row r="454176" spans="8:8">
      <c r="H454176" s="12"/>
    </row>
    <row r="454177" spans="8:8">
      <c r="H454177" s="12"/>
    </row>
    <row r="454178" spans="8:8">
      <c r="H454178" s="12"/>
    </row>
    <row r="454179" spans="8:8">
      <c r="H454179" s="12"/>
    </row>
    <row r="454180" spans="8:8">
      <c r="H454180" s="12"/>
    </row>
    <row r="454181" spans="8:8">
      <c r="H454181" s="12"/>
    </row>
    <row r="454182" spans="8:8">
      <c r="H454182" s="12"/>
    </row>
    <row r="454183" spans="8:8">
      <c r="H454183" s="12"/>
    </row>
    <row r="454184" spans="8:8">
      <c r="H454184" s="12"/>
    </row>
    <row r="454185" spans="8:8">
      <c r="H454185" s="12"/>
    </row>
    <row r="454186" spans="8:8">
      <c r="H454186" s="12"/>
    </row>
    <row r="454187" spans="8:8">
      <c r="H454187" s="12"/>
    </row>
    <row r="454188" spans="8:8">
      <c r="H454188" s="12"/>
    </row>
    <row r="454189" spans="8:8">
      <c r="H454189" s="12"/>
    </row>
    <row r="454190" spans="8:8">
      <c r="H454190" s="12"/>
    </row>
    <row r="454191" spans="8:8">
      <c r="H454191" s="12"/>
    </row>
    <row r="454192" spans="8:8">
      <c r="H454192" s="12"/>
    </row>
    <row r="454193" spans="8:8">
      <c r="H454193" s="12"/>
    </row>
    <row r="454194" spans="8:8">
      <c r="H454194" s="12"/>
    </row>
    <row r="454195" spans="8:8">
      <c r="H454195" s="12"/>
    </row>
    <row r="454196" spans="8:8">
      <c r="H454196" s="12"/>
    </row>
    <row r="454197" spans="8:8">
      <c r="H454197" s="12"/>
    </row>
    <row r="454198" spans="8:8">
      <c r="H454198" s="12"/>
    </row>
    <row r="454199" spans="8:8">
      <c r="H454199" s="12"/>
    </row>
    <row r="454200" spans="8:8">
      <c r="H454200" s="12"/>
    </row>
    <row r="454201" spans="8:8">
      <c r="H454201" s="12"/>
    </row>
    <row r="454202" spans="8:8">
      <c r="H454202" s="12"/>
    </row>
    <row r="454203" spans="8:8">
      <c r="H454203" s="12"/>
    </row>
    <row r="454204" spans="8:8">
      <c r="H454204" s="12"/>
    </row>
    <row r="454205" spans="8:8">
      <c r="H454205" s="12"/>
    </row>
    <row r="454206" spans="8:8">
      <c r="H454206" s="12"/>
    </row>
    <row r="454207" spans="8:8">
      <c r="H454207" s="12"/>
    </row>
    <row r="454208" spans="8:8">
      <c r="H454208" s="12"/>
    </row>
    <row r="454209" spans="8:8">
      <c r="H454209" s="12"/>
    </row>
    <row r="454210" spans="8:8">
      <c r="H454210" s="12"/>
    </row>
    <row r="454211" spans="8:8">
      <c r="H454211" s="12"/>
    </row>
    <row r="454212" spans="8:8">
      <c r="H454212" s="12"/>
    </row>
    <row r="454213" spans="8:8">
      <c r="H454213" s="12"/>
    </row>
    <row r="454214" spans="8:8">
      <c r="H454214" s="12"/>
    </row>
    <row r="454215" spans="8:8">
      <c r="H454215" s="12"/>
    </row>
    <row r="454216" spans="8:8">
      <c r="H454216" s="12"/>
    </row>
    <row r="454217" spans="8:8">
      <c r="H454217" s="12"/>
    </row>
    <row r="454218" spans="8:8">
      <c r="H454218" s="12"/>
    </row>
    <row r="454219" spans="8:8">
      <c r="H454219" s="12"/>
    </row>
    <row r="454220" spans="8:8">
      <c r="H454220" s="12"/>
    </row>
    <row r="454221" spans="8:8">
      <c r="H454221" s="12"/>
    </row>
    <row r="454222" spans="8:8">
      <c r="H454222" s="12"/>
    </row>
    <row r="454223" spans="8:8">
      <c r="H454223" s="12"/>
    </row>
    <row r="454224" spans="8:8">
      <c r="H454224" s="12"/>
    </row>
    <row r="454225" spans="8:8">
      <c r="H454225" s="12"/>
    </row>
    <row r="454226" spans="8:8">
      <c r="H454226" s="12"/>
    </row>
    <row r="454227" spans="8:8">
      <c r="H454227" s="12"/>
    </row>
    <row r="454228" spans="8:8">
      <c r="H454228" s="12"/>
    </row>
    <row r="454229" spans="8:8">
      <c r="H454229" s="12"/>
    </row>
    <row r="454230" spans="8:8">
      <c r="H454230" s="12"/>
    </row>
    <row r="454231" spans="8:8">
      <c r="H454231" s="12"/>
    </row>
    <row r="454232" spans="8:8">
      <c r="H454232" s="12"/>
    </row>
    <row r="454233" spans="8:8">
      <c r="H454233" s="12"/>
    </row>
    <row r="454234" spans="8:8">
      <c r="H454234" s="12"/>
    </row>
    <row r="454235" spans="8:8">
      <c r="H454235" s="12"/>
    </row>
    <row r="454236" spans="8:8">
      <c r="H454236" s="12"/>
    </row>
    <row r="454237" spans="8:8">
      <c r="H454237" s="12"/>
    </row>
    <row r="454238" spans="8:8">
      <c r="H454238" s="12"/>
    </row>
    <row r="454239" spans="8:8">
      <c r="H454239" s="12"/>
    </row>
    <row r="454240" spans="8:8">
      <c r="H454240" s="12"/>
    </row>
    <row r="454241" spans="8:8">
      <c r="H454241" s="12"/>
    </row>
    <row r="454242" spans="8:8">
      <c r="H454242" s="12"/>
    </row>
    <row r="454243" spans="8:8">
      <c r="H454243" s="12"/>
    </row>
    <row r="454244" spans="8:8">
      <c r="H454244" s="12"/>
    </row>
    <row r="454245" spans="8:8">
      <c r="H454245" s="12"/>
    </row>
    <row r="454246" spans="8:8">
      <c r="H454246" s="12"/>
    </row>
    <row r="454247" spans="8:8">
      <c r="H454247" s="12"/>
    </row>
    <row r="454248" spans="8:8">
      <c r="H454248" s="12"/>
    </row>
    <row r="454249" spans="8:8">
      <c r="H454249" s="12"/>
    </row>
    <row r="454250" spans="8:8">
      <c r="H454250" s="12"/>
    </row>
    <row r="454251" spans="8:8">
      <c r="H454251" s="12"/>
    </row>
    <row r="454252" spans="8:8">
      <c r="H454252" s="12"/>
    </row>
    <row r="454253" spans="8:8">
      <c r="H454253" s="12"/>
    </row>
    <row r="454254" spans="8:8">
      <c r="H454254" s="12"/>
    </row>
    <row r="454255" spans="8:8">
      <c r="H454255" s="12"/>
    </row>
    <row r="454256" spans="8:8">
      <c r="H454256" s="12"/>
    </row>
    <row r="454257" spans="8:8">
      <c r="H454257" s="12"/>
    </row>
    <row r="454258" spans="8:8">
      <c r="H454258" s="12"/>
    </row>
    <row r="454259" spans="8:8">
      <c r="H454259" s="12"/>
    </row>
    <row r="454260" spans="8:8">
      <c r="H454260" s="12"/>
    </row>
    <row r="454261" spans="8:8">
      <c r="H454261" s="12"/>
    </row>
    <row r="454262" spans="8:8">
      <c r="H454262" s="12"/>
    </row>
    <row r="454263" spans="8:8">
      <c r="H454263" s="12"/>
    </row>
    <row r="454264" spans="8:8">
      <c r="H454264" s="12"/>
    </row>
    <row r="454265" spans="8:8">
      <c r="H454265" s="12"/>
    </row>
    <row r="454266" spans="8:8">
      <c r="H454266" s="12"/>
    </row>
    <row r="454267" spans="8:8">
      <c r="H454267" s="12"/>
    </row>
    <row r="454268" spans="8:8">
      <c r="H454268" s="12"/>
    </row>
    <row r="454269" spans="8:8">
      <c r="H454269" s="12"/>
    </row>
    <row r="454270" spans="8:8">
      <c r="H454270" s="12"/>
    </row>
    <row r="454271" spans="8:8">
      <c r="H454271" s="12"/>
    </row>
    <row r="454272" spans="8:8">
      <c r="H454272" s="12"/>
    </row>
    <row r="454273" spans="8:8">
      <c r="H454273" s="12"/>
    </row>
    <row r="454274" spans="8:8">
      <c r="H454274" s="12"/>
    </row>
    <row r="454275" spans="8:8">
      <c r="H454275" s="12"/>
    </row>
    <row r="454276" spans="8:8">
      <c r="H454276" s="12"/>
    </row>
    <row r="454277" spans="8:8">
      <c r="H454277" s="12"/>
    </row>
    <row r="454278" spans="8:8">
      <c r="H454278" s="12"/>
    </row>
    <row r="454279" spans="8:8">
      <c r="H454279" s="12"/>
    </row>
    <row r="454280" spans="8:8">
      <c r="H454280" s="12"/>
    </row>
    <row r="454281" spans="8:8">
      <c r="H454281" s="12"/>
    </row>
    <row r="454282" spans="8:8">
      <c r="H454282" s="12"/>
    </row>
    <row r="454283" spans="8:8">
      <c r="H454283" s="12"/>
    </row>
    <row r="454284" spans="8:8">
      <c r="H454284" s="12"/>
    </row>
    <row r="454285" spans="8:8">
      <c r="H454285" s="12"/>
    </row>
    <row r="454286" spans="8:8">
      <c r="H454286" s="12"/>
    </row>
    <row r="454287" spans="8:8">
      <c r="H454287" s="12"/>
    </row>
    <row r="454288" spans="8:8">
      <c r="H454288" s="12"/>
    </row>
    <row r="454289" spans="8:8">
      <c r="H454289" s="12"/>
    </row>
    <row r="454290" spans="8:8">
      <c r="H454290" s="12"/>
    </row>
    <row r="454291" spans="8:8">
      <c r="H454291" s="12"/>
    </row>
    <row r="454292" spans="8:8">
      <c r="H454292" s="12"/>
    </row>
    <row r="454293" spans="8:8">
      <c r="H454293" s="12"/>
    </row>
    <row r="454294" spans="8:8">
      <c r="H454294" s="12"/>
    </row>
    <row r="454295" spans="8:8">
      <c r="H454295" s="12"/>
    </row>
    <row r="454296" spans="8:8">
      <c r="H454296" s="12"/>
    </row>
    <row r="454297" spans="8:8">
      <c r="H454297" s="12"/>
    </row>
    <row r="454298" spans="8:8">
      <c r="H454298" s="12"/>
    </row>
    <row r="454299" spans="8:8">
      <c r="H454299" s="12"/>
    </row>
    <row r="454300" spans="8:8">
      <c r="H454300" s="12"/>
    </row>
    <row r="454301" spans="8:8">
      <c r="H454301" s="12"/>
    </row>
    <row r="454302" spans="8:8">
      <c r="H454302" s="12"/>
    </row>
    <row r="454303" spans="8:8">
      <c r="H454303" s="12"/>
    </row>
    <row r="454304" spans="8:8">
      <c r="H454304" s="12"/>
    </row>
    <row r="454305" spans="8:8">
      <c r="H454305" s="12"/>
    </row>
    <row r="454306" spans="8:8">
      <c r="H454306" s="12"/>
    </row>
    <row r="454307" spans="8:8">
      <c r="H454307" s="12"/>
    </row>
    <row r="454308" spans="8:8">
      <c r="H454308" s="12"/>
    </row>
    <row r="454309" spans="8:8">
      <c r="H454309" s="12"/>
    </row>
    <row r="454310" spans="8:8">
      <c r="H454310" s="12"/>
    </row>
    <row r="454311" spans="8:8">
      <c r="H454311" s="12"/>
    </row>
    <row r="454312" spans="8:8">
      <c r="H454312" s="12"/>
    </row>
    <row r="454313" spans="8:8">
      <c r="H454313" s="12"/>
    </row>
    <row r="454314" spans="8:8">
      <c r="H454314" s="12"/>
    </row>
    <row r="454315" spans="8:8">
      <c r="H454315" s="12"/>
    </row>
    <row r="454316" spans="8:8">
      <c r="H454316" s="12"/>
    </row>
    <row r="454317" spans="8:8">
      <c r="H454317" s="12"/>
    </row>
    <row r="454318" spans="8:8">
      <c r="H454318" s="12"/>
    </row>
    <row r="454319" spans="8:8">
      <c r="H454319" s="12"/>
    </row>
    <row r="454320" spans="8:8">
      <c r="H454320" s="12"/>
    </row>
    <row r="454321" spans="8:8">
      <c r="H454321" s="12"/>
    </row>
    <row r="454322" spans="8:8">
      <c r="H454322" s="12"/>
    </row>
    <row r="454323" spans="8:8">
      <c r="H454323" s="12"/>
    </row>
    <row r="454324" spans="8:8">
      <c r="H454324" s="12"/>
    </row>
    <row r="454325" spans="8:8">
      <c r="H454325" s="12"/>
    </row>
    <row r="454326" spans="8:8">
      <c r="H454326" s="12"/>
    </row>
    <row r="454327" spans="8:8">
      <c r="H454327" s="12"/>
    </row>
    <row r="454328" spans="8:8">
      <c r="H454328" s="12"/>
    </row>
    <row r="454329" spans="8:8">
      <c r="H454329" s="12"/>
    </row>
    <row r="454330" spans="8:8">
      <c r="H454330" s="12"/>
    </row>
    <row r="454331" spans="8:8">
      <c r="H454331" s="12"/>
    </row>
    <row r="454332" spans="8:8">
      <c r="H454332" s="12"/>
    </row>
    <row r="454333" spans="8:8">
      <c r="H454333" s="12"/>
    </row>
    <row r="454334" spans="8:8">
      <c r="H454334" s="12"/>
    </row>
    <row r="454335" spans="8:8">
      <c r="H454335" s="12"/>
    </row>
    <row r="454336" spans="8:8">
      <c r="H454336" s="12"/>
    </row>
    <row r="454337" spans="8:8">
      <c r="H454337" s="12"/>
    </row>
    <row r="454338" spans="8:8">
      <c r="H454338" s="12"/>
    </row>
    <row r="454339" spans="8:8">
      <c r="H454339" s="12"/>
    </row>
    <row r="454340" spans="8:8">
      <c r="H454340" s="12"/>
    </row>
    <row r="454341" spans="8:8">
      <c r="H454341" s="12"/>
    </row>
    <row r="454342" spans="8:8">
      <c r="H454342" s="12"/>
    </row>
    <row r="454343" spans="8:8">
      <c r="H454343" s="12"/>
    </row>
    <row r="454344" spans="8:8">
      <c r="H454344" s="12"/>
    </row>
    <row r="454345" spans="8:8">
      <c r="H454345" s="12"/>
    </row>
    <row r="454346" spans="8:8">
      <c r="H454346" s="12"/>
    </row>
    <row r="454347" spans="8:8">
      <c r="H454347" s="12"/>
    </row>
    <row r="454348" spans="8:8">
      <c r="H454348" s="12"/>
    </row>
    <row r="454349" spans="8:8">
      <c r="H454349" s="12"/>
    </row>
    <row r="454350" spans="8:8">
      <c r="H454350" s="12"/>
    </row>
    <row r="454351" spans="8:8">
      <c r="H454351" s="12"/>
    </row>
    <row r="454352" spans="8:8">
      <c r="H454352" s="12"/>
    </row>
    <row r="454353" spans="8:8">
      <c r="H454353" s="12"/>
    </row>
    <row r="454354" spans="8:8">
      <c r="H454354" s="12"/>
    </row>
    <row r="454355" spans="8:8">
      <c r="H454355" s="12"/>
    </row>
    <row r="454356" spans="8:8">
      <c r="H454356" s="12"/>
    </row>
    <row r="454357" spans="8:8">
      <c r="H454357" s="12"/>
    </row>
    <row r="454358" spans="8:8">
      <c r="H454358" s="12"/>
    </row>
    <row r="454359" spans="8:8">
      <c r="H454359" s="12"/>
    </row>
    <row r="454360" spans="8:8">
      <c r="H454360" s="12"/>
    </row>
    <row r="454361" spans="8:8">
      <c r="H454361" s="12"/>
    </row>
    <row r="454362" spans="8:8">
      <c r="H454362" s="12"/>
    </row>
    <row r="454363" spans="8:8">
      <c r="H454363" s="12"/>
    </row>
    <row r="454364" spans="8:8">
      <c r="H454364" s="12"/>
    </row>
    <row r="454365" spans="8:8">
      <c r="H454365" s="12"/>
    </row>
    <row r="454366" spans="8:8">
      <c r="H454366" s="12"/>
    </row>
    <row r="454367" spans="8:8">
      <c r="H454367" s="12"/>
    </row>
    <row r="454368" spans="8:8">
      <c r="H454368" s="12"/>
    </row>
    <row r="454369" spans="8:8">
      <c r="H454369" s="12"/>
    </row>
    <row r="454370" spans="8:8">
      <c r="H454370" s="12"/>
    </row>
    <row r="454371" spans="8:8">
      <c r="H454371" s="12"/>
    </row>
    <row r="454372" spans="8:8">
      <c r="H454372" s="12"/>
    </row>
    <row r="454373" spans="8:8">
      <c r="H454373" s="12"/>
    </row>
    <row r="454374" spans="8:8">
      <c r="H454374" s="12"/>
    </row>
    <row r="454375" spans="8:8">
      <c r="H454375" s="12"/>
    </row>
    <row r="454376" spans="8:8">
      <c r="H454376" s="12"/>
    </row>
    <row r="454377" spans="8:8">
      <c r="H454377" s="12"/>
    </row>
    <row r="454378" spans="8:8">
      <c r="H454378" s="12"/>
    </row>
    <row r="454379" spans="8:8">
      <c r="H454379" s="12"/>
    </row>
    <row r="454380" spans="8:8">
      <c r="H454380" s="12"/>
    </row>
    <row r="454381" spans="8:8">
      <c r="H454381" s="12"/>
    </row>
    <row r="454382" spans="8:8">
      <c r="H454382" s="12"/>
    </row>
    <row r="454383" spans="8:8">
      <c r="H454383" s="12"/>
    </row>
    <row r="454384" spans="8:8">
      <c r="H454384" s="12"/>
    </row>
    <row r="454385" spans="8:8">
      <c r="H454385" s="12"/>
    </row>
    <row r="454386" spans="8:8">
      <c r="H454386" s="12"/>
    </row>
    <row r="454387" spans="8:8">
      <c r="H454387" s="12"/>
    </row>
    <row r="454388" spans="8:8">
      <c r="H454388" s="12"/>
    </row>
    <row r="454389" spans="8:8">
      <c r="H454389" s="12"/>
    </row>
    <row r="454390" spans="8:8">
      <c r="H454390" s="12"/>
    </row>
    <row r="454391" spans="8:8">
      <c r="H454391" s="12"/>
    </row>
    <row r="454392" spans="8:8">
      <c r="H454392" s="12"/>
    </row>
    <row r="454393" spans="8:8">
      <c r="H454393" s="12"/>
    </row>
    <row r="454394" spans="8:8">
      <c r="H454394" s="12"/>
    </row>
    <row r="454395" spans="8:8">
      <c r="H454395" s="12"/>
    </row>
    <row r="454396" spans="8:8">
      <c r="H454396" s="12"/>
    </row>
    <row r="454397" spans="8:8">
      <c r="H454397" s="12"/>
    </row>
    <row r="454398" spans="8:8">
      <c r="H454398" s="12"/>
    </row>
    <row r="454399" spans="8:8">
      <c r="H454399" s="12"/>
    </row>
    <row r="454400" spans="8:8">
      <c r="H454400" s="12"/>
    </row>
    <row r="454401" spans="8:8">
      <c r="H454401" s="12"/>
    </row>
    <row r="454402" spans="8:8">
      <c r="H454402" s="12"/>
    </row>
    <row r="454403" spans="8:8">
      <c r="H454403" s="12"/>
    </row>
    <row r="454404" spans="8:8">
      <c r="H454404" s="12"/>
    </row>
    <row r="454405" spans="8:8">
      <c r="H454405" s="12"/>
    </row>
    <row r="454406" spans="8:8">
      <c r="H454406" s="12"/>
    </row>
    <row r="454407" spans="8:8">
      <c r="H454407" s="12"/>
    </row>
    <row r="454408" spans="8:8">
      <c r="H454408" s="12"/>
    </row>
    <row r="454409" spans="8:8">
      <c r="H454409" s="12"/>
    </row>
    <row r="454410" spans="8:8">
      <c r="H454410" s="12"/>
    </row>
    <row r="454411" spans="8:8">
      <c r="H454411" s="12"/>
    </row>
    <row r="454412" spans="8:8">
      <c r="H454412" s="12"/>
    </row>
    <row r="454413" spans="8:8">
      <c r="H454413" s="12"/>
    </row>
    <row r="454414" spans="8:8">
      <c r="H454414" s="12"/>
    </row>
    <row r="454415" spans="8:8">
      <c r="H454415" s="12"/>
    </row>
    <row r="454416" spans="8:8">
      <c r="H454416" s="12"/>
    </row>
    <row r="454417" spans="8:8">
      <c r="H454417" s="12"/>
    </row>
    <row r="454418" spans="8:8">
      <c r="H454418" s="12"/>
    </row>
    <row r="454419" spans="8:8">
      <c r="H454419" s="12"/>
    </row>
    <row r="454420" spans="8:8">
      <c r="H454420" s="12"/>
    </row>
    <row r="454421" spans="8:8">
      <c r="H454421" s="12"/>
    </row>
    <row r="454422" spans="8:8">
      <c r="H454422" s="12"/>
    </row>
    <row r="454423" spans="8:8">
      <c r="H454423" s="12"/>
    </row>
    <row r="454424" spans="8:8">
      <c r="H454424" s="12"/>
    </row>
    <row r="454425" spans="8:8">
      <c r="H454425" s="12"/>
    </row>
    <row r="454426" spans="8:8">
      <c r="H454426" s="12"/>
    </row>
    <row r="454427" spans="8:8">
      <c r="H454427" s="12"/>
    </row>
    <row r="454428" spans="8:8">
      <c r="H454428" s="12"/>
    </row>
    <row r="454429" spans="8:8">
      <c r="H454429" s="12"/>
    </row>
    <row r="454430" spans="8:8">
      <c r="H454430" s="12"/>
    </row>
    <row r="454431" spans="8:8">
      <c r="H454431" s="12"/>
    </row>
    <row r="454432" spans="8:8">
      <c r="H454432" s="12"/>
    </row>
    <row r="454433" spans="8:8">
      <c r="H454433" s="12"/>
    </row>
    <row r="454434" spans="8:8">
      <c r="H454434" s="12"/>
    </row>
    <row r="454435" spans="8:8">
      <c r="H454435" s="12"/>
    </row>
    <row r="454436" spans="8:8">
      <c r="H454436" s="12"/>
    </row>
    <row r="454437" spans="8:8">
      <c r="H454437" s="12"/>
    </row>
    <row r="454438" spans="8:8">
      <c r="H454438" s="12"/>
    </row>
    <row r="454439" spans="8:8">
      <c r="H454439" s="12"/>
    </row>
    <row r="454440" spans="8:8">
      <c r="H454440" s="12"/>
    </row>
    <row r="454441" spans="8:8">
      <c r="H454441" s="12"/>
    </row>
    <row r="454442" spans="8:8">
      <c r="H454442" s="12"/>
    </row>
    <row r="454443" spans="8:8">
      <c r="H454443" s="12"/>
    </row>
    <row r="454444" spans="8:8">
      <c r="H454444" s="12"/>
    </row>
    <row r="454445" spans="8:8">
      <c r="H454445" s="12"/>
    </row>
    <row r="454446" spans="8:8">
      <c r="H454446" s="12"/>
    </row>
    <row r="454447" spans="8:8">
      <c r="H454447" s="12"/>
    </row>
    <row r="454448" spans="8:8">
      <c r="H454448" s="12"/>
    </row>
    <row r="454449" spans="8:8">
      <c r="H454449" s="12"/>
    </row>
    <row r="454450" spans="8:8">
      <c r="H454450" s="12"/>
    </row>
    <row r="454451" spans="8:8">
      <c r="H454451" s="12"/>
    </row>
    <row r="454452" spans="8:8">
      <c r="H454452" s="12"/>
    </row>
    <row r="454453" spans="8:8">
      <c r="H454453" s="12"/>
    </row>
    <row r="454454" spans="8:8">
      <c r="H454454" s="12"/>
    </row>
    <row r="454455" spans="8:8">
      <c r="H454455" s="12"/>
    </row>
    <row r="454456" spans="8:8">
      <c r="H454456" s="12"/>
    </row>
    <row r="454457" spans="8:8">
      <c r="H454457" s="12"/>
    </row>
    <row r="454458" spans="8:8">
      <c r="H454458" s="12"/>
    </row>
    <row r="454459" spans="8:8">
      <c r="H454459" s="12"/>
    </row>
    <row r="454460" spans="8:8">
      <c r="H454460" s="12"/>
    </row>
    <row r="454461" spans="8:8">
      <c r="H454461" s="12"/>
    </row>
    <row r="454462" spans="8:8">
      <c r="H454462" s="12"/>
    </row>
    <row r="454463" spans="8:8">
      <c r="H454463" s="12"/>
    </row>
    <row r="454464" spans="8:8">
      <c r="H454464" s="12"/>
    </row>
    <row r="454465" spans="8:8">
      <c r="H454465" s="12"/>
    </row>
    <row r="454466" spans="8:8">
      <c r="H454466" s="12"/>
    </row>
    <row r="454467" spans="8:8">
      <c r="H454467" s="12"/>
    </row>
    <row r="454468" spans="8:8">
      <c r="H454468" s="12"/>
    </row>
    <row r="454469" spans="8:8">
      <c r="H454469" s="12"/>
    </row>
    <row r="454470" spans="8:8">
      <c r="H454470" s="12"/>
    </row>
    <row r="454471" spans="8:8">
      <c r="H454471" s="12"/>
    </row>
    <row r="454472" spans="8:8">
      <c r="H454472" s="12"/>
    </row>
    <row r="454473" spans="8:8">
      <c r="H454473" s="12"/>
    </row>
    <row r="454474" spans="8:8">
      <c r="H454474" s="12"/>
    </row>
    <row r="454475" spans="8:8">
      <c r="H454475" s="12"/>
    </row>
    <row r="454476" spans="8:8">
      <c r="H454476" s="12"/>
    </row>
    <row r="454477" spans="8:8">
      <c r="H454477" s="12"/>
    </row>
    <row r="454478" spans="8:8">
      <c r="H454478" s="12"/>
    </row>
    <row r="454479" spans="8:8">
      <c r="H454479" s="12"/>
    </row>
    <row r="454480" spans="8:8">
      <c r="H454480" s="12"/>
    </row>
    <row r="454481" spans="8:8">
      <c r="H454481" s="12"/>
    </row>
    <row r="454482" spans="8:8">
      <c r="H454482" s="12"/>
    </row>
    <row r="454483" spans="8:8">
      <c r="H454483" s="12"/>
    </row>
    <row r="454484" spans="8:8">
      <c r="H454484" s="12"/>
    </row>
    <row r="454485" spans="8:8">
      <c r="H454485" s="12"/>
    </row>
    <row r="454486" spans="8:8">
      <c r="H454486" s="12"/>
    </row>
    <row r="454487" spans="8:8">
      <c r="H454487" s="12"/>
    </row>
    <row r="454488" spans="8:8">
      <c r="H454488" s="12"/>
    </row>
    <row r="454489" spans="8:8">
      <c r="H454489" s="12"/>
    </row>
    <row r="454490" spans="8:8">
      <c r="H454490" s="12"/>
    </row>
    <row r="454491" spans="8:8">
      <c r="H454491" s="12"/>
    </row>
    <row r="454492" spans="8:8">
      <c r="H454492" s="12"/>
    </row>
    <row r="454493" spans="8:8">
      <c r="H454493" s="12"/>
    </row>
    <row r="454494" spans="8:8">
      <c r="H454494" s="12"/>
    </row>
    <row r="454495" spans="8:8">
      <c r="H454495" s="12"/>
    </row>
    <row r="454496" spans="8:8">
      <c r="H454496" s="12"/>
    </row>
    <row r="454497" spans="8:8">
      <c r="H454497" s="12"/>
    </row>
    <row r="454498" spans="8:8">
      <c r="H454498" s="12"/>
    </row>
    <row r="454499" spans="8:8">
      <c r="H454499" s="12"/>
    </row>
    <row r="454500" spans="8:8">
      <c r="H454500" s="12"/>
    </row>
    <row r="454501" spans="8:8">
      <c r="H454501" s="12"/>
    </row>
    <row r="454502" spans="8:8">
      <c r="H454502" s="12"/>
    </row>
    <row r="454503" spans="8:8">
      <c r="H454503" s="12"/>
    </row>
    <row r="454504" spans="8:8">
      <c r="H454504" s="12"/>
    </row>
    <row r="454505" spans="8:8">
      <c r="H454505" s="12"/>
    </row>
    <row r="454506" spans="8:8">
      <c r="H454506" s="12"/>
    </row>
    <row r="454507" spans="8:8">
      <c r="H454507" s="12"/>
    </row>
    <row r="454508" spans="8:8">
      <c r="H454508" s="12"/>
    </row>
    <row r="454509" spans="8:8">
      <c r="H454509" s="12"/>
    </row>
    <row r="454510" spans="8:8">
      <c r="H454510" s="12"/>
    </row>
    <row r="454511" spans="8:8">
      <c r="H454511" s="12"/>
    </row>
    <row r="454512" spans="8:8">
      <c r="H454512" s="12"/>
    </row>
    <row r="454513" spans="8:8">
      <c r="H454513" s="12"/>
    </row>
    <row r="454514" spans="8:8">
      <c r="H454514" s="12"/>
    </row>
    <row r="454515" spans="8:8">
      <c r="H454515" s="12"/>
    </row>
    <row r="454516" spans="8:8">
      <c r="H454516" s="12"/>
    </row>
    <row r="454517" spans="8:8">
      <c r="H454517" s="12"/>
    </row>
    <row r="454518" spans="8:8">
      <c r="H454518" s="12"/>
    </row>
    <row r="454519" spans="8:8">
      <c r="H454519" s="12"/>
    </row>
    <row r="454520" spans="8:8">
      <c r="H454520" s="12"/>
    </row>
    <row r="454521" spans="8:8">
      <c r="H454521" s="12"/>
    </row>
    <row r="454522" spans="8:8">
      <c r="H454522" s="12"/>
    </row>
    <row r="454523" spans="8:8">
      <c r="H454523" s="12"/>
    </row>
    <row r="454524" spans="8:8">
      <c r="H454524" s="12"/>
    </row>
    <row r="454525" spans="8:8">
      <c r="H454525" s="12"/>
    </row>
    <row r="454526" spans="8:8">
      <c r="H454526" s="12"/>
    </row>
    <row r="454527" spans="8:8">
      <c r="H454527" s="12"/>
    </row>
    <row r="454528" spans="8:8">
      <c r="H454528" s="12"/>
    </row>
    <row r="454529" spans="8:8">
      <c r="H454529" s="12"/>
    </row>
    <row r="454530" spans="8:8">
      <c r="H454530" s="12"/>
    </row>
    <row r="454531" spans="8:8">
      <c r="H454531" s="12"/>
    </row>
    <row r="454532" spans="8:8">
      <c r="H454532" s="12"/>
    </row>
    <row r="454533" spans="8:8">
      <c r="H454533" s="12"/>
    </row>
    <row r="454534" spans="8:8">
      <c r="H454534" s="12"/>
    </row>
    <row r="454535" spans="8:8">
      <c r="H454535" s="12"/>
    </row>
    <row r="454536" spans="8:8">
      <c r="H454536" s="12"/>
    </row>
    <row r="454537" spans="8:8">
      <c r="H454537" s="12"/>
    </row>
    <row r="454538" spans="8:8">
      <c r="H454538" s="12"/>
    </row>
    <row r="454539" spans="8:8">
      <c r="H454539" s="12"/>
    </row>
    <row r="454540" spans="8:8">
      <c r="H454540" s="12"/>
    </row>
    <row r="454541" spans="8:8">
      <c r="H454541" s="12"/>
    </row>
    <row r="454542" spans="8:8">
      <c r="H454542" s="12"/>
    </row>
    <row r="454543" spans="8:8">
      <c r="H454543" s="12"/>
    </row>
    <row r="454544" spans="8:8">
      <c r="H454544" s="12"/>
    </row>
    <row r="454545" spans="8:8">
      <c r="H454545" s="12"/>
    </row>
    <row r="454546" spans="8:8">
      <c r="H454546" s="12"/>
    </row>
    <row r="454547" spans="8:8">
      <c r="H454547" s="12"/>
    </row>
    <row r="454548" spans="8:8">
      <c r="H454548" s="12"/>
    </row>
    <row r="454549" spans="8:8">
      <c r="H454549" s="12"/>
    </row>
    <row r="454550" spans="8:8">
      <c r="H454550" s="12"/>
    </row>
    <row r="454551" spans="8:8">
      <c r="H454551" s="12"/>
    </row>
    <row r="454552" spans="8:8">
      <c r="H454552" s="12"/>
    </row>
    <row r="454553" spans="8:8">
      <c r="H454553" s="12"/>
    </row>
    <row r="454554" spans="8:8">
      <c r="H454554" s="12"/>
    </row>
    <row r="454555" spans="8:8">
      <c r="H454555" s="12"/>
    </row>
    <row r="454556" spans="8:8">
      <c r="H454556" s="12"/>
    </row>
    <row r="454557" spans="8:8">
      <c r="H454557" s="12"/>
    </row>
    <row r="454558" spans="8:8">
      <c r="H454558" s="12"/>
    </row>
    <row r="454559" spans="8:8">
      <c r="H454559" s="12"/>
    </row>
    <row r="454560" spans="8:8">
      <c r="H454560" s="12"/>
    </row>
    <row r="454561" spans="8:8">
      <c r="H454561" s="12"/>
    </row>
    <row r="454562" spans="8:8">
      <c r="H454562" s="12"/>
    </row>
    <row r="454563" spans="8:8">
      <c r="H454563" s="12"/>
    </row>
    <row r="454564" spans="8:8">
      <c r="H454564" s="12"/>
    </row>
    <row r="454565" spans="8:8">
      <c r="H454565" s="12"/>
    </row>
    <row r="454566" spans="8:8">
      <c r="H454566" s="12"/>
    </row>
    <row r="454567" spans="8:8">
      <c r="H454567" s="12"/>
    </row>
    <row r="454568" spans="8:8">
      <c r="H454568" s="12"/>
    </row>
    <row r="454569" spans="8:8">
      <c r="H454569" s="12"/>
    </row>
    <row r="454570" spans="8:8">
      <c r="H454570" s="12"/>
    </row>
    <row r="454571" spans="8:8">
      <c r="H454571" s="12"/>
    </row>
    <row r="454572" spans="8:8">
      <c r="H454572" s="12"/>
    </row>
    <row r="454573" spans="8:8">
      <c r="H454573" s="12"/>
    </row>
    <row r="454574" spans="8:8">
      <c r="H454574" s="12"/>
    </row>
    <row r="454575" spans="8:8">
      <c r="H454575" s="12"/>
    </row>
    <row r="454576" spans="8:8">
      <c r="H454576" s="12"/>
    </row>
    <row r="454577" spans="8:8">
      <c r="H454577" s="12"/>
    </row>
    <row r="454578" spans="8:8">
      <c r="H454578" s="12"/>
    </row>
    <row r="454579" spans="8:8">
      <c r="H454579" s="12"/>
    </row>
    <row r="454580" spans="8:8">
      <c r="H454580" s="12"/>
    </row>
    <row r="454581" spans="8:8">
      <c r="H454581" s="12"/>
    </row>
    <row r="454582" spans="8:8">
      <c r="H454582" s="12"/>
    </row>
    <row r="454583" spans="8:8">
      <c r="H454583" s="12"/>
    </row>
    <row r="454584" spans="8:8">
      <c r="H454584" s="12"/>
    </row>
    <row r="454585" spans="8:8">
      <c r="H454585" s="12"/>
    </row>
    <row r="454586" spans="8:8">
      <c r="H454586" s="12"/>
    </row>
    <row r="454587" spans="8:8">
      <c r="H454587" s="12"/>
    </row>
    <row r="454588" spans="8:8">
      <c r="H454588" s="12"/>
    </row>
    <row r="454589" spans="8:8">
      <c r="H454589" s="12"/>
    </row>
    <row r="454590" spans="8:8">
      <c r="H454590" s="12"/>
    </row>
    <row r="454591" spans="8:8">
      <c r="H454591" s="12"/>
    </row>
    <row r="454592" spans="8:8">
      <c r="H454592" s="12"/>
    </row>
    <row r="454593" spans="8:8">
      <c r="H454593" s="12"/>
    </row>
    <row r="454594" spans="8:8">
      <c r="H454594" s="12"/>
    </row>
    <row r="454595" spans="8:8">
      <c r="H454595" s="12"/>
    </row>
    <row r="454596" spans="8:8">
      <c r="H454596" s="12"/>
    </row>
    <row r="454597" spans="8:8">
      <c r="H454597" s="12"/>
    </row>
    <row r="454598" spans="8:8">
      <c r="H454598" s="12"/>
    </row>
    <row r="454599" spans="8:8">
      <c r="H454599" s="12"/>
    </row>
    <row r="454600" spans="8:8">
      <c r="H454600" s="12"/>
    </row>
    <row r="454601" spans="8:8">
      <c r="H454601" s="12"/>
    </row>
    <row r="454602" spans="8:8">
      <c r="H454602" s="12"/>
    </row>
    <row r="454603" spans="8:8">
      <c r="H454603" s="12"/>
    </row>
    <row r="454604" spans="8:8">
      <c r="H454604" s="12"/>
    </row>
    <row r="454605" spans="8:8">
      <c r="H454605" s="12"/>
    </row>
    <row r="454606" spans="8:8">
      <c r="H454606" s="12"/>
    </row>
    <row r="454607" spans="8:8">
      <c r="H454607" s="12"/>
    </row>
    <row r="454608" spans="8:8">
      <c r="H454608" s="12"/>
    </row>
    <row r="454609" spans="8:8">
      <c r="H454609" s="12"/>
    </row>
    <row r="454610" spans="8:8">
      <c r="H454610" s="12"/>
    </row>
    <row r="454611" spans="8:8">
      <c r="H454611" s="12"/>
    </row>
    <row r="454612" spans="8:8">
      <c r="H454612" s="12"/>
    </row>
    <row r="454613" spans="8:8">
      <c r="H454613" s="12"/>
    </row>
    <row r="454614" spans="8:8">
      <c r="H454614" s="12"/>
    </row>
    <row r="454615" spans="8:8">
      <c r="H454615" s="12"/>
    </row>
    <row r="454616" spans="8:8">
      <c r="H454616" s="12"/>
    </row>
    <row r="454617" spans="8:8">
      <c r="H454617" s="12"/>
    </row>
    <row r="454618" spans="8:8">
      <c r="H454618" s="12"/>
    </row>
    <row r="454619" spans="8:8">
      <c r="H454619" s="12"/>
    </row>
    <row r="454620" spans="8:8">
      <c r="H454620" s="12"/>
    </row>
    <row r="454621" spans="8:8">
      <c r="H454621" s="12"/>
    </row>
    <row r="454622" spans="8:8">
      <c r="H454622" s="12"/>
    </row>
    <row r="454623" spans="8:8">
      <c r="H454623" s="12"/>
    </row>
    <row r="454624" spans="8:8">
      <c r="H454624" s="12"/>
    </row>
    <row r="454625" spans="8:8">
      <c r="H454625" s="12"/>
    </row>
    <row r="454626" spans="8:8">
      <c r="H454626" s="12"/>
    </row>
    <row r="454627" spans="8:8">
      <c r="H454627" s="12"/>
    </row>
    <row r="454628" spans="8:8">
      <c r="H454628" s="12"/>
    </row>
    <row r="454629" spans="8:8">
      <c r="H454629" s="12"/>
    </row>
    <row r="454630" spans="8:8">
      <c r="H454630" s="12"/>
    </row>
    <row r="454631" spans="8:8">
      <c r="H454631" s="12"/>
    </row>
    <row r="454632" spans="8:8">
      <c r="H454632" s="12"/>
    </row>
    <row r="454633" spans="8:8">
      <c r="H454633" s="12"/>
    </row>
    <row r="454634" spans="8:8">
      <c r="H454634" s="12"/>
    </row>
    <row r="454635" spans="8:8">
      <c r="H454635" s="12"/>
    </row>
    <row r="454636" spans="8:8">
      <c r="H454636" s="12"/>
    </row>
    <row r="454637" spans="8:8">
      <c r="H454637" s="12"/>
    </row>
    <row r="454638" spans="8:8">
      <c r="H454638" s="12"/>
    </row>
    <row r="454639" spans="8:8">
      <c r="H454639" s="12"/>
    </row>
    <row r="454640" spans="8:8">
      <c r="H454640" s="12"/>
    </row>
    <row r="454641" spans="8:8">
      <c r="H454641" s="12"/>
    </row>
    <row r="454642" spans="8:8">
      <c r="H454642" s="12"/>
    </row>
    <row r="454643" spans="8:8">
      <c r="H454643" s="12"/>
    </row>
    <row r="454644" spans="8:8">
      <c r="H454644" s="12"/>
    </row>
    <row r="454645" spans="8:8">
      <c r="H454645" s="12"/>
    </row>
    <row r="454646" spans="8:8">
      <c r="H454646" s="12"/>
    </row>
    <row r="454647" spans="8:8">
      <c r="H454647" s="12"/>
    </row>
    <row r="454648" spans="8:8">
      <c r="H454648" s="12"/>
    </row>
    <row r="454649" spans="8:8">
      <c r="H454649" s="12"/>
    </row>
    <row r="454650" spans="8:8">
      <c r="H454650" s="12"/>
    </row>
    <row r="454651" spans="8:8">
      <c r="H454651" s="12"/>
    </row>
    <row r="454652" spans="8:8">
      <c r="H454652" s="12"/>
    </row>
    <row r="454653" spans="8:8">
      <c r="H454653" s="12"/>
    </row>
    <row r="454654" spans="8:8">
      <c r="H454654" s="12"/>
    </row>
    <row r="454655" spans="8:8">
      <c r="H454655" s="12"/>
    </row>
    <row r="454656" spans="8:8">
      <c r="H454656" s="12"/>
    </row>
    <row r="454657" spans="8:8">
      <c r="H454657" s="12"/>
    </row>
    <row r="454658" spans="8:8">
      <c r="H454658" s="12"/>
    </row>
    <row r="454659" spans="8:8">
      <c r="H454659" s="12"/>
    </row>
    <row r="454660" spans="8:8">
      <c r="H454660" s="12"/>
    </row>
    <row r="454661" spans="8:8">
      <c r="H454661" s="12"/>
    </row>
    <row r="454662" spans="8:8">
      <c r="H454662" s="12"/>
    </row>
    <row r="454663" spans="8:8">
      <c r="H454663" s="12"/>
    </row>
    <row r="454664" spans="8:8">
      <c r="H454664" s="12"/>
    </row>
    <row r="454665" spans="8:8">
      <c r="H454665" s="12"/>
    </row>
    <row r="454666" spans="8:8">
      <c r="H454666" s="12"/>
    </row>
    <row r="454667" spans="8:8">
      <c r="H454667" s="12"/>
    </row>
    <row r="454668" spans="8:8">
      <c r="H454668" s="12"/>
    </row>
    <row r="454669" spans="8:8">
      <c r="H454669" s="12"/>
    </row>
    <row r="454670" spans="8:8">
      <c r="H454670" s="12"/>
    </row>
    <row r="454671" spans="8:8">
      <c r="H454671" s="12"/>
    </row>
    <row r="454672" spans="8:8">
      <c r="H454672" s="12"/>
    </row>
    <row r="454673" spans="8:8">
      <c r="H454673" s="12"/>
    </row>
    <row r="454674" spans="8:8">
      <c r="H454674" s="12"/>
    </row>
    <row r="454675" spans="8:8">
      <c r="H454675" s="12"/>
    </row>
    <row r="454676" spans="8:8">
      <c r="H454676" s="12"/>
    </row>
    <row r="454677" spans="8:8">
      <c r="H454677" s="12"/>
    </row>
    <row r="454678" spans="8:8">
      <c r="H454678" s="12"/>
    </row>
    <row r="454679" spans="8:8">
      <c r="H454679" s="12"/>
    </row>
    <row r="454680" spans="8:8">
      <c r="H454680" s="12"/>
    </row>
    <row r="454681" spans="8:8">
      <c r="H454681" s="12"/>
    </row>
    <row r="454682" spans="8:8">
      <c r="H454682" s="12"/>
    </row>
    <row r="454683" spans="8:8">
      <c r="H454683" s="12"/>
    </row>
    <row r="454684" spans="8:8">
      <c r="H454684" s="12"/>
    </row>
    <row r="454685" spans="8:8">
      <c r="H454685" s="12"/>
    </row>
    <row r="454686" spans="8:8">
      <c r="H454686" s="12"/>
    </row>
    <row r="454687" spans="8:8">
      <c r="H454687" s="12"/>
    </row>
    <row r="454688" spans="8:8">
      <c r="H454688" s="12"/>
    </row>
    <row r="454689" spans="8:8">
      <c r="H454689" s="12"/>
    </row>
    <row r="454690" spans="8:8">
      <c r="H454690" s="12"/>
    </row>
    <row r="454691" spans="8:8">
      <c r="H454691" s="12"/>
    </row>
    <row r="454692" spans="8:8">
      <c r="H454692" s="12"/>
    </row>
    <row r="454693" spans="8:8">
      <c r="H454693" s="12"/>
    </row>
    <row r="454694" spans="8:8">
      <c r="H454694" s="12"/>
    </row>
    <row r="454695" spans="8:8">
      <c r="H454695" s="12"/>
    </row>
    <row r="454696" spans="8:8">
      <c r="H454696" s="12"/>
    </row>
    <row r="454697" spans="8:8">
      <c r="H454697" s="12"/>
    </row>
    <row r="454698" spans="8:8">
      <c r="H454698" s="12"/>
    </row>
    <row r="454699" spans="8:8">
      <c r="H454699" s="12"/>
    </row>
    <row r="454700" spans="8:8">
      <c r="H454700" s="12"/>
    </row>
    <row r="454701" spans="8:8">
      <c r="H454701" s="12"/>
    </row>
    <row r="454702" spans="8:8">
      <c r="H454702" s="12"/>
    </row>
    <row r="454703" spans="8:8">
      <c r="H454703" s="12"/>
    </row>
    <row r="454704" spans="8:8">
      <c r="H454704" s="12"/>
    </row>
    <row r="454705" spans="8:8">
      <c r="H454705" s="12"/>
    </row>
    <row r="454706" spans="8:8">
      <c r="H454706" s="12"/>
    </row>
    <row r="454707" spans="8:8">
      <c r="H454707" s="12"/>
    </row>
    <row r="454708" spans="8:8">
      <c r="H454708" s="12"/>
    </row>
    <row r="454709" spans="8:8">
      <c r="H454709" s="12"/>
    </row>
    <row r="454710" spans="8:8">
      <c r="H454710" s="12"/>
    </row>
    <row r="454711" spans="8:8">
      <c r="H454711" s="12"/>
    </row>
    <row r="454712" spans="8:8">
      <c r="H454712" s="12"/>
    </row>
    <row r="454713" spans="8:8">
      <c r="H454713" s="12"/>
    </row>
    <row r="454714" spans="8:8">
      <c r="H454714" s="12"/>
    </row>
    <row r="454715" spans="8:8">
      <c r="H454715" s="12"/>
    </row>
    <row r="454716" spans="8:8">
      <c r="H454716" s="12"/>
    </row>
    <row r="454717" spans="8:8">
      <c r="H454717" s="12"/>
    </row>
    <row r="454718" spans="8:8">
      <c r="H454718" s="12"/>
    </row>
    <row r="454719" spans="8:8">
      <c r="H454719" s="12"/>
    </row>
    <row r="454720" spans="8:8">
      <c r="H454720" s="12"/>
    </row>
    <row r="454721" spans="8:8">
      <c r="H454721" s="12"/>
    </row>
    <row r="454722" spans="8:8">
      <c r="H454722" s="12"/>
    </row>
    <row r="454723" spans="8:8">
      <c r="H454723" s="12"/>
    </row>
    <row r="454724" spans="8:8">
      <c r="H454724" s="12"/>
    </row>
    <row r="454725" spans="8:8">
      <c r="H454725" s="12"/>
    </row>
    <row r="454726" spans="8:8">
      <c r="H454726" s="12"/>
    </row>
    <row r="454727" spans="8:8">
      <c r="H454727" s="12"/>
    </row>
    <row r="454728" spans="8:8">
      <c r="H454728" s="12"/>
    </row>
    <row r="454729" spans="8:8">
      <c r="H454729" s="12"/>
    </row>
    <row r="454730" spans="8:8">
      <c r="H454730" s="12"/>
    </row>
    <row r="454731" spans="8:8">
      <c r="H454731" s="12"/>
    </row>
    <row r="454732" spans="8:8">
      <c r="H454732" s="12"/>
    </row>
    <row r="454733" spans="8:8">
      <c r="H454733" s="12"/>
    </row>
    <row r="454734" spans="8:8">
      <c r="H454734" s="12"/>
    </row>
    <row r="454735" spans="8:8">
      <c r="H454735" s="12"/>
    </row>
    <row r="454736" spans="8:8">
      <c r="H454736" s="12"/>
    </row>
    <row r="454737" spans="8:8">
      <c r="H454737" s="12"/>
    </row>
    <row r="454738" spans="8:8">
      <c r="H454738" s="12"/>
    </row>
    <row r="454739" spans="8:8">
      <c r="H454739" s="12"/>
    </row>
    <row r="454740" spans="8:8">
      <c r="H454740" s="12"/>
    </row>
    <row r="454741" spans="8:8">
      <c r="H454741" s="12"/>
    </row>
    <row r="454742" spans="8:8">
      <c r="H454742" s="12"/>
    </row>
    <row r="454743" spans="8:8">
      <c r="H454743" s="12"/>
    </row>
    <row r="454744" spans="8:8">
      <c r="H454744" s="12"/>
    </row>
    <row r="454745" spans="8:8">
      <c r="H454745" s="12"/>
    </row>
    <row r="454746" spans="8:8">
      <c r="H454746" s="12"/>
    </row>
    <row r="454747" spans="8:8">
      <c r="H454747" s="12"/>
    </row>
    <row r="454748" spans="8:8">
      <c r="H454748" s="12"/>
    </row>
    <row r="454749" spans="8:8">
      <c r="H454749" s="12"/>
    </row>
    <row r="454750" spans="8:8">
      <c r="H454750" s="12"/>
    </row>
    <row r="454751" spans="8:8">
      <c r="H454751" s="12"/>
    </row>
    <row r="454752" spans="8:8">
      <c r="H454752" s="12"/>
    </row>
    <row r="454753" spans="8:8">
      <c r="H454753" s="12"/>
    </row>
    <row r="454754" spans="8:8">
      <c r="H454754" s="12"/>
    </row>
    <row r="454755" spans="8:8">
      <c r="H454755" s="12"/>
    </row>
    <row r="454756" spans="8:8">
      <c r="H454756" s="12"/>
    </row>
    <row r="454757" spans="8:8">
      <c r="H454757" s="12"/>
    </row>
    <row r="454758" spans="8:8">
      <c r="H454758" s="12"/>
    </row>
    <row r="454759" spans="8:8">
      <c r="H454759" s="12"/>
    </row>
    <row r="454760" spans="8:8">
      <c r="H454760" s="12"/>
    </row>
    <row r="454761" spans="8:8">
      <c r="H454761" s="12"/>
    </row>
    <row r="454762" spans="8:8">
      <c r="H454762" s="12"/>
    </row>
    <row r="454763" spans="8:8">
      <c r="H454763" s="12"/>
    </row>
    <row r="454764" spans="8:8">
      <c r="H454764" s="12"/>
    </row>
    <row r="454765" spans="8:8">
      <c r="H454765" s="12"/>
    </row>
    <row r="454766" spans="8:8">
      <c r="H454766" s="12"/>
    </row>
    <row r="454767" spans="8:8">
      <c r="H454767" s="12"/>
    </row>
    <row r="454768" spans="8:8">
      <c r="H454768" s="12"/>
    </row>
    <row r="454769" spans="8:8">
      <c r="H454769" s="12"/>
    </row>
    <row r="454770" spans="8:8">
      <c r="H454770" s="12"/>
    </row>
    <row r="454771" spans="8:8">
      <c r="H454771" s="12"/>
    </row>
    <row r="454772" spans="8:8">
      <c r="H454772" s="12"/>
    </row>
    <row r="454773" spans="8:8">
      <c r="H454773" s="12"/>
    </row>
    <row r="454774" spans="8:8">
      <c r="H454774" s="12"/>
    </row>
    <row r="454775" spans="8:8">
      <c r="H454775" s="12"/>
    </row>
    <row r="454776" spans="8:8">
      <c r="H454776" s="12"/>
    </row>
    <row r="454777" spans="8:8">
      <c r="H454777" s="12"/>
    </row>
    <row r="454778" spans="8:8">
      <c r="H454778" s="12"/>
    </row>
    <row r="454779" spans="8:8">
      <c r="H454779" s="12"/>
    </row>
    <row r="454780" spans="8:8">
      <c r="H454780" s="12"/>
    </row>
    <row r="454781" spans="8:8">
      <c r="H454781" s="12"/>
    </row>
    <row r="454782" spans="8:8">
      <c r="H454782" s="12"/>
    </row>
    <row r="454783" spans="8:8">
      <c r="H454783" s="12"/>
    </row>
    <row r="454784" spans="8:8">
      <c r="H454784" s="12"/>
    </row>
    <row r="454785" spans="8:8">
      <c r="H454785" s="12"/>
    </row>
    <row r="454786" spans="8:8">
      <c r="H454786" s="12"/>
    </row>
    <row r="454787" spans="8:8">
      <c r="H454787" s="12"/>
    </row>
    <row r="454788" spans="8:8">
      <c r="H454788" s="12"/>
    </row>
    <row r="454789" spans="8:8">
      <c r="H454789" s="12"/>
    </row>
    <row r="454790" spans="8:8">
      <c r="H454790" s="12"/>
    </row>
    <row r="454791" spans="8:8">
      <c r="H454791" s="12"/>
    </row>
    <row r="454792" spans="8:8">
      <c r="H454792" s="12"/>
    </row>
    <row r="454793" spans="8:8">
      <c r="H454793" s="12"/>
    </row>
    <row r="454794" spans="8:8">
      <c r="H454794" s="12"/>
    </row>
    <row r="454795" spans="8:8">
      <c r="H454795" s="12"/>
    </row>
    <row r="454796" spans="8:8">
      <c r="H454796" s="12"/>
    </row>
    <row r="454797" spans="8:8">
      <c r="H454797" s="12"/>
    </row>
    <row r="454798" spans="8:8">
      <c r="H454798" s="12"/>
    </row>
    <row r="454799" spans="8:8">
      <c r="H454799" s="12"/>
    </row>
    <row r="454800" spans="8:8">
      <c r="H454800" s="12"/>
    </row>
    <row r="454801" spans="8:8">
      <c r="H454801" s="12"/>
    </row>
    <row r="454802" spans="8:8">
      <c r="H454802" s="12"/>
    </row>
    <row r="454803" spans="8:8">
      <c r="H454803" s="12"/>
    </row>
    <row r="454804" spans="8:8">
      <c r="H454804" s="12"/>
    </row>
    <row r="454805" spans="8:8">
      <c r="H454805" s="12"/>
    </row>
    <row r="454806" spans="8:8">
      <c r="H454806" s="12"/>
    </row>
    <row r="454807" spans="8:8">
      <c r="H454807" s="12"/>
    </row>
    <row r="454808" spans="8:8">
      <c r="H454808" s="12"/>
    </row>
    <row r="454809" spans="8:8">
      <c r="H454809" s="12"/>
    </row>
    <row r="454810" spans="8:8">
      <c r="H454810" s="12"/>
    </row>
    <row r="454811" spans="8:8">
      <c r="H454811" s="12"/>
    </row>
    <row r="454812" spans="8:8">
      <c r="H454812" s="12"/>
    </row>
    <row r="454813" spans="8:8">
      <c r="H454813" s="12"/>
    </row>
    <row r="454814" spans="8:8">
      <c r="H454814" s="12"/>
    </row>
    <row r="454815" spans="8:8">
      <c r="H454815" s="12"/>
    </row>
    <row r="454816" spans="8:8">
      <c r="H454816" s="12"/>
    </row>
    <row r="454817" spans="8:8">
      <c r="H454817" s="12"/>
    </row>
    <row r="454818" spans="8:8">
      <c r="H454818" s="12"/>
    </row>
    <row r="454819" spans="8:8">
      <c r="H454819" s="12"/>
    </row>
    <row r="454820" spans="8:8">
      <c r="H454820" s="12"/>
    </row>
    <row r="454821" spans="8:8">
      <c r="H454821" s="12"/>
    </row>
    <row r="454822" spans="8:8">
      <c r="H454822" s="12"/>
    </row>
    <row r="454823" spans="8:8">
      <c r="H454823" s="12"/>
    </row>
    <row r="454824" spans="8:8">
      <c r="H454824" s="12"/>
    </row>
    <row r="454825" spans="8:8">
      <c r="H454825" s="12"/>
    </row>
    <row r="454826" spans="8:8">
      <c r="H454826" s="12"/>
    </row>
    <row r="454827" spans="8:8">
      <c r="H454827" s="12"/>
    </row>
    <row r="454828" spans="8:8">
      <c r="H454828" s="12"/>
    </row>
    <row r="454829" spans="8:8">
      <c r="H454829" s="12"/>
    </row>
    <row r="454830" spans="8:8">
      <c r="H454830" s="12"/>
    </row>
    <row r="454831" spans="8:8">
      <c r="H454831" s="12"/>
    </row>
    <row r="454832" spans="8:8">
      <c r="H454832" s="12"/>
    </row>
    <row r="454833" spans="8:8">
      <c r="H454833" s="12"/>
    </row>
    <row r="454834" spans="8:8">
      <c r="H454834" s="12"/>
    </row>
    <row r="454835" spans="8:8">
      <c r="H454835" s="12"/>
    </row>
    <row r="454836" spans="8:8">
      <c r="H454836" s="12"/>
    </row>
    <row r="454837" spans="8:8">
      <c r="H454837" s="12"/>
    </row>
    <row r="454838" spans="8:8">
      <c r="H454838" s="12"/>
    </row>
    <row r="454839" spans="8:8">
      <c r="H454839" s="12"/>
    </row>
    <row r="454840" spans="8:8">
      <c r="H454840" s="12"/>
    </row>
    <row r="454841" spans="8:8">
      <c r="H454841" s="12"/>
    </row>
    <row r="454842" spans="8:8">
      <c r="H454842" s="12"/>
    </row>
    <row r="454843" spans="8:8">
      <c r="H454843" s="12"/>
    </row>
    <row r="454844" spans="8:8">
      <c r="H454844" s="12"/>
    </row>
    <row r="454845" spans="8:8">
      <c r="H454845" s="12"/>
    </row>
    <row r="454846" spans="8:8">
      <c r="H454846" s="12"/>
    </row>
    <row r="454847" spans="8:8">
      <c r="H454847" s="12"/>
    </row>
    <row r="454848" spans="8:8">
      <c r="H454848" s="12"/>
    </row>
    <row r="454849" spans="8:8">
      <c r="H454849" s="12"/>
    </row>
    <row r="454850" spans="8:8">
      <c r="H454850" s="12"/>
    </row>
    <row r="454851" spans="8:8">
      <c r="H454851" s="12"/>
    </row>
    <row r="454852" spans="8:8">
      <c r="H454852" s="12"/>
    </row>
    <row r="454853" spans="8:8">
      <c r="H454853" s="12"/>
    </row>
    <row r="454854" spans="8:8">
      <c r="H454854" s="12"/>
    </row>
    <row r="454855" spans="8:8">
      <c r="H454855" s="12"/>
    </row>
    <row r="454856" spans="8:8">
      <c r="H454856" s="12"/>
    </row>
    <row r="454857" spans="8:8">
      <c r="H454857" s="12"/>
    </row>
    <row r="454858" spans="8:8">
      <c r="H454858" s="12"/>
    </row>
    <row r="454859" spans="8:8">
      <c r="H454859" s="12"/>
    </row>
    <row r="454860" spans="8:8">
      <c r="H454860" s="12"/>
    </row>
    <row r="454861" spans="8:8">
      <c r="H454861" s="12"/>
    </row>
    <row r="454862" spans="8:8">
      <c r="H454862" s="12"/>
    </row>
    <row r="454863" spans="8:8">
      <c r="H454863" s="12"/>
    </row>
    <row r="454864" spans="8:8">
      <c r="H454864" s="12"/>
    </row>
    <row r="454865" spans="8:8">
      <c r="H454865" s="12"/>
    </row>
    <row r="454866" spans="8:8">
      <c r="H454866" s="12"/>
    </row>
    <row r="454867" spans="8:8">
      <c r="H454867" s="12"/>
    </row>
    <row r="454868" spans="8:8">
      <c r="H454868" s="12"/>
    </row>
    <row r="454869" spans="8:8">
      <c r="H454869" s="12"/>
    </row>
    <row r="454870" spans="8:8">
      <c r="H454870" s="12"/>
    </row>
    <row r="454871" spans="8:8">
      <c r="H454871" s="12"/>
    </row>
    <row r="454872" spans="8:8">
      <c r="H454872" s="12"/>
    </row>
    <row r="454873" spans="8:8">
      <c r="H454873" s="12"/>
    </row>
    <row r="454874" spans="8:8">
      <c r="H454874" s="12"/>
    </row>
    <row r="454875" spans="8:8">
      <c r="H454875" s="12"/>
    </row>
    <row r="454876" spans="8:8">
      <c r="H454876" s="12"/>
    </row>
    <row r="454877" spans="8:8">
      <c r="H454877" s="12"/>
    </row>
    <row r="454878" spans="8:8">
      <c r="H454878" s="12"/>
    </row>
    <row r="454879" spans="8:8">
      <c r="H454879" s="12"/>
    </row>
    <row r="454880" spans="8:8">
      <c r="H454880" s="12"/>
    </row>
    <row r="454881" spans="8:8">
      <c r="H454881" s="12"/>
    </row>
    <row r="454882" spans="8:8">
      <c r="H454882" s="12"/>
    </row>
    <row r="454883" spans="8:8">
      <c r="H454883" s="12"/>
    </row>
    <row r="454884" spans="8:8">
      <c r="H454884" s="12"/>
    </row>
    <row r="454885" spans="8:8">
      <c r="H454885" s="12"/>
    </row>
    <row r="454886" spans="8:8">
      <c r="H454886" s="12"/>
    </row>
    <row r="454887" spans="8:8">
      <c r="H454887" s="12"/>
    </row>
    <row r="454888" spans="8:8">
      <c r="H454888" s="12"/>
    </row>
    <row r="454889" spans="8:8">
      <c r="H454889" s="12"/>
    </row>
    <row r="454890" spans="8:8">
      <c r="H454890" s="12"/>
    </row>
    <row r="454891" spans="8:8">
      <c r="H454891" s="12"/>
    </row>
    <row r="454892" spans="8:8">
      <c r="H454892" s="12"/>
    </row>
    <row r="454893" spans="8:8">
      <c r="H454893" s="12"/>
    </row>
    <row r="454894" spans="8:8">
      <c r="H454894" s="12"/>
    </row>
    <row r="454895" spans="8:8">
      <c r="H454895" s="12"/>
    </row>
    <row r="454896" spans="8:8">
      <c r="H454896" s="12"/>
    </row>
    <row r="454897" spans="8:8">
      <c r="H454897" s="12"/>
    </row>
    <row r="454898" spans="8:8">
      <c r="H454898" s="12"/>
    </row>
    <row r="454899" spans="8:8">
      <c r="H454899" s="12"/>
    </row>
    <row r="454900" spans="8:8">
      <c r="H454900" s="12"/>
    </row>
    <row r="454901" spans="8:8">
      <c r="H454901" s="12"/>
    </row>
    <row r="454902" spans="8:8">
      <c r="H454902" s="12"/>
    </row>
    <row r="454903" spans="8:8">
      <c r="H454903" s="12"/>
    </row>
    <row r="454904" spans="8:8">
      <c r="H454904" s="12"/>
    </row>
    <row r="454905" spans="8:8">
      <c r="H454905" s="12"/>
    </row>
    <row r="454906" spans="8:8">
      <c r="H454906" s="12"/>
    </row>
    <row r="454907" spans="8:8">
      <c r="H454907" s="12"/>
    </row>
    <row r="454908" spans="8:8">
      <c r="H454908" s="12"/>
    </row>
    <row r="454909" spans="8:8">
      <c r="H454909" s="12"/>
    </row>
    <row r="454910" spans="8:8">
      <c r="H454910" s="12"/>
    </row>
    <row r="454911" spans="8:8">
      <c r="H454911" s="12"/>
    </row>
    <row r="454912" spans="8:8">
      <c r="H454912" s="12"/>
    </row>
    <row r="454913" spans="8:8">
      <c r="H454913" s="12"/>
    </row>
    <row r="454914" spans="8:8">
      <c r="H454914" s="12"/>
    </row>
    <row r="454915" spans="8:8">
      <c r="H454915" s="12"/>
    </row>
    <row r="454916" spans="8:8">
      <c r="H454916" s="12"/>
    </row>
    <row r="454917" spans="8:8">
      <c r="H454917" s="12"/>
    </row>
    <row r="454918" spans="8:8">
      <c r="H454918" s="12"/>
    </row>
    <row r="454919" spans="8:8">
      <c r="H454919" s="12"/>
    </row>
    <row r="454920" spans="8:8">
      <c r="H454920" s="12"/>
    </row>
    <row r="454921" spans="8:8">
      <c r="H454921" s="12"/>
    </row>
    <row r="454922" spans="8:8">
      <c r="H454922" s="12"/>
    </row>
    <row r="454923" spans="8:8">
      <c r="H454923" s="12"/>
    </row>
    <row r="454924" spans="8:8">
      <c r="H454924" s="12"/>
    </row>
    <row r="454925" spans="8:8">
      <c r="H454925" s="12"/>
    </row>
    <row r="454926" spans="8:8">
      <c r="H454926" s="12"/>
    </row>
    <row r="454927" spans="8:8">
      <c r="H454927" s="12"/>
    </row>
    <row r="454928" spans="8:8">
      <c r="H454928" s="12"/>
    </row>
    <row r="454929" spans="8:8">
      <c r="H454929" s="12"/>
    </row>
    <row r="454930" spans="8:8">
      <c r="H454930" s="12"/>
    </row>
    <row r="454931" spans="8:8">
      <c r="H454931" s="12"/>
    </row>
    <row r="454932" spans="8:8">
      <c r="H454932" s="12"/>
    </row>
    <row r="454933" spans="8:8">
      <c r="H454933" s="12"/>
    </row>
    <row r="454934" spans="8:8">
      <c r="H454934" s="12"/>
    </row>
    <row r="454935" spans="8:8">
      <c r="H454935" s="12"/>
    </row>
    <row r="454936" spans="8:8">
      <c r="H454936" s="12"/>
    </row>
    <row r="454937" spans="8:8">
      <c r="H454937" s="12"/>
    </row>
    <row r="454938" spans="8:8">
      <c r="H454938" s="12"/>
    </row>
    <row r="454939" spans="8:8">
      <c r="H454939" s="12"/>
    </row>
    <row r="454940" spans="8:8">
      <c r="H454940" s="12"/>
    </row>
    <row r="454941" spans="8:8">
      <c r="H454941" s="12"/>
    </row>
    <row r="454942" spans="8:8">
      <c r="H454942" s="12"/>
    </row>
    <row r="454943" spans="8:8">
      <c r="H454943" s="12"/>
    </row>
    <row r="454944" spans="8:8">
      <c r="H454944" s="12"/>
    </row>
    <row r="454945" spans="8:8">
      <c r="H454945" s="12"/>
    </row>
    <row r="454946" spans="8:8">
      <c r="H454946" s="12"/>
    </row>
    <row r="454947" spans="8:8">
      <c r="H454947" s="12"/>
    </row>
    <row r="454948" spans="8:8">
      <c r="H454948" s="12"/>
    </row>
    <row r="454949" spans="8:8">
      <c r="H454949" s="12"/>
    </row>
    <row r="454950" spans="8:8">
      <c r="H454950" s="12"/>
    </row>
    <row r="454951" spans="8:8">
      <c r="H454951" s="12"/>
    </row>
    <row r="454952" spans="8:8">
      <c r="H454952" s="12"/>
    </row>
    <row r="454953" spans="8:8">
      <c r="H454953" s="12"/>
    </row>
    <row r="454954" spans="8:8">
      <c r="H454954" s="12"/>
    </row>
    <row r="454955" spans="8:8">
      <c r="H454955" s="12"/>
    </row>
    <row r="454956" spans="8:8">
      <c r="H454956" s="12"/>
    </row>
    <row r="454957" spans="8:8">
      <c r="H454957" s="12"/>
    </row>
    <row r="454958" spans="8:8">
      <c r="H454958" s="12"/>
    </row>
    <row r="454959" spans="8:8">
      <c r="H454959" s="12"/>
    </row>
    <row r="454960" spans="8:8">
      <c r="H454960" s="12"/>
    </row>
    <row r="454961" spans="8:8">
      <c r="H454961" s="12"/>
    </row>
    <row r="454962" spans="8:8">
      <c r="H454962" s="12"/>
    </row>
    <row r="454963" spans="8:8">
      <c r="H454963" s="12"/>
    </row>
    <row r="454964" spans="8:8">
      <c r="H454964" s="12"/>
    </row>
    <row r="454965" spans="8:8">
      <c r="H454965" s="12"/>
    </row>
    <row r="454966" spans="8:8">
      <c r="H454966" s="12"/>
    </row>
    <row r="454967" spans="8:8">
      <c r="H454967" s="12"/>
    </row>
    <row r="454968" spans="8:8">
      <c r="H454968" s="12"/>
    </row>
    <row r="454969" spans="8:8">
      <c r="H454969" s="12"/>
    </row>
    <row r="454970" spans="8:8">
      <c r="H454970" s="12"/>
    </row>
    <row r="454971" spans="8:8">
      <c r="H454971" s="12"/>
    </row>
    <row r="454972" spans="8:8">
      <c r="H454972" s="12"/>
    </row>
    <row r="454973" spans="8:8">
      <c r="H454973" s="12"/>
    </row>
    <row r="454974" spans="8:8">
      <c r="H454974" s="12"/>
    </row>
    <row r="454975" spans="8:8">
      <c r="H454975" s="12"/>
    </row>
    <row r="454976" spans="8:8">
      <c r="H454976" s="12"/>
    </row>
    <row r="454977" spans="8:8">
      <c r="H454977" s="12"/>
    </row>
    <row r="454978" spans="8:8">
      <c r="H454978" s="12"/>
    </row>
    <row r="454979" spans="8:8">
      <c r="H454979" s="12"/>
    </row>
    <row r="454980" spans="8:8">
      <c r="H454980" s="12"/>
    </row>
    <row r="454981" spans="8:8">
      <c r="H454981" s="12"/>
    </row>
    <row r="454982" spans="8:8">
      <c r="H454982" s="12"/>
    </row>
    <row r="454983" spans="8:8">
      <c r="H454983" s="12"/>
    </row>
    <row r="454984" spans="8:8">
      <c r="H454984" s="12"/>
    </row>
    <row r="454985" spans="8:8">
      <c r="H454985" s="12"/>
    </row>
    <row r="454986" spans="8:8">
      <c r="H454986" s="12"/>
    </row>
    <row r="454987" spans="8:8">
      <c r="H454987" s="12"/>
    </row>
    <row r="454988" spans="8:8">
      <c r="H454988" s="12"/>
    </row>
    <row r="454989" spans="8:8">
      <c r="H454989" s="12"/>
    </row>
    <row r="454990" spans="8:8">
      <c r="H454990" s="12"/>
    </row>
    <row r="454991" spans="8:8">
      <c r="H454991" s="12"/>
    </row>
    <row r="454992" spans="8:8">
      <c r="H454992" s="12"/>
    </row>
    <row r="454993" spans="8:8">
      <c r="H454993" s="12"/>
    </row>
    <row r="454994" spans="8:8">
      <c r="H454994" s="12"/>
    </row>
    <row r="454995" spans="8:8">
      <c r="H454995" s="12"/>
    </row>
    <row r="454996" spans="8:8">
      <c r="H454996" s="12"/>
    </row>
    <row r="454997" spans="8:8">
      <c r="H454997" s="12"/>
    </row>
    <row r="454998" spans="8:8">
      <c r="H454998" s="12"/>
    </row>
    <row r="454999" spans="8:8">
      <c r="H454999" s="12"/>
    </row>
    <row r="455000" spans="8:8">
      <c r="H455000" s="12"/>
    </row>
    <row r="455001" spans="8:8">
      <c r="H455001" s="12"/>
    </row>
    <row r="455002" spans="8:8">
      <c r="H455002" s="12"/>
    </row>
    <row r="455003" spans="8:8">
      <c r="H455003" s="12"/>
    </row>
    <row r="455004" spans="8:8">
      <c r="H455004" s="12"/>
    </row>
    <row r="455005" spans="8:8">
      <c r="H455005" s="12"/>
    </row>
    <row r="455006" spans="8:8">
      <c r="H455006" s="12"/>
    </row>
    <row r="455007" spans="8:8">
      <c r="H455007" s="12"/>
    </row>
    <row r="455008" spans="8:8">
      <c r="H455008" s="12"/>
    </row>
    <row r="455009" spans="8:8">
      <c r="H455009" s="12"/>
    </row>
    <row r="455010" spans="8:8">
      <c r="H455010" s="12"/>
    </row>
    <row r="455011" spans="8:8">
      <c r="H455011" s="12"/>
    </row>
    <row r="455012" spans="8:8">
      <c r="H455012" s="12"/>
    </row>
    <row r="455013" spans="8:8">
      <c r="H455013" s="12"/>
    </row>
    <row r="455014" spans="8:8">
      <c r="H455014" s="12"/>
    </row>
    <row r="455015" spans="8:8">
      <c r="H455015" s="12"/>
    </row>
    <row r="455016" spans="8:8">
      <c r="H455016" s="12"/>
    </row>
    <row r="455017" spans="8:8">
      <c r="H455017" s="12"/>
    </row>
    <row r="455018" spans="8:8">
      <c r="H455018" s="12"/>
    </row>
    <row r="455019" spans="8:8">
      <c r="H455019" s="12"/>
    </row>
    <row r="455020" spans="8:8">
      <c r="H455020" s="12"/>
    </row>
    <row r="455021" spans="8:8">
      <c r="H455021" s="12"/>
    </row>
    <row r="455022" spans="8:8">
      <c r="H455022" s="12"/>
    </row>
    <row r="455023" spans="8:8">
      <c r="H455023" s="12"/>
    </row>
    <row r="455024" spans="8:8">
      <c r="H455024" s="12"/>
    </row>
    <row r="455025" spans="8:8">
      <c r="H455025" s="12"/>
    </row>
    <row r="455026" spans="8:8">
      <c r="H455026" s="12"/>
    </row>
    <row r="455027" spans="8:8">
      <c r="H455027" s="12"/>
    </row>
    <row r="455028" spans="8:8">
      <c r="H455028" s="12"/>
    </row>
    <row r="455029" spans="8:8">
      <c r="H455029" s="12"/>
    </row>
    <row r="455030" spans="8:8">
      <c r="H455030" s="12"/>
    </row>
    <row r="455031" spans="8:8">
      <c r="H455031" s="12"/>
    </row>
    <row r="455032" spans="8:8">
      <c r="H455032" s="12"/>
    </row>
    <row r="455033" spans="8:8">
      <c r="H455033" s="12"/>
    </row>
    <row r="455034" spans="8:8">
      <c r="H455034" s="12"/>
    </row>
    <row r="455035" spans="8:8">
      <c r="H455035" s="12"/>
    </row>
    <row r="455036" spans="8:8">
      <c r="H455036" s="12"/>
    </row>
    <row r="455037" spans="8:8">
      <c r="H455037" s="12"/>
    </row>
    <row r="455038" spans="8:8">
      <c r="H455038" s="12"/>
    </row>
    <row r="455039" spans="8:8">
      <c r="H455039" s="12"/>
    </row>
    <row r="455040" spans="8:8">
      <c r="H455040" s="12"/>
    </row>
    <row r="455041" spans="8:8">
      <c r="H455041" s="12"/>
    </row>
    <row r="455042" spans="8:8">
      <c r="H455042" s="12"/>
    </row>
    <row r="455043" spans="8:8">
      <c r="H455043" s="12"/>
    </row>
    <row r="455044" spans="8:8">
      <c r="H455044" s="12"/>
    </row>
    <row r="455045" spans="8:8">
      <c r="H455045" s="12"/>
    </row>
    <row r="455046" spans="8:8">
      <c r="H455046" s="12"/>
    </row>
    <row r="455047" spans="8:8">
      <c r="H455047" s="12"/>
    </row>
    <row r="455048" spans="8:8">
      <c r="H455048" s="12"/>
    </row>
    <row r="455049" spans="8:8">
      <c r="H455049" s="12"/>
    </row>
    <row r="455050" spans="8:8">
      <c r="H455050" s="12"/>
    </row>
    <row r="455051" spans="8:8">
      <c r="H455051" s="12"/>
    </row>
    <row r="455052" spans="8:8">
      <c r="H455052" s="12"/>
    </row>
    <row r="455053" spans="8:8">
      <c r="H455053" s="12"/>
    </row>
    <row r="455054" spans="8:8">
      <c r="H455054" s="12"/>
    </row>
    <row r="455055" spans="8:8">
      <c r="H455055" s="12"/>
    </row>
    <row r="455056" spans="8:8">
      <c r="H455056" s="12"/>
    </row>
    <row r="455057" spans="8:8">
      <c r="H455057" s="12"/>
    </row>
    <row r="455058" spans="8:8">
      <c r="H455058" s="12"/>
    </row>
    <row r="455059" spans="8:8">
      <c r="H455059" s="12"/>
    </row>
    <row r="455060" spans="8:8">
      <c r="H455060" s="12"/>
    </row>
    <row r="455061" spans="8:8">
      <c r="H455061" s="12"/>
    </row>
    <row r="455062" spans="8:8">
      <c r="H455062" s="12"/>
    </row>
    <row r="455063" spans="8:8">
      <c r="H455063" s="12"/>
    </row>
    <row r="455064" spans="8:8">
      <c r="H455064" s="12"/>
    </row>
    <row r="455065" spans="8:8">
      <c r="H455065" s="12"/>
    </row>
    <row r="455066" spans="8:8">
      <c r="H455066" s="12"/>
    </row>
    <row r="455067" spans="8:8">
      <c r="H455067" s="12"/>
    </row>
    <row r="455068" spans="8:8">
      <c r="H455068" s="12"/>
    </row>
    <row r="455069" spans="8:8">
      <c r="H455069" s="12"/>
    </row>
    <row r="455070" spans="8:8">
      <c r="H455070" s="12"/>
    </row>
    <row r="455071" spans="8:8">
      <c r="H455071" s="12"/>
    </row>
    <row r="455072" spans="8:8">
      <c r="H455072" s="12"/>
    </row>
    <row r="455073" spans="8:8">
      <c r="H455073" s="12"/>
    </row>
    <row r="455074" spans="8:8">
      <c r="H455074" s="12"/>
    </row>
    <row r="455075" spans="8:8">
      <c r="H455075" s="12"/>
    </row>
    <row r="455076" spans="8:8">
      <c r="H455076" s="12"/>
    </row>
    <row r="455077" spans="8:8">
      <c r="H455077" s="12"/>
    </row>
    <row r="455078" spans="8:8">
      <c r="H455078" s="12"/>
    </row>
    <row r="455079" spans="8:8">
      <c r="H455079" s="12"/>
    </row>
    <row r="455080" spans="8:8">
      <c r="H455080" s="12"/>
    </row>
    <row r="455081" spans="8:8">
      <c r="H455081" s="12"/>
    </row>
    <row r="455082" spans="8:8">
      <c r="H455082" s="12"/>
    </row>
    <row r="455083" spans="8:8">
      <c r="H455083" s="12"/>
    </row>
    <row r="455084" spans="8:8">
      <c r="H455084" s="12"/>
    </row>
    <row r="455085" spans="8:8">
      <c r="H455085" s="12"/>
    </row>
    <row r="455086" spans="8:8">
      <c r="H455086" s="12"/>
    </row>
    <row r="455087" spans="8:8">
      <c r="H455087" s="12"/>
    </row>
    <row r="455088" spans="8:8">
      <c r="H455088" s="12"/>
    </row>
    <row r="455089" spans="8:8">
      <c r="H455089" s="12"/>
    </row>
    <row r="455090" spans="8:8">
      <c r="H455090" s="12"/>
    </row>
    <row r="455091" spans="8:8">
      <c r="H455091" s="12"/>
    </row>
    <row r="455092" spans="8:8">
      <c r="H455092" s="12"/>
    </row>
    <row r="455093" spans="8:8">
      <c r="H455093" s="12"/>
    </row>
    <row r="455094" spans="8:8">
      <c r="H455094" s="12"/>
    </row>
    <row r="455095" spans="8:8">
      <c r="H455095" s="12"/>
    </row>
    <row r="455096" spans="8:8">
      <c r="H455096" s="12"/>
    </row>
    <row r="455097" spans="8:8">
      <c r="H455097" s="12"/>
    </row>
    <row r="455098" spans="8:8">
      <c r="H455098" s="12"/>
    </row>
    <row r="455099" spans="8:8">
      <c r="H455099" s="12"/>
    </row>
    <row r="455100" spans="8:8">
      <c r="H455100" s="12"/>
    </row>
    <row r="455101" spans="8:8">
      <c r="H455101" s="12"/>
    </row>
    <row r="455102" spans="8:8">
      <c r="H455102" s="12"/>
    </row>
    <row r="455103" spans="8:8">
      <c r="H455103" s="12"/>
    </row>
    <row r="455104" spans="8:8">
      <c r="H455104" s="12"/>
    </row>
    <row r="455105" spans="8:8">
      <c r="H455105" s="12"/>
    </row>
    <row r="455106" spans="8:8">
      <c r="H455106" s="12"/>
    </row>
    <row r="455107" spans="8:8">
      <c r="H455107" s="12"/>
    </row>
    <row r="455108" spans="8:8">
      <c r="H455108" s="12"/>
    </row>
    <row r="455109" spans="8:8">
      <c r="H455109" s="12"/>
    </row>
    <row r="455110" spans="8:8">
      <c r="H455110" s="12"/>
    </row>
    <row r="455111" spans="8:8">
      <c r="H455111" s="12"/>
    </row>
    <row r="455112" spans="8:8">
      <c r="H455112" s="12"/>
    </row>
    <row r="455113" spans="8:8">
      <c r="H455113" s="12"/>
    </row>
    <row r="455114" spans="8:8">
      <c r="H455114" s="12"/>
    </row>
    <row r="455115" spans="8:8">
      <c r="H455115" s="12"/>
    </row>
    <row r="455116" spans="8:8">
      <c r="H455116" s="12"/>
    </row>
    <row r="455117" spans="8:8">
      <c r="H455117" s="12"/>
    </row>
    <row r="455118" spans="8:8">
      <c r="H455118" s="12"/>
    </row>
    <row r="455119" spans="8:8">
      <c r="H455119" s="12"/>
    </row>
    <row r="455120" spans="8:8">
      <c r="H455120" s="12"/>
    </row>
    <row r="455121" spans="8:8">
      <c r="H455121" s="12"/>
    </row>
    <row r="455122" spans="8:8">
      <c r="H455122" s="12"/>
    </row>
    <row r="455123" spans="8:8">
      <c r="H455123" s="12"/>
    </row>
    <row r="455124" spans="8:8">
      <c r="H455124" s="12"/>
    </row>
    <row r="455125" spans="8:8">
      <c r="H455125" s="12"/>
    </row>
    <row r="455126" spans="8:8">
      <c r="H455126" s="12"/>
    </row>
    <row r="455127" spans="8:8">
      <c r="H455127" s="12"/>
    </row>
    <row r="455128" spans="8:8">
      <c r="H455128" s="12"/>
    </row>
    <row r="455129" spans="8:8">
      <c r="H455129" s="12"/>
    </row>
    <row r="455130" spans="8:8">
      <c r="H455130" s="12"/>
    </row>
    <row r="455131" spans="8:8">
      <c r="H455131" s="12"/>
    </row>
    <row r="455132" spans="8:8">
      <c r="H455132" s="12"/>
    </row>
    <row r="455133" spans="8:8">
      <c r="H455133" s="12"/>
    </row>
    <row r="455134" spans="8:8">
      <c r="H455134" s="12"/>
    </row>
    <row r="455135" spans="8:8">
      <c r="H455135" s="12"/>
    </row>
    <row r="455136" spans="8:8">
      <c r="H455136" s="12"/>
    </row>
    <row r="455137" spans="8:8">
      <c r="H455137" s="12"/>
    </row>
    <row r="455138" spans="8:8">
      <c r="H455138" s="12"/>
    </row>
    <row r="455139" spans="8:8">
      <c r="H455139" s="12"/>
    </row>
    <row r="455140" spans="8:8">
      <c r="H455140" s="12"/>
    </row>
    <row r="455141" spans="8:8">
      <c r="H455141" s="12"/>
    </row>
    <row r="455142" spans="8:8">
      <c r="H455142" s="12"/>
    </row>
    <row r="455143" spans="8:8">
      <c r="H455143" s="12"/>
    </row>
    <row r="455144" spans="8:8">
      <c r="H455144" s="12"/>
    </row>
    <row r="455145" spans="8:8">
      <c r="H455145" s="12"/>
    </row>
    <row r="455146" spans="8:8">
      <c r="H455146" s="12"/>
    </row>
    <row r="455147" spans="8:8">
      <c r="H455147" s="12"/>
    </row>
    <row r="455148" spans="8:8">
      <c r="H455148" s="12"/>
    </row>
    <row r="455149" spans="8:8">
      <c r="H455149" s="12"/>
    </row>
    <row r="455150" spans="8:8">
      <c r="H455150" s="12"/>
    </row>
    <row r="455151" spans="8:8">
      <c r="H455151" s="12"/>
    </row>
    <row r="455152" spans="8:8">
      <c r="H455152" s="12"/>
    </row>
    <row r="455153" spans="8:8">
      <c r="H455153" s="12"/>
    </row>
    <row r="455154" spans="8:8">
      <c r="H455154" s="12"/>
    </row>
    <row r="455155" spans="8:8">
      <c r="H455155" s="12"/>
    </row>
    <row r="455156" spans="8:8">
      <c r="H455156" s="12"/>
    </row>
    <row r="455157" spans="8:8">
      <c r="H455157" s="12"/>
    </row>
    <row r="455158" spans="8:8">
      <c r="H455158" s="12"/>
    </row>
    <row r="455159" spans="8:8">
      <c r="H455159" s="12"/>
    </row>
    <row r="455160" spans="8:8">
      <c r="H455160" s="12"/>
    </row>
    <row r="455161" spans="8:8">
      <c r="H455161" s="12"/>
    </row>
    <row r="455162" spans="8:8">
      <c r="H455162" s="12"/>
    </row>
    <row r="455163" spans="8:8">
      <c r="H455163" s="12"/>
    </row>
    <row r="455164" spans="8:8">
      <c r="H455164" s="12"/>
    </row>
    <row r="455165" spans="8:8">
      <c r="H455165" s="12"/>
    </row>
    <row r="455166" spans="8:8">
      <c r="H455166" s="12"/>
    </row>
    <row r="455167" spans="8:8">
      <c r="H455167" s="12"/>
    </row>
    <row r="455168" spans="8:8">
      <c r="H455168" s="12"/>
    </row>
    <row r="455169" spans="8:8">
      <c r="H455169" s="12"/>
    </row>
    <row r="455170" spans="8:8">
      <c r="H455170" s="12"/>
    </row>
    <row r="455171" spans="8:8">
      <c r="H455171" s="12"/>
    </row>
    <row r="455172" spans="8:8">
      <c r="H455172" s="12"/>
    </row>
    <row r="455173" spans="8:8">
      <c r="H455173" s="12"/>
    </row>
    <row r="455174" spans="8:8">
      <c r="H455174" s="12"/>
    </row>
    <row r="455175" spans="8:8">
      <c r="H455175" s="12"/>
    </row>
    <row r="455176" spans="8:8">
      <c r="H455176" s="12"/>
    </row>
    <row r="455177" spans="8:8">
      <c r="H455177" s="12"/>
    </row>
    <row r="455178" spans="8:8">
      <c r="H455178" s="12"/>
    </row>
    <row r="455179" spans="8:8">
      <c r="H455179" s="12"/>
    </row>
    <row r="455180" spans="8:8">
      <c r="H455180" s="12"/>
    </row>
    <row r="455181" spans="8:8">
      <c r="H455181" s="12"/>
    </row>
    <row r="455182" spans="8:8">
      <c r="H455182" s="12"/>
    </row>
    <row r="455183" spans="8:8">
      <c r="H455183" s="12"/>
    </row>
    <row r="455184" spans="8:8">
      <c r="H455184" s="12"/>
    </row>
    <row r="455185" spans="8:8">
      <c r="H455185" s="12"/>
    </row>
    <row r="455186" spans="8:8">
      <c r="H455186" s="12"/>
    </row>
    <row r="455187" spans="8:8">
      <c r="H455187" s="12"/>
    </row>
    <row r="455188" spans="8:8">
      <c r="H455188" s="12"/>
    </row>
    <row r="455189" spans="8:8">
      <c r="H455189" s="12"/>
    </row>
    <row r="455190" spans="8:8">
      <c r="H455190" s="12"/>
    </row>
    <row r="455191" spans="8:8">
      <c r="H455191" s="12"/>
    </row>
    <row r="455192" spans="8:8">
      <c r="H455192" s="12"/>
    </row>
    <row r="455193" spans="8:8">
      <c r="H455193" s="12"/>
    </row>
    <row r="455194" spans="8:8">
      <c r="H455194" s="12"/>
    </row>
    <row r="455195" spans="8:8">
      <c r="H455195" s="12"/>
    </row>
    <row r="455196" spans="8:8">
      <c r="H455196" s="12"/>
    </row>
    <row r="455197" spans="8:8">
      <c r="H455197" s="12"/>
    </row>
    <row r="455198" spans="8:8">
      <c r="H455198" s="12"/>
    </row>
    <row r="455199" spans="8:8">
      <c r="H455199" s="12"/>
    </row>
    <row r="455200" spans="8:8">
      <c r="H455200" s="12"/>
    </row>
    <row r="455201" spans="8:8">
      <c r="H455201" s="12"/>
    </row>
    <row r="455202" spans="8:8">
      <c r="H455202" s="12"/>
    </row>
    <row r="455203" spans="8:8">
      <c r="H455203" s="12"/>
    </row>
    <row r="455204" spans="8:8">
      <c r="H455204" s="12"/>
    </row>
    <row r="455205" spans="8:8">
      <c r="H455205" s="12"/>
    </row>
    <row r="455206" spans="8:8">
      <c r="H455206" s="12"/>
    </row>
    <row r="455207" spans="8:8">
      <c r="H455207" s="12"/>
    </row>
    <row r="455208" spans="8:8">
      <c r="H455208" s="12"/>
    </row>
    <row r="455209" spans="8:8">
      <c r="H455209" s="12"/>
    </row>
    <row r="455210" spans="8:8">
      <c r="H455210" s="12"/>
    </row>
    <row r="455211" spans="8:8">
      <c r="H455211" s="12"/>
    </row>
    <row r="455212" spans="8:8">
      <c r="H455212" s="12"/>
    </row>
    <row r="455213" spans="8:8">
      <c r="H455213" s="12"/>
    </row>
    <row r="455214" spans="8:8">
      <c r="H455214" s="12"/>
    </row>
    <row r="455215" spans="8:8">
      <c r="H455215" s="12"/>
    </row>
    <row r="455216" spans="8:8">
      <c r="H455216" s="12"/>
    </row>
    <row r="455217" spans="8:8">
      <c r="H455217" s="12"/>
    </row>
    <row r="455218" spans="8:8">
      <c r="H455218" s="12"/>
    </row>
    <row r="455219" spans="8:8">
      <c r="H455219" s="12"/>
    </row>
    <row r="455220" spans="8:8">
      <c r="H455220" s="12"/>
    </row>
    <row r="455221" spans="8:8">
      <c r="H455221" s="12"/>
    </row>
    <row r="455222" spans="8:8">
      <c r="H455222" s="12"/>
    </row>
    <row r="455223" spans="8:8">
      <c r="H455223" s="12"/>
    </row>
    <row r="455224" spans="8:8">
      <c r="H455224" s="12"/>
    </row>
    <row r="455225" spans="8:8">
      <c r="H455225" s="12"/>
    </row>
    <row r="455226" spans="8:8">
      <c r="H455226" s="12"/>
    </row>
    <row r="455227" spans="8:8">
      <c r="H455227" s="12"/>
    </row>
    <row r="455228" spans="8:8">
      <c r="H455228" s="12"/>
    </row>
    <row r="455229" spans="8:8">
      <c r="H455229" s="12"/>
    </row>
    <row r="455230" spans="8:8">
      <c r="H455230" s="12"/>
    </row>
    <row r="455231" spans="8:8">
      <c r="H455231" s="12"/>
    </row>
    <row r="455232" spans="8:8">
      <c r="H455232" s="12"/>
    </row>
    <row r="455233" spans="8:8">
      <c r="H455233" s="12"/>
    </row>
    <row r="455234" spans="8:8">
      <c r="H455234" s="12"/>
    </row>
    <row r="455235" spans="8:8">
      <c r="H455235" s="12"/>
    </row>
    <row r="455236" spans="8:8">
      <c r="H455236" s="12"/>
    </row>
    <row r="455237" spans="8:8">
      <c r="H455237" s="12"/>
    </row>
    <row r="455238" spans="8:8">
      <c r="H455238" s="12"/>
    </row>
    <row r="455239" spans="8:8">
      <c r="H455239" s="12"/>
    </row>
    <row r="455240" spans="8:8">
      <c r="H455240" s="12"/>
    </row>
    <row r="455241" spans="8:8">
      <c r="H455241" s="12"/>
    </row>
    <row r="455242" spans="8:8">
      <c r="H455242" s="12"/>
    </row>
    <row r="455243" spans="8:8">
      <c r="H455243" s="12"/>
    </row>
    <row r="455244" spans="8:8">
      <c r="H455244" s="12"/>
    </row>
    <row r="455245" spans="8:8">
      <c r="H455245" s="12"/>
    </row>
    <row r="455246" spans="8:8">
      <c r="H455246" s="12"/>
    </row>
    <row r="455247" spans="8:8">
      <c r="H455247" s="12"/>
    </row>
    <row r="455248" spans="8:8">
      <c r="H455248" s="12"/>
    </row>
    <row r="455249" spans="8:8">
      <c r="H455249" s="12"/>
    </row>
    <row r="455250" spans="8:8">
      <c r="H455250" s="12"/>
    </row>
    <row r="455251" spans="8:8">
      <c r="H455251" s="12"/>
    </row>
    <row r="455252" spans="8:8">
      <c r="H455252" s="12"/>
    </row>
    <row r="455253" spans="8:8">
      <c r="H455253" s="12"/>
    </row>
    <row r="455254" spans="8:8">
      <c r="H455254" s="12"/>
    </row>
    <row r="455255" spans="8:8">
      <c r="H455255" s="12"/>
    </row>
    <row r="455256" spans="8:8">
      <c r="H455256" s="12"/>
    </row>
    <row r="455257" spans="8:8">
      <c r="H455257" s="12"/>
    </row>
    <row r="455258" spans="8:8">
      <c r="H455258" s="12"/>
    </row>
    <row r="455259" spans="8:8">
      <c r="H455259" s="12"/>
    </row>
    <row r="455260" spans="8:8">
      <c r="H455260" s="12"/>
    </row>
    <row r="455261" spans="8:8">
      <c r="H455261" s="12"/>
    </row>
    <row r="455262" spans="8:8">
      <c r="H455262" s="12"/>
    </row>
    <row r="455263" spans="8:8">
      <c r="H455263" s="12"/>
    </row>
    <row r="455264" spans="8:8">
      <c r="H455264" s="12"/>
    </row>
    <row r="455265" spans="8:8">
      <c r="H455265" s="12"/>
    </row>
    <row r="455266" spans="8:8">
      <c r="H455266" s="12"/>
    </row>
    <row r="455267" spans="8:8">
      <c r="H455267" s="12"/>
    </row>
    <row r="455268" spans="8:8">
      <c r="H455268" s="12"/>
    </row>
    <row r="455269" spans="8:8">
      <c r="H455269" s="12"/>
    </row>
    <row r="455270" spans="8:8">
      <c r="H455270" s="12"/>
    </row>
    <row r="455271" spans="8:8">
      <c r="H455271" s="12"/>
    </row>
    <row r="455272" spans="8:8">
      <c r="H455272" s="12"/>
    </row>
    <row r="455273" spans="8:8">
      <c r="H455273" s="12"/>
    </row>
    <row r="455274" spans="8:8">
      <c r="H455274" s="12"/>
    </row>
    <row r="455275" spans="8:8">
      <c r="H455275" s="12"/>
    </row>
    <row r="455276" spans="8:8">
      <c r="H455276" s="12"/>
    </row>
    <row r="455277" spans="8:8">
      <c r="H455277" s="12"/>
    </row>
    <row r="455278" spans="8:8">
      <c r="H455278" s="12"/>
    </row>
    <row r="455279" spans="8:8">
      <c r="H455279" s="12"/>
    </row>
    <row r="455280" spans="8:8">
      <c r="H455280" s="12"/>
    </row>
    <row r="455281" spans="8:8">
      <c r="H455281" s="12"/>
    </row>
    <row r="455282" spans="8:8">
      <c r="H455282" s="12"/>
    </row>
    <row r="455283" spans="8:8">
      <c r="H455283" s="12"/>
    </row>
    <row r="455284" spans="8:8">
      <c r="H455284" s="12"/>
    </row>
    <row r="455285" spans="8:8">
      <c r="H455285" s="12"/>
    </row>
    <row r="455286" spans="8:8">
      <c r="H455286" s="12"/>
    </row>
    <row r="455287" spans="8:8">
      <c r="H455287" s="12"/>
    </row>
    <row r="455288" spans="8:8">
      <c r="H455288" s="12"/>
    </row>
    <row r="455289" spans="8:8">
      <c r="H455289" s="12"/>
    </row>
    <row r="455290" spans="8:8">
      <c r="H455290" s="12"/>
    </row>
    <row r="455291" spans="8:8">
      <c r="H455291" s="12"/>
    </row>
    <row r="455292" spans="8:8">
      <c r="H455292" s="12"/>
    </row>
    <row r="455293" spans="8:8">
      <c r="H455293" s="12"/>
    </row>
    <row r="455294" spans="8:8">
      <c r="H455294" s="12"/>
    </row>
    <row r="455295" spans="8:8">
      <c r="H455295" s="12"/>
    </row>
    <row r="455296" spans="8:8">
      <c r="H455296" s="12"/>
    </row>
    <row r="455297" spans="8:8">
      <c r="H455297" s="12"/>
    </row>
    <row r="455298" spans="8:8">
      <c r="H455298" s="12"/>
    </row>
    <row r="455299" spans="8:8">
      <c r="H455299" s="12"/>
    </row>
    <row r="455300" spans="8:8">
      <c r="H455300" s="12"/>
    </row>
    <row r="455301" spans="8:8">
      <c r="H455301" s="12"/>
    </row>
    <row r="455302" spans="8:8">
      <c r="H455302" s="12"/>
    </row>
    <row r="455303" spans="8:8">
      <c r="H455303" s="12"/>
    </row>
    <row r="455304" spans="8:8">
      <c r="H455304" s="12"/>
    </row>
    <row r="455305" spans="8:8">
      <c r="H455305" s="12"/>
    </row>
    <row r="455306" spans="8:8">
      <c r="H455306" s="12"/>
    </row>
    <row r="455307" spans="8:8">
      <c r="H455307" s="12"/>
    </row>
    <row r="455308" spans="8:8">
      <c r="H455308" s="12"/>
    </row>
    <row r="455309" spans="8:8">
      <c r="H455309" s="12"/>
    </row>
    <row r="455310" spans="8:8">
      <c r="H455310" s="12"/>
    </row>
    <row r="455311" spans="8:8">
      <c r="H455311" s="12"/>
    </row>
    <row r="455312" spans="8:8">
      <c r="H455312" s="12"/>
    </row>
    <row r="455313" spans="8:8">
      <c r="H455313" s="12"/>
    </row>
    <row r="455314" spans="8:8">
      <c r="H455314" s="12"/>
    </row>
    <row r="455315" spans="8:8">
      <c r="H455315" s="12"/>
    </row>
    <row r="455316" spans="8:8">
      <c r="H455316" s="12"/>
    </row>
    <row r="455317" spans="8:8">
      <c r="H455317" s="12"/>
    </row>
    <row r="455318" spans="8:8">
      <c r="H455318" s="12"/>
    </row>
    <row r="455319" spans="8:8">
      <c r="H455319" s="12"/>
    </row>
    <row r="455320" spans="8:8">
      <c r="H455320" s="12"/>
    </row>
    <row r="455321" spans="8:8">
      <c r="H455321" s="12"/>
    </row>
    <row r="455322" spans="8:8">
      <c r="H455322" s="12"/>
    </row>
    <row r="455323" spans="8:8">
      <c r="H455323" s="12"/>
    </row>
    <row r="455324" spans="8:8">
      <c r="H455324" s="12"/>
    </row>
    <row r="455325" spans="8:8">
      <c r="H455325" s="12"/>
    </row>
    <row r="455326" spans="8:8">
      <c r="H455326" s="12"/>
    </row>
    <row r="455327" spans="8:8">
      <c r="H455327" s="12"/>
    </row>
    <row r="455328" spans="8:8">
      <c r="H455328" s="12"/>
    </row>
    <row r="455329" spans="8:8">
      <c r="H455329" s="12"/>
    </row>
    <row r="455330" spans="8:8">
      <c r="H455330" s="12"/>
    </row>
    <row r="455331" spans="8:8">
      <c r="H455331" s="12"/>
    </row>
    <row r="455332" spans="8:8">
      <c r="H455332" s="12"/>
    </row>
    <row r="455333" spans="8:8">
      <c r="H455333" s="12"/>
    </row>
    <row r="455334" spans="8:8">
      <c r="H455334" s="12"/>
    </row>
    <row r="455335" spans="8:8">
      <c r="H455335" s="12"/>
    </row>
    <row r="455336" spans="8:8">
      <c r="H455336" s="12"/>
    </row>
    <row r="455337" spans="8:8">
      <c r="H455337" s="12"/>
    </row>
    <row r="455338" spans="8:8">
      <c r="H455338" s="12"/>
    </row>
    <row r="455339" spans="8:8">
      <c r="H455339" s="12"/>
    </row>
    <row r="455340" spans="8:8">
      <c r="H455340" s="12"/>
    </row>
    <row r="455341" spans="8:8">
      <c r="H455341" s="12"/>
    </row>
    <row r="455342" spans="8:8">
      <c r="H455342" s="12"/>
    </row>
    <row r="455343" spans="8:8">
      <c r="H455343" s="12"/>
    </row>
    <row r="455344" spans="8:8">
      <c r="H455344" s="12"/>
    </row>
    <row r="455345" spans="8:8">
      <c r="H455345" s="12"/>
    </row>
    <row r="455346" spans="8:8">
      <c r="H455346" s="12"/>
    </row>
    <row r="455347" spans="8:8">
      <c r="H455347" s="12"/>
    </row>
    <row r="455348" spans="8:8">
      <c r="H455348" s="12"/>
    </row>
    <row r="455349" spans="8:8">
      <c r="H455349" s="12"/>
    </row>
    <row r="455350" spans="8:8">
      <c r="H455350" s="12"/>
    </row>
    <row r="455351" spans="8:8">
      <c r="H455351" s="12"/>
    </row>
    <row r="455352" spans="8:8">
      <c r="H455352" s="12"/>
    </row>
    <row r="455353" spans="8:8">
      <c r="H455353" s="12"/>
    </row>
    <row r="455354" spans="8:8">
      <c r="H455354" s="12"/>
    </row>
    <row r="455355" spans="8:8">
      <c r="H455355" s="12"/>
    </row>
    <row r="455356" spans="8:8">
      <c r="H455356" s="12"/>
    </row>
    <row r="455357" spans="8:8">
      <c r="H455357" s="12"/>
    </row>
    <row r="455358" spans="8:8">
      <c r="H455358" s="12"/>
    </row>
    <row r="455359" spans="8:8">
      <c r="H455359" s="12"/>
    </row>
    <row r="455360" spans="8:8">
      <c r="H455360" s="12"/>
    </row>
    <row r="455361" spans="8:8">
      <c r="H455361" s="12"/>
    </row>
    <row r="455362" spans="8:8">
      <c r="H455362" s="12"/>
    </row>
    <row r="455363" spans="8:8">
      <c r="H455363" s="12"/>
    </row>
    <row r="455364" spans="8:8">
      <c r="H455364" s="12"/>
    </row>
    <row r="455365" spans="8:8">
      <c r="H455365" s="12"/>
    </row>
    <row r="455366" spans="8:8">
      <c r="H455366" s="12"/>
    </row>
    <row r="455367" spans="8:8">
      <c r="H455367" s="12"/>
    </row>
    <row r="455368" spans="8:8">
      <c r="H455368" s="12"/>
    </row>
    <row r="455369" spans="8:8">
      <c r="H455369" s="12"/>
    </row>
    <row r="455370" spans="8:8">
      <c r="H455370" s="12"/>
    </row>
    <row r="455371" spans="8:8">
      <c r="H455371" s="12"/>
    </row>
    <row r="455372" spans="8:8">
      <c r="H455372" s="12"/>
    </row>
    <row r="455373" spans="8:8">
      <c r="H455373" s="12"/>
    </row>
    <row r="455374" spans="8:8">
      <c r="H455374" s="12"/>
    </row>
    <row r="455375" spans="8:8">
      <c r="H455375" s="12"/>
    </row>
    <row r="455376" spans="8:8">
      <c r="H455376" s="12"/>
    </row>
    <row r="455377" spans="8:8">
      <c r="H455377" s="12"/>
    </row>
    <row r="455378" spans="8:8">
      <c r="H455378" s="12"/>
    </row>
    <row r="455379" spans="8:8">
      <c r="H455379" s="12"/>
    </row>
    <row r="455380" spans="8:8">
      <c r="H455380" s="12"/>
    </row>
    <row r="455381" spans="8:8">
      <c r="H455381" s="12"/>
    </row>
    <row r="455382" spans="8:8">
      <c r="H455382" s="12"/>
    </row>
    <row r="455383" spans="8:8">
      <c r="H455383" s="12"/>
    </row>
    <row r="455384" spans="8:8">
      <c r="H455384" s="12"/>
    </row>
    <row r="455385" spans="8:8">
      <c r="H455385" s="12"/>
    </row>
    <row r="455386" spans="8:8">
      <c r="H455386" s="12"/>
    </row>
    <row r="455387" spans="8:8">
      <c r="H455387" s="12"/>
    </row>
    <row r="455388" spans="8:8">
      <c r="H455388" s="12"/>
    </row>
    <row r="455389" spans="8:8">
      <c r="H455389" s="12"/>
    </row>
    <row r="455390" spans="8:8">
      <c r="H455390" s="12"/>
    </row>
    <row r="455391" spans="8:8">
      <c r="H455391" s="12"/>
    </row>
    <row r="455392" spans="8:8">
      <c r="H455392" s="12"/>
    </row>
    <row r="455393" spans="8:8">
      <c r="H455393" s="12"/>
    </row>
    <row r="455394" spans="8:8">
      <c r="H455394" s="12"/>
    </row>
    <row r="455395" spans="8:8">
      <c r="H455395" s="12"/>
    </row>
    <row r="455396" spans="8:8">
      <c r="H455396" s="12"/>
    </row>
    <row r="455397" spans="8:8">
      <c r="H455397" s="12"/>
    </row>
    <row r="455398" spans="8:8">
      <c r="H455398" s="12"/>
    </row>
    <row r="455399" spans="8:8">
      <c r="H455399" s="12"/>
    </row>
    <row r="455400" spans="8:8">
      <c r="H455400" s="12"/>
    </row>
    <row r="455401" spans="8:8">
      <c r="H455401" s="12"/>
    </row>
    <row r="455402" spans="8:8">
      <c r="H455402" s="12"/>
    </row>
    <row r="455403" spans="8:8">
      <c r="H455403" s="12"/>
    </row>
    <row r="455404" spans="8:8">
      <c r="H455404" s="12"/>
    </row>
    <row r="455405" spans="8:8">
      <c r="H455405" s="12"/>
    </row>
    <row r="455406" spans="8:8">
      <c r="H455406" s="12"/>
    </row>
    <row r="455407" spans="8:8">
      <c r="H455407" s="12"/>
    </row>
    <row r="455408" spans="8:8">
      <c r="H455408" s="12"/>
    </row>
    <row r="455409" spans="8:8">
      <c r="H455409" s="12"/>
    </row>
    <row r="455410" spans="8:8">
      <c r="H455410" s="12"/>
    </row>
    <row r="455411" spans="8:8">
      <c r="H455411" s="12"/>
    </row>
    <row r="455412" spans="8:8">
      <c r="H455412" s="12"/>
    </row>
    <row r="455413" spans="8:8">
      <c r="H455413" s="12"/>
    </row>
    <row r="455414" spans="8:8">
      <c r="H455414" s="12"/>
    </row>
    <row r="455415" spans="8:8">
      <c r="H455415" s="12"/>
    </row>
    <row r="455416" spans="8:8">
      <c r="H455416" s="12"/>
    </row>
    <row r="455417" spans="8:8">
      <c r="H455417" s="12"/>
    </row>
    <row r="455418" spans="8:8">
      <c r="H455418" s="12"/>
    </row>
    <row r="455419" spans="8:8">
      <c r="H455419" s="12"/>
    </row>
    <row r="455420" spans="8:8">
      <c r="H455420" s="12"/>
    </row>
    <row r="455421" spans="8:8">
      <c r="H455421" s="12"/>
    </row>
    <row r="455422" spans="8:8">
      <c r="H455422" s="12"/>
    </row>
    <row r="455423" spans="8:8">
      <c r="H455423" s="12"/>
    </row>
    <row r="455424" spans="8:8">
      <c r="H455424" s="12"/>
    </row>
    <row r="455425" spans="8:8">
      <c r="H455425" s="12"/>
    </row>
    <row r="455426" spans="8:8">
      <c r="H455426" s="12"/>
    </row>
    <row r="455427" spans="8:8">
      <c r="H455427" s="12"/>
    </row>
    <row r="455428" spans="8:8">
      <c r="H455428" s="12"/>
    </row>
    <row r="455429" spans="8:8">
      <c r="H455429" s="12"/>
    </row>
    <row r="455430" spans="8:8">
      <c r="H455430" s="12"/>
    </row>
    <row r="455431" spans="8:8">
      <c r="H455431" s="12"/>
    </row>
    <row r="455432" spans="8:8">
      <c r="H455432" s="12"/>
    </row>
    <row r="455433" spans="8:8">
      <c r="H455433" s="12"/>
    </row>
    <row r="455434" spans="8:8">
      <c r="H455434" s="12"/>
    </row>
    <row r="455435" spans="8:8">
      <c r="H455435" s="12"/>
    </row>
    <row r="455436" spans="8:8">
      <c r="H455436" s="12"/>
    </row>
    <row r="455437" spans="8:8">
      <c r="H455437" s="12"/>
    </row>
    <row r="455438" spans="8:8">
      <c r="H455438" s="12"/>
    </row>
    <row r="455439" spans="8:8">
      <c r="H455439" s="12"/>
    </row>
    <row r="455440" spans="8:8">
      <c r="H455440" s="12"/>
    </row>
    <row r="455441" spans="8:8">
      <c r="H455441" s="12"/>
    </row>
    <row r="455442" spans="8:8">
      <c r="H455442" s="12"/>
    </row>
    <row r="455443" spans="8:8">
      <c r="H455443" s="12"/>
    </row>
    <row r="455444" spans="8:8">
      <c r="H455444" s="12"/>
    </row>
    <row r="455445" spans="8:8">
      <c r="H455445" s="12"/>
    </row>
    <row r="455446" spans="8:8">
      <c r="H455446" s="12"/>
    </row>
    <row r="455447" spans="8:8">
      <c r="H455447" s="12"/>
    </row>
    <row r="455448" spans="8:8">
      <c r="H455448" s="12"/>
    </row>
    <row r="455449" spans="8:8">
      <c r="H455449" s="12"/>
    </row>
    <row r="455450" spans="8:8">
      <c r="H455450" s="12"/>
    </row>
    <row r="455451" spans="8:8">
      <c r="H455451" s="12"/>
    </row>
    <row r="455452" spans="8:8">
      <c r="H455452" s="12"/>
    </row>
    <row r="455453" spans="8:8">
      <c r="H455453" s="12"/>
    </row>
    <row r="455454" spans="8:8">
      <c r="H455454" s="12"/>
    </row>
    <row r="455455" spans="8:8">
      <c r="H455455" s="12"/>
    </row>
    <row r="455456" spans="8:8">
      <c r="H455456" s="12"/>
    </row>
    <row r="455457" spans="8:8">
      <c r="H455457" s="12"/>
    </row>
    <row r="455458" spans="8:8">
      <c r="H455458" s="12"/>
    </row>
    <row r="455459" spans="8:8">
      <c r="H455459" s="12"/>
    </row>
    <row r="455460" spans="8:8">
      <c r="H455460" s="12"/>
    </row>
    <row r="455461" spans="8:8">
      <c r="H455461" s="12"/>
    </row>
    <row r="455462" spans="8:8">
      <c r="H455462" s="12"/>
    </row>
    <row r="455463" spans="8:8">
      <c r="H455463" s="12"/>
    </row>
    <row r="455464" spans="8:8">
      <c r="H455464" s="12"/>
    </row>
    <row r="455465" spans="8:8">
      <c r="H455465" s="12"/>
    </row>
    <row r="455466" spans="8:8">
      <c r="H455466" s="12"/>
    </row>
    <row r="455467" spans="8:8">
      <c r="H455467" s="12"/>
    </row>
    <row r="455468" spans="8:8">
      <c r="H455468" s="12"/>
    </row>
    <row r="455469" spans="8:8">
      <c r="H455469" s="12"/>
    </row>
    <row r="455470" spans="8:8">
      <c r="H455470" s="12"/>
    </row>
    <row r="455471" spans="8:8">
      <c r="H455471" s="12"/>
    </row>
    <row r="455472" spans="8:8">
      <c r="H455472" s="12"/>
    </row>
    <row r="455473" spans="8:8">
      <c r="H455473" s="12"/>
    </row>
    <row r="455474" spans="8:8">
      <c r="H455474" s="12"/>
    </row>
    <row r="455475" spans="8:8">
      <c r="H455475" s="12"/>
    </row>
    <row r="455476" spans="8:8">
      <c r="H455476" s="12"/>
    </row>
    <row r="455477" spans="8:8">
      <c r="H455477" s="12"/>
    </row>
    <row r="455478" spans="8:8">
      <c r="H455478" s="12"/>
    </row>
    <row r="455479" spans="8:8">
      <c r="H455479" s="12"/>
    </row>
    <row r="455480" spans="8:8">
      <c r="H455480" s="12"/>
    </row>
    <row r="455481" spans="8:8">
      <c r="H455481" s="12"/>
    </row>
    <row r="455482" spans="8:8">
      <c r="H455482" s="12"/>
    </row>
    <row r="455483" spans="8:8">
      <c r="H455483" s="12"/>
    </row>
    <row r="455484" spans="8:8">
      <c r="H455484" s="12"/>
    </row>
    <row r="455485" spans="8:8">
      <c r="H455485" s="12"/>
    </row>
    <row r="455486" spans="8:8">
      <c r="H455486" s="12"/>
    </row>
    <row r="455487" spans="8:8">
      <c r="H455487" s="12"/>
    </row>
    <row r="455488" spans="8:8">
      <c r="H455488" s="12"/>
    </row>
    <row r="455489" spans="8:8">
      <c r="H455489" s="12"/>
    </row>
    <row r="455490" spans="8:8">
      <c r="H455490" s="12"/>
    </row>
    <row r="455491" spans="8:8">
      <c r="H455491" s="12"/>
    </row>
    <row r="455492" spans="8:8">
      <c r="H455492" s="12"/>
    </row>
    <row r="455493" spans="8:8">
      <c r="H455493" s="12"/>
    </row>
    <row r="455494" spans="8:8">
      <c r="H455494" s="12"/>
    </row>
    <row r="455495" spans="8:8">
      <c r="H455495" s="12"/>
    </row>
    <row r="455496" spans="8:8">
      <c r="H455496" s="12"/>
    </row>
    <row r="455497" spans="8:8">
      <c r="H455497" s="12"/>
    </row>
    <row r="455498" spans="8:8">
      <c r="H455498" s="12"/>
    </row>
    <row r="455499" spans="8:8">
      <c r="H455499" s="12"/>
    </row>
    <row r="455500" spans="8:8">
      <c r="H455500" s="12"/>
    </row>
    <row r="455501" spans="8:8">
      <c r="H455501" s="12"/>
    </row>
    <row r="455502" spans="8:8">
      <c r="H455502" s="12"/>
    </row>
    <row r="455503" spans="8:8">
      <c r="H455503" s="12"/>
    </row>
    <row r="455504" spans="8:8">
      <c r="H455504" s="12"/>
    </row>
    <row r="455505" spans="8:8">
      <c r="H455505" s="12"/>
    </row>
    <row r="455506" spans="8:8">
      <c r="H455506" s="12"/>
    </row>
    <row r="455507" spans="8:8">
      <c r="H455507" s="12"/>
    </row>
    <row r="455508" spans="8:8">
      <c r="H455508" s="12"/>
    </row>
    <row r="455509" spans="8:8">
      <c r="H455509" s="12"/>
    </row>
    <row r="455510" spans="8:8">
      <c r="H455510" s="12"/>
    </row>
    <row r="455511" spans="8:8">
      <c r="H455511" s="12"/>
    </row>
    <row r="455512" spans="8:8">
      <c r="H455512" s="12"/>
    </row>
    <row r="455513" spans="8:8">
      <c r="H455513" s="12"/>
    </row>
    <row r="455514" spans="8:8">
      <c r="H455514" s="12"/>
    </row>
    <row r="455515" spans="8:8">
      <c r="H455515" s="12"/>
    </row>
    <row r="455516" spans="8:8">
      <c r="H455516" s="12"/>
    </row>
    <row r="455517" spans="8:8">
      <c r="H455517" s="12"/>
    </row>
    <row r="455518" spans="8:8">
      <c r="H455518" s="12"/>
    </row>
    <row r="455519" spans="8:8">
      <c r="H455519" s="12"/>
    </row>
    <row r="455520" spans="8:8">
      <c r="H455520" s="12"/>
    </row>
    <row r="455521" spans="8:8">
      <c r="H455521" s="12"/>
    </row>
    <row r="455522" spans="8:8">
      <c r="H455522" s="12"/>
    </row>
    <row r="455523" spans="8:8">
      <c r="H455523" s="12"/>
    </row>
    <row r="455524" spans="8:8">
      <c r="H455524" s="12"/>
    </row>
    <row r="455525" spans="8:8">
      <c r="H455525" s="12"/>
    </row>
    <row r="455526" spans="8:8">
      <c r="H455526" s="12"/>
    </row>
    <row r="455527" spans="8:8">
      <c r="H455527" s="12"/>
    </row>
    <row r="455528" spans="8:8">
      <c r="H455528" s="12"/>
    </row>
    <row r="455529" spans="8:8">
      <c r="H455529" s="12"/>
    </row>
    <row r="455530" spans="8:8">
      <c r="H455530" s="12"/>
    </row>
    <row r="455531" spans="8:8">
      <c r="H455531" s="12"/>
    </row>
    <row r="455532" spans="8:8">
      <c r="H455532" s="12"/>
    </row>
    <row r="455533" spans="8:8">
      <c r="H455533" s="12"/>
    </row>
    <row r="455534" spans="8:8">
      <c r="H455534" s="12"/>
    </row>
    <row r="455535" spans="8:8">
      <c r="H455535" s="12"/>
    </row>
    <row r="455536" spans="8:8">
      <c r="H455536" s="12"/>
    </row>
    <row r="455537" spans="8:8">
      <c r="H455537" s="12"/>
    </row>
    <row r="455538" spans="8:8">
      <c r="H455538" s="12"/>
    </row>
    <row r="455539" spans="8:8">
      <c r="H455539" s="12"/>
    </row>
    <row r="455540" spans="8:8">
      <c r="H455540" s="12"/>
    </row>
    <row r="455541" spans="8:8">
      <c r="H455541" s="12"/>
    </row>
    <row r="455542" spans="8:8">
      <c r="H455542" s="12"/>
    </row>
    <row r="455543" spans="8:8">
      <c r="H455543" s="12"/>
    </row>
    <row r="455544" spans="8:8">
      <c r="H455544" s="12"/>
    </row>
    <row r="455545" spans="8:8">
      <c r="H455545" s="12"/>
    </row>
    <row r="455546" spans="8:8">
      <c r="H455546" s="12"/>
    </row>
    <row r="455547" spans="8:8">
      <c r="H455547" s="12"/>
    </row>
    <row r="455548" spans="8:8">
      <c r="H455548" s="12"/>
    </row>
    <row r="455549" spans="8:8">
      <c r="H455549" s="12"/>
    </row>
    <row r="455550" spans="8:8">
      <c r="H455550" s="12"/>
    </row>
    <row r="455551" spans="8:8">
      <c r="H455551" s="12"/>
    </row>
    <row r="455552" spans="8:8">
      <c r="H455552" s="12"/>
    </row>
    <row r="455553" spans="8:8">
      <c r="H455553" s="12"/>
    </row>
    <row r="455554" spans="8:8">
      <c r="H455554" s="12"/>
    </row>
    <row r="455555" spans="8:8">
      <c r="H455555" s="12"/>
    </row>
    <row r="455556" spans="8:8">
      <c r="H455556" s="12"/>
    </row>
    <row r="455557" spans="8:8">
      <c r="H455557" s="12"/>
    </row>
    <row r="455558" spans="8:8">
      <c r="H455558" s="12"/>
    </row>
    <row r="455559" spans="8:8">
      <c r="H455559" s="12"/>
    </row>
    <row r="455560" spans="8:8">
      <c r="H455560" s="12"/>
    </row>
    <row r="455561" spans="8:8">
      <c r="H455561" s="12"/>
    </row>
    <row r="455562" spans="8:8">
      <c r="H455562" s="12"/>
    </row>
    <row r="455563" spans="8:8">
      <c r="H455563" s="12"/>
    </row>
    <row r="455564" spans="8:8">
      <c r="H455564" s="12"/>
    </row>
    <row r="455565" spans="8:8">
      <c r="H455565" s="12"/>
    </row>
    <row r="455566" spans="8:8">
      <c r="H455566" s="12"/>
    </row>
    <row r="455567" spans="8:8">
      <c r="H455567" s="12"/>
    </row>
    <row r="455568" spans="8:8">
      <c r="H455568" s="12"/>
    </row>
    <row r="455569" spans="8:8">
      <c r="H455569" s="12"/>
    </row>
    <row r="455570" spans="8:8">
      <c r="H455570" s="12"/>
    </row>
    <row r="455571" spans="8:8">
      <c r="H455571" s="12"/>
    </row>
    <row r="455572" spans="8:8">
      <c r="H455572" s="12"/>
    </row>
    <row r="455573" spans="8:8">
      <c r="H455573" s="12"/>
    </row>
    <row r="455574" spans="8:8">
      <c r="H455574" s="12"/>
    </row>
    <row r="455575" spans="8:8">
      <c r="H455575" s="12"/>
    </row>
    <row r="455576" spans="8:8">
      <c r="H455576" s="12"/>
    </row>
    <row r="455577" spans="8:8">
      <c r="H455577" s="12"/>
    </row>
    <row r="455578" spans="8:8">
      <c r="H455578" s="12"/>
    </row>
    <row r="455579" spans="8:8">
      <c r="H455579" s="12"/>
    </row>
    <row r="455580" spans="8:8">
      <c r="H455580" s="12"/>
    </row>
    <row r="455581" spans="8:8">
      <c r="H455581" s="12"/>
    </row>
    <row r="455582" spans="8:8">
      <c r="H455582" s="12"/>
    </row>
    <row r="455583" spans="8:8">
      <c r="H455583" s="12"/>
    </row>
    <row r="455584" spans="8:8">
      <c r="H455584" s="12"/>
    </row>
    <row r="455585" spans="8:8">
      <c r="H455585" s="12"/>
    </row>
    <row r="455586" spans="8:8">
      <c r="H455586" s="12"/>
    </row>
    <row r="455587" spans="8:8">
      <c r="H455587" s="12"/>
    </row>
    <row r="455588" spans="8:8">
      <c r="H455588" s="12"/>
    </row>
    <row r="455589" spans="8:8">
      <c r="H455589" s="12"/>
    </row>
    <row r="455590" spans="8:8">
      <c r="H455590" s="12"/>
    </row>
    <row r="455591" spans="8:8">
      <c r="H455591" s="12"/>
    </row>
    <row r="455592" spans="8:8">
      <c r="H455592" s="12"/>
    </row>
    <row r="455593" spans="8:8">
      <c r="H455593" s="12"/>
    </row>
    <row r="455594" spans="8:8">
      <c r="H455594" s="12"/>
    </row>
    <row r="455595" spans="8:8">
      <c r="H455595" s="12"/>
    </row>
    <row r="455596" spans="8:8">
      <c r="H455596" s="12"/>
    </row>
    <row r="455597" spans="8:8">
      <c r="H455597" s="12"/>
    </row>
    <row r="455598" spans="8:8">
      <c r="H455598" s="12"/>
    </row>
    <row r="455599" spans="8:8">
      <c r="H455599" s="12"/>
    </row>
    <row r="455600" spans="8:8">
      <c r="H455600" s="12"/>
    </row>
    <row r="455601" spans="8:8">
      <c r="H455601" s="12"/>
    </row>
    <row r="455602" spans="8:8">
      <c r="H455602" s="12"/>
    </row>
    <row r="455603" spans="8:8">
      <c r="H455603" s="12"/>
    </row>
    <row r="455604" spans="8:8">
      <c r="H455604" s="12"/>
    </row>
    <row r="455605" spans="8:8">
      <c r="H455605" s="12"/>
    </row>
    <row r="455606" spans="8:8">
      <c r="H455606" s="12"/>
    </row>
    <row r="455607" spans="8:8">
      <c r="H455607" s="12"/>
    </row>
    <row r="455608" spans="8:8">
      <c r="H455608" s="12"/>
    </row>
    <row r="455609" spans="8:8">
      <c r="H455609" s="12"/>
    </row>
    <row r="455610" spans="8:8">
      <c r="H455610" s="12"/>
    </row>
    <row r="455611" spans="8:8">
      <c r="H455611" s="12"/>
    </row>
    <row r="455612" spans="8:8">
      <c r="H455612" s="12"/>
    </row>
    <row r="455613" spans="8:8">
      <c r="H455613" s="12"/>
    </row>
    <row r="455614" spans="8:8">
      <c r="H455614" s="12"/>
    </row>
    <row r="455615" spans="8:8">
      <c r="H455615" s="12"/>
    </row>
    <row r="455616" spans="8:8">
      <c r="H455616" s="12"/>
    </row>
    <row r="455617" spans="8:8">
      <c r="H455617" s="12"/>
    </row>
    <row r="455618" spans="8:8">
      <c r="H455618" s="12"/>
    </row>
    <row r="455619" spans="8:8">
      <c r="H455619" s="12"/>
    </row>
    <row r="455620" spans="8:8">
      <c r="H455620" s="12"/>
    </row>
    <row r="455621" spans="8:8">
      <c r="H455621" s="12"/>
    </row>
    <row r="455622" spans="8:8">
      <c r="H455622" s="12"/>
    </row>
    <row r="455623" spans="8:8">
      <c r="H455623" s="12"/>
    </row>
    <row r="455624" spans="8:8">
      <c r="H455624" s="12"/>
    </row>
    <row r="455625" spans="8:8">
      <c r="H455625" s="12"/>
    </row>
    <row r="455626" spans="8:8">
      <c r="H455626" s="12"/>
    </row>
    <row r="455627" spans="8:8">
      <c r="H455627" s="12"/>
    </row>
    <row r="455628" spans="8:8">
      <c r="H455628" s="12"/>
    </row>
    <row r="455629" spans="8:8">
      <c r="H455629" s="12"/>
    </row>
    <row r="455630" spans="8:8">
      <c r="H455630" s="12"/>
    </row>
    <row r="455631" spans="8:8">
      <c r="H455631" s="12"/>
    </row>
    <row r="455632" spans="8:8">
      <c r="H455632" s="12"/>
    </row>
    <row r="455633" spans="8:8">
      <c r="H455633" s="12"/>
    </row>
    <row r="455634" spans="8:8">
      <c r="H455634" s="12"/>
    </row>
    <row r="455635" spans="8:8">
      <c r="H455635" s="12"/>
    </row>
    <row r="455636" spans="8:8">
      <c r="H455636" s="12"/>
    </row>
    <row r="455637" spans="8:8">
      <c r="H455637" s="12"/>
    </row>
    <row r="455638" spans="8:8">
      <c r="H455638" s="12"/>
    </row>
    <row r="455639" spans="8:8">
      <c r="H455639" s="12"/>
    </row>
    <row r="455640" spans="8:8">
      <c r="H455640" s="12"/>
    </row>
    <row r="455641" spans="8:8">
      <c r="H455641" s="12"/>
    </row>
    <row r="455642" spans="8:8">
      <c r="H455642" s="12"/>
    </row>
    <row r="455643" spans="8:8">
      <c r="H455643" s="12"/>
    </row>
    <row r="455644" spans="8:8">
      <c r="H455644" s="12"/>
    </row>
    <row r="455645" spans="8:8">
      <c r="H455645" s="12"/>
    </row>
    <row r="455646" spans="8:8">
      <c r="H455646" s="12"/>
    </row>
    <row r="455647" spans="8:8">
      <c r="H455647" s="12"/>
    </row>
    <row r="455648" spans="8:8">
      <c r="H455648" s="12"/>
    </row>
    <row r="455649" spans="8:8">
      <c r="H455649" s="12"/>
    </row>
    <row r="455650" spans="8:8">
      <c r="H455650" s="12"/>
    </row>
    <row r="455651" spans="8:8">
      <c r="H455651" s="12"/>
    </row>
    <row r="455652" spans="8:8">
      <c r="H455652" s="12"/>
    </row>
    <row r="455653" spans="8:8">
      <c r="H455653" s="12"/>
    </row>
    <row r="455654" spans="8:8">
      <c r="H455654" s="12"/>
    </row>
    <row r="455655" spans="8:8">
      <c r="H455655" s="12"/>
    </row>
    <row r="455656" spans="8:8">
      <c r="H455656" s="12"/>
    </row>
    <row r="455657" spans="8:8">
      <c r="H455657" s="12"/>
    </row>
    <row r="455658" spans="8:8">
      <c r="H455658" s="12"/>
    </row>
    <row r="455659" spans="8:8">
      <c r="H455659" s="12"/>
    </row>
    <row r="455660" spans="8:8">
      <c r="H455660" s="12"/>
    </row>
    <row r="455661" spans="8:8">
      <c r="H455661" s="12"/>
    </row>
    <row r="455662" spans="8:8">
      <c r="H455662" s="12"/>
    </row>
    <row r="455663" spans="8:8">
      <c r="H455663" s="12"/>
    </row>
    <row r="455664" spans="8:8">
      <c r="H455664" s="12"/>
    </row>
    <row r="455665" spans="8:8">
      <c r="H455665" s="12"/>
    </row>
    <row r="455666" spans="8:8">
      <c r="H455666" s="12"/>
    </row>
    <row r="455667" spans="8:8">
      <c r="H455667" s="12"/>
    </row>
    <row r="455668" spans="8:8">
      <c r="H455668" s="12"/>
    </row>
    <row r="455669" spans="8:8">
      <c r="H455669" s="12"/>
    </row>
    <row r="455670" spans="8:8">
      <c r="H455670" s="12"/>
    </row>
    <row r="455671" spans="8:8">
      <c r="H455671" s="12"/>
    </row>
    <row r="455672" spans="8:8">
      <c r="H455672" s="12"/>
    </row>
    <row r="455673" spans="8:8">
      <c r="H455673" s="12"/>
    </row>
    <row r="455674" spans="8:8">
      <c r="H455674" s="12"/>
    </row>
    <row r="455675" spans="8:8">
      <c r="H455675" s="12"/>
    </row>
    <row r="455676" spans="8:8">
      <c r="H455676" s="12"/>
    </row>
    <row r="455677" spans="8:8">
      <c r="H455677" s="12"/>
    </row>
    <row r="455678" spans="8:8">
      <c r="H455678" s="12"/>
    </row>
    <row r="455679" spans="8:8">
      <c r="H455679" s="12"/>
    </row>
    <row r="455680" spans="8:8">
      <c r="H455680" s="12"/>
    </row>
    <row r="455681" spans="8:8">
      <c r="H455681" s="12"/>
    </row>
    <row r="455682" spans="8:8">
      <c r="H455682" s="12"/>
    </row>
    <row r="455683" spans="8:8">
      <c r="H455683" s="12"/>
    </row>
    <row r="455684" spans="8:8">
      <c r="H455684" s="12"/>
    </row>
    <row r="455685" spans="8:8">
      <c r="H455685" s="12"/>
    </row>
    <row r="455686" spans="8:8">
      <c r="H455686" s="12"/>
    </row>
    <row r="455687" spans="8:8">
      <c r="H455687" s="12"/>
    </row>
    <row r="455688" spans="8:8">
      <c r="H455688" s="12"/>
    </row>
    <row r="455689" spans="8:8">
      <c r="H455689" s="12"/>
    </row>
    <row r="455690" spans="8:8">
      <c r="H455690" s="12"/>
    </row>
    <row r="455691" spans="8:8">
      <c r="H455691" s="12"/>
    </row>
    <row r="455692" spans="8:8">
      <c r="H455692" s="12"/>
    </row>
    <row r="455693" spans="8:8">
      <c r="H455693" s="12"/>
    </row>
    <row r="455694" spans="8:8">
      <c r="H455694" s="12"/>
    </row>
    <row r="455695" spans="8:8">
      <c r="H455695" s="12"/>
    </row>
    <row r="455696" spans="8:8">
      <c r="H455696" s="12"/>
    </row>
    <row r="455697" spans="8:8">
      <c r="H455697" s="12"/>
    </row>
    <row r="455698" spans="8:8">
      <c r="H455698" s="12"/>
    </row>
    <row r="455699" spans="8:8">
      <c r="H455699" s="12"/>
    </row>
    <row r="455700" spans="8:8">
      <c r="H455700" s="12"/>
    </row>
    <row r="455701" spans="8:8">
      <c r="H455701" s="12"/>
    </row>
    <row r="455702" spans="8:8">
      <c r="H455702" s="12"/>
    </row>
    <row r="455703" spans="8:8">
      <c r="H455703" s="12"/>
    </row>
    <row r="455704" spans="8:8">
      <c r="H455704" s="12"/>
    </row>
    <row r="455705" spans="8:8">
      <c r="H455705" s="12"/>
    </row>
    <row r="455706" spans="8:8">
      <c r="H455706" s="12"/>
    </row>
    <row r="455707" spans="8:8">
      <c r="H455707" s="12"/>
    </row>
    <row r="455708" spans="8:8">
      <c r="H455708" s="12"/>
    </row>
    <row r="455709" spans="8:8">
      <c r="H455709" s="12"/>
    </row>
    <row r="455710" spans="8:8">
      <c r="H455710" s="12"/>
    </row>
    <row r="455711" spans="8:8">
      <c r="H455711" s="12"/>
    </row>
    <row r="455712" spans="8:8">
      <c r="H455712" s="12"/>
    </row>
    <row r="455713" spans="8:8">
      <c r="H455713" s="12"/>
    </row>
    <row r="455714" spans="8:8">
      <c r="H455714" s="12"/>
    </row>
    <row r="455715" spans="8:8">
      <c r="H455715" s="12"/>
    </row>
    <row r="455716" spans="8:8">
      <c r="H455716" s="12"/>
    </row>
    <row r="455717" spans="8:8">
      <c r="H455717" s="12"/>
    </row>
    <row r="455718" spans="8:8">
      <c r="H455718" s="12"/>
    </row>
    <row r="455719" spans="8:8">
      <c r="H455719" s="12"/>
    </row>
    <row r="455720" spans="8:8">
      <c r="H455720" s="12"/>
    </row>
    <row r="455721" spans="8:8">
      <c r="H455721" s="12"/>
    </row>
    <row r="455722" spans="8:8">
      <c r="H455722" s="12"/>
    </row>
    <row r="455723" spans="8:8">
      <c r="H455723" s="12"/>
    </row>
    <row r="455724" spans="8:8">
      <c r="H455724" s="12"/>
    </row>
    <row r="455725" spans="8:8">
      <c r="H455725" s="12"/>
    </row>
    <row r="455726" spans="8:8">
      <c r="H455726" s="12"/>
    </row>
    <row r="455727" spans="8:8">
      <c r="H455727" s="12"/>
    </row>
    <row r="455728" spans="8:8">
      <c r="H455728" s="12"/>
    </row>
    <row r="455729" spans="8:8">
      <c r="H455729" s="12"/>
    </row>
    <row r="455730" spans="8:8">
      <c r="H455730" s="12"/>
    </row>
    <row r="455731" spans="8:8">
      <c r="H455731" s="12"/>
    </row>
    <row r="455732" spans="8:8">
      <c r="H455732" s="12"/>
    </row>
    <row r="455733" spans="8:8">
      <c r="H455733" s="12"/>
    </row>
    <row r="455734" spans="8:8">
      <c r="H455734" s="12"/>
    </row>
    <row r="455735" spans="8:8">
      <c r="H455735" s="12"/>
    </row>
    <row r="455736" spans="8:8">
      <c r="H455736" s="12"/>
    </row>
    <row r="455737" spans="8:8">
      <c r="H455737" s="12"/>
    </row>
    <row r="455738" spans="8:8">
      <c r="H455738" s="12"/>
    </row>
    <row r="455739" spans="8:8">
      <c r="H455739" s="12"/>
    </row>
    <row r="455740" spans="8:8">
      <c r="H455740" s="12"/>
    </row>
    <row r="455741" spans="8:8">
      <c r="H455741" s="12"/>
    </row>
    <row r="455742" spans="8:8">
      <c r="H455742" s="12"/>
    </row>
    <row r="455743" spans="8:8">
      <c r="H455743" s="12"/>
    </row>
    <row r="455744" spans="8:8">
      <c r="H455744" s="12"/>
    </row>
    <row r="455745" spans="8:8">
      <c r="H455745" s="12"/>
    </row>
    <row r="455746" spans="8:8">
      <c r="H455746" s="12"/>
    </row>
    <row r="455747" spans="8:8">
      <c r="H455747" s="12"/>
    </row>
    <row r="455748" spans="8:8">
      <c r="H455748" s="12"/>
    </row>
    <row r="455749" spans="8:8">
      <c r="H455749" s="12"/>
    </row>
    <row r="455750" spans="8:8">
      <c r="H455750" s="12"/>
    </row>
    <row r="455751" spans="8:8">
      <c r="H455751" s="12"/>
    </row>
    <row r="455752" spans="8:8">
      <c r="H455752" s="12"/>
    </row>
    <row r="455753" spans="8:8">
      <c r="H455753" s="12"/>
    </row>
    <row r="455754" spans="8:8">
      <c r="H455754" s="12"/>
    </row>
    <row r="455755" spans="8:8">
      <c r="H455755" s="12"/>
    </row>
    <row r="455756" spans="8:8">
      <c r="H455756" s="12"/>
    </row>
    <row r="455757" spans="8:8">
      <c r="H455757" s="12"/>
    </row>
    <row r="455758" spans="8:8">
      <c r="H455758" s="12"/>
    </row>
    <row r="455759" spans="8:8">
      <c r="H455759" s="12"/>
    </row>
    <row r="455760" spans="8:8">
      <c r="H455760" s="12"/>
    </row>
    <row r="455761" spans="8:8">
      <c r="H455761" s="12"/>
    </row>
    <row r="455762" spans="8:8">
      <c r="H455762" s="12"/>
    </row>
    <row r="455763" spans="8:8">
      <c r="H455763" s="12"/>
    </row>
    <row r="455764" spans="8:8">
      <c r="H455764" s="12"/>
    </row>
    <row r="455765" spans="8:8">
      <c r="H455765" s="12"/>
    </row>
    <row r="455766" spans="8:8">
      <c r="H455766" s="12"/>
    </row>
    <row r="455767" spans="8:8">
      <c r="H455767" s="12"/>
    </row>
    <row r="455768" spans="8:8">
      <c r="H455768" s="12"/>
    </row>
    <row r="455769" spans="8:8">
      <c r="H455769" s="12"/>
    </row>
    <row r="455770" spans="8:8">
      <c r="H455770" s="12"/>
    </row>
    <row r="455771" spans="8:8">
      <c r="H455771" s="12"/>
    </row>
    <row r="455772" spans="8:8">
      <c r="H455772" s="12"/>
    </row>
    <row r="455773" spans="8:8">
      <c r="H455773" s="12"/>
    </row>
    <row r="455774" spans="8:8">
      <c r="H455774" s="12"/>
    </row>
    <row r="455775" spans="8:8">
      <c r="H455775" s="12"/>
    </row>
    <row r="455776" spans="8:8">
      <c r="H455776" s="12"/>
    </row>
    <row r="455777" spans="8:8">
      <c r="H455777" s="12"/>
    </row>
    <row r="455778" spans="8:8">
      <c r="H455778" s="12"/>
    </row>
    <row r="455779" spans="8:8">
      <c r="H455779" s="12"/>
    </row>
    <row r="455780" spans="8:8">
      <c r="H455780" s="12"/>
    </row>
    <row r="455781" spans="8:8">
      <c r="H455781" s="12"/>
    </row>
    <row r="455782" spans="8:8">
      <c r="H455782" s="12"/>
    </row>
    <row r="455783" spans="8:8">
      <c r="H455783" s="12"/>
    </row>
    <row r="455784" spans="8:8">
      <c r="H455784" s="12"/>
    </row>
    <row r="455785" spans="8:8">
      <c r="H455785" s="12"/>
    </row>
    <row r="455786" spans="8:8">
      <c r="H455786" s="12"/>
    </row>
    <row r="455787" spans="8:8">
      <c r="H455787" s="12"/>
    </row>
    <row r="455788" spans="8:8">
      <c r="H455788" s="12"/>
    </row>
    <row r="455789" spans="8:8">
      <c r="H455789" s="12"/>
    </row>
    <row r="455790" spans="8:8">
      <c r="H455790" s="12"/>
    </row>
    <row r="455791" spans="8:8">
      <c r="H455791" s="12"/>
    </row>
    <row r="455792" spans="8:8">
      <c r="H455792" s="12"/>
    </row>
    <row r="455793" spans="8:8">
      <c r="H455793" s="12"/>
    </row>
    <row r="455794" spans="8:8">
      <c r="H455794" s="12"/>
    </row>
    <row r="455795" spans="8:8">
      <c r="H455795" s="12"/>
    </row>
    <row r="455796" spans="8:8">
      <c r="H455796" s="12"/>
    </row>
    <row r="455797" spans="8:8">
      <c r="H455797" s="12"/>
    </row>
    <row r="455798" spans="8:8">
      <c r="H455798" s="12"/>
    </row>
    <row r="455799" spans="8:8">
      <c r="H455799" s="12"/>
    </row>
    <row r="455800" spans="8:8">
      <c r="H455800" s="12"/>
    </row>
    <row r="455801" spans="8:8">
      <c r="H455801" s="12"/>
    </row>
    <row r="455802" spans="8:8">
      <c r="H455802" s="12"/>
    </row>
    <row r="455803" spans="8:8">
      <c r="H455803" s="12"/>
    </row>
    <row r="455804" spans="8:8">
      <c r="H455804" s="12"/>
    </row>
    <row r="455805" spans="8:8">
      <c r="H455805" s="12"/>
    </row>
    <row r="455806" spans="8:8">
      <c r="H455806" s="12"/>
    </row>
    <row r="455807" spans="8:8">
      <c r="H455807" s="12"/>
    </row>
    <row r="455808" spans="8:8">
      <c r="H455808" s="12"/>
    </row>
    <row r="455809" spans="8:8">
      <c r="H455809" s="12"/>
    </row>
    <row r="455810" spans="8:8">
      <c r="H455810" s="12"/>
    </row>
    <row r="455811" spans="8:8">
      <c r="H455811" s="12"/>
    </row>
    <row r="455812" spans="8:8">
      <c r="H455812" s="12"/>
    </row>
    <row r="455813" spans="8:8">
      <c r="H455813" s="12"/>
    </row>
    <row r="455814" spans="8:8">
      <c r="H455814" s="12"/>
    </row>
    <row r="455815" spans="8:8">
      <c r="H455815" s="12"/>
    </row>
    <row r="455816" spans="8:8">
      <c r="H455816" s="12"/>
    </row>
    <row r="455817" spans="8:8">
      <c r="H455817" s="12"/>
    </row>
    <row r="455818" spans="8:8">
      <c r="H455818" s="12"/>
    </row>
    <row r="455819" spans="8:8">
      <c r="H455819" s="12"/>
    </row>
    <row r="455820" spans="8:8">
      <c r="H455820" s="12"/>
    </row>
    <row r="455821" spans="8:8">
      <c r="H455821" s="12"/>
    </row>
    <row r="455822" spans="8:8">
      <c r="H455822" s="12"/>
    </row>
    <row r="455823" spans="8:8">
      <c r="H455823" s="12"/>
    </row>
    <row r="455824" spans="8:8">
      <c r="H455824" s="12"/>
    </row>
    <row r="455825" spans="8:8">
      <c r="H455825" s="12"/>
    </row>
    <row r="455826" spans="8:8">
      <c r="H455826" s="12"/>
    </row>
    <row r="455827" spans="8:8">
      <c r="H455827" s="12"/>
    </row>
    <row r="455828" spans="8:8">
      <c r="H455828" s="12"/>
    </row>
    <row r="455829" spans="8:8">
      <c r="H455829" s="12"/>
    </row>
    <row r="455830" spans="8:8">
      <c r="H455830" s="12"/>
    </row>
    <row r="455831" spans="8:8">
      <c r="H455831" s="12"/>
    </row>
    <row r="455832" spans="8:8">
      <c r="H455832" s="12"/>
    </row>
    <row r="455833" spans="8:8">
      <c r="H455833" s="12"/>
    </row>
    <row r="455834" spans="8:8">
      <c r="H455834" s="12"/>
    </row>
    <row r="455835" spans="8:8">
      <c r="H455835" s="12"/>
    </row>
    <row r="455836" spans="8:8">
      <c r="H455836" s="12"/>
    </row>
    <row r="455837" spans="8:8">
      <c r="H455837" s="12"/>
    </row>
    <row r="455838" spans="8:8">
      <c r="H455838" s="12"/>
    </row>
    <row r="455839" spans="8:8">
      <c r="H455839" s="12"/>
    </row>
    <row r="455840" spans="8:8">
      <c r="H455840" s="12"/>
    </row>
    <row r="455841" spans="8:8">
      <c r="H455841" s="12"/>
    </row>
    <row r="455842" spans="8:8">
      <c r="H455842" s="12"/>
    </row>
    <row r="455843" spans="8:8">
      <c r="H455843" s="12"/>
    </row>
    <row r="455844" spans="8:8">
      <c r="H455844" s="12"/>
    </row>
    <row r="455845" spans="8:8">
      <c r="H455845" s="12"/>
    </row>
    <row r="455846" spans="8:8">
      <c r="H455846" s="12"/>
    </row>
    <row r="455847" spans="8:8">
      <c r="H455847" s="12"/>
    </row>
    <row r="455848" spans="8:8">
      <c r="H455848" s="12"/>
    </row>
    <row r="455849" spans="8:8">
      <c r="H455849" s="12"/>
    </row>
    <row r="455850" spans="8:8">
      <c r="H455850" s="12"/>
    </row>
    <row r="455851" spans="8:8">
      <c r="H455851" s="12"/>
    </row>
    <row r="455852" spans="8:8">
      <c r="H455852" s="12"/>
    </row>
    <row r="455853" spans="8:8">
      <c r="H455853" s="12"/>
    </row>
    <row r="455854" spans="8:8">
      <c r="H455854" s="12"/>
    </row>
    <row r="455855" spans="8:8">
      <c r="H455855" s="12"/>
    </row>
    <row r="455856" spans="8:8">
      <c r="H455856" s="12"/>
    </row>
    <row r="455857" spans="8:8">
      <c r="H455857" s="12"/>
    </row>
    <row r="455858" spans="8:8">
      <c r="H455858" s="12"/>
    </row>
    <row r="455859" spans="8:8">
      <c r="H455859" s="12"/>
    </row>
    <row r="455860" spans="8:8">
      <c r="H455860" s="12"/>
    </row>
    <row r="455861" spans="8:8">
      <c r="H455861" s="12"/>
    </row>
    <row r="455862" spans="8:8">
      <c r="H455862" s="12"/>
    </row>
    <row r="455863" spans="8:8">
      <c r="H455863" s="12"/>
    </row>
    <row r="455864" spans="8:8">
      <c r="H455864" s="12"/>
    </row>
    <row r="455865" spans="8:8">
      <c r="H455865" s="12"/>
    </row>
    <row r="455866" spans="8:8">
      <c r="H455866" s="12"/>
    </row>
    <row r="455867" spans="8:8">
      <c r="H455867" s="12"/>
    </row>
    <row r="455868" spans="8:8">
      <c r="H455868" s="12"/>
    </row>
    <row r="455869" spans="8:8">
      <c r="H455869" s="12"/>
    </row>
    <row r="455870" spans="8:8">
      <c r="H455870" s="12"/>
    </row>
    <row r="455871" spans="8:8">
      <c r="H455871" s="12"/>
    </row>
    <row r="455872" spans="8:8">
      <c r="H455872" s="12"/>
    </row>
    <row r="455873" spans="8:8">
      <c r="H455873" s="12"/>
    </row>
    <row r="455874" spans="8:8">
      <c r="H455874" s="12"/>
    </row>
    <row r="455875" spans="8:8">
      <c r="H455875" s="12"/>
    </row>
    <row r="455876" spans="8:8">
      <c r="H455876" s="12"/>
    </row>
    <row r="455877" spans="8:8">
      <c r="H455877" s="12"/>
    </row>
    <row r="455878" spans="8:8">
      <c r="H455878" s="12"/>
    </row>
    <row r="455879" spans="8:8">
      <c r="H455879" s="12"/>
    </row>
    <row r="455880" spans="8:8">
      <c r="H455880" s="12"/>
    </row>
    <row r="455881" spans="8:8">
      <c r="H455881" s="12"/>
    </row>
    <row r="455882" spans="8:8">
      <c r="H455882" s="12"/>
    </row>
    <row r="455883" spans="8:8">
      <c r="H455883" s="12"/>
    </row>
    <row r="455884" spans="8:8">
      <c r="H455884" s="12"/>
    </row>
    <row r="455885" spans="8:8">
      <c r="H455885" s="12"/>
    </row>
    <row r="455886" spans="8:8">
      <c r="H455886" s="12"/>
    </row>
    <row r="455887" spans="8:8">
      <c r="H455887" s="12"/>
    </row>
    <row r="455888" spans="8:8">
      <c r="H455888" s="12"/>
    </row>
    <row r="455889" spans="8:8">
      <c r="H455889" s="12"/>
    </row>
    <row r="455890" spans="8:8">
      <c r="H455890" s="12"/>
    </row>
    <row r="455891" spans="8:8">
      <c r="H455891" s="12"/>
    </row>
    <row r="455892" spans="8:8">
      <c r="H455892" s="12"/>
    </row>
    <row r="455893" spans="8:8">
      <c r="H455893" s="12"/>
    </row>
    <row r="455894" spans="8:8">
      <c r="H455894" s="12"/>
    </row>
    <row r="455895" spans="8:8">
      <c r="H455895" s="12"/>
    </row>
    <row r="455896" spans="8:8">
      <c r="H455896" s="12"/>
    </row>
    <row r="455897" spans="8:8">
      <c r="H455897" s="12"/>
    </row>
    <row r="455898" spans="8:8">
      <c r="H455898" s="12"/>
    </row>
    <row r="455899" spans="8:8">
      <c r="H455899" s="12"/>
    </row>
    <row r="455900" spans="8:8">
      <c r="H455900" s="12"/>
    </row>
    <row r="455901" spans="8:8">
      <c r="H455901" s="12"/>
    </row>
    <row r="455902" spans="8:8">
      <c r="H455902" s="12"/>
    </row>
    <row r="455903" spans="8:8">
      <c r="H455903" s="12"/>
    </row>
    <row r="455904" spans="8:8">
      <c r="H455904" s="12"/>
    </row>
    <row r="455905" spans="8:8">
      <c r="H455905" s="12"/>
    </row>
    <row r="455906" spans="8:8">
      <c r="H455906" s="12"/>
    </row>
    <row r="455907" spans="8:8">
      <c r="H455907" s="12"/>
    </row>
    <row r="455908" spans="8:8">
      <c r="H455908" s="12"/>
    </row>
    <row r="455909" spans="8:8">
      <c r="H455909" s="12"/>
    </row>
    <row r="455910" spans="8:8">
      <c r="H455910" s="12"/>
    </row>
    <row r="455911" spans="8:8">
      <c r="H455911" s="12"/>
    </row>
    <row r="455912" spans="8:8">
      <c r="H455912" s="12"/>
    </row>
    <row r="455913" spans="8:8">
      <c r="H455913" s="12"/>
    </row>
    <row r="455914" spans="8:8">
      <c r="H455914" s="12"/>
    </row>
    <row r="455915" spans="8:8">
      <c r="H455915" s="12"/>
    </row>
    <row r="455916" spans="8:8">
      <c r="H455916" s="12"/>
    </row>
    <row r="455917" spans="8:8">
      <c r="H455917" s="12"/>
    </row>
    <row r="455918" spans="8:8">
      <c r="H455918" s="12"/>
    </row>
    <row r="455919" spans="8:8">
      <c r="H455919" s="12"/>
    </row>
    <row r="455920" spans="8:8">
      <c r="H455920" s="12"/>
    </row>
    <row r="455921" spans="8:8">
      <c r="H455921" s="12"/>
    </row>
    <row r="455922" spans="8:8">
      <c r="H455922" s="12"/>
    </row>
    <row r="455923" spans="8:8">
      <c r="H455923" s="12"/>
    </row>
    <row r="455924" spans="8:8">
      <c r="H455924" s="12"/>
    </row>
    <row r="455925" spans="8:8">
      <c r="H455925" s="12"/>
    </row>
    <row r="455926" spans="8:8">
      <c r="H455926" s="12"/>
    </row>
    <row r="455927" spans="8:8">
      <c r="H455927" s="12"/>
    </row>
    <row r="455928" spans="8:8">
      <c r="H455928" s="12"/>
    </row>
    <row r="455929" spans="8:8">
      <c r="H455929" s="12"/>
    </row>
    <row r="455930" spans="8:8">
      <c r="H455930" s="12"/>
    </row>
    <row r="455931" spans="8:8">
      <c r="H455931" s="12"/>
    </row>
    <row r="455932" spans="8:8">
      <c r="H455932" s="12"/>
    </row>
    <row r="455933" spans="8:8">
      <c r="H455933" s="12"/>
    </row>
    <row r="455934" spans="8:8">
      <c r="H455934" s="12"/>
    </row>
    <row r="455935" spans="8:8">
      <c r="H455935" s="12"/>
    </row>
    <row r="455936" spans="8:8">
      <c r="H455936" s="12"/>
    </row>
    <row r="455937" spans="8:8">
      <c r="H455937" s="12"/>
    </row>
    <row r="455938" spans="8:8">
      <c r="H455938" s="12"/>
    </row>
    <row r="455939" spans="8:8">
      <c r="H455939" s="12"/>
    </row>
    <row r="455940" spans="8:8">
      <c r="H455940" s="12"/>
    </row>
    <row r="455941" spans="8:8">
      <c r="H455941" s="12"/>
    </row>
    <row r="455942" spans="8:8">
      <c r="H455942" s="12"/>
    </row>
    <row r="455943" spans="8:8">
      <c r="H455943" s="12"/>
    </row>
    <row r="455944" spans="8:8">
      <c r="H455944" s="12"/>
    </row>
    <row r="455945" spans="8:8">
      <c r="H455945" s="12"/>
    </row>
    <row r="455946" spans="8:8">
      <c r="H455946" s="12"/>
    </row>
    <row r="455947" spans="8:8">
      <c r="H455947" s="12"/>
    </row>
    <row r="455948" spans="8:8">
      <c r="H455948" s="12"/>
    </row>
    <row r="455949" spans="8:8">
      <c r="H455949" s="12"/>
    </row>
    <row r="455950" spans="8:8">
      <c r="H455950" s="12"/>
    </row>
    <row r="455951" spans="8:8">
      <c r="H455951" s="12"/>
    </row>
    <row r="455952" spans="8:8">
      <c r="H455952" s="12"/>
    </row>
    <row r="455953" spans="8:8">
      <c r="H455953" s="12"/>
    </row>
    <row r="455954" spans="8:8">
      <c r="H455954" s="12"/>
    </row>
    <row r="455955" spans="8:8">
      <c r="H455955" s="12"/>
    </row>
    <row r="455956" spans="8:8">
      <c r="H455956" s="12"/>
    </row>
    <row r="455957" spans="8:8">
      <c r="H455957" s="12"/>
    </row>
    <row r="455958" spans="8:8">
      <c r="H455958" s="12"/>
    </row>
    <row r="455959" spans="8:8">
      <c r="H455959" s="12"/>
    </row>
    <row r="455960" spans="8:8">
      <c r="H455960" s="12"/>
    </row>
    <row r="455961" spans="8:8">
      <c r="H455961" s="12"/>
    </row>
    <row r="455962" spans="8:8">
      <c r="H455962" s="12"/>
    </row>
    <row r="455963" spans="8:8">
      <c r="H455963" s="12"/>
    </row>
    <row r="455964" spans="8:8">
      <c r="H455964" s="12"/>
    </row>
    <row r="455965" spans="8:8">
      <c r="H455965" s="12"/>
    </row>
    <row r="455966" spans="8:8">
      <c r="H455966" s="12"/>
    </row>
    <row r="455967" spans="8:8">
      <c r="H455967" s="12"/>
    </row>
    <row r="455968" spans="8:8">
      <c r="H455968" s="12"/>
    </row>
    <row r="455969" spans="8:8">
      <c r="H455969" s="12"/>
    </row>
    <row r="455970" spans="8:8">
      <c r="H455970" s="12"/>
    </row>
    <row r="455971" spans="8:8">
      <c r="H455971" s="12"/>
    </row>
    <row r="455972" spans="8:8">
      <c r="H455972" s="12"/>
    </row>
    <row r="455973" spans="8:8">
      <c r="H455973" s="12"/>
    </row>
    <row r="455974" spans="8:8">
      <c r="H455974" s="12"/>
    </row>
    <row r="455975" spans="8:8">
      <c r="H455975" s="12"/>
    </row>
    <row r="455976" spans="8:8">
      <c r="H455976" s="12"/>
    </row>
    <row r="455977" spans="8:8">
      <c r="H455977" s="12"/>
    </row>
    <row r="455978" spans="8:8">
      <c r="H455978" s="12"/>
    </row>
    <row r="455979" spans="8:8">
      <c r="H455979" s="12"/>
    </row>
    <row r="455980" spans="8:8">
      <c r="H455980" s="12"/>
    </row>
    <row r="455981" spans="8:8">
      <c r="H455981" s="12"/>
    </row>
    <row r="455982" spans="8:8">
      <c r="H455982" s="12"/>
    </row>
    <row r="455983" spans="8:8">
      <c r="H455983" s="12"/>
    </row>
    <row r="455984" spans="8:8">
      <c r="H455984" s="12"/>
    </row>
    <row r="455985" spans="8:8">
      <c r="H455985" s="12"/>
    </row>
    <row r="455986" spans="8:8">
      <c r="H455986" s="12"/>
    </row>
    <row r="455987" spans="8:8">
      <c r="H455987" s="12"/>
    </row>
    <row r="455988" spans="8:8">
      <c r="H455988" s="12"/>
    </row>
    <row r="455989" spans="8:8">
      <c r="H455989" s="12"/>
    </row>
    <row r="455990" spans="8:8">
      <c r="H455990" s="12"/>
    </row>
    <row r="455991" spans="8:8">
      <c r="H455991" s="12"/>
    </row>
    <row r="455992" spans="8:8">
      <c r="H455992" s="12"/>
    </row>
    <row r="455993" spans="8:8">
      <c r="H455993" s="12"/>
    </row>
    <row r="455994" spans="8:8">
      <c r="H455994" s="12"/>
    </row>
    <row r="455995" spans="8:8">
      <c r="H455995" s="12"/>
    </row>
    <row r="455996" spans="8:8">
      <c r="H455996" s="12"/>
    </row>
    <row r="455997" spans="8:8">
      <c r="H455997" s="12"/>
    </row>
    <row r="455998" spans="8:8">
      <c r="H455998" s="12"/>
    </row>
    <row r="455999" spans="8:8">
      <c r="H455999" s="12"/>
    </row>
    <row r="456000" spans="8:8">
      <c r="H456000" s="12"/>
    </row>
    <row r="456001" spans="8:8">
      <c r="H456001" s="12"/>
    </row>
    <row r="456002" spans="8:8">
      <c r="H456002" s="12"/>
    </row>
    <row r="456003" spans="8:8">
      <c r="H456003" s="12"/>
    </row>
    <row r="456004" spans="8:8">
      <c r="H456004" s="12"/>
    </row>
    <row r="456005" spans="8:8">
      <c r="H456005" s="12"/>
    </row>
    <row r="456006" spans="8:8">
      <c r="H456006" s="12"/>
    </row>
    <row r="456007" spans="8:8">
      <c r="H456007" s="12"/>
    </row>
    <row r="456008" spans="8:8">
      <c r="H456008" s="12"/>
    </row>
    <row r="456009" spans="8:8">
      <c r="H456009" s="12"/>
    </row>
    <row r="456010" spans="8:8">
      <c r="H456010" s="12"/>
    </row>
    <row r="456011" spans="8:8">
      <c r="H456011" s="12"/>
    </row>
    <row r="456012" spans="8:8">
      <c r="H456012" s="12"/>
    </row>
    <row r="456013" spans="8:8">
      <c r="H456013" s="12"/>
    </row>
    <row r="456014" spans="8:8">
      <c r="H456014" s="12"/>
    </row>
    <row r="456015" spans="8:8">
      <c r="H456015" s="12"/>
    </row>
    <row r="456016" spans="8:8">
      <c r="H456016" s="12"/>
    </row>
    <row r="456017" spans="8:8">
      <c r="H456017" s="12"/>
    </row>
    <row r="456018" spans="8:8">
      <c r="H456018" s="12"/>
    </row>
    <row r="456019" spans="8:8">
      <c r="H456019" s="12"/>
    </row>
    <row r="456020" spans="8:8">
      <c r="H456020" s="12"/>
    </row>
    <row r="456021" spans="8:8">
      <c r="H456021" s="12"/>
    </row>
    <row r="456022" spans="8:8">
      <c r="H456022" s="12"/>
    </row>
    <row r="456023" spans="8:8">
      <c r="H456023" s="12"/>
    </row>
    <row r="456024" spans="8:8">
      <c r="H456024" s="12"/>
    </row>
    <row r="456025" spans="8:8">
      <c r="H456025" s="12"/>
    </row>
    <row r="456026" spans="8:8">
      <c r="H456026" s="12"/>
    </row>
    <row r="456027" spans="8:8">
      <c r="H456027" s="12"/>
    </row>
    <row r="456028" spans="8:8">
      <c r="H456028" s="12"/>
    </row>
    <row r="456029" spans="8:8">
      <c r="H456029" s="12"/>
    </row>
    <row r="456030" spans="8:8">
      <c r="H456030" s="12"/>
    </row>
    <row r="456031" spans="8:8">
      <c r="H456031" s="12"/>
    </row>
    <row r="456032" spans="8:8">
      <c r="H456032" s="12"/>
    </row>
    <row r="456033" spans="8:8">
      <c r="H456033" s="12"/>
    </row>
    <row r="456034" spans="8:8">
      <c r="H456034" s="12"/>
    </row>
    <row r="456035" spans="8:8">
      <c r="H456035" s="12"/>
    </row>
    <row r="456036" spans="8:8">
      <c r="H456036" s="12"/>
    </row>
    <row r="456037" spans="8:8">
      <c r="H456037" s="12"/>
    </row>
    <row r="456038" spans="8:8">
      <c r="H456038" s="12"/>
    </row>
    <row r="456039" spans="8:8">
      <c r="H456039" s="12"/>
    </row>
    <row r="456040" spans="8:8">
      <c r="H456040" s="12"/>
    </row>
    <row r="456041" spans="8:8">
      <c r="H456041" s="12"/>
    </row>
    <row r="456042" spans="8:8">
      <c r="H456042" s="12"/>
    </row>
    <row r="456043" spans="8:8">
      <c r="H456043" s="12"/>
    </row>
    <row r="456044" spans="8:8">
      <c r="H456044" s="12"/>
    </row>
    <row r="456045" spans="8:8">
      <c r="H456045" s="12"/>
    </row>
    <row r="456046" spans="8:8">
      <c r="H456046" s="12"/>
    </row>
    <row r="456047" spans="8:8">
      <c r="H456047" s="12"/>
    </row>
    <row r="456048" spans="8:8">
      <c r="H456048" s="12"/>
    </row>
    <row r="456049" spans="8:8">
      <c r="H456049" s="12"/>
    </row>
    <row r="456050" spans="8:8">
      <c r="H456050" s="12"/>
    </row>
    <row r="456051" spans="8:8">
      <c r="H456051" s="12"/>
    </row>
    <row r="456052" spans="8:8">
      <c r="H456052" s="12"/>
    </row>
    <row r="456053" spans="8:8">
      <c r="H456053" s="12"/>
    </row>
    <row r="456054" spans="8:8">
      <c r="H456054" s="12"/>
    </row>
    <row r="456055" spans="8:8">
      <c r="H456055" s="12"/>
    </row>
    <row r="456056" spans="8:8">
      <c r="H456056" s="12"/>
    </row>
    <row r="456057" spans="8:8">
      <c r="H456057" s="12"/>
    </row>
    <row r="456058" spans="8:8">
      <c r="H456058" s="12"/>
    </row>
    <row r="456059" spans="8:8">
      <c r="H456059" s="12"/>
    </row>
    <row r="456060" spans="8:8">
      <c r="H456060" s="12"/>
    </row>
    <row r="456061" spans="8:8">
      <c r="H456061" s="12"/>
    </row>
    <row r="456062" spans="8:8">
      <c r="H456062" s="12"/>
    </row>
    <row r="456063" spans="8:8">
      <c r="H456063" s="12"/>
    </row>
    <row r="456064" spans="8:8">
      <c r="H456064" s="12"/>
    </row>
    <row r="456065" spans="8:8">
      <c r="H456065" s="12"/>
    </row>
    <row r="456066" spans="8:8">
      <c r="H456066" s="12"/>
    </row>
    <row r="456067" spans="8:8">
      <c r="H456067" s="12"/>
    </row>
    <row r="456068" spans="8:8">
      <c r="H456068" s="12"/>
    </row>
    <row r="456069" spans="8:8">
      <c r="H456069" s="12"/>
    </row>
    <row r="456070" spans="8:8">
      <c r="H456070" s="12"/>
    </row>
    <row r="456071" spans="8:8">
      <c r="H456071" s="12"/>
    </row>
    <row r="456072" spans="8:8">
      <c r="H456072" s="12"/>
    </row>
    <row r="456073" spans="8:8">
      <c r="H456073" s="12"/>
    </row>
    <row r="456074" spans="8:8">
      <c r="H456074" s="12"/>
    </row>
    <row r="456075" spans="8:8">
      <c r="H456075" s="12"/>
    </row>
    <row r="456076" spans="8:8">
      <c r="H456076" s="12"/>
    </row>
    <row r="456077" spans="8:8">
      <c r="H456077" s="12"/>
    </row>
    <row r="456078" spans="8:8">
      <c r="H456078" s="12"/>
    </row>
    <row r="456079" spans="8:8">
      <c r="H456079" s="12"/>
    </row>
    <row r="456080" spans="8:8">
      <c r="H456080" s="12"/>
    </row>
    <row r="456081" spans="8:8">
      <c r="H456081" s="12"/>
    </row>
    <row r="456082" spans="8:8">
      <c r="H456082" s="12"/>
    </row>
    <row r="456083" spans="8:8">
      <c r="H456083" s="12"/>
    </row>
    <row r="456084" spans="8:8">
      <c r="H456084" s="12"/>
    </row>
    <row r="456085" spans="8:8">
      <c r="H456085" s="12"/>
    </row>
    <row r="456086" spans="8:8">
      <c r="H456086" s="12"/>
    </row>
    <row r="456087" spans="8:8">
      <c r="H456087" s="12"/>
    </row>
    <row r="456088" spans="8:8">
      <c r="H456088" s="12"/>
    </row>
    <row r="456089" spans="8:8">
      <c r="H456089" s="12"/>
    </row>
    <row r="456090" spans="8:8">
      <c r="H456090" s="12"/>
    </row>
    <row r="456091" spans="8:8">
      <c r="H456091" s="12"/>
    </row>
    <row r="456092" spans="8:8">
      <c r="H456092" s="12"/>
    </row>
    <row r="456093" spans="8:8">
      <c r="H456093" s="12"/>
    </row>
    <row r="456094" spans="8:8">
      <c r="H456094" s="12"/>
    </row>
    <row r="456095" spans="8:8">
      <c r="H456095" s="12"/>
    </row>
    <row r="456096" spans="8:8">
      <c r="H456096" s="12"/>
    </row>
    <row r="456097" spans="8:8">
      <c r="H456097" s="12"/>
    </row>
    <row r="456098" spans="8:8">
      <c r="H456098" s="12"/>
    </row>
    <row r="456099" spans="8:8">
      <c r="H456099" s="12"/>
    </row>
    <row r="456100" spans="8:8">
      <c r="H456100" s="12"/>
    </row>
    <row r="456101" spans="8:8">
      <c r="H456101" s="12"/>
    </row>
    <row r="456102" spans="8:8">
      <c r="H456102" s="12"/>
    </row>
    <row r="456103" spans="8:8">
      <c r="H456103" s="12"/>
    </row>
    <row r="456104" spans="8:8">
      <c r="H456104" s="12"/>
    </row>
    <row r="456105" spans="8:8">
      <c r="H456105" s="12"/>
    </row>
    <row r="456106" spans="8:8">
      <c r="H456106" s="12"/>
    </row>
    <row r="456107" spans="8:8">
      <c r="H456107" s="12"/>
    </row>
    <row r="456108" spans="8:8">
      <c r="H456108" s="12"/>
    </row>
    <row r="456109" spans="8:8">
      <c r="H456109" s="12"/>
    </row>
    <row r="456110" spans="8:8">
      <c r="H456110" s="12"/>
    </row>
    <row r="456111" spans="8:8">
      <c r="H456111" s="12"/>
    </row>
    <row r="456112" spans="8:8">
      <c r="H456112" s="12"/>
    </row>
    <row r="456113" spans="8:8">
      <c r="H456113" s="12"/>
    </row>
    <row r="456114" spans="8:8">
      <c r="H456114" s="12"/>
    </row>
    <row r="456115" spans="8:8">
      <c r="H456115" s="12"/>
    </row>
    <row r="456116" spans="8:8">
      <c r="H456116" s="12"/>
    </row>
    <row r="456117" spans="8:8">
      <c r="H456117" s="12"/>
    </row>
    <row r="456118" spans="8:8">
      <c r="H456118" s="12"/>
    </row>
    <row r="456119" spans="8:8">
      <c r="H456119" s="12"/>
    </row>
    <row r="456120" spans="8:8">
      <c r="H456120" s="12"/>
    </row>
    <row r="456121" spans="8:8">
      <c r="H456121" s="12"/>
    </row>
    <row r="456122" spans="8:8">
      <c r="H456122" s="12"/>
    </row>
    <row r="456123" spans="8:8">
      <c r="H456123" s="12"/>
    </row>
    <row r="456124" spans="8:8">
      <c r="H456124" s="12"/>
    </row>
    <row r="456125" spans="8:8">
      <c r="H456125" s="12"/>
    </row>
    <row r="456126" spans="8:8">
      <c r="H456126" s="12"/>
    </row>
    <row r="456127" spans="8:8">
      <c r="H456127" s="12"/>
    </row>
    <row r="456128" spans="8:8">
      <c r="H456128" s="12"/>
    </row>
    <row r="456129" spans="8:8">
      <c r="H456129" s="12"/>
    </row>
    <row r="456130" spans="8:8">
      <c r="H456130" s="12"/>
    </row>
    <row r="456131" spans="8:8">
      <c r="H456131" s="12"/>
    </row>
    <row r="456132" spans="8:8">
      <c r="H456132" s="12"/>
    </row>
    <row r="456133" spans="8:8">
      <c r="H456133" s="12"/>
    </row>
    <row r="456134" spans="8:8">
      <c r="H456134" s="12"/>
    </row>
    <row r="456135" spans="8:8">
      <c r="H456135" s="12"/>
    </row>
    <row r="456136" spans="8:8">
      <c r="H456136" s="12"/>
    </row>
    <row r="456137" spans="8:8">
      <c r="H456137" s="12"/>
    </row>
    <row r="456138" spans="8:8">
      <c r="H456138" s="12"/>
    </row>
    <row r="456139" spans="8:8">
      <c r="H456139" s="12"/>
    </row>
    <row r="456140" spans="8:8">
      <c r="H456140" s="12"/>
    </row>
    <row r="456141" spans="8:8">
      <c r="H456141" s="12"/>
    </row>
    <row r="456142" spans="8:8">
      <c r="H456142" s="12"/>
    </row>
    <row r="456143" spans="8:8">
      <c r="H456143" s="12"/>
    </row>
    <row r="456144" spans="8:8">
      <c r="H456144" s="12"/>
    </row>
    <row r="456145" spans="8:8">
      <c r="H456145" s="12"/>
    </row>
    <row r="456146" spans="8:8">
      <c r="H456146" s="12"/>
    </row>
    <row r="456147" spans="8:8">
      <c r="H456147" s="12"/>
    </row>
    <row r="456148" spans="8:8">
      <c r="H456148" s="12"/>
    </row>
    <row r="456149" spans="8:8">
      <c r="H456149" s="12"/>
    </row>
    <row r="456150" spans="8:8">
      <c r="H456150" s="12"/>
    </row>
    <row r="456151" spans="8:8">
      <c r="H456151" s="12"/>
    </row>
    <row r="456152" spans="8:8">
      <c r="H456152" s="12"/>
    </row>
    <row r="456153" spans="8:8">
      <c r="H456153" s="12"/>
    </row>
    <row r="456154" spans="8:8">
      <c r="H456154" s="12"/>
    </row>
    <row r="456155" spans="8:8">
      <c r="H456155" s="12"/>
    </row>
    <row r="456156" spans="8:8">
      <c r="H456156" s="12"/>
    </row>
    <row r="456157" spans="8:8">
      <c r="H456157" s="12"/>
    </row>
    <row r="456158" spans="8:8">
      <c r="H456158" s="12"/>
    </row>
    <row r="456159" spans="8:8">
      <c r="H456159" s="12"/>
    </row>
    <row r="456160" spans="8:8">
      <c r="H456160" s="12"/>
    </row>
    <row r="456161" spans="8:8">
      <c r="H456161" s="12"/>
    </row>
    <row r="456162" spans="8:8">
      <c r="H456162" s="12"/>
    </row>
    <row r="456163" spans="8:8">
      <c r="H456163" s="12"/>
    </row>
    <row r="456164" spans="8:8">
      <c r="H456164" s="12"/>
    </row>
    <row r="456165" spans="8:8">
      <c r="H456165" s="12"/>
    </row>
    <row r="456166" spans="8:8">
      <c r="H456166" s="12"/>
    </row>
    <row r="456167" spans="8:8">
      <c r="H456167" s="12"/>
    </row>
    <row r="456168" spans="8:8">
      <c r="H456168" s="12"/>
    </row>
    <row r="456169" spans="8:8">
      <c r="H456169" s="12"/>
    </row>
    <row r="456170" spans="8:8">
      <c r="H456170" s="12"/>
    </row>
    <row r="456171" spans="8:8">
      <c r="H456171" s="12"/>
    </row>
    <row r="456172" spans="8:8">
      <c r="H456172" s="12"/>
    </row>
    <row r="456173" spans="8:8">
      <c r="H456173" s="12"/>
    </row>
    <row r="456174" spans="8:8">
      <c r="H456174" s="12"/>
    </row>
    <row r="456175" spans="8:8">
      <c r="H456175" s="12"/>
    </row>
    <row r="456176" spans="8:8">
      <c r="H456176" s="12"/>
    </row>
    <row r="456177" spans="8:8">
      <c r="H456177" s="12"/>
    </row>
    <row r="456178" spans="8:8">
      <c r="H456178" s="12"/>
    </row>
    <row r="456179" spans="8:8">
      <c r="H456179" s="12"/>
    </row>
    <row r="456180" spans="8:8">
      <c r="H456180" s="12"/>
    </row>
    <row r="456181" spans="8:8">
      <c r="H456181" s="12"/>
    </row>
    <row r="456182" spans="8:8">
      <c r="H456182" s="12"/>
    </row>
    <row r="456183" spans="8:8">
      <c r="H456183" s="12"/>
    </row>
    <row r="456184" spans="8:8">
      <c r="H456184" s="12"/>
    </row>
    <row r="456185" spans="8:8">
      <c r="H456185" s="12"/>
    </row>
    <row r="456186" spans="8:8">
      <c r="H456186" s="12"/>
    </row>
    <row r="456187" spans="8:8">
      <c r="H456187" s="12"/>
    </row>
    <row r="456188" spans="8:8">
      <c r="H456188" s="12"/>
    </row>
    <row r="456189" spans="8:8">
      <c r="H456189" s="12"/>
    </row>
    <row r="456190" spans="8:8">
      <c r="H456190" s="12"/>
    </row>
    <row r="456191" spans="8:8">
      <c r="H456191" s="12"/>
    </row>
    <row r="456192" spans="8:8">
      <c r="H456192" s="12"/>
    </row>
    <row r="456193" spans="8:8">
      <c r="H456193" s="12"/>
    </row>
    <row r="456194" spans="8:8">
      <c r="H456194" s="12"/>
    </row>
    <row r="456195" spans="8:8">
      <c r="H456195" s="12"/>
    </row>
    <row r="456196" spans="8:8">
      <c r="H456196" s="12"/>
    </row>
    <row r="456197" spans="8:8">
      <c r="H456197" s="12"/>
    </row>
    <row r="456198" spans="8:8">
      <c r="H456198" s="12"/>
    </row>
    <row r="456199" spans="8:8">
      <c r="H456199" s="12"/>
    </row>
    <row r="456200" spans="8:8">
      <c r="H456200" s="12"/>
    </row>
    <row r="456201" spans="8:8">
      <c r="H456201" s="12"/>
    </row>
    <row r="456202" spans="8:8">
      <c r="H456202" s="12"/>
    </row>
    <row r="456203" spans="8:8">
      <c r="H456203" s="12"/>
    </row>
    <row r="456204" spans="8:8">
      <c r="H456204" s="12"/>
    </row>
    <row r="456205" spans="8:8">
      <c r="H456205" s="12"/>
    </row>
    <row r="456206" spans="8:8">
      <c r="H456206" s="12"/>
    </row>
    <row r="456207" spans="8:8">
      <c r="H456207" s="12"/>
    </row>
    <row r="456208" spans="8:8">
      <c r="H456208" s="12"/>
    </row>
    <row r="456209" spans="8:8">
      <c r="H456209" s="12"/>
    </row>
    <row r="456210" spans="8:8">
      <c r="H456210" s="12"/>
    </row>
    <row r="456211" spans="8:8">
      <c r="H456211" s="12"/>
    </row>
    <row r="456212" spans="8:8">
      <c r="H456212" s="12"/>
    </row>
    <row r="456213" spans="8:8">
      <c r="H456213" s="12"/>
    </row>
    <row r="456214" spans="8:8">
      <c r="H456214" s="12"/>
    </row>
    <row r="456215" spans="8:8">
      <c r="H456215" s="12"/>
    </row>
    <row r="456216" spans="8:8">
      <c r="H456216" s="12"/>
    </row>
    <row r="456217" spans="8:8">
      <c r="H456217" s="12"/>
    </row>
    <row r="456218" spans="8:8">
      <c r="H456218" s="12"/>
    </row>
    <row r="456219" spans="8:8">
      <c r="H456219" s="12"/>
    </row>
    <row r="456220" spans="8:8">
      <c r="H456220" s="12"/>
    </row>
    <row r="456221" spans="8:8">
      <c r="H456221" s="12"/>
    </row>
    <row r="456222" spans="8:8">
      <c r="H456222" s="12"/>
    </row>
    <row r="456223" spans="8:8">
      <c r="H456223" s="12"/>
    </row>
    <row r="456224" spans="8:8">
      <c r="H456224" s="12"/>
    </row>
    <row r="456225" spans="8:8">
      <c r="H456225" s="12"/>
    </row>
    <row r="456226" spans="8:8">
      <c r="H456226" s="12"/>
    </row>
    <row r="456227" spans="8:8">
      <c r="H456227" s="12"/>
    </row>
    <row r="456228" spans="8:8">
      <c r="H456228" s="12"/>
    </row>
    <row r="456229" spans="8:8">
      <c r="H456229" s="12"/>
    </row>
    <row r="456230" spans="8:8">
      <c r="H456230" s="12"/>
    </row>
    <row r="456231" spans="8:8">
      <c r="H456231" s="12"/>
    </row>
    <row r="456232" spans="8:8">
      <c r="H456232" s="12"/>
    </row>
    <row r="456233" spans="8:8">
      <c r="H456233" s="12"/>
    </row>
    <row r="456234" spans="8:8">
      <c r="H456234" s="12"/>
    </row>
    <row r="456235" spans="8:8">
      <c r="H456235" s="12"/>
    </row>
    <row r="456236" spans="8:8">
      <c r="H456236" s="12"/>
    </row>
    <row r="456237" spans="8:8">
      <c r="H456237" s="12"/>
    </row>
    <row r="456238" spans="8:8">
      <c r="H456238" s="12"/>
    </row>
    <row r="456239" spans="8:8">
      <c r="H456239" s="12"/>
    </row>
    <row r="456240" spans="8:8">
      <c r="H456240" s="12"/>
    </row>
    <row r="456241" spans="8:8">
      <c r="H456241" s="12"/>
    </row>
    <row r="456242" spans="8:8">
      <c r="H456242" s="12"/>
    </row>
    <row r="456243" spans="8:8">
      <c r="H456243" s="12"/>
    </row>
    <row r="456244" spans="8:8">
      <c r="H456244" s="12"/>
    </row>
    <row r="456245" spans="8:8">
      <c r="H456245" s="12"/>
    </row>
    <row r="456246" spans="8:8">
      <c r="H456246" s="12"/>
    </row>
    <row r="456247" spans="8:8">
      <c r="H456247" s="12"/>
    </row>
    <row r="456248" spans="8:8">
      <c r="H456248" s="12"/>
    </row>
    <row r="456249" spans="8:8">
      <c r="H456249" s="12"/>
    </row>
    <row r="456250" spans="8:8">
      <c r="H456250" s="12"/>
    </row>
    <row r="456251" spans="8:8">
      <c r="H456251" s="12"/>
    </row>
    <row r="456252" spans="8:8">
      <c r="H456252" s="12"/>
    </row>
    <row r="456253" spans="8:8">
      <c r="H456253" s="12"/>
    </row>
    <row r="456254" spans="8:8">
      <c r="H456254" s="12"/>
    </row>
    <row r="456255" spans="8:8">
      <c r="H456255" s="12"/>
    </row>
    <row r="456256" spans="8:8">
      <c r="H456256" s="12"/>
    </row>
    <row r="456257" spans="8:8">
      <c r="H456257" s="12"/>
    </row>
    <row r="456258" spans="8:8">
      <c r="H456258" s="12"/>
    </row>
    <row r="456259" spans="8:8">
      <c r="H456259" s="12"/>
    </row>
    <row r="456260" spans="8:8">
      <c r="H456260" s="12"/>
    </row>
    <row r="456261" spans="8:8">
      <c r="H456261" s="12"/>
    </row>
    <row r="456262" spans="8:8">
      <c r="H456262" s="12"/>
    </row>
    <row r="456263" spans="8:8">
      <c r="H456263" s="12"/>
    </row>
    <row r="456264" spans="8:8">
      <c r="H456264" s="12"/>
    </row>
    <row r="456265" spans="8:8">
      <c r="H456265" s="12"/>
    </row>
    <row r="456266" spans="8:8">
      <c r="H456266" s="12"/>
    </row>
    <row r="456267" spans="8:8">
      <c r="H456267" s="12"/>
    </row>
    <row r="456268" spans="8:8">
      <c r="H456268" s="12"/>
    </row>
    <row r="456269" spans="8:8">
      <c r="H456269" s="12"/>
    </row>
    <row r="456270" spans="8:8">
      <c r="H456270" s="12"/>
    </row>
    <row r="456271" spans="8:8">
      <c r="H456271" s="12"/>
    </row>
    <row r="456272" spans="8:8">
      <c r="H456272" s="12"/>
    </row>
    <row r="456273" spans="8:8">
      <c r="H456273" s="12"/>
    </row>
    <row r="456274" spans="8:8">
      <c r="H456274" s="12"/>
    </row>
    <row r="456275" spans="8:8">
      <c r="H456275" s="12"/>
    </row>
    <row r="456276" spans="8:8">
      <c r="H456276" s="12"/>
    </row>
    <row r="456277" spans="8:8">
      <c r="H456277" s="12"/>
    </row>
    <row r="456278" spans="8:8">
      <c r="H456278" s="12"/>
    </row>
    <row r="456279" spans="8:8">
      <c r="H456279" s="12"/>
    </row>
    <row r="456280" spans="8:8">
      <c r="H456280" s="12"/>
    </row>
    <row r="456281" spans="8:8">
      <c r="H456281" s="12"/>
    </row>
    <row r="456282" spans="8:8">
      <c r="H456282" s="12"/>
    </row>
    <row r="456283" spans="8:8">
      <c r="H456283" s="12"/>
    </row>
    <row r="456284" spans="8:8">
      <c r="H456284" s="12"/>
    </row>
    <row r="456285" spans="8:8">
      <c r="H456285" s="12"/>
    </row>
    <row r="456286" spans="8:8">
      <c r="H456286" s="12"/>
    </row>
    <row r="456287" spans="8:8">
      <c r="H456287" s="12"/>
    </row>
    <row r="456288" spans="8:8">
      <c r="H456288" s="12"/>
    </row>
    <row r="456289" spans="8:8">
      <c r="H456289" s="12"/>
    </row>
    <row r="456290" spans="8:8">
      <c r="H456290" s="12"/>
    </row>
    <row r="456291" spans="8:8">
      <c r="H456291" s="12"/>
    </row>
    <row r="456292" spans="8:8">
      <c r="H456292" s="12"/>
    </row>
    <row r="456293" spans="8:8">
      <c r="H456293" s="12"/>
    </row>
    <row r="456294" spans="8:8">
      <c r="H456294" s="12"/>
    </row>
    <row r="456295" spans="8:8">
      <c r="H456295" s="12"/>
    </row>
    <row r="456296" spans="8:8">
      <c r="H456296" s="12"/>
    </row>
    <row r="456297" spans="8:8">
      <c r="H456297" s="12"/>
    </row>
    <row r="456298" spans="8:8">
      <c r="H456298" s="12"/>
    </row>
    <row r="456299" spans="8:8">
      <c r="H456299" s="12"/>
    </row>
    <row r="456300" spans="8:8">
      <c r="H456300" s="12"/>
    </row>
    <row r="456301" spans="8:8">
      <c r="H456301" s="12"/>
    </row>
    <row r="456302" spans="8:8">
      <c r="H456302" s="12"/>
    </row>
    <row r="456303" spans="8:8">
      <c r="H456303" s="12"/>
    </row>
    <row r="456304" spans="8:8">
      <c r="H456304" s="12"/>
    </row>
    <row r="456305" spans="8:8">
      <c r="H456305" s="12"/>
    </row>
    <row r="456306" spans="8:8">
      <c r="H456306" s="12"/>
    </row>
    <row r="456307" spans="8:8">
      <c r="H456307" s="12"/>
    </row>
    <row r="456308" spans="8:8">
      <c r="H456308" s="12"/>
    </row>
    <row r="456309" spans="8:8">
      <c r="H456309" s="12"/>
    </row>
    <row r="456310" spans="8:8">
      <c r="H456310" s="12"/>
    </row>
    <row r="456311" spans="8:8">
      <c r="H456311" s="12"/>
    </row>
    <row r="456312" spans="8:8">
      <c r="H456312" s="12"/>
    </row>
    <row r="456313" spans="8:8">
      <c r="H456313" s="12"/>
    </row>
    <row r="456314" spans="8:8">
      <c r="H456314" s="12"/>
    </row>
    <row r="456315" spans="8:8">
      <c r="H456315" s="12"/>
    </row>
    <row r="456316" spans="8:8">
      <c r="H456316" s="12"/>
    </row>
    <row r="456317" spans="8:8">
      <c r="H456317" s="12"/>
    </row>
    <row r="456318" spans="8:8">
      <c r="H456318" s="12"/>
    </row>
    <row r="456319" spans="8:8">
      <c r="H456319" s="12"/>
    </row>
    <row r="456320" spans="8:8">
      <c r="H456320" s="12"/>
    </row>
    <row r="456321" spans="8:8">
      <c r="H456321" s="12"/>
    </row>
    <row r="456322" spans="8:8">
      <c r="H456322" s="12"/>
    </row>
    <row r="456323" spans="8:8">
      <c r="H456323" s="12"/>
    </row>
    <row r="456324" spans="8:8">
      <c r="H456324" s="12"/>
    </row>
    <row r="456325" spans="8:8">
      <c r="H456325" s="12"/>
    </row>
    <row r="456326" spans="8:8">
      <c r="H456326" s="12"/>
    </row>
    <row r="456327" spans="8:8">
      <c r="H456327" s="12"/>
    </row>
    <row r="456328" spans="8:8">
      <c r="H456328" s="12"/>
    </row>
    <row r="456329" spans="8:8">
      <c r="H456329" s="12"/>
    </row>
    <row r="456330" spans="8:8">
      <c r="H456330" s="12"/>
    </row>
    <row r="456331" spans="8:8">
      <c r="H456331" s="12"/>
    </row>
    <row r="456332" spans="8:8">
      <c r="H456332" s="12"/>
    </row>
    <row r="456333" spans="8:8">
      <c r="H456333" s="12"/>
    </row>
    <row r="456334" spans="8:8">
      <c r="H456334" s="12"/>
    </row>
    <row r="456335" spans="8:8">
      <c r="H456335" s="12"/>
    </row>
    <row r="456336" spans="8:8">
      <c r="H456336" s="12"/>
    </row>
    <row r="456337" spans="8:8">
      <c r="H456337" s="12"/>
    </row>
    <row r="456338" spans="8:8">
      <c r="H456338" s="12"/>
    </row>
    <row r="456339" spans="8:8">
      <c r="H456339" s="12"/>
    </row>
    <row r="456340" spans="8:8">
      <c r="H456340" s="12"/>
    </row>
    <row r="456341" spans="8:8">
      <c r="H456341" s="12"/>
    </row>
    <row r="456342" spans="8:8">
      <c r="H456342" s="12"/>
    </row>
    <row r="456343" spans="8:8">
      <c r="H456343" s="12"/>
    </row>
    <row r="456344" spans="8:8">
      <c r="H456344" s="12"/>
    </row>
    <row r="456345" spans="8:8">
      <c r="H456345" s="12"/>
    </row>
    <row r="456346" spans="8:8">
      <c r="H456346" s="12"/>
    </row>
    <row r="456347" spans="8:8">
      <c r="H456347" s="12"/>
    </row>
    <row r="456348" spans="8:8">
      <c r="H456348" s="12"/>
    </row>
    <row r="456349" spans="8:8">
      <c r="H456349" s="12"/>
    </row>
    <row r="456350" spans="8:8">
      <c r="H456350" s="12"/>
    </row>
    <row r="456351" spans="8:8">
      <c r="H456351" s="12"/>
    </row>
    <row r="456352" spans="8:8">
      <c r="H456352" s="12"/>
    </row>
    <row r="456353" spans="8:8">
      <c r="H456353" s="12"/>
    </row>
    <row r="456354" spans="8:8">
      <c r="H456354" s="12"/>
    </row>
    <row r="456355" spans="8:8">
      <c r="H456355" s="12"/>
    </row>
    <row r="456356" spans="8:8">
      <c r="H456356" s="12"/>
    </row>
    <row r="456357" spans="8:8">
      <c r="H456357" s="12"/>
    </row>
    <row r="456358" spans="8:8">
      <c r="H456358" s="12"/>
    </row>
    <row r="456359" spans="8:8">
      <c r="H456359" s="12"/>
    </row>
    <row r="456360" spans="8:8">
      <c r="H456360" s="12"/>
    </row>
    <row r="456361" spans="8:8">
      <c r="H456361" s="12"/>
    </row>
    <row r="456362" spans="8:8">
      <c r="H456362" s="12"/>
    </row>
    <row r="456363" spans="8:8">
      <c r="H456363" s="12"/>
    </row>
    <row r="456364" spans="8:8">
      <c r="H456364" s="12"/>
    </row>
    <row r="456365" spans="8:8">
      <c r="H456365" s="12"/>
    </row>
    <row r="456366" spans="8:8">
      <c r="H456366" s="12"/>
    </row>
    <row r="456367" spans="8:8">
      <c r="H456367" s="12"/>
    </row>
    <row r="456368" spans="8:8">
      <c r="H456368" s="12"/>
    </row>
    <row r="456369" spans="8:8">
      <c r="H456369" s="12"/>
    </row>
    <row r="456370" spans="8:8">
      <c r="H456370" s="12"/>
    </row>
    <row r="456371" spans="8:8">
      <c r="H456371" s="12"/>
    </row>
    <row r="456372" spans="8:8">
      <c r="H456372" s="12"/>
    </row>
    <row r="456373" spans="8:8">
      <c r="H456373" s="12"/>
    </row>
    <row r="456374" spans="8:8">
      <c r="H456374" s="12"/>
    </row>
    <row r="456375" spans="8:8">
      <c r="H456375" s="12"/>
    </row>
    <row r="456376" spans="8:8">
      <c r="H456376" s="12"/>
    </row>
    <row r="456377" spans="8:8">
      <c r="H456377" s="12"/>
    </row>
    <row r="456378" spans="8:8">
      <c r="H456378" s="12"/>
    </row>
    <row r="456379" spans="8:8">
      <c r="H456379" s="12"/>
    </row>
    <row r="456380" spans="8:8">
      <c r="H456380" s="12"/>
    </row>
    <row r="456381" spans="8:8">
      <c r="H456381" s="12"/>
    </row>
    <row r="456382" spans="8:8">
      <c r="H456382" s="12"/>
    </row>
    <row r="456383" spans="8:8">
      <c r="H456383" s="12"/>
    </row>
    <row r="456384" spans="8:8">
      <c r="H456384" s="12"/>
    </row>
    <row r="456385" spans="8:8">
      <c r="H456385" s="12"/>
    </row>
    <row r="456386" spans="8:8">
      <c r="H456386" s="12"/>
    </row>
    <row r="456387" spans="8:8">
      <c r="H456387" s="12"/>
    </row>
    <row r="456388" spans="8:8">
      <c r="H456388" s="12"/>
    </row>
    <row r="456389" spans="8:8">
      <c r="H456389" s="12"/>
    </row>
    <row r="456390" spans="8:8">
      <c r="H456390" s="12"/>
    </row>
    <row r="456391" spans="8:8">
      <c r="H456391" s="12"/>
    </row>
    <row r="456392" spans="8:8">
      <c r="H456392" s="12"/>
    </row>
    <row r="456393" spans="8:8">
      <c r="H456393" s="12"/>
    </row>
    <row r="456394" spans="8:8">
      <c r="H456394" s="12"/>
    </row>
    <row r="456395" spans="8:8">
      <c r="H456395" s="12"/>
    </row>
    <row r="456396" spans="8:8">
      <c r="H456396" s="12"/>
    </row>
    <row r="456397" spans="8:8">
      <c r="H456397" s="12"/>
    </row>
    <row r="456398" spans="8:8">
      <c r="H456398" s="12"/>
    </row>
    <row r="456399" spans="8:8">
      <c r="H456399" s="12"/>
    </row>
    <row r="456400" spans="8:8">
      <c r="H456400" s="12"/>
    </row>
    <row r="456401" spans="8:8">
      <c r="H456401" s="12"/>
    </row>
    <row r="456402" spans="8:8">
      <c r="H456402" s="12"/>
    </row>
    <row r="456403" spans="8:8">
      <c r="H456403" s="12"/>
    </row>
    <row r="456404" spans="8:8">
      <c r="H456404" s="12"/>
    </row>
    <row r="456405" spans="8:8">
      <c r="H456405" s="12"/>
    </row>
    <row r="456406" spans="8:8">
      <c r="H456406" s="12"/>
    </row>
    <row r="456407" spans="8:8">
      <c r="H456407" s="12"/>
    </row>
    <row r="456408" spans="8:8">
      <c r="H456408" s="12"/>
    </row>
    <row r="456409" spans="8:8">
      <c r="H456409" s="12"/>
    </row>
    <row r="456410" spans="8:8">
      <c r="H456410" s="12"/>
    </row>
    <row r="456411" spans="8:8">
      <c r="H456411" s="12"/>
    </row>
    <row r="456412" spans="8:8">
      <c r="H456412" s="12"/>
    </row>
    <row r="456413" spans="8:8">
      <c r="H456413" s="12"/>
    </row>
    <row r="456414" spans="8:8">
      <c r="H456414" s="12"/>
    </row>
    <row r="456415" spans="8:8">
      <c r="H456415" s="12"/>
    </row>
    <row r="456416" spans="8:8">
      <c r="H456416" s="12"/>
    </row>
    <row r="456417" spans="8:8">
      <c r="H456417" s="12"/>
    </row>
    <row r="456418" spans="8:8">
      <c r="H456418" s="12"/>
    </row>
    <row r="456419" spans="8:8">
      <c r="H456419" s="12"/>
    </row>
    <row r="456420" spans="8:8">
      <c r="H456420" s="12"/>
    </row>
    <row r="456421" spans="8:8">
      <c r="H456421" s="12"/>
    </row>
    <row r="456422" spans="8:8">
      <c r="H456422" s="12"/>
    </row>
    <row r="456423" spans="8:8">
      <c r="H456423" s="12"/>
    </row>
    <row r="456424" spans="8:8">
      <c r="H456424" s="12"/>
    </row>
    <row r="456425" spans="8:8">
      <c r="H456425" s="12"/>
    </row>
    <row r="456426" spans="8:8">
      <c r="H456426" s="12"/>
    </row>
    <row r="456427" spans="8:8">
      <c r="H456427" s="12"/>
    </row>
    <row r="456428" spans="8:8">
      <c r="H456428" s="12"/>
    </row>
    <row r="456429" spans="8:8">
      <c r="H456429" s="12"/>
    </row>
    <row r="456430" spans="8:8">
      <c r="H456430" s="12"/>
    </row>
    <row r="456431" spans="8:8">
      <c r="H456431" s="12"/>
    </row>
    <row r="456432" spans="8:8">
      <c r="H456432" s="12"/>
    </row>
    <row r="456433" spans="8:8">
      <c r="H456433" s="12"/>
    </row>
    <row r="456434" spans="8:8">
      <c r="H456434" s="12"/>
    </row>
    <row r="456435" spans="8:8">
      <c r="H456435" s="12"/>
    </row>
    <row r="456436" spans="8:8">
      <c r="H456436" s="12"/>
    </row>
    <row r="456437" spans="8:8">
      <c r="H456437" s="12"/>
    </row>
    <row r="456438" spans="8:8">
      <c r="H456438" s="12"/>
    </row>
    <row r="456439" spans="8:8">
      <c r="H456439" s="12"/>
    </row>
    <row r="456440" spans="8:8">
      <c r="H456440" s="12"/>
    </row>
    <row r="456441" spans="8:8">
      <c r="H456441" s="12"/>
    </row>
    <row r="456442" spans="8:8">
      <c r="H456442" s="12"/>
    </row>
    <row r="456443" spans="8:8">
      <c r="H456443" s="12"/>
    </row>
    <row r="456444" spans="8:8">
      <c r="H456444" s="12"/>
    </row>
    <row r="456445" spans="8:8">
      <c r="H456445" s="12"/>
    </row>
    <row r="456446" spans="8:8">
      <c r="H456446" s="12"/>
    </row>
    <row r="456447" spans="8:8">
      <c r="H456447" s="12"/>
    </row>
    <row r="456448" spans="8:8">
      <c r="H456448" s="12"/>
    </row>
    <row r="456449" spans="8:8">
      <c r="H456449" s="12"/>
    </row>
    <row r="456450" spans="8:8">
      <c r="H456450" s="12"/>
    </row>
    <row r="456451" spans="8:8">
      <c r="H456451" s="12"/>
    </row>
    <row r="456452" spans="8:8">
      <c r="H456452" s="12"/>
    </row>
    <row r="456453" spans="8:8">
      <c r="H456453" s="12"/>
    </row>
    <row r="456454" spans="8:8">
      <c r="H456454" s="12"/>
    </row>
    <row r="456455" spans="8:8">
      <c r="H456455" s="12"/>
    </row>
    <row r="456456" spans="8:8">
      <c r="H456456" s="12"/>
    </row>
    <row r="456457" spans="8:8">
      <c r="H456457" s="12"/>
    </row>
    <row r="456458" spans="8:8">
      <c r="H456458" s="12"/>
    </row>
    <row r="456459" spans="8:8">
      <c r="H456459" s="12"/>
    </row>
    <row r="456460" spans="8:8">
      <c r="H456460" s="12"/>
    </row>
    <row r="456461" spans="8:8">
      <c r="H456461" s="12"/>
    </row>
    <row r="456462" spans="8:8">
      <c r="H456462" s="12"/>
    </row>
    <row r="456463" spans="8:8">
      <c r="H456463" s="12"/>
    </row>
    <row r="456464" spans="8:8">
      <c r="H456464" s="12"/>
    </row>
    <row r="456465" spans="8:8">
      <c r="H456465" s="12"/>
    </row>
    <row r="456466" spans="8:8">
      <c r="H456466" s="12"/>
    </row>
    <row r="456467" spans="8:8">
      <c r="H456467" s="12"/>
    </row>
    <row r="456468" spans="8:8">
      <c r="H456468" s="12"/>
    </row>
    <row r="456469" spans="8:8">
      <c r="H456469" s="12"/>
    </row>
    <row r="456470" spans="8:8">
      <c r="H456470" s="12"/>
    </row>
    <row r="456471" spans="8:8">
      <c r="H456471" s="12"/>
    </row>
    <row r="456472" spans="8:8">
      <c r="H456472" s="12"/>
    </row>
    <row r="456473" spans="8:8">
      <c r="H456473" s="12"/>
    </row>
    <row r="456474" spans="8:8">
      <c r="H456474" s="12"/>
    </row>
    <row r="456475" spans="8:8">
      <c r="H456475" s="12"/>
    </row>
    <row r="456476" spans="8:8">
      <c r="H456476" s="12"/>
    </row>
    <row r="456477" spans="8:8">
      <c r="H456477" s="12"/>
    </row>
    <row r="456478" spans="8:8">
      <c r="H456478" s="12"/>
    </row>
    <row r="456479" spans="8:8">
      <c r="H456479" s="12"/>
    </row>
    <row r="456480" spans="8:8">
      <c r="H456480" s="12"/>
    </row>
    <row r="456481" spans="8:8">
      <c r="H456481" s="12"/>
    </row>
    <row r="456482" spans="8:8">
      <c r="H456482" s="12"/>
    </row>
    <row r="456483" spans="8:8">
      <c r="H456483" s="12"/>
    </row>
    <row r="456484" spans="8:8">
      <c r="H456484" s="12"/>
    </row>
    <row r="456485" spans="8:8">
      <c r="H456485" s="12"/>
    </row>
    <row r="456486" spans="8:8">
      <c r="H456486" s="12"/>
    </row>
    <row r="456487" spans="8:8">
      <c r="H456487" s="12"/>
    </row>
    <row r="456488" spans="8:8">
      <c r="H456488" s="12"/>
    </row>
    <row r="456489" spans="8:8">
      <c r="H456489" s="12"/>
    </row>
    <row r="456490" spans="8:8">
      <c r="H456490" s="12"/>
    </row>
    <row r="456491" spans="8:8">
      <c r="H456491" s="12"/>
    </row>
    <row r="456492" spans="8:8">
      <c r="H456492" s="12"/>
    </row>
    <row r="456493" spans="8:8">
      <c r="H456493" s="12"/>
    </row>
    <row r="456494" spans="8:8">
      <c r="H456494" s="12"/>
    </row>
    <row r="456495" spans="8:8">
      <c r="H456495" s="12"/>
    </row>
    <row r="456496" spans="8:8">
      <c r="H456496" s="12"/>
    </row>
    <row r="456497" spans="8:8">
      <c r="H456497" s="12"/>
    </row>
    <row r="456498" spans="8:8">
      <c r="H456498" s="12"/>
    </row>
    <row r="456499" spans="8:8">
      <c r="H456499" s="12"/>
    </row>
    <row r="456500" spans="8:8">
      <c r="H456500" s="12"/>
    </row>
    <row r="456501" spans="8:8">
      <c r="H456501" s="12"/>
    </row>
    <row r="456502" spans="8:8">
      <c r="H456502" s="12"/>
    </row>
    <row r="456503" spans="8:8">
      <c r="H456503" s="12"/>
    </row>
    <row r="456504" spans="8:8">
      <c r="H456504" s="12"/>
    </row>
    <row r="456505" spans="8:8">
      <c r="H456505" s="12"/>
    </row>
    <row r="456506" spans="8:8">
      <c r="H456506" s="12"/>
    </row>
    <row r="456507" spans="8:8">
      <c r="H456507" s="12"/>
    </row>
    <row r="456508" spans="8:8">
      <c r="H456508" s="12"/>
    </row>
    <row r="456509" spans="8:8">
      <c r="H456509" s="12"/>
    </row>
    <row r="456510" spans="8:8">
      <c r="H456510" s="12"/>
    </row>
    <row r="456511" spans="8:8">
      <c r="H456511" s="12"/>
    </row>
    <row r="456512" spans="8:8">
      <c r="H456512" s="12"/>
    </row>
    <row r="456513" spans="8:8">
      <c r="H456513" s="12"/>
    </row>
    <row r="456514" spans="8:8">
      <c r="H456514" s="12"/>
    </row>
    <row r="456515" spans="8:8">
      <c r="H456515" s="12"/>
    </row>
    <row r="456516" spans="8:8">
      <c r="H456516" s="12"/>
    </row>
    <row r="456517" spans="8:8">
      <c r="H456517" s="12"/>
    </row>
    <row r="456518" spans="8:8">
      <c r="H456518" s="12"/>
    </row>
    <row r="456519" spans="8:8">
      <c r="H456519" s="12"/>
    </row>
    <row r="456520" spans="8:8">
      <c r="H456520" s="12"/>
    </row>
    <row r="456521" spans="8:8">
      <c r="H456521" s="12"/>
    </row>
    <row r="456522" spans="8:8">
      <c r="H456522" s="12"/>
    </row>
    <row r="456523" spans="8:8">
      <c r="H456523" s="12"/>
    </row>
    <row r="456524" spans="8:8">
      <c r="H456524" s="12"/>
    </row>
    <row r="456525" spans="8:8">
      <c r="H456525" s="12"/>
    </row>
    <row r="456526" spans="8:8">
      <c r="H456526" s="12"/>
    </row>
    <row r="456527" spans="8:8">
      <c r="H456527" s="12"/>
    </row>
    <row r="456528" spans="8:8">
      <c r="H456528" s="12"/>
    </row>
    <row r="456529" spans="8:8">
      <c r="H456529" s="12"/>
    </row>
    <row r="456530" spans="8:8">
      <c r="H456530" s="12"/>
    </row>
    <row r="456531" spans="8:8">
      <c r="H456531" s="12"/>
    </row>
    <row r="456532" spans="8:8">
      <c r="H456532" s="12"/>
    </row>
    <row r="456533" spans="8:8">
      <c r="H456533" s="12"/>
    </row>
    <row r="456534" spans="8:8">
      <c r="H456534" s="12"/>
    </row>
    <row r="456535" spans="8:8">
      <c r="H456535" s="12"/>
    </row>
    <row r="456536" spans="8:8">
      <c r="H456536" s="12"/>
    </row>
    <row r="456537" spans="8:8">
      <c r="H456537" s="12"/>
    </row>
    <row r="456538" spans="8:8">
      <c r="H456538" s="12"/>
    </row>
    <row r="456539" spans="8:8">
      <c r="H456539" s="12"/>
    </row>
    <row r="456540" spans="8:8">
      <c r="H456540" s="12"/>
    </row>
    <row r="456541" spans="8:8">
      <c r="H456541" s="12"/>
    </row>
    <row r="456542" spans="8:8">
      <c r="H456542" s="12"/>
    </row>
    <row r="456543" spans="8:8">
      <c r="H456543" s="12"/>
    </row>
    <row r="456544" spans="8:8">
      <c r="H456544" s="12"/>
    </row>
    <row r="456545" spans="8:8">
      <c r="H456545" s="12"/>
    </row>
    <row r="456546" spans="8:8">
      <c r="H456546" s="12"/>
    </row>
    <row r="456547" spans="8:8">
      <c r="H456547" s="12"/>
    </row>
    <row r="456548" spans="8:8">
      <c r="H456548" s="12"/>
    </row>
    <row r="456549" spans="8:8">
      <c r="H456549" s="12"/>
    </row>
    <row r="456550" spans="8:8">
      <c r="H456550" s="12"/>
    </row>
    <row r="456551" spans="8:8">
      <c r="H456551" s="12"/>
    </row>
    <row r="456552" spans="8:8">
      <c r="H456552" s="12"/>
    </row>
    <row r="456553" spans="8:8">
      <c r="H456553" s="12"/>
    </row>
    <row r="456554" spans="8:8">
      <c r="H456554" s="12"/>
    </row>
    <row r="456555" spans="8:8">
      <c r="H456555" s="12"/>
    </row>
    <row r="456556" spans="8:8">
      <c r="H456556" s="12"/>
    </row>
    <row r="456557" spans="8:8">
      <c r="H456557" s="12"/>
    </row>
    <row r="456558" spans="8:8">
      <c r="H456558" s="12"/>
    </row>
    <row r="456559" spans="8:8">
      <c r="H456559" s="12"/>
    </row>
    <row r="456560" spans="8:8">
      <c r="H456560" s="12"/>
    </row>
    <row r="456561" spans="8:8">
      <c r="H456561" s="12"/>
    </row>
    <row r="456562" spans="8:8">
      <c r="H456562" s="12"/>
    </row>
    <row r="456563" spans="8:8">
      <c r="H456563" s="12"/>
    </row>
    <row r="456564" spans="8:8">
      <c r="H456564" s="12"/>
    </row>
    <row r="456565" spans="8:8">
      <c r="H456565" s="12"/>
    </row>
    <row r="456566" spans="8:8">
      <c r="H456566" s="12"/>
    </row>
    <row r="456567" spans="8:8">
      <c r="H456567" s="12"/>
    </row>
    <row r="456568" spans="8:8">
      <c r="H456568" s="12"/>
    </row>
    <row r="456569" spans="8:8">
      <c r="H456569" s="12"/>
    </row>
    <row r="456570" spans="8:8">
      <c r="H456570" s="12"/>
    </row>
    <row r="456571" spans="8:8">
      <c r="H456571" s="12"/>
    </row>
    <row r="456572" spans="8:8">
      <c r="H456572" s="12"/>
    </row>
    <row r="456573" spans="8:8">
      <c r="H456573" s="12"/>
    </row>
    <row r="456574" spans="8:8">
      <c r="H456574" s="12"/>
    </row>
    <row r="456575" spans="8:8">
      <c r="H456575" s="12"/>
    </row>
    <row r="456576" spans="8:8">
      <c r="H456576" s="12"/>
    </row>
    <row r="456577" spans="8:8">
      <c r="H456577" s="12"/>
    </row>
    <row r="456578" spans="8:8">
      <c r="H456578" s="12"/>
    </row>
    <row r="456579" spans="8:8">
      <c r="H456579" s="12"/>
    </row>
    <row r="456580" spans="8:8">
      <c r="H456580" s="12"/>
    </row>
    <row r="456581" spans="8:8">
      <c r="H456581" s="12"/>
    </row>
    <row r="456582" spans="8:8">
      <c r="H456582" s="12"/>
    </row>
    <row r="456583" spans="8:8">
      <c r="H456583" s="12"/>
    </row>
    <row r="456584" spans="8:8">
      <c r="H456584" s="12"/>
    </row>
    <row r="456585" spans="8:8">
      <c r="H456585" s="12"/>
    </row>
    <row r="456586" spans="8:8">
      <c r="H456586" s="12"/>
    </row>
    <row r="456587" spans="8:8">
      <c r="H456587" s="12"/>
    </row>
    <row r="456588" spans="8:8">
      <c r="H456588" s="12"/>
    </row>
    <row r="456589" spans="8:8">
      <c r="H456589" s="12"/>
    </row>
    <row r="456590" spans="8:8">
      <c r="H456590" s="12"/>
    </row>
    <row r="456591" spans="8:8">
      <c r="H456591" s="12"/>
    </row>
    <row r="456592" spans="8:8">
      <c r="H456592" s="12"/>
    </row>
    <row r="456593" spans="8:8">
      <c r="H456593" s="12"/>
    </row>
    <row r="456594" spans="8:8">
      <c r="H456594" s="12"/>
    </row>
    <row r="456595" spans="8:8">
      <c r="H456595" s="12"/>
    </row>
    <row r="456596" spans="8:8">
      <c r="H456596" s="12"/>
    </row>
    <row r="456597" spans="8:8">
      <c r="H456597" s="12"/>
    </row>
    <row r="456598" spans="8:8">
      <c r="H456598" s="12"/>
    </row>
    <row r="456599" spans="8:8">
      <c r="H456599" s="12"/>
    </row>
    <row r="456600" spans="8:8">
      <c r="H456600" s="12"/>
    </row>
    <row r="456601" spans="8:8">
      <c r="H456601" s="12"/>
    </row>
    <row r="456602" spans="8:8">
      <c r="H456602" s="12"/>
    </row>
    <row r="456603" spans="8:8">
      <c r="H456603" s="12"/>
    </row>
    <row r="456604" spans="8:8">
      <c r="H456604" s="12"/>
    </row>
    <row r="456605" spans="8:8">
      <c r="H456605" s="12"/>
    </row>
    <row r="456606" spans="8:8">
      <c r="H456606" s="12"/>
    </row>
    <row r="456607" spans="8:8">
      <c r="H456607" s="12"/>
    </row>
    <row r="456608" spans="8:8">
      <c r="H456608" s="12"/>
    </row>
    <row r="456609" spans="8:8">
      <c r="H456609" s="12"/>
    </row>
    <row r="456610" spans="8:8">
      <c r="H456610" s="12"/>
    </row>
    <row r="456611" spans="8:8">
      <c r="H456611" s="12"/>
    </row>
    <row r="456612" spans="8:8">
      <c r="H456612" s="12"/>
    </row>
    <row r="456613" spans="8:8">
      <c r="H456613" s="12"/>
    </row>
    <row r="456614" spans="8:8">
      <c r="H456614" s="12"/>
    </row>
    <row r="456615" spans="8:8">
      <c r="H456615" s="12"/>
    </row>
    <row r="456616" spans="8:8">
      <c r="H456616" s="12"/>
    </row>
    <row r="456617" spans="8:8">
      <c r="H456617" s="12"/>
    </row>
    <row r="456618" spans="8:8">
      <c r="H456618" s="12"/>
    </row>
    <row r="456619" spans="8:8">
      <c r="H456619" s="12"/>
    </row>
    <row r="456620" spans="8:8">
      <c r="H456620" s="12"/>
    </row>
    <row r="456621" spans="8:8">
      <c r="H456621" s="12"/>
    </row>
    <row r="456622" spans="8:8">
      <c r="H456622" s="12"/>
    </row>
    <row r="456623" spans="8:8">
      <c r="H456623" s="12"/>
    </row>
    <row r="456624" spans="8:8">
      <c r="H456624" s="12"/>
    </row>
    <row r="456625" spans="8:8">
      <c r="H456625" s="12"/>
    </row>
    <row r="456626" spans="8:8">
      <c r="H456626" s="12"/>
    </row>
    <row r="456627" spans="8:8">
      <c r="H456627" s="12"/>
    </row>
    <row r="456628" spans="8:8">
      <c r="H456628" s="12"/>
    </row>
    <row r="456629" spans="8:8">
      <c r="H456629" s="12"/>
    </row>
    <row r="456630" spans="8:8">
      <c r="H456630" s="12"/>
    </row>
    <row r="456631" spans="8:8">
      <c r="H456631" s="12"/>
    </row>
    <row r="456632" spans="8:8">
      <c r="H456632" s="12"/>
    </row>
    <row r="456633" spans="8:8">
      <c r="H456633" s="12"/>
    </row>
    <row r="456634" spans="8:8">
      <c r="H456634" s="12"/>
    </row>
    <row r="456635" spans="8:8">
      <c r="H456635" s="12"/>
    </row>
    <row r="456636" spans="8:8">
      <c r="H456636" s="12"/>
    </row>
    <row r="456637" spans="8:8">
      <c r="H456637" s="12"/>
    </row>
    <row r="456638" spans="8:8">
      <c r="H456638" s="12"/>
    </row>
    <row r="456639" spans="8:8">
      <c r="H456639" s="12"/>
    </row>
    <row r="456640" spans="8:8">
      <c r="H456640" s="12"/>
    </row>
    <row r="456641" spans="8:8">
      <c r="H456641" s="12"/>
    </row>
    <row r="456642" spans="8:8">
      <c r="H456642" s="12"/>
    </row>
    <row r="456643" spans="8:8">
      <c r="H456643" s="12"/>
    </row>
    <row r="456644" spans="8:8">
      <c r="H456644" s="12"/>
    </row>
    <row r="456645" spans="8:8">
      <c r="H456645" s="12"/>
    </row>
    <row r="456646" spans="8:8">
      <c r="H456646" s="12"/>
    </row>
    <row r="456647" spans="8:8">
      <c r="H456647" s="12"/>
    </row>
    <row r="456648" spans="8:8">
      <c r="H456648" s="12"/>
    </row>
    <row r="456649" spans="8:8">
      <c r="H456649" s="12"/>
    </row>
    <row r="456650" spans="8:8">
      <c r="H456650" s="12"/>
    </row>
    <row r="456651" spans="8:8">
      <c r="H456651" s="12"/>
    </row>
    <row r="456652" spans="8:8">
      <c r="H456652" s="12"/>
    </row>
    <row r="456653" spans="8:8">
      <c r="H456653" s="12"/>
    </row>
    <row r="456654" spans="8:8">
      <c r="H456654" s="12"/>
    </row>
    <row r="456655" spans="8:8">
      <c r="H456655" s="12"/>
    </row>
    <row r="456656" spans="8:8">
      <c r="H456656" s="12"/>
    </row>
    <row r="456657" spans="8:8">
      <c r="H456657" s="12"/>
    </row>
    <row r="456658" spans="8:8">
      <c r="H456658" s="12"/>
    </row>
    <row r="456659" spans="8:8">
      <c r="H456659" s="12"/>
    </row>
    <row r="456660" spans="8:8">
      <c r="H456660" s="12"/>
    </row>
    <row r="456661" spans="8:8">
      <c r="H456661" s="12"/>
    </row>
    <row r="456662" spans="8:8">
      <c r="H456662" s="12"/>
    </row>
    <row r="456663" spans="8:8">
      <c r="H456663" s="12"/>
    </row>
    <row r="456664" spans="8:8">
      <c r="H456664" s="12"/>
    </row>
    <row r="456665" spans="8:8">
      <c r="H456665" s="12"/>
    </row>
    <row r="456666" spans="8:8">
      <c r="H456666" s="12"/>
    </row>
    <row r="456667" spans="8:8">
      <c r="H456667" s="12"/>
    </row>
    <row r="456668" spans="8:8">
      <c r="H456668" s="12"/>
    </row>
    <row r="456669" spans="8:8">
      <c r="H456669" s="12"/>
    </row>
    <row r="456670" spans="8:8">
      <c r="H456670" s="12"/>
    </row>
    <row r="456671" spans="8:8">
      <c r="H456671" s="12"/>
    </row>
    <row r="456672" spans="8:8">
      <c r="H456672" s="12"/>
    </row>
    <row r="456673" spans="8:8">
      <c r="H456673" s="12"/>
    </row>
    <row r="456674" spans="8:8">
      <c r="H456674" s="12"/>
    </row>
    <row r="456675" spans="8:8">
      <c r="H456675" s="12"/>
    </row>
    <row r="456676" spans="8:8">
      <c r="H456676" s="12"/>
    </row>
    <row r="456677" spans="8:8">
      <c r="H456677" s="12"/>
    </row>
    <row r="456678" spans="8:8">
      <c r="H456678" s="12"/>
    </row>
    <row r="456679" spans="8:8">
      <c r="H456679" s="12"/>
    </row>
    <row r="456680" spans="8:8">
      <c r="H456680" s="12"/>
    </row>
    <row r="456681" spans="8:8">
      <c r="H456681" s="12"/>
    </row>
    <row r="456682" spans="8:8">
      <c r="H456682" s="12"/>
    </row>
    <row r="456683" spans="8:8">
      <c r="H456683" s="12"/>
    </row>
    <row r="456684" spans="8:8">
      <c r="H456684" s="12"/>
    </row>
    <row r="456685" spans="8:8">
      <c r="H456685" s="12"/>
    </row>
    <row r="456686" spans="8:8">
      <c r="H456686" s="12"/>
    </row>
    <row r="456687" spans="8:8">
      <c r="H456687" s="12"/>
    </row>
    <row r="456688" spans="8:8">
      <c r="H456688" s="12"/>
    </row>
    <row r="456689" spans="8:8">
      <c r="H456689" s="12"/>
    </row>
    <row r="456690" spans="8:8">
      <c r="H456690" s="12"/>
    </row>
    <row r="456691" spans="8:8">
      <c r="H456691" s="12"/>
    </row>
    <row r="456692" spans="8:8">
      <c r="H456692" s="12"/>
    </row>
    <row r="456693" spans="8:8">
      <c r="H456693" s="12"/>
    </row>
    <row r="456694" spans="8:8">
      <c r="H456694" s="12"/>
    </row>
    <row r="456695" spans="8:8">
      <c r="H456695" s="12"/>
    </row>
    <row r="456696" spans="8:8">
      <c r="H456696" s="12"/>
    </row>
    <row r="456697" spans="8:8">
      <c r="H456697" s="12"/>
    </row>
    <row r="456698" spans="8:8">
      <c r="H456698" s="12"/>
    </row>
    <row r="456699" spans="8:8">
      <c r="H456699" s="12"/>
    </row>
    <row r="456700" spans="8:8">
      <c r="H456700" s="12"/>
    </row>
    <row r="456701" spans="8:8">
      <c r="H456701" s="12"/>
    </row>
    <row r="456702" spans="8:8">
      <c r="H456702" s="12"/>
    </row>
    <row r="456703" spans="8:8">
      <c r="H456703" s="12"/>
    </row>
    <row r="456704" spans="8:8">
      <c r="H456704" s="12"/>
    </row>
    <row r="456705" spans="8:8">
      <c r="H456705" s="12"/>
    </row>
    <row r="456706" spans="8:8">
      <c r="H456706" s="12"/>
    </row>
    <row r="456707" spans="8:8">
      <c r="H456707" s="12"/>
    </row>
    <row r="456708" spans="8:8">
      <c r="H456708" s="12"/>
    </row>
    <row r="456709" spans="8:8">
      <c r="H456709" s="12"/>
    </row>
    <row r="456710" spans="8:8">
      <c r="H456710" s="12"/>
    </row>
    <row r="456711" spans="8:8">
      <c r="H456711" s="12"/>
    </row>
    <row r="456712" spans="8:8">
      <c r="H456712" s="12"/>
    </row>
    <row r="456713" spans="8:8">
      <c r="H456713" s="12"/>
    </row>
    <row r="456714" spans="8:8">
      <c r="H456714" s="12"/>
    </row>
    <row r="456715" spans="8:8">
      <c r="H456715" s="12"/>
    </row>
    <row r="456716" spans="8:8">
      <c r="H456716" s="12"/>
    </row>
    <row r="456717" spans="8:8">
      <c r="H456717" s="12"/>
    </row>
    <row r="456718" spans="8:8">
      <c r="H456718" s="12"/>
    </row>
    <row r="456719" spans="8:8">
      <c r="H456719" s="12"/>
    </row>
    <row r="456720" spans="8:8">
      <c r="H456720" s="12"/>
    </row>
    <row r="456721" spans="8:8">
      <c r="H456721" s="12"/>
    </row>
    <row r="456722" spans="8:8">
      <c r="H456722" s="12"/>
    </row>
    <row r="456723" spans="8:8">
      <c r="H456723" s="12"/>
    </row>
    <row r="456724" spans="8:8">
      <c r="H456724" s="12"/>
    </row>
    <row r="456725" spans="8:8">
      <c r="H456725" s="12"/>
    </row>
    <row r="456726" spans="8:8">
      <c r="H456726" s="12"/>
    </row>
    <row r="456727" spans="8:8">
      <c r="H456727" s="12"/>
    </row>
    <row r="456728" spans="8:8">
      <c r="H456728" s="12"/>
    </row>
    <row r="456729" spans="8:8">
      <c r="H456729" s="12"/>
    </row>
    <row r="456730" spans="8:8">
      <c r="H456730" s="12"/>
    </row>
    <row r="456731" spans="8:8">
      <c r="H456731" s="12"/>
    </row>
    <row r="456732" spans="8:8">
      <c r="H456732" s="12"/>
    </row>
    <row r="456733" spans="8:8">
      <c r="H456733" s="12"/>
    </row>
    <row r="456734" spans="8:8">
      <c r="H456734" s="12"/>
    </row>
    <row r="456735" spans="8:8">
      <c r="H456735" s="12"/>
    </row>
    <row r="456736" spans="8:8">
      <c r="H456736" s="12"/>
    </row>
    <row r="456737" spans="8:8">
      <c r="H456737" s="12"/>
    </row>
    <row r="456738" spans="8:8">
      <c r="H456738" s="12"/>
    </row>
    <row r="456739" spans="8:8">
      <c r="H456739" s="12"/>
    </row>
    <row r="456740" spans="8:8">
      <c r="H456740" s="12"/>
    </row>
    <row r="456741" spans="8:8">
      <c r="H456741" s="12"/>
    </row>
    <row r="456742" spans="8:8">
      <c r="H456742" s="12"/>
    </row>
    <row r="456743" spans="8:8">
      <c r="H456743" s="12"/>
    </row>
    <row r="456744" spans="8:8">
      <c r="H456744" s="12"/>
    </row>
    <row r="456745" spans="8:8">
      <c r="H456745" s="12"/>
    </row>
    <row r="456746" spans="8:8">
      <c r="H456746" s="12"/>
    </row>
    <row r="456747" spans="8:8">
      <c r="H456747" s="12"/>
    </row>
    <row r="456748" spans="8:8">
      <c r="H456748" s="12"/>
    </row>
    <row r="456749" spans="8:8">
      <c r="H456749" s="12"/>
    </row>
    <row r="456750" spans="8:8">
      <c r="H456750" s="12"/>
    </row>
    <row r="456751" spans="8:8">
      <c r="H456751" s="12"/>
    </row>
    <row r="456752" spans="8:8">
      <c r="H456752" s="12"/>
    </row>
    <row r="456753" spans="8:8">
      <c r="H456753" s="12"/>
    </row>
    <row r="456754" spans="8:8">
      <c r="H456754" s="12"/>
    </row>
    <row r="456755" spans="8:8">
      <c r="H456755" s="12"/>
    </row>
    <row r="456756" spans="8:8">
      <c r="H456756" s="12"/>
    </row>
    <row r="456757" spans="8:8">
      <c r="H456757" s="12"/>
    </row>
    <row r="456758" spans="8:8">
      <c r="H456758" s="12"/>
    </row>
    <row r="456759" spans="8:8">
      <c r="H456759" s="12"/>
    </row>
    <row r="456760" spans="8:8">
      <c r="H456760" s="12"/>
    </row>
    <row r="456761" spans="8:8">
      <c r="H456761" s="12"/>
    </row>
    <row r="456762" spans="8:8">
      <c r="H456762" s="12"/>
    </row>
    <row r="456763" spans="8:8">
      <c r="H456763" s="12"/>
    </row>
    <row r="456764" spans="8:8">
      <c r="H456764" s="12"/>
    </row>
    <row r="456765" spans="8:8">
      <c r="H456765" s="12"/>
    </row>
    <row r="456766" spans="8:8">
      <c r="H456766" s="12"/>
    </row>
    <row r="456767" spans="8:8">
      <c r="H456767" s="12"/>
    </row>
    <row r="456768" spans="8:8">
      <c r="H456768" s="12"/>
    </row>
    <row r="456769" spans="8:8">
      <c r="H456769" s="12"/>
    </row>
    <row r="456770" spans="8:8">
      <c r="H456770" s="12"/>
    </row>
    <row r="456771" spans="8:8">
      <c r="H456771" s="12"/>
    </row>
    <row r="456772" spans="8:8">
      <c r="H456772" s="12"/>
    </row>
    <row r="456773" spans="8:8">
      <c r="H456773" s="12"/>
    </row>
    <row r="456774" spans="8:8">
      <c r="H456774" s="12"/>
    </row>
    <row r="456775" spans="8:8">
      <c r="H456775" s="12"/>
    </row>
    <row r="456776" spans="8:8">
      <c r="H456776" s="12"/>
    </row>
    <row r="456777" spans="8:8">
      <c r="H456777" s="12"/>
    </row>
    <row r="456778" spans="8:8">
      <c r="H456778" s="12"/>
    </row>
    <row r="456779" spans="8:8">
      <c r="H456779" s="12"/>
    </row>
    <row r="456780" spans="8:8">
      <c r="H456780" s="12"/>
    </row>
    <row r="456781" spans="8:8">
      <c r="H456781" s="12"/>
    </row>
    <row r="456782" spans="8:8">
      <c r="H456782" s="12"/>
    </row>
    <row r="456783" spans="8:8">
      <c r="H456783" s="12"/>
    </row>
    <row r="456784" spans="8:8">
      <c r="H456784" s="12"/>
    </row>
    <row r="456785" spans="8:8">
      <c r="H456785" s="12"/>
    </row>
    <row r="456786" spans="8:8">
      <c r="H456786" s="12"/>
    </row>
    <row r="456787" spans="8:8">
      <c r="H456787" s="12"/>
    </row>
    <row r="456788" spans="8:8">
      <c r="H456788" s="12"/>
    </row>
    <row r="456789" spans="8:8">
      <c r="H456789" s="12"/>
    </row>
    <row r="456790" spans="8:8">
      <c r="H456790" s="12"/>
    </row>
    <row r="456791" spans="8:8">
      <c r="H456791" s="12"/>
    </row>
    <row r="456792" spans="8:8">
      <c r="H456792" s="12"/>
    </row>
    <row r="456793" spans="8:8">
      <c r="H456793" s="12"/>
    </row>
    <row r="456794" spans="8:8">
      <c r="H456794" s="12"/>
    </row>
    <row r="456795" spans="8:8">
      <c r="H456795" s="12"/>
    </row>
    <row r="456796" spans="8:8">
      <c r="H456796" s="12"/>
    </row>
    <row r="456797" spans="8:8">
      <c r="H456797" s="12"/>
    </row>
    <row r="456798" spans="8:8">
      <c r="H456798" s="12"/>
    </row>
    <row r="456799" spans="8:8">
      <c r="H456799" s="12"/>
    </row>
    <row r="456800" spans="8:8">
      <c r="H456800" s="12"/>
    </row>
    <row r="456801" spans="8:8">
      <c r="H456801" s="12"/>
    </row>
    <row r="456802" spans="8:8">
      <c r="H456802" s="12"/>
    </row>
    <row r="456803" spans="8:8">
      <c r="H456803" s="12"/>
    </row>
    <row r="456804" spans="8:8">
      <c r="H456804" s="12"/>
    </row>
    <row r="456805" spans="8:8">
      <c r="H456805" s="12"/>
    </row>
    <row r="456806" spans="8:8">
      <c r="H456806" s="12"/>
    </row>
    <row r="456807" spans="8:8">
      <c r="H456807" s="12"/>
    </row>
    <row r="456808" spans="8:8">
      <c r="H456808" s="12"/>
    </row>
    <row r="456809" spans="8:8">
      <c r="H456809" s="12"/>
    </row>
    <row r="456810" spans="8:8">
      <c r="H456810" s="12"/>
    </row>
    <row r="456811" spans="8:8">
      <c r="H456811" s="12"/>
    </row>
    <row r="456812" spans="8:8">
      <c r="H456812" s="12"/>
    </row>
    <row r="456813" spans="8:8">
      <c r="H456813" s="12"/>
    </row>
    <row r="456814" spans="8:8">
      <c r="H456814" s="12"/>
    </row>
    <row r="456815" spans="8:8">
      <c r="H456815" s="12"/>
    </row>
    <row r="456816" spans="8:8">
      <c r="H456816" s="12"/>
    </row>
    <row r="456817" spans="8:8">
      <c r="H456817" s="12"/>
    </row>
    <row r="456818" spans="8:8">
      <c r="H456818" s="12"/>
    </row>
    <row r="456819" spans="8:8">
      <c r="H456819" s="12"/>
    </row>
    <row r="456820" spans="8:8">
      <c r="H456820" s="12"/>
    </row>
    <row r="456821" spans="8:8">
      <c r="H456821" s="12"/>
    </row>
    <row r="456822" spans="8:8">
      <c r="H456822" s="12"/>
    </row>
    <row r="456823" spans="8:8">
      <c r="H456823" s="12"/>
    </row>
    <row r="456824" spans="8:8">
      <c r="H456824" s="12"/>
    </row>
    <row r="456825" spans="8:8">
      <c r="H456825" s="12"/>
    </row>
    <row r="456826" spans="8:8">
      <c r="H456826" s="12"/>
    </row>
    <row r="456827" spans="8:8">
      <c r="H456827" s="12"/>
    </row>
    <row r="456828" spans="8:8">
      <c r="H456828" s="12"/>
    </row>
    <row r="456829" spans="8:8">
      <c r="H456829" s="12"/>
    </row>
    <row r="456830" spans="8:8">
      <c r="H456830" s="12"/>
    </row>
    <row r="456831" spans="8:8">
      <c r="H456831" s="12"/>
    </row>
    <row r="456832" spans="8:8">
      <c r="H456832" s="12"/>
    </row>
    <row r="456833" spans="8:8">
      <c r="H456833" s="12"/>
    </row>
    <row r="456834" spans="8:8">
      <c r="H456834" s="12"/>
    </row>
    <row r="456835" spans="8:8">
      <c r="H456835" s="12"/>
    </row>
    <row r="456836" spans="8:8">
      <c r="H456836" s="12"/>
    </row>
    <row r="456837" spans="8:8">
      <c r="H456837" s="12"/>
    </row>
    <row r="456838" spans="8:8">
      <c r="H456838" s="12"/>
    </row>
    <row r="456839" spans="8:8">
      <c r="H456839" s="12"/>
    </row>
    <row r="456840" spans="8:8">
      <c r="H456840" s="12"/>
    </row>
    <row r="456841" spans="8:8">
      <c r="H456841" s="12"/>
    </row>
    <row r="456842" spans="8:8">
      <c r="H456842" s="12"/>
    </row>
    <row r="456843" spans="8:8">
      <c r="H456843" s="12"/>
    </row>
    <row r="456844" spans="8:8">
      <c r="H456844" s="12"/>
    </row>
    <row r="456845" spans="8:8">
      <c r="H456845" s="12"/>
    </row>
    <row r="456846" spans="8:8">
      <c r="H456846" s="12"/>
    </row>
    <row r="456847" spans="8:8">
      <c r="H456847" s="12"/>
    </row>
    <row r="456848" spans="8:8">
      <c r="H456848" s="12"/>
    </row>
    <row r="456849" spans="8:8">
      <c r="H456849" s="12"/>
    </row>
    <row r="456850" spans="8:8">
      <c r="H456850" s="12"/>
    </row>
    <row r="456851" spans="8:8">
      <c r="H456851" s="12"/>
    </row>
    <row r="456852" spans="8:8">
      <c r="H456852" s="12"/>
    </row>
    <row r="456853" spans="8:8">
      <c r="H456853" s="12"/>
    </row>
    <row r="456854" spans="8:8">
      <c r="H456854" s="12"/>
    </row>
    <row r="456855" spans="8:8">
      <c r="H456855" s="12"/>
    </row>
    <row r="456856" spans="8:8">
      <c r="H456856" s="12"/>
    </row>
    <row r="456857" spans="8:8">
      <c r="H456857" s="12"/>
    </row>
    <row r="456858" spans="8:8">
      <c r="H456858" s="12"/>
    </row>
    <row r="456859" spans="8:8">
      <c r="H456859" s="12"/>
    </row>
    <row r="456860" spans="8:8">
      <c r="H456860" s="12"/>
    </row>
    <row r="456861" spans="8:8">
      <c r="H456861" s="12"/>
    </row>
    <row r="456862" spans="8:8">
      <c r="H456862" s="12"/>
    </row>
    <row r="456863" spans="8:8">
      <c r="H456863" s="12"/>
    </row>
    <row r="456864" spans="8:8">
      <c r="H456864" s="12"/>
    </row>
    <row r="456865" spans="8:8">
      <c r="H456865" s="12"/>
    </row>
    <row r="456866" spans="8:8">
      <c r="H456866" s="12"/>
    </row>
    <row r="456867" spans="8:8">
      <c r="H456867" s="12"/>
    </row>
    <row r="456868" spans="8:8">
      <c r="H456868" s="12"/>
    </row>
    <row r="456869" spans="8:8">
      <c r="H456869" s="12"/>
    </row>
    <row r="456870" spans="8:8">
      <c r="H456870" s="12"/>
    </row>
    <row r="456871" spans="8:8">
      <c r="H456871" s="12"/>
    </row>
    <row r="456872" spans="8:8">
      <c r="H456872" s="12"/>
    </row>
    <row r="456873" spans="8:8">
      <c r="H456873" s="12"/>
    </row>
    <row r="456874" spans="8:8">
      <c r="H456874" s="12"/>
    </row>
    <row r="456875" spans="8:8">
      <c r="H456875" s="12"/>
    </row>
    <row r="456876" spans="8:8">
      <c r="H456876" s="12"/>
    </row>
    <row r="456877" spans="8:8">
      <c r="H456877" s="12"/>
    </row>
    <row r="456878" spans="8:8">
      <c r="H456878" s="12"/>
    </row>
    <row r="456879" spans="8:8">
      <c r="H456879" s="12"/>
    </row>
    <row r="456880" spans="8:8">
      <c r="H456880" s="12"/>
    </row>
    <row r="456881" spans="8:8">
      <c r="H456881" s="12"/>
    </row>
    <row r="456882" spans="8:8">
      <c r="H456882" s="12"/>
    </row>
    <row r="456883" spans="8:8">
      <c r="H456883" s="12"/>
    </row>
    <row r="456884" spans="8:8">
      <c r="H456884" s="12"/>
    </row>
    <row r="456885" spans="8:8">
      <c r="H456885" s="12"/>
    </row>
    <row r="456886" spans="8:8">
      <c r="H456886" s="12"/>
    </row>
    <row r="456887" spans="8:8">
      <c r="H456887" s="12"/>
    </row>
    <row r="456888" spans="8:8">
      <c r="H456888" s="12"/>
    </row>
    <row r="456889" spans="8:8">
      <c r="H456889" s="12"/>
    </row>
    <row r="456890" spans="8:8">
      <c r="H456890" s="12"/>
    </row>
    <row r="456891" spans="8:8">
      <c r="H456891" s="12"/>
    </row>
    <row r="456892" spans="8:8">
      <c r="H456892" s="12"/>
    </row>
    <row r="456893" spans="8:8">
      <c r="H456893" s="12"/>
    </row>
    <row r="456894" spans="8:8">
      <c r="H456894" s="12"/>
    </row>
    <row r="456895" spans="8:8">
      <c r="H456895" s="12"/>
    </row>
    <row r="456896" spans="8:8">
      <c r="H456896" s="12"/>
    </row>
    <row r="456897" spans="8:8">
      <c r="H456897" s="12"/>
    </row>
    <row r="456898" spans="8:8">
      <c r="H456898" s="12"/>
    </row>
    <row r="456899" spans="8:8">
      <c r="H456899" s="12"/>
    </row>
    <row r="456900" spans="8:8">
      <c r="H456900" s="12"/>
    </row>
    <row r="456901" spans="8:8">
      <c r="H456901" s="12"/>
    </row>
    <row r="456902" spans="8:8">
      <c r="H456902" s="12"/>
    </row>
    <row r="456903" spans="8:8">
      <c r="H456903" s="12"/>
    </row>
    <row r="456904" spans="8:8">
      <c r="H456904" s="12"/>
    </row>
    <row r="456905" spans="8:8">
      <c r="H456905" s="12"/>
    </row>
    <row r="456906" spans="8:8">
      <c r="H456906" s="12"/>
    </row>
    <row r="456907" spans="8:8">
      <c r="H456907" s="12"/>
    </row>
    <row r="456908" spans="8:8">
      <c r="H456908" s="12"/>
    </row>
    <row r="456909" spans="8:8">
      <c r="H456909" s="12"/>
    </row>
    <row r="456910" spans="8:8">
      <c r="H456910" s="12"/>
    </row>
    <row r="456911" spans="8:8">
      <c r="H456911" s="12"/>
    </row>
    <row r="456912" spans="8:8">
      <c r="H456912" s="12"/>
    </row>
    <row r="456913" spans="8:8">
      <c r="H456913" s="12"/>
    </row>
    <row r="456914" spans="8:8">
      <c r="H456914" s="12"/>
    </row>
    <row r="456915" spans="8:8">
      <c r="H456915" s="12"/>
    </row>
    <row r="456916" spans="8:8">
      <c r="H456916" s="12"/>
    </row>
    <row r="456917" spans="8:8">
      <c r="H456917" s="12"/>
    </row>
    <row r="456918" spans="8:8">
      <c r="H456918" s="12"/>
    </row>
    <row r="456919" spans="8:8">
      <c r="H456919" s="12"/>
    </row>
    <row r="456920" spans="8:8">
      <c r="H456920" s="12"/>
    </row>
    <row r="456921" spans="8:8">
      <c r="H456921" s="12"/>
    </row>
    <row r="456922" spans="8:8">
      <c r="H456922" s="12"/>
    </row>
    <row r="456923" spans="8:8">
      <c r="H456923" s="12"/>
    </row>
    <row r="456924" spans="8:8">
      <c r="H456924" s="12"/>
    </row>
    <row r="456925" spans="8:8">
      <c r="H456925" s="12"/>
    </row>
    <row r="456926" spans="8:8">
      <c r="H456926" s="12"/>
    </row>
    <row r="456927" spans="8:8">
      <c r="H456927" s="12"/>
    </row>
    <row r="456928" spans="8:8">
      <c r="H456928" s="12"/>
    </row>
    <row r="456929" spans="8:8">
      <c r="H456929" s="12"/>
    </row>
    <row r="456930" spans="8:8">
      <c r="H456930" s="12"/>
    </row>
    <row r="456931" spans="8:8">
      <c r="H456931" s="12"/>
    </row>
    <row r="456932" spans="8:8">
      <c r="H456932" s="12"/>
    </row>
    <row r="456933" spans="8:8">
      <c r="H456933" s="12"/>
    </row>
    <row r="456934" spans="8:8">
      <c r="H456934" s="12"/>
    </row>
    <row r="456935" spans="8:8">
      <c r="H456935" s="12"/>
    </row>
    <row r="456936" spans="8:8">
      <c r="H456936" s="12"/>
    </row>
    <row r="456937" spans="8:8">
      <c r="H456937" s="12"/>
    </row>
    <row r="456938" spans="8:8">
      <c r="H456938" s="12"/>
    </row>
    <row r="456939" spans="8:8">
      <c r="H456939" s="12"/>
    </row>
    <row r="456940" spans="8:8">
      <c r="H456940" s="12"/>
    </row>
    <row r="456941" spans="8:8">
      <c r="H456941" s="12"/>
    </row>
    <row r="456942" spans="8:8">
      <c r="H456942" s="12"/>
    </row>
    <row r="456943" spans="8:8">
      <c r="H456943" s="12"/>
    </row>
    <row r="456944" spans="8:8">
      <c r="H456944" s="12"/>
    </row>
    <row r="456945" spans="8:8">
      <c r="H456945" s="12"/>
    </row>
    <row r="456946" spans="8:8">
      <c r="H456946" s="12"/>
    </row>
    <row r="456947" spans="8:8">
      <c r="H456947" s="12"/>
    </row>
    <row r="456948" spans="8:8">
      <c r="H456948" s="12"/>
    </row>
    <row r="456949" spans="8:8">
      <c r="H456949" s="12"/>
    </row>
    <row r="456950" spans="8:8">
      <c r="H456950" s="12"/>
    </row>
    <row r="456951" spans="8:8">
      <c r="H456951" s="12"/>
    </row>
    <row r="456952" spans="8:8">
      <c r="H456952" s="12"/>
    </row>
    <row r="456953" spans="8:8">
      <c r="H456953" s="12"/>
    </row>
    <row r="456954" spans="8:8">
      <c r="H456954" s="12"/>
    </row>
    <row r="456955" spans="8:8">
      <c r="H456955" s="12"/>
    </row>
    <row r="456956" spans="8:8">
      <c r="H456956" s="12"/>
    </row>
    <row r="456957" spans="8:8">
      <c r="H456957" s="12"/>
    </row>
    <row r="456958" spans="8:8">
      <c r="H456958" s="12"/>
    </row>
    <row r="456959" spans="8:8">
      <c r="H456959" s="12"/>
    </row>
    <row r="456960" spans="8:8">
      <c r="H456960" s="12"/>
    </row>
    <row r="456961" spans="8:8">
      <c r="H456961" s="12"/>
    </row>
    <row r="456962" spans="8:8">
      <c r="H456962" s="12"/>
    </row>
    <row r="456963" spans="8:8">
      <c r="H456963" s="12"/>
    </row>
    <row r="456964" spans="8:8">
      <c r="H456964" s="12"/>
    </row>
    <row r="456965" spans="8:8">
      <c r="H456965" s="12"/>
    </row>
    <row r="456966" spans="8:8">
      <c r="H456966" s="12"/>
    </row>
    <row r="456967" spans="8:8">
      <c r="H456967" s="12"/>
    </row>
    <row r="456968" spans="8:8">
      <c r="H456968" s="12"/>
    </row>
    <row r="456969" spans="8:8">
      <c r="H456969" s="12"/>
    </row>
    <row r="456970" spans="8:8">
      <c r="H456970" s="12"/>
    </row>
    <row r="456971" spans="8:8">
      <c r="H456971" s="12"/>
    </row>
    <row r="456972" spans="8:8">
      <c r="H456972" s="12"/>
    </row>
    <row r="456973" spans="8:8">
      <c r="H456973" s="12"/>
    </row>
    <row r="456974" spans="8:8">
      <c r="H456974" s="12"/>
    </row>
    <row r="456975" spans="8:8">
      <c r="H456975" s="12"/>
    </row>
    <row r="456976" spans="8:8">
      <c r="H456976" s="12"/>
    </row>
    <row r="456977" spans="8:8">
      <c r="H456977" s="12"/>
    </row>
    <row r="456978" spans="8:8">
      <c r="H456978" s="12"/>
    </row>
    <row r="456979" spans="8:8">
      <c r="H456979" s="12"/>
    </row>
    <row r="456980" spans="8:8">
      <c r="H456980" s="12"/>
    </row>
    <row r="456981" spans="8:8">
      <c r="H456981" s="12"/>
    </row>
    <row r="456982" spans="8:8">
      <c r="H456982" s="12"/>
    </row>
    <row r="456983" spans="8:8">
      <c r="H456983" s="12"/>
    </row>
    <row r="456984" spans="8:8">
      <c r="H456984" s="12"/>
    </row>
    <row r="456985" spans="8:8">
      <c r="H456985" s="12"/>
    </row>
    <row r="456986" spans="8:8">
      <c r="H456986" s="12"/>
    </row>
    <row r="456987" spans="8:8">
      <c r="H456987" s="12"/>
    </row>
    <row r="456988" spans="8:8">
      <c r="H456988" s="12"/>
    </row>
    <row r="456989" spans="8:8">
      <c r="H456989" s="12"/>
    </row>
    <row r="456990" spans="8:8">
      <c r="H456990" s="12"/>
    </row>
    <row r="456991" spans="8:8">
      <c r="H456991" s="12"/>
    </row>
    <row r="456992" spans="8:8">
      <c r="H456992" s="12"/>
    </row>
    <row r="456993" spans="8:8">
      <c r="H456993" s="12"/>
    </row>
    <row r="456994" spans="8:8">
      <c r="H456994" s="12"/>
    </row>
    <row r="456995" spans="8:8">
      <c r="H456995" s="12"/>
    </row>
    <row r="456996" spans="8:8">
      <c r="H456996" s="12"/>
    </row>
    <row r="456997" spans="8:8">
      <c r="H456997" s="12"/>
    </row>
    <row r="456998" spans="8:8">
      <c r="H456998" s="12"/>
    </row>
    <row r="456999" spans="8:8">
      <c r="H456999" s="12"/>
    </row>
    <row r="457000" spans="8:8">
      <c r="H457000" s="12"/>
    </row>
    <row r="457001" spans="8:8">
      <c r="H457001" s="12"/>
    </row>
    <row r="457002" spans="8:8">
      <c r="H457002" s="12"/>
    </row>
    <row r="457003" spans="8:8">
      <c r="H457003" s="12"/>
    </row>
    <row r="457004" spans="8:8">
      <c r="H457004" s="12"/>
    </row>
    <row r="457005" spans="8:8">
      <c r="H457005" s="12"/>
    </row>
    <row r="457006" spans="8:8">
      <c r="H457006" s="12"/>
    </row>
    <row r="457007" spans="8:8">
      <c r="H457007" s="12"/>
    </row>
    <row r="457008" spans="8:8">
      <c r="H457008" s="12"/>
    </row>
    <row r="457009" spans="8:8">
      <c r="H457009" s="12"/>
    </row>
    <row r="457010" spans="8:8">
      <c r="H457010" s="12"/>
    </row>
    <row r="457011" spans="8:8">
      <c r="H457011" s="12"/>
    </row>
    <row r="457012" spans="8:8">
      <c r="H457012" s="12"/>
    </row>
    <row r="457013" spans="8:8">
      <c r="H457013" s="12"/>
    </row>
    <row r="457014" spans="8:8">
      <c r="H457014" s="12"/>
    </row>
    <row r="457015" spans="8:8">
      <c r="H457015" s="12"/>
    </row>
    <row r="457016" spans="8:8">
      <c r="H457016" s="12"/>
    </row>
    <row r="457017" spans="8:8">
      <c r="H457017" s="12"/>
    </row>
    <row r="457018" spans="8:8">
      <c r="H457018" s="12"/>
    </row>
    <row r="457019" spans="8:8">
      <c r="H457019" s="12"/>
    </row>
    <row r="457020" spans="8:8">
      <c r="H457020" s="12"/>
    </row>
    <row r="457021" spans="8:8">
      <c r="H457021" s="12"/>
    </row>
    <row r="457022" spans="8:8">
      <c r="H457022" s="12"/>
    </row>
    <row r="457023" spans="8:8">
      <c r="H457023" s="12"/>
    </row>
    <row r="457024" spans="8:8">
      <c r="H457024" s="12"/>
    </row>
    <row r="457025" spans="8:8">
      <c r="H457025" s="12"/>
    </row>
    <row r="457026" spans="8:8">
      <c r="H457026" s="12"/>
    </row>
    <row r="457027" spans="8:8">
      <c r="H457027" s="12"/>
    </row>
    <row r="457028" spans="8:8">
      <c r="H457028" s="12"/>
    </row>
    <row r="457029" spans="8:8">
      <c r="H457029" s="12"/>
    </row>
    <row r="457030" spans="8:8">
      <c r="H457030" s="12"/>
    </row>
    <row r="457031" spans="8:8">
      <c r="H457031" s="12"/>
    </row>
    <row r="457032" spans="8:8">
      <c r="H457032" s="12"/>
    </row>
    <row r="457033" spans="8:8">
      <c r="H457033" s="12"/>
    </row>
    <row r="457034" spans="8:8">
      <c r="H457034" s="12"/>
    </row>
    <row r="457035" spans="8:8">
      <c r="H457035" s="12"/>
    </row>
    <row r="457036" spans="8:8">
      <c r="H457036" s="12"/>
    </row>
    <row r="457037" spans="8:8">
      <c r="H457037" s="12"/>
    </row>
    <row r="457038" spans="8:8">
      <c r="H457038" s="12"/>
    </row>
    <row r="457039" spans="8:8">
      <c r="H457039" s="12"/>
    </row>
    <row r="457040" spans="8:8">
      <c r="H457040" s="12"/>
    </row>
    <row r="457041" spans="8:8">
      <c r="H457041" s="12"/>
    </row>
    <row r="457042" spans="8:8">
      <c r="H457042" s="12"/>
    </row>
    <row r="457043" spans="8:8">
      <c r="H457043" s="12"/>
    </row>
    <row r="457044" spans="8:8">
      <c r="H457044" s="12"/>
    </row>
    <row r="457045" spans="8:8">
      <c r="H457045" s="12"/>
    </row>
    <row r="457046" spans="8:8">
      <c r="H457046" s="12"/>
    </row>
    <row r="457047" spans="8:8">
      <c r="H457047" s="12"/>
    </row>
    <row r="457048" spans="8:8">
      <c r="H457048" s="12"/>
    </row>
    <row r="457049" spans="8:8">
      <c r="H457049" s="12"/>
    </row>
    <row r="457050" spans="8:8">
      <c r="H457050" s="12"/>
    </row>
    <row r="457051" spans="8:8">
      <c r="H457051" s="12"/>
    </row>
    <row r="457052" spans="8:8">
      <c r="H457052" s="12"/>
    </row>
    <row r="457053" spans="8:8">
      <c r="H457053" s="12"/>
    </row>
    <row r="457054" spans="8:8">
      <c r="H457054" s="12"/>
    </row>
    <row r="457055" spans="8:8">
      <c r="H457055" s="12"/>
    </row>
    <row r="457056" spans="8:8">
      <c r="H457056" s="12"/>
    </row>
    <row r="457057" spans="8:8">
      <c r="H457057" s="12"/>
    </row>
    <row r="457058" spans="8:8">
      <c r="H457058" s="12"/>
    </row>
    <row r="457059" spans="8:8">
      <c r="H457059" s="12"/>
    </row>
    <row r="457060" spans="8:8">
      <c r="H457060" s="12"/>
    </row>
    <row r="457061" spans="8:8">
      <c r="H457061" s="12"/>
    </row>
    <row r="457062" spans="8:8">
      <c r="H457062" s="12"/>
    </row>
    <row r="457063" spans="8:8">
      <c r="H457063" s="12"/>
    </row>
    <row r="457064" spans="8:8">
      <c r="H457064" s="12"/>
    </row>
    <row r="457065" spans="8:8">
      <c r="H457065" s="12"/>
    </row>
    <row r="457066" spans="8:8">
      <c r="H457066" s="12"/>
    </row>
    <row r="457067" spans="8:8">
      <c r="H457067" s="12"/>
    </row>
    <row r="457068" spans="8:8">
      <c r="H457068" s="12"/>
    </row>
    <row r="457069" spans="8:8">
      <c r="H457069" s="12"/>
    </row>
    <row r="457070" spans="8:8">
      <c r="H457070" s="12"/>
    </row>
    <row r="457071" spans="8:8">
      <c r="H457071" s="12"/>
    </row>
    <row r="457072" spans="8:8">
      <c r="H457072" s="12"/>
    </row>
    <row r="457073" spans="8:8">
      <c r="H457073" s="12"/>
    </row>
    <row r="457074" spans="8:8">
      <c r="H457074" s="12"/>
    </row>
    <row r="457075" spans="8:8">
      <c r="H457075" s="12"/>
    </row>
    <row r="457076" spans="8:8">
      <c r="H457076" s="12"/>
    </row>
    <row r="457077" spans="8:8">
      <c r="H457077" s="12"/>
    </row>
    <row r="457078" spans="8:8">
      <c r="H457078" s="12"/>
    </row>
    <row r="457079" spans="8:8">
      <c r="H457079" s="12"/>
    </row>
    <row r="457080" spans="8:8">
      <c r="H457080" s="12"/>
    </row>
    <row r="457081" spans="8:8">
      <c r="H457081" s="12"/>
    </row>
    <row r="457082" spans="8:8">
      <c r="H457082" s="12"/>
    </row>
    <row r="457083" spans="8:8">
      <c r="H457083" s="12"/>
    </row>
    <row r="457084" spans="8:8">
      <c r="H457084" s="12"/>
    </row>
    <row r="457085" spans="8:8">
      <c r="H457085" s="12"/>
    </row>
    <row r="457086" spans="8:8">
      <c r="H457086" s="12"/>
    </row>
    <row r="457087" spans="8:8">
      <c r="H457087" s="12"/>
    </row>
    <row r="457088" spans="8:8">
      <c r="H457088" s="12"/>
    </row>
    <row r="457089" spans="8:8">
      <c r="H457089" s="12"/>
    </row>
    <row r="457090" spans="8:8">
      <c r="H457090" s="12"/>
    </row>
    <row r="457091" spans="8:8">
      <c r="H457091" s="12"/>
    </row>
    <row r="457092" spans="8:8">
      <c r="H457092" s="12"/>
    </row>
    <row r="457093" spans="8:8">
      <c r="H457093" s="12"/>
    </row>
    <row r="457094" spans="8:8">
      <c r="H457094" s="12"/>
    </row>
    <row r="457095" spans="8:8">
      <c r="H457095" s="12"/>
    </row>
    <row r="457096" spans="8:8">
      <c r="H457096" s="12"/>
    </row>
    <row r="457097" spans="8:8">
      <c r="H457097" s="12"/>
    </row>
    <row r="457098" spans="8:8">
      <c r="H457098" s="12"/>
    </row>
    <row r="457099" spans="8:8">
      <c r="H457099" s="12"/>
    </row>
    <row r="457100" spans="8:8">
      <c r="H457100" s="12"/>
    </row>
    <row r="457101" spans="8:8">
      <c r="H457101" s="12"/>
    </row>
    <row r="457102" spans="8:8">
      <c r="H457102" s="12"/>
    </row>
    <row r="457103" spans="8:8">
      <c r="H457103" s="12"/>
    </row>
    <row r="457104" spans="8:8">
      <c r="H457104" s="12"/>
    </row>
    <row r="457105" spans="8:8">
      <c r="H457105" s="12"/>
    </row>
    <row r="457106" spans="8:8">
      <c r="H457106" s="12"/>
    </row>
    <row r="457107" spans="8:8">
      <c r="H457107" s="12"/>
    </row>
    <row r="457108" spans="8:8">
      <c r="H457108" s="12"/>
    </row>
    <row r="457109" spans="8:8">
      <c r="H457109" s="12"/>
    </row>
    <row r="457110" spans="8:8">
      <c r="H457110" s="12"/>
    </row>
    <row r="457111" spans="8:8">
      <c r="H457111" s="12"/>
    </row>
    <row r="457112" spans="8:8">
      <c r="H457112" s="12"/>
    </row>
    <row r="457113" spans="8:8">
      <c r="H457113" s="12"/>
    </row>
    <row r="457114" spans="8:8">
      <c r="H457114" s="12"/>
    </row>
    <row r="457115" spans="8:8">
      <c r="H457115" s="12"/>
    </row>
    <row r="457116" spans="8:8">
      <c r="H457116" s="12"/>
    </row>
    <row r="457117" spans="8:8">
      <c r="H457117" s="12"/>
    </row>
    <row r="457118" spans="8:8">
      <c r="H457118" s="12"/>
    </row>
    <row r="457119" spans="8:8">
      <c r="H457119" s="12"/>
    </row>
    <row r="457120" spans="8:8">
      <c r="H457120" s="12"/>
    </row>
    <row r="457121" spans="8:8">
      <c r="H457121" s="12"/>
    </row>
    <row r="457122" spans="8:8">
      <c r="H457122" s="12"/>
    </row>
    <row r="457123" spans="8:8">
      <c r="H457123" s="12"/>
    </row>
    <row r="457124" spans="8:8">
      <c r="H457124" s="12"/>
    </row>
    <row r="457125" spans="8:8">
      <c r="H457125" s="12"/>
    </row>
    <row r="457126" spans="8:8">
      <c r="H457126" s="12"/>
    </row>
    <row r="457127" spans="8:8">
      <c r="H457127" s="12"/>
    </row>
    <row r="457128" spans="8:8">
      <c r="H457128" s="12"/>
    </row>
    <row r="457129" spans="8:8">
      <c r="H457129" s="12"/>
    </row>
    <row r="457130" spans="8:8">
      <c r="H457130" s="12"/>
    </row>
    <row r="457131" spans="8:8">
      <c r="H457131" s="12"/>
    </row>
    <row r="457132" spans="8:8">
      <c r="H457132" s="12"/>
    </row>
    <row r="457133" spans="8:8">
      <c r="H457133" s="12"/>
    </row>
    <row r="457134" spans="8:8">
      <c r="H457134" s="12"/>
    </row>
    <row r="457135" spans="8:8">
      <c r="H457135" s="12"/>
    </row>
    <row r="457136" spans="8:8">
      <c r="H457136" s="12"/>
    </row>
    <row r="457137" spans="8:8">
      <c r="H457137" s="12"/>
    </row>
    <row r="457138" spans="8:8">
      <c r="H457138" s="12"/>
    </row>
    <row r="457139" spans="8:8">
      <c r="H457139" s="12"/>
    </row>
    <row r="457140" spans="8:8">
      <c r="H457140" s="12"/>
    </row>
    <row r="457141" spans="8:8">
      <c r="H457141" s="12"/>
    </row>
    <row r="457142" spans="8:8">
      <c r="H457142" s="12"/>
    </row>
    <row r="457143" spans="8:8">
      <c r="H457143" s="12"/>
    </row>
    <row r="457144" spans="8:8">
      <c r="H457144" s="12"/>
    </row>
    <row r="457145" spans="8:8">
      <c r="H457145" s="12"/>
    </row>
    <row r="457146" spans="8:8">
      <c r="H457146" s="12"/>
    </row>
    <row r="457147" spans="8:8">
      <c r="H457147" s="12"/>
    </row>
    <row r="457148" spans="8:8">
      <c r="H457148" s="12"/>
    </row>
    <row r="457149" spans="8:8">
      <c r="H457149" s="12"/>
    </row>
    <row r="457150" spans="8:8">
      <c r="H457150" s="12"/>
    </row>
    <row r="457151" spans="8:8">
      <c r="H457151" s="12"/>
    </row>
    <row r="457152" spans="8:8">
      <c r="H457152" s="12"/>
    </row>
    <row r="457153" spans="8:8">
      <c r="H457153" s="12"/>
    </row>
    <row r="457154" spans="8:8">
      <c r="H457154" s="12"/>
    </row>
    <row r="457155" spans="8:8">
      <c r="H457155" s="12"/>
    </row>
    <row r="457156" spans="8:8">
      <c r="H457156" s="12"/>
    </row>
    <row r="457157" spans="8:8">
      <c r="H457157" s="12"/>
    </row>
    <row r="457158" spans="8:8">
      <c r="H457158" s="12"/>
    </row>
    <row r="457159" spans="8:8">
      <c r="H457159" s="12"/>
    </row>
    <row r="457160" spans="8:8">
      <c r="H457160" s="12"/>
    </row>
    <row r="457161" spans="8:8">
      <c r="H457161" s="12"/>
    </row>
    <row r="457162" spans="8:8">
      <c r="H457162" s="12"/>
    </row>
    <row r="457163" spans="8:8">
      <c r="H457163" s="12"/>
    </row>
    <row r="457164" spans="8:8">
      <c r="H457164" s="12"/>
    </row>
    <row r="457165" spans="8:8">
      <c r="H457165" s="12"/>
    </row>
    <row r="457166" spans="8:8">
      <c r="H457166" s="12"/>
    </row>
    <row r="457167" spans="8:8">
      <c r="H457167" s="12"/>
    </row>
    <row r="457168" spans="8:8">
      <c r="H457168" s="12"/>
    </row>
    <row r="457169" spans="8:8">
      <c r="H457169" s="12"/>
    </row>
    <row r="457170" spans="8:8">
      <c r="H457170" s="12"/>
    </row>
    <row r="457171" spans="8:8">
      <c r="H457171" s="12"/>
    </row>
    <row r="457172" spans="8:8">
      <c r="H457172" s="12"/>
    </row>
    <row r="457173" spans="8:8">
      <c r="H457173" s="12"/>
    </row>
    <row r="457174" spans="8:8">
      <c r="H457174" s="12"/>
    </row>
    <row r="457175" spans="8:8">
      <c r="H457175" s="12"/>
    </row>
    <row r="457176" spans="8:8">
      <c r="H457176" s="12"/>
    </row>
    <row r="457177" spans="8:8">
      <c r="H457177" s="12"/>
    </row>
    <row r="457178" spans="8:8">
      <c r="H457178" s="12"/>
    </row>
    <row r="457179" spans="8:8">
      <c r="H457179" s="12"/>
    </row>
    <row r="457180" spans="8:8">
      <c r="H457180" s="12"/>
    </row>
    <row r="457181" spans="8:8">
      <c r="H457181" s="12"/>
    </row>
    <row r="457182" spans="8:8">
      <c r="H457182" s="12"/>
    </row>
    <row r="457183" spans="8:8">
      <c r="H457183" s="12"/>
    </row>
    <row r="457184" spans="8:8">
      <c r="H457184" s="12"/>
    </row>
    <row r="457185" spans="8:8">
      <c r="H457185" s="12"/>
    </row>
    <row r="457186" spans="8:8">
      <c r="H457186" s="12"/>
    </row>
    <row r="457187" spans="8:8">
      <c r="H457187" s="12"/>
    </row>
    <row r="457188" spans="8:8">
      <c r="H457188" s="12"/>
    </row>
    <row r="457189" spans="8:8">
      <c r="H457189" s="12"/>
    </row>
    <row r="457190" spans="8:8">
      <c r="H457190" s="12"/>
    </row>
    <row r="457191" spans="8:8">
      <c r="H457191" s="12"/>
    </row>
    <row r="457192" spans="8:8">
      <c r="H457192" s="12"/>
    </row>
    <row r="457193" spans="8:8">
      <c r="H457193" s="12"/>
    </row>
    <row r="457194" spans="8:8">
      <c r="H457194" s="12"/>
    </row>
    <row r="457195" spans="8:8">
      <c r="H457195" s="12"/>
    </row>
    <row r="457196" spans="8:8">
      <c r="H457196" s="12"/>
    </row>
    <row r="457197" spans="8:8">
      <c r="H457197" s="12"/>
    </row>
    <row r="457198" spans="8:8">
      <c r="H457198" s="12"/>
    </row>
    <row r="457199" spans="8:8">
      <c r="H457199" s="12"/>
    </row>
    <row r="457200" spans="8:8">
      <c r="H457200" s="12"/>
    </row>
    <row r="457201" spans="8:8">
      <c r="H457201" s="12"/>
    </row>
    <row r="457202" spans="8:8">
      <c r="H457202" s="12"/>
    </row>
    <row r="457203" spans="8:8">
      <c r="H457203" s="12"/>
    </row>
    <row r="457204" spans="8:8">
      <c r="H457204" s="12"/>
    </row>
    <row r="457205" spans="8:8">
      <c r="H457205" s="12"/>
    </row>
    <row r="457206" spans="8:8">
      <c r="H457206" s="12"/>
    </row>
    <row r="457207" spans="8:8">
      <c r="H457207" s="12"/>
    </row>
    <row r="457208" spans="8:8">
      <c r="H457208" s="12"/>
    </row>
    <row r="457209" spans="8:8">
      <c r="H457209" s="12"/>
    </row>
    <row r="457210" spans="8:8">
      <c r="H457210" s="12"/>
    </row>
    <row r="457211" spans="8:8">
      <c r="H457211" s="12"/>
    </row>
    <row r="457212" spans="8:8">
      <c r="H457212" s="12"/>
    </row>
    <row r="457213" spans="8:8">
      <c r="H457213" s="12"/>
    </row>
    <row r="457214" spans="8:8">
      <c r="H457214" s="12"/>
    </row>
    <row r="457215" spans="8:8">
      <c r="H457215" s="12"/>
    </row>
    <row r="457216" spans="8:8">
      <c r="H457216" s="12"/>
    </row>
    <row r="457217" spans="8:8">
      <c r="H457217" s="12"/>
    </row>
    <row r="457218" spans="8:8">
      <c r="H457218" s="12"/>
    </row>
    <row r="457219" spans="8:8">
      <c r="H457219" s="12"/>
    </row>
    <row r="457220" spans="8:8">
      <c r="H457220" s="12"/>
    </row>
    <row r="457221" spans="8:8">
      <c r="H457221" s="12"/>
    </row>
    <row r="457222" spans="8:8">
      <c r="H457222" s="12"/>
    </row>
    <row r="457223" spans="8:8">
      <c r="H457223" s="12"/>
    </row>
    <row r="457224" spans="8:8">
      <c r="H457224" s="12"/>
    </row>
    <row r="457225" spans="8:8">
      <c r="H457225" s="12"/>
    </row>
    <row r="457226" spans="8:8">
      <c r="H457226" s="12"/>
    </row>
    <row r="457227" spans="8:8">
      <c r="H457227" s="12"/>
    </row>
    <row r="457228" spans="8:8">
      <c r="H457228" s="12"/>
    </row>
    <row r="457229" spans="8:8">
      <c r="H457229" s="12"/>
    </row>
    <row r="457230" spans="8:8">
      <c r="H457230" s="12"/>
    </row>
    <row r="457231" spans="8:8">
      <c r="H457231" s="12"/>
    </row>
    <row r="457232" spans="8:8">
      <c r="H457232" s="12"/>
    </row>
    <row r="457233" spans="8:8">
      <c r="H457233" s="12"/>
    </row>
    <row r="457234" spans="8:8">
      <c r="H457234" s="12"/>
    </row>
    <row r="457235" spans="8:8">
      <c r="H457235" s="12"/>
    </row>
    <row r="457236" spans="8:8">
      <c r="H457236" s="12"/>
    </row>
    <row r="457237" spans="8:8">
      <c r="H457237" s="12"/>
    </row>
    <row r="457238" spans="8:8">
      <c r="H457238" s="12"/>
    </row>
    <row r="457239" spans="8:8">
      <c r="H457239" s="12"/>
    </row>
    <row r="457240" spans="8:8">
      <c r="H457240" s="12"/>
    </row>
    <row r="457241" spans="8:8">
      <c r="H457241" s="12"/>
    </row>
    <row r="457242" spans="8:8">
      <c r="H457242" s="12"/>
    </row>
    <row r="457243" spans="8:8">
      <c r="H457243" s="12"/>
    </row>
    <row r="457244" spans="8:8">
      <c r="H457244" s="12"/>
    </row>
    <row r="457245" spans="8:8">
      <c r="H457245" s="12"/>
    </row>
    <row r="457246" spans="8:8">
      <c r="H457246" s="12"/>
    </row>
    <row r="457247" spans="8:8">
      <c r="H457247" s="12"/>
    </row>
    <row r="457248" spans="8:8">
      <c r="H457248" s="12"/>
    </row>
    <row r="457249" spans="8:8">
      <c r="H457249" s="12"/>
    </row>
    <row r="457250" spans="8:8">
      <c r="H457250" s="12"/>
    </row>
    <row r="457251" spans="8:8">
      <c r="H457251" s="12"/>
    </row>
    <row r="457252" spans="8:8">
      <c r="H457252" s="12"/>
    </row>
    <row r="457253" spans="8:8">
      <c r="H457253" s="12"/>
    </row>
    <row r="457254" spans="8:8">
      <c r="H457254" s="12"/>
    </row>
    <row r="457255" spans="8:8">
      <c r="H457255" s="12"/>
    </row>
    <row r="457256" spans="8:8">
      <c r="H457256" s="12"/>
    </row>
    <row r="457257" spans="8:8">
      <c r="H457257" s="12"/>
    </row>
    <row r="457258" spans="8:8">
      <c r="H457258" s="12"/>
    </row>
    <row r="457259" spans="8:8">
      <c r="H457259" s="12"/>
    </row>
    <row r="457260" spans="8:8">
      <c r="H457260" s="12"/>
    </row>
    <row r="457261" spans="8:8">
      <c r="H457261" s="12"/>
    </row>
    <row r="457262" spans="8:8">
      <c r="H457262" s="12"/>
    </row>
    <row r="457263" spans="8:8">
      <c r="H457263" s="12"/>
    </row>
    <row r="457264" spans="8:8">
      <c r="H457264" s="12"/>
    </row>
    <row r="457265" spans="8:8">
      <c r="H457265" s="12"/>
    </row>
    <row r="457266" spans="8:8">
      <c r="H457266" s="12"/>
    </row>
    <row r="457267" spans="8:8">
      <c r="H457267" s="12"/>
    </row>
    <row r="457268" spans="8:8">
      <c r="H457268" s="12"/>
    </row>
    <row r="457269" spans="8:8">
      <c r="H457269" s="12"/>
    </row>
    <row r="457270" spans="8:8">
      <c r="H457270" s="12"/>
    </row>
    <row r="457271" spans="8:8">
      <c r="H457271" s="12"/>
    </row>
    <row r="457272" spans="8:8">
      <c r="H457272" s="12"/>
    </row>
    <row r="457273" spans="8:8">
      <c r="H457273" s="12"/>
    </row>
    <row r="457274" spans="8:8">
      <c r="H457274" s="12"/>
    </row>
    <row r="457275" spans="8:8">
      <c r="H457275" s="12"/>
    </row>
    <row r="457276" spans="8:8">
      <c r="H457276" s="12"/>
    </row>
    <row r="457277" spans="8:8">
      <c r="H457277" s="12"/>
    </row>
    <row r="457278" spans="8:8">
      <c r="H457278" s="12"/>
    </row>
    <row r="457279" spans="8:8">
      <c r="H457279" s="12"/>
    </row>
    <row r="457280" spans="8:8">
      <c r="H457280" s="12"/>
    </row>
    <row r="457281" spans="8:8">
      <c r="H457281" s="12"/>
    </row>
    <row r="457282" spans="8:8">
      <c r="H457282" s="12"/>
    </row>
    <row r="457283" spans="8:8">
      <c r="H457283" s="12"/>
    </row>
    <row r="457284" spans="8:8">
      <c r="H457284" s="12"/>
    </row>
    <row r="457285" spans="8:8">
      <c r="H457285" s="12"/>
    </row>
    <row r="457286" spans="8:8">
      <c r="H457286" s="12"/>
    </row>
    <row r="457287" spans="8:8">
      <c r="H457287" s="12"/>
    </row>
    <row r="457288" spans="8:8">
      <c r="H457288" s="12"/>
    </row>
    <row r="457289" spans="8:8">
      <c r="H457289" s="12"/>
    </row>
    <row r="457290" spans="8:8">
      <c r="H457290" s="12"/>
    </row>
    <row r="457291" spans="8:8">
      <c r="H457291" s="12"/>
    </row>
    <row r="457292" spans="8:8">
      <c r="H457292" s="12"/>
    </row>
    <row r="457293" spans="8:8">
      <c r="H457293" s="12"/>
    </row>
    <row r="457294" spans="8:8">
      <c r="H457294" s="12"/>
    </row>
    <row r="457295" spans="8:8">
      <c r="H457295" s="12"/>
    </row>
    <row r="457296" spans="8:8">
      <c r="H457296" s="12"/>
    </row>
    <row r="457297" spans="8:8">
      <c r="H457297" s="12"/>
    </row>
    <row r="457298" spans="8:8">
      <c r="H457298" s="12"/>
    </row>
    <row r="457299" spans="8:8">
      <c r="H457299" s="12"/>
    </row>
    <row r="457300" spans="8:8">
      <c r="H457300" s="12"/>
    </row>
    <row r="457301" spans="8:8">
      <c r="H457301" s="12"/>
    </row>
    <row r="457302" spans="8:8">
      <c r="H457302" s="12"/>
    </row>
    <row r="457303" spans="8:8">
      <c r="H457303" s="12"/>
    </row>
    <row r="457304" spans="8:8">
      <c r="H457304" s="12"/>
    </row>
    <row r="457305" spans="8:8">
      <c r="H457305" s="12"/>
    </row>
    <row r="457306" spans="8:8">
      <c r="H457306" s="12"/>
    </row>
    <row r="457307" spans="8:8">
      <c r="H457307" s="12"/>
    </row>
    <row r="457308" spans="8:8">
      <c r="H457308" s="12"/>
    </row>
    <row r="457309" spans="8:8">
      <c r="H457309" s="12"/>
    </row>
    <row r="457310" spans="8:8">
      <c r="H457310" s="12"/>
    </row>
    <row r="457311" spans="8:8">
      <c r="H457311" s="12"/>
    </row>
    <row r="457312" spans="8:8">
      <c r="H457312" s="12"/>
    </row>
    <row r="457313" spans="8:8">
      <c r="H457313" s="12"/>
    </row>
    <row r="457314" spans="8:8">
      <c r="H457314" s="12"/>
    </row>
    <row r="457315" spans="8:8">
      <c r="H457315" s="12"/>
    </row>
    <row r="457316" spans="8:8">
      <c r="H457316" s="12"/>
    </row>
    <row r="457317" spans="8:8">
      <c r="H457317" s="12"/>
    </row>
    <row r="457318" spans="8:8">
      <c r="H457318" s="12"/>
    </row>
    <row r="457319" spans="8:8">
      <c r="H457319" s="12"/>
    </row>
    <row r="457320" spans="8:8">
      <c r="H457320" s="12"/>
    </row>
    <row r="457321" spans="8:8">
      <c r="H457321" s="12"/>
    </row>
    <row r="457322" spans="8:8">
      <c r="H457322" s="12"/>
    </row>
    <row r="457323" spans="8:8">
      <c r="H457323" s="12"/>
    </row>
    <row r="457324" spans="8:8">
      <c r="H457324" s="12"/>
    </row>
    <row r="457325" spans="8:8">
      <c r="H457325" s="12"/>
    </row>
    <row r="457326" spans="8:8">
      <c r="H457326" s="12"/>
    </row>
    <row r="457327" spans="8:8">
      <c r="H457327" s="12"/>
    </row>
    <row r="457328" spans="8:8">
      <c r="H457328" s="12"/>
    </row>
    <row r="457329" spans="8:8">
      <c r="H457329" s="12"/>
    </row>
    <row r="457330" spans="8:8">
      <c r="H457330" s="12"/>
    </row>
    <row r="457331" spans="8:8">
      <c r="H457331" s="12"/>
    </row>
    <row r="457332" spans="8:8">
      <c r="H457332" s="12"/>
    </row>
    <row r="457333" spans="8:8">
      <c r="H457333" s="12"/>
    </row>
    <row r="457334" spans="8:8">
      <c r="H457334" s="12"/>
    </row>
    <row r="457335" spans="8:8">
      <c r="H457335" s="12"/>
    </row>
    <row r="457336" spans="8:8">
      <c r="H457336" s="12"/>
    </row>
    <row r="457337" spans="8:8">
      <c r="H457337" s="12"/>
    </row>
    <row r="457338" spans="8:8">
      <c r="H457338" s="12"/>
    </row>
    <row r="457339" spans="8:8">
      <c r="H457339" s="12"/>
    </row>
    <row r="457340" spans="8:8">
      <c r="H457340" s="12"/>
    </row>
    <row r="457341" spans="8:8">
      <c r="H457341" s="12"/>
    </row>
    <row r="457342" spans="8:8">
      <c r="H457342" s="12"/>
    </row>
    <row r="457343" spans="8:8">
      <c r="H457343" s="12"/>
    </row>
    <row r="457344" spans="8:8">
      <c r="H457344" s="12"/>
    </row>
    <row r="457345" spans="8:8">
      <c r="H457345" s="12"/>
    </row>
    <row r="457346" spans="8:8">
      <c r="H457346" s="12"/>
    </row>
    <row r="457347" spans="8:8">
      <c r="H457347" s="12"/>
    </row>
    <row r="457348" spans="8:8">
      <c r="H457348" s="12"/>
    </row>
    <row r="457349" spans="8:8">
      <c r="H457349" s="12"/>
    </row>
    <row r="457350" spans="8:8">
      <c r="H457350" s="12"/>
    </row>
    <row r="457351" spans="8:8">
      <c r="H457351" s="12"/>
    </row>
    <row r="457352" spans="8:8">
      <c r="H457352" s="12"/>
    </row>
    <row r="457353" spans="8:8">
      <c r="H457353" s="12"/>
    </row>
    <row r="457354" spans="8:8">
      <c r="H457354" s="12"/>
    </row>
    <row r="457355" spans="8:8">
      <c r="H457355" s="12"/>
    </row>
    <row r="457356" spans="8:8">
      <c r="H457356" s="12"/>
    </row>
    <row r="457357" spans="8:8">
      <c r="H457357" s="12"/>
    </row>
    <row r="457358" spans="8:8">
      <c r="H457358" s="12"/>
    </row>
    <row r="457359" spans="8:8">
      <c r="H457359" s="12"/>
    </row>
    <row r="457360" spans="8:8">
      <c r="H457360" s="12"/>
    </row>
    <row r="457361" spans="8:8">
      <c r="H457361" s="12"/>
    </row>
    <row r="457362" spans="8:8">
      <c r="H457362" s="12"/>
    </row>
    <row r="457363" spans="8:8">
      <c r="H457363" s="12"/>
    </row>
    <row r="457364" spans="8:8">
      <c r="H457364" s="12"/>
    </row>
    <row r="457365" spans="8:8">
      <c r="H457365" s="12"/>
    </row>
    <row r="457366" spans="8:8">
      <c r="H457366" s="12"/>
    </row>
    <row r="457367" spans="8:8">
      <c r="H457367" s="12"/>
    </row>
    <row r="457368" spans="8:8">
      <c r="H457368" s="12"/>
    </row>
    <row r="457369" spans="8:8">
      <c r="H457369" s="12"/>
    </row>
    <row r="457370" spans="8:8">
      <c r="H457370" s="12"/>
    </row>
    <row r="457371" spans="8:8">
      <c r="H457371" s="12"/>
    </row>
    <row r="457372" spans="8:8">
      <c r="H457372" s="12"/>
    </row>
    <row r="457373" spans="8:8">
      <c r="H457373" s="12"/>
    </row>
    <row r="457374" spans="8:8">
      <c r="H457374" s="12"/>
    </row>
    <row r="457375" spans="8:8">
      <c r="H457375" s="12"/>
    </row>
    <row r="457376" spans="8:8">
      <c r="H457376" s="12"/>
    </row>
    <row r="457377" spans="8:8">
      <c r="H457377" s="12"/>
    </row>
    <row r="457378" spans="8:8">
      <c r="H457378" s="12"/>
    </row>
    <row r="457379" spans="8:8">
      <c r="H457379" s="12"/>
    </row>
    <row r="457380" spans="8:8">
      <c r="H457380" s="12"/>
    </row>
    <row r="457381" spans="8:8">
      <c r="H457381" s="12"/>
    </row>
    <row r="457382" spans="8:8">
      <c r="H457382" s="12"/>
    </row>
    <row r="457383" spans="8:8">
      <c r="H457383" s="12"/>
    </row>
    <row r="457384" spans="8:8">
      <c r="H457384" s="12"/>
    </row>
    <row r="457385" spans="8:8">
      <c r="H457385" s="12"/>
    </row>
    <row r="457386" spans="8:8">
      <c r="H457386" s="12"/>
    </row>
    <row r="457387" spans="8:8">
      <c r="H457387" s="12"/>
    </row>
    <row r="457388" spans="8:8">
      <c r="H457388" s="12"/>
    </row>
    <row r="457389" spans="8:8">
      <c r="H457389" s="12"/>
    </row>
    <row r="457390" spans="8:8">
      <c r="H457390" s="12"/>
    </row>
    <row r="457391" spans="8:8">
      <c r="H457391" s="12"/>
    </row>
    <row r="457392" spans="8:8">
      <c r="H457392" s="12"/>
    </row>
    <row r="457393" spans="8:8">
      <c r="H457393" s="12"/>
    </row>
    <row r="457394" spans="8:8">
      <c r="H457394" s="12"/>
    </row>
    <row r="457395" spans="8:8">
      <c r="H457395" s="12"/>
    </row>
    <row r="457396" spans="8:8">
      <c r="H457396" s="12"/>
    </row>
    <row r="457397" spans="8:8">
      <c r="H457397" s="12"/>
    </row>
    <row r="457398" spans="8:8">
      <c r="H457398" s="12"/>
    </row>
    <row r="457399" spans="8:8">
      <c r="H457399" s="12"/>
    </row>
    <row r="457400" spans="8:8">
      <c r="H457400" s="12"/>
    </row>
    <row r="457401" spans="8:8">
      <c r="H457401" s="12"/>
    </row>
    <row r="457402" spans="8:8">
      <c r="H457402" s="12"/>
    </row>
    <row r="457403" spans="8:8">
      <c r="H457403" s="12"/>
    </row>
    <row r="457404" spans="8:8">
      <c r="H457404" s="12"/>
    </row>
    <row r="457405" spans="8:8">
      <c r="H457405" s="12"/>
    </row>
    <row r="457406" spans="8:8">
      <c r="H457406" s="12"/>
    </row>
    <row r="457407" spans="8:8">
      <c r="H457407" s="12"/>
    </row>
    <row r="457408" spans="8:8">
      <c r="H457408" s="12"/>
    </row>
    <row r="457409" spans="8:8">
      <c r="H457409" s="12"/>
    </row>
    <row r="457410" spans="8:8">
      <c r="H457410" s="12"/>
    </row>
    <row r="457411" spans="8:8">
      <c r="H457411" s="12"/>
    </row>
    <row r="457412" spans="8:8">
      <c r="H457412" s="12"/>
    </row>
    <row r="457413" spans="8:8">
      <c r="H457413" s="12"/>
    </row>
    <row r="457414" spans="8:8">
      <c r="H457414" s="12"/>
    </row>
    <row r="457415" spans="8:8">
      <c r="H457415" s="12"/>
    </row>
    <row r="457416" spans="8:8">
      <c r="H457416" s="12"/>
    </row>
    <row r="457417" spans="8:8">
      <c r="H457417" s="12"/>
    </row>
    <row r="457418" spans="8:8">
      <c r="H457418" s="12"/>
    </row>
    <row r="457419" spans="8:8">
      <c r="H457419" s="12"/>
    </row>
    <row r="457420" spans="8:8">
      <c r="H457420" s="12"/>
    </row>
    <row r="457421" spans="8:8">
      <c r="H457421" s="12"/>
    </row>
    <row r="457422" spans="8:8">
      <c r="H457422" s="12"/>
    </row>
    <row r="457423" spans="8:8">
      <c r="H457423" s="12"/>
    </row>
    <row r="457424" spans="8:8">
      <c r="H457424" s="12"/>
    </row>
    <row r="457425" spans="8:8">
      <c r="H457425" s="12"/>
    </row>
    <row r="457426" spans="8:8">
      <c r="H457426" s="12"/>
    </row>
    <row r="457427" spans="8:8">
      <c r="H457427" s="12"/>
    </row>
    <row r="457428" spans="8:8">
      <c r="H457428" s="12"/>
    </row>
    <row r="457429" spans="8:8">
      <c r="H457429" s="12"/>
    </row>
    <row r="457430" spans="8:8">
      <c r="H457430" s="12"/>
    </row>
    <row r="457431" spans="8:8">
      <c r="H457431" s="12"/>
    </row>
    <row r="457432" spans="8:8">
      <c r="H457432" s="12"/>
    </row>
    <row r="457433" spans="8:8">
      <c r="H457433" s="12"/>
    </row>
    <row r="457434" spans="8:8">
      <c r="H457434" s="12"/>
    </row>
    <row r="457435" spans="8:8">
      <c r="H457435" s="12"/>
    </row>
    <row r="457436" spans="8:8">
      <c r="H457436" s="12"/>
    </row>
    <row r="457437" spans="8:8">
      <c r="H457437" s="12"/>
    </row>
    <row r="457438" spans="8:8">
      <c r="H457438" s="12"/>
    </row>
    <row r="457439" spans="8:8">
      <c r="H457439" s="12"/>
    </row>
    <row r="457440" spans="8:8">
      <c r="H457440" s="12"/>
    </row>
    <row r="457441" spans="8:8">
      <c r="H457441" s="12"/>
    </row>
    <row r="457442" spans="8:8">
      <c r="H457442" s="12"/>
    </row>
    <row r="457443" spans="8:8">
      <c r="H457443" s="12"/>
    </row>
    <row r="457444" spans="8:8">
      <c r="H457444" s="12"/>
    </row>
    <row r="457445" spans="8:8">
      <c r="H457445" s="12"/>
    </row>
    <row r="457446" spans="8:8">
      <c r="H457446" s="12"/>
    </row>
    <row r="457447" spans="8:8">
      <c r="H457447" s="12"/>
    </row>
    <row r="457448" spans="8:8">
      <c r="H457448" s="12"/>
    </row>
    <row r="457449" spans="8:8">
      <c r="H457449" s="12"/>
    </row>
    <row r="457450" spans="8:8">
      <c r="H457450" s="12"/>
    </row>
    <row r="457451" spans="8:8">
      <c r="H457451" s="12"/>
    </row>
    <row r="457452" spans="8:8">
      <c r="H457452" s="12"/>
    </row>
    <row r="457453" spans="8:8">
      <c r="H457453" s="12"/>
    </row>
    <row r="457454" spans="8:8">
      <c r="H457454" s="12"/>
    </row>
    <row r="457455" spans="8:8">
      <c r="H457455" s="12"/>
    </row>
    <row r="457456" spans="8:8">
      <c r="H457456" s="12"/>
    </row>
    <row r="457457" spans="8:8">
      <c r="H457457" s="12"/>
    </row>
    <row r="457458" spans="8:8">
      <c r="H457458" s="12"/>
    </row>
    <row r="457459" spans="8:8">
      <c r="H457459" s="12"/>
    </row>
    <row r="457460" spans="8:8">
      <c r="H457460" s="12"/>
    </row>
    <row r="457461" spans="8:8">
      <c r="H457461" s="12"/>
    </row>
    <row r="457462" spans="8:8">
      <c r="H457462" s="12"/>
    </row>
    <row r="457463" spans="8:8">
      <c r="H457463" s="12"/>
    </row>
    <row r="457464" spans="8:8">
      <c r="H457464" s="12"/>
    </row>
    <row r="457465" spans="8:8">
      <c r="H457465" s="12"/>
    </row>
    <row r="457466" spans="8:8">
      <c r="H457466" s="12"/>
    </row>
    <row r="457467" spans="8:8">
      <c r="H457467" s="12"/>
    </row>
    <row r="457468" spans="8:8">
      <c r="H457468" s="12"/>
    </row>
    <row r="457469" spans="8:8">
      <c r="H457469" s="12"/>
    </row>
    <row r="457470" spans="8:8">
      <c r="H457470" s="12"/>
    </row>
    <row r="457471" spans="8:8">
      <c r="H457471" s="12"/>
    </row>
    <row r="457472" spans="8:8">
      <c r="H457472" s="12"/>
    </row>
    <row r="457473" spans="8:8">
      <c r="H457473" s="12"/>
    </row>
    <row r="457474" spans="8:8">
      <c r="H457474" s="12"/>
    </row>
    <row r="457475" spans="8:8">
      <c r="H457475" s="12"/>
    </row>
    <row r="457476" spans="8:8">
      <c r="H457476" s="12"/>
    </row>
    <row r="457477" spans="8:8">
      <c r="H457477" s="12"/>
    </row>
    <row r="457478" spans="8:8">
      <c r="H457478" s="12"/>
    </row>
    <row r="457479" spans="8:8">
      <c r="H457479" s="12"/>
    </row>
    <row r="457480" spans="8:8">
      <c r="H457480" s="12"/>
    </row>
    <row r="457481" spans="8:8">
      <c r="H457481" s="12"/>
    </row>
    <row r="457482" spans="8:8">
      <c r="H457482" s="12"/>
    </row>
    <row r="457483" spans="8:8">
      <c r="H457483" s="12"/>
    </row>
    <row r="457484" spans="8:8">
      <c r="H457484" s="12"/>
    </row>
    <row r="457485" spans="8:8">
      <c r="H457485" s="12"/>
    </row>
    <row r="457486" spans="8:8">
      <c r="H457486" s="12"/>
    </row>
    <row r="457487" spans="8:8">
      <c r="H457487" s="12"/>
    </row>
    <row r="457488" spans="8:8">
      <c r="H457488" s="12"/>
    </row>
    <row r="457489" spans="8:8">
      <c r="H457489" s="12"/>
    </row>
    <row r="457490" spans="8:8">
      <c r="H457490" s="12"/>
    </row>
    <row r="457491" spans="8:8">
      <c r="H457491" s="12"/>
    </row>
    <row r="457492" spans="8:8">
      <c r="H457492" s="12"/>
    </row>
    <row r="457493" spans="8:8">
      <c r="H457493" s="12"/>
    </row>
    <row r="457494" spans="8:8">
      <c r="H457494" s="12"/>
    </row>
    <row r="457495" spans="8:8">
      <c r="H457495" s="12"/>
    </row>
    <row r="457496" spans="8:8">
      <c r="H457496" s="12"/>
    </row>
    <row r="457497" spans="8:8">
      <c r="H457497" s="12"/>
    </row>
    <row r="457498" spans="8:8">
      <c r="H457498" s="12"/>
    </row>
    <row r="457499" spans="8:8">
      <c r="H457499" s="12"/>
    </row>
    <row r="457500" spans="8:8">
      <c r="H457500" s="12"/>
    </row>
    <row r="457501" spans="8:8">
      <c r="H457501" s="12"/>
    </row>
    <row r="457502" spans="8:8">
      <c r="H457502" s="12"/>
    </row>
    <row r="457503" spans="8:8">
      <c r="H457503" s="12"/>
    </row>
    <row r="457504" spans="8:8">
      <c r="H457504" s="12"/>
    </row>
    <row r="457505" spans="8:8">
      <c r="H457505" s="12"/>
    </row>
    <row r="457506" spans="8:8">
      <c r="H457506" s="12"/>
    </row>
    <row r="457507" spans="8:8">
      <c r="H457507" s="12"/>
    </row>
    <row r="457508" spans="8:8">
      <c r="H457508" s="12"/>
    </row>
    <row r="457509" spans="8:8">
      <c r="H457509" s="12"/>
    </row>
    <row r="457510" spans="8:8">
      <c r="H457510" s="12"/>
    </row>
    <row r="457511" spans="8:8">
      <c r="H457511" s="12"/>
    </row>
    <row r="457512" spans="8:8">
      <c r="H457512" s="12"/>
    </row>
    <row r="457513" spans="8:8">
      <c r="H457513" s="12"/>
    </row>
    <row r="457514" spans="8:8">
      <c r="H457514" s="12"/>
    </row>
    <row r="457515" spans="8:8">
      <c r="H457515" s="12"/>
    </row>
    <row r="457516" spans="8:8">
      <c r="H457516" s="12"/>
    </row>
    <row r="457517" spans="8:8">
      <c r="H457517" s="12"/>
    </row>
    <row r="457518" spans="8:8">
      <c r="H457518" s="12"/>
    </row>
    <row r="457519" spans="8:8">
      <c r="H457519" s="12"/>
    </row>
    <row r="457520" spans="8:8">
      <c r="H457520" s="12"/>
    </row>
    <row r="457521" spans="8:8">
      <c r="H457521" s="12"/>
    </row>
    <row r="457522" spans="8:8">
      <c r="H457522" s="12"/>
    </row>
    <row r="457523" spans="8:8">
      <c r="H457523" s="12"/>
    </row>
    <row r="457524" spans="8:8">
      <c r="H457524" s="12"/>
    </row>
    <row r="457525" spans="8:8">
      <c r="H457525" s="12"/>
    </row>
    <row r="457526" spans="8:8">
      <c r="H457526" s="12"/>
    </row>
    <row r="457527" spans="8:8">
      <c r="H457527" s="12"/>
    </row>
    <row r="457528" spans="8:8">
      <c r="H457528" s="12"/>
    </row>
    <row r="457529" spans="8:8">
      <c r="H457529" s="12"/>
    </row>
    <row r="457530" spans="8:8">
      <c r="H457530" s="12"/>
    </row>
    <row r="457531" spans="8:8">
      <c r="H457531" s="12"/>
    </row>
    <row r="457532" spans="8:8">
      <c r="H457532" s="12"/>
    </row>
    <row r="457533" spans="8:8">
      <c r="H457533" s="12"/>
    </row>
    <row r="457534" spans="8:8">
      <c r="H457534" s="12"/>
    </row>
    <row r="457535" spans="8:8">
      <c r="H457535" s="12"/>
    </row>
    <row r="457536" spans="8:8">
      <c r="H457536" s="12"/>
    </row>
    <row r="457537" spans="8:8">
      <c r="H457537" s="12"/>
    </row>
    <row r="457538" spans="8:8">
      <c r="H457538" s="12"/>
    </row>
    <row r="457539" spans="8:8">
      <c r="H457539" s="12"/>
    </row>
    <row r="457540" spans="8:8">
      <c r="H457540" s="12"/>
    </row>
    <row r="457541" spans="8:8">
      <c r="H457541" s="12"/>
    </row>
    <row r="457542" spans="8:8">
      <c r="H457542" s="12"/>
    </row>
    <row r="457543" spans="8:8">
      <c r="H457543" s="12"/>
    </row>
    <row r="457544" spans="8:8">
      <c r="H457544" s="12"/>
    </row>
    <row r="457545" spans="8:8">
      <c r="H457545" s="12"/>
    </row>
    <row r="457546" spans="8:8">
      <c r="H457546" s="12"/>
    </row>
    <row r="457547" spans="8:8">
      <c r="H457547" s="12"/>
    </row>
    <row r="457548" spans="8:8">
      <c r="H457548" s="12"/>
    </row>
    <row r="457549" spans="8:8">
      <c r="H457549" s="12"/>
    </row>
    <row r="457550" spans="8:8">
      <c r="H457550" s="12"/>
    </row>
    <row r="457551" spans="8:8">
      <c r="H457551" s="12"/>
    </row>
    <row r="457552" spans="8:8">
      <c r="H457552" s="12"/>
    </row>
    <row r="457553" spans="8:8">
      <c r="H457553" s="12"/>
    </row>
    <row r="457554" spans="8:8">
      <c r="H457554" s="12"/>
    </row>
    <row r="457555" spans="8:8">
      <c r="H457555" s="12"/>
    </row>
    <row r="457556" spans="8:8">
      <c r="H457556" s="12"/>
    </row>
    <row r="457557" spans="8:8">
      <c r="H457557" s="12"/>
    </row>
    <row r="457558" spans="8:8">
      <c r="H457558" s="12"/>
    </row>
    <row r="457559" spans="8:8">
      <c r="H457559" s="12"/>
    </row>
    <row r="457560" spans="8:8">
      <c r="H457560" s="12"/>
    </row>
    <row r="457561" spans="8:8">
      <c r="H457561" s="12"/>
    </row>
    <row r="457562" spans="8:8">
      <c r="H457562" s="12"/>
    </row>
    <row r="457563" spans="8:8">
      <c r="H457563" s="12"/>
    </row>
    <row r="457564" spans="8:8">
      <c r="H457564" s="12"/>
    </row>
    <row r="457565" spans="8:8">
      <c r="H457565" s="12"/>
    </row>
    <row r="457566" spans="8:8">
      <c r="H457566" s="12"/>
    </row>
    <row r="457567" spans="8:8">
      <c r="H457567" s="12"/>
    </row>
    <row r="457568" spans="8:8">
      <c r="H457568" s="12"/>
    </row>
    <row r="457569" spans="8:8">
      <c r="H457569" s="12"/>
    </row>
    <row r="457570" spans="8:8">
      <c r="H457570" s="12"/>
    </row>
    <row r="457571" spans="8:8">
      <c r="H457571" s="12"/>
    </row>
    <row r="457572" spans="8:8">
      <c r="H457572" s="12"/>
    </row>
    <row r="457573" spans="8:8">
      <c r="H457573" s="12"/>
    </row>
    <row r="457574" spans="8:8">
      <c r="H457574" s="12"/>
    </row>
    <row r="457575" spans="8:8">
      <c r="H457575" s="12"/>
    </row>
    <row r="457576" spans="8:8">
      <c r="H457576" s="12"/>
    </row>
    <row r="457577" spans="8:8">
      <c r="H457577" s="12"/>
    </row>
    <row r="457578" spans="8:8">
      <c r="H457578" s="12"/>
    </row>
    <row r="457579" spans="8:8">
      <c r="H457579" s="12"/>
    </row>
    <row r="457580" spans="8:8">
      <c r="H457580" s="12"/>
    </row>
    <row r="457581" spans="8:8">
      <c r="H457581" s="12"/>
    </row>
    <row r="457582" spans="8:8">
      <c r="H457582" s="12"/>
    </row>
    <row r="457583" spans="8:8">
      <c r="H457583" s="12"/>
    </row>
    <row r="457584" spans="8:8">
      <c r="H457584" s="12"/>
    </row>
    <row r="457585" spans="8:8">
      <c r="H457585" s="12"/>
    </row>
    <row r="457586" spans="8:8">
      <c r="H457586" s="12"/>
    </row>
    <row r="457587" spans="8:8">
      <c r="H457587" s="12"/>
    </row>
    <row r="457588" spans="8:8">
      <c r="H457588" s="12"/>
    </row>
    <row r="457589" spans="8:8">
      <c r="H457589" s="12"/>
    </row>
    <row r="457590" spans="8:8">
      <c r="H457590" s="12"/>
    </row>
    <row r="457591" spans="8:8">
      <c r="H457591" s="12"/>
    </row>
    <row r="457592" spans="8:8">
      <c r="H457592" s="12"/>
    </row>
    <row r="457593" spans="8:8">
      <c r="H457593" s="12"/>
    </row>
    <row r="457594" spans="8:8">
      <c r="H457594" s="12"/>
    </row>
    <row r="457595" spans="8:8">
      <c r="H457595" s="12"/>
    </row>
    <row r="457596" spans="8:8">
      <c r="H457596" s="12"/>
    </row>
    <row r="457597" spans="8:8">
      <c r="H457597" s="12"/>
    </row>
    <row r="457598" spans="8:8">
      <c r="H457598" s="12"/>
    </row>
    <row r="457599" spans="8:8">
      <c r="H457599" s="12"/>
    </row>
    <row r="457600" spans="8:8">
      <c r="H457600" s="12"/>
    </row>
    <row r="457601" spans="8:8">
      <c r="H457601" s="12"/>
    </row>
    <row r="457602" spans="8:8">
      <c r="H457602" s="12"/>
    </row>
    <row r="457603" spans="8:8">
      <c r="H457603" s="12"/>
    </row>
    <row r="457604" spans="8:8">
      <c r="H457604" s="12"/>
    </row>
    <row r="457605" spans="8:8">
      <c r="H457605" s="12"/>
    </row>
    <row r="457606" spans="8:8">
      <c r="H457606" s="12"/>
    </row>
    <row r="457607" spans="8:8">
      <c r="H457607" s="12"/>
    </row>
    <row r="457608" spans="8:8">
      <c r="H457608" s="12"/>
    </row>
    <row r="457609" spans="8:8">
      <c r="H457609" s="12"/>
    </row>
    <row r="457610" spans="8:8">
      <c r="H457610" s="12"/>
    </row>
    <row r="457611" spans="8:8">
      <c r="H457611" s="12"/>
    </row>
    <row r="457612" spans="8:8">
      <c r="H457612" s="12"/>
    </row>
    <row r="457613" spans="8:8">
      <c r="H457613" s="12"/>
    </row>
    <row r="457614" spans="8:8">
      <c r="H457614" s="12"/>
    </row>
    <row r="457615" spans="8:8">
      <c r="H457615" s="12"/>
    </row>
    <row r="457616" spans="8:8">
      <c r="H457616" s="12"/>
    </row>
    <row r="457617" spans="8:8">
      <c r="H457617" s="12"/>
    </row>
    <row r="457618" spans="8:8">
      <c r="H457618" s="12"/>
    </row>
    <row r="457619" spans="8:8">
      <c r="H457619" s="12"/>
    </row>
    <row r="457620" spans="8:8">
      <c r="H457620" s="12"/>
    </row>
    <row r="457621" spans="8:8">
      <c r="H457621" s="12"/>
    </row>
    <row r="457622" spans="8:8">
      <c r="H457622" s="12"/>
    </row>
    <row r="457623" spans="8:8">
      <c r="H457623" s="12"/>
    </row>
    <row r="457624" spans="8:8">
      <c r="H457624" s="12"/>
    </row>
    <row r="457625" spans="8:8">
      <c r="H457625" s="12"/>
    </row>
    <row r="457626" spans="8:8">
      <c r="H457626" s="12"/>
    </row>
    <row r="457627" spans="8:8">
      <c r="H457627" s="12"/>
    </row>
    <row r="457628" spans="8:8">
      <c r="H457628" s="12"/>
    </row>
    <row r="457629" spans="8:8">
      <c r="H457629" s="12"/>
    </row>
    <row r="457630" spans="8:8">
      <c r="H457630" s="12"/>
    </row>
    <row r="457631" spans="8:8">
      <c r="H457631" s="12"/>
    </row>
    <row r="457632" spans="8:8">
      <c r="H457632" s="12"/>
    </row>
    <row r="457633" spans="8:8">
      <c r="H457633" s="12"/>
    </row>
    <row r="457634" spans="8:8">
      <c r="H457634" s="12"/>
    </row>
    <row r="457635" spans="8:8">
      <c r="H457635" s="12"/>
    </row>
    <row r="457636" spans="8:8">
      <c r="H457636" s="12"/>
    </row>
    <row r="457637" spans="8:8">
      <c r="H457637" s="12"/>
    </row>
    <row r="457638" spans="8:8">
      <c r="H457638" s="12"/>
    </row>
    <row r="457639" spans="8:8">
      <c r="H457639" s="12"/>
    </row>
    <row r="457640" spans="8:8">
      <c r="H457640" s="12"/>
    </row>
    <row r="457641" spans="8:8">
      <c r="H457641" s="12"/>
    </row>
    <row r="457642" spans="8:8">
      <c r="H457642" s="12"/>
    </row>
    <row r="457643" spans="8:8">
      <c r="H457643" s="12"/>
    </row>
    <row r="457644" spans="8:8">
      <c r="H457644" s="12"/>
    </row>
    <row r="457645" spans="8:8">
      <c r="H457645" s="12"/>
    </row>
    <row r="457646" spans="8:8">
      <c r="H457646" s="12"/>
    </row>
    <row r="457647" spans="8:8">
      <c r="H457647" s="12"/>
    </row>
    <row r="457648" spans="8:8">
      <c r="H457648" s="12"/>
    </row>
    <row r="457649" spans="8:8">
      <c r="H457649" s="12"/>
    </row>
    <row r="457650" spans="8:8">
      <c r="H457650" s="12"/>
    </row>
    <row r="457651" spans="8:8">
      <c r="H457651" s="12"/>
    </row>
    <row r="457652" spans="8:8">
      <c r="H457652" s="12"/>
    </row>
    <row r="457653" spans="8:8">
      <c r="H457653" s="12"/>
    </row>
    <row r="457654" spans="8:8">
      <c r="H457654" s="12"/>
    </row>
    <row r="457655" spans="8:8">
      <c r="H457655" s="12"/>
    </row>
    <row r="457656" spans="8:8">
      <c r="H457656" s="12"/>
    </row>
    <row r="457657" spans="8:8">
      <c r="H457657" s="12"/>
    </row>
    <row r="457658" spans="8:8">
      <c r="H457658" s="12"/>
    </row>
    <row r="457659" spans="8:8">
      <c r="H457659" s="12"/>
    </row>
    <row r="457660" spans="8:8">
      <c r="H457660" s="12"/>
    </row>
    <row r="457661" spans="8:8">
      <c r="H457661" s="12"/>
    </row>
    <row r="457662" spans="8:8">
      <c r="H457662" s="12"/>
    </row>
    <row r="457663" spans="8:8">
      <c r="H457663" s="12"/>
    </row>
    <row r="457664" spans="8:8">
      <c r="H457664" s="12"/>
    </row>
    <row r="457665" spans="8:8">
      <c r="H457665" s="12"/>
    </row>
    <row r="457666" spans="8:8">
      <c r="H457666" s="12"/>
    </row>
    <row r="457667" spans="8:8">
      <c r="H457667" s="12"/>
    </row>
    <row r="457668" spans="8:8">
      <c r="H457668" s="12"/>
    </row>
    <row r="457669" spans="8:8">
      <c r="H457669" s="12"/>
    </row>
    <row r="457670" spans="8:8">
      <c r="H457670" s="12"/>
    </row>
    <row r="457671" spans="8:8">
      <c r="H457671" s="12"/>
    </row>
    <row r="457672" spans="8:8">
      <c r="H457672" s="12"/>
    </row>
    <row r="457673" spans="8:8">
      <c r="H457673" s="12"/>
    </row>
    <row r="457674" spans="8:8">
      <c r="H457674" s="12"/>
    </row>
    <row r="457675" spans="8:8">
      <c r="H457675" s="12"/>
    </row>
    <row r="457676" spans="8:8">
      <c r="H457676" s="12"/>
    </row>
    <row r="457677" spans="8:8">
      <c r="H457677" s="12"/>
    </row>
    <row r="457678" spans="8:8">
      <c r="H457678" s="12"/>
    </row>
    <row r="457679" spans="8:8">
      <c r="H457679" s="12"/>
    </row>
    <row r="457680" spans="8:8">
      <c r="H457680" s="12"/>
    </row>
    <row r="457681" spans="8:8">
      <c r="H457681" s="12"/>
    </row>
    <row r="457682" spans="8:8">
      <c r="H457682" s="12"/>
    </row>
    <row r="457683" spans="8:8">
      <c r="H457683" s="12"/>
    </row>
    <row r="457684" spans="8:8">
      <c r="H457684" s="12"/>
    </row>
    <row r="457685" spans="8:8">
      <c r="H457685" s="12"/>
    </row>
    <row r="457686" spans="8:8">
      <c r="H457686" s="12"/>
    </row>
    <row r="457687" spans="8:8">
      <c r="H457687" s="12"/>
    </row>
    <row r="457688" spans="8:8">
      <c r="H457688" s="12"/>
    </row>
    <row r="457689" spans="8:8">
      <c r="H457689" s="12"/>
    </row>
    <row r="457690" spans="8:8">
      <c r="H457690" s="12"/>
    </row>
    <row r="457691" spans="8:8">
      <c r="H457691" s="12"/>
    </row>
    <row r="457692" spans="8:8">
      <c r="H457692" s="12"/>
    </row>
    <row r="457693" spans="8:8">
      <c r="H457693" s="12"/>
    </row>
    <row r="457694" spans="8:8">
      <c r="H457694" s="12"/>
    </row>
    <row r="457695" spans="8:8">
      <c r="H457695" s="12"/>
    </row>
    <row r="457696" spans="8:8">
      <c r="H457696" s="12"/>
    </row>
    <row r="457697" spans="8:8">
      <c r="H457697" s="12"/>
    </row>
    <row r="457698" spans="8:8">
      <c r="H457698" s="12"/>
    </row>
    <row r="457699" spans="8:8">
      <c r="H457699" s="12"/>
    </row>
    <row r="457700" spans="8:8">
      <c r="H457700" s="12"/>
    </row>
    <row r="457701" spans="8:8">
      <c r="H457701" s="12"/>
    </row>
    <row r="457702" spans="8:8">
      <c r="H457702" s="12"/>
    </row>
    <row r="457703" spans="8:8">
      <c r="H457703" s="12"/>
    </row>
    <row r="457704" spans="8:8">
      <c r="H457704" s="12"/>
    </row>
    <row r="457705" spans="8:8">
      <c r="H457705" s="12"/>
    </row>
    <row r="457706" spans="8:8">
      <c r="H457706" s="12"/>
    </row>
    <row r="457707" spans="8:8">
      <c r="H457707" s="12"/>
    </row>
    <row r="457708" spans="8:8">
      <c r="H457708" s="12"/>
    </row>
    <row r="457709" spans="8:8">
      <c r="H457709" s="12"/>
    </row>
    <row r="457710" spans="8:8">
      <c r="H457710" s="12"/>
    </row>
    <row r="457711" spans="8:8">
      <c r="H457711" s="12"/>
    </row>
    <row r="457712" spans="8:8">
      <c r="H457712" s="12"/>
    </row>
    <row r="457713" spans="8:8">
      <c r="H457713" s="12"/>
    </row>
    <row r="457714" spans="8:8">
      <c r="H457714" s="12"/>
    </row>
    <row r="457715" spans="8:8">
      <c r="H457715" s="12"/>
    </row>
    <row r="457716" spans="8:8">
      <c r="H457716" s="12"/>
    </row>
    <row r="457717" spans="8:8">
      <c r="H457717" s="12"/>
    </row>
    <row r="457718" spans="8:8">
      <c r="H457718" s="12"/>
    </row>
    <row r="457719" spans="8:8">
      <c r="H457719" s="12"/>
    </row>
    <row r="457720" spans="8:8">
      <c r="H457720" s="12"/>
    </row>
    <row r="457721" spans="8:8">
      <c r="H457721" s="12"/>
    </row>
    <row r="457722" spans="8:8">
      <c r="H457722" s="12"/>
    </row>
    <row r="457723" spans="8:8">
      <c r="H457723" s="12"/>
    </row>
    <row r="457724" spans="8:8">
      <c r="H457724" s="12"/>
    </row>
    <row r="457725" spans="8:8">
      <c r="H457725" s="12"/>
    </row>
    <row r="457726" spans="8:8">
      <c r="H457726" s="12"/>
    </row>
    <row r="457727" spans="8:8">
      <c r="H457727" s="12"/>
    </row>
    <row r="457728" spans="8:8">
      <c r="H457728" s="12"/>
    </row>
    <row r="457729" spans="8:8">
      <c r="H457729" s="12"/>
    </row>
    <row r="457730" spans="8:8">
      <c r="H457730" s="12"/>
    </row>
    <row r="457731" spans="8:8">
      <c r="H457731" s="12"/>
    </row>
    <row r="457732" spans="8:8">
      <c r="H457732" s="12"/>
    </row>
    <row r="457733" spans="8:8">
      <c r="H457733" s="12"/>
    </row>
    <row r="457734" spans="8:8">
      <c r="H457734" s="12"/>
    </row>
    <row r="457735" spans="8:8">
      <c r="H457735" s="12"/>
    </row>
    <row r="457736" spans="8:8">
      <c r="H457736" s="12"/>
    </row>
    <row r="457737" spans="8:8">
      <c r="H457737" s="12"/>
    </row>
    <row r="457738" spans="8:8">
      <c r="H457738" s="12"/>
    </row>
    <row r="457739" spans="8:8">
      <c r="H457739" s="12"/>
    </row>
    <row r="457740" spans="8:8">
      <c r="H457740" s="12"/>
    </row>
    <row r="457741" spans="8:8">
      <c r="H457741" s="12"/>
    </row>
    <row r="457742" spans="8:8">
      <c r="H457742" s="12"/>
    </row>
    <row r="457743" spans="8:8">
      <c r="H457743" s="12"/>
    </row>
    <row r="457744" spans="8:8">
      <c r="H457744" s="12"/>
    </row>
    <row r="457745" spans="8:8">
      <c r="H457745" s="12"/>
    </row>
    <row r="457746" spans="8:8">
      <c r="H457746" s="12"/>
    </row>
    <row r="457747" spans="8:8">
      <c r="H457747" s="12"/>
    </row>
    <row r="457748" spans="8:8">
      <c r="H457748" s="12"/>
    </row>
    <row r="457749" spans="8:8">
      <c r="H457749" s="12"/>
    </row>
    <row r="457750" spans="8:8">
      <c r="H457750" s="12"/>
    </row>
    <row r="457751" spans="8:8">
      <c r="H457751" s="12"/>
    </row>
    <row r="457752" spans="8:8">
      <c r="H457752" s="12"/>
    </row>
    <row r="457753" spans="8:8">
      <c r="H457753" s="12"/>
    </row>
    <row r="457754" spans="8:8">
      <c r="H457754" s="12"/>
    </row>
    <row r="457755" spans="8:8">
      <c r="H457755" s="12"/>
    </row>
    <row r="457756" spans="8:8">
      <c r="H457756" s="12"/>
    </row>
    <row r="457757" spans="8:8">
      <c r="H457757" s="12"/>
    </row>
    <row r="457758" spans="8:8">
      <c r="H457758" s="12"/>
    </row>
    <row r="457759" spans="8:8">
      <c r="H457759" s="12"/>
    </row>
    <row r="457760" spans="8:8">
      <c r="H457760" s="12"/>
    </row>
    <row r="457761" spans="8:8">
      <c r="H457761" s="12"/>
    </row>
    <row r="457762" spans="8:8">
      <c r="H457762" s="12"/>
    </row>
    <row r="457763" spans="8:8">
      <c r="H457763" s="12"/>
    </row>
    <row r="457764" spans="8:8">
      <c r="H457764" s="12"/>
    </row>
    <row r="457765" spans="8:8">
      <c r="H457765" s="12"/>
    </row>
    <row r="457766" spans="8:8">
      <c r="H457766" s="12"/>
    </row>
    <row r="457767" spans="8:8">
      <c r="H457767" s="12"/>
    </row>
    <row r="457768" spans="8:8">
      <c r="H457768" s="12"/>
    </row>
    <row r="457769" spans="8:8">
      <c r="H457769" s="12"/>
    </row>
    <row r="457770" spans="8:8">
      <c r="H457770" s="12"/>
    </row>
    <row r="457771" spans="8:8">
      <c r="H457771" s="12"/>
    </row>
    <row r="457772" spans="8:8">
      <c r="H457772" s="12"/>
    </row>
    <row r="457773" spans="8:8">
      <c r="H457773" s="12"/>
    </row>
    <row r="457774" spans="8:8">
      <c r="H457774" s="12"/>
    </row>
    <row r="457775" spans="8:8">
      <c r="H457775" s="12"/>
    </row>
    <row r="457776" spans="8:8">
      <c r="H457776" s="12"/>
    </row>
    <row r="457777" spans="8:8">
      <c r="H457777" s="12"/>
    </row>
    <row r="457778" spans="8:8">
      <c r="H457778" s="12"/>
    </row>
    <row r="457779" spans="8:8">
      <c r="H457779" s="12"/>
    </row>
    <row r="457780" spans="8:8">
      <c r="H457780" s="12"/>
    </row>
    <row r="457781" spans="8:8">
      <c r="H457781" s="12"/>
    </row>
    <row r="457782" spans="8:8">
      <c r="H457782" s="12"/>
    </row>
    <row r="457783" spans="8:8">
      <c r="H457783" s="12"/>
    </row>
    <row r="457784" spans="8:8">
      <c r="H457784" s="12"/>
    </row>
    <row r="457785" spans="8:8">
      <c r="H457785" s="12"/>
    </row>
    <row r="457786" spans="8:8">
      <c r="H457786" s="12"/>
    </row>
    <row r="457787" spans="8:8">
      <c r="H457787" s="12"/>
    </row>
    <row r="457788" spans="8:8">
      <c r="H457788" s="12"/>
    </row>
    <row r="457789" spans="8:8">
      <c r="H457789" s="12"/>
    </row>
    <row r="457790" spans="8:8">
      <c r="H457790" s="12"/>
    </row>
    <row r="457791" spans="8:8">
      <c r="H457791" s="12"/>
    </row>
    <row r="457792" spans="8:8">
      <c r="H457792" s="12"/>
    </row>
    <row r="457793" spans="8:8">
      <c r="H457793" s="12"/>
    </row>
    <row r="457794" spans="8:8">
      <c r="H457794" s="12"/>
    </row>
    <row r="457795" spans="8:8">
      <c r="H457795" s="12"/>
    </row>
    <row r="457796" spans="8:8">
      <c r="H457796" s="12"/>
    </row>
    <row r="457797" spans="8:8">
      <c r="H457797" s="12"/>
    </row>
    <row r="457798" spans="8:8">
      <c r="H457798" s="12"/>
    </row>
    <row r="457799" spans="8:8">
      <c r="H457799" s="12"/>
    </row>
    <row r="457800" spans="8:8">
      <c r="H457800" s="12"/>
    </row>
    <row r="457801" spans="8:8">
      <c r="H457801" s="12"/>
    </row>
    <row r="457802" spans="8:8">
      <c r="H457802" s="12"/>
    </row>
    <row r="457803" spans="8:8">
      <c r="H457803" s="12"/>
    </row>
    <row r="457804" spans="8:8">
      <c r="H457804" s="12"/>
    </row>
    <row r="457805" spans="8:8">
      <c r="H457805" s="12"/>
    </row>
    <row r="457806" spans="8:8">
      <c r="H457806" s="12"/>
    </row>
    <row r="457807" spans="8:8">
      <c r="H457807" s="12"/>
    </row>
    <row r="457808" spans="8:8">
      <c r="H457808" s="12"/>
    </row>
    <row r="457809" spans="8:8">
      <c r="H457809" s="12"/>
    </row>
    <row r="457810" spans="8:8">
      <c r="H457810" s="12"/>
    </row>
    <row r="457811" spans="8:8">
      <c r="H457811" s="12"/>
    </row>
    <row r="457812" spans="8:8">
      <c r="H457812" s="12"/>
    </row>
    <row r="457813" spans="8:8">
      <c r="H457813" s="12"/>
    </row>
    <row r="457814" spans="8:8">
      <c r="H457814" s="12"/>
    </row>
    <row r="457815" spans="8:8">
      <c r="H457815" s="12"/>
    </row>
    <row r="457816" spans="8:8">
      <c r="H457816" s="12"/>
    </row>
    <row r="457817" spans="8:8">
      <c r="H457817" s="12"/>
    </row>
    <row r="457818" spans="8:8">
      <c r="H457818" s="12"/>
    </row>
    <row r="457819" spans="8:8">
      <c r="H457819" s="12"/>
    </row>
    <row r="457820" spans="8:8">
      <c r="H457820" s="12"/>
    </row>
    <row r="457821" spans="8:8">
      <c r="H457821" s="12"/>
    </row>
    <row r="457822" spans="8:8">
      <c r="H457822" s="12"/>
    </row>
    <row r="457823" spans="8:8">
      <c r="H457823" s="12"/>
    </row>
    <row r="457824" spans="8:8">
      <c r="H457824" s="12"/>
    </row>
    <row r="457825" spans="8:8">
      <c r="H457825" s="12"/>
    </row>
    <row r="457826" spans="8:8">
      <c r="H457826" s="12"/>
    </row>
    <row r="457827" spans="8:8">
      <c r="H457827" s="12"/>
    </row>
    <row r="457828" spans="8:8">
      <c r="H457828" s="12"/>
    </row>
    <row r="457829" spans="8:8">
      <c r="H457829" s="12"/>
    </row>
    <row r="457830" spans="8:8">
      <c r="H457830" s="12"/>
    </row>
    <row r="457831" spans="8:8">
      <c r="H457831" s="12"/>
    </row>
    <row r="457832" spans="8:8">
      <c r="H457832" s="12"/>
    </row>
    <row r="457833" spans="8:8">
      <c r="H457833" s="12"/>
    </row>
    <row r="457834" spans="8:8">
      <c r="H457834" s="12"/>
    </row>
    <row r="457835" spans="8:8">
      <c r="H457835" s="12"/>
    </row>
    <row r="457836" spans="8:8">
      <c r="H457836" s="12"/>
    </row>
    <row r="457837" spans="8:8">
      <c r="H457837" s="12"/>
    </row>
    <row r="457838" spans="8:8">
      <c r="H457838" s="12"/>
    </row>
    <row r="457839" spans="8:8">
      <c r="H457839" s="12"/>
    </row>
    <row r="457840" spans="8:8">
      <c r="H457840" s="12"/>
    </row>
    <row r="457841" spans="8:8">
      <c r="H457841" s="12"/>
    </row>
    <row r="457842" spans="8:8">
      <c r="H457842" s="12"/>
    </row>
    <row r="457843" spans="8:8">
      <c r="H457843" s="12"/>
    </row>
    <row r="457844" spans="8:8">
      <c r="H457844" s="12"/>
    </row>
    <row r="457845" spans="8:8">
      <c r="H457845" s="12"/>
    </row>
    <row r="457846" spans="8:8">
      <c r="H457846" s="12"/>
    </row>
    <row r="457847" spans="8:8">
      <c r="H457847" s="12"/>
    </row>
    <row r="457848" spans="8:8">
      <c r="H457848" s="12"/>
    </row>
    <row r="457849" spans="8:8">
      <c r="H457849" s="12"/>
    </row>
    <row r="457850" spans="8:8">
      <c r="H457850" s="12"/>
    </row>
    <row r="457851" spans="8:8">
      <c r="H457851" s="12"/>
    </row>
    <row r="457852" spans="8:8">
      <c r="H457852" s="12"/>
    </row>
    <row r="457853" spans="8:8">
      <c r="H457853" s="12"/>
    </row>
    <row r="457854" spans="8:8">
      <c r="H457854" s="12"/>
    </row>
    <row r="457855" spans="8:8">
      <c r="H457855" s="12"/>
    </row>
    <row r="457856" spans="8:8">
      <c r="H457856" s="12"/>
    </row>
    <row r="457857" spans="8:8">
      <c r="H457857" s="12"/>
    </row>
    <row r="457858" spans="8:8">
      <c r="H457858" s="12"/>
    </row>
    <row r="457859" spans="8:8">
      <c r="H457859" s="12"/>
    </row>
    <row r="457860" spans="8:8">
      <c r="H457860" s="12"/>
    </row>
    <row r="457861" spans="8:8">
      <c r="H457861" s="12"/>
    </row>
    <row r="457862" spans="8:8">
      <c r="H457862" s="12"/>
    </row>
    <row r="457863" spans="8:8">
      <c r="H457863" s="12"/>
    </row>
    <row r="457864" spans="8:8">
      <c r="H457864" s="12"/>
    </row>
    <row r="457865" spans="8:8">
      <c r="H457865" s="12"/>
    </row>
    <row r="457866" spans="8:8">
      <c r="H457866" s="12"/>
    </row>
    <row r="457867" spans="8:8">
      <c r="H457867" s="12"/>
    </row>
    <row r="457868" spans="8:8">
      <c r="H457868" s="12"/>
    </row>
    <row r="457869" spans="8:8">
      <c r="H457869" s="12"/>
    </row>
    <row r="457870" spans="8:8">
      <c r="H457870" s="12"/>
    </row>
    <row r="457871" spans="8:8">
      <c r="H457871" s="12"/>
    </row>
    <row r="457872" spans="8:8">
      <c r="H457872" s="12"/>
    </row>
    <row r="457873" spans="8:8">
      <c r="H457873" s="12"/>
    </row>
    <row r="457874" spans="8:8">
      <c r="H457874" s="12"/>
    </row>
    <row r="457875" spans="8:8">
      <c r="H457875" s="12"/>
    </row>
    <row r="457876" spans="8:8">
      <c r="H457876" s="12"/>
    </row>
    <row r="457877" spans="8:8">
      <c r="H457877" s="12"/>
    </row>
    <row r="457878" spans="8:8">
      <c r="H457878" s="12"/>
    </row>
    <row r="457879" spans="8:8">
      <c r="H457879" s="12"/>
    </row>
    <row r="457880" spans="8:8">
      <c r="H457880" s="12"/>
    </row>
    <row r="457881" spans="8:8">
      <c r="H457881" s="12"/>
    </row>
    <row r="457882" spans="8:8">
      <c r="H457882" s="12"/>
    </row>
    <row r="457883" spans="8:8">
      <c r="H457883" s="12"/>
    </row>
    <row r="457884" spans="8:8">
      <c r="H457884" s="12"/>
    </row>
    <row r="457885" spans="8:8">
      <c r="H457885" s="12"/>
    </row>
    <row r="457886" spans="8:8">
      <c r="H457886" s="12"/>
    </row>
    <row r="457887" spans="8:8">
      <c r="H457887" s="12"/>
    </row>
    <row r="457888" spans="8:8">
      <c r="H457888" s="12"/>
    </row>
    <row r="457889" spans="8:8">
      <c r="H457889" s="12"/>
    </row>
    <row r="457890" spans="8:8">
      <c r="H457890" s="12"/>
    </row>
    <row r="457891" spans="8:8">
      <c r="H457891" s="12"/>
    </row>
    <row r="457892" spans="8:8">
      <c r="H457892" s="12"/>
    </row>
    <row r="457893" spans="8:8">
      <c r="H457893" s="12"/>
    </row>
    <row r="457894" spans="8:8">
      <c r="H457894" s="12"/>
    </row>
    <row r="457895" spans="8:8">
      <c r="H457895" s="12"/>
    </row>
    <row r="457896" spans="8:8">
      <c r="H457896" s="12"/>
    </row>
    <row r="457897" spans="8:8">
      <c r="H457897" s="12"/>
    </row>
    <row r="457898" spans="8:8">
      <c r="H457898" s="12"/>
    </row>
    <row r="457899" spans="8:8">
      <c r="H457899" s="12"/>
    </row>
    <row r="457900" spans="8:8">
      <c r="H457900" s="12"/>
    </row>
    <row r="457901" spans="8:8">
      <c r="H457901" s="12"/>
    </row>
    <row r="457902" spans="8:8">
      <c r="H457902" s="12"/>
    </row>
    <row r="457903" spans="8:8">
      <c r="H457903" s="12"/>
    </row>
    <row r="457904" spans="8:8">
      <c r="H457904" s="12"/>
    </row>
    <row r="457905" spans="8:8">
      <c r="H457905" s="12"/>
    </row>
    <row r="457906" spans="8:8">
      <c r="H457906" s="12"/>
    </row>
    <row r="457907" spans="8:8">
      <c r="H457907" s="12"/>
    </row>
    <row r="457908" spans="8:8">
      <c r="H457908" s="12"/>
    </row>
    <row r="457909" spans="8:8">
      <c r="H457909" s="12"/>
    </row>
    <row r="457910" spans="8:8">
      <c r="H457910" s="12"/>
    </row>
    <row r="457911" spans="8:8">
      <c r="H457911" s="12"/>
    </row>
    <row r="457912" spans="8:8">
      <c r="H457912" s="12"/>
    </row>
    <row r="457913" spans="8:8">
      <c r="H457913" s="12"/>
    </row>
    <row r="457914" spans="8:8">
      <c r="H457914" s="12"/>
    </row>
    <row r="457915" spans="8:8">
      <c r="H457915" s="12"/>
    </row>
    <row r="457916" spans="8:8">
      <c r="H457916" s="12"/>
    </row>
    <row r="457917" spans="8:8">
      <c r="H457917" s="12"/>
    </row>
    <row r="457918" spans="8:8">
      <c r="H457918" s="12"/>
    </row>
    <row r="457919" spans="8:8">
      <c r="H457919" s="12"/>
    </row>
    <row r="457920" spans="8:8">
      <c r="H457920" s="12"/>
    </row>
    <row r="457921" spans="8:8">
      <c r="H457921" s="12"/>
    </row>
    <row r="457922" spans="8:8">
      <c r="H457922" s="12"/>
    </row>
    <row r="457923" spans="8:8">
      <c r="H457923" s="12"/>
    </row>
    <row r="457924" spans="8:8">
      <c r="H457924" s="12"/>
    </row>
    <row r="457925" spans="8:8">
      <c r="H457925" s="12"/>
    </row>
    <row r="457926" spans="8:8">
      <c r="H457926" s="12"/>
    </row>
    <row r="457927" spans="8:8">
      <c r="H457927" s="12"/>
    </row>
    <row r="457928" spans="8:8">
      <c r="H457928" s="12"/>
    </row>
    <row r="457929" spans="8:8">
      <c r="H457929" s="12"/>
    </row>
    <row r="457930" spans="8:8">
      <c r="H457930" s="12"/>
    </row>
    <row r="457931" spans="8:8">
      <c r="H457931" s="12"/>
    </row>
    <row r="457932" spans="8:8">
      <c r="H457932" s="12"/>
    </row>
    <row r="457933" spans="8:8">
      <c r="H457933" s="12"/>
    </row>
    <row r="457934" spans="8:8">
      <c r="H457934" s="12"/>
    </row>
    <row r="457935" spans="8:8">
      <c r="H457935" s="12"/>
    </row>
    <row r="457936" spans="8:8">
      <c r="H457936" s="12"/>
    </row>
    <row r="457937" spans="8:8">
      <c r="H457937" s="12"/>
    </row>
    <row r="457938" spans="8:8">
      <c r="H457938" s="12"/>
    </row>
    <row r="457939" spans="8:8">
      <c r="H457939" s="12"/>
    </row>
    <row r="457940" spans="8:8">
      <c r="H457940" s="12"/>
    </row>
    <row r="457941" spans="8:8">
      <c r="H457941" s="12"/>
    </row>
    <row r="457942" spans="8:8">
      <c r="H457942" s="12"/>
    </row>
    <row r="457943" spans="8:8">
      <c r="H457943" s="12"/>
    </row>
    <row r="457944" spans="8:8">
      <c r="H457944" s="12"/>
    </row>
    <row r="457945" spans="8:8">
      <c r="H457945" s="12"/>
    </row>
    <row r="457946" spans="8:8">
      <c r="H457946" s="12"/>
    </row>
    <row r="457947" spans="8:8">
      <c r="H457947" s="12"/>
    </row>
    <row r="457948" spans="8:8">
      <c r="H457948" s="12"/>
    </row>
    <row r="457949" spans="8:8">
      <c r="H457949" s="12"/>
    </row>
    <row r="457950" spans="8:8">
      <c r="H457950" s="12"/>
    </row>
    <row r="457951" spans="8:8">
      <c r="H457951" s="12"/>
    </row>
    <row r="457952" spans="8:8">
      <c r="H457952" s="12"/>
    </row>
    <row r="457953" spans="8:8">
      <c r="H457953" s="12"/>
    </row>
    <row r="457954" spans="8:8">
      <c r="H457954" s="12"/>
    </row>
    <row r="457955" spans="8:8">
      <c r="H457955" s="12"/>
    </row>
    <row r="457956" spans="8:8">
      <c r="H457956" s="12"/>
    </row>
    <row r="457957" spans="8:8">
      <c r="H457957" s="12"/>
    </row>
    <row r="457958" spans="8:8">
      <c r="H457958" s="12"/>
    </row>
    <row r="457959" spans="8:8">
      <c r="H457959" s="12"/>
    </row>
    <row r="457960" spans="8:8">
      <c r="H457960" s="12"/>
    </row>
    <row r="457961" spans="8:8">
      <c r="H457961" s="12"/>
    </row>
    <row r="457962" spans="8:8">
      <c r="H457962" s="12"/>
    </row>
    <row r="457963" spans="8:8">
      <c r="H457963" s="12"/>
    </row>
    <row r="457964" spans="8:8">
      <c r="H457964" s="12"/>
    </row>
    <row r="457965" spans="8:8">
      <c r="H457965" s="12"/>
    </row>
    <row r="457966" spans="8:8">
      <c r="H457966" s="12"/>
    </row>
    <row r="457967" spans="8:8">
      <c r="H457967" s="12"/>
    </row>
    <row r="457968" spans="8:8">
      <c r="H457968" s="12"/>
    </row>
    <row r="457969" spans="8:8">
      <c r="H457969" s="12"/>
    </row>
    <row r="457970" spans="8:8">
      <c r="H457970" s="12"/>
    </row>
    <row r="457971" spans="8:8">
      <c r="H457971" s="12"/>
    </row>
    <row r="457972" spans="8:8">
      <c r="H457972" s="12"/>
    </row>
    <row r="457973" spans="8:8">
      <c r="H457973" s="12"/>
    </row>
    <row r="457974" spans="8:8">
      <c r="H457974" s="12"/>
    </row>
    <row r="457975" spans="8:8">
      <c r="H457975" s="12"/>
    </row>
    <row r="457976" spans="8:8">
      <c r="H457976" s="12"/>
    </row>
    <row r="457977" spans="8:8">
      <c r="H457977" s="12"/>
    </row>
    <row r="457978" spans="8:8">
      <c r="H457978" s="12"/>
    </row>
    <row r="457979" spans="8:8">
      <c r="H457979" s="12"/>
    </row>
    <row r="457980" spans="8:8">
      <c r="H457980" s="12"/>
    </row>
    <row r="457981" spans="8:8">
      <c r="H457981" s="12"/>
    </row>
    <row r="457982" spans="8:8">
      <c r="H457982" s="12"/>
    </row>
    <row r="457983" spans="8:8">
      <c r="H457983" s="12"/>
    </row>
    <row r="457984" spans="8:8">
      <c r="H457984" s="12"/>
    </row>
    <row r="457985" spans="8:8">
      <c r="H457985" s="12"/>
    </row>
    <row r="457986" spans="8:8">
      <c r="H457986" s="12"/>
    </row>
    <row r="457987" spans="8:8">
      <c r="H457987" s="12"/>
    </row>
    <row r="457988" spans="8:8">
      <c r="H457988" s="12"/>
    </row>
    <row r="457989" spans="8:8">
      <c r="H457989" s="12"/>
    </row>
    <row r="457990" spans="8:8">
      <c r="H457990" s="12"/>
    </row>
    <row r="457991" spans="8:8">
      <c r="H457991" s="12"/>
    </row>
    <row r="457992" spans="8:8">
      <c r="H457992" s="12"/>
    </row>
    <row r="457993" spans="8:8">
      <c r="H457993" s="12"/>
    </row>
    <row r="457994" spans="8:8">
      <c r="H457994" s="12"/>
    </row>
    <row r="457995" spans="8:8">
      <c r="H457995" s="12"/>
    </row>
    <row r="457996" spans="8:8">
      <c r="H457996" s="12"/>
    </row>
    <row r="457997" spans="8:8">
      <c r="H457997" s="12"/>
    </row>
    <row r="457998" spans="8:8">
      <c r="H457998" s="12"/>
    </row>
    <row r="457999" spans="8:8">
      <c r="H457999" s="12"/>
    </row>
    <row r="458000" spans="8:8">
      <c r="H458000" s="12"/>
    </row>
    <row r="458001" spans="8:8">
      <c r="H458001" s="12"/>
    </row>
    <row r="458002" spans="8:8">
      <c r="H458002" s="12"/>
    </row>
    <row r="458003" spans="8:8">
      <c r="H458003" s="12"/>
    </row>
    <row r="458004" spans="8:8">
      <c r="H458004" s="12"/>
    </row>
    <row r="458005" spans="8:8">
      <c r="H458005" s="12"/>
    </row>
    <row r="458006" spans="8:8">
      <c r="H458006" s="12"/>
    </row>
    <row r="458007" spans="8:8">
      <c r="H458007" s="12"/>
    </row>
    <row r="458008" spans="8:8">
      <c r="H458008" s="12"/>
    </row>
    <row r="458009" spans="8:8">
      <c r="H458009" s="12"/>
    </row>
    <row r="458010" spans="8:8">
      <c r="H458010" s="12"/>
    </row>
    <row r="458011" spans="8:8">
      <c r="H458011" s="12"/>
    </row>
    <row r="458012" spans="8:8">
      <c r="H458012" s="12"/>
    </row>
    <row r="458013" spans="8:8">
      <c r="H458013" s="12"/>
    </row>
    <row r="458014" spans="8:8">
      <c r="H458014" s="12"/>
    </row>
    <row r="458015" spans="8:8">
      <c r="H458015" s="12"/>
    </row>
    <row r="458016" spans="8:8">
      <c r="H458016" s="12"/>
    </row>
    <row r="458017" spans="8:8">
      <c r="H458017" s="12"/>
    </row>
    <row r="458018" spans="8:8">
      <c r="H458018" s="12"/>
    </row>
    <row r="458019" spans="8:8">
      <c r="H458019" s="12"/>
    </row>
    <row r="458020" spans="8:8">
      <c r="H458020" s="12"/>
    </row>
    <row r="458021" spans="8:8">
      <c r="H458021" s="12"/>
    </row>
    <row r="458022" spans="8:8">
      <c r="H458022" s="12"/>
    </row>
    <row r="458023" spans="8:8">
      <c r="H458023" s="12"/>
    </row>
    <row r="458024" spans="8:8">
      <c r="H458024" s="12"/>
    </row>
    <row r="458025" spans="8:8">
      <c r="H458025" s="12"/>
    </row>
    <row r="458026" spans="8:8">
      <c r="H458026" s="12"/>
    </row>
    <row r="458027" spans="8:8">
      <c r="H458027" s="12"/>
    </row>
    <row r="458028" spans="8:8">
      <c r="H458028" s="12"/>
    </row>
    <row r="458029" spans="8:8">
      <c r="H458029" s="12"/>
    </row>
    <row r="458030" spans="8:8">
      <c r="H458030" s="12"/>
    </row>
    <row r="458031" spans="8:8">
      <c r="H458031" s="12"/>
    </row>
    <row r="458032" spans="8:8">
      <c r="H458032" s="12"/>
    </row>
    <row r="458033" spans="8:8">
      <c r="H458033" s="12"/>
    </row>
    <row r="458034" spans="8:8">
      <c r="H458034" s="12"/>
    </row>
    <row r="458035" spans="8:8">
      <c r="H458035" s="12"/>
    </row>
    <row r="458036" spans="8:8">
      <c r="H458036" s="12"/>
    </row>
    <row r="458037" spans="8:8">
      <c r="H458037" s="12"/>
    </row>
    <row r="458038" spans="8:8">
      <c r="H458038" s="12"/>
    </row>
    <row r="458039" spans="8:8">
      <c r="H458039" s="12"/>
    </row>
    <row r="458040" spans="8:8">
      <c r="H458040" s="12"/>
    </row>
    <row r="458041" spans="8:8">
      <c r="H458041" s="12"/>
    </row>
    <row r="458042" spans="8:8">
      <c r="H458042" s="12"/>
    </row>
    <row r="458043" spans="8:8">
      <c r="H458043" s="12"/>
    </row>
    <row r="458044" spans="8:8">
      <c r="H458044" s="12"/>
    </row>
    <row r="458045" spans="8:8">
      <c r="H458045" s="12"/>
    </row>
    <row r="458046" spans="8:8">
      <c r="H458046" s="12"/>
    </row>
    <row r="458047" spans="8:8">
      <c r="H458047" s="12"/>
    </row>
    <row r="458048" spans="8:8">
      <c r="H458048" s="12"/>
    </row>
    <row r="458049" spans="8:8">
      <c r="H458049" s="12"/>
    </row>
    <row r="458050" spans="8:8">
      <c r="H458050" s="12"/>
    </row>
    <row r="458051" spans="8:8">
      <c r="H458051" s="12"/>
    </row>
    <row r="458052" spans="8:8">
      <c r="H458052" s="12"/>
    </row>
    <row r="458053" spans="8:8">
      <c r="H458053" s="12"/>
    </row>
    <row r="458054" spans="8:8">
      <c r="H458054" s="12"/>
    </row>
    <row r="458055" spans="8:8">
      <c r="H458055" s="12"/>
    </row>
    <row r="458056" spans="8:8">
      <c r="H458056" s="12"/>
    </row>
    <row r="458057" spans="8:8">
      <c r="H458057" s="12"/>
    </row>
    <row r="458058" spans="8:8">
      <c r="H458058" s="12"/>
    </row>
    <row r="458059" spans="8:8">
      <c r="H458059" s="12"/>
    </row>
    <row r="458060" spans="8:8">
      <c r="H458060" s="12"/>
    </row>
    <row r="458061" spans="8:8">
      <c r="H458061" s="12"/>
    </row>
    <row r="458062" spans="8:8">
      <c r="H458062" s="12"/>
    </row>
    <row r="458063" spans="8:8">
      <c r="H458063" s="12"/>
    </row>
    <row r="458064" spans="8:8">
      <c r="H458064" s="12"/>
    </row>
    <row r="458065" spans="8:8">
      <c r="H458065" s="12"/>
    </row>
    <row r="458066" spans="8:8">
      <c r="H458066" s="12"/>
    </row>
    <row r="458067" spans="8:8">
      <c r="H458067" s="12"/>
    </row>
    <row r="458068" spans="8:8">
      <c r="H458068" s="12"/>
    </row>
    <row r="458069" spans="8:8">
      <c r="H458069" s="12"/>
    </row>
    <row r="458070" spans="8:8">
      <c r="H458070" s="12"/>
    </row>
    <row r="458071" spans="8:8">
      <c r="H458071" s="12"/>
    </row>
    <row r="458072" spans="8:8">
      <c r="H458072" s="12"/>
    </row>
    <row r="458073" spans="8:8">
      <c r="H458073" s="12"/>
    </row>
    <row r="458074" spans="8:8">
      <c r="H458074" s="12"/>
    </row>
    <row r="458075" spans="8:8">
      <c r="H458075" s="12"/>
    </row>
    <row r="458076" spans="8:8">
      <c r="H458076" s="12"/>
    </row>
    <row r="458077" spans="8:8">
      <c r="H458077" s="12"/>
    </row>
    <row r="458078" spans="8:8">
      <c r="H458078" s="12"/>
    </row>
    <row r="458079" spans="8:8">
      <c r="H458079" s="12"/>
    </row>
    <row r="458080" spans="8:8">
      <c r="H458080" s="12"/>
    </row>
    <row r="458081" spans="8:8">
      <c r="H458081" s="12"/>
    </row>
    <row r="458082" spans="8:8">
      <c r="H458082" s="12"/>
    </row>
    <row r="458083" spans="8:8">
      <c r="H458083" s="12"/>
    </row>
    <row r="458084" spans="8:8">
      <c r="H458084" s="12"/>
    </row>
    <row r="458085" spans="8:8">
      <c r="H458085" s="12"/>
    </row>
    <row r="458086" spans="8:8">
      <c r="H458086" s="12"/>
    </row>
    <row r="458087" spans="8:8">
      <c r="H458087" s="12"/>
    </row>
    <row r="458088" spans="8:8">
      <c r="H458088" s="12"/>
    </row>
    <row r="458089" spans="8:8">
      <c r="H458089" s="12"/>
    </row>
    <row r="458090" spans="8:8">
      <c r="H458090" s="12"/>
    </row>
    <row r="458091" spans="8:8">
      <c r="H458091" s="12"/>
    </row>
    <row r="458092" spans="8:8">
      <c r="H458092" s="12"/>
    </row>
    <row r="458093" spans="8:8">
      <c r="H458093" s="12"/>
    </row>
    <row r="458094" spans="8:8">
      <c r="H458094" s="12"/>
    </row>
    <row r="458095" spans="8:8">
      <c r="H458095" s="12"/>
    </row>
    <row r="458096" spans="8:8">
      <c r="H458096" s="12"/>
    </row>
    <row r="458097" spans="8:8">
      <c r="H458097" s="12"/>
    </row>
    <row r="458098" spans="8:8">
      <c r="H458098" s="12"/>
    </row>
    <row r="458099" spans="8:8">
      <c r="H458099" s="12"/>
    </row>
    <row r="458100" spans="8:8">
      <c r="H458100" s="12"/>
    </row>
    <row r="458101" spans="8:8">
      <c r="H458101" s="12"/>
    </row>
    <row r="458102" spans="8:8">
      <c r="H458102" s="12"/>
    </row>
    <row r="458103" spans="8:8">
      <c r="H458103" s="12"/>
    </row>
    <row r="458104" spans="8:8">
      <c r="H458104" s="12"/>
    </row>
    <row r="458105" spans="8:8">
      <c r="H458105" s="12"/>
    </row>
    <row r="458106" spans="8:8">
      <c r="H458106" s="12"/>
    </row>
    <row r="458107" spans="8:8">
      <c r="H458107" s="12"/>
    </row>
    <row r="458108" spans="8:8">
      <c r="H458108" s="12"/>
    </row>
    <row r="458109" spans="8:8">
      <c r="H458109" s="12"/>
    </row>
    <row r="458110" spans="8:8">
      <c r="H458110" s="12"/>
    </row>
    <row r="458111" spans="8:8">
      <c r="H458111" s="12"/>
    </row>
    <row r="458112" spans="8:8">
      <c r="H458112" s="12"/>
    </row>
    <row r="458113" spans="8:8">
      <c r="H458113" s="12"/>
    </row>
    <row r="458114" spans="8:8">
      <c r="H458114" s="12"/>
    </row>
    <row r="458115" spans="8:8">
      <c r="H458115" s="12"/>
    </row>
    <row r="458116" spans="8:8">
      <c r="H458116" s="12"/>
    </row>
    <row r="458117" spans="8:8">
      <c r="H458117" s="12"/>
    </row>
    <row r="458118" spans="8:8">
      <c r="H458118" s="12"/>
    </row>
    <row r="458119" spans="8:8">
      <c r="H458119" s="12"/>
    </row>
    <row r="458120" spans="8:8">
      <c r="H458120" s="12"/>
    </row>
    <row r="458121" spans="8:8">
      <c r="H458121" s="12"/>
    </row>
    <row r="458122" spans="8:8">
      <c r="H458122" s="12"/>
    </row>
    <row r="458123" spans="8:8">
      <c r="H458123" s="12"/>
    </row>
    <row r="458124" spans="8:8">
      <c r="H458124" s="12"/>
    </row>
    <row r="458125" spans="8:8">
      <c r="H458125" s="12"/>
    </row>
    <row r="458126" spans="8:8">
      <c r="H458126" s="12"/>
    </row>
    <row r="458127" spans="8:8">
      <c r="H458127" s="12"/>
    </row>
    <row r="458128" spans="8:8">
      <c r="H458128" s="12"/>
    </row>
    <row r="458129" spans="8:8">
      <c r="H458129" s="12"/>
    </row>
    <row r="458130" spans="8:8">
      <c r="H458130" s="12"/>
    </row>
    <row r="458131" spans="8:8">
      <c r="H458131" s="12"/>
    </row>
    <row r="458132" spans="8:8">
      <c r="H458132" s="12"/>
    </row>
    <row r="458133" spans="8:8">
      <c r="H458133" s="12"/>
    </row>
    <row r="458134" spans="8:8">
      <c r="H458134" s="12"/>
    </row>
    <row r="458135" spans="8:8">
      <c r="H458135" s="12"/>
    </row>
    <row r="458136" spans="8:8">
      <c r="H458136" s="12"/>
    </row>
    <row r="458137" spans="8:8">
      <c r="H458137" s="12"/>
    </row>
    <row r="458138" spans="8:8">
      <c r="H458138" s="12"/>
    </row>
    <row r="458139" spans="8:8">
      <c r="H458139" s="12"/>
    </row>
    <row r="458140" spans="8:8">
      <c r="H458140" s="12"/>
    </row>
    <row r="458141" spans="8:8">
      <c r="H458141" s="12"/>
    </row>
    <row r="458142" spans="8:8">
      <c r="H458142" s="12"/>
    </row>
    <row r="458143" spans="8:8">
      <c r="H458143" s="12"/>
    </row>
    <row r="458144" spans="8:8">
      <c r="H458144" s="12"/>
    </row>
    <row r="458145" spans="8:8">
      <c r="H458145" s="12"/>
    </row>
    <row r="458146" spans="8:8">
      <c r="H458146" s="12"/>
    </row>
    <row r="458147" spans="8:8">
      <c r="H458147" s="12"/>
    </row>
    <row r="458148" spans="8:8">
      <c r="H458148" s="12"/>
    </row>
    <row r="458149" spans="8:8">
      <c r="H458149" s="12"/>
    </row>
    <row r="458150" spans="8:8">
      <c r="H458150" s="12"/>
    </row>
    <row r="458151" spans="8:8">
      <c r="H458151" s="12"/>
    </row>
    <row r="458152" spans="8:8">
      <c r="H458152" s="12"/>
    </row>
    <row r="458153" spans="8:8">
      <c r="H458153" s="12"/>
    </row>
    <row r="458154" spans="8:8">
      <c r="H458154" s="12"/>
    </row>
    <row r="458155" spans="8:8">
      <c r="H458155" s="12"/>
    </row>
    <row r="458156" spans="8:8">
      <c r="H458156" s="12"/>
    </row>
    <row r="458157" spans="8:8">
      <c r="H458157" s="12"/>
    </row>
    <row r="458158" spans="8:8">
      <c r="H458158" s="12"/>
    </row>
    <row r="458159" spans="8:8">
      <c r="H458159" s="12"/>
    </row>
    <row r="458160" spans="8:8">
      <c r="H458160" s="12"/>
    </row>
    <row r="458161" spans="8:8">
      <c r="H458161" s="12"/>
    </row>
    <row r="458162" spans="8:8">
      <c r="H458162" s="12"/>
    </row>
    <row r="458163" spans="8:8">
      <c r="H458163" s="12"/>
    </row>
    <row r="458164" spans="8:8">
      <c r="H458164" s="12"/>
    </row>
    <row r="458165" spans="8:8">
      <c r="H458165" s="12"/>
    </row>
    <row r="458166" spans="8:8">
      <c r="H458166" s="12"/>
    </row>
    <row r="458167" spans="8:8">
      <c r="H458167" s="12"/>
    </row>
    <row r="458168" spans="8:8">
      <c r="H458168" s="12"/>
    </row>
    <row r="458169" spans="8:8">
      <c r="H458169" s="12"/>
    </row>
    <row r="458170" spans="8:8">
      <c r="H458170" s="12"/>
    </row>
    <row r="458171" spans="8:8">
      <c r="H458171" s="12"/>
    </row>
    <row r="458172" spans="8:8">
      <c r="H458172" s="12"/>
    </row>
    <row r="458173" spans="8:8">
      <c r="H458173" s="12"/>
    </row>
    <row r="458174" spans="8:8">
      <c r="H458174" s="12"/>
    </row>
    <row r="458175" spans="8:8">
      <c r="H458175" s="12"/>
    </row>
    <row r="458176" spans="8:8">
      <c r="H458176" s="12"/>
    </row>
    <row r="458177" spans="8:8">
      <c r="H458177" s="12"/>
    </row>
    <row r="458178" spans="8:8">
      <c r="H458178" s="12"/>
    </row>
    <row r="458179" spans="8:8">
      <c r="H458179" s="12"/>
    </row>
    <row r="458180" spans="8:8">
      <c r="H458180" s="12"/>
    </row>
    <row r="458181" spans="8:8">
      <c r="H458181" s="12"/>
    </row>
    <row r="458182" spans="8:8">
      <c r="H458182" s="12"/>
    </row>
    <row r="458183" spans="8:8">
      <c r="H458183" s="12"/>
    </row>
    <row r="458184" spans="8:8">
      <c r="H458184" s="12"/>
    </row>
    <row r="458185" spans="8:8">
      <c r="H458185" s="12"/>
    </row>
    <row r="458186" spans="8:8">
      <c r="H458186" s="12"/>
    </row>
    <row r="458187" spans="8:8">
      <c r="H458187" s="12"/>
    </row>
    <row r="458188" spans="8:8">
      <c r="H458188" s="12"/>
    </row>
    <row r="458189" spans="8:8">
      <c r="H458189" s="12"/>
    </row>
    <row r="458190" spans="8:8">
      <c r="H458190" s="12"/>
    </row>
    <row r="458191" spans="8:8">
      <c r="H458191" s="12"/>
    </row>
    <row r="458192" spans="8:8">
      <c r="H458192" s="12"/>
    </row>
    <row r="458193" spans="8:8">
      <c r="H458193" s="12"/>
    </row>
    <row r="458194" spans="8:8">
      <c r="H458194" s="12"/>
    </row>
    <row r="458195" spans="8:8">
      <c r="H458195" s="12"/>
    </row>
    <row r="458196" spans="8:8">
      <c r="H458196" s="12"/>
    </row>
    <row r="458197" spans="8:8">
      <c r="H458197" s="12"/>
    </row>
    <row r="458198" spans="8:8">
      <c r="H458198" s="12"/>
    </row>
    <row r="458199" spans="8:8">
      <c r="H458199" s="12"/>
    </row>
    <row r="458200" spans="8:8">
      <c r="H458200" s="12"/>
    </row>
    <row r="458201" spans="8:8">
      <c r="H458201" s="12"/>
    </row>
    <row r="458202" spans="8:8">
      <c r="H458202" s="12"/>
    </row>
    <row r="458203" spans="8:8">
      <c r="H458203" s="12"/>
    </row>
    <row r="458204" spans="8:8">
      <c r="H458204" s="12"/>
    </row>
    <row r="458205" spans="8:8">
      <c r="H458205" s="12"/>
    </row>
    <row r="458206" spans="8:8">
      <c r="H458206" s="12"/>
    </row>
    <row r="458207" spans="8:8">
      <c r="H458207" s="12"/>
    </row>
    <row r="458208" spans="8:8">
      <c r="H458208" s="12"/>
    </row>
    <row r="458209" spans="8:8">
      <c r="H458209" s="12"/>
    </row>
    <row r="458210" spans="8:8">
      <c r="H458210" s="12"/>
    </row>
    <row r="458211" spans="8:8">
      <c r="H458211" s="12"/>
    </row>
    <row r="458212" spans="8:8">
      <c r="H458212" s="12"/>
    </row>
    <row r="458213" spans="8:8">
      <c r="H458213" s="12"/>
    </row>
    <row r="458214" spans="8:8">
      <c r="H458214" s="12"/>
    </row>
    <row r="458215" spans="8:8">
      <c r="H458215" s="12"/>
    </row>
    <row r="458216" spans="8:8">
      <c r="H458216" s="12"/>
    </row>
    <row r="458217" spans="8:8">
      <c r="H458217" s="12"/>
    </row>
    <row r="458218" spans="8:8">
      <c r="H458218" s="12"/>
    </row>
    <row r="458219" spans="8:8">
      <c r="H458219" s="12"/>
    </row>
    <row r="458220" spans="8:8">
      <c r="H458220" s="12"/>
    </row>
    <row r="458221" spans="8:8">
      <c r="H458221" s="12"/>
    </row>
    <row r="458222" spans="8:8">
      <c r="H458222" s="12"/>
    </row>
    <row r="458223" spans="8:8">
      <c r="H458223" s="12"/>
    </row>
    <row r="458224" spans="8:8">
      <c r="H458224" s="12"/>
    </row>
    <row r="458225" spans="8:8">
      <c r="H458225" s="12"/>
    </row>
    <row r="458226" spans="8:8">
      <c r="H458226" s="12"/>
    </row>
    <row r="458227" spans="8:8">
      <c r="H458227" s="12"/>
    </row>
    <row r="458228" spans="8:8">
      <c r="H458228" s="12"/>
    </row>
    <row r="458229" spans="8:8">
      <c r="H458229" s="12"/>
    </row>
    <row r="458230" spans="8:8">
      <c r="H458230" s="12"/>
    </row>
    <row r="458231" spans="8:8">
      <c r="H458231" s="12"/>
    </row>
    <row r="458232" spans="8:8">
      <c r="H458232" s="12"/>
    </row>
    <row r="458233" spans="8:8">
      <c r="H458233" s="12"/>
    </row>
    <row r="458234" spans="8:8">
      <c r="H458234" s="12"/>
    </row>
    <row r="458235" spans="8:8">
      <c r="H458235" s="12"/>
    </row>
    <row r="458236" spans="8:8">
      <c r="H458236" s="12"/>
    </row>
    <row r="458237" spans="8:8">
      <c r="H458237" s="12"/>
    </row>
    <row r="458238" spans="8:8">
      <c r="H458238" s="12"/>
    </row>
    <row r="458239" spans="8:8">
      <c r="H458239" s="12"/>
    </row>
    <row r="458240" spans="8:8">
      <c r="H458240" s="12"/>
    </row>
    <row r="458241" spans="8:8">
      <c r="H458241" s="12"/>
    </row>
    <row r="458242" spans="8:8">
      <c r="H458242" s="12"/>
    </row>
    <row r="458243" spans="8:8">
      <c r="H458243" s="12"/>
    </row>
    <row r="458244" spans="8:8">
      <c r="H458244" s="12"/>
    </row>
    <row r="458245" spans="8:8">
      <c r="H458245" s="12"/>
    </row>
    <row r="458246" spans="8:8">
      <c r="H458246" s="12"/>
    </row>
    <row r="458247" spans="8:8">
      <c r="H458247" s="12"/>
    </row>
    <row r="458248" spans="8:8">
      <c r="H458248" s="12"/>
    </row>
    <row r="458249" spans="8:8">
      <c r="H458249" s="12"/>
    </row>
    <row r="458250" spans="8:8">
      <c r="H458250" s="12"/>
    </row>
    <row r="458251" spans="8:8">
      <c r="H458251" s="12"/>
    </row>
    <row r="458252" spans="8:8">
      <c r="H458252" s="12"/>
    </row>
    <row r="458253" spans="8:8">
      <c r="H458253" s="12"/>
    </row>
    <row r="458254" spans="8:8">
      <c r="H458254" s="12"/>
    </row>
    <row r="458255" spans="8:8">
      <c r="H458255" s="12"/>
    </row>
    <row r="458256" spans="8:8">
      <c r="H458256" s="12"/>
    </row>
    <row r="458257" spans="8:8">
      <c r="H458257" s="12"/>
    </row>
    <row r="458258" spans="8:8">
      <c r="H458258" s="12"/>
    </row>
    <row r="458259" spans="8:8">
      <c r="H458259" s="12"/>
    </row>
    <row r="458260" spans="8:8">
      <c r="H458260" s="12"/>
    </row>
    <row r="458261" spans="8:8">
      <c r="H458261" s="12"/>
    </row>
    <row r="458262" spans="8:8">
      <c r="H458262" s="12"/>
    </row>
    <row r="458263" spans="8:8">
      <c r="H458263" s="12"/>
    </row>
    <row r="458264" spans="8:8">
      <c r="H458264" s="12"/>
    </row>
    <row r="458265" spans="8:8">
      <c r="H458265" s="12"/>
    </row>
    <row r="458266" spans="8:8">
      <c r="H458266" s="12"/>
    </row>
    <row r="458267" spans="8:8">
      <c r="H458267" s="12"/>
    </row>
    <row r="458268" spans="8:8">
      <c r="H458268" s="12"/>
    </row>
    <row r="458269" spans="8:8">
      <c r="H458269" s="12"/>
    </row>
    <row r="458270" spans="8:8">
      <c r="H458270" s="12"/>
    </row>
    <row r="458271" spans="8:8">
      <c r="H458271" s="12"/>
    </row>
    <row r="458272" spans="8:8">
      <c r="H458272" s="12"/>
    </row>
    <row r="458273" spans="8:8">
      <c r="H458273" s="12"/>
    </row>
    <row r="458274" spans="8:8">
      <c r="H458274" s="12"/>
    </row>
    <row r="458275" spans="8:8">
      <c r="H458275" s="12"/>
    </row>
    <row r="458276" spans="8:8">
      <c r="H458276" s="12"/>
    </row>
    <row r="458277" spans="8:8">
      <c r="H458277" s="12"/>
    </row>
    <row r="458278" spans="8:8">
      <c r="H458278" s="12"/>
    </row>
    <row r="458279" spans="8:8">
      <c r="H458279" s="12"/>
    </row>
    <row r="458280" spans="8:8">
      <c r="H458280" s="12"/>
    </row>
    <row r="458281" spans="8:8">
      <c r="H458281" s="12"/>
    </row>
    <row r="458282" spans="8:8">
      <c r="H458282" s="12"/>
    </row>
    <row r="458283" spans="8:8">
      <c r="H458283" s="12"/>
    </row>
    <row r="458284" spans="8:8">
      <c r="H458284" s="12"/>
    </row>
    <row r="458285" spans="8:8">
      <c r="H458285" s="12"/>
    </row>
    <row r="458286" spans="8:8">
      <c r="H458286" s="12"/>
    </row>
    <row r="458287" spans="8:8">
      <c r="H458287" s="12"/>
    </row>
    <row r="458288" spans="8:8">
      <c r="H458288" s="12"/>
    </row>
    <row r="458289" spans="8:8">
      <c r="H458289" s="12"/>
    </row>
    <row r="458290" spans="8:8">
      <c r="H458290" s="12"/>
    </row>
    <row r="458291" spans="8:8">
      <c r="H458291" s="12"/>
    </row>
    <row r="458292" spans="8:8">
      <c r="H458292" s="12"/>
    </row>
    <row r="458293" spans="8:8">
      <c r="H458293" s="12"/>
    </row>
    <row r="458294" spans="8:8">
      <c r="H458294" s="12"/>
    </row>
    <row r="458295" spans="8:8">
      <c r="H458295" s="12"/>
    </row>
    <row r="458296" spans="8:8">
      <c r="H458296" s="12"/>
    </row>
    <row r="458297" spans="8:8">
      <c r="H458297" s="12"/>
    </row>
    <row r="458298" spans="8:8">
      <c r="H458298" s="12"/>
    </row>
    <row r="458299" spans="8:8">
      <c r="H458299" s="12"/>
    </row>
    <row r="458300" spans="8:8">
      <c r="H458300" s="12"/>
    </row>
    <row r="458301" spans="8:8">
      <c r="H458301" s="12"/>
    </row>
    <row r="458302" spans="8:8">
      <c r="H458302" s="12"/>
    </row>
    <row r="458303" spans="8:8">
      <c r="H458303" s="12"/>
    </row>
    <row r="458304" spans="8:8">
      <c r="H458304" s="12"/>
    </row>
    <row r="458305" spans="8:8">
      <c r="H458305" s="12"/>
    </row>
    <row r="458306" spans="8:8">
      <c r="H458306" s="12"/>
    </row>
    <row r="458307" spans="8:8">
      <c r="H458307" s="12"/>
    </row>
    <row r="458308" spans="8:8">
      <c r="H458308" s="12"/>
    </row>
    <row r="458309" spans="8:8">
      <c r="H458309" s="12"/>
    </row>
    <row r="458310" spans="8:8">
      <c r="H458310" s="12"/>
    </row>
    <row r="458311" spans="8:8">
      <c r="H458311" s="12"/>
    </row>
    <row r="458312" spans="8:8">
      <c r="H458312" s="12"/>
    </row>
    <row r="458313" spans="8:8">
      <c r="H458313" s="12"/>
    </row>
    <row r="458314" spans="8:8">
      <c r="H458314" s="12"/>
    </row>
    <row r="458315" spans="8:8">
      <c r="H458315" s="12"/>
    </row>
    <row r="458316" spans="8:8">
      <c r="H458316" s="12"/>
    </row>
    <row r="458317" spans="8:8">
      <c r="H458317" s="12"/>
    </row>
    <row r="458318" spans="8:8">
      <c r="H458318" s="12"/>
    </row>
    <row r="458319" spans="8:8">
      <c r="H458319" s="12"/>
    </row>
    <row r="458320" spans="8:8">
      <c r="H458320" s="12"/>
    </row>
    <row r="458321" spans="8:8">
      <c r="H458321" s="12"/>
    </row>
    <row r="458322" spans="8:8">
      <c r="H458322" s="12"/>
    </row>
    <row r="458323" spans="8:8">
      <c r="H458323" s="12"/>
    </row>
    <row r="458324" spans="8:8">
      <c r="H458324" s="12"/>
    </row>
    <row r="458325" spans="8:8">
      <c r="H458325" s="12"/>
    </row>
    <row r="458326" spans="8:8">
      <c r="H458326" s="12"/>
    </row>
    <row r="458327" spans="8:8">
      <c r="H458327" s="12"/>
    </row>
    <row r="458328" spans="8:8">
      <c r="H458328" s="12"/>
    </row>
    <row r="458329" spans="8:8">
      <c r="H458329" s="12"/>
    </row>
    <row r="458330" spans="8:8">
      <c r="H458330" s="12"/>
    </row>
    <row r="458331" spans="8:8">
      <c r="H458331" s="12"/>
    </row>
    <row r="458332" spans="8:8">
      <c r="H458332" s="12"/>
    </row>
    <row r="458333" spans="8:8">
      <c r="H458333" s="12"/>
    </row>
    <row r="458334" spans="8:8">
      <c r="H458334" s="12"/>
    </row>
    <row r="458335" spans="8:8">
      <c r="H458335" s="12"/>
    </row>
    <row r="458336" spans="8:8">
      <c r="H458336" s="12"/>
    </row>
    <row r="458337" spans="8:8">
      <c r="H458337" s="12"/>
    </row>
    <row r="458338" spans="8:8">
      <c r="H458338" s="12"/>
    </row>
    <row r="458339" spans="8:8">
      <c r="H458339" s="12"/>
    </row>
    <row r="458340" spans="8:8">
      <c r="H458340" s="12"/>
    </row>
    <row r="458341" spans="8:8">
      <c r="H458341" s="12"/>
    </row>
    <row r="458342" spans="8:8">
      <c r="H458342" s="12"/>
    </row>
    <row r="458343" spans="8:8">
      <c r="H458343" s="12"/>
    </row>
    <row r="458344" spans="8:8">
      <c r="H458344" s="12"/>
    </row>
    <row r="458345" spans="8:8">
      <c r="H458345" s="12"/>
    </row>
    <row r="458346" spans="8:8">
      <c r="H458346" s="12"/>
    </row>
    <row r="458347" spans="8:8">
      <c r="H458347" s="12"/>
    </row>
    <row r="458348" spans="8:8">
      <c r="H458348" s="12"/>
    </row>
    <row r="458349" spans="8:8">
      <c r="H458349" s="12"/>
    </row>
    <row r="458350" spans="8:8">
      <c r="H458350" s="12"/>
    </row>
    <row r="458351" spans="8:8">
      <c r="H458351" s="12"/>
    </row>
    <row r="458352" spans="8:8">
      <c r="H458352" s="12"/>
    </row>
    <row r="458353" spans="8:8">
      <c r="H458353" s="12"/>
    </row>
    <row r="458354" spans="8:8">
      <c r="H458354" s="12"/>
    </row>
    <row r="458355" spans="8:8">
      <c r="H458355" s="12"/>
    </row>
    <row r="458356" spans="8:8">
      <c r="H458356" s="12"/>
    </row>
    <row r="458357" spans="8:8">
      <c r="H458357" s="12"/>
    </row>
    <row r="458358" spans="8:8">
      <c r="H458358" s="12"/>
    </row>
    <row r="458359" spans="8:8">
      <c r="H458359" s="12"/>
    </row>
    <row r="458360" spans="8:8">
      <c r="H458360" s="12"/>
    </row>
    <row r="458361" spans="8:8">
      <c r="H458361" s="12"/>
    </row>
    <row r="458362" spans="8:8">
      <c r="H458362" s="12"/>
    </row>
    <row r="458363" spans="8:8">
      <c r="H458363" s="12"/>
    </row>
    <row r="458364" spans="8:8">
      <c r="H458364" s="12"/>
    </row>
    <row r="458365" spans="8:8">
      <c r="H458365" s="12"/>
    </row>
    <row r="458366" spans="8:8">
      <c r="H458366" s="12"/>
    </row>
    <row r="458367" spans="8:8">
      <c r="H458367" s="12"/>
    </row>
    <row r="458368" spans="8:8">
      <c r="H458368" s="12"/>
    </row>
    <row r="458369" spans="8:8">
      <c r="H458369" s="12"/>
    </row>
    <row r="458370" spans="8:8">
      <c r="H458370" s="12"/>
    </row>
    <row r="458371" spans="8:8">
      <c r="H458371" s="12"/>
    </row>
    <row r="458372" spans="8:8">
      <c r="H458372" s="12"/>
    </row>
    <row r="458373" spans="8:8">
      <c r="H458373" s="12"/>
    </row>
    <row r="458374" spans="8:8">
      <c r="H458374" s="12"/>
    </row>
    <row r="458375" spans="8:8">
      <c r="H458375" s="12"/>
    </row>
    <row r="458376" spans="8:8">
      <c r="H458376" s="12"/>
    </row>
    <row r="458377" spans="8:8">
      <c r="H458377" s="12"/>
    </row>
    <row r="458378" spans="8:8">
      <c r="H458378" s="12"/>
    </row>
    <row r="458379" spans="8:8">
      <c r="H458379" s="12"/>
    </row>
    <row r="458380" spans="8:8">
      <c r="H458380" s="12"/>
    </row>
    <row r="458381" spans="8:8">
      <c r="H458381" s="12"/>
    </row>
    <row r="458382" spans="8:8">
      <c r="H458382" s="12"/>
    </row>
    <row r="458383" spans="8:8">
      <c r="H458383" s="12"/>
    </row>
    <row r="458384" spans="8:8">
      <c r="H458384" s="12"/>
    </row>
    <row r="458385" spans="8:8">
      <c r="H458385" s="12"/>
    </row>
    <row r="458386" spans="8:8">
      <c r="H458386" s="12"/>
    </row>
    <row r="458387" spans="8:8">
      <c r="H458387" s="12"/>
    </row>
    <row r="458388" spans="8:8">
      <c r="H458388" s="12"/>
    </row>
    <row r="458389" spans="8:8">
      <c r="H458389" s="12"/>
    </row>
    <row r="458390" spans="8:8">
      <c r="H458390" s="12"/>
    </row>
    <row r="458391" spans="8:8">
      <c r="H458391" s="12"/>
    </row>
    <row r="458392" spans="8:8">
      <c r="H458392" s="12"/>
    </row>
    <row r="458393" spans="8:8">
      <c r="H458393" s="12"/>
    </row>
    <row r="458394" spans="8:8">
      <c r="H458394" s="12"/>
    </row>
    <row r="458395" spans="8:8">
      <c r="H458395" s="12"/>
    </row>
    <row r="458396" spans="8:8">
      <c r="H458396" s="12"/>
    </row>
    <row r="458397" spans="8:8">
      <c r="H458397" s="12"/>
    </row>
    <row r="458398" spans="8:8">
      <c r="H458398" s="12"/>
    </row>
    <row r="458399" spans="8:8">
      <c r="H458399" s="12"/>
    </row>
    <row r="458400" spans="8:8">
      <c r="H458400" s="12"/>
    </row>
    <row r="458401" spans="8:8">
      <c r="H458401" s="12"/>
    </row>
    <row r="458402" spans="8:8">
      <c r="H458402" s="12"/>
    </row>
    <row r="458403" spans="8:8">
      <c r="H458403" s="12"/>
    </row>
    <row r="458404" spans="8:8">
      <c r="H458404" s="12"/>
    </row>
    <row r="458405" spans="8:8">
      <c r="H458405" s="12"/>
    </row>
    <row r="458406" spans="8:8">
      <c r="H458406" s="12"/>
    </row>
    <row r="458407" spans="8:8">
      <c r="H458407" s="12"/>
    </row>
    <row r="458408" spans="8:8">
      <c r="H458408" s="12"/>
    </row>
    <row r="458409" spans="8:8">
      <c r="H458409" s="12"/>
    </row>
    <row r="458410" spans="8:8">
      <c r="H458410" s="12"/>
    </row>
    <row r="458411" spans="8:8">
      <c r="H458411" s="12"/>
    </row>
    <row r="458412" spans="8:8">
      <c r="H458412" s="12"/>
    </row>
    <row r="458413" spans="8:8">
      <c r="H458413" s="12"/>
    </row>
    <row r="458414" spans="8:8">
      <c r="H458414" s="12"/>
    </row>
    <row r="458415" spans="8:8">
      <c r="H458415" s="12"/>
    </row>
    <row r="458416" spans="8:8">
      <c r="H458416" s="12"/>
    </row>
    <row r="458417" spans="8:8">
      <c r="H458417" s="12"/>
    </row>
    <row r="458418" spans="8:8">
      <c r="H458418" s="12"/>
    </row>
    <row r="458419" spans="8:8">
      <c r="H458419" s="12"/>
    </row>
    <row r="458420" spans="8:8">
      <c r="H458420" s="12"/>
    </row>
    <row r="458421" spans="8:8">
      <c r="H458421" s="12"/>
    </row>
    <row r="458422" spans="8:8">
      <c r="H458422" s="12"/>
    </row>
    <row r="458423" spans="8:8">
      <c r="H458423" s="12"/>
    </row>
    <row r="458424" spans="8:8">
      <c r="H458424" s="12"/>
    </row>
    <row r="458425" spans="8:8">
      <c r="H458425" s="12"/>
    </row>
    <row r="458426" spans="8:8">
      <c r="H458426" s="12"/>
    </row>
    <row r="458427" spans="8:8">
      <c r="H458427" s="12"/>
    </row>
    <row r="458428" spans="8:8">
      <c r="H458428" s="12"/>
    </row>
    <row r="458429" spans="8:8">
      <c r="H458429" s="12"/>
    </row>
    <row r="458430" spans="8:8">
      <c r="H458430" s="12"/>
    </row>
    <row r="458431" spans="8:8">
      <c r="H458431" s="12"/>
    </row>
    <row r="458432" spans="8:8">
      <c r="H458432" s="12"/>
    </row>
    <row r="458433" spans="8:8">
      <c r="H458433" s="12"/>
    </row>
    <row r="458434" spans="8:8">
      <c r="H458434" s="12"/>
    </row>
    <row r="458435" spans="8:8">
      <c r="H458435" s="12"/>
    </row>
    <row r="458436" spans="8:8">
      <c r="H458436" s="12"/>
    </row>
    <row r="458437" spans="8:8">
      <c r="H458437" s="12"/>
    </row>
    <row r="458438" spans="8:8">
      <c r="H458438" s="12"/>
    </row>
    <row r="458439" spans="8:8">
      <c r="H458439" s="12"/>
    </row>
    <row r="458440" spans="8:8">
      <c r="H458440" s="12"/>
    </row>
    <row r="458441" spans="8:8">
      <c r="H458441" s="12"/>
    </row>
    <row r="458442" spans="8:8">
      <c r="H458442" s="12"/>
    </row>
    <row r="458443" spans="8:8">
      <c r="H458443" s="12"/>
    </row>
    <row r="458444" spans="8:8">
      <c r="H458444" s="12"/>
    </row>
    <row r="458445" spans="8:8">
      <c r="H458445" s="12"/>
    </row>
    <row r="458446" spans="8:8">
      <c r="H458446" s="12"/>
    </row>
    <row r="458447" spans="8:8">
      <c r="H458447" s="12"/>
    </row>
    <row r="458448" spans="8:8">
      <c r="H458448" s="12"/>
    </row>
    <row r="458449" spans="8:8">
      <c r="H458449" s="12"/>
    </row>
    <row r="458450" spans="8:8">
      <c r="H458450" s="12"/>
    </row>
    <row r="458451" spans="8:8">
      <c r="H458451" s="12"/>
    </row>
    <row r="458452" spans="8:8">
      <c r="H458452" s="12"/>
    </row>
    <row r="458453" spans="8:8">
      <c r="H458453" s="12"/>
    </row>
    <row r="458454" spans="8:8">
      <c r="H458454" s="12"/>
    </row>
    <row r="458455" spans="8:8">
      <c r="H458455" s="12"/>
    </row>
    <row r="458456" spans="8:8">
      <c r="H458456" s="12"/>
    </row>
    <row r="458457" spans="8:8">
      <c r="H458457" s="12"/>
    </row>
    <row r="458458" spans="8:8">
      <c r="H458458" s="12"/>
    </row>
    <row r="458459" spans="8:8">
      <c r="H458459" s="12"/>
    </row>
    <row r="458460" spans="8:8">
      <c r="H458460" s="12"/>
    </row>
    <row r="458461" spans="8:8">
      <c r="H458461" s="12"/>
    </row>
    <row r="458462" spans="8:8">
      <c r="H458462" s="12"/>
    </row>
    <row r="458463" spans="8:8">
      <c r="H458463" s="12"/>
    </row>
    <row r="458464" spans="8:8">
      <c r="H458464" s="12"/>
    </row>
    <row r="458465" spans="8:8">
      <c r="H458465" s="12"/>
    </row>
    <row r="458466" spans="8:8">
      <c r="H458466" s="12"/>
    </row>
    <row r="458467" spans="8:8">
      <c r="H458467" s="12"/>
    </row>
    <row r="458468" spans="8:8">
      <c r="H458468" s="12"/>
    </row>
    <row r="458469" spans="8:8">
      <c r="H458469" s="12"/>
    </row>
    <row r="458470" spans="8:8">
      <c r="H458470" s="12"/>
    </row>
    <row r="458471" spans="8:8">
      <c r="H458471" s="12"/>
    </row>
    <row r="458472" spans="8:8">
      <c r="H458472" s="12"/>
    </row>
    <row r="458473" spans="8:8">
      <c r="H458473" s="12"/>
    </row>
    <row r="458474" spans="8:8">
      <c r="H458474" s="12"/>
    </row>
    <row r="458475" spans="8:8">
      <c r="H458475" s="12"/>
    </row>
    <row r="458476" spans="8:8">
      <c r="H458476" s="12"/>
    </row>
    <row r="458477" spans="8:8">
      <c r="H458477" s="12"/>
    </row>
    <row r="458478" spans="8:8">
      <c r="H458478" s="12"/>
    </row>
    <row r="458479" spans="8:8">
      <c r="H458479" s="12"/>
    </row>
    <row r="458480" spans="8:8">
      <c r="H458480" s="12"/>
    </row>
    <row r="458481" spans="8:8">
      <c r="H458481" s="12"/>
    </row>
    <row r="458482" spans="8:8">
      <c r="H458482" s="12"/>
    </row>
    <row r="458483" spans="8:8">
      <c r="H458483" s="12"/>
    </row>
    <row r="458484" spans="8:8">
      <c r="H458484" s="12"/>
    </row>
    <row r="458485" spans="8:8">
      <c r="H458485" s="12"/>
    </row>
    <row r="458486" spans="8:8">
      <c r="H458486" s="12"/>
    </row>
    <row r="458487" spans="8:8">
      <c r="H458487" s="12"/>
    </row>
    <row r="458488" spans="8:8">
      <c r="H458488" s="12"/>
    </row>
    <row r="458489" spans="8:8">
      <c r="H458489" s="12"/>
    </row>
    <row r="458490" spans="8:8">
      <c r="H458490" s="12"/>
    </row>
    <row r="458491" spans="8:8">
      <c r="H458491" s="12"/>
    </row>
    <row r="458492" spans="8:8">
      <c r="H458492" s="12"/>
    </row>
    <row r="458493" spans="8:8">
      <c r="H458493" s="12"/>
    </row>
    <row r="458494" spans="8:8">
      <c r="H458494" s="12"/>
    </row>
    <row r="458495" spans="8:8">
      <c r="H458495" s="12"/>
    </row>
    <row r="458496" spans="8:8">
      <c r="H458496" s="12"/>
    </row>
    <row r="458497" spans="8:8">
      <c r="H458497" s="12"/>
    </row>
    <row r="458498" spans="8:8">
      <c r="H458498" s="12"/>
    </row>
    <row r="458499" spans="8:8">
      <c r="H458499" s="12"/>
    </row>
    <row r="458500" spans="8:8">
      <c r="H458500" s="12"/>
    </row>
    <row r="458501" spans="8:8">
      <c r="H458501" s="12"/>
    </row>
    <row r="458502" spans="8:8">
      <c r="H458502" s="12"/>
    </row>
    <row r="458503" spans="8:8">
      <c r="H458503" s="12"/>
    </row>
    <row r="458504" spans="8:8">
      <c r="H458504" s="12"/>
    </row>
    <row r="458505" spans="8:8">
      <c r="H458505" s="12"/>
    </row>
    <row r="458506" spans="8:8">
      <c r="H458506" s="12"/>
    </row>
    <row r="458507" spans="8:8">
      <c r="H458507" s="12"/>
    </row>
    <row r="458508" spans="8:8">
      <c r="H458508" s="12"/>
    </row>
    <row r="458509" spans="8:8">
      <c r="H458509" s="12"/>
    </row>
    <row r="458510" spans="8:8">
      <c r="H458510" s="12"/>
    </row>
    <row r="458511" spans="8:8">
      <c r="H458511" s="12"/>
    </row>
    <row r="458512" spans="8:8">
      <c r="H458512" s="12"/>
    </row>
    <row r="458513" spans="8:8">
      <c r="H458513" s="12"/>
    </row>
    <row r="458514" spans="8:8">
      <c r="H458514" s="12"/>
    </row>
    <row r="458515" spans="8:8">
      <c r="H458515" s="12"/>
    </row>
    <row r="458516" spans="8:8">
      <c r="H458516" s="12"/>
    </row>
    <row r="458517" spans="8:8">
      <c r="H458517" s="12"/>
    </row>
    <row r="458518" spans="8:8">
      <c r="H458518" s="12"/>
    </row>
    <row r="458519" spans="8:8">
      <c r="H458519" s="12"/>
    </row>
    <row r="458520" spans="8:8">
      <c r="H458520" s="12"/>
    </row>
    <row r="458521" spans="8:8">
      <c r="H458521" s="12"/>
    </row>
    <row r="458522" spans="8:8">
      <c r="H458522" s="12"/>
    </row>
    <row r="458523" spans="8:8">
      <c r="H458523" s="12"/>
    </row>
    <row r="458524" spans="8:8">
      <c r="H458524" s="12"/>
    </row>
    <row r="458525" spans="8:8">
      <c r="H458525" s="12"/>
    </row>
    <row r="458526" spans="8:8">
      <c r="H458526" s="12"/>
    </row>
    <row r="458527" spans="8:8">
      <c r="H458527" s="12"/>
    </row>
    <row r="458528" spans="8:8">
      <c r="H458528" s="12"/>
    </row>
    <row r="458529" spans="8:8">
      <c r="H458529" s="12"/>
    </row>
    <row r="458530" spans="8:8">
      <c r="H458530" s="12"/>
    </row>
    <row r="458531" spans="8:8">
      <c r="H458531" s="12"/>
    </row>
    <row r="458532" spans="8:8">
      <c r="H458532" s="12"/>
    </row>
    <row r="458533" spans="8:8">
      <c r="H458533" s="12"/>
    </row>
    <row r="458534" spans="8:8">
      <c r="H458534" s="12"/>
    </row>
    <row r="458535" spans="8:8">
      <c r="H458535" s="12"/>
    </row>
    <row r="458536" spans="8:8">
      <c r="H458536" s="12"/>
    </row>
    <row r="458537" spans="8:8">
      <c r="H458537" s="12"/>
    </row>
    <row r="458538" spans="8:8">
      <c r="H458538" s="12"/>
    </row>
    <row r="458539" spans="8:8">
      <c r="H458539" s="12"/>
    </row>
    <row r="458540" spans="8:8">
      <c r="H458540" s="12"/>
    </row>
    <row r="458541" spans="8:8">
      <c r="H458541" s="12"/>
    </row>
    <row r="458542" spans="8:8">
      <c r="H458542" s="12"/>
    </row>
    <row r="458543" spans="8:8">
      <c r="H458543" s="12"/>
    </row>
    <row r="458544" spans="8:8">
      <c r="H458544" s="12"/>
    </row>
    <row r="458545" spans="8:8">
      <c r="H458545" s="12"/>
    </row>
    <row r="458546" spans="8:8">
      <c r="H458546" s="12"/>
    </row>
    <row r="458547" spans="8:8">
      <c r="H458547" s="12"/>
    </row>
    <row r="458548" spans="8:8">
      <c r="H458548" s="12"/>
    </row>
    <row r="458549" spans="8:8">
      <c r="H458549" s="12"/>
    </row>
    <row r="458550" spans="8:8">
      <c r="H458550" s="12"/>
    </row>
    <row r="458551" spans="8:8">
      <c r="H458551" s="12"/>
    </row>
    <row r="458552" spans="8:8">
      <c r="H458552" s="12"/>
    </row>
    <row r="458553" spans="8:8">
      <c r="H458553" s="12"/>
    </row>
    <row r="458554" spans="8:8">
      <c r="H458554" s="12"/>
    </row>
    <row r="458555" spans="8:8">
      <c r="H458555" s="12"/>
    </row>
    <row r="458556" spans="8:8">
      <c r="H458556" s="12"/>
    </row>
    <row r="458557" spans="8:8">
      <c r="H458557" s="12"/>
    </row>
    <row r="458558" spans="8:8">
      <c r="H458558" s="12"/>
    </row>
    <row r="458559" spans="8:8">
      <c r="H458559" s="12"/>
    </row>
    <row r="458560" spans="8:8">
      <c r="H458560" s="12"/>
    </row>
    <row r="458561" spans="8:8">
      <c r="H458561" s="12"/>
    </row>
    <row r="458562" spans="8:8">
      <c r="H458562" s="12"/>
    </row>
    <row r="458563" spans="8:8">
      <c r="H458563" s="12"/>
    </row>
    <row r="458564" spans="8:8">
      <c r="H458564" s="12"/>
    </row>
    <row r="458565" spans="8:8">
      <c r="H458565" s="12"/>
    </row>
    <row r="458566" spans="8:8">
      <c r="H458566" s="12"/>
    </row>
    <row r="458567" spans="8:8">
      <c r="H458567" s="12"/>
    </row>
    <row r="458568" spans="8:8">
      <c r="H458568" s="12"/>
    </row>
    <row r="458569" spans="8:8">
      <c r="H458569" s="12"/>
    </row>
    <row r="458570" spans="8:8">
      <c r="H458570" s="12"/>
    </row>
    <row r="458571" spans="8:8">
      <c r="H458571" s="12"/>
    </row>
    <row r="458572" spans="8:8">
      <c r="H458572" s="12"/>
    </row>
    <row r="458573" spans="8:8">
      <c r="H458573" s="12"/>
    </row>
    <row r="458574" spans="8:8">
      <c r="H458574" s="12"/>
    </row>
    <row r="458575" spans="8:8">
      <c r="H458575" s="12"/>
    </row>
    <row r="458576" spans="8:8">
      <c r="H458576" s="12"/>
    </row>
    <row r="458577" spans="8:8">
      <c r="H458577" s="12"/>
    </row>
    <row r="458578" spans="8:8">
      <c r="H458578" s="12"/>
    </row>
    <row r="458579" spans="8:8">
      <c r="H458579" s="12"/>
    </row>
    <row r="458580" spans="8:8">
      <c r="H458580" s="12"/>
    </row>
    <row r="458581" spans="8:8">
      <c r="H458581" s="12"/>
    </row>
    <row r="458582" spans="8:8">
      <c r="H458582" s="12"/>
    </row>
    <row r="458583" spans="8:8">
      <c r="H458583" s="12"/>
    </row>
    <row r="458584" spans="8:8">
      <c r="H458584" s="12"/>
    </row>
    <row r="458585" spans="8:8">
      <c r="H458585" s="12"/>
    </row>
    <row r="458586" spans="8:8">
      <c r="H458586" s="12"/>
    </row>
    <row r="458587" spans="8:8">
      <c r="H458587" s="12"/>
    </row>
    <row r="458588" spans="8:8">
      <c r="H458588" s="12"/>
    </row>
    <row r="458589" spans="8:8">
      <c r="H458589" s="12"/>
    </row>
    <row r="458590" spans="8:8">
      <c r="H458590" s="12"/>
    </row>
    <row r="458591" spans="8:8">
      <c r="H458591" s="12"/>
    </row>
    <row r="458592" spans="8:8">
      <c r="H458592" s="12"/>
    </row>
    <row r="458593" spans="8:8">
      <c r="H458593" s="12"/>
    </row>
    <row r="458594" spans="8:8">
      <c r="H458594" s="12"/>
    </row>
    <row r="458595" spans="8:8">
      <c r="H458595" s="12"/>
    </row>
    <row r="458596" spans="8:8">
      <c r="H458596" s="12"/>
    </row>
    <row r="458597" spans="8:8">
      <c r="H458597" s="12"/>
    </row>
    <row r="458598" spans="8:8">
      <c r="H458598" s="12"/>
    </row>
    <row r="458599" spans="8:8">
      <c r="H458599" s="12"/>
    </row>
    <row r="458600" spans="8:8">
      <c r="H458600" s="12"/>
    </row>
    <row r="458601" spans="8:8">
      <c r="H458601" s="12"/>
    </row>
    <row r="458602" spans="8:8">
      <c r="H458602" s="12"/>
    </row>
    <row r="458603" spans="8:8">
      <c r="H458603" s="12"/>
    </row>
    <row r="458604" spans="8:8">
      <c r="H458604" s="12"/>
    </row>
    <row r="458605" spans="8:8">
      <c r="H458605" s="12"/>
    </row>
    <row r="458606" spans="8:8">
      <c r="H458606" s="12"/>
    </row>
    <row r="458607" spans="8:8">
      <c r="H458607" s="12"/>
    </row>
    <row r="458608" spans="8:8">
      <c r="H458608" s="12"/>
    </row>
    <row r="458609" spans="8:8">
      <c r="H458609" s="12"/>
    </row>
    <row r="458610" spans="8:8">
      <c r="H458610" s="12"/>
    </row>
    <row r="458611" spans="8:8">
      <c r="H458611" s="12"/>
    </row>
    <row r="458612" spans="8:8">
      <c r="H458612" s="12"/>
    </row>
    <row r="458613" spans="8:8">
      <c r="H458613" s="12"/>
    </row>
    <row r="458614" spans="8:8">
      <c r="H458614" s="12"/>
    </row>
    <row r="458615" spans="8:8">
      <c r="H458615" s="12"/>
    </row>
    <row r="458616" spans="8:8">
      <c r="H458616" s="12"/>
    </row>
    <row r="458617" spans="8:8">
      <c r="H458617" s="12"/>
    </row>
    <row r="458618" spans="8:8">
      <c r="H458618" s="12"/>
    </row>
    <row r="458619" spans="8:8">
      <c r="H458619" s="12"/>
    </row>
    <row r="458620" spans="8:8">
      <c r="H458620" s="12"/>
    </row>
    <row r="458621" spans="8:8">
      <c r="H458621" s="12"/>
    </row>
    <row r="458622" spans="8:8">
      <c r="H458622" s="12"/>
    </row>
    <row r="458623" spans="8:8">
      <c r="H458623" s="12"/>
    </row>
    <row r="458624" spans="8:8">
      <c r="H458624" s="12"/>
    </row>
    <row r="458625" spans="8:8">
      <c r="H458625" s="12"/>
    </row>
    <row r="458626" spans="8:8">
      <c r="H458626" s="12"/>
    </row>
    <row r="458627" spans="8:8">
      <c r="H458627" s="12"/>
    </row>
    <row r="458628" spans="8:8">
      <c r="H458628" s="12"/>
    </row>
    <row r="458629" spans="8:8">
      <c r="H458629" s="12"/>
    </row>
    <row r="458630" spans="8:8">
      <c r="H458630" s="12"/>
    </row>
    <row r="458631" spans="8:8">
      <c r="H458631" s="12"/>
    </row>
    <row r="458632" spans="8:8">
      <c r="H458632" s="12"/>
    </row>
    <row r="458633" spans="8:8">
      <c r="H458633" s="12"/>
    </row>
    <row r="458634" spans="8:8">
      <c r="H458634" s="12"/>
    </row>
    <row r="458635" spans="8:8">
      <c r="H458635" s="12"/>
    </row>
    <row r="458636" spans="8:8">
      <c r="H458636" s="12"/>
    </row>
    <row r="458637" spans="8:8">
      <c r="H458637" s="12"/>
    </row>
    <row r="458638" spans="8:8">
      <c r="H458638" s="12"/>
    </row>
    <row r="458639" spans="8:8">
      <c r="H458639" s="12"/>
    </row>
    <row r="458640" spans="8:8">
      <c r="H458640" s="12"/>
    </row>
    <row r="458641" spans="8:8">
      <c r="H458641" s="12"/>
    </row>
    <row r="458642" spans="8:8">
      <c r="H458642" s="12"/>
    </row>
    <row r="458643" spans="8:8">
      <c r="H458643" s="12"/>
    </row>
    <row r="458644" spans="8:8">
      <c r="H458644" s="12"/>
    </row>
    <row r="458645" spans="8:8">
      <c r="H458645" s="12"/>
    </row>
    <row r="458646" spans="8:8">
      <c r="H458646" s="12"/>
    </row>
    <row r="458647" spans="8:8">
      <c r="H458647" s="12"/>
    </row>
    <row r="458648" spans="8:8">
      <c r="H458648" s="12"/>
    </row>
    <row r="458649" spans="8:8">
      <c r="H458649" s="12"/>
    </row>
    <row r="458650" spans="8:8">
      <c r="H458650" s="12"/>
    </row>
    <row r="458651" spans="8:8">
      <c r="H458651" s="12"/>
    </row>
    <row r="458652" spans="8:8">
      <c r="H458652" s="12"/>
    </row>
    <row r="458653" spans="8:8">
      <c r="H458653" s="12"/>
    </row>
    <row r="458654" spans="8:8">
      <c r="H458654" s="12"/>
    </row>
    <row r="458655" spans="8:8">
      <c r="H458655" s="12"/>
    </row>
    <row r="458656" spans="8:8">
      <c r="H458656" s="12"/>
    </row>
    <row r="458657" spans="8:8">
      <c r="H458657" s="12"/>
    </row>
    <row r="458658" spans="8:8">
      <c r="H458658" s="12"/>
    </row>
    <row r="458659" spans="8:8">
      <c r="H458659" s="12"/>
    </row>
    <row r="458660" spans="8:8">
      <c r="H458660" s="12"/>
    </row>
    <row r="458661" spans="8:8">
      <c r="H458661" s="12"/>
    </row>
    <row r="458662" spans="8:8">
      <c r="H458662" s="12"/>
    </row>
    <row r="458663" spans="8:8">
      <c r="H458663" s="12"/>
    </row>
    <row r="458664" spans="8:8">
      <c r="H458664" s="12"/>
    </row>
    <row r="458665" spans="8:8">
      <c r="H458665" s="12"/>
    </row>
    <row r="458666" spans="8:8">
      <c r="H458666" s="12"/>
    </row>
    <row r="458667" spans="8:8">
      <c r="H458667" s="12"/>
    </row>
    <row r="458668" spans="8:8">
      <c r="H458668" s="12"/>
    </row>
    <row r="458669" spans="8:8">
      <c r="H458669" s="12"/>
    </row>
    <row r="458670" spans="8:8">
      <c r="H458670" s="12"/>
    </row>
    <row r="458671" spans="8:8">
      <c r="H458671" s="12"/>
    </row>
    <row r="458672" spans="8:8">
      <c r="H458672" s="12"/>
    </row>
    <row r="458673" spans="8:8">
      <c r="H458673" s="12"/>
    </row>
    <row r="458674" spans="8:8">
      <c r="H458674" s="12"/>
    </row>
    <row r="458675" spans="8:8">
      <c r="H458675" s="12"/>
    </row>
    <row r="458676" spans="8:8">
      <c r="H458676" s="12"/>
    </row>
    <row r="458677" spans="8:8">
      <c r="H458677" s="12"/>
    </row>
    <row r="458678" spans="8:8">
      <c r="H458678" s="12"/>
    </row>
    <row r="458679" spans="8:8">
      <c r="H458679" s="12"/>
    </row>
    <row r="458680" spans="8:8">
      <c r="H458680" s="12"/>
    </row>
    <row r="458681" spans="8:8">
      <c r="H458681" s="12"/>
    </row>
    <row r="458682" spans="8:8">
      <c r="H458682" s="12"/>
    </row>
    <row r="458683" spans="8:8">
      <c r="H458683" s="12"/>
    </row>
    <row r="458684" spans="8:8">
      <c r="H458684" s="12"/>
    </row>
    <row r="458685" spans="8:8">
      <c r="H458685" s="12"/>
    </row>
    <row r="458686" spans="8:8">
      <c r="H458686" s="12"/>
    </row>
    <row r="458687" spans="8:8">
      <c r="H458687" s="12"/>
    </row>
    <row r="458688" spans="8:8">
      <c r="H458688" s="12"/>
    </row>
    <row r="458689" spans="8:8">
      <c r="H458689" s="12"/>
    </row>
    <row r="458690" spans="8:8">
      <c r="H458690" s="12"/>
    </row>
    <row r="458691" spans="8:8">
      <c r="H458691" s="12"/>
    </row>
    <row r="458692" spans="8:8">
      <c r="H458692" s="12"/>
    </row>
    <row r="458693" spans="8:8">
      <c r="H458693" s="12"/>
    </row>
    <row r="458694" spans="8:8">
      <c r="H458694" s="12"/>
    </row>
    <row r="458695" spans="8:8">
      <c r="H458695" s="12"/>
    </row>
    <row r="458696" spans="8:8">
      <c r="H458696" s="12"/>
    </row>
    <row r="458697" spans="8:8">
      <c r="H458697" s="12"/>
    </row>
    <row r="458698" spans="8:8">
      <c r="H458698" s="12"/>
    </row>
    <row r="458699" spans="8:8">
      <c r="H458699" s="12"/>
    </row>
    <row r="458700" spans="8:8">
      <c r="H458700" s="12"/>
    </row>
    <row r="458701" spans="8:8">
      <c r="H458701" s="12"/>
    </row>
    <row r="458702" spans="8:8">
      <c r="H458702" s="12"/>
    </row>
    <row r="458703" spans="8:8">
      <c r="H458703" s="12"/>
    </row>
    <row r="458704" spans="8:8">
      <c r="H458704" s="12"/>
    </row>
    <row r="458705" spans="8:8">
      <c r="H458705" s="12"/>
    </row>
    <row r="458706" spans="8:8">
      <c r="H458706" s="12"/>
    </row>
    <row r="458707" spans="8:8">
      <c r="H458707" s="12"/>
    </row>
    <row r="458708" spans="8:8">
      <c r="H458708" s="12"/>
    </row>
    <row r="458709" spans="8:8">
      <c r="H458709" s="12"/>
    </row>
    <row r="458710" spans="8:8">
      <c r="H458710" s="12"/>
    </row>
    <row r="458711" spans="8:8">
      <c r="H458711" s="12"/>
    </row>
    <row r="458712" spans="8:8">
      <c r="H458712" s="12"/>
    </row>
    <row r="458713" spans="8:8">
      <c r="H458713" s="12"/>
    </row>
    <row r="458714" spans="8:8">
      <c r="H458714" s="12"/>
    </row>
    <row r="458715" spans="8:8">
      <c r="H458715" s="12"/>
    </row>
    <row r="458716" spans="8:8">
      <c r="H458716" s="12"/>
    </row>
    <row r="458717" spans="8:8">
      <c r="H458717" s="12"/>
    </row>
    <row r="458718" spans="8:8">
      <c r="H458718" s="12"/>
    </row>
    <row r="458719" spans="8:8">
      <c r="H458719" s="12"/>
    </row>
    <row r="458720" spans="8:8">
      <c r="H458720" s="12"/>
    </row>
    <row r="458721" spans="8:8">
      <c r="H458721" s="12"/>
    </row>
    <row r="458722" spans="8:8">
      <c r="H458722" s="12"/>
    </row>
    <row r="458723" spans="8:8">
      <c r="H458723" s="12"/>
    </row>
    <row r="458724" spans="8:8">
      <c r="H458724" s="12"/>
    </row>
    <row r="458725" spans="8:8">
      <c r="H458725" s="12"/>
    </row>
    <row r="458726" spans="8:8">
      <c r="H458726" s="12"/>
    </row>
    <row r="458727" spans="8:8">
      <c r="H458727" s="12"/>
    </row>
    <row r="458728" spans="8:8">
      <c r="H458728" s="12"/>
    </row>
    <row r="458729" spans="8:8">
      <c r="H458729" s="12"/>
    </row>
    <row r="458730" spans="8:8">
      <c r="H458730" s="12"/>
    </row>
    <row r="458731" spans="8:8">
      <c r="H458731" s="12"/>
    </row>
    <row r="458732" spans="8:8">
      <c r="H458732" s="12"/>
    </row>
    <row r="458733" spans="8:8">
      <c r="H458733" s="12"/>
    </row>
    <row r="458734" spans="8:8">
      <c r="H458734" s="12"/>
    </row>
    <row r="458735" spans="8:8">
      <c r="H458735" s="12"/>
    </row>
    <row r="458736" spans="8:8">
      <c r="H458736" s="12"/>
    </row>
    <row r="458737" spans="8:8">
      <c r="H458737" s="12"/>
    </row>
    <row r="458738" spans="8:8">
      <c r="H458738" s="12"/>
    </row>
    <row r="458739" spans="8:8">
      <c r="H458739" s="12"/>
    </row>
    <row r="458740" spans="8:8">
      <c r="H458740" s="12"/>
    </row>
    <row r="458741" spans="8:8">
      <c r="H458741" s="12"/>
    </row>
    <row r="458742" spans="8:8">
      <c r="H458742" s="12"/>
    </row>
    <row r="458743" spans="8:8">
      <c r="H458743" s="12"/>
    </row>
    <row r="458744" spans="8:8">
      <c r="H458744" s="12"/>
    </row>
    <row r="458745" spans="8:8">
      <c r="H458745" s="12"/>
    </row>
    <row r="458746" spans="8:8">
      <c r="H458746" s="12"/>
    </row>
    <row r="458747" spans="8:8">
      <c r="H458747" s="12"/>
    </row>
    <row r="458748" spans="8:8">
      <c r="H458748" s="12"/>
    </row>
    <row r="458749" spans="8:8">
      <c r="H458749" s="12"/>
    </row>
    <row r="458750" spans="8:8">
      <c r="H458750" s="12"/>
    </row>
    <row r="458751" spans="8:8">
      <c r="H458751" s="12"/>
    </row>
    <row r="458752" spans="8:8">
      <c r="H458752" s="12"/>
    </row>
    <row r="458753" spans="8:8">
      <c r="H458753" s="12"/>
    </row>
    <row r="458754" spans="8:8">
      <c r="H458754" s="12"/>
    </row>
    <row r="458755" spans="8:8">
      <c r="H458755" s="12"/>
    </row>
    <row r="458756" spans="8:8">
      <c r="H458756" s="12"/>
    </row>
    <row r="458757" spans="8:8">
      <c r="H458757" s="12"/>
    </row>
    <row r="458758" spans="8:8">
      <c r="H458758" s="12"/>
    </row>
    <row r="458759" spans="8:8">
      <c r="H458759" s="12"/>
    </row>
    <row r="458760" spans="8:8">
      <c r="H458760" s="12"/>
    </row>
    <row r="458761" spans="8:8">
      <c r="H458761" s="12"/>
    </row>
    <row r="458762" spans="8:8">
      <c r="H458762" s="12"/>
    </row>
    <row r="458763" spans="8:8">
      <c r="H458763" s="12"/>
    </row>
    <row r="458764" spans="8:8">
      <c r="H458764" s="12"/>
    </row>
    <row r="458765" spans="8:8">
      <c r="H458765" s="12"/>
    </row>
    <row r="458766" spans="8:8">
      <c r="H458766" s="12"/>
    </row>
    <row r="458767" spans="8:8">
      <c r="H458767" s="12"/>
    </row>
    <row r="458768" spans="8:8">
      <c r="H458768" s="12"/>
    </row>
    <row r="458769" spans="8:8">
      <c r="H458769" s="12"/>
    </row>
    <row r="458770" spans="8:8">
      <c r="H458770" s="12"/>
    </row>
    <row r="458771" spans="8:8">
      <c r="H458771" s="12"/>
    </row>
    <row r="458772" spans="8:8">
      <c r="H458772" s="12"/>
    </row>
    <row r="458773" spans="8:8">
      <c r="H458773" s="12"/>
    </row>
    <row r="458774" spans="8:8">
      <c r="H458774" s="12"/>
    </row>
    <row r="458775" spans="8:8">
      <c r="H458775" s="12"/>
    </row>
    <row r="458776" spans="8:8">
      <c r="H458776" s="12"/>
    </row>
    <row r="458777" spans="8:8">
      <c r="H458777" s="12"/>
    </row>
    <row r="458778" spans="8:8">
      <c r="H458778" s="12"/>
    </row>
    <row r="458779" spans="8:8">
      <c r="H458779" s="12"/>
    </row>
    <row r="458780" spans="8:8">
      <c r="H458780" s="12"/>
    </row>
    <row r="458781" spans="8:8">
      <c r="H458781" s="12"/>
    </row>
    <row r="458782" spans="8:8">
      <c r="H458782" s="12"/>
    </row>
    <row r="458783" spans="8:8">
      <c r="H458783" s="12"/>
    </row>
    <row r="458784" spans="8:8">
      <c r="H458784" s="12"/>
    </row>
    <row r="458785" spans="8:8">
      <c r="H458785" s="12"/>
    </row>
    <row r="458786" spans="8:8">
      <c r="H458786" s="12"/>
    </row>
    <row r="458787" spans="8:8">
      <c r="H458787" s="12"/>
    </row>
    <row r="458788" spans="8:8">
      <c r="H458788" s="12"/>
    </row>
    <row r="458789" spans="8:8">
      <c r="H458789" s="12"/>
    </row>
    <row r="458790" spans="8:8">
      <c r="H458790" s="12"/>
    </row>
    <row r="458791" spans="8:8">
      <c r="H458791" s="12"/>
    </row>
    <row r="458792" spans="8:8">
      <c r="H458792" s="12"/>
    </row>
    <row r="458793" spans="8:8">
      <c r="H458793" s="12"/>
    </row>
    <row r="458794" spans="8:8">
      <c r="H458794" s="12"/>
    </row>
    <row r="458795" spans="8:8">
      <c r="H458795" s="12"/>
    </row>
    <row r="458796" spans="8:8">
      <c r="H458796" s="12"/>
    </row>
    <row r="458797" spans="8:8">
      <c r="H458797" s="12"/>
    </row>
    <row r="458798" spans="8:8">
      <c r="H458798" s="12"/>
    </row>
    <row r="458799" spans="8:8">
      <c r="H458799" s="12"/>
    </row>
    <row r="458800" spans="8:8">
      <c r="H458800" s="12"/>
    </row>
    <row r="458801" spans="8:8">
      <c r="H458801" s="12"/>
    </row>
    <row r="458802" spans="8:8">
      <c r="H458802" s="12"/>
    </row>
    <row r="458803" spans="8:8">
      <c r="H458803" s="12"/>
    </row>
    <row r="458804" spans="8:8">
      <c r="H458804" s="12"/>
    </row>
    <row r="458805" spans="8:8">
      <c r="H458805" s="12"/>
    </row>
    <row r="458806" spans="8:8">
      <c r="H458806" s="12"/>
    </row>
    <row r="458807" spans="8:8">
      <c r="H458807" s="12"/>
    </row>
    <row r="458808" spans="8:8">
      <c r="H458808" s="12"/>
    </row>
    <row r="458809" spans="8:8">
      <c r="H458809" s="12"/>
    </row>
    <row r="458810" spans="8:8">
      <c r="H458810" s="12"/>
    </row>
    <row r="458811" spans="8:8">
      <c r="H458811" s="12"/>
    </row>
    <row r="458812" spans="8:8">
      <c r="H458812" s="12"/>
    </row>
    <row r="458813" spans="8:8">
      <c r="H458813" s="12"/>
    </row>
    <row r="458814" spans="8:8">
      <c r="H458814" s="12"/>
    </row>
    <row r="458815" spans="8:8">
      <c r="H458815" s="12"/>
    </row>
    <row r="458816" spans="8:8">
      <c r="H458816" s="12"/>
    </row>
    <row r="458817" spans="8:8">
      <c r="H458817" s="12"/>
    </row>
    <row r="458818" spans="8:8">
      <c r="H458818" s="12"/>
    </row>
    <row r="458819" spans="8:8">
      <c r="H458819" s="12"/>
    </row>
    <row r="458820" spans="8:8">
      <c r="H458820" s="12"/>
    </row>
    <row r="458821" spans="8:8">
      <c r="H458821" s="12"/>
    </row>
    <row r="458822" spans="8:8">
      <c r="H458822" s="12"/>
    </row>
    <row r="458823" spans="8:8">
      <c r="H458823" s="12"/>
    </row>
    <row r="458824" spans="8:8">
      <c r="H458824" s="12"/>
    </row>
    <row r="458825" spans="8:8">
      <c r="H458825" s="12"/>
    </row>
    <row r="458826" spans="8:8">
      <c r="H458826" s="12"/>
    </row>
    <row r="458827" spans="8:8">
      <c r="H458827" s="12"/>
    </row>
    <row r="458828" spans="8:8">
      <c r="H458828" s="12"/>
    </row>
    <row r="458829" spans="8:8">
      <c r="H458829" s="12"/>
    </row>
    <row r="458830" spans="8:8">
      <c r="H458830" s="12"/>
    </row>
    <row r="458831" spans="8:8">
      <c r="H458831" s="12"/>
    </row>
    <row r="458832" spans="8:8">
      <c r="H458832" s="12"/>
    </row>
    <row r="458833" spans="8:8">
      <c r="H458833" s="12"/>
    </row>
    <row r="458834" spans="8:8">
      <c r="H458834" s="12"/>
    </row>
    <row r="458835" spans="8:8">
      <c r="H458835" s="12"/>
    </row>
    <row r="458836" spans="8:8">
      <c r="H458836" s="12"/>
    </row>
    <row r="458837" spans="8:8">
      <c r="H458837" s="12"/>
    </row>
    <row r="458838" spans="8:8">
      <c r="H458838" s="12"/>
    </row>
    <row r="458839" spans="8:8">
      <c r="H458839" s="12"/>
    </row>
    <row r="458840" spans="8:8">
      <c r="H458840" s="12"/>
    </row>
    <row r="458841" spans="8:8">
      <c r="H458841" s="12"/>
    </row>
    <row r="458842" spans="8:8">
      <c r="H458842" s="12"/>
    </row>
    <row r="458843" spans="8:8">
      <c r="H458843" s="12"/>
    </row>
    <row r="458844" spans="8:8">
      <c r="H458844" s="12"/>
    </row>
    <row r="458845" spans="8:8">
      <c r="H458845" s="12"/>
    </row>
    <row r="458846" spans="8:8">
      <c r="H458846" s="12"/>
    </row>
    <row r="458847" spans="8:8">
      <c r="H458847" s="12"/>
    </row>
    <row r="458848" spans="8:8">
      <c r="H458848" s="12"/>
    </row>
    <row r="458849" spans="8:8">
      <c r="H458849" s="12"/>
    </row>
    <row r="458850" spans="8:8">
      <c r="H458850" s="12"/>
    </row>
    <row r="458851" spans="8:8">
      <c r="H458851" s="12"/>
    </row>
    <row r="458852" spans="8:8">
      <c r="H458852" s="12"/>
    </row>
    <row r="458853" spans="8:8">
      <c r="H458853" s="12"/>
    </row>
    <row r="458854" spans="8:8">
      <c r="H458854" s="12"/>
    </row>
    <row r="458855" spans="8:8">
      <c r="H458855" s="12"/>
    </row>
    <row r="458856" spans="8:8">
      <c r="H458856" s="12"/>
    </row>
    <row r="458857" spans="8:8">
      <c r="H458857" s="12"/>
    </row>
    <row r="458858" spans="8:8">
      <c r="H458858" s="12"/>
    </row>
    <row r="458859" spans="8:8">
      <c r="H458859" s="12"/>
    </row>
    <row r="458860" spans="8:8">
      <c r="H458860" s="12"/>
    </row>
    <row r="458861" spans="8:8">
      <c r="H458861" s="12"/>
    </row>
    <row r="458862" spans="8:8">
      <c r="H458862" s="12"/>
    </row>
    <row r="458863" spans="8:8">
      <c r="H458863" s="12"/>
    </row>
    <row r="458864" spans="8:8">
      <c r="H458864" s="12"/>
    </row>
    <row r="458865" spans="8:8">
      <c r="H458865" s="12"/>
    </row>
    <row r="458866" spans="8:8">
      <c r="H458866" s="12"/>
    </row>
    <row r="458867" spans="8:8">
      <c r="H458867" s="12"/>
    </row>
    <row r="458868" spans="8:8">
      <c r="H458868" s="12"/>
    </row>
    <row r="458869" spans="8:8">
      <c r="H458869" s="12"/>
    </row>
    <row r="458870" spans="8:8">
      <c r="H458870" s="12"/>
    </row>
    <row r="458871" spans="8:8">
      <c r="H458871" s="12"/>
    </row>
    <row r="458872" spans="8:8">
      <c r="H458872" s="12"/>
    </row>
    <row r="458873" spans="8:8">
      <c r="H458873" s="12"/>
    </row>
    <row r="458874" spans="8:8">
      <c r="H458874" s="12"/>
    </row>
    <row r="458875" spans="8:8">
      <c r="H458875" s="12"/>
    </row>
    <row r="458876" spans="8:8">
      <c r="H458876" s="12"/>
    </row>
    <row r="458877" spans="8:8">
      <c r="H458877" s="12"/>
    </row>
    <row r="458878" spans="8:8">
      <c r="H458878" s="12"/>
    </row>
    <row r="458879" spans="8:8">
      <c r="H458879" s="12"/>
    </row>
    <row r="458880" spans="8:8">
      <c r="H458880" s="12"/>
    </row>
    <row r="458881" spans="8:8">
      <c r="H458881" s="12"/>
    </row>
    <row r="458882" spans="8:8">
      <c r="H458882" s="12"/>
    </row>
    <row r="458883" spans="8:8">
      <c r="H458883" s="12"/>
    </row>
    <row r="458884" spans="8:8">
      <c r="H458884" s="12"/>
    </row>
    <row r="458885" spans="8:8">
      <c r="H458885" s="12"/>
    </row>
    <row r="458886" spans="8:8">
      <c r="H458886" s="12"/>
    </row>
    <row r="458887" spans="8:8">
      <c r="H458887" s="12"/>
    </row>
    <row r="458888" spans="8:8">
      <c r="H458888" s="12"/>
    </row>
    <row r="458889" spans="8:8">
      <c r="H458889" s="12"/>
    </row>
    <row r="458890" spans="8:8">
      <c r="H458890" s="12"/>
    </row>
    <row r="458891" spans="8:8">
      <c r="H458891" s="12"/>
    </row>
    <row r="458892" spans="8:8">
      <c r="H458892" s="12"/>
    </row>
    <row r="458893" spans="8:8">
      <c r="H458893" s="12"/>
    </row>
    <row r="458894" spans="8:8">
      <c r="H458894" s="12"/>
    </row>
    <row r="458895" spans="8:8">
      <c r="H458895" s="12"/>
    </row>
    <row r="458896" spans="8:8">
      <c r="H458896" s="12"/>
    </row>
    <row r="458897" spans="8:8">
      <c r="H458897" s="12"/>
    </row>
    <row r="458898" spans="8:8">
      <c r="H458898" s="12"/>
    </row>
    <row r="458899" spans="8:8">
      <c r="H458899" s="12"/>
    </row>
    <row r="458900" spans="8:8">
      <c r="H458900" s="12"/>
    </row>
    <row r="458901" spans="8:8">
      <c r="H458901" s="12"/>
    </row>
    <row r="458902" spans="8:8">
      <c r="H458902" s="12"/>
    </row>
    <row r="458903" spans="8:8">
      <c r="H458903" s="12"/>
    </row>
    <row r="458904" spans="8:8">
      <c r="H458904" s="12"/>
    </row>
    <row r="458905" spans="8:8">
      <c r="H458905" s="12"/>
    </row>
    <row r="458906" spans="8:8">
      <c r="H458906" s="12"/>
    </row>
    <row r="458907" spans="8:8">
      <c r="H458907" s="12"/>
    </row>
    <row r="458908" spans="8:8">
      <c r="H458908" s="12"/>
    </row>
    <row r="458909" spans="8:8">
      <c r="H458909" s="12"/>
    </row>
    <row r="458910" spans="8:8">
      <c r="H458910" s="12"/>
    </row>
    <row r="458911" spans="8:8">
      <c r="H458911" s="12"/>
    </row>
    <row r="458912" spans="8:8">
      <c r="H458912" s="12"/>
    </row>
    <row r="458913" spans="8:8">
      <c r="H458913" s="12"/>
    </row>
    <row r="458914" spans="8:8">
      <c r="H458914" s="12"/>
    </row>
    <row r="458915" spans="8:8">
      <c r="H458915" s="12"/>
    </row>
    <row r="458916" spans="8:8">
      <c r="H458916" s="12"/>
    </row>
    <row r="458917" spans="8:8">
      <c r="H458917" s="12"/>
    </row>
    <row r="458918" spans="8:8">
      <c r="H458918" s="12"/>
    </row>
    <row r="458919" spans="8:8">
      <c r="H458919" s="12"/>
    </row>
    <row r="458920" spans="8:8">
      <c r="H458920" s="12"/>
    </row>
    <row r="458921" spans="8:8">
      <c r="H458921" s="12"/>
    </row>
    <row r="458922" spans="8:8">
      <c r="H458922" s="12"/>
    </row>
    <row r="458923" spans="8:8">
      <c r="H458923" s="12"/>
    </row>
    <row r="458924" spans="8:8">
      <c r="H458924" s="12"/>
    </row>
    <row r="458925" spans="8:8">
      <c r="H458925" s="12"/>
    </row>
    <row r="458926" spans="8:8">
      <c r="H458926" s="12"/>
    </row>
    <row r="458927" spans="8:8">
      <c r="H458927" s="12"/>
    </row>
    <row r="458928" spans="8:8">
      <c r="H458928" s="12"/>
    </row>
    <row r="458929" spans="8:8">
      <c r="H458929" s="12"/>
    </row>
    <row r="458930" spans="8:8">
      <c r="H458930" s="12"/>
    </row>
    <row r="458931" spans="8:8">
      <c r="H458931" s="12"/>
    </row>
    <row r="458932" spans="8:8">
      <c r="H458932" s="12"/>
    </row>
    <row r="458933" spans="8:8">
      <c r="H458933" s="12"/>
    </row>
    <row r="458934" spans="8:8">
      <c r="H458934" s="12"/>
    </row>
    <row r="458935" spans="8:8">
      <c r="H458935" s="12"/>
    </row>
    <row r="458936" spans="8:8">
      <c r="H458936" s="12"/>
    </row>
    <row r="458937" spans="8:8">
      <c r="H458937" s="12"/>
    </row>
    <row r="458938" spans="8:8">
      <c r="H458938" s="12"/>
    </row>
    <row r="458939" spans="8:8">
      <c r="H458939" s="12"/>
    </row>
    <row r="458940" spans="8:8">
      <c r="H458940" s="12"/>
    </row>
    <row r="458941" spans="8:8">
      <c r="H458941" s="12"/>
    </row>
    <row r="458942" spans="8:8">
      <c r="H458942" s="12"/>
    </row>
    <row r="458943" spans="8:8">
      <c r="H458943" s="12"/>
    </row>
    <row r="458944" spans="8:8">
      <c r="H458944" s="12"/>
    </row>
    <row r="458945" spans="8:8">
      <c r="H458945" s="12"/>
    </row>
    <row r="458946" spans="8:8">
      <c r="H458946" s="12"/>
    </row>
    <row r="458947" spans="8:8">
      <c r="H458947" s="12"/>
    </row>
    <row r="458948" spans="8:8">
      <c r="H458948" s="12"/>
    </row>
    <row r="458949" spans="8:8">
      <c r="H458949" s="12"/>
    </row>
    <row r="458950" spans="8:8">
      <c r="H458950" s="12"/>
    </row>
    <row r="458951" spans="8:8">
      <c r="H458951" s="12"/>
    </row>
    <row r="458952" spans="8:8">
      <c r="H458952" s="12"/>
    </row>
    <row r="458953" spans="8:8">
      <c r="H458953" s="12"/>
    </row>
    <row r="458954" spans="8:8">
      <c r="H458954" s="12"/>
    </row>
    <row r="458955" spans="8:8">
      <c r="H458955" s="12"/>
    </row>
    <row r="458956" spans="8:8">
      <c r="H458956" s="12"/>
    </row>
    <row r="458957" spans="8:8">
      <c r="H458957" s="12"/>
    </row>
    <row r="458958" spans="8:8">
      <c r="H458958" s="12"/>
    </row>
    <row r="458959" spans="8:8">
      <c r="H458959" s="12"/>
    </row>
    <row r="458960" spans="8:8">
      <c r="H458960" s="12"/>
    </row>
    <row r="458961" spans="8:8">
      <c r="H458961" s="12"/>
    </row>
    <row r="458962" spans="8:8">
      <c r="H458962" s="12"/>
    </row>
    <row r="458963" spans="8:8">
      <c r="H458963" s="12"/>
    </row>
    <row r="458964" spans="8:8">
      <c r="H458964" s="12"/>
    </row>
    <row r="458965" spans="8:8">
      <c r="H458965" s="12"/>
    </row>
    <row r="458966" spans="8:8">
      <c r="H458966" s="12"/>
    </row>
    <row r="458967" spans="8:8">
      <c r="H458967" s="12"/>
    </row>
    <row r="458968" spans="8:8">
      <c r="H458968" s="12"/>
    </row>
    <row r="458969" spans="8:8">
      <c r="H458969" s="12"/>
    </row>
    <row r="458970" spans="8:8">
      <c r="H458970" s="12"/>
    </row>
    <row r="458971" spans="8:8">
      <c r="H458971" s="12"/>
    </row>
    <row r="458972" spans="8:8">
      <c r="H458972" s="12"/>
    </row>
    <row r="458973" spans="8:8">
      <c r="H458973" s="12"/>
    </row>
    <row r="458974" spans="8:8">
      <c r="H458974" s="12"/>
    </row>
    <row r="458975" spans="8:8">
      <c r="H458975" s="12"/>
    </row>
    <row r="458976" spans="8:8">
      <c r="H458976" s="12"/>
    </row>
    <row r="458977" spans="8:8">
      <c r="H458977" s="12"/>
    </row>
    <row r="458978" spans="8:8">
      <c r="H458978" s="12"/>
    </row>
    <row r="458979" spans="8:8">
      <c r="H458979" s="12"/>
    </row>
    <row r="458980" spans="8:8">
      <c r="H458980" s="12"/>
    </row>
    <row r="458981" spans="8:8">
      <c r="H458981" s="12"/>
    </row>
    <row r="458982" spans="8:8">
      <c r="H458982" s="12"/>
    </row>
    <row r="458983" spans="8:8">
      <c r="H458983" s="12"/>
    </row>
    <row r="458984" spans="8:8">
      <c r="H458984" s="12"/>
    </row>
    <row r="458985" spans="8:8">
      <c r="H458985" s="12"/>
    </row>
    <row r="458986" spans="8:8">
      <c r="H458986" s="12"/>
    </row>
    <row r="458987" spans="8:8">
      <c r="H458987" s="12"/>
    </row>
    <row r="458988" spans="8:8">
      <c r="H458988" s="12"/>
    </row>
    <row r="458989" spans="8:8">
      <c r="H458989" s="12"/>
    </row>
    <row r="458990" spans="8:8">
      <c r="H458990" s="12"/>
    </row>
    <row r="458991" spans="8:8">
      <c r="H458991" s="12"/>
    </row>
    <row r="458992" spans="8:8">
      <c r="H458992" s="12"/>
    </row>
    <row r="458993" spans="8:8">
      <c r="H458993" s="12"/>
    </row>
    <row r="458994" spans="8:8">
      <c r="H458994" s="12"/>
    </row>
    <row r="458995" spans="8:8">
      <c r="H458995" s="12"/>
    </row>
    <row r="458996" spans="8:8">
      <c r="H458996" s="12"/>
    </row>
    <row r="458997" spans="8:8">
      <c r="H458997" s="12"/>
    </row>
    <row r="458998" spans="8:8">
      <c r="H458998" s="12"/>
    </row>
    <row r="458999" spans="8:8">
      <c r="H458999" s="12"/>
    </row>
    <row r="459000" spans="8:8">
      <c r="H459000" s="12"/>
    </row>
    <row r="459001" spans="8:8">
      <c r="H459001" s="12"/>
    </row>
    <row r="459002" spans="8:8">
      <c r="H459002" s="12"/>
    </row>
    <row r="459003" spans="8:8">
      <c r="H459003" s="12"/>
    </row>
    <row r="459004" spans="8:8">
      <c r="H459004" s="12"/>
    </row>
    <row r="459005" spans="8:8">
      <c r="H459005" s="12"/>
    </row>
    <row r="459006" spans="8:8">
      <c r="H459006" s="12"/>
    </row>
    <row r="459007" spans="8:8">
      <c r="H459007" s="12"/>
    </row>
    <row r="459008" spans="8:8">
      <c r="H459008" s="12"/>
    </row>
    <row r="459009" spans="8:8">
      <c r="H459009" s="12"/>
    </row>
    <row r="459010" spans="8:8">
      <c r="H459010" s="12"/>
    </row>
    <row r="459011" spans="8:8">
      <c r="H459011" s="12"/>
    </row>
    <row r="459012" spans="8:8">
      <c r="H459012" s="12"/>
    </row>
    <row r="459013" spans="8:8">
      <c r="H459013" s="12"/>
    </row>
    <row r="459014" spans="8:8">
      <c r="H459014" s="12"/>
    </row>
    <row r="459015" spans="8:8">
      <c r="H459015" s="12"/>
    </row>
    <row r="459016" spans="8:8">
      <c r="H459016" s="12"/>
    </row>
    <row r="459017" spans="8:8">
      <c r="H459017" s="12"/>
    </row>
    <row r="459018" spans="8:8">
      <c r="H459018" s="12"/>
    </row>
    <row r="459019" spans="8:8">
      <c r="H459019" s="12"/>
    </row>
    <row r="459020" spans="8:8">
      <c r="H459020" s="12"/>
    </row>
    <row r="459021" spans="8:8">
      <c r="H459021" s="12"/>
    </row>
    <row r="459022" spans="8:8">
      <c r="H459022" s="12"/>
    </row>
    <row r="459023" spans="8:8">
      <c r="H459023" s="12"/>
    </row>
    <row r="459024" spans="8:8">
      <c r="H459024" s="12"/>
    </row>
    <row r="459025" spans="8:8">
      <c r="H459025" s="12"/>
    </row>
    <row r="459026" spans="8:8">
      <c r="H459026" s="12"/>
    </row>
    <row r="459027" spans="8:8">
      <c r="H459027" s="12"/>
    </row>
    <row r="459028" spans="8:8">
      <c r="H459028" s="12"/>
    </row>
    <row r="459029" spans="8:8">
      <c r="H459029" s="12"/>
    </row>
    <row r="459030" spans="8:8">
      <c r="H459030" s="12"/>
    </row>
    <row r="459031" spans="8:8">
      <c r="H459031" s="12"/>
    </row>
    <row r="459032" spans="8:8">
      <c r="H459032" s="12"/>
    </row>
    <row r="459033" spans="8:8">
      <c r="H459033" s="12"/>
    </row>
    <row r="459034" spans="8:8">
      <c r="H459034" s="12"/>
    </row>
    <row r="459035" spans="8:8">
      <c r="H459035" s="12"/>
    </row>
    <row r="459036" spans="8:8">
      <c r="H459036" s="12"/>
    </row>
    <row r="459037" spans="8:8">
      <c r="H459037" s="12"/>
    </row>
    <row r="459038" spans="8:8">
      <c r="H459038" s="12"/>
    </row>
    <row r="459039" spans="8:8">
      <c r="H459039" s="12"/>
    </row>
    <row r="459040" spans="8:8">
      <c r="H459040" s="12"/>
    </row>
    <row r="459041" spans="8:8">
      <c r="H459041" s="12"/>
    </row>
    <row r="459042" spans="8:8">
      <c r="H459042" s="12"/>
    </row>
    <row r="459043" spans="8:8">
      <c r="H459043" s="12"/>
    </row>
    <row r="459044" spans="8:8">
      <c r="H459044" s="12"/>
    </row>
    <row r="459045" spans="8:8">
      <c r="H459045" s="12"/>
    </row>
    <row r="459046" spans="8:8">
      <c r="H459046" s="12"/>
    </row>
    <row r="459047" spans="8:8">
      <c r="H459047" s="12"/>
    </row>
    <row r="459048" spans="8:8">
      <c r="H459048" s="12"/>
    </row>
    <row r="459049" spans="8:8">
      <c r="H459049" s="12"/>
    </row>
    <row r="459050" spans="8:8">
      <c r="H459050" s="12"/>
    </row>
    <row r="459051" spans="8:8">
      <c r="H459051" s="12"/>
    </row>
    <row r="459052" spans="8:8">
      <c r="H459052" s="12"/>
    </row>
    <row r="459053" spans="8:8">
      <c r="H459053" s="12"/>
    </row>
    <row r="459054" spans="8:8">
      <c r="H459054" s="12"/>
    </row>
    <row r="459055" spans="8:8">
      <c r="H459055" s="12"/>
    </row>
    <row r="459056" spans="8:8">
      <c r="H459056" s="12"/>
    </row>
    <row r="459057" spans="8:8">
      <c r="H459057" s="12"/>
    </row>
    <row r="459058" spans="8:8">
      <c r="H459058" s="12"/>
    </row>
    <row r="459059" spans="8:8">
      <c r="H459059" s="12"/>
    </row>
    <row r="459060" spans="8:8">
      <c r="H459060" s="12"/>
    </row>
    <row r="459061" spans="8:8">
      <c r="H459061" s="12"/>
    </row>
    <row r="459062" spans="8:8">
      <c r="H459062" s="12"/>
    </row>
    <row r="459063" spans="8:8">
      <c r="H459063" s="12"/>
    </row>
    <row r="459064" spans="8:8">
      <c r="H459064" s="12"/>
    </row>
    <row r="459065" spans="8:8">
      <c r="H459065" s="12"/>
    </row>
    <row r="459066" spans="8:8">
      <c r="H459066" s="12"/>
    </row>
    <row r="459067" spans="8:8">
      <c r="H459067" s="12"/>
    </row>
    <row r="459068" spans="8:8">
      <c r="H459068" s="12"/>
    </row>
    <row r="459069" spans="8:8">
      <c r="H459069" s="12"/>
    </row>
    <row r="459070" spans="8:8">
      <c r="H459070" s="12"/>
    </row>
    <row r="459071" spans="8:8">
      <c r="H459071" s="12"/>
    </row>
    <row r="459072" spans="8:8">
      <c r="H459072" s="12"/>
    </row>
    <row r="459073" spans="8:8">
      <c r="H459073" s="12"/>
    </row>
    <row r="459074" spans="8:8">
      <c r="H459074" s="12"/>
    </row>
    <row r="459075" spans="8:8">
      <c r="H459075" s="12"/>
    </row>
    <row r="459076" spans="8:8">
      <c r="H459076" s="12"/>
    </row>
    <row r="459077" spans="8:8">
      <c r="H459077" s="12"/>
    </row>
    <row r="459078" spans="8:8">
      <c r="H459078" s="12"/>
    </row>
    <row r="459079" spans="8:8">
      <c r="H459079" s="12"/>
    </row>
    <row r="459080" spans="8:8">
      <c r="H459080" s="12"/>
    </row>
    <row r="459081" spans="8:8">
      <c r="H459081" s="12"/>
    </row>
    <row r="459082" spans="8:8">
      <c r="H459082" s="12"/>
    </row>
    <row r="459083" spans="8:8">
      <c r="H459083" s="12"/>
    </row>
    <row r="459084" spans="8:8">
      <c r="H459084" s="12"/>
    </row>
    <row r="459085" spans="8:8">
      <c r="H459085" s="12"/>
    </row>
    <row r="459086" spans="8:8">
      <c r="H459086" s="12"/>
    </row>
    <row r="459087" spans="8:8">
      <c r="H459087" s="12"/>
    </row>
    <row r="459088" spans="8:8">
      <c r="H459088" s="12"/>
    </row>
    <row r="459089" spans="8:8">
      <c r="H459089" s="12"/>
    </row>
    <row r="459090" spans="8:8">
      <c r="H459090" s="12"/>
    </row>
    <row r="459091" spans="8:8">
      <c r="H459091" s="12"/>
    </row>
    <row r="459092" spans="8:8">
      <c r="H459092" s="12"/>
    </row>
    <row r="459093" spans="8:8">
      <c r="H459093" s="12"/>
    </row>
    <row r="459094" spans="8:8">
      <c r="H459094" s="12"/>
    </row>
    <row r="459095" spans="8:8">
      <c r="H459095" s="12"/>
    </row>
    <row r="459096" spans="8:8">
      <c r="H459096" s="12"/>
    </row>
    <row r="459097" spans="8:8">
      <c r="H459097" s="12"/>
    </row>
    <row r="459098" spans="8:8">
      <c r="H459098" s="12"/>
    </row>
    <row r="459099" spans="8:8">
      <c r="H459099" s="12"/>
    </row>
    <row r="459100" spans="8:8">
      <c r="H459100" s="12"/>
    </row>
    <row r="459101" spans="8:8">
      <c r="H459101" s="12"/>
    </row>
    <row r="459102" spans="8:8">
      <c r="H459102" s="12"/>
    </row>
    <row r="459103" spans="8:8">
      <c r="H459103" s="12"/>
    </row>
    <row r="459104" spans="8:8">
      <c r="H459104" s="12"/>
    </row>
    <row r="459105" spans="8:8">
      <c r="H459105" s="12"/>
    </row>
    <row r="459106" spans="8:8">
      <c r="H459106" s="12"/>
    </row>
    <row r="459107" spans="8:8">
      <c r="H459107" s="12"/>
    </row>
    <row r="459108" spans="8:8">
      <c r="H459108" s="12"/>
    </row>
    <row r="459109" spans="8:8">
      <c r="H459109" s="12"/>
    </row>
    <row r="459110" spans="8:8">
      <c r="H459110" s="12"/>
    </row>
    <row r="459111" spans="8:8">
      <c r="H459111" s="12"/>
    </row>
    <row r="459112" spans="8:8">
      <c r="H459112" s="12"/>
    </row>
    <row r="459113" spans="8:8">
      <c r="H459113" s="12"/>
    </row>
    <row r="459114" spans="8:8">
      <c r="H459114" s="12"/>
    </row>
    <row r="459115" spans="8:8">
      <c r="H459115" s="12"/>
    </row>
    <row r="459116" spans="8:8">
      <c r="H459116" s="12"/>
    </row>
    <row r="459117" spans="8:8">
      <c r="H459117" s="12"/>
    </row>
    <row r="459118" spans="8:8">
      <c r="H459118" s="12"/>
    </row>
    <row r="459119" spans="8:8">
      <c r="H459119" s="12"/>
    </row>
    <row r="459120" spans="8:8">
      <c r="H459120" s="12"/>
    </row>
    <row r="459121" spans="8:8">
      <c r="H459121" s="12"/>
    </row>
    <row r="459122" spans="8:8">
      <c r="H459122" s="12"/>
    </row>
    <row r="459123" spans="8:8">
      <c r="H459123" s="12"/>
    </row>
    <row r="459124" spans="8:8">
      <c r="H459124" s="12"/>
    </row>
    <row r="459125" spans="8:8">
      <c r="H459125" s="12"/>
    </row>
    <row r="459126" spans="8:8">
      <c r="H459126" s="12"/>
    </row>
    <row r="459127" spans="8:8">
      <c r="H459127" s="12"/>
    </row>
    <row r="459128" spans="8:8">
      <c r="H459128" s="12"/>
    </row>
    <row r="459129" spans="8:8">
      <c r="H459129" s="12"/>
    </row>
    <row r="459130" spans="8:8">
      <c r="H459130" s="12"/>
    </row>
    <row r="459131" spans="8:8">
      <c r="H459131" s="12"/>
    </row>
    <row r="459132" spans="8:8">
      <c r="H459132" s="12"/>
    </row>
    <row r="459133" spans="8:8">
      <c r="H459133" s="12"/>
    </row>
    <row r="459134" spans="8:8">
      <c r="H459134" s="12"/>
    </row>
    <row r="459135" spans="8:8">
      <c r="H459135" s="12"/>
    </row>
    <row r="459136" spans="8:8">
      <c r="H459136" s="12"/>
    </row>
    <row r="459137" spans="8:8">
      <c r="H459137" s="12"/>
    </row>
    <row r="459138" spans="8:8">
      <c r="H459138" s="12"/>
    </row>
    <row r="459139" spans="8:8">
      <c r="H459139" s="12"/>
    </row>
    <row r="459140" spans="8:8">
      <c r="H459140" s="12"/>
    </row>
    <row r="459141" spans="8:8">
      <c r="H459141" s="12"/>
    </row>
    <row r="459142" spans="8:8">
      <c r="H459142" s="12"/>
    </row>
    <row r="459143" spans="8:8">
      <c r="H459143" s="12"/>
    </row>
    <row r="459144" spans="8:8">
      <c r="H459144" s="12"/>
    </row>
    <row r="459145" spans="8:8">
      <c r="H459145" s="12"/>
    </row>
    <row r="459146" spans="8:8">
      <c r="H459146" s="12"/>
    </row>
    <row r="459147" spans="8:8">
      <c r="H459147" s="12"/>
    </row>
    <row r="459148" spans="8:8">
      <c r="H459148" s="12"/>
    </row>
    <row r="459149" spans="8:8">
      <c r="H459149" s="12"/>
    </row>
    <row r="459150" spans="8:8">
      <c r="H459150" s="12"/>
    </row>
    <row r="459151" spans="8:8">
      <c r="H459151" s="12"/>
    </row>
    <row r="459152" spans="8:8">
      <c r="H459152" s="12"/>
    </row>
    <row r="459153" spans="8:8">
      <c r="H459153" s="12"/>
    </row>
    <row r="459154" spans="8:8">
      <c r="H459154" s="12"/>
    </row>
    <row r="459155" spans="8:8">
      <c r="H459155" s="12"/>
    </row>
    <row r="459156" spans="8:8">
      <c r="H459156" s="12"/>
    </row>
    <row r="459157" spans="8:8">
      <c r="H459157" s="12"/>
    </row>
    <row r="459158" spans="8:8">
      <c r="H459158" s="12"/>
    </row>
    <row r="459159" spans="8:8">
      <c r="H459159" s="12"/>
    </row>
    <row r="459160" spans="8:8">
      <c r="H459160" s="12"/>
    </row>
    <row r="459161" spans="8:8">
      <c r="H459161" s="12"/>
    </row>
    <row r="459162" spans="8:8">
      <c r="H459162" s="12"/>
    </row>
    <row r="459163" spans="8:8">
      <c r="H459163" s="12"/>
    </row>
    <row r="459164" spans="8:8">
      <c r="H459164" s="12"/>
    </row>
    <row r="459165" spans="8:8">
      <c r="H459165" s="12"/>
    </row>
    <row r="459166" spans="8:8">
      <c r="H459166" s="12"/>
    </row>
    <row r="459167" spans="8:8">
      <c r="H459167" s="12"/>
    </row>
    <row r="459168" spans="8:8">
      <c r="H459168" s="12"/>
    </row>
    <row r="459169" spans="8:8">
      <c r="H459169" s="12"/>
    </row>
    <row r="459170" spans="8:8">
      <c r="H459170" s="12"/>
    </row>
    <row r="459171" spans="8:8">
      <c r="H459171" s="12"/>
    </row>
    <row r="459172" spans="8:8">
      <c r="H459172" s="12"/>
    </row>
    <row r="459173" spans="8:8">
      <c r="H459173" s="12"/>
    </row>
    <row r="459174" spans="8:8">
      <c r="H459174" s="12"/>
    </row>
    <row r="459175" spans="8:8">
      <c r="H459175" s="12"/>
    </row>
    <row r="459176" spans="8:8">
      <c r="H459176" s="12"/>
    </row>
    <row r="459177" spans="8:8">
      <c r="H459177" s="12"/>
    </row>
    <row r="459178" spans="8:8">
      <c r="H459178" s="12"/>
    </row>
    <row r="459179" spans="8:8">
      <c r="H459179" s="12"/>
    </row>
    <row r="459180" spans="8:8">
      <c r="H459180" s="12"/>
    </row>
    <row r="459181" spans="8:8">
      <c r="H459181" s="12"/>
    </row>
    <row r="459182" spans="8:8">
      <c r="H459182" s="12"/>
    </row>
    <row r="459183" spans="8:8">
      <c r="H459183" s="12"/>
    </row>
    <row r="459184" spans="8:8">
      <c r="H459184" s="12"/>
    </row>
    <row r="459185" spans="8:8">
      <c r="H459185" s="12"/>
    </row>
    <row r="459186" spans="8:8">
      <c r="H459186" s="12"/>
    </row>
    <row r="459187" spans="8:8">
      <c r="H459187" s="12"/>
    </row>
    <row r="459188" spans="8:8">
      <c r="H459188" s="12"/>
    </row>
    <row r="459189" spans="8:8">
      <c r="H459189" s="12"/>
    </row>
    <row r="459190" spans="8:8">
      <c r="H459190" s="12"/>
    </row>
    <row r="459191" spans="8:8">
      <c r="H459191" s="12"/>
    </row>
    <row r="459192" spans="8:8">
      <c r="H459192" s="12"/>
    </row>
    <row r="459193" spans="8:8">
      <c r="H459193" s="12"/>
    </row>
    <row r="459194" spans="8:8">
      <c r="H459194" s="12"/>
    </row>
    <row r="459195" spans="8:8">
      <c r="H459195" s="12"/>
    </row>
    <row r="459196" spans="8:8">
      <c r="H459196" s="12"/>
    </row>
    <row r="459197" spans="8:8">
      <c r="H459197" s="12"/>
    </row>
    <row r="459198" spans="8:8">
      <c r="H459198" s="12"/>
    </row>
    <row r="459199" spans="8:8">
      <c r="H459199" s="12"/>
    </row>
    <row r="459200" spans="8:8">
      <c r="H459200" s="12"/>
    </row>
    <row r="459201" spans="8:8">
      <c r="H459201" s="12"/>
    </row>
    <row r="459202" spans="8:8">
      <c r="H459202" s="12"/>
    </row>
    <row r="459203" spans="8:8">
      <c r="H459203" s="12"/>
    </row>
    <row r="459204" spans="8:8">
      <c r="H459204" s="12"/>
    </row>
    <row r="459205" spans="8:8">
      <c r="H459205" s="12"/>
    </row>
    <row r="459206" spans="8:8">
      <c r="H459206" s="12"/>
    </row>
    <row r="459207" spans="8:8">
      <c r="H459207" s="12"/>
    </row>
    <row r="459208" spans="8:8">
      <c r="H459208" s="12"/>
    </row>
    <row r="459209" spans="8:8">
      <c r="H459209" s="12"/>
    </row>
    <row r="459210" spans="8:8">
      <c r="H459210" s="12"/>
    </row>
    <row r="459211" spans="8:8">
      <c r="H459211" s="12"/>
    </row>
    <row r="459212" spans="8:8">
      <c r="H459212" s="12"/>
    </row>
    <row r="459213" spans="8:8">
      <c r="H459213" s="12"/>
    </row>
    <row r="459214" spans="8:8">
      <c r="H459214" s="12"/>
    </row>
    <row r="459215" spans="8:8">
      <c r="H459215" s="12"/>
    </row>
    <row r="459216" spans="8:8">
      <c r="H459216" s="12"/>
    </row>
    <row r="459217" spans="8:8">
      <c r="H459217" s="12"/>
    </row>
    <row r="459218" spans="8:8">
      <c r="H459218" s="12"/>
    </row>
    <row r="459219" spans="8:8">
      <c r="H459219" s="12"/>
    </row>
    <row r="459220" spans="8:8">
      <c r="H459220" s="12"/>
    </row>
    <row r="459221" spans="8:8">
      <c r="H459221" s="12"/>
    </row>
    <row r="459222" spans="8:8">
      <c r="H459222" s="12"/>
    </row>
    <row r="459223" spans="8:8">
      <c r="H459223" s="12"/>
    </row>
    <row r="459224" spans="8:8">
      <c r="H459224" s="12"/>
    </row>
    <row r="459225" spans="8:8">
      <c r="H459225" s="12"/>
    </row>
    <row r="459226" spans="8:8">
      <c r="H459226" s="12"/>
    </row>
    <row r="459227" spans="8:8">
      <c r="H459227" s="12"/>
    </row>
    <row r="459228" spans="8:8">
      <c r="H459228" s="12"/>
    </row>
    <row r="459229" spans="8:8">
      <c r="H459229" s="12"/>
    </row>
    <row r="459230" spans="8:8">
      <c r="H459230" s="12"/>
    </row>
    <row r="459231" spans="8:8">
      <c r="H459231" s="12"/>
    </row>
    <row r="459232" spans="8:8">
      <c r="H459232" s="12"/>
    </row>
    <row r="459233" spans="8:8">
      <c r="H459233" s="12"/>
    </row>
    <row r="459234" spans="8:8">
      <c r="H459234" s="12"/>
    </row>
    <row r="459235" spans="8:8">
      <c r="H459235" s="12"/>
    </row>
    <row r="459236" spans="8:8">
      <c r="H459236" s="12"/>
    </row>
    <row r="459237" spans="8:8">
      <c r="H459237" s="12"/>
    </row>
    <row r="459238" spans="8:8">
      <c r="H459238" s="12"/>
    </row>
    <row r="459239" spans="8:8">
      <c r="H459239" s="12"/>
    </row>
    <row r="459240" spans="8:8">
      <c r="H459240" s="12"/>
    </row>
    <row r="459241" spans="8:8">
      <c r="H459241" s="12"/>
    </row>
    <row r="459242" spans="8:8">
      <c r="H459242" s="12"/>
    </row>
    <row r="459243" spans="8:8">
      <c r="H459243" s="12"/>
    </row>
    <row r="459244" spans="8:8">
      <c r="H459244" s="12"/>
    </row>
    <row r="459245" spans="8:8">
      <c r="H459245" s="12"/>
    </row>
    <row r="459246" spans="8:8">
      <c r="H459246" s="12"/>
    </row>
    <row r="459247" spans="8:8">
      <c r="H459247" s="12"/>
    </row>
    <row r="459248" spans="8:8">
      <c r="H459248" s="12"/>
    </row>
    <row r="459249" spans="8:8">
      <c r="H459249" s="12"/>
    </row>
    <row r="459250" spans="8:8">
      <c r="H459250" s="12"/>
    </row>
    <row r="459251" spans="8:8">
      <c r="H459251" s="12"/>
    </row>
    <row r="459252" spans="8:8">
      <c r="H459252" s="12"/>
    </row>
    <row r="459253" spans="8:8">
      <c r="H459253" s="12"/>
    </row>
    <row r="459254" spans="8:8">
      <c r="H459254" s="12"/>
    </row>
    <row r="459255" spans="8:8">
      <c r="H459255" s="12"/>
    </row>
    <row r="459256" spans="8:8">
      <c r="H459256" s="12"/>
    </row>
    <row r="459257" spans="8:8">
      <c r="H459257" s="12"/>
    </row>
    <row r="459258" spans="8:8">
      <c r="H459258" s="12"/>
    </row>
    <row r="459259" spans="8:8">
      <c r="H459259" s="12"/>
    </row>
    <row r="459260" spans="8:8">
      <c r="H459260" s="12"/>
    </row>
    <row r="459261" spans="8:8">
      <c r="H459261" s="12"/>
    </row>
    <row r="459262" spans="8:8">
      <c r="H459262" s="12"/>
    </row>
    <row r="459263" spans="8:8">
      <c r="H459263" s="12"/>
    </row>
    <row r="459264" spans="8:8">
      <c r="H459264" s="12"/>
    </row>
    <row r="459265" spans="8:8">
      <c r="H459265" s="12"/>
    </row>
    <row r="459266" spans="8:8">
      <c r="H459266" s="12"/>
    </row>
    <row r="459267" spans="8:8">
      <c r="H459267" s="12"/>
    </row>
    <row r="459268" spans="8:8">
      <c r="H459268" s="12"/>
    </row>
    <row r="459269" spans="8:8">
      <c r="H459269" s="12"/>
    </row>
    <row r="459270" spans="8:8">
      <c r="H459270" s="12"/>
    </row>
    <row r="459271" spans="8:8">
      <c r="H459271" s="12"/>
    </row>
    <row r="459272" spans="8:8">
      <c r="H459272" s="12"/>
    </row>
    <row r="459273" spans="8:8">
      <c r="H459273" s="12"/>
    </row>
    <row r="459274" spans="8:8">
      <c r="H459274" s="12"/>
    </row>
    <row r="459275" spans="8:8">
      <c r="H459275" s="12"/>
    </row>
    <row r="459276" spans="8:8">
      <c r="H459276" s="12"/>
    </row>
    <row r="459277" spans="8:8">
      <c r="H459277" s="12"/>
    </row>
    <row r="459278" spans="8:8">
      <c r="H459278" s="12"/>
    </row>
    <row r="459279" spans="8:8">
      <c r="H459279" s="12"/>
    </row>
    <row r="459280" spans="8:8">
      <c r="H459280" s="12"/>
    </row>
    <row r="459281" spans="8:8">
      <c r="H459281" s="12"/>
    </row>
    <row r="459282" spans="8:8">
      <c r="H459282" s="12"/>
    </row>
    <row r="459283" spans="8:8">
      <c r="H459283" s="12"/>
    </row>
    <row r="459284" spans="8:8">
      <c r="H459284" s="12"/>
    </row>
    <row r="459285" spans="8:8">
      <c r="H459285" s="12"/>
    </row>
    <row r="459286" spans="8:8">
      <c r="H459286" s="12"/>
    </row>
    <row r="459287" spans="8:8">
      <c r="H459287" s="12"/>
    </row>
    <row r="459288" spans="8:8">
      <c r="H459288" s="12"/>
    </row>
    <row r="459289" spans="8:8">
      <c r="H459289" s="12"/>
    </row>
    <row r="459290" spans="8:8">
      <c r="H459290" s="12"/>
    </row>
    <row r="459291" spans="8:8">
      <c r="H459291" s="12"/>
    </row>
    <row r="459292" spans="8:8">
      <c r="H459292" s="12"/>
    </row>
    <row r="459293" spans="8:8">
      <c r="H459293" s="12"/>
    </row>
    <row r="459294" spans="8:8">
      <c r="H459294" s="12"/>
    </row>
    <row r="459295" spans="8:8">
      <c r="H459295" s="12"/>
    </row>
    <row r="459296" spans="8:8">
      <c r="H459296" s="12"/>
    </row>
    <row r="459297" spans="8:8">
      <c r="H459297" s="12"/>
    </row>
    <row r="459298" spans="8:8">
      <c r="H459298" s="12"/>
    </row>
    <row r="459299" spans="8:8">
      <c r="H459299" s="12"/>
    </row>
    <row r="459300" spans="8:8">
      <c r="H459300" s="12"/>
    </row>
    <row r="459301" spans="8:8">
      <c r="H459301" s="12"/>
    </row>
    <row r="459302" spans="8:8">
      <c r="H459302" s="12"/>
    </row>
    <row r="459303" spans="8:8">
      <c r="H459303" s="12"/>
    </row>
    <row r="459304" spans="8:8">
      <c r="H459304" s="12"/>
    </row>
    <row r="459305" spans="8:8">
      <c r="H459305" s="12"/>
    </row>
    <row r="459306" spans="8:8">
      <c r="H459306" s="12"/>
    </row>
    <row r="459307" spans="8:8">
      <c r="H459307" s="12"/>
    </row>
    <row r="459308" spans="8:8">
      <c r="H459308" s="12"/>
    </row>
    <row r="459309" spans="8:8">
      <c r="H459309" s="12"/>
    </row>
    <row r="459310" spans="8:8">
      <c r="H459310" s="12"/>
    </row>
    <row r="459311" spans="8:8">
      <c r="H459311" s="12"/>
    </row>
    <row r="459312" spans="8:8">
      <c r="H459312" s="12"/>
    </row>
    <row r="459313" spans="8:8">
      <c r="H459313" s="12"/>
    </row>
    <row r="459314" spans="8:8">
      <c r="H459314" s="12"/>
    </row>
    <row r="459315" spans="8:8">
      <c r="H459315" s="12"/>
    </row>
    <row r="459316" spans="8:8">
      <c r="H459316" s="12"/>
    </row>
    <row r="459317" spans="8:8">
      <c r="H459317" s="12"/>
    </row>
    <row r="459318" spans="8:8">
      <c r="H459318" s="12"/>
    </row>
    <row r="459319" spans="8:8">
      <c r="H459319" s="12"/>
    </row>
    <row r="459320" spans="8:8">
      <c r="H459320" s="12"/>
    </row>
    <row r="459321" spans="8:8">
      <c r="H459321" s="12"/>
    </row>
    <row r="459322" spans="8:8">
      <c r="H459322" s="12"/>
    </row>
    <row r="459323" spans="8:8">
      <c r="H459323" s="12"/>
    </row>
    <row r="459324" spans="8:8">
      <c r="H459324" s="12"/>
    </row>
    <row r="459325" spans="8:8">
      <c r="H459325" s="12"/>
    </row>
    <row r="459326" spans="8:8">
      <c r="H459326" s="12"/>
    </row>
    <row r="459327" spans="8:8">
      <c r="H459327" s="12"/>
    </row>
    <row r="459328" spans="8:8">
      <c r="H459328" s="12"/>
    </row>
    <row r="459329" spans="8:8">
      <c r="H459329" s="12"/>
    </row>
    <row r="459330" spans="8:8">
      <c r="H459330" s="12"/>
    </row>
    <row r="459331" spans="8:8">
      <c r="H459331" s="12"/>
    </row>
    <row r="459332" spans="8:8">
      <c r="H459332" s="12"/>
    </row>
    <row r="459333" spans="8:8">
      <c r="H459333" s="12"/>
    </row>
    <row r="459334" spans="8:8">
      <c r="H459334" s="12"/>
    </row>
    <row r="459335" spans="8:8">
      <c r="H459335" s="12"/>
    </row>
    <row r="459336" spans="8:8">
      <c r="H459336" s="12"/>
    </row>
    <row r="459337" spans="8:8">
      <c r="H459337" s="12"/>
    </row>
    <row r="459338" spans="8:8">
      <c r="H459338" s="12"/>
    </row>
    <row r="459339" spans="8:8">
      <c r="H459339" s="12"/>
    </row>
    <row r="459340" spans="8:8">
      <c r="H459340" s="12"/>
    </row>
    <row r="459341" spans="8:8">
      <c r="H459341" s="12"/>
    </row>
    <row r="459342" spans="8:8">
      <c r="H459342" s="12"/>
    </row>
    <row r="459343" spans="8:8">
      <c r="H459343" s="12"/>
    </row>
    <row r="459344" spans="8:8">
      <c r="H459344" s="12"/>
    </row>
    <row r="459345" spans="8:8">
      <c r="H459345" s="12"/>
    </row>
    <row r="459346" spans="8:8">
      <c r="H459346" s="12"/>
    </row>
    <row r="459347" spans="8:8">
      <c r="H459347" s="12"/>
    </row>
    <row r="459348" spans="8:8">
      <c r="H459348" s="12"/>
    </row>
    <row r="459349" spans="8:8">
      <c r="H459349" s="12"/>
    </row>
    <row r="459350" spans="8:8">
      <c r="H459350" s="12"/>
    </row>
    <row r="459351" spans="8:8">
      <c r="H459351" s="12"/>
    </row>
    <row r="459352" spans="8:8">
      <c r="H459352" s="12"/>
    </row>
    <row r="459353" spans="8:8">
      <c r="H459353" s="12"/>
    </row>
    <row r="459354" spans="8:8">
      <c r="H459354" s="12"/>
    </row>
    <row r="459355" spans="8:8">
      <c r="H459355" s="12"/>
    </row>
    <row r="459356" spans="8:8">
      <c r="H459356" s="12"/>
    </row>
    <row r="459357" spans="8:8">
      <c r="H459357" s="12"/>
    </row>
    <row r="459358" spans="8:8">
      <c r="H459358" s="12"/>
    </row>
    <row r="459359" spans="8:8">
      <c r="H459359" s="12"/>
    </row>
    <row r="459360" spans="8:8">
      <c r="H459360" s="12"/>
    </row>
    <row r="459361" spans="8:8">
      <c r="H459361" s="12"/>
    </row>
    <row r="459362" spans="8:8">
      <c r="H459362" s="12"/>
    </row>
    <row r="459363" spans="8:8">
      <c r="H459363" s="12"/>
    </row>
    <row r="459364" spans="8:8">
      <c r="H459364" s="12"/>
    </row>
    <row r="459365" spans="8:8">
      <c r="H459365" s="12"/>
    </row>
    <row r="459366" spans="8:8">
      <c r="H459366" s="12"/>
    </row>
    <row r="459367" spans="8:8">
      <c r="H459367" s="12"/>
    </row>
    <row r="459368" spans="8:8">
      <c r="H459368" s="12"/>
    </row>
    <row r="459369" spans="8:8">
      <c r="H459369" s="12"/>
    </row>
    <row r="459370" spans="8:8">
      <c r="H459370" s="12"/>
    </row>
    <row r="459371" spans="8:8">
      <c r="H459371" s="12"/>
    </row>
    <row r="459372" spans="8:8">
      <c r="H459372" s="12"/>
    </row>
    <row r="459373" spans="8:8">
      <c r="H459373" s="12"/>
    </row>
    <row r="459374" spans="8:8">
      <c r="H459374" s="12"/>
    </row>
    <row r="459375" spans="8:8">
      <c r="H459375" s="12"/>
    </row>
    <row r="459376" spans="8:8">
      <c r="H459376" s="12"/>
    </row>
    <row r="459377" spans="8:8">
      <c r="H459377" s="12"/>
    </row>
    <row r="459378" spans="8:8">
      <c r="H459378" s="12"/>
    </row>
    <row r="459379" spans="8:8">
      <c r="H459379" s="12"/>
    </row>
    <row r="459380" spans="8:8">
      <c r="H459380" s="12"/>
    </row>
    <row r="459381" spans="8:8">
      <c r="H459381" s="12"/>
    </row>
    <row r="459382" spans="8:8">
      <c r="H459382" s="12"/>
    </row>
    <row r="459383" spans="8:8">
      <c r="H459383" s="12"/>
    </row>
    <row r="459384" spans="8:8">
      <c r="H459384" s="12"/>
    </row>
    <row r="459385" spans="8:8">
      <c r="H459385" s="12"/>
    </row>
    <row r="459386" spans="8:8">
      <c r="H459386" s="12"/>
    </row>
    <row r="459387" spans="8:8">
      <c r="H459387" s="12"/>
    </row>
    <row r="459388" spans="8:8">
      <c r="H459388" s="12"/>
    </row>
    <row r="459389" spans="8:8">
      <c r="H459389" s="12"/>
    </row>
    <row r="459390" spans="8:8">
      <c r="H459390" s="12"/>
    </row>
    <row r="459391" spans="8:8">
      <c r="H459391" s="12"/>
    </row>
    <row r="459392" spans="8:8">
      <c r="H459392" s="12"/>
    </row>
    <row r="459393" spans="8:8">
      <c r="H459393" s="12"/>
    </row>
    <row r="459394" spans="8:8">
      <c r="H459394" s="12"/>
    </row>
    <row r="459395" spans="8:8">
      <c r="H459395" s="12"/>
    </row>
    <row r="459396" spans="8:8">
      <c r="H459396" s="12"/>
    </row>
    <row r="459397" spans="8:8">
      <c r="H459397" s="12"/>
    </row>
    <row r="459398" spans="8:8">
      <c r="H459398" s="12"/>
    </row>
    <row r="459399" spans="8:8">
      <c r="H459399" s="12"/>
    </row>
    <row r="459400" spans="8:8">
      <c r="H459400" s="12"/>
    </row>
    <row r="459401" spans="8:8">
      <c r="H459401" s="12"/>
    </row>
    <row r="459402" spans="8:8">
      <c r="H459402" s="12"/>
    </row>
    <row r="459403" spans="8:8">
      <c r="H459403" s="12"/>
    </row>
    <row r="459404" spans="8:8">
      <c r="H459404" s="12"/>
    </row>
    <row r="459405" spans="8:8">
      <c r="H459405" s="12"/>
    </row>
    <row r="459406" spans="8:8">
      <c r="H459406" s="12"/>
    </row>
    <row r="459407" spans="8:8">
      <c r="H459407" s="12"/>
    </row>
    <row r="459408" spans="8:8">
      <c r="H459408" s="12"/>
    </row>
    <row r="459409" spans="8:8">
      <c r="H459409" s="12"/>
    </row>
    <row r="459410" spans="8:8">
      <c r="H459410" s="12"/>
    </row>
    <row r="459411" spans="8:8">
      <c r="H459411" s="12"/>
    </row>
    <row r="459412" spans="8:8">
      <c r="H459412" s="12"/>
    </row>
    <row r="459413" spans="8:8">
      <c r="H459413" s="12"/>
    </row>
    <row r="459414" spans="8:8">
      <c r="H459414" s="12"/>
    </row>
    <row r="459415" spans="8:8">
      <c r="H459415" s="12"/>
    </row>
    <row r="459416" spans="8:8">
      <c r="H459416" s="12"/>
    </row>
    <row r="459417" spans="8:8">
      <c r="H459417" s="12"/>
    </row>
    <row r="459418" spans="8:8">
      <c r="H459418" s="12"/>
    </row>
    <row r="459419" spans="8:8">
      <c r="H459419" s="12"/>
    </row>
    <row r="459420" spans="8:8">
      <c r="H459420" s="12"/>
    </row>
    <row r="459421" spans="8:8">
      <c r="H459421" s="12"/>
    </row>
    <row r="459422" spans="8:8">
      <c r="H459422" s="12"/>
    </row>
    <row r="459423" spans="8:8">
      <c r="H459423" s="12"/>
    </row>
    <row r="459424" spans="8:8">
      <c r="H459424" s="12"/>
    </row>
    <row r="459425" spans="8:8">
      <c r="H459425" s="12"/>
    </row>
    <row r="459426" spans="8:8">
      <c r="H459426" s="12"/>
    </row>
    <row r="459427" spans="8:8">
      <c r="H459427" s="12"/>
    </row>
    <row r="459428" spans="8:8">
      <c r="H459428" s="12"/>
    </row>
    <row r="459429" spans="8:8">
      <c r="H459429" s="12"/>
    </row>
    <row r="459430" spans="8:8">
      <c r="H459430" s="12"/>
    </row>
    <row r="459431" spans="8:8">
      <c r="H459431" s="12"/>
    </row>
    <row r="459432" spans="8:8">
      <c r="H459432" s="12"/>
    </row>
    <row r="459433" spans="8:8">
      <c r="H459433" s="12"/>
    </row>
    <row r="459434" spans="8:8">
      <c r="H459434" s="12"/>
    </row>
    <row r="459435" spans="8:8">
      <c r="H459435" s="12"/>
    </row>
    <row r="459436" spans="8:8">
      <c r="H459436" s="12"/>
    </row>
    <row r="459437" spans="8:8">
      <c r="H459437" s="12"/>
    </row>
    <row r="459438" spans="8:8">
      <c r="H459438" s="12"/>
    </row>
    <row r="459439" spans="8:8">
      <c r="H459439" s="12"/>
    </row>
    <row r="459440" spans="8:8">
      <c r="H459440" s="12"/>
    </row>
    <row r="459441" spans="8:8">
      <c r="H459441" s="12"/>
    </row>
    <row r="459442" spans="8:8">
      <c r="H459442" s="12"/>
    </row>
    <row r="459443" spans="8:8">
      <c r="H459443" s="12"/>
    </row>
    <row r="459444" spans="8:8">
      <c r="H459444" s="12"/>
    </row>
    <row r="459445" spans="8:8">
      <c r="H459445" s="12"/>
    </row>
    <row r="459446" spans="8:8">
      <c r="H459446" s="12"/>
    </row>
    <row r="459447" spans="8:8">
      <c r="H459447" s="12"/>
    </row>
    <row r="459448" spans="8:8">
      <c r="H459448" s="12"/>
    </row>
    <row r="459449" spans="8:8">
      <c r="H459449" s="12"/>
    </row>
    <row r="459450" spans="8:8">
      <c r="H459450" s="12"/>
    </row>
    <row r="459451" spans="8:8">
      <c r="H459451" s="12"/>
    </row>
    <row r="459452" spans="8:8">
      <c r="H459452" s="12"/>
    </row>
    <row r="459453" spans="8:8">
      <c r="H459453" s="12"/>
    </row>
    <row r="459454" spans="8:8">
      <c r="H459454" s="12"/>
    </row>
    <row r="459455" spans="8:8">
      <c r="H459455" s="12"/>
    </row>
    <row r="459456" spans="8:8">
      <c r="H459456" s="12"/>
    </row>
    <row r="459457" spans="8:8">
      <c r="H459457" s="12"/>
    </row>
    <row r="459458" spans="8:8">
      <c r="H459458" s="12"/>
    </row>
    <row r="459459" spans="8:8">
      <c r="H459459" s="12"/>
    </row>
    <row r="459460" spans="8:8">
      <c r="H459460" s="12"/>
    </row>
    <row r="459461" spans="8:8">
      <c r="H459461" s="12"/>
    </row>
    <row r="459462" spans="8:8">
      <c r="H459462" s="12"/>
    </row>
    <row r="459463" spans="8:8">
      <c r="H459463" s="12"/>
    </row>
    <row r="459464" spans="8:8">
      <c r="H459464" s="12"/>
    </row>
    <row r="459465" spans="8:8">
      <c r="H459465" s="12"/>
    </row>
    <row r="459466" spans="8:8">
      <c r="H459466" s="12"/>
    </row>
    <row r="459467" spans="8:8">
      <c r="H459467" s="12"/>
    </row>
    <row r="459468" spans="8:8">
      <c r="H459468" s="12"/>
    </row>
    <row r="459469" spans="8:8">
      <c r="H459469" s="12"/>
    </row>
    <row r="459470" spans="8:8">
      <c r="H459470" s="12"/>
    </row>
    <row r="459471" spans="8:8">
      <c r="H459471" s="12"/>
    </row>
    <row r="459472" spans="8:8">
      <c r="H459472" s="12"/>
    </row>
    <row r="459473" spans="8:8">
      <c r="H459473" s="12"/>
    </row>
    <row r="459474" spans="8:8">
      <c r="H459474" s="12"/>
    </row>
    <row r="459475" spans="8:8">
      <c r="H459475" s="12"/>
    </row>
    <row r="459476" spans="8:8">
      <c r="H459476" s="12"/>
    </row>
    <row r="459477" spans="8:8">
      <c r="H459477" s="12"/>
    </row>
    <row r="459478" spans="8:8">
      <c r="H459478" s="12"/>
    </row>
    <row r="459479" spans="8:8">
      <c r="H459479" s="12"/>
    </row>
    <row r="459480" spans="8:8">
      <c r="H459480" s="12"/>
    </row>
    <row r="459481" spans="8:8">
      <c r="H459481" s="12"/>
    </row>
    <row r="459482" spans="8:8">
      <c r="H459482" s="12"/>
    </row>
    <row r="459483" spans="8:8">
      <c r="H459483" s="12"/>
    </row>
    <row r="459484" spans="8:8">
      <c r="H459484" s="12"/>
    </row>
    <row r="459485" spans="8:8">
      <c r="H459485" s="12"/>
    </row>
    <row r="459486" spans="8:8">
      <c r="H459486" s="12"/>
    </row>
    <row r="459487" spans="8:8">
      <c r="H459487" s="12"/>
    </row>
    <row r="459488" spans="8:8">
      <c r="H459488" s="12"/>
    </row>
    <row r="459489" spans="8:8">
      <c r="H459489" s="12"/>
    </row>
    <row r="459490" spans="8:8">
      <c r="H459490" s="12"/>
    </row>
    <row r="459491" spans="8:8">
      <c r="H459491" s="12"/>
    </row>
    <row r="459492" spans="8:8">
      <c r="H459492" s="12"/>
    </row>
    <row r="459493" spans="8:8">
      <c r="H459493" s="12"/>
    </row>
    <row r="459494" spans="8:8">
      <c r="H459494" s="12"/>
    </row>
    <row r="459495" spans="8:8">
      <c r="H459495" s="12"/>
    </row>
    <row r="459496" spans="8:8">
      <c r="H459496" s="12"/>
    </row>
    <row r="459497" spans="8:8">
      <c r="H459497" s="12"/>
    </row>
    <row r="459498" spans="8:8">
      <c r="H459498" s="12"/>
    </row>
    <row r="459499" spans="8:8">
      <c r="H459499" s="12"/>
    </row>
    <row r="459500" spans="8:8">
      <c r="H459500" s="12"/>
    </row>
    <row r="459501" spans="8:8">
      <c r="H459501" s="12"/>
    </row>
    <row r="459502" spans="8:8">
      <c r="H459502" s="12"/>
    </row>
    <row r="459503" spans="8:8">
      <c r="H459503" s="12"/>
    </row>
    <row r="459504" spans="8:8">
      <c r="H459504" s="12"/>
    </row>
    <row r="459505" spans="8:8">
      <c r="H459505" s="12"/>
    </row>
    <row r="459506" spans="8:8">
      <c r="H459506" s="12"/>
    </row>
    <row r="459507" spans="8:8">
      <c r="H459507" s="12"/>
    </row>
    <row r="459508" spans="8:8">
      <c r="H459508" s="12"/>
    </row>
    <row r="459509" spans="8:8">
      <c r="H459509" s="12"/>
    </row>
    <row r="459510" spans="8:8">
      <c r="H459510" s="12"/>
    </row>
    <row r="459511" spans="8:8">
      <c r="H459511" s="12"/>
    </row>
    <row r="459512" spans="8:8">
      <c r="H459512" s="12"/>
    </row>
    <row r="459513" spans="8:8">
      <c r="H459513" s="12"/>
    </row>
    <row r="459514" spans="8:8">
      <c r="H459514" s="12"/>
    </row>
    <row r="459515" spans="8:8">
      <c r="H459515" s="12"/>
    </row>
    <row r="459516" spans="8:8">
      <c r="H459516" s="12"/>
    </row>
    <row r="459517" spans="8:8">
      <c r="H459517" s="12"/>
    </row>
    <row r="459518" spans="8:8">
      <c r="H459518" s="12"/>
    </row>
    <row r="459519" spans="8:8">
      <c r="H459519" s="12"/>
    </row>
    <row r="459520" spans="8:8">
      <c r="H459520" s="12"/>
    </row>
    <row r="459521" spans="8:8">
      <c r="H459521" s="12"/>
    </row>
    <row r="459522" spans="8:8">
      <c r="H459522" s="12"/>
    </row>
    <row r="459523" spans="8:8">
      <c r="H459523" s="12"/>
    </row>
    <row r="459524" spans="8:8">
      <c r="H459524" s="12"/>
    </row>
    <row r="459525" spans="8:8">
      <c r="H459525" s="12"/>
    </row>
    <row r="459526" spans="8:8">
      <c r="H459526" s="12"/>
    </row>
    <row r="459527" spans="8:8">
      <c r="H459527" s="12"/>
    </row>
    <row r="459528" spans="8:8">
      <c r="H459528" s="12"/>
    </row>
    <row r="459529" spans="8:8">
      <c r="H459529" s="12"/>
    </row>
    <row r="459530" spans="8:8">
      <c r="H459530" s="12"/>
    </row>
    <row r="459531" spans="8:8">
      <c r="H459531" s="12"/>
    </row>
    <row r="459532" spans="8:8">
      <c r="H459532" s="12"/>
    </row>
    <row r="459533" spans="8:8">
      <c r="H459533" s="12"/>
    </row>
    <row r="459534" spans="8:8">
      <c r="H459534" s="12"/>
    </row>
    <row r="459535" spans="8:8">
      <c r="H459535" s="12"/>
    </row>
    <row r="459536" spans="8:8">
      <c r="H459536" s="12"/>
    </row>
    <row r="459537" spans="8:8">
      <c r="H459537" s="12"/>
    </row>
    <row r="459538" spans="8:8">
      <c r="H459538" s="12"/>
    </row>
    <row r="459539" spans="8:8">
      <c r="H459539" s="12"/>
    </row>
    <row r="459540" spans="8:8">
      <c r="H459540" s="12"/>
    </row>
    <row r="459541" spans="8:8">
      <c r="H459541" s="12"/>
    </row>
    <row r="459542" spans="8:8">
      <c r="H459542" s="12"/>
    </row>
    <row r="459543" spans="8:8">
      <c r="H459543" s="12"/>
    </row>
    <row r="459544" spans="8:8">
      <c r="H459544" s="12"/>
    </row>
    <row r="459545" spans="8:8">
      <c r="H459545" s="12"/>
    </row>
    <row r="459546" spans="8:8">
      <c r="H459546" s="12"/>
    </row>
    <row r="459547" spans="8:8">
      <c r="H459547" s="12"/>
    </row>
    <row r="459548" spans="8:8">
      <c r="H459548" s="12"/>
    </row>
    <row r="459549" spans="8:8">
      <c r="H459549" s="12"/>
    </row>
    <row r="459550" spans="8:8">
      <c r="H459550" s="12"/>
    </row>
    <row r="459551" spans="8:8">
      <c r="H459551" s="12"/>
    </row>
    <row r="459552" spans="8:8">
      <c r="H459552" s="12"/>
    </row>
    <row r="459553" spans="8:8">
      <c r="H459553" s="12"/>
    </row>
    <row r="459554" spans="8:8">
      <c r="H459554" s="12"/>
    </row>
    <row r="459555" spans="8:8">
      <c r="H459555" s="12"/>
    </row>
    <row r="459556" spans="8:8">
      <c r="H459556" s="12"/>
    </row>
    <row r="459557" spans="8:8">
      <c r="H459557" s="12"/>
    </row>
    <row r="459558" spans="8:8">
      <c r="H459558" s="12"/>
    </row>
    <row r="459559" spans="8:8">
      <c r="H459559" s="12"/>
    </row>
    <row r="459560" spans="8:8">
      <c r="H459560" s="12"/>
    </row>
    <row r="459561" spans="8:8">
      <c r="H459561" s="12"/>
    </row>
    <row r="459562" spans="8:8">
      <c r="H459562" s="12"/>
    </row>
    <row r="459563" spans="8:8">
      <c r="H459563" s="12"/>
    </row>
    <row r="459564" spans="8:8">
      <c r="H459564" s="12"/>
    </row>
    <row r="459565" spans="8:8">
      <c r="H459565" s="12"/>
    </row>
    <row r="459566" spans="8:8">
      <c r="H459566" s="12"/>
    </row>
    <row r="459567" spans="8:8">
      <c r="H459567" s="12"/>
    </row>
    <row r="459568" spans="8:8">
      <c r="H459568" s="12"/>
    </row>
    <row r="459569" spans="8:8">
      <c r="H459569" s="12"/>
    </row>
    <row r="459570" spans="8:8">
      <c r="H459570" s="12"/>
    </row>
    <row r="459571" spans="8:8">
      <c r="H459571" s="12"/>
    </row>
    <row r="459572" spans="8:8">
      <c r="H459572" s="12"/>
    </row>
    <row r="459573" spans="8:8">
      <c r="H459573" s="12"/>
    </row>
    <row r="459574" spans="8:8">
      <c r="H459574" s="12"/>
    </row>
    <row r="459575" spans="8:8">
      <c r="H459575" s="12"/>
    </row>
    <row r="459576" spans="8:8">
      <c r="H459576" s="12"/>
    </row>
    <row r="459577" spans="8:8">
      <c r="H459577" s="12"/>
    </row>
    <row r="459578" spans="8:8">
      <c r="H459578" s="12"/>
    </row>
    <row r="459579" spans="8:8">
      <c r="H459579" s="12"/>
    </row>
    <row r="459580" spans="8:8">
      <c r="H459580" s="12"/>
    </row>
    <row r="459581" spans="8:8">
      <c r="H459581" s="12"/>
    </row>
    <row r="459582" spans="8:8">
      <c r="H459582" s="12"/>
    </row>
    <row r="459583" spans="8:8">
      <c r="H459583" s="12"/>
    </row>
    <row r="459584" spans="8:8">
      <c r="H459584" s="12"/>
    </row>
    <row r="459585" spans="8:8">
      <c r="H459585" s="12"/>
    </row>
    <row r="459586" spans="8:8">
      <c r="H459586" s="12"/>
    </row>
    <row r="459587" spans="8:8">
      <c r="H459587" s="12"/>
    </row>
    <row r="459588" spans="8:8">
      <c r="H459588" s="12"/>
    </row>
    <row r="459589" spans="8:8">
      <c r="H459589" s="12"/>
    </row>
    <row r="459590" spans="8:8">
      <c r="H459590" s="12"/>
    </row>
    <row r="459591" spans="8:8">
      <c r="H459591" s="12"/>
    </row>
    <row r="459592" spans="8:8">
      <c r="H459592" s="12"/>
    </row>
    <row r="459593" spans="8:8">
      <c r="H459593" s="12"/>
    </row>
    <row r="459594" spans="8:8">
      <c r="H459594" s="12"/>
    </row>
    <row r="459595" spans="8:8">
      <c r="H459595" s="12"/>
    </row>
    <row r="459596" spans="8:8">
      <c r="H459596" s="12"/>
    </row>
    <row r="459597" spans="8:8">
      <c r="H459597" s="12"/>
    </row>
    <row r="459598" spans="8:8">
      <c r="H459598" s="12"/>
    </row>
    <row r="459599" spans="8:8">
      <c r="H459599" s="12"/>
    </row>
    <row r="459600" spans="8:8">
      <c r="H459600" s="12"/>
    </row>
    <row r="459601" spans="8:8">
      <c r="H459601" s="12"/>
    </row>
    <row r="459602" spans="8:8">
      <c r="H459602" s="12"/>
    </row>
    <row r="459603" spans="8:8">
      <c r="H459603" s="12"/>
    </row>
    <row r="459604" spans="8:8">
      <c r="H459604" s="12"/>
    </row>
    <row r="459605" spans="8:8">
      <c r="H459605" s="12"/>
    </row>
    <row r="459606" spans="8:8">
      <c r="H459606" s="12"/>
    </row>
    <row r="459607" spans="8:8">
      <c r="H459607" s="12"/>
    </row>
    <row r="459608" spans="8:8">
      <c r="H459608" s="12"/>
    </row>
    <row r="459609" spans="8:8">
      <c r="H459609" s="12"/>
    </row>
    <row r="459610" spans="8:8">
      <c r="H459610" s="12"/>
    </row>
    <row r="459611" spans="8:8">
      <c r="H459611" s="12"/>
    </row>
    <row r="459612" spans="8:8">
      <c r="H459612" s="12"/>
    </row>
    <row r="459613" spans="8:8">
      <c r="H459613" s="12"/>
    </row>
    <row r="459614" spans="8:8">
      <c r="H459614" s="12"/>
    </row>
    <row r="459615" spans="8:8">
      <c r="H459615" s="12"/>
    </row>
    <row r="459616" spans="8:8">
      <c r="H459616" s="12"/>
    </row>
    <row r="459617" spans="8:8">
      <c r="H459617" s="12"/>
    </row>
    <row r="459618" spans="8:8">
      <c r="H459618" s="12"/>
    </row>
    <row r="459619" spans="8:8">
      <c r="H459619" s="12"/>
    </row>
    <row r="459620" spans="8:8">
      <c r="H459620" s="12"/>
    </row>
    <row r="459621" spans="8:8">
      <c r="H459621" s="12"/>
    </row>
    <row r="459622" spans="8:8">
      <c r="H459622" s="12"/>
    </row>
    <row r="459623" spans="8:8">
      <c r="H459623" s="12"/>
    </row>
    <row r="459624" spans="8:8">
      <c r="H459624" s="12"/>
    </row>
    <row r="459625" spans="8:8">
      <c r="H459625" s="12"/>
    </row>
    <row r="459626" spans="8:8">
      <c r="H459626" s="12"/>
    </row>
    <row r="459627" spans="8:8">
      <c r="H459627" s="12"/>
    </row>
    <row r="459628" spans="8:8">
      <c r="H459628" s="12"/>
    </row>
    <row r="459629" spans="8:8">
      <c r="H459629" s="12"/>
    </row>
    <row r="459630" spans="8:8">
      <c r="H459630" s="12"/>
    </row>
    <row r="459631" spans="8:8">
      <c r="H459631" s="12"/>
    </row>
    <row r="459632" spans="8:8">
      <c r="H459632" s="12"/>
    </row>
    <row r="459633" spans="8:8">
      <c r="H459633" s="12"/>
    </row>
    <row r="459634" spans="8:8">
      <c r="H459634" s="12"/>
    </row>
    <row r="459635" spans="8:8">
      <c r="H459635" s="12"/>
    </row>
    <row r="459636" spans="8:8">
      <c r="H459636" s="12"/>
    </row>
    <row r="459637" spans="8:8">
      <c r="H459637" s="12"/>
    </row>
    <row r="459638" spans="8:8">
      <c r="H459638" s="12"/>
    </row>
    <row r="459639" spans="8:8">
      <c r="H459639" s="12"/>
    </row>
    <row r="459640" spans="8:8">
      <c r="H459640" s="12"/>
    </row>
    <row r="459641" spans="8:8">
      <c r="H459641" s="12"/>
    </row>
    <row r="459642" spans="8:8">
      <c r="H459642" s="12"/>
    </row>
    <row r="459643" spans="8:8">
      <c r="H459643" s="12"/>
    </row>
    <row r="459644" spans="8:8">
      <c r="H459644" s="12"/>
    </row>
    <row r="459645" spans="8:8">
      <c r="H459645" s="12"/>
    </row>
    <row r="459646" spans="8:8">
      <c r="H459646" s="12"/>
    </row>
    <row r="459647" spans="8:8">
      <c r="H459647" s="12"/>
    </row>
    <row r="459648" spans="8:8">
      <c r="H459648" s="12"/>
    </row>
    <row r="459649" spans="8:8">
      <c r="H459649" s="12"/>
    </row>
    <row r="459650" spans="8:8">
      <c r="H459650" s="12"/>
    </row>
    <row r="459651" spans="8:8">
      <c r="H459651" s="12"/>
    </row>
    <row r="459652" spans="8:8">
      <c r="H459652" s="12"/>
    </row>
    <row r="459653" spans="8:8">
      <c r="H459653" s="12"/>
    </row>
    <row r="459654" spans="8:8">
      <c r="H459654" s="12"/>
    </row>
    <row r="459655" spans="8:8">
      <c r="H459655" s="12"/>
    </row>
    <row r="459656" spans="8:8">
      <c r="H459656" s="12"/>
    </row>
    <row r="459657" spans="8:8">
      <c r="H459657" s="12"/>
    </row>
    <row r="459658" spans="8:8">
      <c r="H459658" s="12"/>
    </row>
    <row r="459659" spans="8:8">
      <c r="H459659" s="12"/>
    </row>
    <row r="459660" spans="8:8">
      <c r="H459660" s="12"/>
    </row>
    <row r="459661" spans="8:8">
      <c r="H459661" s="12"/>
    </row>
    <row r="459662" spans="8:8">
      <c r="H459662" s="12"/>
    </row>
    <row r="459663" spans="8:8">
      <c r="H459663" s="12"/>
    </row>
    <row r="459664" spans="8:8">
      <c r="H459664" s="12"/>
    </row>
    <row r="459665" spans="8:8">
      <c r="H459665" s="12"/>
    </row>
    <row r="459666" spans="8:8">
      <c r="H459666" s="12"/>
    </row>
    <row r="459667" spans="8:8">
      <c r="H459667" s="12"/>
    </row>
    <row r="459668" spans="8:8">
      <c r="H459668" s="12"/>
    </row>
    <row r="459669" spans="8:8">
      <c r="H459669" s="12"/>
    </row>
    <row r="459670" spans="8:8">
      <c r="H459670" s="12"/>
    </row>
    <row r="459671" spans="8:8">
      <c r="H459671" s="12"/>
    </row>
    <row r="459672" spans="8:8">
      <c r="H459672" s="12"/>
    </row>
    <row r="459673" spans="8:8">
      <c r="H459673" s="12"/>
    </row>
    <row r="459674" spans="8:8">
      <c r="H459674" s="12"/>
    </row>
    <row r="459675" spans="8:8">
      <c r="H459675" s="12"/>
    </row>
    <row r="459676" spans="8:8">
      <c r="H459676" s="12"/>
    </row>
    <row r="459677" spans="8:8">
      <c r="H459677" s="12"/>
    </row>
    <row r="459678" spans="8:8">
      <c r="H459678" s="12"/>
    </row>
    <row r="459679" spans="8:8">
      <c r="H459679" s="12"/>
    </row>
    <row r="459680" spans="8:8">
      <c r="H459680" s="12"/>
    </row>
    <row r="459681" spans="8:8">
      <c r="H459681" s="12"/>
    </row>
    <row r="459682" spans="8:8">
      <c r="H459682" s="12"/>
    </row>
    <row r="459683" spans="8:8">
      <c r="H459683" s="12"/>
    </row>
    <row r="459684" spans="8:8">
      <c r="H459684" s="12"/>
    </row>
    <row r="459685" spans="8:8">
      <c r="H459685" s="12"/>
    </row>
    <row r="459686" spans="8:8">
      <c r="H459686" s="12"/>
    </row>
    <row r="459687" spans="8:8">
      <c r="H459687" s="12"/>
    </row>
    <row r="459688" spans="8:8">
      <c r="H459688" s="12"/>
    </row>
    <row r="459689" spans="8:8">
      <c r="H459689" s="12"/>
    </row>
    <row r="459690" spans="8:8">
      <c r="H459690" s="12"/>
    </row>
    <row r="459691" spans="8:8">
      <c r="H459691" s="12"/>
    </row>
    <row r="459692" spans="8:8">
      <c r="H459692" s="12"/>
    </row>
    <row r="459693" spans="8:8">
      <c r="H459693" s="12"/>
    </row>
    <row r="459694" spans="8:8">
      <c r="H459694" s="12"/>
    </row>
    <row r="459695" spans="8:8">
      <c r="H459695" s="12"/>
    </row>
    <row r="459696" spans="8:8">
      <c r="H459696" s="12"/>
    </row>
    <row r="459697" spans="8:8">
      <c r="H459697" s="12"/>
    </row>
    <row r="459698" spans="8:8">
      <c r="H459698" s="12"/>
    </row>
    <row r="459699" spans="8:8">
      <c r="H459699" s="12"/>
    </row>
    <row r="459700" spans="8:8">
      <c r="H459700" s="12"/>
    </row>
    <row r="459701" spans="8:8">
      <c r="H459701" s="12"/>
    </row>
    <row r="459702" spans="8:8">
      <c r="H459702" s="12"/>
    </row>
    <row r="459703" spans="8:8">
      <c r="H459703" s="12"/>
    </row>
    <row r="459704" spans="8:8">
      <c r="H459704" s="12"/>
    </row>
    <row r="459705" spans="8:8">
      <c r="H459705" s="12"/>
    </row>
    <row r="459706" spans="8:8">
      <c r="H459706" s="12"/>
    </row>
    <row r="459707" spans="8:8">
      <c r="H459707" s="12"/>
    </row>
    <row r="459708" spans="8:8">
      <c r="H459708" s="12"/>
    </row>
    <row r="459709" spans="8:8">
      <c r="H459709" s="12"/>
    </row>
    <row r="459710" spans="8:8">
      <c r="H459710" s="12"/>
    </row>
    <row r="459711" spans="8:8">
      <c r="H459711" s="12"/>
    </row>
    <row r="459712" spans="8:8">
      <c r="H459712" s="12"/>
    </row>
    <row r="459713" spans="8:8">
      <c r="H459713" s="12"/>
    </row>
    <row r="459714" spans="8:8">
      <c r="H459714" s="12"/>
    </row>
    <row r="459715" spans="8:8">
      <c r="H459715" s="12"/>
    </row>
    <row r="459716" spans="8:8">
      <c r="H459716" s="12"/>
    </row>
    <row r="459717" spans="8:8">
      <c r="H459717" s="12"/>
    </row>
    <row r="459718" spans="8:8">
      <c r="H459718" s="12"/>
    </row>
    <row r="459719" spans="8:8">
      <c r="H459719" s="12"/>
    </row>
    <row r="459720" spans="8:8">
      <c r="H459720" s="12"/>
    </row>
    <row r="459721" spans="8:8">
      <c r="H459721" s="12"/>
    </row>
    <row r="459722" spans="8:8">
      <c r="H459722" s="12"/>
    </row>
    <row r="459723" spans="8:8">
      <c r="H459723" s="12"/>
    </row>
    <row r="459724" spans="8:8">
      <c r="H459724" s="12"/>
    </row>
    <row r="459725" spans="8:8">
      <c r="H459725" s="12"/>
    </row>
    <row r="459726" spans="8:8">
      <c r="H459726" s="12"/>
    </row>
    <row r="459727" spans="8:8">
      <c r="H459727" s="12"/>
    </row>
    <row r="459728" spans="8:8">
      <c r="H459728" s="12"/>
    </row>
    <row r="459729" spans="8:8">
      <c r="H459729" s="12"/>
    </row>
    <row r="459730" spans="8:8">
      <c r="H459730" s="12"/>
    </row>
    <row r="459731" spans="8:8">
      <c r="H459731" s="12"/>
    </row>
    <row r="459732" spans="8:8">
      <c r="H459732" s="12"/>
    </row>
    <row r="459733" spans="8:8">
      <c r="H459733" s="12"/>
    </row>
    <row r="459734" spans="8:8">
      <c r="H459734" s="12"/>
    </row>
    <row r="459735" spans="8:8">
      <c r="H459735" s="12"/>
    </row>
    <row r="459736" spans="8:8">
      <c r="H459736" s="12"/>
    </row>
    <row r="459737" spans="8:8">
      <c r="H459737" s="12"/>
    </row>
    <row r="459738" spans="8:8">
      <c r="H459738" s="12"/>
    </row>
    <row r="459739" spans="8:8">
      <c r="H459739" s="12"/>
    </row>
    <row r="459740" spans="8:8">
      <c r="H459740" s="12"/>
    </row>
    <row r="459741" spans="8:8">
      <c r="H459741" s="12"/>
    </row>
    <row r="459742" spans="8:8">
      <c r="H459742" s="12"/>
    </row>
    <row r="459743" spans="8:8">
      <c r="H459743" s="12"/>
    </row>
    <row r="459744" spans="8:8">
      <c r="H459744" s="12"/>
    </row>
    <row r="459745" spans="8:8">
      <c r="H459745" s="12"/>
    </row>
    <row r="459746" spans="8:8">
      <c r="H459746" s="12"/>
    </row>
    <row r="459747" spans="8:8">
      <c r="H459747" s="12"/>
    </row>
    <row r="459748" spans="8:8">
      <c r="H459748" s="12"/>
    </row>
    <row r="459749" spans="8:8">
      <c r="H459749" s="12"/>
    </row>
    <row r="459750" spans="8:8">
      <c r="H459750" s="12"/>
    </row>
    <row r="459751" spans="8:8">
      <c r="H459751" s="12"/>
    </row>
    <row r="459752" spans="8:8">
      <c r="H459752" s="12"/>
    </row>
    <row r="459753" spans="8:8">
      <c r="H459753" s="12"/>
    </row>
    <row r="459754" spans="8:8">
      <c r="H459754" s="12"/>
    </row>
    <row r="459755" spans="8:8">
      <c r="H459755" s="12"/>
    </row>
    <row r="459756" spans="8:8">
      <c r="H459756" s="12"/>
    </row>
    <row r="459757" spans="8:8">
      <c r="H459757" s="12"/>
    </row>
    <row r="459758" spans="8:8">
      <c r="H459758" s="12"/>
    </row>
    <row r="459759" spans="8:8">
      <c r="H459759" s="12"/>
    </row>
    <row r="459760" spans="8:8">
      <c r="H459760" s="12"/>
    </row>
    <row r="459761" spans="8:8">
      <c r="H459761" s="12"/>
    </row>
    <row r="459762" spans="8:8">
      <c r="H459762" s="12"/>
    </row>
    <row r="459763" spans="8:8">
      <c r="H459763" s="12"/>
    </row>
    <row r="459764" spans="8:8">
      <c r="H459764" s="12"/>
    </row>
    <row r="459765" spans="8:8">
      <c r="H459765" s="12"/>
    </row>
    <row r="459766" spans="8:8">
      <c r="H459766" s="12"/>
    </row>
    <row r="459767" spans="8:8">
      <c r="H459767" s="12"/>
    </row>
    <row r="459768" spans="8:8">
      <c r="H459768" s="12"/>
    </row>
    <row r="459769" spans="8:8">
      <c r="H459769" s="12"/>
    </row>
    <row r="459770" spans="8:8">
      <c r="H459770" s="12"/>
    </row>
    <row r="459771" spans="8:8">
      <c r="H459771" s="12"/>
    </row>
    <row r="459772" spans="8:8">
      <c r="H459772" s="12"/>
    </row>
    <row r="459773" spans="8:8">
      <c r="H459773" s="12"/>
    </row>
    <row r="459774" spans="8:8">
      <c r="H459774" s="12"/>
    </row>
    <row r="459775" spans="8:8">
      <c r="H459775" s="12"/>
    </row>
    <row r="459776" spans="8:8">
      <c r="H459776" s="12"/>
    </row>
    <row r="459777" spans="8:8">
      <c r="H459777" s="12"/>
    </row>
    <row r="459778" spans="8:8">
      <c r="H459778" s="12"/>
    </row>
    <row r="459779" spans="8:8">
      <c r="H459779" s="12"/>
    </row>
    <row r="459780" spans="8:8">
      <c r="H459780" s="12"/>
    </row>
    <row r="459781" spans="8:8">
      <c r="H459781" s="12"/>
    </row>
    <row r="459782" spans="8:8">
      <c r="H459782" s="12"/>
    </row>
    <row r="459783" spans="8:8">
      <c r="H459783" s="12"/>
    </row>
    <row r="459784" spans="8:8">
      <c r="H459784" s="12"/>
    </row>
    <row r="459785" spans="8:8">
      <c r="H459785" s="12"/>
    </row>
    <row r="459786" spans="8:8">
      <c r="H459786" s="12"/>
    </row>
    <row r="459787" spans="8:8">
      <c r="H459787" s="12"/>
    </row>
    <row r="459788" spans="8:8">
      <c r="H459788" s="12"/>
    </row>
    <row r="459789" spans="8:8">
      <c r="H459789" s="12"/>
    </row>
    <row r="459790" spans="8:8">
      <c r="H459790" s="12"/>
    </row>
    <row r="459791" spans="8:8">
      <c r="H459791" s="12"/>
    </row>
    <row r="459792" spans="8:8">
      <c r="H459792" s="12"/>
    </row>
    <row r="459793" spans="8:8">
      <c r="H459793" s="12"/>
    </row>
    <row r="459794" spans="8:8">
      <c r="H459794" s="12"/>
    </row>
    <row r="459795" spans="8:8">
      <c r="H459795" s="12"/>
    </row>
    <row r="459796" spans="8:8">
      <c r="H459796" s="12"/>
    </row>
    <row r="459797" spans="8:8">
      <c r="H459797" s="12"/>
    </row>
    <row r="459798" spans="8:8">
      <c r="H459798" s="12"/>
    </row>
    <row r="459799" spans="8:8">
      <c r="H459799" s="12"/>
    </row>
    <row r="459800" spans="8:8">
      <c r="H459800" s="12"/>
    </row>
    <row r="459801" spans="8:8">
      <c r="H459801" s="12"/>
    </row>
    <row r="459802" spans="8:8">
      <c r="H459802" s="12"/>
    </row>
    <row r="459803" spans="8:8">
      <c r="H459803" s="12"/>
    </row>
    <row r="459804" spans="8:8">
      <c r="H459804" s="12"/>
    </row>
    <row r="459805" spans="8:8">
      <c r="H459805" s="12"/>
    </row>
    <row r="459806" spans="8:8">
      <c r="H459806" s="12"/>
    </row>
    <row r="459807" spans="8:8">
      <c r="H459807" s="12"/>
    </row>
    <row r="459808" spans="8:8">
      <c r="H459808" s="12"/>
    </row>
    <row r="459809" spans="8:8">
      <c r="H459809" s="12"/>
    </row>
    <row r="459810" spans="8:8">
      <c r="H459810" s="12"/>
    </row>
    <row r="459811" spans="8:8">
      <c r="H459811" s="12"/>
    </row>
    <row r="459812" spans="8:8">
      <c r="H459812" s="12"/>
    </row>
    <row r="459813" spans="8:8">
      <c r="H459813" s="12"/>
    </row>
    <row r="459814" spans="8:8">
      <c r="H459814" s="12"/>
    </row>
    <row r="459815" spans="8:8">
      <c r="H459815" s="12"/>
    </row>
    <row r="459816" spans="8:8">
      <c r="H459816" s="12"/>
    </row>
    <row r="459817" spans="8:8">
      <c r="H459817" s="12"/>
    </row>
    <row r="459818" spans="8:8">
      <c r="H459818" s="12"/>
    </row>
    <row r="459819" spans="8:8">
      <c r="H459819" s="12"/>
    </row>
    <row r="459820" spans="8:8">
      <c r="H459820" s="12"/>
    </row>
    <row r="459821" spans="8:8">
      <c r="H459821" s="12"/>
    </row>
    <row r="459822" spans="8:8">
      <c r="H459822" s="12"/>
    </row>
    <row r="459823" spans="8:8">
      <c r="H459823" s="12"/>
    </row>
    <row r="459824" spans="8:8">
      <c r="H459824" s="12"/>
    </row>
    <row r="459825" spans="8:8">
      <c r="H459825" s="12"/>
    </row>
    <row r="459826" spans="8:8">
      <c r="H459826" s="12"/>
    </row>
    <row r="459827" spans="8:8">
      <c r="H459827" s="12"/>
    </row>
    <row r="459828" spans="8:8">
      <c r="H459828" s="12"/>
    </row>
    <row r="459829" spans="8:8">
      <c r="H459829" s="12"/>
    </row>
    <row r="459830" spans="8:8">
      <c r="H459830" s="12"/>
    </row>
    <row r="459831" spans="8:8">
      <c r="H459831" s="12"/>
    </row>
    <row r="459832" spans="8:8">
      <c r="H459832" s="12"/>
    </row>
    <row r="459833" spans="8:8">
      <c r="H459833" s="12"/>
    </row>
    <row r="459834" spans="8:8">
      <c r="H459834" s="12"/>
    </row>
    <row r="459835" spans="8:8">
      <c r="H459835" s="12"/>
    </row>
    <row r="459836" spans="8:8">
      <c r="H459836" s="12"/>
    </row>
    <row r="459837" spans="8:8">
      <c r="H459837" s="12"/>
    </row>
    <row r="459838" spans="8:8">
      <c r="H459838" s="12"/>
    </row>
    <row r="459839" spans="8:8">
      <c r="H459839" s="12"/>
    </row>
    <row r="459840" spans="8:8">
      <c r="H459840" s="12"/>
    </row>
    <row r="459841" spans="8:8">
      <c r="H459841" s="12"/>
    </row>
    <row r="459842" spans="8:8">
      <c r="H459842" s="12"/>
    </row>
    <row r="459843" spans="8:8">
      <c r="H459843" s="12"/>
    </row>
    <row r="459844" spans="8:8">
      <c r="H459844" s="12"/>
    </row>
    <row r="459845" spans="8:8">
      <c r="H459845" s="12"/>
    </row>
    <row r="459846" spans="8:8">
      <c r="H459846" s="12"/>
    </row>
    <row r="459847" spans="8:8">
      <c r="H459847" s="12"/>
    </row>
    <row r="459848" spans="8:8">
      <c r="H459848" s="12"/>
    </row>
    <row r="459849" spans="8:8">
      <c r="H459849" s="12"/>
    </row>
    <row r="459850" spans="8:8">
      <c r="H459850" s="12"/>
    </row>
    <row r="459851" spans="8:8">
      <c r="H459851" s="12"/>
    </row>
    <row r="459852" spans="8:8">
      <c r="H459852" s="12"/>
    </row>
    <row r="459853" spans="8:8">
      <c r="H459853" s="12"/>
    </row>
    <row r="459854" spans="8:8">
      <c r="H459854" s="12"/>
    </row>
    <row r="459855" spans="8:8">
      <c r="H459855" s="12"/>
    </row>
    <row r="459856" spans="8:8">
      <c r="H459856" s="12"/>
    </row>
    <row r="459857" spans="8:8">
      <c r="H459857" s="12"/>
    </row>
    <row r="459858" spans="8:8">
      <c r="H459858" s="12"/>
    </row>
    <row r="459859" spans="8:8">
      <c r="H459859" s="12"/>
    </row>
    <row r="459860" spans="8:8">
      <c r="H459860" s="12"/>
    </row>
    <row r="459861" spans="8:8">
      <c r="H459861" s="12"/>
    </row>
    <row r="459862" spans="8:8">
      <c r="H459862" s="12"/>
    </row>
    <row r="459863" spans="8:8">
      <c r="H459863" s="12"/>
    </row>
    <row r="459864" spans="8:8">
      <c r="H459864" s="12"/>
    </row>
    <row r="459865" spans="8:8">
      <c r="H459865" s="12"/>
    </row>
    <row r="459866" spans="8:8">
      <c r="H459866" s="12"/>
    </row>
    <row r="459867" spans="8:8">
      <c r="H459867" s="12"/>
    </row>
    <row r="459868" spans="8:8">
      <c r="H459868" s="12"/>
    </row>
    <row r="459869" spans="8:8">
      <c r="H459869" s="12"/>
    </row>
    <row r="459870" spans="8:8">
      <c r="H459870" s="12"/>
    </row>
    <row r="459871" spans="8:8">
      <c r="H459871" s="12"/>
    </row>
    <row r="459872" spans="8:8">
      <c r="H459872" s="12"/>
    </row>
    <row r="459873" spans="8:8">
      <c r="H459873" s="12"/>
    </row>
    <row r="459874" spans="8:8">
      <c r="H459874" s="12"/>
    </row>
    <row r="459875" spans="8:8">
      <c r="H459875" s="12"/>
    </row>
    <row r="459876" spans="8:8">
      <c r="H459876" s="12"/>
    </row>
    <row r="459877" spans="8:8">
      <c r="H459877" s="12"/>
    </row>
    <row r="459878" spans="8:8">
      <c r="H459878" s="12"/>
    </row>
    <row r="459879" spans="8:8">
      <c r="H459879" s="12"/>
    </row>
    <row r="459880" spans="8:8">
      <c r="H459880" s="12"/>
    </row>
    <row r="459881" spans="8:8">
      <c r="H459881" s="12"/>
    </row>
    <row r="459882" spans="8:8">
      <c r="H459882" s="12"/>
    </row>
    <row r="459883" spans="8:8">
      <c r="H459883" s="12"/>
    </row>
    <row r="459884" spans="8:8">
      <c r="H459884" s="12"/>
    </row>
    <row r="459885" spans="8:8">
      <c r="H459885" s="12"/>
    </row>
    <row r="459886" spans="8:8">
      <c r="H459886" s="12"/>
    </row>
    <row r="459887" spans="8:8">
      <c r="H459887" s="12"/>
    </row>
    <row r="459888" spans="8:8">
      <c r="H459888" s="12"/>
    </row>
    <row r="459889" spans="8:8">
      <c r="H459889" s="12"/>
    </row>
    <row r="459890" spans="8:8">
      <c r="H459890" s="12"/>
    </row>
    <row r="459891" spans="8:8">
      <c r="H459891" s="12"/>
    </row>
    <row r="459892" spans="8:8">
      <c r="H459892" s="12"/>
    </row>
    <row r="459893" spans="8:8">
      <c r="H459893" s="12"/>
    </row>
    <row r="459894" spans="8:8">
      <c r="H459894" s="12"/>
    </row>
    <row r="459895" spans="8:8">
      <c r="H459895" s="12"/>
    </row>
    <row r="459896" spans="8:8">
      <c r="H459896" s="12"/>
    </row>
    <row r="459897" spans="8:8">
      <c r="H459897" s="12"/>
    </row>
    <row r="459898" spans="8:8">
      <c r="H459898" s="12"/>
    </row>
    <row r="459899" spans="8:8">
      <c r="H459899" s="12"/>
    </row>
    <row r="459900" spans="8:8">
      <c r="H459900" s="12"/>
    </row>
    <row r="459901" spans="8:8">
      <c r="H459901" s="12"/>
    </row>
    <row r="459902" spans="8:8">
      <c r="H459902" s="12"/>
    </row>
    <row r="459903" spans="8:8">
      <c r="H459903" s="12"/>
    </row>
    <row r="459904" spans="8:8">
      <c r="H459904" s="12"/>
    </row>
    <row r="459905" spans="8:8">
      <c r="H459905" s="12"/>
    </row>
    <row r="459906" spans="8:8">
      <c r="H459906" s="12"/>
    </row>
    <row r="459907" spans="8:8">
      <c r="H459907" s="12"/>
    </row>
    <row r="459908" spans="8:8">
      <c r="H459908" s="12"/>
    </row>
    <row r="459909" spans="8:8">
      <c r="H459909" s="12"/>
    </row>
    <row r="459910" spans="8:8">
      <c r="H459910" s="12"/>
    </row>
    <row r="459911" spans="8:8">
      <c r="H459911" s="12"/>
    </row>
    <row r="459912" spans="8:8">
      <c r="H459912" s="12"/>
    </row>
    <row r="459913" spans="8:8">
      <c r="H459913" s="12"/>
    </row>
    <row r="459914" spans="8:8">
      <c r="H459914" s="12"/>
    </row>
    <row r="459915" spans="8:8">
      <c r="H459915" s="12"/>
    </row>
    <row r="459916" spans="8:8">
      <c r="H459916" s="12"/>
    </row>
    <row r="459917" spans="8:8">
      <c r="H459917" s="12"/>
    </row>
    <row r="459918" spans="8:8">
      <c r="H459918" s="12"/>
    </row>
    <row r="459919" spans="8:8">
      <c r="H459919" s="12"/>
    </row>
    <row r="459920" spans="8:8">
      <c r="H459920" s="12"/>
    </row>
    <row r="459921" spans="8:8">
      <c r="H459921" s="12"/>
    </row>
    <row r="459922" spans="8:8">
      <c r="H459922" s="12"/>
    </row>
    <row r="459923" spans="8:8">
      <c r="H459923" s="12"/>
    </row>
    <row r="459924" spans="8:8">
      <c r="H459924" s="12"/>
    </row>
    <row r="459925" spans="8:8">
      <c r="H459925" s="12"/>
    </row>
    <row r="459926" spans="8:8">
      <c r="H459926" s="12"/>
    </row>
    <row r="459927" spans="8:8">
      <c r="H459927" s="12"/>
    </row>
    <row r="459928" spans="8:8">
      <c r="H459928" s="12"/>
    </row>
    <row r="459929" spans="8:8">
      <c r="H459929" s="12"/>
    </row>
    <row r="459930" spans="8:8">
      <c r="H459930" s="12"/>
    </row>
    <row r="459931" spans="8:8">
      <c r="H459931" s="12"/>
    </row>
    <row r="459932" spans="8:8">
      <c r="H459932" s="12"/>
    </row>
    <row r="459933" spans="8:8">
      <c r="H459933" s="12"/>
    </row>
    <row r="459934" spans="8:8">
      <c r="H459934" s="12"/>
    </row>
    <row r="459935" spans="8:8">
      <c r="H459935" s="12"/>
    </row>
    <row r="459936" spans="8:8">
      <c r="H459936" s="12"/>
    </row>
    <row r="459937" spans="8:8">
      <c r="H459937" s="12"/>
    </row>
    <row r="459938" spans="8:8">
      <c r="H459938" s="12"/>
    </row>
    <row r="459939" spans="8:8">
      <c r="H459939" s="12"/>
    </row>
    <row r="459940" spans="8:8">
      <c r="H459940" s="12"/>
    </row>
    <row r="459941" spans="8:8">
      <c r="H459941" s="12"/>
    </row>
    <row r="459942" spans="8:8">
      <c r="H459942" s="12"/>
    </row>
    <row r="459943" spans="8:8">
      <c r="H459943" s="12"/>
    </row>
    <row r="459944" spans="8:8">
      <c r="H459944" s="12"/>
    </row>
    <row r="459945" spans="8:8">
      <c r="H459945" s="12"/>
    </row>
    <row r="459946" spans="8:8">
      <c r="H459946" s="12"/>
    </row>
    <row r="459947" spans="8:8">
      <c r="H459947" s="12"/>
    </row>
    <row r="459948" spans="8:8">
      <c r="H459948" s="12"/>
    </row>
    <row r="459949" spans="8:8">
      <c r="H459949" s="12"/>
    </row>
    <row r="459950" spans="8:8">
      <c r="H459950" s="12"/>
    </row>
    <row r="459951" spans="8:8">
      <c r="H459951" s="12"/>
    </row>
    <row r="459952" spans="8:8">
      <c r="H459952" s="12"/>
    </row>
    <row r="459953" spans="8:8">
      <c r="H459953" s="12"/>
    </row>
    <row r="459954" spans="8:8">
      <c r="H459954" s="12"/>
    </row>
    <row r="459955" spans="8:8">
      <c r="H459955" s="12"/>
    </row>
    <row r="459956" spans="8:8">
      <c r="H459956" s="12"/>
    </row>
    <row r="459957" spans="8:8">
      <c r="H459957" s="12"/>
    </row>
    <row r="459958" spans="8:8">
      <c r="H459958" s="12"/>
    </row>
    <row r="459959" spans="8:8">
      <c r="H459959" s="12"/>
    </row>
    <row r="459960" spans="8:8">
      <c r="H459960" s="12"/>
    </row>
    <row r="459961" spans="8:8">
      <c r="H459961" s="12"/>
    </row>
    <row r="459962" spans="8:8">
      <c r="H459962" s="12"/>
    </row>
    <row r="459963" spans="8:8">
      <c r="H459963" s="12"/>
    </row>
    <row r="459964" spans="8:8">
      <c r="H459964" s="12"/>
    </row>
    <row r="459965" spans="8:8">
      <c r="H459965" s="12"/>
    </row>
    <row r="459966" spans="8:8">
      <c r="H459966" s="12"/>
    </row>
    <row r="459967" spans="8:8">
      <c r="H459967" s="12"/>
    </row>
    <row r="459968" spans="8:8">
      <c r="H459968" s="12"/>
    </row>
    <row r="459969" spans="8:8">
      <c r="H459969" s="12"/>
    </row>
    <row r="459970" spans="8:8">
      <c r="H459970" s="12"/>
    </row>
    <row r="459971" spans="8:8">
      <c r="H459971" s="12"/>
    </row>
    <row r="459972" spans="8:8">
      <c r="H459972" s="12"/>
    </row>
    <row r="459973" spans="8:8">
      <c r="H459973" s="12"/>
    </row>
    <row r="459974" spans="8:8">
      <c r="H459974" s="12"/>
    </row>
    <row r="459975" spans="8:8">
      <c r="H459975" s="12"/>
    </row>
    <row r="459976" spans="8:8">
      <c r="H459976" s="12"/>
    </row>
    <row r="459977" spans="8:8">
      <c r="H459977" s="12"/>
    </row>
    <row r="459978" spans="8:8">
      <c r="H459978" s="12"/>
    </row>
    <row r="459979" spans="8:8">
      <c r="H459979" s="12"/>
    </row>
    <row r="459980" spans="8:8">
      <c r="H459980" s="12"/>
    </row>
    <row r="459981" spans="8:8">
      <c r="H459981" s="12"/>
    </row>
    <row r="459982" spans="8:8">
      <c r="H459982" s="12"/>
    </row>
    <row r="459983" spans="8:8">
      <c r="H459983" s="12"/>
    </row>
    <row r="459984" spans="8:8">
      <c r="H459984" s="12"/>
    </row>
    <row r="459985" spans="8:8">
      <c r="H459985" s="12"/>
    </row>
    <row r="459986" spans="8:8">
      <c r="H459986" s="12"/>
    </row>
    <row r="459987" spans="8:8">
      <c r="H459987" s="12"/>
    </row>
    <row r="459988" spans="8:8">
      <c r="H459988" s="12"/>
    </row>
    <row r="459989" spans="8:8">
      <c r="H459989" s="12"/>
    </row>
    <row r="459990" spans="8:8">
      <c r="H459990" s="12"/>
    </row>
    <row r="459991" spans="8:8">
      <c r="H459991" s="12"/>
    </row>
    <row r="459992" spans="8:8">
      <c r="H459992" s="12"/>
    </row>
    <row r="459993" spans="8:8">
      <c r="H459993" s="12"/>
    </row>
    <row r="459994" spans="8:8">
      <c r="H459994" s="12"/>
    </row>
    <row r="459995" spans="8:8">
      <c r="H459995" s="12"/>
    </row>
    <row r="459996" spans="8:8">
      <c r="H459996" s="12"/>
    </row>
    <row r="459997" spans="8:8">
      <c r="H459997" s="12"/>
    </row>
    <row r="459998" spans="8:8">
      <c r="H459998" s="12"/>
    </row>
    <row r="459999" spans="8:8">
      <c r="H459999" s="12"/>
    </row>
    <row r="460000" spans="8:8">
      <c r="H460000" s="12"/>
    </row>
    <row r="460001" spans="8:8">
      <c r="H460001" s="12"/>
    </row>
    <row r="460002" spans="8:8">
      <c r="H460002" s="12"/>
    </row>
    <row r="460003" spans="8:8">
      <c r="H460003" s="12"/>
    </row>
    <row r="460004" spans="8:8">
      <c r="H460004" s="12"/>
    </row>
    <row r="460005" spans="8:8">
      <c r="H460005" s="12"/>
    </row>
    <row r="460006" spans="8:8">
      <c r="H460006" s="12"/>
    </row>
    <row r="460007" spans="8:8">
      <c r="H460007" s="12"/>
    </row>
    <row r="460008" spans="8:8">
      <c r="H460008" s="12"/>
    </row>
    <row r="460009" spans="8:8">
      <c r="H460009" s="12"/>
    </row>
    <row r="460010" spans="8:8">
      <c r="H460010" s="12"/>
    </row>
    <row r="460011" spans="8:8">
      <c r="H460011" s="12"/>
    </row>
    <row r="460012" spans="8:8">
      <c r="H460012" s="12"/>
    </row>
    <row r="460013" spans="8:8">
      <c r="H460013" s="12"/>
    </row>
    <row r="460014" spans="8:8">
      <c r="H460014" s="12"/>
    </row>
    <row r="460015" spans="8:8">
      <c r="H460015" s="12"/>
    </row>
    <row r="460016" spans="8:8">
      <c r="H460016" s="12"/>
    </row>
    <row r="460017" spans="8:8">
      <c r="H460017" s="12"/>
    </row>
    <row r="460018" spans="8:8">
      <c r="H460018" s="12"/>
    </row>
    <row r="460019" spans="8:8">
      <c r="H460019" s="12"/>
    </row>
    <row r="460020" spans="8:8">
      <c r="H460020" s="12"/>
    </row>
    <row r="460021" spans="8:8">
      <c r="H460021" s="12"/>
    </row>
    <row r="460022" spans="8:8">
      <c r="H460022" s="12"/>
    </row>
    <row r="460023" spans="8:8">
      <c r="H460023" s="12"/>
    </row>
    <row r="460024" spans="8:8">
      <c r="H460024" s="12"/>
    </row>
    <row r="460025" spans="8:8">
      <c r="H460025" s="12"/>
    </row>
    <row r="460026" spans="8:8">
      <c r="H460026" s="12"/>
    </row>
    <row r="460027" spans="8:8">
      <c r="H460027" s="12"/>
    </row>
    <row r="460028" spans="8:8">
      <c r="H460028" s="12"/>
    </row>
    <row r="460029" spans="8:8">
      <c r="H460029" s="12"/>
    </row>
    <row r="460030" spans="8:8">
      <c r="H460030" s="12"/>
    </row>
    <row r="460031" spans="8:8">
      <c r="H460031" s="12"/>
    </row>
    <row r="460032" spans="8:8">
      <c r="H460032" s="12"/>
    </row>
    <row r="460033" spans="8:8">
      <c r="H460033" s="12"/>
    </row>
    <row r="460034" spans="8:8">
      <c r="H460034" s="12"/>
    </row>
    <row r="460035" spans="8:8">
      <c r="H460035" s="12"/>
    </row>
    <row r="460036" spans="8:8">
      <c r="H460036" s="12"/>
    </row>
    <row r="460037" spans="8:8">
      <c r="H460037" s="12"/>
    </row>
    <row r="460038" spans="8:8">
      <c r="H460038" s="12"/>
    </row>
    <row r="460039" spans="8:8">
      <c r="H460039" s="12"/>
    </row>
    <row r="460040" spans="8:8">
      <c r="H460040" s="12"/>
    </row>
    <row r="460041" spans="8:8">
      <c r="H460041" s="12"/>
    </row>
    <row r="460042" spans="8:8">
      <c r="H460042" s="12"/>
    </row>
    <row r="460043" spans="8:8">
      <c r="H460043" s="12"/>
    </row>
    <row r="460044" spans="8:8">
      <c r="H460044" s="12"/>
    </row>
    <row r="460045" spans="8:8">
      <c r="H460045" s="12"/>
    </row>
    <row r="460046" spans="8:8">
      <c r="H460046" s="12"/>
    </row>
    <row r="460047" spans="8:8">
      <c r="H460047" s="12"/>
    </row>
    <row r="460048" spans="8:8">
      <c r="H460048" s="12"/>
    </row>
    <row r="460049" spans="8:8">
      <c r="H460049" s="12"/>
    </row>
    <row r="460050" spans="8:8">
      <c r="H460050" s="12"/>
    </row>
    <row r="460051" spans="8:8">
      <c r="H460051" s="12"/>
    </row>
    <row r="460052" spans="8:8">
      <c r="H460052" s="12"/>
    </row>
    <row r="460053" spans="8:8">
      <c r="H460053" s="12"/>
    </row>
    <row r="460054" spans="8:8">
      <c r="H460054" s="12"/>
    </row>
    <row r="460055" spans="8:8">
      <c r="H460055" s="12"/>
    </row>
    <row r="460056" spans="8:8">
      <c r="H460056" s="12"/>
    </row>
    <row r="460057" spans="8:8">
      <c r="H460057" s="12"/>
    </row>
    <row r="460058" spans="8:8">
      <c r="H460058" s="12"/>
    </row>
    <row r="460059" spans="8:8">
      <c r="H460059" s="12"/>
    </row>
    <row r="460060" spans="8:8">
      <c r="H460060" s="12"/>
    </row>
    <row r="460061" spans="8:8">
      <c r="H460061" s="12"/>
    </row>
    <row r="460062" spans="8:8">
      <c r="H460062" s="12"/>
    </row>
    <row r="460063" spans="8:8">
      <c r="H460063" s="12"/>
    </row>
    <row r="460064" spans="8:8">
      <c r="H460064" s="12"/>
    </row>
    <row r="460065" spans="8:8">
      <c r="H460065" s="12"/>
    </row>
    <row r="460066" spans="8:8">
      <c r="H460066" s="12"/>
    </row>
    <row r="460067" spans="8:8">
      <c r="H460067" s="12"/>
    </row>
    <row r="460068" spans="8:8">
      <c r="H460068" s="12"/>
    </row>
    <row r="460069" spans="8:8">
      <c r="H460069" s="12"/>
    </row>
    <row r="460070" spans="8:8">
      <c r="H460070" s="12"/>
    </row>
    <row r="460071" spans="8:8">
      <c r="H460071" s="12"/>
    </row>
    <row r="460072" spans="8:8">
      <c r="H460072" s="12"/>
    </row>
    <row r="460073" spans="8:8">
      <c r="H460073" s="12"/>
    </row>
    <row r="460074" spans="8:8">
      <c r="H460074" s="12"/>
    </row>
    <row r="460075" spans="8:8">
      <c r="H460075" s="12"/>
    </row>
    <row r="460076" spans="8:8">
      <c r="H460076" s="12"/>
    </row>
    <row r="460077" spans="8:8">
      <c r="H460077" s="12"/>
    </row>
    <row r="460078" spans="8:8">
      <c r="H460078" s="12"/>
    </row>
    <row r="460079" spans="8:8">
      <c r="H460079" s="12"/>
    </row>
    <row r="460080" spans="8:8">
      <c r="H460080" s="12"/>
    </row>
    <row r="460081" spans="8:8">
      <c r="H460081" s="12"/>
    </row>
    <row r="460082" spans="8:8">
      <c r="H460082" s="12"/>
    </row>
    <row r="460083" spans="8:8">
      <c r="H460083" s="12"/>
    </row>
    <row r="460084" spans="8:8">
      <c r="H460084" s="12"/>
    </row>
    <row r="460085" spans="8:8">
      <c r="H460085" s="12"/>
    </row>
    <row r="460086" spans="8:8">
      <c r="H460086" s="12"/>
    </row>
    <row r="460087" spans="8:8">
      <c r="H460087" s="12"/>
    </row>
    <row r="460088" spans="8:8">
      <c r="H460088" s="12"/>
    </row>
    <row r="460089" spans="8:8">
      <c r="H460089" s="12"/>
    </row>
    <row r="460090" spans="8:8">
      <c r="H460090" s="12"/>
    </row>
    <row r="460091" spans="8:8">
      <c r="H460091" s="12"/>
    </row>
    <row r="460092" spans="8:8">
      <c r="H460092" s="12"/>
    </row>
    <row r="460093" spans="8:8">
      <c r="H460093" s="12"/>
    </row>
    <row r="460094" spans="8:8">
      <c r="H460094" s="12"/>
    </row>
    <row r="460095" spans="8:8">
      <c r="H460095" s="12"/>
    </row>
    <row r="460096" spans="8:8">
      <c r="H460096" s="12"/>
    </row>
    <row r="460097" spans="8:8">
      <c r="H460097" s="12"/>
    </row>
    <row r="460098" spans="8:8">
      <c r="H460098" s="12"/>
    </row>
    <row r="460099" spans="8:8">
      <c r="H460099" s="12"/>
    </row>
    <row r="460100" spans="8:8">
      <c r="H460100" s="12"/>
    </row>
    <row r="460101" spans="8:8">
      <c r="H460101" s="12"/>
    </row>
    <row r="460102" spans="8:8">
      <c r="H460102" s="12"/>
    </row>
    <row r="460103" spans="8:8">
      <c r="H460103" s="12"/>
    </row>
    <row r="460104" spans="8:8">
      <c r="H460104" s="12"/>
    </row>
    <row r="460105" spans="8:8">
      <c r="H460105" s="12"/>
    </row>
    <row r="460106" spans="8:8">
      <c r="H460106" s="12"/>
    </row>
    <row r="460107" spans="8:8">
      <c r="H460107" s="12"/>
    </row>
    <row r="460108" spans="8:8">
      <c r="H460108" s="12"/>
    </row>
    <row r="460109" spans="8:8">
      <c r="H460109" s="12"/>
    </row>
    <row r="460110" spans="8:8">
      <c r="H460110" s="12"/>
    </row>
    <row r="460111" spans="8:8">
      <c r="H460111" s="12"/>
    </row>
    <row r="460112" spans="8:8">
      <c r="H460112" s="12"/>
    </row>
    <row r="460113" spans="8:8">
      <c r="H460113" s="12"/>
    </row>
    <row r="460114" spans="8:8">
      <c r="H460114" s="12"/>
    </row>
    <row r="460115" spans="8:8">
      <c r="H460115" s="12"/>
    </row>
    <row r="460116" spans="8:8">
      <c r="H460116" s="12"/>
    </row>
    <row r="460117" spans="8:8">
      <c r="H460117" s="12"/>
    </row>
    <row r="460118" spans="8:8">
      <c r="H460118" s="12"/>
    </row>
    <row r="460119" spans="8:8">
      <c r="H460119" s="12"/>
    </row>
    <row r="460120" spans="8:8">
      <c r="H460120" s="12"/>
    </row>
    <row r="460121" spans="8:8">
      <c r="H460121" s="12"/>
    </row>
    <row r="460122" spans="8:8">
      <c r="H460122" s="12"/>
    </row>
    <row r="460123" spans="8:8">
      <c r="H460123" s="12"/>
    </row>
    <row r="460124" spans="8:8">
      <c r="H460124" s="12"/>
    </row>
    <row r="460125" spans="8:8">
      <c r="H460125" s="12"/>
    </row>
    <row r="460126" spans="8:8">
      <c r="H460126" s="12"/>
    </row>
    <row r="460127" spans="8:8">
      <c r="H460127" s="12"/>
    </row>
    <row r="460128" spans="8:8">
      <c r="H460128" s="12"/>
    </row>
    <row r="460129" spans="8:8">
      <c r="H460129" s="12"/>
    </row>
    <row r="460130" spans="8:8">
      <c r="H460130" s="12"/>
    </row>
    <row r="460131" spans="8:8">
      <c r="H460131" s="12"/>
    </row>
    <row r="460132" spans="8:8">
      <c r="H460132" s="12"/>
    </row>
    <row r="460133" spans="8:8">
      <c r="H460133" s="12"/>
    </row>
    <row r="460134" spans="8:8">
      <c r="H460134" s="12"/>
    </row>
    <row r="460135" spans="8:8">
      <c r="H460135" s="12"/>
    </row>
    <row r="460136" spans="8:8">
      <c r="H460136" s="12"/>
    </row>
    <row r="460137" spans="8:8">
      <c r="H460137" s="12"/>
    </row>
    <row r="460138" spans="8:8">
      <c r="H460138" s="12"/>
    </row>
    <row r="460139" spans="8:8">
      <c r="H460139" s="12"/>
    </row>
    <row r="460140" spans="8:8">
      <c r="H460140" s="12"/>
    </row>
    <row r="460141" spans="8:8">
      <c r="H460141" s="12"/>
    </row>
    <row r="460142" spans="8:8">
      <c r="H460142" s="12"/>
    </row>
    <row r="460143" spans="8:8">
      <c r="H460143" s="12"/>
    </row>
    <row r="460144" spans="8:8">
      <c r="H460144" s="12"/>
    </row>
    <row r="460145" spans="8:8">
      <c r="H460145" s="12"/>
    </row>
    <row r="460146" spans="8:8">
      <c r="H460146" s="12"/>
    </row>
    <row r="460147" spans="8:8">
      <c r="H460147" s="12"/>
    </row>
    <row r="460148" spans="8:8">
      <c r="H460148" s="12"/>
    </row>
    <row r="460149" spans="8:8">
      <c r="H460149" s="12"/>
    </row>
    <row r="460150" spans="8:8">
      <c r="H460150" s="12"/>
    </row>
    <row r="460151" spans="8:8">
      <c r="H460151" s="12"/>
    </row>
    <row r="460152" spans="8:8">
      <c r="H460152" s="12"/>
    </row>
    <row r="460153" spans="8:8">
      <c r="H460153" s="12"/>
    </row>
    <row r="460154" spans="8:8">
      <c r="H460154" s="12"/>
    </row>
    <row r="460155" spans="8:8">
      <c r="H460155" s="12"/>
    </row>
    <row r="460156" spans="8:8">
      <c r="H460156" s="12"/>
    </row>
    <row r="460157" spans="8:8">
      <c r="H460157" s="12"/>
    </row>
    <row r="460158" spans="8:8">
      <c r="H460158" s="12"/>
    </row>
    <row r="460159" spans="8:8">
      <c r="H460159" s="12"/>
    </row>
    <row r="460160" spans="8:8">
      <c r="H460160" s="12"/>
    </row>
    <row r="460161" spans="8:8">
      <c r="H460161" s="12"/>
    </row>
    <row r="460162" spans="8:8">
      <c r="H460162" s="12"/>
    </row>
    <row r="460163" spans="8:8">
      <c r="H460163" s="12"/>
    </row>
    <row r="460164" spans="8:8">
      <c r="H460164" s="12"/>
    </row>
    <row r="460165" spans="8:8">
      <c r="H460165" s="12"/>
    </row>
    <row r="460166" spans="8:8">
      <c r="H460166" s="12"/>
    </row>
    <row r="460167" spans="8:8">
      <c r="H460167" s="12"/>
    </row>
    <row r="460168" spans="8:8">
      <c r="H460168" s="12"/>
    </row>
    <row r="460169" spans="8:8">
      <c r="H460169" s="12"/>
    </row>
    <row r="460170" spans="8:8">
      <c r="H460170" s="12"/>
    </row>
    <row r="460171" spans="8:8">
      <c r="H460171" s="12"/>
    </row>
    <row r="460172" spans="8:8">
      <c r="H460172" s="12"/>
    </row>
    <row r="460173" spans="8:8">
      <c r="H460173" s="12"/>
    </row>
    <row r="460174" spans="8:8">
      <c r="H460174" s="12"/>
    </row>
    <row r="460175" spans="8:8">
      <c r="H460175" s="12"/>
    </row>
    <row r="460176" spans="8:8">
      <c r="H460176" s="12"/>
    </row>
    <row r="460177" spans="8:8">
      <c r="H460177" s="12"/>
    </row>
    <row r="460178" spans="8:8">
      <c r="H460178" s="12"/>
    </row>
    <row r="460179" spans="8:8">
      <c r="H460179" s="12"/>
    </row>
    <row r="460180" spans="8:8">
      <c r="H460180" s="12"/>
    </row>
    <row r="460181" spans="8:8">
      <c r="H460181" s="12"/>
    </row>
    <row r="460182" spans="8:8">
      <c r="H460182" s="12"/>
    </row>
    <row r="460183" spans="8:8">
      <c r="H460183" s="12"/>
    </row>
    <row r="460184" spans="8:8">
      <c r="H460184" s="12"/>
    </row>
    <row r="460185" spans="8:8">
      <c r="H460185" s="12"/>
    </row>
    <row r="460186" spans="8:8">
      <c r="H460186" s="12"/>
    </row>
    <row r="460187" spans="8:8">
      <c r="H460187" s="12"/>
    </row>
    <row r="460188" spans="8:8">
      <c r="H460188" s="12"/>
    </row>
    <row r="460189" spans="8:8">
      <c r="H460189" s="12"/>
    </row>
    <row r="460190" spans="8:8">
      <c r="H460190" s="12"/>
    </row>
    <row r="460191" spans="8:8">
      <c r="H460191" s="12"/>
    </row>
    <row r="460192" spans="8:8">
      <c r="H460192" s="12"/>
    </row>
    <row r="460193" spans="8:8">
      <c r="H460193" s="12"/>
    </row>
    <row r="460194" spans="8:8">
      <c r="H460194" s="12"/>
    </row>
    <row r="460195" spans="8:8">
      <c r="H460195" s="12"/>
    </row>
    <row r="460196" spans="8:8">
      <c r="H460196" s="12"/>
    </row>
    <row r="460197" spans="8:8">
      <c r="H460197" s="12"/>
    </row>
    <row r="460198" spans="8:8">
      <c r="H460198" s="12"/>
    </row>
    <row r="460199" spans="8:8">
      <c r="H460199" s="12"/>
    </row>
    <row r="460200" spans="8:8">
      <c r="H460200" s="12"/>
    </row>
    <row r="460201" spans="8:8">
      <c r="H460201" s="12"/>
    </row>
    <row r="460202" spans="8:8">
      <c r="H460202" s="12"/>
    </row>
    <row r="460203" spans="8:8">
      <c r="H460203" s="12"/>
    </row>
    <row r="460204" spans="8:8">
      <c r="H460204" s="12"/>
    </row>
    <row r="460205" spans="8:8">
      <c r="H460205" s="12"/>
    </row>
    <row r="460206" spans="8:8">
      <c r="H460206" s="12"/>
    </row>
    <row r="460207" spans="8:8">
      <c r="H460207" s="12"/>
    </row>
    <row r="460208" spans="8:8">
      <c r="H460208" s="12"/>
    </row>
    <row r="460209" spans="8:8">
      <c r="H460209" s="12"/>
    </row>
    <row r="460210" spans="8:8">
      <c r="H460210" s="12"/>
    </row>
    <row r="460211" spans="8:8">
      <c r="H460211" s="12"/>
    </row>
    <row r="460212" spans="8:8">
      <c r="H460212" s="12"/>
    </row>
    <row r="460213" spans="8:8">
      <c r="H460213" s="12"/>
    </row>
    <row r="460214" spans="8:8">
      <c r="H460214" s="12"/>
    </row>
    <row r="460215" spans="8:8">
      <c r="H460215" s="12"/>
    </row>
    <row r="460216" spans="8:8">
      <c r="H460216" s="12"/>
    </row>
    <row r="460217" spans="8:8">
      <c r="H460217" s="12"/>
    </row>
    <row r="460218" spans="8:8">
      <c r="H460218" s="12"/>
    </row>
    <row r="460219" spans="8:8">
      <c r="H460219" s="12"/>
    </row>
    <row r="460220" spans="8:8">
      <c r="H460220" s="12"/>
    </row>
    <row r="460221" spans="8:8">
      <c r="H460221" s="12"/>
    </row>
    <row r="460222" spans="8:8">
      <c r="H460222" s="12"/>
    </row>
    <row r="460223" spans="8:8">
      <c r="H460223" s="12"/>
    </row>
    <row r="460224" spans="8:8">
      <c r="H460224" s="12"/>
    </row>
    <row r="460225" spans="8:8">
      <c r="H460225" s="12"/>
    </row>
    <row r="460226" spans="8:8">
      <c r="H460226" s="12"/>
    </row>
    <row r="460227" spans="8:8">
      <c r="H460227" s="12"/>
    </row>
    <row r="460228" spans="8:8">
      <c r="H460228" s="12"/>
    </row>
    <row r="460229" spans="8:8">
      <c r="H460229" s="12"/>
    </row>
    <row r="460230" spans="8:8">
      <c r="H460230" s="12"/>
    </row>
    <row r="460231" spans="8:8">
      <c r="H460231" s="12"/>
    </row>
    <row r="460232" spans="8:8">
      <c r="H460232" s="12"/>
    </row>
    <row r="460233" spans="8:8">
      <c r="H460233" s="12"/>
    </row>
    <row r="460234" spans="8:8">
      <c r="H460234" s="12"/>
    </row>
    <row r="460235" spans="8:8">
      <c r="H460235" s="12"/>
    </row>
    <row r="460236" spans="8:8">
      <c r="H460236" s="12"/>
    </row>
    <row r="460237" spans="8:8">
      <c r="H460237" s="12"/>
    </row>
    <row r="460238" spans="8:8">
      <c r="H460238" s="12"/>
    </row>
    <row r="460239" spans="8:8">
      <c r="H460239" s="12"/>
    </row>
    <row r="460240" spans="8:8">
      <c r="H460240" s="12"/>
    </row>
    <row r="460241" spans="8:8">
      <c r="H460241" s="12"/>
    </row>
    <row r="460242" spans="8:8">
      <c r="H460242" s="12"/>
    </row>
    <row r="460243" spans="8:8">
      <c r="H460243" s="12"/>
    </row>
    <row r="460244" spans="8:8">
      <c r="H460244" s="12"/>
    </row>
    <row r="460245" spans="8:8">
      <c r="H460245" s="12"/>
    </row>
    <row r="460246" spans="8:8">
      <c r="H460246" s="12"/>
    </row>
    <row r="460247" spans="8:8">
      <c r="H460247" s="12"/>
    </row>
    <row r="460248" spans="8:8">
      <c r="H460248" s="12"/>
    </row>
    <row r="460249" spans="8:8">
      <c r="H460249" s="12"/>
    </row>
    <row r="460250" spans="8:8">
      <c r="H460250" s="12"/>
    </row>
    <row r="460251" spans="8:8">
      <c r="H460251" s="12"/>
    </row>
    <row r="460252" spans="8:8">
      <c r="H460252" s="12"/>
    </row>
    <row r="460253" spans="8:8">
      <c r="H460253" s="12"/>
    </row>
    <row r="460254" spans="8:8">
      <c r="H460254" s="12"/>
    </row>
    <row r="460255" spans="8:8">
      <c r="H460255" s="12"/>
    </row>
    <row r="460256" spans="8:8">
      <c r="H460256" s="12"/>
    </row>
    <row r="460257" spans="8:8">
      <c r="H460257" s="12"/>
    </row>
    <row r="460258" spans="8:8">
      <c r="H460258" s="12"/>
    </row>
    <row r="460259" spans="8:8">
      <c r="H460259" s="12"/>
    </row>
    <row r="460260" spans="8:8">
      <c r="H460260" s="12"/>
    </row>
    <row r="460261" spans="8:8">
      <c r="H460261" s="12"/>
    </row>
    <row r="460262" spans="8:8">
      <c r="H460262" s="12"/>
    </row>
    <row r="460263" spans="8:8">
      <c r="H460263" s="12"/>
    </row>
    <row r="460264" spans="8:8">
      <c r="H460264" s="12"/>
    </row>
    <row r="460265" spans="8:8">
      <c r="H460265" s="12"/>
    </row>
    <row r="460266" spans="8:8">
      <c r="H460266" s="12"/>
    </row>
    <row r="460267" spans="8:8">
      <c r="H460267" s="12"/>
    </row>
    <row r="460268" spans="8:8">
      <c r="H460268" s="12"/>
    </row>
    <row r="460269" spans="8:8">
      <c r="H460269" s="12"/>
    </row>
    <row r="460270" spans="8:8">
      <c r="H460270" s="12"/>
    </row>
    <row r="460271" spans="8:8">
      <c r="H460271" s="12"/>
    </row>
    <row r="460272" spans="8:8">
      <c r="H460272" s="12"/>
    </row>
    <row r="460273" spans="8:8">
      <c r="H460273" s="12"/>
    </row>
    <row r="460274" spans="8:8">
      <c r="H460274" s="12"/>
    </row>
    <row r="460275" spans="8:8">
      <c r="H460275" s="12"/>
    </row>
    <row r="460276" spans="8:8">
      <c r="H460276" s="12"/>
    </row>
    <row r="460277" spans="8:8">
      <c r="H460277" s="12"/>
    </row>
    <row r="460278" spans="8:8">
      <c r="H460278" s="12"/>
    </row>
    <row r="460279" spans="8:8">
      <c r="H460279" s="12"/>
    </row>
    <row r="460280" spans="8:8">
      <c r="H460280" s="12"/>
    </row>
    <row r="460281" spans="8:8">
      <c r="H460281" s="12"/>
    </row>
    <row r="460282" spans="8:8">
      <c r="H460282" s="12"/>
    </row>
    <row r="460283" spans="8:8">
      <c r="H460283" s="12"/>
    </row>
    <row r="460284" spans="8:8">
      <c r="H460284" s="12"/>
    </row>
    <row r="460285" spans="8:8">
      <c r="H460285" s="12"/>
    </row>
    <row r="460286" spans="8:8">
      <c r="H460286" s="12"/>
    </row>
    <row r="460287" spans="8:8">
      <c r="H460287" s="12"/>
    </row>
    <row r="460288" spans="8:8">
      <c r="H460288" s="12"/>
    </row>
    <row r="460289" spans="8:8">
      <c r="H460289" s="12"/>
    </row>
    <row r="460290" spans="8:8">
      <c r="H460290" s="12"/>
    </row>
    <row r="460291" spans="8:8">
      <c r="H460291" s="12"/>
    </row>
    <row r="460292" spans="8:8">
      <c r="H460292" s="12"/>
    </row>
    <row r="460293" spans="8:8">
      <c r="H460293" s="12"/>
    </row>
    <row r="460294" spans="8:8">
      <c r="H460294" s="12"/>
    </row>
    <row r="460295" spans="8:8">
      <c r="H460295" s="12"/>
    </row>
    <row r="460296" spans="8:8">
      <c r="H460296" s="12"/>
    </row>
    <row r="460297" spans="8:8">
      <c r="H460297" s="12"/>
    </row>
    <row r="460298" spans="8:8">
      <c r="H460298" s="12"/>
    </row>
    <row r="460299" spans="8:8">
      <c r="H460299" s="12"/>
    </row>
    <row r="460300" spans="8:8">
      <c r="H460300" s="12"/>
    </row>
    <row r="460301" spans="8:8">
      <c r="H460301" s="12"/>
    </row>
    <row r="460302" spans="8:8">
      <c r="H460302" s="12"/>
    </row>
    <row r="460303" spans="8:8">
      <c r="H460303" s="12"/>
    </row>
    <row r="460304" spans="8:8">
      <c r="H460304" s="12"/>
    </row>
    <row r="460305" spans="8:8">
      <c r="H460305" s="12"/>
    </row>
    <row r="460306" spans="8:8">
      <c r="H460306" s="12"/>
    </row>
    <row r="460307" spans="8:8">
      <c r="H460307" s="12"/>
    </row>
    <row r="460308" spans="8:8">
      <c r="H460308" s="12"/>
    </row>
    <row r="460309" spans="8:8">
      <c r="H460309" s="12"/>
    </row>
    <row r="460310" spans="8:8">
      <c r="H460310" s="12"/>
    </row>
    <row r="460311" spans="8:8">
      <c r="H460311" s="12"/>
    </row>
    <row r="460312" spans="8:8">
      <c r="H460312" s="12"/>
    </row>
    <row r="460313" spans="8:8">
      <c r="H460313" s="12"/>
    </row>
    <row r="460314" spans="8:8">
      <c r="H460314" s="12"/>
    </row>
    <row r="460315" spans="8:8">
      <c r="H460315" s="12"/>
    </row>
    <row r="460316" spans="8:8">
      <c r="H460316" s="12"/>
    </row>
    <row r="460317" spans="8:8">
      <c r="H460317" s="12"/>
    </row>
    <row r="460318" spans="8:8">
      <c r="H460318" s="12"/>
    </row>
    <row r="460319" spans="8:8">
      <c r="H460319" s="12"/>
    </row>
    <row r="460320" spans="8:8">
      <c r="H460320" s="12"/>
    </row>
    <row r="460321" spans="8:8">
      <c r="H460321" s="12"/>
    </row>
    <row r="460322" spans="8:8">
      <c r="H460322" s="12"/>
    </row>
    <row r="460323" spans="8:8">
      <c r="H460323" s="12"/>
    </row>
    <row r="460324" spans="8:8">
      <c r="H460324" s="12"/>
    </row>
    <row r="460325" spans="8:8">
      <c r="H460325" s="12"/>
    </row>
    <row r="460326" spans="8:8">
      <c r="H460326" s="12"/>
    </row>
    <row r="460327" spans="8:8">
      <c r="H460327" s="12"/>
    </row>
    <row r="460328" spans="8:8">
      <c r="H460328" s="12"/>
    </row>
    <row r="460329" spans="8:8">
      <c r="H460329" s="12"/>
    </row>
    <row r="460330" spans="8:8">
      <c r="H460330" s="12"/>
    </row>
    <row r="460331" spans="8:8">
      <c r="H460331" s="12"/>
    </row>
    <row r="460332" spans="8:8">
      <c r="H460332" s="12"/>
    </row>
    <row r="460333" spans="8:8">
      <c r="H460333" s="12"/>
    </row>
    <row r="460334" spans="8:8">
      <c r="H460334" s="12"/>
    </row>
    <row r="460335" spans="8:8">
      <c r="H460335" s="12"/>
    </row>
    <row r="460336" spans="8:8">
      <c r="H460336" s="12"/>
    </row>
    <row r="460337" spans="8:8">
      <c r="H460337" s="12"/>
    </row>
    <row r="460338" spans="8:8">
      <c r="H460338" s="12"/>
    </row>
    <row r="460339" spans="8:8">
      <c r="H460339" s="12"/>
    </row>
    <row r="460340" spans="8:8">
      <c r="H460340" s="12"/>
    </row>
    <row r="460341" spans="8:8">
      <c r="H460341" s="12"/>
    </row>
    <row r="460342" spans="8:8">
      <c r="H460342" s="12"/>
    </row>
    <row r="460343" spans="8:8">
      <c r="H460343" s="12"/>
    </row>
    <row r="460344" spans="8:8">
      <c r="H460344" s="12"/>
    </row>
    <row r="460345" spans="8:8">
      <c r="H460345" s="12"/>
    </row>
    <row r="460346" spans="8:8">
      <c r="H460346" s="12"/>
    </row>
    <row r="460347" spans="8:8">
      <c r="H460347" s="12"/>
    </row>
    <row r="460348" spans="8:8">
      <c r="H460348" s="12"/>
    </row>
    <row r="460349" spans="8:8">
      <c r="H460349" s="12"/>
    </row>
    <row r="460350" spans="8:8">
      <c r="H460350" s="12"/>
    </row>
    <row r="460351" spans="8:8">
      <c r="H460351" s="12"/>
    </row>
    <row r="460352" spans="8:8">
      <c r="H460352" s="12"/>
    </row>
    <row r="460353" spans="8:8">
      <c r="H460353" s="12"/>
    </row>
    <row r="460354" spans="8:8">
      <c r="H460354" s="12"/>
    </row>
    <row r="460355" spans="8:8">
      <c r="H460355" s="12"/>
    </row>
    <row r="460356" spans="8:8">
      <c r="H460356" s="12"/>
    </row>
    <row r="460357" spans="8:8">
      <c r="H460357" s="12"/>
    </row>
    <row r="460358" spans="8:8">
      <c r="H460358" s="12"/>
    </row>
    <row r="460359" spans="8:8">
      <c r="H460359" s="12"/>
    </row>
    <row r="460360" spans="8:8">
      <c r="H460360" s="12"/>
    </row>
    <row r="460361" spans="8:8">
      <c r="H460361" s="12"/>
    </row>
    <row r="460362" spans="8:8">
      <c r="H460362" s="12"/>
    </row>
    <row r="460363" spans="8:8">
      <c r="H460363" s="12"/>
    </row>
    <row r="460364" spans="8:8">
      <c r="H460364" s="12"/>
    </row>
    <row r="460365" spans="8:8">
      <c r="H460365" s="12"/>
    </row>
    <row r="460366" spans="8:8">
      <c r="H460366" s="12"/>
    </row>
    <row r="460367" spans="8:8">
      <c r="H460367" s="12"/>
    </row>
    <row r="460368" spans="8:8">
      <c r="H460368" s="12"/>
    </row>
    <row r="460369" spans="8:8">
      <c r="H460369" s="12"/>
    </row>
    <row r="460370" spans="8:8">
      <c r="H460370" s="12"/>
    </row>
    <row r="460371" spans="8:8">
      <c r="H460371" s="12"/>
    </row>
    <row r="460372" spans="8:8">
      <c r="H460372" s="12"/>
    </row>
    <row r="460373" spans="8:8">
      <c r="H460373" s="12"/>
    </row>
    <row r="460374" spans="8:8">
      <c r="H460374" s="12"/>
    </row>
    <row r="460375" spans="8:8">
      <c r="H460375" s="12"/>
    </row>
    <row r="460376" spans="8:8">
      <c r="H460376" s="12"/>
    </row>
    <row r="460377" spans="8:8">
      <c r="H460377" s="12"/>
    </row>
    <row r="460378" spans="8:8">
      <c r="H460378" s="12"/>
    </row>
    <row r="460379" spans="8:8">
      <c r="H460379" s="12"/>
    </row>
    <row r="460380" spans="8:8">
      <c r="H460380" s="12"/>
    </row>
    <row r="460381" spans="8:8">
      <c r="H460381" s="12"/>
    </row>
    <row r="460382" spans="8:8">
      <c r="H460382" s="12"/>
    </row>
    <row r="460383" spans="8:8">
      <c r="H460383" s="12"/>
    </row>
    <row r="460384" spans="8:8">
      <c r="H460384" s="12"/>
    </row>
    <row r="460385" spans="8:8">
      <c r="H460385" s="12"/>
    </row>
    <row r="460386" spans="8:8">
      <c r="H460386" s="12"/>
    </row>
    <row r="460387" spans="8:8">
      <c r="H460387" s="12"/>
    </row>
    <row r="460388" spans="8:8">
      <c r="H460388" s="12"/>
    </row>
    <row r="460389" spans="8:8">
      <c r="H460389" s="12"/>
    </row>
    <row r="460390" spans="8:8">
      <c r="H460390" s="12"/>
    </row>
    <row r="460391" spans="8:8">
      <c r="H460391" s="12"/>
    </row>
    <row r="460392" spans="8:8">
      <c r="H460392" s="12"/>
    </row>
    <row r="460393" spans="8:8">
      <c r="H460393" s="12"/>
    </row>
    <row r="460394" spans="8:8">
      <c r="H460394" s="12"/>
    </row>
    <row r="460395" spans="8:8">
      <c r="H460395" s="12"/>
    </row>
    <row r="460396" spans="8:8">
      <c r="H460396" s="12"/>
    </row>
    <row r="460397" spans="8:8">
      <c r="H460397" s="12"/>
    </row>
    <row r="460398" spans="8:8">
      <c r="H460398" s="12"/>
    </row>
    <row r="460399" spans="8:8">
      <c r="H460399" s="12"/>
    </row>
    <row r="460400" spans="8:8">
      <c r="H460400" s="12"/>
    </row>
    <row r="460401" spans="8:8">
      <c r="H460401" s="12"/>
    </row>
    <row r="460402" spans="8:8">
      <c r="H460402" s="12"/>
    </row>
    <row r="460403" spans="8:8">
      <c r="H460403" s="12"/>
    </row>
    <row r="460404" spans="8:8">
      <c r="H460404" s="12"/>
    </row>
    <row r="460405" spans="8:8">
      <c r="H460405" s="12"/>
    </row>
    <row r="460406" spans="8:8">
      <c r="H460406" s="12"/>
    </row>
    <row r="460407" spans="8:8">
      <c r="H460407" s="12"/>
    </row>
    <row r="460408" spans="8:8">
      <c r="H460408" s="12"/>
    </row>
    <row r="460409" spans="8:8">
      <c r="H460409" s="12"/>
    </row>
    <row r="460410" spans="8:8">
      <c r="H460410" s="12"/>
    </row>
    <row r="460411" spans="8:8">
      <c r="H460411" s="12"/>
    </row>
    <row r="460412" spans="8:8">
      <c r="H460412" s="12"/>
    </row>
    <row r="460413" spans="8:8">
      <c r="H460413" s="12"/>
    </row>
    <row r="460414" spans="8:8">
      <c r="H460414" s="12"/>
    </row>
    <row r="460415" spans="8:8">
      <c r="H460415" s="12"/>
    </row>
    <row r="460416" spans="8:8">
      <c r="H460416" s="12"/>
    </row>
    <row r="460417" spans="8:8">
      <c r="H460417" s="12"/>
    </row>
    <row r="460418" spans="8:8">
      <c r="H460418" s="12"/>
    </row>
    <row r="460419" spans="8:8">
      <c r="H460419" s="12"/>
    </row>
    <row r="460420" spans="8:8">
      <c r="H460420" s="12"/>
    </row>
    <row r="460421" spans="8:8">
      <c r="H460421" s="12"/>
    </row>
    <row r="460422" spans="8:8">
      <c r="H460422" s="12"/>
    </row>
    <row r="460423" spans="8:8">
      <c r="H460423" s="12"/>
    </row>
    <row r="460424" spans="8:8">
      <c r="H460424" s="12"/>
    </row>
    <row r="460425" spans="8:8">
      <c r="H460425" s="12"/>
    </row>
    <row r="460426" spans="8:8">
      <c r="H460426" s="12"/>
    </row>
    <row r="460427" spans="8:8">
      <c r="H460427" s="12"/>
    </row>
    <row r="460428" spans="8:8">
      <c r="H460428" s="12"/>
    </row>
    <row r="460429" spans="8:8">
      <c r="H460429" s="12"/>
    </row>
    <row r="460430" spans="8:8">
      <c r="H460430" s="12"/>
    </row>
    <row r="460431" spans="8:8">
      <c r="H460431" s="12"/>
    </row>
    <row r="460432" spans="8:8">
      <c r="H460432" s="12"/>
    </row>
    <row r="460433" spans="8:8">
      <c r="H460433" s="12"/>
    </row>
    <row r="460434" spans="8:8">
      <c r="H460434" s="12"/>
    </row>
    <row r="460435" spans="8:8">
      <c r="H460435" s="12"/>
    </row>
    <row r="460436" spans="8:8">
      <c r="H460436" s="12"/>
    </row>
    <row r="460437" spans="8:8">
      <c r="H460437" s="12"/>
    </row>
    <row r="460438" spans="8:8">
      <c r="H460438" s="12"/>
    </row>
    <row r="460439" spans="8:8">
      <c r="H460439" s="12"/>
    </row>
    <row r="460440" spans="8:8">
      <c r="H460440" s="12"/>
    </row>
    <row r="460441" spans="8:8">
      <c r="H460441" s="12"/>
    </row>
    <row r="460442" spans="8:8">
      <c r="H460442" s="12"/>
    </row>
    <row r="460443" spans="8:8">
      <c r="H460443" s="12"/>
    </row>
    <row r="460444" spans="8:8">
      <c r="H460444" s="12"/>
    </row>
    <row r="460445" spans="8:8">
      <c r="H460445" s="12"/>
    </row>
    <row r="460446" spans="8:8">
      <c r="H460446" s="12"/>
    </row>
    <row r="460447" spans="8:8">
      <c r="H460447" s="12"/>
    </row>
    <row r="460448" spans="8:8">
      <c r="H460448" s="12"/>
    </row>
    <row r="460449" spans="8:8">
      <c r="H460449" s="12"/>
    </row>
    <row r="460450" spans="8:8">
      <c r="H460450" s="12"/>
    </row>
    <row r="460451" spans="8:8">
      <c r="H460451" s="12"/>
    </row>
    <row r="460452" spans="8:8">
      <c r="H460452" s="12"/>
    </row>
    <row r="460453" spans="8:8">
      <c r="H460453" s="12"/>
    </row>
    <row r="460454" spans="8:8">
      <c r="H460454" s="12"/>
    </row>
    <row r="460455" spans="8:8">
      <c r="H460455" s="12"/>
    </row>
    <row r="460456" spans="8:8">
      <c r="H460456" s="12"/>
    </row>
    <row r="460457" spans="8:8">
      <c r="H460457" s="12"/>
    </row>
    <row r="460458" spans="8:8">
      <c r="H460458" s="12"/>
    </row>
    <row r="460459" spans="8:8">
      <c r="H460459" s="12"/>
    </row>
    <row r="460460" spans="8:8">
      <c r="H460460" s="12"/>
    </row>
    <row r="460461" spans="8:8">
      <c r="H460461" s="12"/>
    </row>
    <row r="460462" spans="8:8">
      <c r="H460462" s="12"/>
    </row>
    <row r="460463" spans="8:8">
      <c r="H460463" s="12"/>
    </row>
    <row r="460464" spans="8:8">
      <c r="H460464" s="12"/>
    </row>
    <row r="460465" spans="8:8">
      <c r="H460465" s="12"/>
    </row>
    <row r="460466" spans="8:8">
      <c r="H460466" s="12"/>
    </row>
    <row r="460467" spans="8:8">
      <c r="H460467" s="12"/>
    </row>
    <row r="460468" spans="8:8">
      <c r="H460468" s="12"/>
    </row>
    <row r="460469" spans="8:8">
      <c r="H460469" s="12"/>
    </row>
    <row r="460470" spans="8:8">
      <c r="H460470" s="12"/>
    </row>
    <row r="460471" spans="8:8">
      <c r="H460471" s="12"/>
    </row>
    <row r="460472" spans="8:8">
      <c r="H460472" s="12"/>
    </row>
    <row r="460473" spans="8:8">
      <c r="H460473" s="12"/>
    </row>
    <row r="460474" spans="8:8">
      <c r="H460474" s="12"/>
    </row>
    <row r="460475" spans="8:8">
      <c r="H460475" s="12"/>
    </row>
    <row r="460476" spans="8:8">
      <c r="H460476" s="12"/>
    </row>
    <row r="460477" spans="8:8">
      <c r="H460477" s="12"/>
    </row>
    <row r="460478" spans="8:8">
      <c r="H460478" s="12"/>
    </row>
    <row r="460479" spans="8:8">
      <c r="H460479" s="12"/>
    </row>
    <row r="460480" spans="8:8">
      <c r="H460480" s="12"/>
    </row>
    <row r="460481" spans="8:8">
      <c r="H460481" s="12"/>
    </row>
    <row r="460482" spans="8:8">
      <c r="H460482" s="12"/>
    </row>
    <row r="460483" spans="8:8">
      <c r="H460483" s="12"/>
    </row>
    <row r="460484" spans="8:8">
      <c r="H460484" s="12"/>
    </row>
    <row r="460485" spans="8:8">
      <c r="H460485" s="12"/>
    </row>
    <row r="460486" spans="8:8">
      <c r="H460486" s="12"/>
    </row>
    <row r="460487" spans="8:8">
      <c r="H460487" s="12"/>
    </row>
    <row r="460488" spans="8:8">
      <c r="H460488" s="12"/>
    </row>
    <row r="460489" spans="8:8">
      <c r="H460489" s="12"/>
    </row>
    <row r="460490" spans="8:8">
      <c r="H460490" s="12"/>
    </row>
    <row r="460491" spans="8:8">
      <c r="H460491" s="12"/>
    </row>
    <row r="460492" spans="8:8">
      <c r="H460492" s="12"/>
    </row>
    <row r="460493" spans="8:8">
      <c r="H460493" s="12"/>
    </row>
    <row r="460494" spans="8:8">
      <c r="H460494" s="12"/>
    </row>
    <row r="460495" spans="8:8">
      <c r="H460495" s="12"/>
    </row>
    <row r="460496" spans="8:8">
      <c r="H460496" s="12"/>
    </row>
    <row r="460497" spans="8:8">
      <c r="H460497" s="12"/>
    </row>
    <row r="460498" spans="8:8">
      <c r="H460498" s="12"/>
    </row>
    <row r="460499" spans="8:8">
      <c r="H460499" s="12"/>
    </row>
    <row r="460500" spans="8:8">
      <c r="H460500" s="12"/>
    </row>
    <row r="460501" spans="8:8">
      <c r="H460501" s="12"/>
    </row>
    <row r="460502" spans="8:8">
      <c r="H460502" s="12"/>
    </row>
    <row r="460503" spans="8:8">
      <c r="H460503" s="12"/>
    </row>
    <row r="460504" spans="8:8">
      <c r="H460504" s="12"/>
    </row>
    <row r="460505" spans="8:8">
      <c r="H460505" s="12"/>
    </row>
    <row r="460506" spans="8:8">
      <c r="H460506" s="12"/>
    </row>
    <row r="460507" spans="8:8">
      <c r="H460507" s="12"/>
    </row>
    <row r="460508" spans="8:8">
      <c r="H460508" s="12"/>
    </row>
    <row r="460509" spans="8:8">
      <c r="H460509" s="12"/>
    </row>
    <row r="460510" spans="8:8">
      <c r="H460510" s="12"/>
    </row>
    <row r="460511" spans="8:8">
      <c r="H460511" s="12"/>
    </row>
    <row r="460512" spans="8:8">
      <c r="H460512" s="12"/>
    </row>
    <row r="460513" spans="8:8">
      <c r="H460513" s="12"/>
    </row>
    <row r="460514" spans="8:8">
      <c r="H460514" s="12"/>
    </row>
    <row r="460515" spans="8:8">
      <c r="H460515" s="12"/>
    </row>
    <row r="460516" spans="8:8">
      <c r="H460516" s="12"/>
    </row>
    <row r="460517" spans="8:8">
      <c r="H460517" s="12"/>
    </row>
    <row r="460518" spans="8:8">
      <c r="H460518" s="12"/>
    </row>
    <row r="460519" spans="8:8">
      <c r="H460519" s="12"/>
    </row>
    <row r="460520" spans="8:8">
      <c r="H460520" s="12"/>
    </row>
    <row r="460521" spans="8:8">
      <c r="H460521" s="12"/>
    </row>
    <row r="460522" spans="8:8">
      <c r="H460522" s="12"/>
    </row>
    <row r="460523" spans="8:8">
      <c r="H460523" s="12"/>
    </row>
    <row r="460524" spans="8:8">
      <c r="H460524" s="12"/>
    </row>
    <row r="460525" spans="8:8">
      <c r="H460525" s="12"/>
    </row>
    <row r="460526" spans="8:8">
      <c r="H460526" s="12"/>
    </row>
    <row r="460527" spans="8:8">
      <c r="H460527" s="12"/>
    </row>
    <row r="460528" spans="8:8">
      <c r="H460528" s="12"/>
    </row>
    <row r="460529" spans="8:8">
      <c r="H460529" s="12"/>
    </row>
    <row r="460530" spans="8:8">
      <c r="H460530" s="12"/>
    </row>
    <row r="460531" spans="8:8">
      <c r="H460531" s="12"/>
    </row>
    <row r="460532" spans="8:8">
      <c r="H460532" s="12"/>
    </row>
    <row r="460533" spans="8:8">
      <c r="H460533" s="12"/>
    </row>
    <row r="460534" spans="8:8">
      <c r="H460534" s="12"/>
    </row>
    <row r="460535" spans="8:8">
      <c r="H460535" s="12"/>
    </row>
    <row r="460536" spans="8:8">
      <c r="H460536" s="12"/>
    </row>
    <row r="460537" spans="8:8">
      <c r="H460537" s="12"/>
    </row>
    <row r="460538" spans="8:8">
      <c r="H460538" s="12"/>
    </row>
    <row r="460539" spans="8:8">
      <c r="H460539" s="12"/>
    </row>
    <row r="460540" spans="8:8">
      <c r="H460540" s="12"/>
    </row>
    <row r="460541" spans="8:8">
      <c r="H460541" s="12"/>
    </row>
    <row r="460542" spans="8:8">
      <c r="H460542" s="12"/>
    </row>
    <row r="460543" spans="8:8">
      <c r="H460543" s="12"/>
    </row>
    <row r="460544" spans="8:8">
      <c r="H460544" s="12"/>
    </row>
    <row r="460545" spans="8:8">
      <c r="H460545" s="12"/>
    </row>
    <row r="460546" spans="8:8">
      <c r="H460546" s="12"/>
    </row>
    <row r="460547" spans="8:8">
      <c r="H460547" s="12"/>
    </row>
    <row r="460548" spans="8:8">
      <c r="H460548" s="12"/>
    </row>
    <row r="460549" spans="8:8">
      <c r="H460549" s="12"/>
    </row>
    <row r="460550" spans="8:8">
      <c r="H460550" s="12"/>
    </row>
    <row r="460551" spans="8:8">
      <c r="H460551" s="12"/>
    </row>
    <row r="460552" spans="8:8">
      <c r="H460552" s="12"/>
    </row>
    <row r="460553" spans="8:8">
      <c r="H460553" s="12"/>
    </row>
    <row r="460554" spans="8:8">
      <c r="H460554" s="12"/>
    </row>
    <row r="460555" spans="8:8">
      <c r="H460555" s="12"/>
    </row>
    <row r="460556" spans="8:8">
      <c r="H460556" s="12"/>
    </row>
    <row r="460557" spans="8:8">
      <c r="H460557" s="12"/>
    </row>
    <row r="460558" spans="8:8">
      <c r="H460558" s="12"/>
    </row>
    <row r="460559" spans="8:8">
      <c r="H460559" s="12"/>
    </row>
    <row r="460560" spans="8:8">
      <c r="H460560" s="12"/>
    </row>
    <row r="460561" spans="8:8">
      <c r="H460561" s="12"/>
    </row>
    <row r="460562" spans="8:8">
      <c r="H460562" s="12"/>
    </row>
    <row r="460563" spans="8:8">
      <c r="H460563" s="12"/>
    </row>
    <row r="460564" spans="8:8">
      <c r="H460564" s="12"/>
    </row>
    <row r="460565" spans="8:8">
      <c r="H460565" s="12"/>
    </row>
    <row r="460566" spans="8:8">
      <c r="H460566" s="12"/>
    </row>
    <row r="460567" spans="8:8">
      <c r="H460567" s="12"/>
    </row>
    <row r="460568" spans="8:8">
      <c r="H460568" s="12"/>
    </row>
    <row r="460569" spans="8:8">
      <c r="H460569" s="12"/>
    </row>
    <row r="460570" spans="8:8">
      <c r="H460570" s="12"/>
    </row>
    <row r="460571" spans="8:8">
      <c r="H460571" s="12"/>
    </row>
    <row r="460572" spans="8:8">
      <c r="H460572" s="12"/>
    </row>
    <row r="460573" spans="8:8">
      <c r="H460573" s="12"/>
    </row>
    <row r="460574" spans="8:8">
      <c r="H460574" s="12"/>
    </row>
    <row r="460575" spans="8:8">
      <c r="H460575" s="12"/>
    </row>
    <row r="460576" spans="8:8">
      <c r="H460576" s="12"/>
    </row>
    <row r="460577" spans="8:8">
      <c r="H460577" s="12"/>
    </row>
    <row r="460578" spans="8:8">
      <c r="H460578" s="12"/>
    </row>
    <row r="460579" spans="8:8">
      <c r="H460579" s="12"/>
    </row>
    <row r="460580" spans="8:8">
      <c r="H460580" s="12"/>
    </row>
    <row r="460581" spans="8:8">
      <c r="H460581" s="12"/>
    </row>
    <row r="460582" spans="8:8">
      <c r="H460582" s="12"/>
    </row>
    <row r="460583" spans="8:8">
      <c r="H460583" s="12"/>
    </row>
    <row r="460584" spans="8:8">
      <c r="H460584" s="12"/>
    </row>
    <row r="460585" spans="8:8">
      <c r="H460585" s="12"/>
    </row>
    <row r="460586" spans="8:8">
      <c r="H460586" s="12"/>
    </row>
    <row r="460587" spans="8:8">
      <c r="H460587" s="12"/>
    </row>
    <row r="460588" spans="8:8">
      <c r="H460588" s="12"/>
    </row>
    <row r="460589" spans="8:8">
      <c r="H460589" s="12"/>
    </row>
    <row r="460590" spans="8:8">
      <c r="H460590" s="12"/>
    </row>
    <row r="460591" spans="8:8">
      <c r="H460591" s="12"/>
    </row>
    <row r="460592" spans="8:8">
      <c r="H460592" s="12"/>
    </row>
    <row r="460593" spans="8:8">
      <c r="H460593" s="12"/>
    </row>
    <row r="460594" spans="8:8">
      <c r="H460594" s="12"/>
    </row>
    <row r="460595" spans="8:8">
      <c r="H460595" s="12"/>
    </row>
    <row r="460596" spans="8:8">
      <c r="H460596" s="12"/>
    </row>
    <row r="460597" spans="8:8">
      <c r="H460597" s="12"/>
    </row>
    <row r="460598" spans="8:8">
      <c r="H460598" s="12"/>
    </row>
    <row r="460599" spans="8:8">
      <c r="H460599" s="12"/>
    </row>
    <row r="460600" spans="8:8">
      <c r="H460600" s="12"/>
    </row>
    <row r="460601" spans="8:8">
      <c r="H460601" s="12"/>
    </row>
    <row r="460602" spans="8:8">
      <c r="H460602" s="12"/>
    </row>
    <row r="460603" spans="8:8">
      <c r="H460603" s="12"/>
    </row>
    <row r="460604" spans="8:8">
      <c r="H460604" s="12"/>
    </row>
    <row r="460605" spans="8:8">
      <c r="H460605" s="12"/>
    </row>
    <row r="460606" spans="8:8">
      <c r="H460606" s="12"/>
    </row>
    <row r="460607" spans="8:8">
      <c r="H460607" s="12"/>
    </row>
    <row r="460608" spans="8:8">
      <c r="H460608" s="12"/>
    </row>
    <row r="460609" spans="8:8">
      <c r="H460609" s="12"/>
    </row>
    <row r="460610" spans="8:8">
      <c r="H460610" s="12"/>
    </row>
    <row r="460611" spans="8:8">
      <c r="H460611" s="12"/>
    </row>
    <row r="460612" spans="8:8">
      <c r="H460612" s="12"/>
    </row>
    <row r="460613" spans="8:8">
      <c r="H460613" s="12"/>
    </row>
    <row r="460614" spans="8:8">
      <c r="H460614" s="12"/>
    </row>
    <row r="460615" spans="8:8">
      <c r="H460615" s="12"/>
    </row>
    <row r="460616" spans="8:8">
      <c r="H460616" s="12"/>
    </row>
    <row r="460617" spans="8:8">
      <c r="H460617" s="12"/>
    </row>
    <row r="460618" spans="8:8">
      <c r="H460618" s="12"/>
    </row>
    <row r="460619" spans="8:8">
      <c r="H460619" s="12"/>
    </row>
    <row r="460620" spans="8:8">
      <c r="H460620" s="12"/>
    </row>
    <row r="460621" spans="8:8">
      <c r="H460621" s="12"/>
    </row>
    <row r="460622" spans="8:8">
      <c r="H460622" s="12"/>
    </row>
    <row r="460623" spans="8:8">
      <c r="H460623" s="12"/>
    </row>
    <row r="460624" spans="8:8">
      <c r="H460624" s="12"/>
    </row>
    <row r="460625" spans="8:8">
      <c r="H460625" s="12"/>
    </row>
    <row r="460626" spans="8:8">
      <c r="H460626" s="12"/>
    </row>
    <row r="460627" spans="8:8">
      <c r="H460627" s="12"/>
    </row>
    <row r="460628" spans="8:8">
      <c r="H460628" s="12"/>
    </row>
    <row r="460629" spans="8:8">
      <c r="H460629" s="12"/>
    </row>
    <row r="460630" spans="8:8">
      <c r="H460630" s="12"/>
    </row>
    <row r="460631" spans="8:8">
      <c r="H460631" s="12"/>
    </row>
    <row r="460632" spans="8:8">
      <c r="H460632" s="12"/>
    </row>
    <row r="460633" spans="8:8">
      <c r="H460633" s="12"/>
    </row>
    <row r="460634" spans="8:8">
      <c r="H460634" s="12"/>
    </row>
    <row r="460635" spans="8:8">
      <c r="H460635" s="12"/>
    </row>
    <row r="460636" spans="8:8">
      <c r="H460636" s="12"/>
    </row>
    <row r="460637" spans="8:8">
      <c r="H460637" s="12"/>
    </row>
    <row r="460638" spans="8:8">
      <c r="H460638" s="12"/>
    </row>
    <row r="460639" spans="8:8">
      <c r="H460639" s="12"/>
    </row>
    <row r="460640" spans="8:8">
      <c r="H460640" s="12"/>
    </row>
    <row r="460641" spans="8:8">
      <c r="H460641" s="12"/>
    </row>
    <row r="460642" spans="8:8">
      <c r="H460642" s="12"/>
    </row>
    <row r="460643" spans="8:8">
      <c r="H460643" s="12"/>
    </row>
    <row r="460644" spans="8:8">
      <c r="H460644" s="12"/>
    </row>
    <row r="460645" spans="8:8">
      <c r="H460645" s="12"/>
    </row>
    <row r="460646" spans="8:8">
      <c r="H460646" s="12"/>
    </row>
    <row r="460647" spans="8:8">
      <c r="H460647" s="12"/>
    </row>
    <row r="460648" spans="8:8">
      <c r="H460648" s="12"/>
    </row>
    <row r="460649" spans="8:8">
      <c r="H460649" s="12"/>
    </row>
    <row r="460650" spans="8:8">
      <c r="H460650" s="12"/>
    </row>
    <row r="460651" spans="8:8">
      <c r="H460651" s="12"/>
    </row>
    <row r="460652" spans="8:8">
      <c r="H460652" s="12"/>
    </row>
    <row r="460653" spans="8:8">
      <c r="H460653" s="12"/>
    </row>
    <row r="460654" spans="8:8">
      <c r="H460654" s="12"/>
    </row>
    <row r="460655" spans="8:8">
      <c r="H460655" s="12"/>
    </row>
    <row r="460656" spans="8:8">
      <c r="H460656" s="12"/>
    </row>
    <row r="460657" spans="8:8">
      <c r="H460657" s="12"/>
    </row>
    <row r="460658" spans="8:8">
      <c r="H460658" s="12"/>
    </row>
    <row r="460659" spans="8:8">
      <c r="H460659" s="12"/>
    </row>
    <row r="460660" spans="8:8">
      <c r="H460660" s="12"/>
    </row>
    <row r="460661" spans="8:8">
      <c r="H460661" s="12"/>
    </row>
    <row r="460662" spans="8:8">
      <c r="H460662" s="12"/>
    </row>
    <row r="460663" spans="8:8">
      <c r="H460663" s="12"/>
    </row>
    <row r="460664" spans="8:8">
      <c r="H460664" s="12"/>
    </row>
    <row r="460665" spans="8:8">
      <c r="H460665" s="12"/>
    </row>
    <row r="460666" spans="8:8">
      <c r="H460666" s="12"/>
    </row>
    <row r="460667" spans="8:8">
      <c r="H460667" s="12"/>
    </row>
    <row r="460668" spans="8:8">
      <c r="H460668" s="12"/>
    </row>
    <row r="460669" spans="8:8">
      <c r="H460669" s="12"/>
    </row>
    <row r="460670" spans="8:8">
      <c r="H460670" s="12"/>
    </row>
    <row r="460671" spans="8:8">
      <c r="H460671" s="12"/>
    </row>
    <row r="460672" spans="8:8">
      <c r="H460672" s="12"/>
    </row>
    <row r="460673" spans="8:8">
      <c r="H460673" s="12"/>
    </row>
    <row r="460674" spans="8:8">
      <c r="H460674" s="12"/>
    </row>
    <row r="460675" spans="8:8">
      <c r="H460675" s="12"/>
    </row>
    <row r="460676" spans="8:8">
      <c r="H460676" s="12"/>
    </row>
    <row r="460677" spans="8:8">
      <c r="H460677" s="12"/>
    </row>
    <row r="460678" spans="8:8">
      <c r="H460678" s="12"/>
    </row>
    <row r="460679" spans="8:8">
      <c r="H460679" s="12"/>
    </row>
    <row r="460680" spans="8:8">
      <c r="H460680" s="12"/>
    </row>
    <row r="460681" spans="8:8">
      <c r="H460681" s="12"/>
    </row>
    <row r="460682" spans="8:8">
      <c r="H460682" s="12"/>
    </row>
    <row r="460683" spans="8:8">
      <c r="H460683" s="12"/>
    </row>
    <row r="460684" spans="8:8">
      <c r="H460684" s="12"/>
    </row>
    <row r="460685" spans="8:8">
      <c r="H460685" s="12"/>
    </row>
    <row r="460686" spans="8:8">
      <c r="H460686" s="12"/>
    </row>
    <row r="460687" spans="8:8">
      <c r="H460687" s="12"/>
    </row>
    <row r="460688" spans="8:8">
      <c r="H460688" s="12"/>
    </row>
    <row r="460689" spans="8:8">
      <c r="H460689" s="12"/>
    </row>
    <row r="460690" spans="8:8">
      <c r="H460690" s="12"/>
    </row>
    <row r="460691" spans="8:8">
      <c r="H460691" s="12"/>
    </row>
    <row r="460692" spans="8:8">
      <c r="H460692" s="12"/>
    </row>
    <row r="460693" spans="8:8">
      <c r="H460693" s="12"/>
    </row>
    <row r="460694" spans="8:8">
      <c r="H460694" s="12"/>
    </row>
    <row r="460695" spans="8:8">
      <c r="H460695" s="12"/>
    </row>
    <row r="460696" spans="8:8">
      <c r="H460696" s="12"/>
    </row>
    <row r="460697" spans="8:8">
      <c r="H460697" s="12"/>
    </row>
    <row r="460698" spans="8:8">
      <c r="H460698" s="12"/>
    </row>
    <row r="460699" spans="8:8">
      <c r="H460699" s="12"/>
    </row>
    <row r="460700" spans="8:8">
      <c r="H460700" s="12"/>
    </row>
    <row r="460701" spans="8:8">
      <c r="H460701" s="12"/>
    </row>
    <row r="460702" spans="8:8">
      <c r="H460702" s="12"/>
    </row>
    <row r="460703" spans="8:8">
      <c r="H460703" s="12"/>
    </row>
    <row r="460704" spans="8:8">
      <c r="H460704" s="12"/>
    </row>
    <row r="460705" spans="8:8">
      <c r="H460705" s="12"/>
    </row>
    <row r="460706" spans="8:8">
      <c r="H460706" s="12"/>
    </row>
    <row r="460707" spans="8:8">
      <c r="H460707" s="12"/>
    </row>
    <row r="460708" spans="8:8">
      <c r="H460708" s="12"/>
    </row>
    <row r="460709" spans="8:8">
      <c r="H460709" s="12"/>
    </row>
    <row r="460710" spans="8:8">
      <c r="H460710" s="12"/>
    </row>
    <row r="460711" spans="8:8">
      <c r="H460711" s="12"/>
    </row>
    <row r="460712" spans="8:8">
      <c r="H460712" s="12"/>
    </row>
    <row r="460713" spans="8:8">
      <c r="H460713" s="12"/>
    </row>
    <row r="460714" spans="8:8">
      <c r="H460714" s="12"/>
    </row>
    <row r="460715" spans="8:8">
      <c r="H460715" s="12"/>
    </row>
    <row r="460716" spans="8:8">
      <c r="H460716" s="12"/>
    </row>
    <row r="460717" spans="8:8">
      <c r="H460717" s="12"/>
    </row>
    <row r="460718" spans="8:8">
      <c r="H460718" s="12"/>
    </row>
    <row r="460719" spans="8:8">
      <c r="H460719" s="12"/>
    </row>
    <row r="460720" spans="8:8">
      <c r="H460720" s="12"/>
    </row>
    <row r="460721" spans="8:8">
      <c r="H460721" s="12"/>
    </row>
    <row r="460722" spans="8:8">
      <c r="H460722" s="12"/>
    </row>
    <row r="460723" spans="8:8">
      <c r="H460723" s="12"/>
    </row>
    <row r="460724" spans="8:8">
      <c r="H460724" s="12"/>
    </row>
    <row r="460725" spans="8:8">
      <c r="H460725" s="12"/>
    </row>
    <row r="460726" spans="8:8">
      <c r="H460726" s="12"/>
    </row>
    <row r="460727" spans="8:8">
      <c r="H460727" s="12"/>
    </row>
    <row r="460728" spans="8:8">
      <c r="H460728" s="12"/>
    </row>
    <row r="460729" spans="8:8">
      <c r="H460729" s="12"/>
    </row>
    <row r="460730" spans="8:8">
      <c r="H460730" s="12"/>
    </row>
    <row r="460731" spans="8:8">
      <c r="H460731" s="12"/>
    </row>
    <row r="460732" spans="8:8">
      <c r="H460732" s="12"/>
    </row>
    <row r="460733" spans="8:8">
      <c r="H460733" s="12"/>
    </row>
    <row r="460734" spans="8:8">
      <c r="H460734" s="12"/>
    </row>
    <row r="460735" spans="8:8">
      <c r="H460735" s="12"/>
    </row>
    <row r="460736" spans="8:8">
      <c r="H460736" s="12"/>
    </row>
    <row r="460737" spans="8:8">
      <c r="H460737" s="12"/>
    </row>
    <row r="460738" spans="8:8">
      <c r="H460738" s="12"/>
    </row>
    <row r="460739" spans="8:8">
      <c r="H460739" s="12"/>
    </row>
    <row r="460740" spans="8:8">
      <c r="H460740" s="12"/>
    </row>
    <row r="460741" spans="8:8">
      <c r="H460741" s="12"/>
    </row>
    <row r="460742" spans="8:8">
      <c r="H460742" s="12"/>
    </row>
    <row r="460743" spans="8:8">
      <c r="H460743" s="12"/>
    </row>
    <row r="460744" spans="8:8">
      <c r="H460744" s="12"/>
    </row>
    <row r="460745" spans="8:8">
      <c r="H460745" s="12"/>
    </row>
    <row r="460746" spans="8:8">
      <c r="H460746" s="12"/>
    </row>
    <row r="460747" spans="8:8">
      <c r="H460747" s="12"/>
    </row>
    <row r="460748" spans="8:8">
      <c r="H460748" s="12"/>
    </row>
    <row r="460749" spans="8:8">
      <c r="H460749" s="12"/>
    </row>
    <row r="460750" spans="8:8">
      <c r="H460750" s="12"/>
    </row>
    <row r="460751" spans="8:8">
      <c r="H460751" s="12"/>
    </row>
    <row r="460752" spans="8:8">
      <c r="H460752" s="12"/>
    </row>
    <row r="460753" spans="8:8">
      <c r="H460753" s="12"/>
    </row>
    <row r="460754" spans="8:8">
      <c r="H460754" s="12"/>
    </row>
    <row r="460755" spans="8:8">
      <c r="H460755" s="12"/>
    </row>
    <row r="460756" spans="8:8">
      <c r="H460756" s="12"/>
    </row>
    <row r="460757" spans="8:8">
      <c r="H460757" s="12"/>
    </row>
    <row r="460758" spans="8:8">
      <c r="H460758" s="12"/>
    </row>
    <row r="460759" spans="8:8">
      <c r="H460759" s="12"/>
    </row>
    <row r="460760" spans="8:8">
      <c r="H460760" s="12"/>
    </row>
    <row r="460761" spans="8:8">
      <c r="H460761" s="12"/>
    </row>
    <row r="460762" spans="8:8">
      <c r="H460762" s="12"/>
    </row>
    <row r="460763" spans="8:8">
      <c r="H460763" s="12"/>
    </row>
    <row r="460764" spans="8:8">
      <c r="H460764" s="12"/>
    </row>
    <row r="460765" spans="8:8">
      <c r="H460765" s="12"/>
    </row>
    <row r="460766" spans="8:8">
      <c r="H460766" s="12"/>
    </row>
    <row r="460767" spans="8:8">
      <c r="H460767" s="12"/>
    </row>
    <row r="460768" spans="8:8">
      <c r="H460768" s="12"/>
    </row>
    <row r="460769" spans="8:8">
      <c r="H460769" s="12"/>
    </row>
    <row r="460770" spans="8:8">
      <c r="H460770" s="12"/>
    </row>
    <row r="460771" spans="8:8">
      <c r="H460771" s="12"/>
    </row>
    <row r="460772" spans="8:8">
      <c r="H460772" s="12"/>
    </row>
    <row r="460773" spans="8:8">
      <c r="H460773" s="12"/>
    </row>
    <row r="460774" spans="8:8">
      <c r="H460774" s="12"/>
    </row>
    <row r="460775" spans="8:8">
      <c r="H460775" s="12"/>
    </row>
    <row r="460776" spans="8:8">
      <c r="H460776" s="12"/>
    </row>
    <row r="460777" spans="8:8">
      <c r="H460777" s="12"/>
    </row>
    <row r="460778" spans="8:8">
      <c r="H460778" s="12"/>
    </row>
    <row r="460779" spans="8:8">
      <c r="H460779" s="12"/>
    </row>
    <row r="460780" spans="8:8">
      <c r="H460780" s="12"/>
    </row>
    <row r="460781" spans="8:8">
      <c r="H460781" s="12"/>
    </row>
    <row r="460782" spans="8:8">
      <c r="H460782" s="12"/>
    </row>
    <row r="460783" spans="8:8">
      <c r="H460783" s="12"/>
    </row>
    <row r="460784" spans="8:8">
      <c r="H460784" s="12"/>
    </row>
    <row r="460785" spans="8:8">
      <c r="H460785" s="12"/>
    </row>
    <row r="460786" spans="8:8">
      <c r="H460786" s="12"/>
    </row>
    <row r="460787" spans="8:8">
      <c r="H460787" s="12"/>
    </row>
    <row r="460788" spans="8:8">
      <c r="H460788" s="12"/>
    </row>
    <row r="460789" spans="8:8">
      <c r="H460789" s="12"/>
    </row>
    <row r="460790" spans="8:8">
      <c r="H460790" s="12"/>
    </row>
    <row r="460791" spans="8:8">
      <c r="H460791" s="12"/>
    </row>
    <row r="460792" spans="8:8">
      <c r="H460792" s="12"/>
    </row>
    <row r="460793" spans="8:8">
      <c r="H460793" s="12"/>
    </row>
    <row r="460794" spans="8:8">
      <c r="H460794" s="12"/>
    </row>
    <row r="460795" spans="8:8">
      <c r="H460795" s="12"/>
    </row>
    <row r="460796" spans="8:8">
      <c r="H460796" s="12"/>
    </row>
    <row r="460797" spans="8:8">
      <c r="H460797" s="12"/>
    </row>
    <row r="460798" spans="8:8">
      <c r="H460798" s="12"/>
    </row>
    <row r="460799" spans="8:8">
      <c r="H460799" s="12"/>
    </row>
    <row r="460800" spans="8:8">
      <c r="H460800" s="12"/>
    </row>
    <row r="460801" spans="8:8">
      <c r="H460801" s="12"/>
    </row>
    <row r="460802" spans="8:8">
      <c r="H460802" s="12"/>
    </row>
    <row r="460803" spans="8:8">
      <c r="H460803" s="12"/>
    </row>
    <row r="460804" spans="8:8">
      <c r="H460804" s="12"/>
    </row>
    <row r="460805" spans="8:8">
      <c r="H460805" s="12"/>
    </row>
    <row r="460806" spans="8:8">
      <c r="H460806" s="12"/>
    </row>
    <row r="460807" spans="8:8">
      <c r="H460807" s="12"/>
    </row>
    <row r="460808" spans="8:8">
      <c r="H460808" s="12"/>
    </row>
    <row r="460809" spans="8:8">
      <c r="H460809" s="12"/>
    </row>
    <row r="460810" spans="8:8">
      <c r="H460810" s="12"/>
    </row>
    <row r="460811" spans="8:8">
      <c r="H460811" s="12"/>
    </row>
    <row r="460812" spans="8:8">
      <c r="H460812" s="12"/>
    </row>
    <row r="460813" spans="8:8">
      <c r="H460813" s="12"/>
    </row>
    <row r="460814" spans="8:8">
      <c r="H460814" s="12"/>
    </row>
    <row r="460815" spans="8:8">
      <c r="H460815" s="12"/>
    </row>
    <row r="460816" spans="8:8">
      <c r="H460816" s="12"/>
    </row>
    <row r="460817" spans="8:8">
      <c r="H460817" s="12"/>
    </row>
    <row r="460818" spans="8:8">
      <c r="H460818" s="12"/>
    </row>
    <row r="460819" spans="8:8">
      <c r="H460819" s="12"/>
    </row>
    <row r="460820" spans="8:8">
      <c r="H460820" s="12"/>
    </row>
    <row r="460821" spans="8:8">
      <c r="H460821" s="12"/>
    </row>
    <row r="460822" spans="8:8">
      <c r="H460822" s="12"/>
    </row>
    <row r="460823" spans="8:8">
      <c r="H460823" s="12"/>
    </row>
    <row r="460824" spans="8:8">
      <c r="H460824" s="12"/>
    </row>
    <row r="460825" spans="8:8">
      <c r="H460825" s="12"/>
    </row>
    <row r="460826" spans="8:8">
      <c r="H460826" s="12"/>
    </row>
    <row r="460827" spans="8:8">
      <c r="H460827" s="12"/>
    </row>
    <row r="460828" spans="8:8">
      <c r="H460828" s="12"/>
    </row>
    <row r="460829" spans="8:8">
      <c r="H460829" s="12"/>
    </row>
    <row r="460830" spans="8:8">
      <c r="H460830" s="12"/>
    </row>
    <row r="460831" spans="8:8">
      <c r="H460831" s="12"/>
    </row>
    <row r="460832" spans="8:8">
      <c r="H460832" s="12"/>
    </row>
    <row r="460833" spans="8:8">
      <c r="H460833" s="12"/>
    </row>
    <row r="460834" spans="8:8">
      <c r="H460834" s="12"/>
    </row>
    <row r="460835" spans="8:8">
      <c r="H460835" s="12"/>
    </row>
    <row r="460836" spans="8:8">
      <c r="H460836" s="12"/>
    </row>
    <row r="460837" spans="8:8">
      <c r="H460837" s="12"/>
    </row>
    <row r="460838" spans="8:8">
      <c r="H460838" s="12"/>
    </row>
    <row r="460839" spans="8:8">
      <c r="H460839" s="12"/>
    </row>
    <row r="460840" spans="8:8">
      <c r="H460840" s="12"/>
    </row>
    <row r="460841" spans="8:8">
      <c r="H460841" s="12"/>
    </row>
    <row r="460842" spans="8:8">
      <c r="H460842" s="12"/>
    </row>
    <row r="460843" spans="8:8">
      <c r="H460843" s="12"/>
    </row>
    <row r="460844" spans="8:8">
      <c r="H460844" s="12"/>
    </row>
    <row r="460845" spans="8:8">
      <c r="H460845" s="12"/>
    </row>
    <row r="460846" spans="8:8">
      <c r="H460846" s="12"/>
    </row>
    <row r="460847" spans="8:8">
      <c r="H460847" s="12"/>
    </row>
    <row r="460848" spans="8:8">
      <c r="H460848" s="12"/>
    </row>
    <row r="460849" spans="8:8">
      <c r="H460849" s="12"/>
    </row>
    <row r="460850" spans="8:8">
      <c r="H460850" s="12"/>
    </row>
    <row r="460851" spans="8:8">
      <c r="H460851" s="12"/>
    </row>
    <row r="460852" spans="8:8">
      <c r="H460852" s="12"/>
    </row>
    <row r="460853" spans="8:8">
      <c r="H460853" s="12"/>
    </row>
    <row r="460854" spans="8:8">
      <c r="H460854" s="12"/>
    </row>
    <row r="460855" spans="8:8">
      <c r="H460855" s="12"/>
    </row>
    <row r="460856" spans="8:8">
      <c r="H460856" s="12"/>
    </row>
    <row r="460857" spans="8:8">
      <c r="H460857" s="12"/>
    </row>
    <row r="460858" spans="8:8">
      <c r="H460858" s="12"/>
    </row>
    <row r="460859" spans="8:8">
      <c r="H460859" s="12"/>
    </row>
    <row r="460860" spans="8:8">
      <c r="H460860" s="12"/>
    </row>
    <row r="460861" spans="8:8">
      <c r="H460861" s="12"/>
    </row>
    <row r="460862" spans="8:8">
      <c r="H460862" s="12"/>
    </row>
    <row r="460863" spans="8:8">
      <c r="H460863" s="12"/>
    </row>
    <row r="460864" spans="8:8">
      <c r="H460864" s="12"/>
    </row>
    <row r="460865" spans="8:8">
      <c r="H460865" s="12"/>
    </row>
    <row r="460866" spans="8:8">
      <c r="H460866" s="12"/>
    </row>
    <row r="460867" spans="8:8">
      <c r="H460867" s="12"/>
    </row>
    <row r="460868" spans="8:8">
      <c r="H460868" s="12"/>
    </row>
    <row r="460869" spans="8:8">
      <c r="H460869" s="12"/>
    </row>
    <row r="460870" spans="8:8">
      <c r="H460870" s="12"/>
    </row>
    <row r="460871" spans="8:8">
      <c r="H460871" s="12"/>
    </row>
    <row r="460872" spans="8:8">
      <c r="H460872" s="12"/>
    </row>
    <row r="460873" spans="8:8">
      <c r="H460873" s="12"/>
    </row>
    <row r="460874" spans="8:8">
      <c r="H460874" s="12"/>
    </row>
    <row r="460875" spans="8:8">
      <c r="H460875" s="12"/>
    </row>
    <row r="460876" spans="8:8">
      <c r="H460876" s="12"/>
    </row>
    <row r="460877" spans="8:8">
      <c r="H460877" s="12"/>
    </row>
    <row r="460878" spans="8:8">
      <c r="H460878" s="12"/>
    </row>
    <row r="460879" spans="8:8">
      <c r="H460879" s="12"/>
    </row>
    <row r="460880" spans="8:8">
      <c r="H460880" s="12"/>
    </row>
    <row r="460881" spans="8:8">
      <c r="H460881" s="12"/>
    </row>
    <row r="460882" spans="8:8">
      <c r="H460882" s="12"/>
    </row>
    <row r="460883" spans="8:8">
      <c r="H460883" s="12"/>
    </row>
    <row r="460884" spans="8:8">
      <c r="H460884" s="12"/>
    </row>
    <row r="460885" spans="8:8">
      <c r="H460885" s="12"/>
    </row>
    <row r="460886" spans="8:8">
      <c r="H460886" s="12"/>
    </row>
    <row r="460887" spans="8:8">
      <c r="H460887" s="12"/>
    </row>
    <row r="460888" spans="8:8">
      <c r="H460888" s="12"/>
    </row>
    <row r="460889" spans="8:8">
      <c r="H460889" s="12"/>
    </row>
    <row r="460890" spans="8:8">
      <c r="H460890" s="12"/>
    </row>
    <row r="460891" spans="8:8">
      <c r="H460891" s="12"/>
    </row>
    <row r="460892" spans="8:8">
      <c r="H460892" s="12"/>
    </row>
    <row r="460893" spans="8:8">
      <c r="H460893" s="12"/>
    </row>
    <row r="460894" spans="8:8">
      <c r="H460894" s="12"/>
    </row>
    <row r="460895" spans="8:8">
      <c r="H460895" s="12"/>
    </row>
    <row r="460896" spans="8:8">
      <c r="H460896" s="12"/>
    </row>
    <row r="460897" spans="8:8">
      <c r="H460897" s="12"/>
    </row>
    <row r="460898" spans="8:8">
      <c r="H460898" s="12"/>
    </row>
    <row r="460899" spans="8:8">
      <c r="H460899" s="12"/>
    </row>
    <row r="460900" spans="8:8">
      <c r="H460900" s="12"/>
    </row>
    <row r="460901" spans="8:8">
      <c r="H460901" s="12"/>
    </row>
    <row r="460902" spans="8:8">
      <c r="H460902" s="12"/>
    </row>
    <row r="460903" spans="8:8">
      <c r="H460903" s="12"/>
    </row>
    <row r="460904" spans="8:8">
      <c r="H460904" s="12"/>
    </row>
    <row r="460905" spans="8:8">
      <c r="H460905" s="12"/>
    </row>
    <row r="460906" spans="8:8">
      <c r="H460906" s="12"/>
    </row>
    <row r="460907" spans="8:8">
      <c r="H460907" s="12"/>
    </row>
    <row r="460908" spans="8:8">
      <c r="H460908" s="12"/>
    </row>
    <row r="460909" spans="8:8">
      <c r="H460909" s="12"/>
    </row>
    <row r="460910" spans="8:8">
      <c r="H460910" s="12"/>
    </row>
    <row r="460911" spans="8:8">
      <c r="H460911" s="12"/>
    </row>
    <row r="460912" spans="8:8">
      <c r="H460912" s="12"/>
    </row>
    <row r="460913" spans="8:8">
      <c r="H460913" s="12"/>
    </row>
    <row r="460914" spans="8:8">
      <c r="H460914" s="12"/>
    </row>
    <row r="460915" spans="8:8">
      <c r="H460915" s="12"/>
    </row>
    <row r="460916" spans="8:8">
      <c r="H460916" s="12"/>
    </row>
    <row r="460917" spans="8:8">
      <c r="H460917" s="12"/>
    </row>
    <row r="460918" spans="8:8">
      <c r="H460918" s="12"/>
    </row>
    <row r="460919" spans="8:8">
      <c r="H460919" s="12"/>
    </row>
    <row r="460920" spans="8:8">
      <c r="H460920" s="12"/>
    </row>
    <row r="460921" spans="8:8">
      <c r="H460921" s="12"/>
    </row>
    <row r="460922" spans="8:8">
      <c r="H460922" s="12"/>
    </row>
    <row r="460923" spans="8:8">
      <c r="H460923" s="12"/>
    </row>
    <row r="460924" spans="8:8">
      <c r="H460924" s="12"/>
    </row>
    <row r="460925" spans="8:8">
      <c r="H460925" s="12"/>
    </row>
    <row r="460926" spans="8:8">
      <c r="H460926" s="12"/>
    </row>
    <row r="460927" spans="8:8">
      <c r="H460927" s="12"/>
    </row>
    <row r="460928" spans="8:8">
      <c r="H460928" s="12"/>
    </row>
    <row r="460929" spans="8:8">
      <c r="H460929" s="12"/>
    </row>
    <row r="460930" spans="8:8">
      <c r="H460930" s="12"/>
    </row>
    <row r="460931" spans="8:8">
      <c r="H460931" s="12"/>
    </row>
    <row r="460932" spans="8:8">
      <c r="H460932" s="12"/>
    </row>
    <row r="460933" spans="8:8">
      <c r="H460933" s="12"/>
    </row>
    <row r="460934" spans="8:8">
      <c r="H460934" s="12"/>
    </row>
    <row r="460935" spans="8:8">
      <c r="H460935" s="12"/>
    </row>
    <row r="460936" spans="8:8">
      <c r="H460936" s="12"/>
    </row>
    <row r="460937" spans="8:8">
      <c r="H460937" s="12"/>
    </row>
    <row r="460938" spans="8:8">
      <c r="H460938" s="12"/>
    </row>
    <row r="460939" spans="8:8">
      <c r="H460939" s="12"/>
    </row>
    <row r="460940" spans="8:8">
      <c r="H460940" s="12"/>
    </row>
    <row r="460941" spans="8:8">
      <c r="H460941" s="12"/>
    </row>
    <row r="460942" spans="8:8">
      <c r="H460942" s="12"/>
    </row>
    <row r="460943" spans="8:8">
      <c r="H460943" s="12"/>
    </row>
    <row r="460944" spans="8:8">
      <c r="H460944" s="12"/>
    </row>
    <row r="460945" spans="8:8">
      <c r="H460945" s="12"/>
    </row>
    <row r="460946" spans="8:8">
      <c r="H460946" s="12"/>
    </row>
    <row r="460947" spans="8:8">
      <c r="H460947" s="12"/>
    </row>
    <row r="460948" spans="8:8">
      <c r="H460948" s="12"/>
    </row>
    <row r="460949" spans="8:8">
      <c r="H460949" s="12"/>
    </row>
    <row r="460950" spans="8:8">
      <c r="H460950" s="12"/>
    </row>
    <row r="460951" spans="8:8">
      <c r="H460951" s="12"/>
    </row>
    <row r="460952" spans="8:8">
      <c r="H460952" s="12"/>
    </row>
    <row r="460953" spans="8:8">
      <c r="H460953" s="12"/>
    </row>
    <row r="460954" spans="8:8">
      <c r="H460954" s="12"/>
    </row>
    <row r="460955" spans="8:8">
      <c r="H460955" s="12"/>
    </row>
    <row r="460956" spans="8:8">
      <c r="H460956" s="12"/>
    </row>
    <row r="460957" spans="8:8">
      <c r="H460957" s="12"/>
    </row>
    <row r="460958" spans="8:8">
      <c r="H460958" s="12"/>
    </row>
    <row r="460959" spans="8:8">
      <c r="H460959" s="12"/>
    </row>
    <row r="460960" spans="8:8">
      <c r="H460960" s="12"/>
    </row>
    <row r="460961" spans="8:8">
      <c r="H460961" s="12"/>
    </row>
    <row r="460962" spans="8:8">
      <c r="H460962" s="12"/>
    </row>
    <row r="460963" spans="8:8">
      <c r="H460963" s="12"/>
    </row>
    <row r="460964" spans="8:8">
      <c r="H460964" s="12"/>
    </row>
    <row r="460965" spans="8:8">
      <c r="H460965" s="12"/>
    </row>
    <row r="460966" spans="8:8">
      <c r="H460966" s="12"/>
    </row>
    <row r="460967" spans="8:8">
      <c r="H460967" s="12"/>
    </row>
    <row r="460968" spans="8:8">
      <c r="H460968" s="12"/>
    </row>
    <row r="460969" spans="8:8">
      <c r="H460969" s="12"/>
    </row>
    <row r="460970" spans="8:8">
      <c r="H460970" s="12"/>
    </row>
    <row r="460971" spans="8:8">
      <c r="H460971" s="12"/>
    </row>
    <row r="460972" spans="8:8">
      <c r="H460972" s="12"/>
    </row>
    <row r="460973" spans="8:8">
      <c r="H460973" s="12"/>
    </row>
    <row r="460974" spans="8:8">
      <c r="H460974" s="12"/>
    </row>
    <row r="460975" spans="8:8">
      <c r="H460975" s="12"/>
    </row>
    <row r="460976" spans="8:8">
      <c r="H460976" s="12"/>
    </row>
    <row r="460977" spans="8:8">
      <c r="H460977" s="12"/>
    </row>
    <row r="460978" spans="8:8">
      <c r="H460978" s="12"/>
    </row>
    <row r="460979" spans="8:8">
      <c r="H460979" s="12"/>
    </row>
    <row r="460980" spans="8:8">
      <c r="H460980" s="12"/>
    </row>
    <row r="460981" spans="8:8">
      <c r="H460981" s="12"/>
    </row>
    <row r="460982" spans="8:8">
      <c r="H460982" s="12"/>
    </row>
    <row r="460983" spans="8:8">
      <c r="H460983" s="12"/>
    </row>
    <row r="460984" spans="8:8">
      <c r="H460984" s="12"/>
    </row>
    <row r="460985" spans="8:8">
      <c r="H460985" s="12"/>
    </row>
    <row r="460986" spans="8:8">
      <c r="H460986" s="12"/>
    </row>
    <row r="460987" spans="8:8">
      <c r="H460987" s="12"/>
    </row>
    <row r="460988" spans="8:8">
      <c r="H460988" s="12"/>
    </row>
    <row r="460989" spans="8:8">
      <c r="H460989" s="12"/>
    </row>
    <row r="460990" spans="8:8">
      <c r="H460990" s="12"/>
    </row>
    <row r="460991" spans="8:8">
      <c r="H460991" s="12"/>
    </row>
    <row r="460992" spans="8:8">
      <c r="H460992" s="12"/>
    </row>
    <row r="460993" spans="8:8">
      <c r="H460993" s="12"/>
    </row>
    <row r="460994" spans="8:8">
      <c r="H460994" s="12"/>
    </row>
    <row r="460995" spans="8:8">
      <c r="H460995" s="12"/>
    </row>
    <row r="460996" spans="8:8">
      <c r="H460996" s="12"/>
    </row>
    <row r="460997" spans="8:8">
      <c r="H460997" s="12"/>
    </row>
    <row r="460998" spans="8:8">
      <c r="H460998" s="12"/>
    </row>
    <row r="460999" spans="8:8">
      <c r="H460999" s="12"/>
    </row>
    <row r="461000" spans="8:8">
      <c r="H461000" s="12"/>
    </row>
    <row r="461001" spans="8:8">
      <c r="H461001" s="12"/>
    </row>
    <row r="461002" spans="8:8">
      <c r="H461002" s="12"/>
    </row>
    <row r="461003" spans="8:8">
      <c r="H461003" s="12"/>
    </row>
    <row r="461004" spans="8:8">
      <c r="H461004" s="12"/>
    </row>
    <row r="461005" spans="8:8">
      <c r="H461005" s="12"/>
    </row>
    <row r="461006" spans="8:8">
      <c r="H461006" s="12"/>
    </row>
    <row r="461007" spans="8:8">
      <c r="H461007" s="12"/>
    </row>
    <row r="461008" spans="8:8">
      <c r="H461008" s="12"/>
    </row>
    <row r="461009" spans="8:8">
      <c r="H461009" s="12"/>
    </row>
    <row r="461010" spans="8:8">
      <c r="H461010" s="12"/>
    </row>
    <row r="461011" spans="8:8">
      <c r="H461011" s="12"/>
    </row>
    <row r="461012" spans="8:8">
      <c r="H461012" s="12"/>
    </row>
    <row r="461013" spans="8:8">
      <c r="H461013" s="12"/>
    </row>
    <row r="461014" spans="8:8">
      <c r="H461014" s="12"/>
    </row>
    <row r="461015" spans="8:8">
      <c r="H461015" s="12"/>
    </row>
    <row r="461016" spans="8:8">
      <c r="H461016" s="12"/>
    </row>
    <row r="461017" spans="8:8">
      <c r="H461017" s="12"/>
    </row>
    <row r="461018" spans="8:8">
      <c r="H461018" s="12"/>
    </row>
    <row r="461019" spans="8:8">
      <c r="H461019" s="12"/>
    </row>
    <row r="461020" spans="8:8">
      <c r="H461020" s="12"/>
    </row>
    <row r="461021" spans="8:8">
      <c r="H461021" s="12"/>
    </row>
    <row r="461022" spans="8:8">
      <c r="H461022" s="12"/>
    </row>
    <row r="461023" spans="8:8">
      <c r="H461023" s="12"/>
    </row>
    <row r="461024" spans="8:8">
      <c r="H461024" s="12"/>
    </row>
    <row r="461025" spans="8:8">
      <c r="H461025" s="12"/>
    </row>
    <row r="461026" spans="8:8">
      <c r="H461026" s="12"/>
    </row>
    <row r="461027" spans="8:8">
      <c r="H461027" s="12"/>
    </row>
    <row r="461028" spans="8:8">
      <c r="H461028" s="12"/>
    </row>
    <row r="461029" spans="8:8">
      <c r="H461029" s="12"/>
    </row>
    <row r="461030" spans="8:8">
      <c r="H461030" s="12"/>
    </row>
    <row r="461031" spans="8:8">
      <c r="H461031" s="12"/>
    </row>
    <row r="461032" spans="8:8">
      <c r="H461032" s="12"/>
    </row>
    <row r="461033" spans="8:8">
      <c r="H461033" s="12"/>
    </row>
    <row r="461034" spans="8:8">
      <c r="H461034" s="12"/>
    </row>
    <row r="461035" spans="8:8">
      <c r="H461035" s="12"/>
    </row>
    <row r="461036" spans="8:8">
      <c r="H461036" s="12"/>
    </row>
    <row r="461037" spans="8:8">
      <c r="H461037" s="12"/>
    </row>
    <row r="461038" spans="8:8">
      <c r="H461038" s="12"/>
    </row>
    <row r="461039" spans="8:8">
      <c r="H461039" s="12"/>
    </row>
    <row r="461040" spans="8:8">
      <c r="H461040" s="12"/>
    </row>
    <row r="461041" spans="8:8">
      <c r="H461041" s="12"/>
    </row>
    <row r="461042" spans="8:8">
      <c r="H461042" s="12"/>
    </row>
    <row r="461043" spans="8:8">
      <c r="H461043" s="12"/>
    </row>
    <row r="461044" spans="8:8">
      <c r="H461044" s="12"/>
    </row>
    <row r="461045" spans="8:8">
      <c r="H461045" s="12"/>
    </row>
    <row r="461046" spans="8:8">
      <c r="H461046" s="12"/>
    </row>
    <row r="461047" spans="8:8">
      <c r="H461047" s="12"/>
    </row>
    <row r="461048" spans="8:8">
      <c r="H461048" s="12"/>
    </row>
    <row r="461049" spans="8:8">
      <c r="H461049" s="12"/>
    </row>
    <row r="461050" spans="8:8">
      <c r="H461050" s="12"/>
    </row>
    <row r="461051" spans="8:8">
      <c r="H461051" s="12"/>
    </row>
    <row r="461052" spans="8:8">
      <c r="H461052" s="12"/>
    </row>
    <row r="461053" spans="8:8">
      <c r="H461053" s="12"/>
    </row>
    <row r="461054" spans="8:8">
      <c r="H461054" s="12"/>
    </row>
    <row r="461055" spans="8:8">
      <c r="H461055" s="12"/>
    </row>
    <row r="461056" spans="8:8">
      <c r="H461056" s="12"/>
    </row>
    <row r="461057" spans="8:8">
      <c r="H461057" s="12"/>
    </row>
    <row r="461058" spans="8:8">
      <c r="H461058" s="12"/>
    </row>
    <row r="461059" spans="8:8">
      <c r="H461059" s="12"/>
    </row>
    <row r="461060" spans="8:8">
      <c r="H461060" s="12"/>
    </row>
    <row r="461061" spans="8:8">
      <c r="H461061" s="12"/>
    </row>
    <row r="461062" spans="8:8">
      <c r="H461062" s="12"/>
    </row>
    <row r="461063" spans="8:8">
      <c r="H461063" s="12"/>
    </row>
    <row r="461064" spans="8:8">
      <c r="H461064" s="12"/>
    </row>
    <row r="461065" spans="8:8">
      <c r="H461065" s="12"/>
    </row>
    <row r="461066" spans="8:8">
      <c r="H461066" s="12"/>
    </row>
    <row r="461067" spans="8:8">
      <c r="H461067" s="12"/>
    </row>
    <row r="461068" spans="8:8">
      <c r="H461068" s="12"/>
    </row>
    <row r="461069" spans="8:8">
      <c r="H461069" s="12"/>
    </row>
    <row r="461070" spans="8:8">
      <c r="H461070" s="12"/>
    </row>
    <row r="461071" spans="8:8">
      <c r="H461071" s="12"/>
    </row>
    <row r="461072" spans="8:8">
      <c r="H461072" s="12"/>
    </row>
    <row r="461073" spans="8:8">
      <c r="H461073" s="12"/>
    </row>
    <row r="461074" spans="8:8">
      <c r="H461074" s="12"/>
    </row>
    <row r="461075" spans="8:8">
      <c r="H461075" s="12"/>
    </row>
    <row r="461076" spans="8:8">
      <c r="H461076" s="12"/>
    </row>
    <row r="461077" spans="8:8">
      <c r="H461077" s="12"/>
    </row>
    <row r="461078" spans="8:8">
      <c r="H461078" s="12"/>
    </row>
    <row r="461079" spans="8:8">
      <c r="H461079" s="12"/>
    </row>
    <row r="461080" spans="8:8">
      <c r="H461080" s="12"/>
    </row>
    <row r="461081" spans="8:8">
      <c r="H461081" s="12"/>
    </row>
    <row r="461082" spans="8:8">
      <c r="H461082" s="12"/>
    </row>
    <row r="461083" spans="8:8">
      <c r="H461083" s="12"/>
    </row>
    <row r="461084" spans="8:8">
      <c r="H461084" s="12"/>
    </row>
    <row r="461085" spans="8:8">
      <c r="H461085" s="12"/>
    </row>
    <row r="461086" spans="8:8">
      <c r="H461086" s="12"/>
    </row>
    <row r="461087" spans="8:8">
      <c r="H461087" s="12"/>
    </row>
    <row r="461088" spans="8:8">
      <c r="H461088" s="12"/>
    </row>
    <row r="461089" spans="8:8">
      <c r="H461089" s="12"/>
    </row>
    <row r="461090" spans="8:8">
      <c r="H461090" s="12"/>
    </row>
    <row r="461091" spans="8:8">
      <c r="H461091" s="12"/>
    </row>
    <row r="461092" spans="8:8">
      <c r="H461092" s="12"/>
    </row>
    <row r="461093" spans="8:8">
      <c r="H461093" s="12"/>
    </row>
    <row r="461094" spans="8:8">
      <c r="H461094" s="12"/>
    </row>
    <row r="461095" spans="8:8">
      <c r="H461095" s="12"/>
    </row>
    <row r="461096" spans="8:8">
      <c r="H461096" s="12"/>
    </row>
    <row r="461097" spans="8:8">
      <c r="H461097" s="12"/>
    </row>
    <row r="461098" spans="8:8">
      <c r="H461098" s="12"/>
    </row>
    <row r="461099" spans="8:8">
      <c r="H461099" s="12"/>
    </row>
    <row r="461100" spans="8:8">
      <c r="H461100" s="12"/>
    </row>
    <row r="461101" spans="8:8">
      <c r="H461101" s="12"/>
    </row>
    <row r="461102" spans="8:8">
      <c r="H461102" s="12"/>
    </row>
    <row r="461103" spans="8:8">
      <c r="H461103" s="12"/>
    </row>
    <row r="461104" spans="8:8">
      <c r="H461104" s="12"/>
    </row>
    <row r="461105" spans="8:8">
      <c r="H461105" s="12"/>
    </row>
    <row r="461106" spans="8:8">
      <c r="H461106" s="12"/>
    </row>
    <row r="461107" spans="8:8">
      <c r="H461107" s="12"/>
    </row>
    <row r="461108" spans="8:8">
      <c r="H461108" s="12"/>
    </row>
    <row r="461109" spans="8:8">
      <c r="H461109" s="12"/>
    </row>
    <row r="461110" spans="8:8">
      <c r="H461110" s="12"/>
    </row>
    <row r="461111" spans="8:8">
      <c r="H461111" s="12"/>
    </row>
    <row r="461112" spans="8:8">
      <c r="H461112" s="12"/>
    </row>
    <row r="461113" spans="8:8">
      <c r="H461113" s="12"/>
    </row>
    <row r="461114" spans="8:8">
      <c r="H461114" s="12"/>
    </row>
    <row r="461115" spans="8:8">
      <c r="H461115" s="12"/>
    </row>
    <row r="461116" spans="8:8">
      <c r="H461116" s="12"/>
    </row>
    <row r="461117" spans="8:8">
      <c r="H461117" s="12"/>
    </row>
    <row r="461118" spans="8:8">
      <c r="H461118" s="12"/>
    </row>
    <row r="461119" spans="8:8">
      <c r="H461119" s="12"/>
    </row>
    <row r="461120" spans="8:8">
      <c r="H461120" s="12"/>
    </row>
    <row r="461121" spans="8:8">
      <c r="H461121" s="12"/>
    </row>
    <row r="461122" spans="8:8">
      <c r="H461122" s="12"/>
    </row>
    <row r="461123" spans="8:8">
      <c r="H461123" s="12"/>
    </row>
    <row r="461124" spans="8:8">
      <c r="H461124" s="12"/>
    </row>
    <row r="461125" spans="8:8">
      <c r="H461125" s="12"/>
    </row>
    <row r="461126" spans="8:8">
      <c r="H461126" s="12"/>
    </row>
    <row r="461127" spans="8:8">
      <c r="H461127" s="12"/>
    </row>
    <row r="461128" spans="8:8">
      <c r="H461128" s="12"/>
    </row>
    <row r="461129" spans="8:8">
      <c r="H461129" s="12"/>
    </row>
    <row r="461130" spans="8:8">
      <c r="H461130" s="12"/>
    </row>
    <row r="461131" spans="8:8">
      <c r="H461131" s="12"/>
    </row>
    <row r="461132" spans="8:8">
      <c r="H461132" s="12"/>
    </row>
    <row r="461133" spans="8:8">
      <c r="H461133" s="12"/>
    </row>
    <row r="461134" spans="8:8">
      <c r="H461134" s="12"/>
    </row>
    <row r="461135" spans="8:8">
      <c r="H461135" s="12"/>
    </row>
    <row r="461136" spans="8:8">
      <c r="H461136" s="12"/>
    </row>
    <row r="461137" spans="8:8">
      <c r="H461137" s="12"/>
    </row>
    <row r="461138" spans="8:8">
      <c r="H461138" s="12"/>
    </row>
    <row r="461139" spans="8:8">
      <c r="H461139" s="12"/>
    </row>
    <row r="461140" spans="8:8">
      <c r="H461140" s="12"/>
    </row>
    <row r="461141" spans="8:8">
      <c r="H461141" s="12"/>
    </row>
    <row r="461142" spans="8:8">
      <c r="H461142" s="12"/>
    </row>
    <row r="461143" spans="8:8">
      <c r="H461143" s="12"/>
    </row>
    <row r="461144" spans="8:8">
      <c r="H461144" s="12"/>
    </row>
    <row r="461145" spans="8:8">
      <c r="H461145" s="12"/>
    </row>
    <row r="461146" spans="8:8">
      <c r="H461146" s="12"/>
    </row>
    <row r="461147" spans="8:8">
      <c r="H461147" s="12"/>
    </row>
    <row r="461148" spans="8:8">
      <c r="H461148" s="12"/>
    </row>
    <row r="461149" spans="8:8">
      <c r="H461149" s="12"/>
    </row>
    <row r="461150" spans="8:8">
      <c r="H461150" s="12"/>
    </row>
    <row r="461151" spans="8:8">
      <c r="H461151" s="12"/>
    </row>
    <row r="461152" spans="8:8">
      <c r="H461152" s="12"/>
    </row>
    <row r="461153" spans="8:8">
      <c r="H461153" s="12"/>
    </row>
    <row r="461154" spans="8:8">
      <c r="H461154" s="12"/>
    </row>
    <row r="461155" spans="8:8">
      <c r="H461155" s="12"/>
    </row>
    <row r="461156" spans="8:8">
      <c r="H461156" s="12"/>
    </row>
    <row r="461157" spans="8:8">
      <c r="H461157" s="12"/>
    </row>
    <row r="461158" spans="8:8">
      <c r="H461158" s="12"/>
    </row>
    <row r="461159" spans="8:8">
      <c r="H461159" s="12"/>
    </row>
    <row r="461160" spans="8:8">
      <c r="H461160" s="12"/>
    </row>
    <row r="461161" spans="8:8">
      <c r="H461161" s="12"/>
    </row>
    <row r="461162" spans="8:8">
      <c r="H461162" s="12"/>
    </row>
    <row r="461163" spans="8:8">
      <c r="H461163" s="12"/>
    </row>
    <row r="461164" spans="8:8">
      <c r="H461164" s="12"/>
    </row>
    <row r="461165" spans="8:8">
      <c r="H461165" s="12"/>
    </row>
    <row r="461166" spans="8:8">
      <c r="H461166" s="12"/>
    </row>
    <row r="461167" spans="8:8">
      <c r="H461167" s="12"/>
    </row>
    <row r="461168" spans="8:8">
      <c r="H461168" s="12"/>
    </row>
    <row r="461169" spans="8:8">
      <c r="H461169" s="12"/>
    </row>
    <row r="461170" spans="8:8">
      <c r="H461170" s="12"/>
    </row>
    <row r="461171" spans="8:8">
      <c r="H461171" s="12"/>
    </row>
    <row r="461172" spans="8:8">
      <c r="H461172" s="12"/>
    </row>
    <row r="461173" spans="8:8">
      <c r="H461173" s="12"/>
    </row>
    <row r="461174" spans="8:8">
      <c r="H461174" s="12"/>
    </row>
    <row r="461175" spans="8:8">
      <c r="H461175" s="12"/>
    </row>
    <row r="461176" spans="8:8">
      <c r="H461176" s="12"/>
    </row>
    <row r="461177" spans="8:8">
      <c r="H461177" s="12"/>
    </row>
    <row r="461178" spans="8:8">
      <c r="H461178" s="12"/>
    </row>
    <row r="461179" spans="8:8">
      <c r="H461179" s="12"/>
    </row>
    <row r="461180" spans="8:8">
      <c r="H461180" s="12"/>
    </row>
    <row r="461181" spans="8:8">
      <c r="H461181" s="12"/>
    </row>
    <row r="461182" spans="8:8">
      <c r="H461182" s="12"/>
    </row>
    <row r="461183" spans="8:8">
      <c r="H461183" s="12"/>
    </row>
    <row r="461184" spans="8:8">
      <c r="H461184" s="12"/>
    </row>
    <row r="461185" spans="8:8">
      <c r="H461185" s="12"/>
    </row>
    <row r="461186" spans="8:8">
      <c r="H461186" s="12"/>
    </row>
    <row r="461187" spans="8:8">
      <c r="H461187" s="12"/>
    </row>
    <row r="461188" spans="8:8">
      <c r="H461188" s="12"/>
    </row>
    <row r="461189" spans="8:8">
      <c r="H461189" s="12"/>
    </row>
    <row r="461190" spans="8:8">
      <c r="H461190" s="12"/>
    </row>
    <row r="461191" spans="8:8">
      <c r="H461191" s="12"/>
    </row>
    <row r="461192" spans="8:8">
      <c r="H461192" s="12"/>
    </row>
    <row r="461193" spans="8:8">
      <c r="H461193" s="12"/>
    </row>
    <row r="461194" spans="8:8">
      <c r="H461194" s="12"/>
    </row>
    <row r="461195" spans="8:8">
      <c r="H461195" s="12"/>
    </row>
    <row r="461196" spans="8:8">
      <c r="H461196" s="12"/>
    </row>
    <row r="461197" spans="8:8">
      <c r="H461197" s="12"/>
    </row>
    <row r="461198" spans="8:8">
      <c r="H461198" s="12"/>
    </row>
    <row r="461199" spans="8:8">
      <c r="H461199" s="12"/>
    </row>
    <row r="461200" spans="8:8">
      <c r="H461200" s="12"/>
    </row>
    <row r="461201" spans="8:8">
      <c r="H461201" s="12"/>
    </row>
    <row r="461202" spans="8:8">
      <c r="H461202" s="12"/>
    </row>
    <row r="461203" spans="8:8">
      <c r="H461203" s="12"/>
    </row>
    <row r="461204" spans="8:8">
      <c r="H461204" s="12"/>
    </row>
    <row r="461205" spans="8:8">
      <c r="H461205" s="12"/>
    </row>
    <row r="461206" spans="8:8">
      <c r="H461206" s="12"/>
    </row>
    <row r="461207" spans="8:8">
      <c r="H461207" s="12"/>
    </row>
    <row r="461208" spans="8:8">
      <c r="H461208" s="12"/>
    </row>
    <row r="461209" spans="8:8">
      <c r="H461209" s="12"/>
    </row>
    <row r="461210" spans="8:8">
      <c r="H461210" s="12"/>
    </row>
    <row r="461211" spans="8:8">
      <c r="H461211" s="12"/>
    </row>
    <row r="461212" spans="8:8">
      <c r="H461212" s="12"/>
    </row>
    <row r="461213" spans="8:8">
      <c r="H461213" s="12"/>
    </row>
    <row r="461214" spans="8:8">
      <c r="H461214" s="12"/>
    </row>
    <row r="461215" spans="8:8">
      <c r="H461215" s="12"/>
    </row>
    <row r="461216" spans="8:8">
      <c r="H461216" s="12"/>
    </row>
    <row r="461217" spans="8:8">
      <c r="H461217" s="12"/>
    </row>
    <row r="461218" spans="8:8">
      <c r="H461218" s="12"/>
    </row>
    <row r="461219" spans="8:8">
      <c r="H461219" s="12"/>
    </row>
    <row r="461220" spans="8:8">
      <c r="H461220" s="12"/>
    </row>
    <row r="461221" spans="8:8">
      <c r="H461221" s="12"/>
    </row>
    <row r="461222" spans="8:8">
      <c r="H461222" s="12"/>
    </row>
    <row r="461223" spans="8:8">
      <c r="H461223" s="12"/>
    </row>
    <row r="461224" spans="8:8">
      <c r="H461224" s="12"/>
    </row>
    <row r="461225" spans="8:8">
      <c r="H461225" s="12"/>
    </row>
    <row r="461226" spans="8:8">
      <c r="H461226" s="12"/>
    </row>
    <row r="461227" spans="8:8">
      <c r="H461227" s="12"/>
    </row>
    <row r="461228" spans="8:8">
      <c r="H461228" s="12"/>
    </row>
    <row r="461229" spans="8:8">
      <c r="H461229" s="12"/>
    </row>
    <row r="461230" spans="8:8">
      <c r="H461230" s="12"/>
    </row>
    <row r="461231" spans="8:8">
      <c r="H461231" s="12"/>
    </row>
    <row r="461232" spans="8:8">
      <c r="H461232" s="12"/>
    </row>
    <row r="461233" spans="8:8">
      <c r="H461233" s="12"/>
    </row>
    <row r="461234" spans="8:8">
      <c r="H461234" s="12"/>
    </row>
    <row r="461235" spans="8:8">
      <c r="H461235" s="12"/>
    </row>
    <row r="461236" spans="8:8">
      <c r="H461236" s="12"/>
    </row>
    <row r="461237" spans="8:8">
      <c r="H461237" s="12"/>
    </row>
    <row r="461238" spans="8:8">
      <c r="H461238" s="12"/>
    </row>
    <row r="461239" spans="8:8">
      <c r="H461239" s="12"/>
    </row>
    <row r="461240" spans="8:8">
      <c r="H461240" s="12"/>
    </row>
    <row r="461241" spans="8:8">
      <c r="H461241" s="12"/>
    </row>
    <row r="461242" spans="8:8">
      <c r="H461242" s="12"/>
    </row>
    <row r="461243" spans="8:8">
      <c r="H461243" s="12"/>
    </row>
    <row r="461244" spans="8:8">
      <c r="H461244" s="12"/>
    </row>
    <row r="461245" spans="8:8">
      <c r="H461245" s="12"/>
    </row>
    <row r="461246" spans="8:8">
      <c r="H461246" s="12"/>
    </row>
    <row r="461247" spans="8:8">
      <c r="H461247" s="12"/>
    </row>
    <row r="461248" spans="8:8">
      <c r="H461248" s="12"/>
    </row>
    <row r="461249" spans="8:8">
      <c r="H461249" s="12"/>
    </row>
    <row r="461250" spans="8:8">
      <c r="H461250" s="12"/>
    </row>
    <row r="461251" spans="8:8">
      <c r="H461251" s="12"/>
    </row>
    <row r="461252" spans="8:8">
      <c r="H461252" s="12"/>
    </row>
    <row r="461253" spans="8:8">
      <c r="H461253" s="12"/>
    </row>
    <row r="461254" spans="8:8">
      <c r="H461254" s="12"/>
    </row>
    <row r="461255" spans="8:8">
      <c r="H461255" s="12"/>
    </row>
    <row r="461256" spans="8:8">
      <c r="H461256" s="12"/>
    </row>
    <row r="461257" spans="8:8">
      <c r="H461257" s="12"/>
    </row>
    <row r="461258" spans="8:8">
      <c r="H461258" s="12"/>
    </row>
    <row r="461259" spans="8:8">
      <c r="H461259" s="12"/>
    </row>
    <row r="461260" spans="8:8">
      <c r="H461260" s="12"/>
    </row>
    <row r="461261" spans="8:8">
      <c r="H461261" s="12"/>
    </row>
    <row r="461262" spans="8:8">
      <c r="H461262" s="12"/>
    </row>
    <row r="461263" spans="8:8">
      <c r="H461263" s="12"/>
    </row>
    <row r="461264" spans="8:8">
      <c r="H461264" s="12"/>
    </row>
    <row r="461265" spans="8:8">
      <c r="H461265" s="12"/>
    </row>
    <row r="461266" spans="8:8">
      <c r="H461266" s="12"/>
    </row>
    <row r="461267" spans="8:8">
      <c r="H461267" s="12"/>
    </row>
    <row r="461268" spans="8:8">
      <c r="H461268" s="12"/>
    </row>
    <row r="461269" spans="8:8">
      <c r="H461269" s="12"/>
    </row>
    <row r="461270" spans="8:8">
      <c r="H461270" s="12"/>
    </row>
    <row r="461271" spans="8:8">
      <c r="H461271" s="12"/>
    </row>
    <row r="461272" spans="8:8">
      <c r="H461272" s="12"/>
    </row>
    <row r="461273" spans="8:8">
      <c r="H461273" s="12"/>
    </row>
    <row r="461274" spans="8:8">
      <c r="H461274" s="12"/>
    </row>
    <row r="461275" spans="8:8">
      <c r="H461275" s="12"/>
    </row>
    <row r="461276" spans="8:8">
      <c r="H461276" s="12"/>
    </row>
    <row r="461277" spans="8:8">
      <c r="H461277" s="12"/>
    </row>
    <row r="461278" spans="8:8">
      <c r="H461278" s="12"/>
    </row>
    <row r="461279" spans="8:8">
      <c r="H461279" s="12"/>
    </row>
    <row r="461280" spans="8:8">
      <c r="H461280" s="12"/>
    </row>
    <row r="461281" spans="8:8">
      <c r="H461281" s="12"/>
    </row>
    <row r="461282" spans="8:8">
      <c r="H461282" s="12"/>
    </row>
    <row r="461283" spans="8:8">
      <c r="H461283" s="12"/>
    </row>
    <row r="461284" spans="8:8">
      <c r="H461284" s="12"/>
    </row>
    <row r="461285" spans="8:8">
      <c r="H461285" s="12"/>
    </row>
    <row r="461286" spans="8:8">
      <c r="H461286" s="12"/>
    </row>
    <row r="461287" spans="8:8">
      <c r="H461287" s="12"/>
    </row>
    <row r="461288" spans="8:8">
      <c r="H461288" s="12"/>
    </row>
    <row r="461289" spans="8:8">
      <c r="H461289" s="12"/>
    </row>
    <row r="461290" spans="8:8">
      <c r="H461290" s="12"/>
    </row>
    <row r="461291" spans="8:8">
      <c r="H461291" s="12"/>
    </row>
    <row r="461292" spans="8:8">
      <c r="H461292" s="12"/>
    </row>
    <row r="461293" spans="8:8">
      <c r="H461293" s="12"/>
    </row>
    <row r="461294" spans="8:8">
      <c r="H461294" s="12"/>
    </row>
    <row r="461295" spans="8:8">
      <c r="H461295" s="12"/>
    </row>
    <row r="461296" spans="8:8">
      <c r="H461296" s="12"/>
    </row>
    <row r="461297" spans="8:8">
      <c r="H461297" s="12"/>
    </row>
    <row r="461298" spans="8:8">
      <c r="H461298" s="12"/>
    </row>
    <row r="461299" spans="8:8">
      <c r="H461299" s="12"/>
    </row>
    <row r="461300" spans="8:8">
      <c r="H461300" s="12"/>
    </row>
    <row r="461301" spans="8:8">
      <c r="H461301" s="12"/>
    </row>
    <row r="461302" spans="8:8">
      <c r="H461302" s="12"/>
    </row>
    <row r="461303" spans="8:8">
      <c r="H461303" s="12"/>
    </row>
    <row r="461304" spans="8:8">
      <c r="H461304" s="12"/>
    </row>
    <row r="461305" spans="8:8">
      <c r="H461305" s="12"/>
    </row>
    <row r="461306" spans="8:8">
      <c r="H461306" s="12"/>
    </row>
    <row r="461307" spans="8:8">
      <c r="H461307" s="12"/>
    </row>
    <row r="461308" spans="8:8">
      <c r="H461308" s="12"/>
    </row>
    <row r="461309" spans="8:8">
      <c r="H461309" s="12"/>
    </row>
    <row r="461310" spans="8:8">
      <c r="H461310" s="12"/>
    </row>
    <row r="461311" spans="8:8">
      <c r="H461311" s="12"/>
    </row>
    <row r="461312" spans="8:8">
      <c r="H461312" s="12"/>
    </row>
    <row r="461313" spans="8:8">
      <c r="H461313" s="12"/>
    </row>
    <row r="461314" spans="8:8">
      <c r="H461314" s="12"/>
    </row>
    <row r="461315" spans="8:8">
      <c r="H461315" s="12"/>
    </row>
    <row r="461316" spans="8:8">
      <c r="H461316" s="12"/>
    </row>
    <row r="461317" spans="8:8">
      <c r="H461317" s="12"/>
    </row>
    <row r="461318" spans="8:8">
      <c r="H461318" s="12"/>
    </row>
    <row r="461319" spans="8:8">
      <c r="H461319" s="12"/>
    </row>
    <row r="461320" spans="8:8">
      <c r="H461320" s="12"/>
    </row>
    <row r="461321" spans="8:8">
      <c r="H461321" s="12"/>
    </row>
    <row r="461322" spans="8:8">
      <c r="H461322" s="12"/>
    </row>
    <row r="461323" spans="8:8">
      <c r="H461323" s="12"/>
    </row>
    <row r="461324" spans="8:8">
      <c r="H461324" s="12"/>
    </row>
    <row r="461325" spans="8:8">
      <c r="H461325" s="12"/>
    </row>
    <row r="461326" spans="8:8">
      <c r="H461326" s="12"/>
    </row>
    <row r="461327" spans="8:8">
      <c r="H461327" s="12"/>
    </row>
    <row r="461328" spans="8:8">
      <c r="H461328" s="12"/>
    </row>
    <row r="461329" spans="8:8">
      <c r="H461329" s="12"/>
    </row>
    <row r="461330" spans="8:8">
      <c r="H461330" s="12"/>
    </row>
    <row r="461331" spans="8:8">
      <c r="H461331" s="12"/>
    </row>
    <row r="461332" spans="8:8">
      <c r="H461332" s="12"/>
    </row>
    <row r="461333" spans="8:8">
      <c r="H461333" s="12"/>
    </row>
    <row r="461334" spans="8:8">
      <c r="H461334" s="12"/>
    </row>
    <row r="461335" spans="8:8">
      <c r="H461335" s="12"/>
    </row>
    <row r="461336" spans="8:8">
      <c r="H461336" s="12"/>
    </row>
    <row r="461337" spans="8:8">
      <c r="H461337" s="12"/>
    </row>
    <row r="461338" spans="8:8">
      <c r="H461338" s="12"/>
    </row>
    <row r="461339" spans="8:8">
      <c r="H461339" s="12"/>
    </row>
    <row r="461340" spans="8:8">
      <c r="H461340" s="12"/>
    </row>
    <row r="461341" spans="8:8">
      <c r="H461341" s="12"/>
    </row>
    <row r="461342" spans="8:8">
      <c r="H461342" s="12"/>
    </row>
    <row r="461343" spans="8:8">
      <c r="H461343" s="12"/>
    </row>
    <row r="461344" spans="8:8">
      <c r="H461344" s="12"/>
    </row>
    <row r="461345" spans="8:8">
      <c r="H461345" s="12"/>
    </row>
    <row r="461346" spans="8:8">
      <c r="H461346" s="12"/>
    </row>
    <row r="461347" spans="8:8">
      <c r="H461347" s="12"/>
    </row>
    <row r="461348" spans="8:8">
      <c r="H461348" s="12"/>
    </row>
    <row r="461349" spans="8:8">
      <c r="H461349" s="12"/>
    </row>
    <row r="461350" spans="8:8">
      <c r="H461350" s="12"/>
    </row>
    <row r="461351" spans="8:8">
      <c r="H461351" s="12"/>
    </row>
    <row r="461352" spans="8:8">
      <c r="H461352" s="12"/>
    </row>
    <row r="461353" spans="8:8">
      <c r="H461353" s="12"/>
    </row>
    <row r="461354" spans="8:8">
      <c r="H461354" s="12"/>
    </row>
    <row r="461355" spans="8:8">
      <c r="H461355" s="12"/>
    </row>
    <row r="461356" spans="8:8">
      <c r="H461356" s="12"/>
    </row>
    <row r="461357" spans="8:8">
      <c r="H461357" s="12"/>
    </row>
    <row r="461358" spans="8:8">
      <c r="H461358" s="12"/>
    </row>
    <row r="461359" spans="8:8">
      <c r="H461359" s="12"/>
    </row>
    <row r="461360" spans="8:8">
      <c r="H461360" s="12"/>
    </row>
    <row r="461361" spans="8:8">
      <c r="H461361" s="12"/>
    </row>
    <row r="461362" spans="8:8">
      <c r="H461362" s="12"/>
    </row>
    <row r="461363" spans="8:8">
      <c r="H461363" s="12"/>
    </row>
    <row r="461364" spans="8:8">
      <c r="H461364" s="12"/>
    </row>
    <row r="461365" spans="8:8">
      <c r="H461365" s="12"/>
    </row>
    <row r="461366" spans="8:8">
      <c r="H461366" s="12"/>
    </row>
    <row r="461367" spans="8:8">
      <c r="H461367" s="12"/>
    </row>
    <row r="461368" spans="8:8">
      <c r="H461368" s="12"/>
    </row>
    <row r="461369" spans="8:8">
      <c r="H461369" s="12"/>
    </row>
    <row r="461370" spans="8:8">
      <c r="H461370" s="12"/>
    </row>
    <row r="461371" spans="8:8">
      <c r="H461371" s="12"/>
    </row>
    <row r="461372" spans="8:8">
      <c r="H461372" s="12"/>
    </row>
    <row r="461373" spans="8:8">
      <c r="H461373" s="12"/>
    </row>
    <row r="461374" spans="8:8">
      <c r="H461374" s="12"/>
    </row>
    <row r="461375" spans="8:8">
      <c r="H461375" s="12"/>
    </row>
    <row r="461376" spans="8:8">
      <c r="H461376" s="12"/>
    </row>
    <row r="461377" spans="8:8">
      <c r="H461377" s="12"/>
    </row>
    <row r="461378" spans="8:8">
      <c r="H461378" s="12"/>
    </row>
    <row r="461379" spans="8:8">
      <c r="H461379" s="12"/>
    </row>
    <row r="461380" spans="8:8">
      <c r="H461380" s="12"/>
    </row>
    <row r="461381" spans="8:8">
      <c r="H461381" s="12"/>
    </row>
    <row r="461382" spans="8:8">
      <c r="H461382" s="12"/>
    </row>
    <row r="461383" spans="8:8">
      <c r="H461383" s="12"/>
    </row>
    <row r="461384" spans="8:8">
      <c r="H461384" s="12"/>
    </row>
    <row r="461385" spans="8:8">
      <c r="H461385" s="12"/>
    </row>
    <row r="461386" spans="8:8">
      <c r="H461386" s="12"/>
    </row>
    <row r="461387" spans="8:8">
      <c r="H461387" s="12"/>
    </row>
    <row r="461388" spans="8:8">
      <c r="H461388" s="12"/>
    </row>
    <row r="461389" spans="8:8">
      <c r="H461389" s="12"/>
    </row>
    <row r="461390" spans="8:8">
      <c r="H461390" s="12"/>
    </row>
    <row r="461391" spans="8:8">
      <c r="H461391" s="12"/>
    </row>
    <row r="461392" spans="8:8">
      <c r="H461392" s="12"/>
    </row>
    <row r="461393" spans="8:8">
      <c r="H461393" s="12"/>
    </row>
    <row r="461394" spans="8:8">
      <c r="H461394" s="12"/>
    </row>
    <row r="461395" spans="8:8">
      <c r="H461395" s="12"/>
    </row>
    <row r="461396" spans="8:8">
      <c r="H461396" s="12"/>
    </row>
    <row r="461397" spans="8:8">
      <c r="H461397" s="12"/>
    </row>
    <row r="461398" spans="8:8">
      <c r="H461398" s="12"/>
    </row>
    <row r="461399" spans="8:8">
      <c r="H461399" s="12"/>
    </row>
    <row r="461400" spans="8:8">
      <c r="H461400" s="12"/>
    </row>
    <row r="461401" spans="8:8">
      <c r="H461401" s="12"/>
    </row>
    <row r="461402" spans="8:8">
      <c r="H461402" s="12"/>
    </row>
    <row r="461403" spans="8:8">
      <c r="H461403" s="12"/>
    </row>
    <row r="461404" spans="8:8">
      <c r="H461404" s="12"/>
    </row>
    <row r="461405" spans="8:8">
      <c r="H461405" s="12"/>
    </row>
    <row r="461406" spans="8:8">
      <c r="H461406" s="12"/>
    </row>
    <row r="461407" spans="8:8">
      <c r="H461407" s="12"/>
    </row>
    <row r="461408" spans="8:8">
      <c r="H461408" s="12"/>
    </row>
    <row r="461409" spans="8:8">
      <c r="H461409" s="12"/>
    </row>
    <row r="461410" spans="8:8">
      <c r="H461410" s="12"/>
    </row>
    <row r="461411" spans="8:8">
      <c r="H461411" s="12"/>
    </row>
    <row r="461412" spans="8:8">
      <c r="H461412" s="12"/>
    </row>
    <row r="461413" spans="8:8">
      <c r="H461413" s="12"/>
    </row>
    <row r="461414" spans="8:8">
      <c r="H461414" s="12"/>
    </row>
    <row r="461415" spans="8:8">
      <c r="H461415" s="12"/>
    </row>
    <row r="461416" spans="8:8">
      <c r="H461416" s="12"/>
    </row>
    <row r="461417" spans="8:8">
      <c r="H461417" s="12"/>
    </row>
    <row r="461418" spans="8:8">
      <c r="H461418" s="12"/>
    </row>
    <row r="461419" spans="8:8">
      <c r="H461419" s="12"/>
    </row>
    <row r="461420" spans="8:8">
      <c r="H461420" s="12"/>
    </row>
    <row r="461421" spans="8:8">
      <c r="H461421" s="12"/>
    </row>
    <row r="461422" spans="8:8">
      <c r="H461422" s="12"/>
    </row>
    <row r="461423" spans="8:8">
      <c r="H461423" s="12"/>
    </row>
    <row r="461424" spans="8:8">
      <c r="H461424" s="12"/>
    </row>
    <row r="461425" spans="8:8">
      <c r="H461425" s="12"/>
    </row>
    <row r="461426" spans="8:8">
      <c r="H461426" s="12"/>
    </row>
    <row r="461427" spans="8:8">
      <c r="H461427" s="12"/>
    </row>
    <row r="461428" spans="8:8">
      <c r="H461428" s="12"/>
    </row>
    <row r="461429" spans="8:8">
      <c r="H461429" s="12"/>
    </row>
    <row r="461430" spans="8:8">
      <c r="H461430" s="12"/>
    </row>
    <row r="461431" spans="8:8">
      <c r="H461431" s="12"/>
    </row>
    <row r="461432" spans="8:8">
      <c r="H461432" s="12"/>
    </row>
    <row r="461433" spans="8:8">
      <c r="H461433" s="12"/>
    </row>
    <row r="461434" spans="8:8">
      <c r="H461434" s="12"/>
    </row>
    <row r="461435" spans="8:8">
      <c r="H461435" s="12"/>
    </row>
    <row r="461436" spans="8:8">
      <c r="H461436" s="12"/>
    </row>
    <row r="461437" spans="8:8">
      <c r="H461437" s="12"/>
    </row>
    <row r="461438" spans="8:8">
      <c r="H461438" s="12"/>
    </row>
    <row r="461439" spans="8:8">
      <c r="H461439" s="12"/>
    </row>
    <row r="461440" spans="8:8">
      <c r="H461440" s="12"/>
    </row>
    <row r="461441" spans="8:8">
      <c r="H461441" s="12"/>
    </row>
    <row r="461442" spans="8:8">
      <c r="H461442" s="12"/>
    </row>
    <row r="461443" spans="8:8">
      <c r="H461443" s="12"/>
    </row>
    <row r="461444" spans="8:8">
      <c r="H461444" s="12"/>
    </row>
    <row r="461445" spans="8:8">
      <c r="H461445" s="12"/>
    </row>
    <row r="461446" spans="8:8">
      <c r="H461446" s="12"/>
    </row>
    <row r="461447" spans="8:8">
      <c r="H461447" s="12"/>
    </row>
    <row r="461448" spans="8:8">
      <c r="H461448" s="12"/>
    </row>
    <row r="461449" spans="8:8">
      <c r="H461449" s="12"/>
    </row>
    <row r="461450" spans="8:8">
      <c r="H461450" s="12"/>
    </row>
    <row r="461451" spans="8:8">
      <c r="H461451" s="12"/>
    </row>
    <row r="461452" spans="8:8">
      <c r="H461452" s="12"/>
    </row>
    <row r="461453" spans="8:8">
      <c r="H461453" s="12"/>
    </row>
    <row r="461454" spans="8:8">
      <c r="H461454" s="12"/>
    </row>
    <row r="461455" spans="8:8">
      <c r="H461455" s="12"/>
    </row>
    <row r="461456" spans="8:8">
      <c r="H461456" s="12"/>
    </row>
    <row r="461457" spans="8:8">
      <c r="H461457" s="12"/>
    </row>
    <row r="461458" spans="8:8">
      <c r="H461458" s="12"/>
    </row>
    <row r="461459" spans="8:8">
      <c r="H461459" s="12"/>
    </row>
    <row r="461460" spans="8:8">
      <c r="H461460" s="12"/>
    </row>
    <row r="461461" spans="8:8">
      <c r="H461461" s="12"/>
    </row>
    <row r="461462" spans="8:8">
      <c r="H461462" s="12"/>
    </row>
    <row r="461463" spans="8:8">
      <c r="H461463" s="12"/>
    </row>
    <row r="461464" spans="8:8">
      <c r="H461464" s="12"/>
    </row>
    <row r="461465" spans="8:8">
      <c r="H461465" s="12"/>
    </row>
    <row r="461466" spans="8:8">
      <c r="H461466" s="12"/>
    </row>
    <row r="461467" spans="8:8">
      <c r="H461467" s="12"/>
    </row>
    <row r="461468" spans="8:8">
      <c r="H461468" s="12"/>
    </row>
    <row r="461469" spans="8:8">
      <c r="H461469" s="12"/>
    </row>
    <row r="461470" spans="8:8">
      <c r="H461470" s="12"/>
    </row>
    <row r="461471" spans="8:8">
      <c r="H461471" s="12"/>
    </row>
    <row r="461472" spans="8:8">
      <c r="H461472" s="12"/>
    </row>
    <row r="461473" spans="8:8">
      <c r="H461473" s="12"/>
    </row>
    <row r="461474" spans="8:8">
      <c r="H461474" s="12"/>
    </row>
    <row r="461475" spans="8:8">
      <c r="H461475" s="12"/>
    </row>
    <row r="461476" spans="8:8">
      <c r="H461476" s="12"/>
    </row>
    <row r="461477" spans="8:8">
      <c r="H461477" s="12"/>
    </row>
    <row r="461478" spans="8:8">
      <c r="H461478" s="12"/>
    </row>
    <row r="461479" spans="8:8">
      <c r="H461479" s="12"/>
    </row>
    <row r="461480" spans="8:8">
      <c r="H461480" s="12"/>
    </row>
    <row r="461481" spans="8:8">
      <c r="H461481" s="12"/>
    </row>
    <row r="461482" spans="8:8">
      <c r="H461482" s="12"/>
    </row>
    <row r="461483" spans="8:8">
      <c r="H461483" s="12"/>
    </row>
    <row r="461484" spans="8:8">
      <c r="H461484" s="12"/>
    </row>
    <row r="461485" spans="8:8">
      <c r="H461485" s="12"/>
    </row>
    <row r="461486" spans="8:8">
      <c r="H461486" s="12"/>
    </row>
    <row r="461487" spans="8:8">
      <c r="H461487" s="12"/>
    </row>
    <row r="461488" spans="8:8">
      <c r="H461488" s="12"/>
    </row>
    <row r="461489" spans="8:8">
      <c r="H461489" s="12"/>
    </row>
    <row r="461490" spans="8:8">
      <c r="H461490" s="12"/>
    </row>
    <row r="461491" spans="8:8">
      <c r="H461491" s="12"/>
    </row>
    <row r="461492" spans="8:8">
      <c r="H461492" s="12"/>
    </row>
    <row r="461493" spans="8:8">
      <c r="H461493" s="12"/>
    </row>
    <row r="461494" spans="8:8">
      <c r="H461494" s="12"/>
    </row>
    <row r="461495" spans="8:8">
      <c r="H461495" s="12"/>
    </row>
    <row r="461496" spans="8:8">
      <c r="H461496" s="12"/>
    </row>
    <row r="461497" spans="8:8">
      <c r="H461497" s="12"/>
    </row>
    <row r="461498" spans="8:8">
      <c r="H461498" s="12"/>
    </row>
    <row r="461499" spans="8:8">
      <c r="H461499" s="12"/>
    </row>
    <row r="461500" spans="8:8">
      <c r="H461500" s="12"/>
    </row>
    <row r="461501" spans="8:8">
      <c r="H461501" s="12"/>
    </row>
    <row r="461502" spans="8:8">
      <c r="H461502" s="12"/>
    </row>
    <row r="461503" spans="8:8">
      <c r="H461503" s="12"/>
    </row>
    <row r="461504" spans="8:8">
      <c r="H461504" s="12"/>
    </row>
    <row r="461505" spans="8:8">
      <c r="H461505" s="12"/>
    </row>
    <row r="461506" spans="8:8">
      <c r="H461506" s="12"/>
    </row>
    <row r="461507" spans="8:8">
      <c r="H461507" s="12"/>
    </row>
    <row r="461508" spans="8:8">
      <c r="H461508" s="12"/>
    </row>
    <row r="461509" spans="8:8">
      <c r="H461509" s="12"/>
    </row>
    <row r="461510" spans="8:8">
      <c r="H461510" s="12"/>
    </row>
    <row r="461511" spans="8:8">
      <c r="H461511" s="12"/>
    </row>
    <row r="461512" spans="8:8">
      <c r="H461512" s="12"/>
    </row>
    <row r="461513" spans="8:8">
      <c r="H461513" s="12"/>
    </row>
    <row r="461514" spans="8:8">
      <c r="H461514" s="12"/>
    </row>
    <row r="461515" spans="8:8">
      <c r="H461515" s="12"/>
    </row>
    <row r="461516" spans="8:8">
      <c r="H461516" s="12"/>
    </row>
    <row r="461517" spans="8:8">
      <c r="H461517" s="12"/>
    </row>
    <row r="461518" spans="8:8">
      <c r="H461518" s="12"/>
    </row>
    <row r="461519" spans="8:8">
      <c r="H461519" s="12"/>
    </row>
    <row r="461520" spans="8:8">
      <c r="H461520" s="12"/>
    </row>
    <row r="461521" spans="8:8">
      <c r="H461521" s="12"/>
    </row>
    <row r="461522" spans="8:8">
      <c r="H461522" s="12"/>
    </row>
    <row r="461523" spans="8:8">
      <c r="H461523" s="12"/>
    </row>
    <row r="461524" spans="8:8">
      <c r="H461524" s="12"/>
    </row>
    <row r="461525" spans="8:8">
      <c r="H461525" s="12"/>
    </row>
    <row r="461526" spans="8:8">
      <c r="H461526" s="12"/>
    </row>
    <row r="461527" spans="8:8">
      <c r="H461527" s="12"/>
    </row>
    <row r="461528" spans="8:8">
      <c r="H461528" s="12"/>
    </row>
    <row r="461529" spans="8:8">
      <c r="H461529" s="12"/>
    </row>
    <row r="461530" spans="8:8">
      <c r="H461530" s="12"/>
    </row>
    <row r="461531" spans="8:8">
      <c r="H461531" s="12"/>
    </row>
    <row r="461532" spans="8:8">
      <c r="H461532" s="12"/>
    </row>
    <row r="461533" spans="8:8">
      <c r="H461533" s="12"/>
    </row>
    <row r="461534" spans="8:8">
      <c r="H461534" s="12"/>
    </row>
    <row r="461535" spans="8:8">
      <c r="H461535" s="12"/>
    </row>
    <row r="461536" spans="8:8">
      <c r="H461536" s="12"/>
    </row>
    <row r="461537" spans="8:8">
      <c r="H461537" s="12"/>
    </row>
    <row r="461538" spans="8:8">
      <c r="H461538" s="12"/>
    </row>
    <row r="461539" spans="8:8">
      <c r="H461539" s="12"/>
    </row>
    <row r="461540" spans="8:8">
      <c r="H461540" s="12"/>
    </row>
    <row r="461541" spans="8:8">
      <c r="H461541" s="12"/>
    </row>
    <row r="461542" spans="8:8">
      <c r="H461542" s="12"/>
    </row>
    <row r="461543" spans="8:8">
      <c r="H461543" s="12"/>
    </row>
    <row r="461544" spans="8:8">
      <c r="H461544" s="12"/>
    </row>
    <row r="461545" spans="8:8">
      <c r="H461545" s="12"/>
    </row>
    <row r="461546" spans="8:8">
      <c r="H461546" s="12"/>
    </row>
    <row r="461547" spans="8:8">
      <c r="H461547" s="12"/>
    </row>
    <row r="461548" spans="8:8">
      <c r="H461548" s="12"/>
    </row>
    <row r="461549" spans="8:8">
      <c r="H461549" s="12"/>
    </row>
    <row r="461550" spans="8:8">
      <c r="H461550" s="12"/>
    </row>
    <row r="461551" spans="8:8">
      <c r="H461551" s="12"/>
    </row>
    <row r="461552" spans="8:8">
      <c r="H461552" s="12"/>
    </row>
    <row r="461553" spans="8:8">
      <c r="H461553" s="12"/>
    </row>
    <row r="461554" spans="8:8">
      <c r="H461554" s="12"/>
    </row>
    <row r="461555" spans="8:8">
      <c r="H461555" s="12"/>
    </row>
    <row r="461556" spans="8:8">
      <c r="H461556" s="12"/>
    </row>
    <row r="461557" spans="8:8">
      <c r="H461557" s="12"/>
    </row>
    <row r="461558" spans="8:8">
      <c r="H461558" s="12"/>
    </row>
    <row r="461559" spans="8:8">
      <c r="H461559" s="12"/>
    </row>
    <row r="461560" spans="8:8">
      <c r="H461560" s="12"/>
    </row>
    <row r="461561" spans="8:8">
      <c r="H461561" s="12"/>
    </row>
    <row r="461562" spans="8:8">
      <c r="H461562" s="12"/>
    </row>
    <row r="461563" spans="8:8">
      <c r="H461563" s="12"/>
    </row>
    <row r="461564" spans="8:8">
      <c r="H461564" s="12"/>
    </row>
    <row r="461565" spans="8:8">
      <c r="H461565" s="12"/>
    </row>
    <row r="461566" spans="8:8">
      <c r="H461566" s="12"/>
    </row>
    <row r="461567" spans="8:8">
      <c r="H461567" s="12"/>
    </row>
    <row r="461568" spans="8:8">
      <c r="H461568" s="12"/>
    </row>
    <row r="461569" spans="8:8">
      <c r="H461569" s="12"/>
    </row>
    <row r="461570" spans="8:8">
      <c r="H461570" s="12"/>
    </row>
    <row r="461571" spans="8:8">
      <c r="H461571" s="12"/>
    </row>
    <row r="461572" spans="8:8">
      <c r="H461572" s="12"/>
    </row>
    <row r="461573" spans="8:8">
      <c r="H461573" s="12"/>
    </row>
    <row r="461574" spans="8:8">
      <c r="H461574" s="12"/>
    </row>
    <row r="461575" spans="8:8">
      <c r="H461575" s="12"/>
    </row>
    <row r="461576" spans="8:8">
      <c r="H461576" s="12"/>
    </row>
    <row r="461577" spans="8:8">
      <c r="H461577" s="12"/>
    </row>
    <row r="461578" spans="8:8">
      <c r="H461578" s="12"/>
    </row>
    <row r="461579" spans="8:8">
      <c r="H461579" s="12"/>
    </row>
    <row r="461580" spans="8:8">
      <c r="H461580" s="12"/>
    </row>
    <row r="461581" spans="8:8">
      <c r="H461581" s="12"/>
    </row>
    <row r="461582" spans="8:8">
      <c r="H461582" s="12"/>
    </row>
    <row r="461583" spans="8:8">
      <c r="H461583" s="12"/>
    </row>
    <row r="461584" spans="8:8">
      <c r="H461584" s="12"/>
    </row>
    <row r="461585" spans="8:8">
      <c r="H461585" s="12"/>
    </row>
    <row r="461586" spans="8:8">
      <c r="H461586" s="12"/>
    </row>
    <row r="461587" spans="8:8">
      <c r="H461587" s="12"/>
    </row>
    <row r="461588" spans="8:8">
      <c r="H461588" s="12"/>
    </row>
    <row r="461589" spans="8:8">
      <c r="H461589" s="12"/>
    </row>
    <row r="461590" spans="8:8">
      <c r="H461590" s="12"/>
    </row>
    <row r="461591" spans="8:8">
      <c r="H461591" s="12"/>
    </row>
    <row r="461592" spans="8:8">
      <c r="H461592" s="12"/>
    </row>
    <row r="461593" spans="8:8">
      <c r="H461593" s="12"/>
    </row>
    <row r="461594" spans="8:8">
      <c r="H461594" s="12"/>
    </row>
    <row r="461595" spans="8:8">
      <c r="H461595" s="12"/>
    </row>
    <row r="461596" spans="8:8">
      <c r="H461596" s="12"/>
    </row>
    <row r="461597" spans="8:8">
      <c r="H461597" s="12"/>
    </row>
    <row r="461598" spans="8:8">
      <c r="H461598" s="12"/>
    </row>
    <row r="461599" spans="8:8">
      <c r="H461599" s="12"/>
    </row>
    <row r="461600" spans="8:8">
      <c r="H461600" s="12"/>
    </row>
    <row r="461601" spans="8:8">
      <c r="H461601" s="12"/>
    </row>
    <row r="461602" spans="8:8">
      <c r="H461602" s="12"/>
    </row>
    <row r="461603" spans="8:8">
      <c r="H461603" s="12"/>
    </row>
    <row r="461604" spans="8:8">
      <c r="H461604" s="12"/>
    </row>
    <row r="461605" spans="8:8">
      <c r="H461605" s="12"/>
    </row>
    <row r="461606" spans="8:8">
      <c r="H461606" s="12"/>
    </row>
    <row r="461607" spans="8:8">
      <c r="H461607" s="12"/>
    </row>
    <row r="461608" spans="8:8">
      <c r="H461608" s="12"/>
    </row>
    <row r="461609" spans="8:8">
      <c r="H461609" s="12"/>
    </row>
    <row r="461610" spans="8:8">
      <c r="H461610" s="12"/>
    </row>
    <row r="461611" spans="8:8">
      <c r="H461611" s="12"/>
    </row>
    <row r="461612" spans="8:8">
      <c r="H461612" s="12"/>
    </row>
    <row r="461613" spans="8:8">
      <c r="H461613" s="12"/>
    </row>
    <row r="461614" spans="8:8">
      <c r="H461614" s="12"/>
    </row>
    <row r="461615" spans="8:8">
      <c r="H461615" s="12"/>
    </row>
    <row r="461616" spans="8:8">
      <c r="H461616" s="12"/>
    </row>
    <row r="461617" spans="8:8">
      <c r="H461617" s="12"/>
    </row>
    <row r="461618" spans="8:8">
      <c r="H461618" s="12"/>
    </row>
    <row r="461619" spans="8:8">
      <c r="H461619" s="12"/>
    </row>
    <row r="461620" spans="8:8">
      <c r="H461620" s="12"/>
    </row>
    <row r="461621" spans="8:8">
      <c r="H461621" s="12"/>
    </row>
    <row r="461622" spans="8:8">
      <c r="H461622" s="12"/>
    </row>
    <row r="461623" spans="8:8">
      <c r="H461623" s="12"/>
    </row>
    <row r="461624" spans="8:8">
      <c r="H461624" s="12"/>
    </row>
    <row r="461625" spans="8:8">
      <c r="H461625" s="12"/>
    </row>
    <row r="461626" spans="8:8">
      <c r="H461626" s="12"/>
    </row>
    <row r="461627" spans="8:8">
      <c r="H461627" s="12"/>
    </row>
    <row r="461628" spans="8:8">
      <c r="H461628" s="12"/>
    </row>
    <row r="461629" spans="8:8">
      <c r="H461629" s="12"/>
    </row>
    <row r="461630" spans="8:8">
      <c r="H461630" s="12"/>
    </row>
    <row r="461631" spans="8:8">
      <c r="H461631" s="12"/>
    </row>
    <row r="461632" spans="8:8">
      <c r="H461632" s="12"/>
    </row>
    <row r="461633" spans="8:8">
      <c r="H461633" s="12"/>
    </row>
    <row r="461634" spans="8:8">
      <c r="H461634" s="12"/>
    </row>
    <row r="461635" spans="8:8">
      <c r="H461635" s="12"/>
    </row>
    <row r="461636" spans="8:8">
      <c r="H461636" s="12"/>
    </row>
    <row r="461637" spans="8:8">
      <c r="H461637" s="12"/>
    </row>
    <row r="461638" spans="8:8">
      <c r="H461638" s="12"/>
    </row>
    <row r="461639" spans="8:8">
      <c r="H461639" s="12"/>
    </row>
    <row r="461640" spans="8:8">
      <c r="H461640" s="12"/>
    </row>
    <row r="461641" spans="8:8">
      <c r="H461641" s="12"/>
    </row>
    <row r="461642" spans="8:8">
      <c r="H461642" s="12"/>
    </row>
    <row r="461643" spans="8:8">
      <c r="H461643" s="12"/>
    </row>
    <row r="461644" spans="8:8">
      <c r="H461644" s="12"/>
    </row>
    <row r="461645" spans="8:8">
      <c r="H461645" s="12"/>
    </row>
    <row r="461646" spans="8:8">
      <c r="H461646" s="12"/>
    </row>
    <row r="461647" spans="8:8">
      <c r="H461647" s="12"/>
    </row>
    <row r="461648" spans="8:8">
      <c r="H461648" s="12"/>
    </row>
    <row r="461649" spans="8:8">
      <c r="H461649" s="12"/>
    </row>
    <row r="461650" spans="8:8">
      <c r="H461650" s="12"/>
    </row>
    <row r="461651" spans="8:8">
      <c r="H461651" s="12"/>
    </row>
    <row r="461652" spans="8:8">
      <c r="H461652" s="12"/>
    </row>
    <row r="461653" spans="8:8">
      <c r="H461653" s="12"/>
    </row>
    <row r="461654" spans="8:8">
      <c r="H461654" s="12"/>
    </row>
    <row r="461655" spans="8:8">
      <c r="H461655" s="12"/>
    </row>
    <row r="461656" spans="8:8">
      <c r="H461656" s="12"/>
    </row>
    <row r="461657" spans="8:8">
      <c r="H461657" s="12"/>
    </row>
    <row r="461658" spans="8:8">
      <c r="H461658" s="12"/>
    </row>
    <row r="461659" spans="8:8">
      <c r="H461659" s="12"/>
    </row>
    <row r="461660" spans="8:8">
      <c r="H461660" s="12"/>
    </row>
    <row r="461661" spans="8:8">
      <c r="H461661" s="12"/>
    </row>
    <row r="461662" spans="8:8">
      <c r="H461662" s="12"/>
    </row>
    <row r="461663" spans="8:8">
      <c r="H461663" s="12"/>
    </row>
    <row r="461664" spans="8:8">
      <c r="H461664" s="12"/>
    </row>
    <row r="461665" spans="8:8">
      <c r="H461665" s="12"/>
    </row>
    <row r="461666" spans="8:8">
      <c r="H461666" s="12"/>
    </row>
    <row r="461667" spans="8:8">
      <c r="H461667" s="12"/>
    </row>
    <row r="461668" spans="8:8">
      <c r="H461668" s="12"/>
    </row>
    <row r="461669" spans="8:8">
      <c r="H461669" s="12"/>
    </row>
    <row r="461670" spans="8:8">
      <c r="H461670" s="12"/>
    </row>
    <row r="461671" spans="8:8">
      <c r="H461671" s="12"/>
    </row>
    <row r="461672" spans="8:8">
      <c r="H461672" s="12"/>
    </row>
    <row r="461673" spans="8:8">
      <c r="H461673" s="12"/>
    </row>
    <row r="461674" spans="8:8">
      <c r="H461674" s="12"/>
    </row>
    <row r="461675" spans="8:8">
      <c r="H461675" s="12"/>
    </row>
    <row r="461676" spans="8:8">
      <c r="H461676" s="12"/>
    </row>
    <row r="461677" spans="8:8">
      <c r="H461677" s="12"/>
    </row>
    <row r="461678" spans="8:8">
      <c r="H461678" s="12"/>
    </row>
    <row r="461679" spans="8:8">
      <c r="H461679" s="12"/>
    </row>
    <row r="461680" spans="8:8">
      <c r="H461680" s="12"/>
    </row>
    <row r="461681" spans="8:8">
      <c r="H461681" s="12"/>
    </row>
    <row r="461682" spans="8:8">
      <c r="H461682" s="12"/>
    </row>
    <row r="461683" spans="8:8">
      <c r="H461683" s="12"/>
    </row>
    <row r="461684" spans="8:8">
      <c r="H461684" s="12"/>
    </row>
    <row r="461685" spans="8:8">
      <c r="H461685" s="12"/>
    </row>
    <row r="461686" spans="8:8">
      <c r="H461686" s="12"/>
    </row>
    <row r="461687" spans="8:8">
      <c r="H461687" s="12"/>
    </row>
    <row r="461688" spans="8:8">
      <c r="H461688" s="12"/>
    </row>
    <row r="461689" spans="8:8">
      <c r="H461689" s="12"/>
    </row>
    <row r="461690" spans="8:8">
      <c r="H461690" s="12"/>
    </row>
    <row r="461691" spans="8:8">
      <c r="H461691" s="12"/>
    </row>
    <row r="461692" spans="8:8">
      <c r="H461692" s="12"/>
    </row>
    <row r="461693" spans="8:8">
      <c r="H461693" s="12"/>
    </row>
    <row r="461694" spans="8:8">
      <c r="H461694" s="12"/>
    </row>
    <row r="461695" spans="8:8">
      <c r="H461695" s="12"/>
    </row>
    <row r="461696" spans="8:8">
      <c r="H461696" s="12"/>
    </row>
    <row r="461697" spans="8:8">
      <c r="H461697" s="12"/>
    </row>
    <row r="461698" spans="8:8">
      <c r="H461698" s="12"/>
    </row>
    <row r="461699" spans="8:8">
      <c r="H461699" s="12"/>
    </row>
    <row r="461700" spans="8:8">
      <c r="H461700" s="12"/>
    </row>
    <row r="461701" spans="8:8">
      <c r="H461701" s="12"/>
    </row>
    <row r="461702" spans="8:8">
      <c r="H461702" s="12"/>
    </row>
    <row r="461703" spans="8:8">
      <c r="H461703" s="12"/>
    </row>
    <row r="461704" spans="8:8">
      <c r="H461704" s="12"/>
    </row>
    <row r="461705" spans="8:8">
      <c r="H461705" s="12"/>
    </row>
    <row r="461706" spans="8:8">
      <c r="H461706" s="12"/>
    </row>
    <row r="461707" spans="8:8">
      <c r="H461707" s="12"/>
    </row>
    <row r="461708" spans="8:8">
      <c r="H461708" s="12"/>
    </row>
    <row r="461709" spans="8:8">
      <c r="H461709" s="12"/>
    </row>
    <row r="461710" spans="8:8">
      <c r="H461710" s="12"/>
    </row>
    <row r="461711" spans="8:8">
      <c r="H461711" s="12"/>
    </row>
    <row r="461712" spans="8:8">
      <c r="H461712" s="12"/>
    </row>
    <row r="461713" spans="8:8">
      <c r="H461713" s="12"/>
    </row>
    <row r="461714" spans="8:8">
      <c r="H461714" s="12"/>
    </row>
    <row r="461715" spans="8:8">
      <c r="H461715" s="12"/>
    </row>
    <row r="461716" spans="8:8">
      <c r="H461716" s="12"/>
    </row>
    <row r="461717" spans="8:8">
      <c r="H461717" s="12"/>
    </row>
    <row r="461718" spans="8:8">
      <c r="H461718" s="12"/>
    </row>
    <row r="461719" spans="8:8">
      <c r="H461719" s="12"/>
    </row>
    <row r="461720" spans="8:8">
      <c r="H461720" s="12"/>
    </row>
    <row r="461721" spans="8:8">
      <c r="H461721" s="12"/>
    </row>
    <row r="461722" spans="8:8">
      <c r="H461722" s="12"/>
    </row>
    <row r="461723" spans="8:8">
      <c r="H461723" s="12"/>
    </row>
    <row r="461724" spans="8:8">
      <c r="H461724" s="12"/>
    </row>
    <row r="461725" spans="8:8">
      <c r="H461725" s="12"/>
    </row>
    <row r="461726" spans="8:8">
      <c r="H461726" s="12"/>
    </row>
    <row r="461727" spans="8:8">
      <c r="H461727" s="12"/>
    </row>
    <row r="461728" spans="8:8">
      <c r="H461728" s="12"/>
    </row>
    <row r="461729" spans="8:8">
      <c r="H461729" s="12"/>
    </row>
    <row r="461730" spans="8:8">
      <c r="H461730" s="12"/>
    </row>
    <row r="461731" spans="8:8">
      <c r="H461731" s="12"/>
    </row>
    <row r="461732" spans="8:8">
      <c r="H461732" s="12"/>
    </row>
    <row r="461733" spans="8:8">
      <c r="H461733" s="12"/>
    </row>
    <row r="461734" spans="8:8">
      <c r="H461734" s="12"/>
    </row>
    <row r="461735" spans="8:8">
      <c r="H461735" s="12"/>
    </row>
    <row r="461736" spans="8:8">
      <c r="H461736" s="12"/>
    </row>
    <row r="461737" spans="8:8">
      <c r="H461737" s="12"/>
    </row>
    <row r="461738" spans="8:8">
      <c r="H461738" s="12"/>
    </row>
    <row r="461739" spans="8:8">
      <c r="H461739" s="12"/>
    </row>
    <row r="461740" spans="8:8">
      <c r="H461740" s="12"/>
    </row>
    <row r="461741" spans="8:8">
      <c r="H461741" s="12"/>
    </row>
    <row r="461742" spans="8:8">
      <c r="H461742" s="12"/>
    </row>
    <row r="461743" spans="8:8">
      <c r="H461743" s="12"/>
    </row>
    <row r="461744" spans="8:8">
      <c r="H461744" s="12"/>
    </row>
    <row r="461745" spans="8:8">
      <c r="H461745" s="12"/>
    </row>
    <row r="461746" spans="8:8">
      <c r="H461746" s="12"/>
    </row>
    <row r="461747" spans="8:8">
      <c r="H461747" s="12"/>
    </row>
    <row r="461748" spans="8:8">
      <c r="H461748" s="12"/>
    </row>
    <row r="461749" spans="8:8">
      <c r="H461749" s="12"/>
    </row>
    <row r="461750" spans="8:8">
      <c r="H461750" s="12"/>
    </row>
    <row r="461751" spans="8:8">
      <c r="H461751" s="12"/>
    </row>
    <row r="461752" spans="8:8">
      <c r="H461752" s="12"/>
    </row>
    <row r="461753" spans="8:8">
      <c r="H461753" s="12"/>
    </row>
    <row r="461754" spans="8:8">
      <c r="H461754" s="12"/>
    </row>
    <row r="461755" spans="8:8">
      <c r="H461755" s="12"/>
    </row>
    <row r="461756" spans="8:8">
      <c r="H461756" s="12"/>
    </row>
    <row r="461757" spans="8:8">
      <c r="H461757" s="12"/>
    </row>
    <row r="461758" spans="8:8">
      <c r="H461758" s="12"/>
    </row>
    <row r="461759" spans="8:8">
      <c r="H461759" s="12"/>
    </row>
    <row r="461760" spans="8:8">
      <c r="H461760" s="12"/>
    </row>
    <row r="461761" spans="8:8">
      <c r="H461761" s="12"/>
    </row>
    <row r="461762" spans="8:8">
      <c r="H461762" s="12"/>
    </row>
    <row r="461763" spans="8:8">
      <c r="H461763" s="12"/>
    </row>
    <row r="461764" spans="8:8">
      <c r="H461764" s="12"/>
    </row>
    <row r="461765" spans="8:8">
      <c r="H461765" s="12"/>
    </row>
    <row r="461766" spans="8:8">
      <c r="H461766" s="12"/>
    </row>
    <row r="461767" spans="8:8">
      <c r="H461767" s="12"/>
    </row>
    <row r="461768" spans="8:8">
      <c r="H461768" s="12"/>
    </row>
    <row r="461769" spans="8:8">
      <c r="H461769" s="12"/>
    </row>
    <row r="461770" spans="8:8">
      <c r="H461770" s="12"/>
    </row>
    <row r="461771" spans="8:8">
      <c r="H461771" s="12"/>
    </row>
    <row r="461772" spans="8:8">
      <c r="H461772" s="12"/>
    </row>
    <row r="461773" spans="8:8">
      <c r="H461773" s="12"/>
    </row>
    <row r="461774" spans="8:8">
      <c r="H461774" s="12"/>
    </row>
    <row r="461775" spans="8:8">
      <c r="H461775" s="12"/>
    </row>
    <row r="461776" spans="8:8">
      <c r="H461776" s="12"/>
    </row>
    <row r="461777" spans="8:8">
      <c r="H461777" s="12"/>
    </row>
    <row r="461778" spans="8:8">
      <c r="H461778" s="12"/>
    </row>
    <row r="461779" spans="8:8">
      <c r="H461779" s="12"/>
    </row>
    <row r="461780" spans="8:8">
      <c r="H461780" s="12"/>
    </row>
    <row r="461781" spans="8:8">
      <c r="H461781" s="12"/>
    </row>
    <row r="461782" spans="8:8">
      <c r="H461782" s="12"/>
    </row>
    <row r="461783" spans="8:8">
      <c r="H461783" s="12"/>
    </row>
    <row r="461784" spans="8:8">
      <c r="H461784" s="12"/>
    </row>
    <row r="461785" spans="8:8">
      <c r="H461785" s="12"/>
    </row>
    <row r="461786" spans="8:8">
      <c r="H461786" s="12"/>
    </row>
    <row r="461787" spans="8:8">
      <c r="H461787" s="12"/>
    </row>
    <row r="461788" spans="8:8">
      <c r="H461788" s="12"/>
    </row>
    <row r="461789" spans="8:8">
      <c r="H461789" s="12"/>
    </row>
    <row r="461790" spans="8:8">
      <c r="H461790" s="12"/>
    </row>
    <row r="461791" spans="8:8">
      <c r="H461791" s="12"/>
    </row>
    <row r="461792" spans="8:8">
      <c r="H461792" s="12"/>
    </row>
    <row r="461793" spans="8:8">
      <c r="H461793" s="12"/>
    </row>
    <row r="461794" spans="8:8">
      <c r="H461794" s="12"/>
    </row>
    <row r="461795" spans="8:8">
      <c r="H461795" s="12"/>
    </row>
    <row r="461796" spans="8:8">
      <c r="H461796" s="12"/>
    </row>
    <row r="461797" spans="8:8">
      <c r="H461797" s="12"/>
    </row>
    <row r="461798" spans="8:8">
      <c r="H461798" s="12"/>
    </row>
    <row r="461799" spans="8:8">
      <c r="H461799" s="12"/>
    </row>
    <row r="461800" spans="8:8">
      <c r="H461800" s="12"/>
    </row>
    <row r="461801" spans="8:8">
      <c r="H461801" s="12"/>
    </row>
    <row r="461802" spans="8:8">
      <c r="H461802" s="12"/>
    </row>
    <row r="461803" spans="8:8">
      <c r="H461803" s="12"/>
    </row>
    <row r="461804" spans="8:8">
      <c r="H461804" s="12"/>
    </row>
    <row r="461805" spans="8:8">
      <c r="H461805" s="12"/>
    </row>
    <row r="461806" spans="8:8">
      <c r="H461806" s="12"/>
    </row>
    <row r="461807" spans="8:8">
      <c r="H461807" s="12"/>
    </row>
    <row r="461808" spans="8:8">
      <c r="H461808" s="12"/>
    </row>
    <row r="461809" spans="8:8">
      <c r="H461809" s="12"/>
    </row>
    <row r="461810" spans="8:8">
      <c r="H461810" s="12"/>
    </row>
    <row r="461811" spans="8:8">
      <c r="H461811" s="12"/>
    </row>
    <row r="461812" spans="8:8">
      <c r="H461812" s="12"/>
    </row>
    <row r="461813" spans="8:8">
      <c r="H461813" s="12"/>
    </row>
    <row r="461814" spans="8:8">
      <c r="H461814" s="12"/>
    </row>
    <row r="461815" spans="8:8">
      <c r="H461815" s="12"/>
    </row>
    <row r="461816" spans="8:8">
      <c r="H461816" s="12"/>
    </row>
    <row r="461817" spans="8:8">
      <c r="H461817" s="12"/>
    </row>
    <row r="461818" spans="8:8">
      <c r="H461818" s="12"/>
    </row>
    <row r="461819" spans="8:8">
      <c r="H461819" s="12"/>
    </row>
    <row r="461820" spans="8:8">
      <c r="H461820" s="12"/>
    </row>
    <row r="461821" spans="8:8">
      <c r="H461821" s="12"/>
    </row>
    <row r="461822" spans="8:8">
      <c r="H461822" s="12"/>
    </row>
    <row r="461823" spans="8:8">
      <c r="H461823" s="12"/>
    </row>
    <row r="461824" spans="8:8">
      <c r="H461824" s="12"/>
    </row>
    <row r="461825" spans="8:8">
      <c r="H461825" s="12"/>
    </row>
    <row r="461826" spans="8:8">
      <c r="H461826" s="12"/>
    </row>
    <row r="461827" spans="8:8">
      <c r="H461827" s="12"/>
    </row>
    <row r="461828" spans="8:8">
      <c r="H461828" s="12"/>
    </row>
    <row r="461829" spans="8:8">
      <c r="H461829" s="12"/>
    </row>
    <row r="461830" spans="8:8">
      <c r="H461830" s="12"/>
    </row>
    <row r="461831" spans="8:8">
      <c r="H461831" s="12"/>
    </row>
    <row r="461832" spans="8:8">
      <c r="H461832" s="12"/>
    </row>
    <row r="461833" spans="8:8">
      <c r="H461833" s="12"/>
    </row>
    <row r="461834" spans="8:8">
      <c r="H461834" s="12"/>
    </row>
    <row r="461835" spans="8:8">
      <c r="H461835" s="12"/>
    </row>
    <row r="461836" spans="8:8">
      <c r="H461836" s="12"/>
    </row>
    <row r="461837" spans="8:8">
      <c r="H461837" s="12"/>
    </row>
    <row r="461838" spans="8:8">
      <c r="H461838" s="12"/>
    </row>
    <row r="461839" spans="8:8">
      <c r="H461839" s="12"/>
    </row>
    <row r="461840" spans="8:8">
      <c r="H461840" s="12"/>
    </row>
    <row r="461841" spans="8:8">
      <c r="H461841" s="12"/>
    </row>
    <row r="461842" spans="8:8">
      <c r="H461842" s="12"/>
    </row>
    <row r="461843" spans="8:8">
      <c r="H461843" s="12"/>
    </row>
    <row r="461844" spans="8:8">
      <c r="H461844" s="12"/>
    </row>
    <row r="461845" spans="8:8">
      <c r="H461845" s="12"/>
    </row>
    <row r="461846" spans="8:8">
      <c r="H461846" s="12"/>
    </row>
    <row r="461847" spans="8:8">
      <c r="H461847" s="12"/>
    </row>
    <row r="461848" spans="8:8">
      <c r="H461848" s="12"/>
    </row>
    <row r="461849" spans="8:8">
      <c r="H461849" s="12"/>
    </row>
    <row r="461850" spans="8:8">
      <c r="H461850" s="12"/>
    </row>
    <row r="461851" spans="8:8">
      <c r="H461851" s="12"/>
    </row>
    <row r="461852" spans="8:8">
      <c r="H461852" s="12"/>
    </row>
    <row r="461853" spans="8:8">
      <c r="H461853" s="12"/>
    </row>
    <row r="461854" spans="8:8">
      <c r="H461854" s="12"/>
    </row>
    <row r="461855" spans="8:8">
      <c r="H461855" s="12"/>
    </row>
    <row r="461856" spans="8:8">
      <c r="H461856" s="12"/>
    </row>
    <row r="461857" spans="8:8">
      <c r="H461857" s="12"/>
    </row>
    <row r="461858" spans="8:8">
      <c r="H461858" s="12"/>
    </row>
    <row r="461859" spans="8:8">
      <c r="H461859" s="12"/>
    </row>
    <row r="461860" spans="8:8">
      <c r="H461860" s="12"/>
    </row>
    <row r="461861" spans="8:8">
      <c r="H461861" s="12"/>
    </row>
    <row r="461862" spans="8:8">
      <c r="H461862" s="12"/>
    </row>
    <row r="461863" spans="8:8">
      <c r="H461863" s="12"/>
    </row>
    <row r="461864" spans="8:8">
      <c r="H461864" s="12"/>
    </row>
    <row r="461865" spans="8:8">
      <c r="H461865" s="12"/>
    </row>
    <row r="461866" spans="8:8">
      <c r="H461866" s="12"/>
    </row>
    <row r="461867" spans="8:8">
      <c r="H461867" s="12"/>
    </row>
    <row r="461868" spans="8:8">
      <c r="H461868" s="12"/>
    </row>
    <row r="461869" spans="8:8">
      <c r="H461869" s="12"/>
    </row>
    <row r="461870" spans="8:8">
      <c r="H461870" s="12"/>
    </row>
    <row r="461871" spans="8:8">
      <c r="H461871" s="12"/>
    </row>
    <row r="461872" spans="8:8">
      <c r="H461872" s="12"/>
    </row>
    <row r="461873" spans="8:8">
      <c r="H461873" s="12"/>
    </row>
    <row r="461874" spans="8:8">
      <c r="H461874" s="12"/>
    </row>
    <row r="461875" spans="8:8">
      <c r="H461875" s="12"/>
    </row>
    <row r="461876" spans="8:8">
      <c r="H461876" s="12"/>
    </row>
    <row r="461877" spans="8:8">
      <c r="H461877" s="12"/>
    </row>
    <row r="461878" spans="8:8">
      <c r="H461878" s="12"/>
    </row>
    <row r="461879" spans="8:8">
      <c r="H461879" s="12"/>
    </row>
    <row r="461880" spans="8:8">
      <c r="H461880" s="12"/>
    </row>
    <row r="461881" spans="8:8">
      <c r="H461881" s="12"/>
    </row>
    <row r="461882" spans="8:8">
      <c r="H461882" s="12"/>
    </row>
    <row r="461883" spans="8:8">
      <c r="H461883" s="12"/>
    </row>
    <row r="461884" spans="8:8">
      <c r="H461884" s="12"/>
    </row>
    <row r="461885" spans="8:8">
      <c r="H461885" s="12"/>
    </row>
    <row r="461886" spans="8:8">
      <c r="H461886" s="12"/>
    </row>
    <row r="461887" spans="8:8">
      <c r="H461887" s="12"/>
    </row>
    <row r="461888" spans="8:8">
      <c r="H461888" s="12"/>
    </row>
    <row r="461889" spans="8:8">
      <c r="H461889" s="12"/>
    </row>
    <row r="461890" spans="8:8">
      <c r="H461890" s="12"/>
    </row>
    <row r="461891" spans="8:8">
      <c r="H461891" s="12"/>
    </row>
    <row r="461892" spans="8:8">
      <c r="H461892" s="12"/>
    </row>
    <row r="461893" spans="8:8">
      <c r="H461893" s="12"/>
    </row>
    <row r="461894" spans="8:8">
      <c r="H461894" s="12"/>
    </row>
    <row r="461895" spans="8:8">
      <c r="H461895" s="12"/>
    </row>
    <row r="461896" spans="8:8">
      <c r="H461896" s="12"/>
    </row>
    <row r="461897" spans="8:8">
      <c r="H461897" s="12"/>
    </row>
    <row r="461898" spans="8:8">
      <c r="H461898" s="12"/>
    </row>
    <row r="461899" spans="8:8">
      <c r="H461899" s="12"/>
    </row>
    <row r="461900" spans="8:8">
      <c r="H461900" s="12"/>
    </row>
    <row r="461901" spans="8:8">
      <c r="H461901" s="12"/>
    </row>
    <row r="461902" spans="8:8">
      <c r="H461902" s="12"/>
    </row>
    <row r="461903" spans="8:8">
      <c r="H461903" s="12"/>
    </row>
    <row r="461904" spans="8:8">
      <c r="H461904" s="12"/>
    </row>
    <row r="461905" spans="8:8">
      <c r="H461905" s="12"/>
    </row>
    <row r="461906" spans="8:8">
      <c r="H461906" s="12"/>
    </row>
    <row r="461907" spans="8:8">
      <c r="H461907" s="12"/>
    </row>
    <row r="461908" spans="8:8">
      <c r="H461908" s="12"/>
    </row>
    <row r="461909" spans="8:8">
      <c r="H461909" s="12"/>
    </row>
    <row r="461910" spans="8:8">
      <c r="H461910" s="12"/>
    </row>
    <row r="461911" spans="8:8">
      <c r="H461911" s="12"/>
    </row>
    <row r="461912" spans="8:8">
      <c r="H461912" s="12"/>
    </row>
    <row r="461913" spans="8:8">
      <c r="H461913" s="12"/>
    </row>
    <row r="461914" spans="8:8">
      <c r="H461914" s="12"/>
    </row>
    <row r="461915" spans="8:8">
      <c r="H461915" s="12"/>
    </row>
    <row r="461916" spans="8:8">
      <c r="H461916" s="12"/>
    </row>
    <row r="461917" spans="8:8">
      <c r="H461917" s="12"/>
    </row>
    <row r="461918" spans="8:8">
      <c r="H461918" s="12"/>
    </row>
    <row r="461919" spans="8:8">
      <c r="H461919" s="12"/>
    </row>
    <row r="461920" spans="8:8">
      <c r="H461920" s="12"/>
    </row>
    <row r="461921" spans="8:8">
      <c r="H461921" s="12"/>
    </row>
    <row r="461922" spans="8:8">
      <c r="H461922" s="12"/>
    </row>
    <row r="461923" spans="8:8">
      <c r="H461923" s="12"/>
    </row>
    <row r="461924" spans="8:8">
      <c r="H461924" s="12"/>
    </row>
    <row r="461925" spans="8:8">
      <c r="H461925" s="12"/>
    </row>
    <row r="461926" spans="8:8">
      <c r="H461926" s="12"/>
    </row>
    <row r="461927" spans="8:8">
      <c r="H461927" s="12"/>
    </row>
    <row r="461928" spans="8:8">
      <c r="H461928" s="12"/>
    </row>
    <row r="461929" spans="8:8">
      <c r="H461929" s="12"/>
    </row>
    <row r="461930" spans="8:8">
      <c r="H461930" s="12"/>
    </row>
    <row r="461931" spans="8:8">
      <c r="H461931" s="12"/>
    </row>
    <row r="461932" spans="8:8">
      <c r="H461932" s="12"/>
    </row>
    <row r="461933" spans="8:8">
      <c r="H461933" s="12"/>
    </row>
    <row r="461934" spans="8:8">
      <c r="H461934" s="12"/>
    </row>
    <row r="461935" spans="8:8">
      <c r="H461935" s="12"/>
    </row>
    <row r="461936" spans="8:8">
      <c r="H461936" s="12"/>
    </row>
    <row r="461937" spans="8:8">
      <c r="H461937" s="12"/>
    </row>
    <row r="461938" spans="8:8">
      <c r="H461938" s="12"/>
    </row>
    <row r="461939" spans="8:8">
      <c r="H461939" s="12"/>
    </row>
    <row r="461940" spans="8:8">
      <c r="H461940" s="12"/>
    </row>
    <row r="461941" spans="8:8">
      <c r="H461941" s="12"/>
    </row>
    <row r="461942" spans="8:8">
      <c r="H461942" s="12"/>
    </row>
    <row r="461943" spans="8:8">
      <c r="H461943" s="12"/>
    </row>
    <row r="461944" spans="8:8">
      <c r="H461944" s="12"/>
    </row>
    <row r="461945" spans="8:8">
      <c r="H461945" s="12"/>
    </row>
    <row r="461946" spans="8:8">
      <c r="H461946" s="12"/>
    </row>
    <row r="461947" spans="8:8">
      <c r="H461947" s="12"/>
    </row>
    <row r="461948" spans="8:8">
      <c r="H461948" s="12"/>
    </row>
    <row r="461949" spans="8:8">
      <c r="H461949" s="12"/>
    </row>
    <row r="461950" spans="8:8">
      <c r="H461950" s="12"/>
    </row>
    <row r="461951" spans="8:8">
      <c r="H461951" s="12"/>
    </row>
    <row r="461952" spans="8:8">
      <c r="H461952" s="12"/>
    </row>
    <row r="461953" spans="8:8">
      <c r="H461953" s="12"/>
    </row>
    <row r="461954" spans="8:8">
      <c r="H461954" s="12"/>
    </row>
    <row r="461955" spans="8:8">
      <c r="H461955" s="12"/>
    </row>
    <row r="461956" spans="8:8">
      <c r="H461956" s="12"/>
    </row>
    <row r="461957" spans="8:8">
      <c r="H461957" s="12"/>
    </row>
    <row r="461958" spans="8:8">
      <c r="H461958" s="12"/>
    </row>
    <row r="461959" spans="8:8">
      <c r="H461959" s="12"/>
    </row>
    <row r="461960" spans="8:8">
      <c r="H461960" s="12"/>
    </row>
    <row r="461961" spans="8:8">
      <c r="H461961" s="12"/>
    </row>
    <row r="461962" spans="8:8">
      <c r="H461962" s="12"/>
    </row>
    <row r="461963" spans="8:8">
      <c r="H461963" s="12"/>
    </row>
    <row r="461964" spans="8:8">
      <c r="H461964" s="12"/>
    </row>
    <row r="461965" spans="8:8">
      <c r="H461965" s="12"/>
    </row>
    <row r="461966" spans="8:8">
      <c r="H461966" s="12"/>
    </row>
    <row r="461967" spans="8:8">
      <c r="H461967" s="12"/>
    </row>
    <row r="461968" spans="8:8">
      <c r="H461968" s="12"/>
    </row>
    <row r="461969" spans="8:8">
      <c r="H461969" s="12"/>
    </row>
    <row r="461970" spans="8:8">
      <c r="H461970" s="12"/>
    </row>
    <row r="461971" spans="8:8">
      <c r="H461971" s="12"/>
    </row>
    <row r="461972" spans="8:8">
      <c r="H461972" s="12"/>
    </row>
    <row r="461973" spans="8:8">
      <c r="H461973" s="12"/>
    </row>
    <row r="461974" spans="8:8">
      <c r="H461974" s="12"/>
    </row>
    <row r="461975" spans="8:8">
      <c r="H461975" s="12"/>
    </row>
    <row r="461976" spans="8:8">
      <c r="H461976" s="12"/>
    </row>
    <row r="461977" spans="8:8">
      <c r="H461977" s="12"/>
    </row>
    <row r="461978" spans="8:8">
      <c r="H461978" s="12"/>
    </row>
    <row r="461979" spans="8:8">
      <c r="H461979" s="12"/>
    </row>
    <row r="461980" spans="8:8">
      <c r="H461980" s="12"/>
    </row>
    <row r="461981" spans="8:8">
      <c r="H461981" s="12"/>
    </row>
    <row r="461982" spans="8:8">
      <c r="H461982" s="12"/>
    </row>
    <row r="461983" spans="8:8">
      <c r="H461983" s="12"/>
    </row>
    <row r="461984" spans="8:8">
      <c r="H461984" s="12"/>
    </row>
    <row r="461985" spans="8:8">
      <c r="H461985" s="12"/>
    </row>
    <row r="461986" spans="8:8">
      <c r="H461986" s="12"/>
    </row>
    <row r="461987" spans="8:8">
      <c r="H461987" s="12"/>
    </row>
    <row r="461988" spans="8:8">
      <c r="H461988" s="12"/>
    </row>
    <row r="461989" spans="8:8">
      <c r="H461989" s="12"/>
    </row>
    <row r="461990" spans="8:8">
      <c r="H461990" s="12"/>
    </row>
    <row r="461991" spans="8:8">
      <c r="H461991" s="12"/>
    </row>
    <row r="461992" spans="8:8">
      <c r="H461992" s="12"/>
    </row>
    <row r="461993" spans="8:8">
      <c r="H461993" s="12"/>
    </row>
    <row r="461994" spans="8:8">
      <c r="H461994" s="12"/>
    </row>
    <row r="461995" spans="8:8">
      <c r="H461995" s="12"/>
    </row>
    <row r="461996" spans="8:8">
      <c r="H461996" s="12"/>
    </row>
    <row r="461997" spans="8:8">
      <c r="H461997" s="12"/>
    </row>
    <row r="461998" spans="8:8">
      <c r="H461998" s="12"/>
    </row>
    <row r="461999" spans="8:8">
      <c r="H461999" s="12"/>
    </row>
    <row r="462000" spans="8:8">
      <c r="H462000" s="12"/>
    </row>
    <row r="462001" spans="8:8">
      <c r="H462001" s="12"/>
    </row>
    <row r="462002" spans="8:8">
      <c r="H462002" s="12"/>
    </row>
    <row r="462003" spans="8:8">
      <c r="H462003" s="12"/>
    </row>
    <row r="462004" spans="8:8">
      <c r="H462004" s="12"/>
    </row>
    <row r="462005" spans="8:8">
      <c r="H462005" s="12"/>
    </row>
    <row r="462006" spans="8:8">
      <c r="H462006" s="12"/>
    </row>
    <row r="462007" spans="8:8">
      <c r="H462007" s="12"/>
    </row>
    <row r="462008" spans="8:8">
      <c r="H462008" s="12"/>
    </row>
    <row r="462009" spans="8:8">
      <c r="H462009" s="12"/>
    </row>
    <row r="462010" spans="8:8">
      <c r="H462010" s="12"/>
    </row>
    <row r="462011" spans="8:8">
      <c r="H462011" s="12"/>
    </row>
    <row r="462012" spans="8:8">
      <c r="H462012" s="12"/>
    </row>
    <row r="462013" spans="8:8">
      <c r="H462013" s="12"/>
    </row>
    <row r="462014" spans="8:8">
      <c r="H462014" s="12"/>
    </row>
    <row r="462015" spans="8:8">
      <c r="H462015" s="12"/>
    </row>
    <row r="462016" spans="8:8">
      <c r="H462016" s="12"/>
    </row>
    <row r="462017" spans="8:8">
      <c r="H462017" s="12"/>
    </row>
    <row r="462018" spans="8:8">
      <c r="H462018" s="12"/>
    </row>
    <row r="462019" spans="8:8">
      <c r="H462019" s="12"/>
    </row>
    <row r="462020" spans="8:8">
      <c r="H462020" s="12"/>
    </row>
    <row r="462021" spans="8:8">
      <c r="H462021" s="12"/>
    </row>
    <row r="462022" spans="8:8">
      <c r="H462022" s="12"/>
    </row>
    <row r="462023" spans="8:8">
      <c r="H462023" s="12"/>
    </row>
    <row r="462024" spans="8:8">
      <c r="H462024" s="12"/>
    </row>
    <row r="462025" spans="8:8">
      <c r="H462025" s="12"/>
    </row>
    <row r="462026" spans="8:8">
      <c r="H462026" s="12"/>
    </row>
    <row r="462027" spans="8:8">
      <c r="H462027" s="12"/>
    </row>
    <row r="462028" spans="8:8">
      <c r="H462028" s="12"/>
    </row>
    <row r="462029" spans="8:8">
      <c r="H462029" s="12"/>
    </row>
    <row r="462030" spans="8:8">
      <c r="H462030" s="12"/>
    </row>
    <row r="462031" spans="8:8">
      <c r="H462031" s="12"/>
    </row>
    <row r="462032" spans="8:8">
      <c r="H462032" s="12"/>
    </row>
    <row r="462033" spans="8:8">
      <c r="H462033" s="12"/>
    </row>
    <row r="462034" spans="8:8">
      <c r="H462034" s="12"/>
    </row>
    <row r="462035" spans="8:8">
      <c r="H462035" s="12"/>
    </row>
    <row r="462036" spans="8:8">
      <c r="H462036" s="12"/>
    </row>
    <row r="462037" spans="8:8">
      <c r="H462037" s="12"/>
    </row>
    <row r="462038" spans="8:8">
      <c r="H462038" s="12"/>
    </row>
    <row r="462039" spans="8:8">
      <c r="H462039" s="12"/>
    </row>
    <row r="462040" spans="8:8">
      <c r="H462040" s="12"/>
    </row>
    <row r="462041" spans="8:8">
      <c r="H462041" s="12"/>
    </row>
    <row r="462042" spans="8:8">
      <c r="H462042" s="12"/>
    </row>
    <row r="462043" spans="8:8">
      <c r="H462043" s="12"/>
    </row>
    <row r="462044" spans="8:8">
      <c r="H462044" s="12"/>
    </row>
    <row r="462045" spans="8:8">
      <c r="H462045" s="12"/>
    </row>
    <row r="462046" spans="8:8">
      <c r="H462046" s="12"/>
    </row>
    <row r="462047" spans="8:8">
      <c r="H462047" s="12"/>
    </row>
    <row r="462048" spans="8:8">
      <c r="H462048" s="12"/>
    </row>
    <row r="462049" spans="8:8">
      <c r="H462049" s="12"/>
    </row>
    <row r="462050" spans="8:8">
      <c r="H462050" s="12"/>
    </row>
    <row r="462051" spans="8:8">
      <c r="H462051" s="12"/>
    </row>
    <row r="462052" spans="8:8">
      <c r="H462052" s="12"/>
    </row>
    <row r="462053" spans="8:8">
      <c r="H462053" s="12"/>
    </row>
    <row r="462054" spans="8:8">
      <c r="H462054" s="12"/>
    </row>
    <row r="462055" spans="8:8">
      <c r="H462055" s="12"/>
    </row>
    <row r="462056" spans="8:8">
      <c r="H462056" s="12"/>
    </row>
    <row r="462057" spans="8:8">
      <c r="H462057" s="12"/>
    </row>
    <row r="462058" spans="8:8">
      <c r="H462058" s="12"/>
    </row>
    <row r="462059" spans="8:8">
      <c r="H462059" s="12"/>
    </row>
    <row r="462060" spans="8:8">
      <c r="H462060" s="12"/>
    </row>
    <row r="462061" spans="8:8">
      <c r="H462061" s="12"/>
    </row>
    <row r="462062" spans="8:8">
      <c r="H462062" s="12"/>
    </row>
    <row r="462063" spans="8:8">
      <c r="H462063" s="12"/>
    </row>
    <row r="462064" spans="8:8">
      <c r="H462064" s="12"/>
    </row>
    <row r="462065" spans="8:8">
      <c r="H462065" s="12"/>
    </row>
    <row r="462066" spans="8:8">
      <c r="H462066" s="12"/>
    </row>
    <row r="462067" spans="8:8">
      <c r="H462067" s="12"/>
    </row>
    <row r="462068" spans="8:8">
      <c r="H462068" s="12"/>
    </row>
    <row r="462069" spans="8:8">
      <c r="H462069" s="12"/>
    </row>
    <row r="462070" spans="8:8">
      <c r="H462070" s="12"/>
    </row>
    <row r="462071" spans="8:8">
      <c r="H462071" s="12"/>
    </row>
    <row r="462072" spans="8:8">
      <c r="H462072" s="12"/>
    </row>
    <row r="462073" spans="8:8">
      <c r="H462073" s="12"/>
    </row>
    <row r="462074" spans="8:8">
      <c r="H462074" s="12"/>
    </row>
    <row r="462075" spans="8:8">
      <c r="H462075" s="12"/>
    </row>
    <row r="462076" spans="8:8">
      <c r="H462076" s="12"/>
    </row>
    <row r="462077" spans="8:8">
      <c r="H462077" s="12"/>
    </row>
    <row r="462078" spans="8:8">
      <c r="H462078" s="12"/>
    </row>
    <row r="462079" spans="8:8">
      <c r="H462079" s="12"/>
    </row>
    <row r="462080" spans="8:8">
      <c r="H462080" s="12"/>
    </row>
    <row r="462081" spans="8:8">
      <c r="H462081" s="12"/>
    </row>
    <row r="462082" spans="8:8">
      <c r="H462082" s="12"/>
    </row>
    <row r="462083" spans="8:8">
      <c r="H462083" s="12"/>
    </row>
    <row r="462084" spans="8:8">
      <c r="H462084" s="12"/>
    </row>
    <row r="462085" spans="8:8">
      <c r="H462085" s="12"/>
    </row>
    <row r="462086" spans="8:8">
      <c r="H462086" s="12"/>
    </row>
    <row r="462087" spans="8:8">
      <c r="H462087" s="12"/>
    </row>
    <row r="462088" spans="8:8">
      <c r="H462088" s="12"/>
    </row>
    <row r="462089" spans="8:8">
      <c r="H462089" s="12"/>
    </row>
    <row r="462090" spans="8:8">
      <c r="H462090" s="12"/>
    </row>
    <row r="462091" spans="8:8">
      <c r="H462091" s="12"/>
    </row>
    <row r="462092" spans="8:8">
      <c r="H462092" s="12"/>
    </row>
    <row r="462093" spans="8:8">
      <c r="H462093" s="12"/>
    </row>
    <row r="462094" spans="8:8">
      <c r="H462094" s="12"/>
    </row>
    <row r="462095" spans="8:8">
      <c r="H462095" s="12"/>
    </row>
    <row r="462096" spans="8:8">
      <c r="H462096" s="12"/>
    </row>
    <row r="462097" spans="8:8">
      <c r="H462097" s="12"/>
    </row>
    <row r="462098" spans="8:8">
      <c r="H462098" s="12"/>
    </row>
    <row r="462099" spans="8:8">
      <c r="H462099" s="12"/>
    </row>
    <row r="462100" spans="8:8">
      <c r="H462100" s="12"/>
    </row>
    <row r="462101" spans="8:8">
      <c r="H462101" s="12"/>
    </row>
    <row r="462102" spans="8:8">
      <c r="H462102" s="12"/>
    </row>
    <row r="462103" spans="8:8">
      <c r="H462103" s="12"/>
    </row>
    <row r="462104" spans="8:8">
      <c r="H462104" s="12"/>
    </row>
    <row r="462105" spans="8:8">
      <c r="H462105" s="12"/>
    </row>
    <row r="462106" spans="8:8">
      <c r="H462106" s="12"/>
    </row>
    <row r="462107" spans="8:8">
      <c r="H462107" s="12"/>
    </row>
    <row r="462108" spans="8:8">
      <c r="H462108" s="12"/>
    </row>
    <row r="462109" spans="8:8">
      <c r="H462109" s="12"/>
    </row>
    <row r="462110" spans="8:8">
      <c r="H462110" s="12"/>
    </row>
    <row r="462111" spans="8:8">
      <c r="H462111" s="12"/>
    </row>
    <row r="462112" spans="8:8">
      <c r="H462112" s="12"/>
    </row>
    <row r="462113" spans="8:8">
      <c r="H462113" s="12"/>
    </row>
    <row r="462114" spans="8:8">
      <c r="H462114" s="12"/>
    </row>
    <row r="462115" spans="8:8">
      <c r="H462115" s="12"/>
    </row>
    <row r="462116" spans="8:8">
      <c r="H462116" s="12"/>
    </row>
    <row r="462117" spans="8:8">
      <c r="H462117" s="12"/>
    </row>
    <row r="462118" spans="8:8">
      <c r="H462118" s="12"/>
    </row>
    <row r="462119" spans="8:8">
      <c r="H462119" s="12"/>
    </row>
    <row r="462120" spans="8:8">
      <c r="H462120" s="12"/>
    </row>
    <row r="462121" spans="8:8">
      <c r="H462121" s="12"/>
    </row>
    <row r="462122" spans="8:8">
      <c r="H462122" s="12"/>
    </row>
    <row r="462123" spans="8:8">
      <c r="H462123" s="12"/>
    </row>
    <row r="462124" spans="8:8">
      <c r="H462124" s="12"/>
    </row>
    <row r="462125" spans="8:8">
      <c r="H462125" s="12"/>
    </row>
    <row r="462126" spans="8:8">
      <c r="H462126" s="12"/>
    </row>
    <row r="462127" spans="8:8">
      <c r="H462127" s="12"/>
    </row>
    <row r="462128" spans="8:8">
      <c r="H462128" s="12"/>
    </row>
    <row r="462129" spans="8:8">
      <c r="H462129" s="12"/>
    </row>
    <row r="462130" spans="8:8">
      <c r="H462130" s="12"/>
    </row>
    <row r="462131" spans="8:8">
      <c r="H462131" s="12"/>
    </row>
    <row r="462132" spans="8:8">
      <c r="H462132" s="12"/>
    </row>
    <row r="462133" spans="8:8">
      <c r="H462133" s="12"/>
    </row>
    <row r="462134" spans="8:8">
      <c r="H462134" s="12"/>
    </row>
    <row r="462135" spans="8:8">
      <c r="H462135" s="12"/>
    </row>
    <row r="462136" spans="8:8">
      <c r="H462136" s="12"/>
    </row>
    <row r="462137" spans="8:8">
      <c r="H462137" s="12"/>
    </row>
    <row r="462138" spans="8:8">
      <c r="H462138" s="12"/>
    </row>
    <row r="462139" spans="8:8">
      <c r="H462139" s="12"/>
    </row>
    <row r="462140" spans="8:8">
      <c r="H462140" s="12"/>
    </row>
    <row r="462141" spans="8:8">
      <c r="H462141" s="12"/>
    </row>
    <row r="462142" spans="8:8">
      <c r="H462142" s="12"/>
    </row>
    <row r="462143" spans="8:8">
      <c r="H462143" s="12"/>
    </row>
    <row r="462144" spans="8:8">
      <c r="H462144" s="12"/>
    </row>
    <row r="462145" spans="8:8">
      <c r="H462145" s="12"/>
    </row>
    <row r="462146" spans="8:8">
      <c r="H462146" s="12"/>
    </row>
    <row r="462147" spans="8:8">
      <c r="H462147" s="12"/>
    </row>
    <row r="462148" spans="8:8">
      <c r="H462148" s="12"/>
    </row>
    <row r="462149" spans="8:8">
      <c r="H462149" s="12"/>
    </row>
    <row r="462150" spans="8:8">
      <c r="H462150" s="12"/>
    </row>
    <row r="462151" spans="8:8">
      <c r="H462151" s="12"/>
    </row>
    <row r="462152" spans="8:8">
      <c r="H462152" s="12"/>
    </row>
    <row r="462153" spans="8:8">
      <c r="H462153" s="12"/>
    </row>
    <row r="462154" spans="8:8">
      <c r="H462154" s="12"/>
    </row>
    <row r="462155" spans="8:8">
      <c r="H462155" s="12"/>
    </row>
    <row r="462156" spans="8:8">
      <c r="H462156" s="12"/>
    </row>
    <row r="462157" spans="8:8">
      <c r="H462157" s="12"/>
    </row>
    <row r="462158" spans="8:8">
      <c r="H462158" s="12"/>
    </row>
    <row r="462159" spans="8:8">
      <c r="H462159" s="12"/>
    </row>
    <row r="462160" spans="8:8">
      <c r="H462160" s="12"/>
    </row>
    <row r="462161" spans="8:8">
      <c r="H462161" s="12"/>
    </row>
    <row r="462162" spans="8:8">
      <c r="H462162" s="12"/>
    </row>
    <row r="462163" spans="8:8">
      <c r="H462163" s="12"/>
    </row>
    <row r="462164" spans="8:8">
      <c r="H462164" s="12"/>
    </row>
    <row r="462165" spans="8:8">
      <c r="H462165" s="12"/>
    </row>
    <row r="462166" spans="8:8">
      <c r="H462166" s="12"/>
    </row>
    <row r="462167" spans="8:8">
      <c r="H462167" s="12"/>
    </row>
    <row r="462168" spans="8:8">
      <c r="H462168" s="12"/>
    </row>
    <row r="462169" spans="8:8">
      <c r="H462169" s="12"/>
    </row>
    <row r="462170" spans="8:8">
      <c r="H462170" s="12"/>
    </row>
    <row r="462171" spans="8:8">
      <c r="H462171" s="12"/>
    </row>
    <row r="462172" spans="8:8">
      <c r="H462172" s="12"/>
    </row>
    <row r="462173" spans="8:8">
      <c r="H462173" s="12"/>
    </row>
    <row r="462174" spans="8:8">
      <c r="H462174" s="12"/>
    </row>
    <row r="462175" spans="8:8">
      <c r="H462175" s="12"/>
    </row>
    <row r="462176" spans="8:8">
      <c r="H462176" s="12"/>
    </row>
    <row r="462177" spans="8:8">
      <c r="H462177" s="12"/>
    </row>
    <row r="462178" spans="8:8">
      <c r="H462178" s="12"/>
    </row>
    <row r="462179" spans="8:8">
      <c r="H462179" s="12"/>
    </row>
    <row r="462180" spans="8:8">
      <c r="H462180" s="12"/>
    </row>
    <row r="462181" spans="8:8">
      <c r="H462181" s="12"/>
    </row>
    <row r="462182" spans="8:8">
      <c r="H462182" s="12"/>
    </row>
    <row r="462183" spans="8:8">
      <c r="H462183" s="12"/>
    </row>
    <row r="462184" spans="8:8">
      <c r="H462184" s="12"/>
    </row>
    <row r="462185" spans="8:8">
      <c r="H462185" s="12"/>
    </row>
    <row r="462186" spans="8:8">
      <c r="H462186" s="12"/>
    </row>
    <row r="462187" spans="8:8">
      <c r="H462187" s="12"/>
    </row>
    <row r="462188" spans="8:8">
      <c r="H462188" s="12"/>
    </row>
    <row r="462189" spans="8:8">
      <c r="H462189" s="12"/>
    </row>
    <row r="462190" spans="8:8">
      <c r="H462190" s="12"/>
    </row>
    <row r="462191" spans="8:8">
      <c r="H462191" s="12"/>
    </row>
    <row r="462192" spans="8:8">
      <c r="H462192" s="12"/>
    </row>
    <row r="462193" spans="8:8">
      <c r="H462193" s="12"/>
    </row>
    <row r="462194" spans="8:8">
      <c r="H462194" s="12"/>
    </row>
    <row r="462195" spans="8:8">
      <c r="H462195" s="12"/>
    </row>
    <row r="462196" spans="8:8">
      <c r="H462196" s="12"/>
    </row>
    <row r="462197" spans="8:8">
      <c r="H462197" s="12"/>
    </row>
    <row r="462198" spans="8:8">
      <c r="H462198" s="12"/>
    </row>
    <row r="462199" spans="8:8">
      <c r="H462199" s="12"/>
    </row>
    <row r="462200" spans="8:8">
      <c r="H462200" s="12"/>
    </row>
    <row r="462201" spans="8:8">
      <c r="H462201" s="12"/>
    </row>
    <row r="462202" spans="8:8">
      <c r="H462202" s="12"/>
    </row>
    <row r="462203" spans="8:8">
      <c r="H462203" s="12"/>
    </row>
    <row r="462204" spans="8:8">
      <c r="H462204" s="12"/>
    </row>
    <row r="462205" spans="8:8">
      <c r="H462205" s="12"/>
    </row>
    <row r="462206" spans="8:8">
      <c r="H462206" s="12"/>
    </row>
    <row r="462207" spans="8:8">
      <c r="H462207" s="12"/>
    </row>
    <row r="462208" spans="8:8">
      <c r="H462208" s="12"/>
    </row>
    <row r="462209" spans="8:8">
      <c r="H462209" s="12"/>
    </row>
    <row r="462210" spans="8:8">
      <c r="H462210" s="12"/>
    </row>
    <row r="462211" spans="8:8">
      <c r="H462211" s="12"/>
    </row>
    <row r="462212" spans="8:8">
      <c r="H462212" s="12"/>
    </row>
    <row r="462213" spans="8:8">
      <c r="H462213" s="12"/>
    </row>
    <row r="462214" spans="8:8">
      <c r="H462214" s="12"/>
    </row>
    <row r="462215" spans="8:8">
      <c r="H462215" s="12"/>
    </row>
    <row r="462216" spans="8:8">
      <c r="H462216" s="12"/>
    </row>
    <row r="462217" spans="8:8">
      <c r="H462217" s="12"/>
    </row>
    <row r="462218" spans="8:8">
      <c r="H462218" s="12"/>
    </row>
    <row r="462219" spans="8:8">
      <c r="H462219" s="12"/>
    </row>
    <row r="462220" spans="8:8">
      <c r="H462220" s="12"/>
    </row>
    <row r="462221" spans="8:8">
      <c r="H462221" s="12"/>
    </row>
    <row r="462222" spans="8:8">
      <c r="H462222" s="12"/>
    </row>
    <row r="462223" spans="8:8">
      <c r="H462223" s="12"/>
    </row>
    <row r="462224" spans="8:8">
      <c r="H462224" s="12"/>
    </row>
    <row r="462225" spans="8:8">
      <c r="H462225" s="12"/>
    </row>
    <row r="462226" spans="8:8">
      <c r="H462226" s="12"/>
    </row>
    <row r="462227" spans="8:8">
      <c r="H462227" s="12"/>
    </row>
    <row r="462228" spans="8:8">
      <c r="H462228" s="12"/>
    </row>
    <row r="462229" spans="8:8">
      <c r="H462229" s="12"/>
    </row>
    <row r="462230" spans="8:8">
      <c r="H462230" s="12"/>
    </row>
    <row r="462231" spans="8:8">
      <c r="H462231" s="12"/>
    </row>
    <row r="462232" spans="8:8">
      <c r="H462232" s="12"/>
    </row>
    <row r="462233" spans="8:8">
      <c r="H462233" s="12"/>
    </row>
    <row r="462234" spans="8:8">
      <c r="H462234" s="12"/>
    </row>
    <row r="462235" spans="8:8">
      <c r="H462235" s="12"/>
    </row>
    <row r="462236" spans="8:8">
      <c r="H462236" s="12"/>
    </row>
    <row r="462237" spans="8:8">
      <c r="H462237" s="12"/>
    </row>
    <row r="462238" spans="8:8">
      <c r="H462238" s="12"/>
    </row>
    <row r="462239" spans="8:8">
      <c r="H462239" s="12"/>
    </row>
    <row r="462240" spans="8:8">
      <c r="H462240" s="12"/>
    </row>
    <row r="462241" spans="8:8">
      <c r="H462241" s="12"/>
    </row>
    <row r="462242" spans="8:8">
      <c r="H462242" s="12"/>
    </row>
    <row r="462243" spans="8:8">
      <c r="H462243" s="12"/>
    </row>
    <row r="462244" spans="8:8">
      <c r="H462244" s="12"/>
    </row>
    <row r="462245" spans="8:8">
      <c r="H462245" s="12"/>
    </row>
    <row r="462246" spans="8:8">
      <c r="H462246" s="12"/>
    </row>
    <row r="462247" spans="8:8">
      <c r="H462247" s="12"/>
    </row>
    <row r="462248" spans="8:8">
      <c r="H462248" s="12"/>
    </row>
    <row r="462249" spans="8:8">
      <c r="H462249" s="12"/>
    </row>
    <row r="462250" spans="8:8">
      <c r="H462250" s="12"/>
    </row>
    <row r="462251" spans="8:8">
      <c r="H462251" s="12"/>
    </row>
    <row r="462252" spans="8:8">
      <c r="H462252" s="12"/>
    </row>
    <row r="462253" spans="8:8">
      <c r="H462253" s="12"/>
    </row>
    <row r="462254" spans="8:8">
      <c r="H462254" s="12"/>
    </row>
    <row r="462255" spans="8:8">
      <c r="H462255" s="12"/>
    </row>
    <row r="462256" spans="8:8">
      <c r="H462256" s="12"/>
    </row>
    <row r="462257" spans="8:8">
      <c r="H462257" s="12"/>
    </row>
    <row r="462258" spans="8:8">
      <c r="H462258" s="12"/>
    </row>
    <row r="462259" spans="8:8">
      <c r="H462259" s="12"/>
    </row>
    <row r="462260" spans="8:8">
      <c r="H462260" s="12"/>
    </row>
    <row r="462261" spans="8:8">
      <c r="H462261" s="12"/>
    </row>
    <row r="462262" spans="8:8">
      <c r="H462262" s="12"/>
    </row>
    <row r="462263" spans="8:8">
      <c r="H462263" s="12"/>
    </row>
    <row r="462264" spans="8:8">
      <c r="H462264" s="12"/>
    </row>
    <row r="462265" spans="8:8">
      <c r="H462265" s="12"/>
    </row>
    <row r="462266" spans="8:8">
      <c r="H462266" s="12"/>
    </row>
    <row r="462267" spans="8:8">
      <c r="H462267" s="12"/>
    </row>
    <row r="462268" spans="8:8">
      <c r="H462268" s="12"/>
    </row>
    <row r="462269" spans="8:8">
      <c r="H462269" s="12"/>
    </row>
    <row r="462270" spans="8:8">
      <c r="H462270" s="12"/>
    </row>
    <row r="462271" spans="8:8">
      <c r="H462271" s="12"/>
    </row>
    <row r="462272" spans="8:8">
      <c r="H462272" s="12"/>
    </row>
    <row r="462273" spans="8:8">
      <c r="H462273" s="12"/>
    </row>
    <row r="462274" spans="8:8">
      <c r="H462274" s="12"/>
    </row>
    <row r="462275" spans="8:8">
      <c r="H462275" s="12"/>
    </row>
    <row r="462276" spans="8:8">
      <c r="H462276" s="12"/>
    </row>
    <row r="462277" spans="8:8">
      <c r="H462277" s="12"/>
    </row>
    <row r="462278" spans="8:8">
      <c r="H462278" s="12"/>
    </row>
    <row r="462279" spans="8:8">
      <c r="H462279" s="12"/>
    </row>
    <row r="462280" spans="8:8">
      <c r="H462280" s="12"/>
    </row>
    <row r="462281" spans="8:8">
      <c r="H462281" s="12"/>
    </row>
    <row r="462282" spans="8:8">
      <c r="H462282" s="12"/>
    </row>
    <row r="462283" spans="8:8">
      <c r="H462283" s="12"/>
    </row>
    <row r="462284" spans="8:8">
      <c r="H462284" s="12"/>
    </row>
    <row r="462285" spans="8:8">
      <c r="H462285" s="12"/>
    </row>
    <row r="462286" spans="8:8">
      <c r="H462286" s="12"/>
    </row>
    <row r="462287" spans="8:8">
      <c r="H462287" s="12"/>
    </row>
    <row r="462288" spans="8:8">
      <c r="H462288" s="12"/>
    </row>
    <row r="462289" spans="8:8">
      <c r="H462289" s="12"/>
    </row>
    <row r="462290" spans="8:8">
      <c r="H462290" s="12"/>
    </row>
    <row r="462291" spans="8:8">
      <c r="H462291" s="12"/>
    </row>
    <row r="462292" spans="8:8">
      <c r="H462292" s="12"/>
    </row>
    <row r="462293" spans="8:8">
      <c r="H462293" s="12"/>
    </row>
    <row r="462294" spans="8:8">
      <c r="H462294" s="12"/>
    </row>
    <row r="462295" spans="8:8">
      <c r="H462295" s="12"/>
    </row>
    <row r="462296" spans="8:8">
      <c r="H462296" s="12"/>
    </row>
    <row r="462297" spans="8:8">
      <c r="H462297" s="12"/>
    </row>
    <row r="462298" spans="8:8">
      <c r="H462298" s="12"/>
    </row>
    <row r="462299" spans="8:8">
      <c r="H462299" s="12"/>
    </row>
    <row r="462300" spans="8:8">
      <c r="H462300" s="12"/>
    </row>
    <row r="462301" spans="8:8">
      <c r="H462301" s="12"/>
    </row>
    <row r="462302" spans="8:8">
      <c r="H462302" s="12"/>
    </row>
    <row r="462303" spans="8:8">
      <c r="H462303" s="12"/>
    </row>
    <row r="462304" spans="8:8">
      <c r="H462304" s="12"/>
    </row>
    <row r="462305" spans="8:8">
      <c r="H462305" s="12"/>
    </row>
    <row r="462306" spans="8:8">
      <c r="H462306" s="12"/>
    </row>
    <row r="462307" spans="8:8">
      <c r="H462307" s="12"/>
    </row>
    <row r="462308" spans="8:8">
      <c r="H462308" s="12"/>
    </row>
    <row r="462309" spans="8:8">
      <c r="H462309" s="12"/>
    </row>
    <row r="462310" spans="8:8">
      <c r="H462310" s="12"/>
    </row>
    <row r="462311" spans="8:8">
      <c r="H462311" s="12"/>
    </row>
    <row r="462312" spans="8:8">
      <c r="H462312" s="12"/>
    </row>
    <row r="462313" spans="8:8">
      <c r="H462313" s="12"/>
    </row>
    <row r="462314" spans="8:8">
      <c r="H462314" s="12"/>
    </row>
    <row r="462315" spans="8:8">
      <c r="H462315" s="12"/>
    </row>
    <row r="462316" spans="8:8">
      <c r="H462316" s="12"/>
    </row>
    <row r="462317" spans="8:8">
      <c r="H462317" s="12"/>
    </row>
    <row r="462318" spans="8:8">
      <c r="H462318" s="12"/>
    </row>
    <row r="462319" spans="8:8">
      <c r="H462319" s="12"/>
    </row>
    <row r="462320" spans="8:8">
      <c r="H462320" s="12"/>
    </row>
    <row r="462321" spans="8:8">
      <c r="H462321" s="12"/>
    </row>
    <row r="462322" spans="8:8">
      <c r="H462322" s="12"/>
    </row>
    <row r="462323" spans="8:8">
      <c r="H462323" s="12"/>
    </row>
    <row r="462324" spans="8:8">
      <c r="H462324" s="12"/>
    </row>
    <row r="462325" spans="8:8">
      <c r="H462325" s="12"/>
    </row>
    <row r="462326" spans="8:8">
      <c r="H462326" s="12"/>
    </row>
    <row r="462327" spans="8:8">
      <c r="H462327" s="12"/>
    </row>
    <row r="462328" spans="8:8">
      <c r="H462328" s="12"/>
    </row>
    <row r="462329" spans="8:8">
      <c r="H462329" s="12"/>
    </row>
    <row r="462330" spans="8:8">
      <c r="H462330" s="12"/>
    </row>
    <row r="462331" spans="8:8">
      <c r="H462331" s="12"/>
    </row>
    <row r="462332" spans="8:8">
      <c r="H462332" s="12"/>
    </row>
    <row r="462333" spans="8:8">
      <c r="H462333" s="12"/>
    </row>
    <row r="462334" spans="8:8">
      <c r="H462334" s="12"/>
    </row>
    <row r="462335" spans="8:8">
      <c r="H462335" s="12"/>
    </row>
    <row r="462336" spans="8:8">
      <c r="H462336" s="12"/>
    </row>
    <row r="462337" spans="8:8">
      <c r="H462337" s="12"/>
    </row>
    <row r="462338" spans="8:8">
      <c r="H462338" s="12"/>
    </row>
    <row r="462339" spans="8:8">
      <c r="H462339" s="12"/>
    </row>
    <row r="462340" spans="8:8">
      <c r="H462340" s="12"/>
    </row>
    <row r="462341" spans="8:8">
      <c r="H462341" s="12"/>
    </row>
    <row r="462342" spans="8:8">
      <c r="H462342" s="12"/>
    </row>
    <row r="462343" spans="8:8">
      <c r="H462343" s="12"/>
    </row>
    <row r="462344" spans="8:8">
      <c r="H462344" s="12"/>
    </row>
    <row r="462345" spans="8:8">
      <c r="H462345" s="12"/>
    </row>
    <row r="462346" spans="8:8">
      <c r="H462346" s="12"/>
    </row>
    <row r="462347" spans="8:8">
      <c r="H462347" s="12"/>
    </row>
    <row r="462348" spans="8:8">
      <c r="H462348" s="12"/>
    </row>
    <row r="462349" spans="8:8">
      <c r="H462349" s="12"/>
    </row>
    <row r="462350" spans="8:8">
      <c r="H462350" s="12"/>
    </row>
    <row r="462351" spans="8:8">
      <c r="H462351" s="12"/>
    </row>
    <row r="462352" spans="8:8">
      <c r="H462352" s="12"/>
    </row>
    <row r="462353" spans="8:8">
      <c r="H462353" s="12"/>
    </row>
    <row r="462354" spans="8:8">
      <c r="H462354" s="12"/>
    </row>
    <row r="462355" spans="8:8">
      <c r="H462355" s="12"/>
    </row>
    <row r="462356" spans="8:8">
      <c r="H462356" s="12"/>
    </row>
    <row r="462357" spans="8:8">
      <c r="H462357" s="12"/>
    </row>
    <row r="462358" spans="8:8">
      <c r="H462358" s="12"/>
    </row>
    <row r="462359" spans="8:8">
      <c r="H462359" s="12"/>
    </row>
    <row r="462360" spans="8:8">
      <c r="H462360" s="12"/>
    </row>
    <row r="462361" spans="8:8">
      <c r="H462361" s="12"/>
    </row>
    <row r="462362" spans="8:8">
      <c r="H462362" s="12"/>
    </row>
    <row r="462363" spans="8:8">
      <c r="H462363" s="12"/>
    </row>
    <row r="462364" spans="8:8">
      <c r="H462364" s="12"/>
    </row>
    <row r="462365" spans="8:8">
      <c r="H462365" s="12"/>
    </row>
    <row r="462366" spans="8:8">
      <c r="H462366" s="12"/>
    </row>
    <row r="462367" spans="8:8">
      <c r="H462367" s="12"/>
    </row>
    <row r="462368" spans="8:8">
      <c r="H462368" s="12"/>
    </row>
    <row r="462369" spans="8:8">
      <c r="H462369" s="12"/>
    </row>
    <row r="462370" spans="8:8">
      <c r="H462370" s="12"/>
    </row>
    <row r="462371" spans="8:8">
      <c r="H462371" s="12"/>
    </row>
    <row r="462372" spans="8:8">
      <c r="H462372" s="12"/>
    </row>
    <row r="462373" spans="8:8">
      <c r="H462373" s="12"/>
    </row>
    <row r="462374" spans="8:8">
      <c r="H462374" s="12"/>
    </row>
    <row r="462375" spans="8:8">
      <c r="H462375" s="12"/>
    </row>
    <row r="462376" spans="8:8">
      <c r="H462376" s="12"/>
    </row>
    <row r="462377" spans="8:8">
      <c r="H462377" s="12"/>
    </row>
    <row r="462378" spans="8:8">
      <c r="H462378" s="12"/>
    </row>
    <row r="462379" spans="8:8">
      <c r="H462379" s="12"/>
    </row>
    <row r="462380" spans="8:8">
      <c r="H462380" s="12"/>
    </row>
    <row r="462381" spans="8:8">
      <c r="H462381" s="12"/>
    </row>
    <row r="462382" spans="8:8">
      <c r="H462382" s="12"/>
    </row>
    <row r="462383" spans="8:8">
      <c r="H462383" s="12"/>
    </row>
    <row r="462384" spans="8:8">
      <c r="H462384" s="12"/>
    </row>
    <row r="462385" spans="8:8">
      <c r="H462385" s="12"/>
    </row>
    <row r="462386" spans="8:8">
      <c r="H462386" s="12"/>
    </row>
    <row r="462387" spans="8:8">
      <c r="H462387" s="12"/>
    </row>
    <row r="462388" spans="8:8">
      <c r="H462388" s="12"/>
    </row>
    <row r="462389" spans="8:8">
      <c r="H462389" s="12"/>
    </row>
    <row r="462390" spans="8:8">
      <c r="H462390" s="12"/>
    </row>
    <row r="462391" spans="8:8">
      <c r="H462391" s="12"/>
    </row>
    <row r="462392" spans="8:8">
      <c r="H462392" s="12"/>
    </row>
    <row r="462393" spans="8:8">
      <c r="H462393" s="12"/>
    </row>
    <row r="462394" spans="8:8">
      <c r="H462394" s="12"/>
    </row>
    <row r="462395" spans="8:8">
      <c r="H462395" s="12"/>
    </row>
    <row r="462396" spans="8:8">
      <c r="H462396" s="12"/>
    </row>
    <row r="462397" spans="8:8">
      <c r="H462397" s="12"/>
    </row>
    <row r="462398" spans="8:8">
      <c r="H462398" s="12"/>
    </row>
    <row r="462399" spans="8:8">
      <c r="H462399" s="12"/>
    </row>
    <row r="462400" spans="8:8">
      <c r="H462400" s="12"/>
    </row>
    <row r="462401" spans="8:8">
      <c r="H462401" s="12"/>
    </row>
    <row r="462402" spans="8:8">
      <c r="H462402" s="12"/>
    </row>
    <row r="462403" spans="8:8">
      <c r="H462403" s="12"/>
    </row>
    <row r="462404" spans="8:8">
      <c r="H462404" s="12"/>
    </row>
    <row r="462405" spans="8:8">
      <c r="H462405" s="12"/>
    </row>
    <row r="462406" spans="8:8">
      <c r="H462406" s="12"/>
    </row>
    <row r="462407" spans="8:8">
      <c r="H462407" s="12"/>
    </row>
    <row r="462408" spans="8:8">
      <c r="H462408" s="12"/>
    </row>
    <row r="462409" spans="8:8">
      <c r="H462409" s="12"/>
    </row>
    <row r="462410" spans="8:8">
      <c r="H462410" s="12"/>
    </row>
    <row r="462411" spans="8:8">
      <c r="H462411" s="12"/>
    </row>
    <row r="462412" spans="8:8">
      <c r="H462412" s="12"/>
    </row>
    <row r="462413" spans="8:8">
      <c r="H462413" s="12"/>
    </row>
    <row r="462414" spans="8:8">
      <c r="H462414" s="12"/>
    </row>
    <row r="462415" spans="8:8">
      <c r="H462415" s="12"/>
    </row>
    <row r="462416" spans="8:8">
      <c r="H462416" s="12"/>
    </row>
    <row r="462417" spans="8:8">
      <c r="H462417" s="12"/>
    </row>
    <row r="462418" spans="8:8">
      <c r="H462418" s="12"/>
    </row>
    <row r="462419" spans="8:8">
      <c r="H462419" s="12"/>
    </row>
    <row r="462420" spans="8:8">
      <c r="H462420" s="12"/>
    </row>
    <row r="462421" spans="8:8">
      <c r="H462421" s="12"/>
    </row>
    <row r="462422" spans="8:8">
      <c r="H462422" s="12"/>
    </row>
    <row r="462423" spans="8:8">
      <c r="H462423" s="12"/>
    </row>
    <row r="462424" spans="8:8">
      <c r="H462424" s="12"/>
    </row>
    <row r="462425" spans="8:8">
      <c r="H462425" s="12"/>
    </row>
    <row r="462426" spans="8:8">
      <c r="H462426" s="12"/>
    </row>
    <row r="462427" spans="8:8">
      <c r="H462427" s="12"/>
    </row>
    <row r="462428" spans="8:8">
      <c r="H462428" s="12"/>
    </row>
    <row r="462429" spans="8:8">
      <c r="H462429" s="12"/>
    </row>
    <row r="462430" spans="8:8">
      <c r="H462430" s="12"/>
    </row>
    <row r="462431" spans="8:8">
      <c r="H462431" s="12"/>
    </row>
    <row r="462432" spans="8:8">
      <c r="H462432" s="12"/>
    </row>
    <row r="462433" spans="8:8">
      <c r="H462433" s="12"/>
    </row>
    <row r="462434" spans="8:8">
      <c r="H462434" s="12"/>
    </row>
    <row r="462435" spans="8:8">
      <c r="H462435" s="12"/>
    </row>
    <row r="462436" spans="8:8">
      <c r="H462436" s="12"/>
    </row>
    <row r="462437" spans="8:8">
      <c r="H462437" s="12"/>
    </row>
    <row r="462438" spans="8:8">
      <c r="H462438" s="12"/>
    </row>
    <row r="462439" spans="8:8">
      <c r="H462439" s="12"/>
    </row>
    <row r="462440" spans="8:8">
      <c r="H462440" s="12"/>
    </row>
    <row r="462441" spans="8:8">
      <c r="H462441" s="12"/>
    </row>
    <row r="462442" spans="8:8">
      <c r="H462442" s="12"/>
    </row>
    <row r="462443" spans="8:8">
      <c r="H462443" s="12"/>
    </row>
    <row r="462444" spans="8:8">
      <c r="H462444" s="12"/>
    </row>
    <row r="462445" spans="8:8">
      <c r="H462445" s="12"/>
    </row>
    <row r="462446" spans="8:8">
      <c r="H462446" s="12"/>
    </row>
    <row r="462447" spans="8:8">
      <c r="H462447" s="12"/>
    </row>
    <row r="462448" spans="8:8">
      <c r="H462448" s="12"/>
    </row>
    <row r="462449" spans="8:8">
      <c r="H462449" s="12"/>
    </row>
    <row r="462450" spans="8:8">
      <c r="H462450" s="12"/>
    </row>
    <row r="462451" spans="8:8">
      <c r="H462451" s="12"/>
    </row>
    <row r="462452" spans="8:8">
      <c r="H462452" s="12"/>
    </row>
    <row r="462453" spans="8:8">
      <c r="H462453" s="12"/>
    </row>
    <row r="462454" spans="8:8">
      <c r="H462454" s="12"/>
    </row>
    <row r="462455" spans="8:8">
      <c r="H462455" s="12"/>
    </row>
    <row r="462456" spans="8:8">
      <c r="H462456" s="12"/>
    </row>
    <row r="462457" spans="8:8">
      <c r="H462457" s="12"/>
    </row>
    <row r="462458" spans="8:8">
      <c r="H462458" s="12"/>
    </row>
    <row r="462459" spans="8:8">
      <c r="H462459" s="12"/>
    </row>
    <row r="462460" spans="8:8">
      <c r="H462460" s="12"/>
    </row>
    <row r="462461" spans="8:8">
      <c r="H462461" s="12"/>
    </row>
    <row r="462462" spans="8:8">
      <c r="H462462" s="12"/>
    </row>
    <row r="462463" spans="8:8">
      <c r="H462463" s="12"/>
    </row>
    <row r="462464" spans="8:8">
      <c r="H462464" s="12"/>
    </row>
    <row r="462465" spans="8:8">
      <c r="H462465" s="12"/>
    </row>
    <row r="462466" spans="8:8">
      <c r="H462466" s="12"/>
    </row>
    <row r="462467" spans="8:8">
      <c r="H462467" s="12"/>
    </row>
    <row r="462468" spans="8:8">
      <c r="H462468" s="12"/>
    </row>
    <row r="462469" spans="8:8">
      <c r="H462469" s="12"/>
    </row>
    <row r="462470" spans="8:8">
      <c r="H462470" s="12"/>
    </row>
    <row r="462471" spans="8:8">
      <c r="H462471" s="12"/>
    </row>
    <row r="462472" spans="8:8">
      <c r="H462472" s="12"/>
    </row>
    <row r="462473" spans="8:8">
      <c r="H462473" s="12"/>
    </row>
    <row r="462474" spans="8:8">
      <c r="H462474" s="12"/>
    </row>
    <row r="462475" spans="8:8">
      <c r="H462475" s="12"/>
    </row>
    <row r="462476" spans="8:8">
      <c r="H462476" s="12"/>
    </row>
    <row r="462477" spans="8:8">
      <c r="H462477" s="12"/>
    </row>
    <row r="462478" spans="8:8">
      <c r="H462478" s="12"/>
    </row>
    <row r="462479" spans="8:8">
      <c r="H462479" s="12"/>
    </row>
    <row r="462480" spans="8:8">
      <c r="H462480" s="12"/>
    </row>
    <row r="462481" spans="8:8">
      <c r="H462481" s="12"/>
    </row>
    <row r="462482" spans="8:8">
      <c r="H462482" s="12"/>
    </row>
    <row r="462483" spans="8:8">
      <c r="H462483" s="12"/>
    </row>
    <row r="462484" spans="8:8">
      <c r="H462484" s="12"/>
    </row>
    <row r="462485" spans="8:8">
      <c r="H462485" s="12"/>
    </row>
    <row r="462486" spans="8:8">
      <c r="H462486" s="12"/>
    </row>
    <row r="462487" spans="8:8">
      <c r="H462487" s="12"/>
    </row>
    <row r="462488" spans="8:8">
      <c r="H462488" s="12"/>
    </row>
    <row r="462489" spans="8:8">
      <c r="H462489" s="12"/>
    </row>
    <row r="462490" spans="8:8">
      <c r="H462490" s="12"/>
    </row>
    <row r="462491" spans="8:8">
      <c r="H462491" s="12"/>
    </row>
    <row r="462492" spans="8:8">
      <c r="H462492" s="12"/>
    </row>
    <row r="462493" spans="8:8">
      <c r="H462493" s="12"/>
    </row>
    <row r="462494" spans="8:8">
      <c r="H462494" s="12"/>
    </row>
    <row r="462495" spans="8:8">
      <c r="H462495" s="12"/>
    </row>
    <row r="462496" spans="8:8">
      <c r="H462496" s="12"/>
    </row>
    <row r="462497" spans="8:8">
      <c r="H462497" s="12"/>
    </row>
    <row r="462498" spans="8:8">
      <c r="H462498" s="12"/>
    </row>
    <row r="462499" spans="8:8">
      <c r="H462499" s="12"/>
    </row>
    <row r="462500" spans="8:8">
      <c r="H462500" s="12"/>
    </row>
    <row r="462501" spans="8:8">
      <c r="H462501" s="12"/>
    </row>
    <row r="462502" spans="8:8">
      <c r="H462502" s="12"/>
    </row>
    <row r="462503" spans="8:8">
      <c r="H462503" s="12"/>
    </row>
    <row r="462504" spans="8:8">
      <c r="H462504" s="12"/>
    </row>
    <row r="462505" spans="8:8">
      <c r="H462505" s="12"/>
    </row>
    <row r="462506" spans="8:8">
      <c r="H462506" s="12"/>
    </row>
    <row r="462507" spans="8:8">
      <c r="H462507" s="12"/>
    </row>
    <row r="462508" spans="8:8">
      <c r="H462508" s="12"/>
    </row>
    <row r="462509" spans="8:8">
      <c r="H462509" s="12"/>
    </row>
    <row r="462510" spans="8:8">
      <c r="H462510" s="12"/>
    </row>
    <row r="462511" spans="8:8">
      <c r="H462511" s="12"/>
    </row>
    <row r="462512" spans="8:8">
      <c r="H462512" s="12"/>
    </row>
    <row r="462513" spans="8:8">
      <c r="H462513" s="12"/>
    </row>
    <row r="462514" spans="8:8">
      <c r="H462514" s="12"/>
    </row>
    <row r="462515" spans="8:8">
      <c r="H462515" s="12"/>
    </row>
    <row r="462516" spans="8:8">
      <c r="H462516" s="12"/>
    </row>
    <row r="462517" spans="8:8">
      <c r="H462517" s="12"/>
    </row>
    <row r="462518" spans="8:8">
      <c r="H462518" s="12"/>
    </row>
    <row r="462519" spans="8:8">
      <c r="H462519" s="12"/>
    </row>
    <row r="462520" spans="8:8">
      <c r="H462520" s="12"/>
    </row>
    <row r="462521" spans="8:8">
      <c r="H462521" s="12"/>
    </row>
    <row r="462522" spans="8:8">
      <c r="H462522" s="12"/>
    </row>
    <row r="462523" spans="8:8">
      <c r="H462523" s="12"/>
    </row>
    <row r="462524" spans="8:8">
      <c r="H462524" s="12"/>
    </row>
    <row r="462525" spans="8:8">
      <c r="H462525" s="12"/>
    </row>
    <row r="462526" spans="8:8">
      <c r="H462526" s="12"/>
    </row>
    <row r="462527" spans="8:8">
      <c r="H462527" s="12"/>
    </row>
    <row r="462528" spans="8:8">
      <c r="H462528" s="12"/>
    </row>
    <row r="462529" spans="8:8">
      <c r="H462529" s="12"/>
    </row>
    <row r="462530" spans="8:8">
      <c r="H462530" s="12"/>
    </row>
    <row r="462531" spans="8:8">
      <c r="H462531" s="12"/>
    </row>
    <row r="462532" spans="8:8">
      <c r="H462532" s="12"/>
    </row>
    <row r="462533" spans="8:8">
      <c r="H462533" s="12"/>
    </row>
    <row r="462534" spans="8:8">
      <c r="H462534" s="12"/>
    </row>
    <row r="462535" spans="8:8">
      <c r="H462535" s="12"/>
    </row>
    <row r="462536" spans="8:8">
      <c r="H462536" s="12"/>
    </row>
    <row r="462537" spans="8:8">
      <c r="H462537" s="12"/>
    </row>
    <row r="462538" spans="8:8">
      <c r="H462538" s="12"/>
    </row>
    <row r="462539" spans="8:8">
      <c r="H462539" s="12"/>
    </row>
    <row r="462540" spans="8:8">
      <c r="H462540" s="12"/>
    </row>
    <row r="462541" spans="8:8">
      <c r="H462541" s="12"/>
    </row>
    <row r="462542" spans="8:8">
      <c r="H462542" s="12"/>
    </row>
    <row r="462543" spans="8:8">
      <c r="H462543" s="12"/>
    </row>
    <row r="462544" spans="8:8">
      <c r="H462544" s="12"/>
    </row>
    <row r="462545" spans="8:8">
      <c r="H462545" s="12"/>
    </row>
    <row r="462546" spans="8:8">
      <c r="H462546" s="12"/>
    </row>
    <row r="462547" spans="8:8">
      <c r="H462547" s="12"/>
    </row>
    <row r="462548" spans="8:8">
      <c r="H462548" s="12"/>
    </row>
    <row r="462549" spans="8:8">
      <c r="H462549" s="12"/>
    </row>
    <row r="462550" spans="8:8">
      <c r="H462550" s="12"/>
    </row>
    <row r="462551" spans="8:8">
      <c r="H462551" s="12"/>
    </row>
    <row r="462552" spans="8:8">
      <c r="H462552" s="12"/>
    </row>
    <row r="462553" spans="8:8">
      <c r="H462553" s="12"/>
    </row>
    <row r="462554" spans="8:8">
      <c r="H462554" s="12"/>
    </row>
    <row r="462555" spans="8:8">
      <c r="H462555" s="12"/>
    </row>
    <row r="462556" spans="8:8">
      <c r="H462556" s="12"/>
    </row>
    <row r="462557" spans="8:8">
      <c r="H462557" s="12"/>
    </row>
    <row r="462558" spans="8:8">
      <c r="H462558" s="12"/>
    </row>
    <row r="462559" spans="8:8">
      <c r="H462559" s="12"/>
    </row>
    <row r="462560" spans="8:8">
      <c r="H462560" s="12"/>
    </row>
    <row r="462561" spans="8:8">
      <c r="H462561" s="12"/>
    </row>
    <row r="462562" spans="8:8">
      <c r="H462562" s="12"/>
    </row>
    <row r="462563" spans="8:8">
      <c r="H462563" s="12"/>
    </row>
    <row r="462564" spans="8:8">
      <c r="H462564" s="12"/>
    </row>
    <row r="462565" spans="8:8">
      <c r="H462565" s="12"/>
    </row>
    <row r="462566" spans="8:8">
      <c r="H462566" s="12"/>
    </row>
    <row r="462567" spans="8:8">
      <c r="H462567" s="12"/>
    </row>
    <row r="462568" spans="8:8">
      <c r="H462568" s="12"/>
    </row>
    <row r="462569" spans="8:8">
      <c r="H462569" s="12"/>
    </row>
    <row r="462570" spans="8:8">
      <c r="H462570" s="12"/>
    </row>
    <row r="462571" spans="8:8">
      <c r="H462571" s="12"/>
    </row>
    <row r="462572" spans="8:8">
      <c r="H462572" s="12"/>
    </row>
    <row r="462573" spans="8:8">
      <c r="H462573" s="12"/>
    </row>
    <row r="462574" spans="8:8">
      <c r="H462574" s="12"/>
    </row>
    <row r="462575" spans="8:8">
      <c r="H462575" s="12"/>
    </row>
    <row r="462576" spans="8:8">
      <c r="H462576" s="12"/>
    </row>
    <row r="462577" spans="8:8">
      <c r="H462577" s="12"/>
    </row>
    <row r="462578" spans="8:8">
      <c r="H462578" s="12"/>
    </row>
    <row r="462579" spans="8:8">
      <c r="H462579" s="12"/>
    </row>
    <row r="462580" spans="8:8">
      <c r="H462580" s="12"/>
    </row>
    <row r="462581" spans="8:8">
      <c r="H462581" s="12"/>
    </row>
    <row r="462582" spans="8:8">
      <c r="H462582" s="12"/>
    </row>
    <row r="462583" spans="8:8">
      <c r="H462583" s="12"/>
    </row>
    <row r="462584" spans="8:8">
      <c r="H462584" s="12"/>
    </row>
    <row r="462585" spans="8:8">
      <c r="H462585" s="12"/>
    </row>
    <row r="462586" spans="8:8">
      <c r="H462586" s="12"/>
    </row>
    <row r="462587" spans="8:8">
      <c r="H462587" s="12"/>
    </row>
    <row r="462588" spans="8:8">
      <c r="H462588" s="12"/>
    </row>
    <row r="462589" spans="8:8">
      <c r="H462589" s="12"/>
    </row>
    <row r="462590" spans="8:8">
      <c r="H462590" s="12"/>
    </row>
    <row r="462591" spans="8:8">
      <c r="H462591" s="12"/>
    </row>
    <row r="462592" spans="8:8">
      <c r="H462592" s="12"/>
    </row>
    <row r="462593" spans="8:8">
      <c r="H462593" s="12"/>
    </row>
    <row r="462594" spans="8:8">
      <c r="H462594" s="12"/>
    </row>
    <row r="462595" spans="8:8">
      <c r="H462595" s="12"/>
    </row>
    <row r="462596" spans="8:8">
      <c r="H462596" s="12"/>
    </row>
    <row r="462597" spans="8:8">
      <c r="H462597" s="12"/>
    </row>
    <row r="462598" spans="8:8">
      <c r="H462598" s="12"/>
    </row>
    <row r="462599" spans="8:8">
      <c r="H462599" s="12"/>
    </row>
    <row r="462600" spans="8:8">
      <c r="H462600" s="12"/>
    </row>
    <row r="462601" spans="8:8">
      <c r="H462601" s="12"/>
    </row>
    <row r="462602" spans="8:8">
      <c r="H462602" s="12"/>
    </row>
    <row r="462603" spans="8:8">
      <c r="H462603" s="12"/>
    </row>
    <row r="462604" spans="8:8">
      <c r="H462604" s="12"/>
    </row>
    <row r="462605" spans="8:8">
      <c r="H462605" s="12"/>
    </row>
    <row r="462606" spans="8:8">
      <c r="H462606" s="12"/>
    </row>
    <row r="462607" spans="8:8">
      <c r="H462607" s="12"/>
    </row>
    <row r="462608" spans="8:8">
      <c r="H462608" s="12"/>
    </row>
    <row r="462609" spans="8:8">
      <c r="H462609" s="12"/>
    </row>
    <row r="462610" spans="8:8">
      <c r="H462610" s="12"/>
    </row>
    <row r="462611" spans="8:8">
      <c r="H462611" s="12"/>
    </row>
    <row r="462612" spans="8:8">
      <c r="H462612" s="12"/>
    </row>
    <row r="462613" spans="8:8">
      <c r="H462613" s="12"/>
    </row>
    <row r="462614" spans="8:8">
      <c r="H462614" s="12"/>
    </row>
    <row r="462615" spans="8:8">
      <c r="H462615" s="12"/>
    </row>
    <row r="462616" spans="8:8">
      <c r="H462616" s="12"/>
    </row>
    <row r="462617" spans="8:8">
      <c r="H462617" s="12"/>
    </row>
    <row r="462618" spans="8:8">
      <c r="H462618" s="12"/>
    </row>
    <row r="462619" spans="8:8">
      <c r="H462619" s="12"/>
    </row>
    <row r="462620" spans="8:8">
      <c r="H462620" s="12"/>
    </row>
    <row r="462621" spans="8:8">
      <c r="H462621" s="12"/>
    </row>
    <row r="462622" spans="8:8">
      <c r="H462622" s="12"/>
    </row>
    <row r="462623" spans="8:8">
      <c r="H462623" s="12"/>
    </row>
    <row r="462624" spans="8:8">
      <c r="H462624" s="12"/>
    </row>
    <row r="462625" spans="8:8">
      <c r="H462625" s="12"/>
    </row>
    <row r="462626" spans="8:8">
      <c r="H462626" s="12"/>
    </row>
    <row r="462627" spans="8:8">
      <c r="H462627" s="12"/>
    </row>
    <row r="462628" spans="8:8">
      <c r="H462628" s="12"/>
    </row>
    <row r="462629" spans="8:8">
      <c r="H462629" s="12"/>
    </row>
    <row r="462630" spans="8:8">
      <c r="H462630" s="12"/>
    </row>
    <row r="462631" spans="8:8">
      <c r="H462631" s="12"/>
    </row>
    <row r="462632" spans="8:8">
      <c r="H462632" s="12"/>
    </row>
    <row r="462633" spans="8:8">
      <c r="H462633" s="12"/>
    </row>
    <row r="462634" spans="8:8">
      <c r="H462634" s="12"/>
    </row>
    <row r="462635" spans="8:8">
      <c r="H462635" s="12"/>
    </row>
    <row r="462636" spans="8:8">
      <c r="H462636" s="12"/>
    </row>
    <row r="462637" spans="8:8">
      <c r="H462637" s="12"/>
    </row>
    <row r="462638" spans="8:8">
      <c r="H462638" s="12"/>
    </row>
    <row r="462639" spans="8:8">
      <c r="H462639" s="12"/>
    </row>
    <row r="462640" spans="8:8">
      <c r="H462640" s="12"/>
    </row>
    <row r="462641" spans="8:8">
      <c r="H462641" s="12"/>
    </row>
    <row r="462642" spans="8:8">
      <c r="H462642" s="12"/>
    </row>
    <row r="462643" spans="8:8">
      <c r="H462643" s="12"/>
    </row>
    <row r="462644" spans="8:8">
      <c r="H462644" s="12"/>
    </row>
    <row r="462645" spans="8:8">
      <c r="H462645" s="12"/>
    </row>
    <row r="462646" spans="8:8">
      <c r="H462646" s="12"/>
    </row>
    <row r="462647" spans="8:8">
      <c r="H462647" s="12"/>
    </row>
    <row r="462648" spans="8:8">
      <c r="H462648" s="12"/>
    </row>
    <row r="462649" spans="8:8">
      <c r="H462649" s="12"/>
    </row>
    <row r="462650" spans="8:8">
      <c r="H462650" s="12"/>
    </row>
    <row r="462651" spans="8:8">
      <c r="H462651" s="12"/>
    </row>
    <row r="462652" spans="8:8">
      <c r="H462652" s="12"/>
    </row>
    <row r="462653" spans="8:8">
      <c r="H462653" s="12"/>
    </row>
    <row r="462654" spans="8:8">
      <c r="H462654" s="12"/>
    </row>
    <row r="462655" spans="8:8">
      <c r="H462655" s="12"/>
    </row>
    <row r="462656" spans="8:8">
      <c r="H462656" s="12"/>
    </row>
    <row r="462657" spans="8:8">
      <c r="H462657" s="12"/>
    </row>
    <row r="462658" spans="8:8">
      <c r="H462658" s="12"/>
    </row>
    <row r="462659" spans="8:8">
      <c r="H462659" s="12"/>
    </row>
    <row r="462660" spans="8:8">
      <c r="H462660" s="12"/>
    </row>
    <row r="462661" spans="8:8">
      <c r="H462661" s="12"/>
    </row>
    <row r="462662" spans="8:8">
      <c r="H462662" s="12"/>
    </row>
    <row r="462663" spans="8:8">
      <c r="H462663" s="12"/>
    </row>
    <row r="462664" spans="8:8">
      <c r="H462664" s="12"/>
    </row>
    <row r="462665" spans="8:8">
      <c r="H462665" s="12"/>
    </row>
    <row r="462666" spans="8:8">
      <c r="H462666" s="12"/>
    </row>
    <row r="462667" spans="8:8">
      <c r="H462667" s="12"/>
    </row>
    <row r="462668" spans="8:8">
      <c r="H462668" s="12"/>
    </row>
    <row r="462669" spans="8:8">
      <c r="H462669" s="12"/>
    </row>
    <row r="462670" spans="8:8">
      <c r="H462670" s="12"/>
    </row>
    <row r="462671" spans="8:8">
      <c r="H462671" s="12"/>
    </row>
    <row r="462672" spans="8:8">
      <c r="H462672" s="12"/>
    </row>
    <row r="462673" spans="8:8">
      <c r="H462673" s="12"/>
    </row>
    <row r="462674" spans="8:8">
      <c r="H462674" s="12"/>
    </row>
    <row r="462675" spans="8:8">
      <c r="H462675" s="12"/>
    </row>
    <row r="462676" spans="8:8">
      <c r="H462676" s="12"/>
    </row>
    <row r="462677" spans="8:8">
      <c r="H462677" s="12"/>
    </row>
    <row r="462678" spans="8:8">
      <c r="H462678" s="12"/>
    </row>
    <row r="462679" spans="8:8">
      <c r="H462679" s="12"/>
    </row>
    <row r="462680" spans="8:8">
      <c r="H462680" s="12"/>
    </row>
    <row r="462681" spans="8:8">
      <c r="H462681" s="12"/>
    </row>
    <row r="462682" spans="8:8">
      <c r="H462682" s="12"/>
    </row>
    <row r="462683" spans="8:8">
      <c r="H462683" s="12"/>
    </row>
    <row r="462684" spans="8:8">
      <c r="H462684" s="12"/>
    </row>
    <row r="462685" spans="8:8">
      <c r="H462685" s="12"/>
    </row>
    <row r="462686" spans="8:8">
      <c r="H462686" s="12"/>
    </row>
    <row r="462687" spans="8:8">
      <c r="H462687" s="12"/>
    </row>
    <row r="462688" spans="8:8">
      <c r="H462688" s="12"/>
    </row>
    <row r="462689" spans="8:8">
      <c r="H462689" s="12"/>
    </row>
    <row r="462690" spans="8:8">
      <c r="H462690" s="12"/>
    </row>
    <row r="462691" spans="8:8">
      <c r="H462691" s="12"/>
    </row>
    <row r="462692" spans="8:8">
      <c r="H462692" s="12"/>
    </row>
    <row r="462693" spans="8:8">
      <c r="H462693" s="12"/>
    </row>
    <row r="462694" spans="8:8">
      <c r="H462694" s="12"/>
    </row>
    <row r="462695" spans="8:8">
      <c r="H462695" s="12"/>
    </row>
    <row r="462696" spans="8:8">
      <c r="H462696" s="12"/>
    </row>
    <row r="462697" spans="8:8">
      <c r="H462697" s="12"/>
    </row>
    <row r="462698" spans="8:8">
      <c r="H462698" s="12"/>
    </row>
    <row r="462699" spans="8:8">
      <c r="H462699" s="12"/>
    </row>
    <row r="462700" spans="8:8">
      <c r="H462700" s="12"/>
    </row>
    <row r="462701" spans="8:8">
      <c r="H462701" s="12"/>
    </row>
    <row r="462702" spans="8:8">
      <c r="H462702" s="12"/>
    </row>
    <row r="462703" spans="8:8">
      <c r="H462703" s="12"/>
    </row>
    <row r="462704" spans="8:8">
      <c r="H462704" s="12"/>
    </row>
    <row r="462705" spans="8:8">
      <c r="H462705" s="12"/>
    </row>
    <row r="462706" spans="8:8">
      <c r="H462706" s="12"/>
    </row>
    <row r="462707" spans="8:8">
      <c r="H462707" s="12"/>
    </row>
    <row r="462708" spans="8:8">
      <c r="H462708" s="12"/>
    </row>
    <row r="462709" spans="8:8">
      <c r="H462709" s="12"/>
    </row>
    <row r="462710" spans="8:8">
      <c r="H462710" s="12"/>
    </row>
    <row r="462711" spans="8:8">
      <c r="H462711" s="12"/>
    </row>
    <row r="462712" spans="8:8">
      <c r="H462712" s="12"/>
    </row>
    <row r="462713" spans="8:8">
      <c r="H462713" s="12"/>
    </row>
    <row r="462714" spans="8:8">
      <c r="H462714" s="12"/>
    </row>
    <row r="462715" spans="8:8">
      <c r="H462715" s="12"/>
    </row>
    <row r="462716" spans="8:8">
      <c r="H462716" s="12"/>
    </row>
    <row r="462717" spans="8:8">
      <c r="H462717" s="12"/>
    </row>
    <row r="462718" spans="8:8">
      <c r="H462718" s="12"/>
    </row>
    <row r="462719" spans="8:8">
      <c r="H462719" s="12"/>
    </row>
    <row r="462720" spans="8:8">
      <c r="H462720" s="12"/>
    </row>
    <row r="462721" spans="8:8">
      <c r="H462721" s="12"/>
    </row>
    <row r="462722" spans="8:8">
      <c r="H462722" s="12"/>
    </row>
    <row r="462723" spans="8:8">
      <c r="H462723" s="12"/>
    </row>
    <row r="462724" spans="8:8">
      <c r="H462724" s="12"/>
    </row>
    <row r="462725" spans="8:8">
      <c r="H462725" s="12"/>
    </row>
    <row r="462726" spans="8:8">
      <c r="H462726" s="12"/>
    </row>
    <row r="462727" spans="8:8">
      <c r="H462727" s="12"/>
    </row>
    <row r="462728" spans="8:8">
      <c r="H462728" s="12"/>
    </row>
    <row r="462729" spans="8:8">
      <c r="H462729" s="12"/>
    </row>
    <row r="462730" spans="8:8">
      <c r="H462730" s="12"/>
    </row>
    <row r="462731" spans="8:8">
      <c r="H462731" s="12"/>
    </row>
    <row r="462732" spans="8:8">
      <c r="H462732" s="12"/>
    </row>
    <row r="462733" spans="8:8">
      <c r="H462733" s="12"/>
    </row>
    <row r="462734" spans="8:8">
      <c r="H462734" s="12"/>
    </row>
    <row r="462735" spans="8:8">
      <c r="H462735" s="12"/>
    </row>
    <row r="462736" spans="8:8">
      <c r="H462736" s="12"/>
    </row>
    <row r="462737" spans="8:8">
      <c r="H462737" s="12"/>
    </row>
    <row r="462738" spans="8:8">
      <c r="H462738" s="12"/>
    </row>
    <row r="462739" spans="8:8">
      <c r="H462739" s="12"/>
    </row>
    <row r="462740" spans="8:8">
      <c r="H462740" s="12"/>
    </row>
    <row r="462741" spans="8:8">
      <c r="H462741" s="12"/>
    </row>
    <row r="462742" spans="8:8">
      <c r="H462742" s="12"/>
    </row>
    <row r="462743" spans="8:8">
      <c r="H462743" s="12"/>
    </row>
    <row r="462744" spans="8:8">
      <c r="H462744" s="12"/>
    </row>
    <row r="462745" spans="8:8">
      <c r="H462745" s="12"/>
    </row>
    <row r="462746" spans="8:8">
      <c r="H462746" s="12"/>
    </row>
    <row r="462747" spans="8:8">
      <c r="H462747" s="12"/>
    </row>
    <row r="462748" spans="8:8">
      <c r="H462748" s="12"/>
    </row>
    <row r="462749" spans="8:8">
      <c r="H462749" s="12"/>
    </row>
    <row r="462750" spans="8:8">
      <c r="H462750" s="12"/>
    </row>
    <row r="462751" spans="8:8">
      <c r="H462751" s="12"/>
    </row>
    <row r="462752" spans="8:8">
      <c r="H462752" s="12"/>
    </row>
    <row r="462753" spans="8:8">
      <c r="H462753" s="12"/>
    </row>
    <row r="462754" spans="8:8">
      <c r="H462754" s="12"/>
    </row>
    <row r="462755" spans="8:8">
      <c r="H462755" s="12"/>
    </row>
    <row r="462756" spans="8:8">
      <c r="H462756" s="12"/>
    </row>
    <row r="462757" spans="8:8">
      <c r="H462757" s="12"/>
    </row>
    <row r="462758" spans="8:8">
      <c r="H462758" s="12"/>
    </row>
    <row r="462759" spans="8:8">
      <c r="H462759" s="12"/>
    </row>
    <row r="462760" spans="8:8">
      <c r="H462760" s="12"/>
    </row>
    <row r="462761" spans="8:8">
      <c r="H462761" s="12"/>
    </row>
    <row r="462762" spans="8:8">
      <c r="H462762" s="12"/>
    </row>
    <row r="462763" spans="8:8">
      <c r="H462763" s="12"/>
    </row>
    <row r="462764" spans="8:8">
      <c r="H462764" s="12"/>
    </row>
    <row r="462765" spans="8:8">
      <c r="H462765" s="12"/>
    </row>
    <row r="462766" spans="8:8">
      <c r="H462766" s="12"/>
    </row>
    <row r="462767" spans="8:8">
      <c r="H462767" s="12"/>
    </row>
    <row r="462768" spans="8:8">
      <c r="H462768" s="12"/>
    </row>
    <row r="462769" spans="8:8">
      <c r="H462769" s="12"/>
    </row>
    <row r="462770" spans="8:8">
      <c r="H462770" s="12"/>
    </row>
    <row r="462771" spans="8:8">
      <c r="H462771" s="12"/>
    </row>
    <row r="462772" spans="8:8">
      <c r="H462772" s="12"/>
    </row>
    <row r="462773" spans="8:8">
      <c r="H462773" s="12"/>
    </row>
    <row r="462774" spans="8:8">
      <c r="H462774" s="12"/>
    </row>
    <row r="462775" spans="8:8">
      <c r="H462775" s="12"/>
    </row>
    <row r="462776" spans="8:8">
      <c r="H462776" s="12"/>
    </row>
    <row r="462777" spans="8:8">
      <c r="H462777" s="12"/>
    </row>
    <row r="462778" spans="8:8">
      <c r="H462778" s="12"/>
    </row>
    <row r="462779" spans="8:8">
      <c r="H462779" s="12"/>
    </row>
    <row r="462780" spans="8:8">
      <c r="H462780" s="12"/>
    </row>
    <row r="462781" spans="8:8">
      <c r="H462781" s="12"/>
    </row>
    <row r="462782" spans="8:8">
      <c r="H462782" s="12"/>
    </row>
    <row r="462783" spans="8:8">
      <c r="H462783" s="12"/>
    </row>
    <row r="462784" spans="8:8">
      <c r="H462784" s="12"/>
    </row>
    <row r="462785" spans="8:8">
      <c r="H462785" s="12"/>
    </row>
    <row r="462786" spans="8:8">
      <c r="H462786" s="12"/>
    </row>
    <row r="462787" spans="8:8">
      <c r="H462787" s="12"/>
    </row>
    <row r="462788" spans="8:8">
      <c r="H462788" s="12"/>
    </row>
    <row r="462789" spans="8:8">
      <c r="H462789" s="12"/>
    </row>
    <row r="462790" spans="8:8">
      <c r="H462790" s="12"/>
    </row>
    <row r="462791" spans="8:8">
      <c r="H462791" s="12"/>
    </row>
    <row r="462792" spans="8:8">
      <c r="H462792" s="12"/>
    </row>
    <row r="462793" spans="8:8">
      <c r="H462793" s="12"/>
    </row>
    <row r="462794" spans="8:8">
      <c r="H462794" s="12"/>
    </row>
    <row r="462795" spans="8:8">
      <c r="H462795" s="12"/>
    </row>
    <row r="462796" spans="8:8">
      <c r="H462796" s="12"/>
    </row>
    <row r="462797" spans="8:8">
      <c r="H462797" s="12"/>
    </row>
    <row r="462798" spans="8:8">
      <c r="H462798" s="12"/>
    </row>
    <row r="462799" spans="8:8">
      <c r="H462799" s="12"/>
    </row>
    <row r="462800" spans="8:8">
      <c r="H462800" s="12"/>
    </row>
    <row r="462801" spans="8:8">
      <c r="H462801" s="12"/>
    </row>
    <row r="462802" spans="8:8">
      <c r="H462802" s="12"/>
    </row>
    <row r="462803" spans="8:8">
      <c r="H462803" s="12"/>
    </row>
    <row r="462804" spans="8:8">
      <c r="H462804" s="12"/>
    </row>
    <row r="462805" spans="8:8">
      <c r="H462805" s="12"/>
    </row>
    <row r="462806" spans="8:8">
      <c r="H462806" s="12"/>
    </row>
    <row r="462807" spans="8:8">
      <c r="H462807" s="12"/>
    </row>
    <row r="462808" spans="8:8">
      <c r="H462808" s="12"/>
    </row>
    <row r="462809" spans="8:8">
      <c r="H462809" s="12"/>
    </row>
    <row r="462810" spans="8:8">
      <c r="H462810" s="12"/>
    </row>
    <row r="462811" spans="8:8">
      <c r="H462811" s="12"/>
    </row>
    <row r="462812" spans="8:8">
      <c r="H462812" s="12"/>
    </row>
    <row r="462813" spans="8:8">
      <c r="H462813" s="12"/>
    </row>
    <row r="462814" spans="8:8">
      <c r="H462814" s="12"/>
    </row>
    <row r="462815" spans="8:8">
      <c r="H462815" s="12"/>
    </row>
    <row r="462816" spans="8:8">
      <c r="H462816" s="12"/>
    </row>
    <row r="462817" spans="8:8">
      <c r="H462817" s="12"/>
    </row>
    <row r="462818" spans="8:8">
      <c r="H462818" s="12"/>
    </row>
    <row r="462819" spans="8:8">
      <c r="H462819" s="12"/>
    </row>
    <row r="462820" spans="8:8">
      <c r="H462820" s="12"/>
    </row>
    <row r="462821" spans="8:8">
      <c r="H462821" s="12"/>
    </row>
    <row r="462822" spans="8:8">
      <c r="H462822" s="12"/>
    </row>
    <row r="462823" spans="8:8">
      <c r="H462823" s="12"/>
    </row>
    <row r="462824" spans="8:8">
      <c r="H462824" s="12"/>
    </row>
    <row r="462825" spans="8:8">
      <c r="H462825" s="12"/>
    </row>
    <row r="462826" spans="8:8">
      <c r="H462826" s="12"/>
    </row>
    <row r="462827" spans="8:8">
      <c r="H462827" s="12"/>
    </row>
    <row r="462828" spans="8:8">
      <c r="H462828" s="12"/>
    </row>
    <row r="462829" spans="8:8">
      <c r="H462829" s="12"/>
    </row>
    <row r="462830" spans="8:8">
      <c r="H462830" s="12"/>
    </row>
    <row r="462831" spans="8:8">
      <c r="H462831" s="12"/>
    </row>
    <row r="462832" spans="8:8">
      <c r="H462832" s="12"/>
    </row>
    <row r="462833" spans="8:8">
      <c r="H462833" s="12"/>
    </row>
    <row r="462834" spans="8:8">
      <c r="H462834" s="12"/>
    </row>
    <row r="462835" spans="8:8">
      <c r="H462835" s="12"/>
    </row>
    <row r="462836" spans="8:8">
      <c r="H462836" s="12"/>
    </row>
    <row r="462837" spans="8:8">
      <c r="H462837" s="12"/>
    </row>
    <row r="462838" spans="8:8">
      <c r="H462838" s="12"/>
    </row>
    <row r="462839" spans="8:8">
      <c r="H462839" s="12"/>
    </row>
    <row r="462840" spans="8:8">
      <c r="H462840" s="12"/>
    </row>
    <row r="462841" spans="8:8">
      <c r="H462841" s="12"/>
    </row>
    <row r="462842" spans="8:8">
      <c r="H462842" s="12"/>
    </row>
    <row r="462843" spans="8:8">
      <c r="H462843" s="12"/>
    </row>
    <row r="462844" spans="8:8">
      <c r="H462844" s="12"/>
    </row>
    <row r="462845" spans="8:8">
      <c r="H462845" s="12"/>
    </row>
    <row r="462846" spans="8:8">
      <c r="H462846" s="12"/>
    </row>
    <row r="462847" spans="8:8">
      <c r="H462847" s="12"/>
    </row>
    <row r="462848" spans="8:8">
      <c r="H462848" s="12"/>
    </row>
    <row r="462849" spans="8:8">
      <c r="H462849" s="12"/>
    </row>
    <row r="462850" spans="8:8">
      <c r="H462850" s="12"/>
    </row>
    <row r="462851" spans="8:8">
      <c r="H462851" s="12"/>
    </row>
    <row r="462852" spans="8:8">
      <c r="H462852" s="12"/>
    </row>
    <row r="462853" spans="8:8">
      <c r="H462853" s="12"/>
    </row>
    <row r="462854" spans="8:8">
      <c r="H462854" s="12"/>
    </row>
    <row r="462855" spans="8:8">
      <c r="H462855" s="12"/>
    </row>
    <row r="462856" spans="8:8">
      <c r="H462856" s="12"/>
    </row>
    <row r="462857" spans="8:8">
      <c r="H462857" s="12"/>
    </row>
    <row r="462858" spans="8:8">
      <c r="H462858" s="12"/>
    </row>
    <row r="462859" spans="8:8">
      <c r="H462859" s="12"/>
    </row>
    <row r="462860" spans="8:8">
      <c r="H462860" s="12"/>
    </row>
    <row r="462861" spans="8:8">
      <c r="H462861" s="12"/>
    </row>
    <row r="462862" spans="8:8">
      <c r="H462862" s="12"/>
    </row>
    <row r="462863" spans="8:8">
      <c r="H462863" s="12"/>
    </row>
    <row r="462864" spans="8:8">
      <c r="H462864" s="12"/>
    </row>
    <row r="462865" spans="8:8">
      <c r="H462865" s="12"/>
    </row>
    <row r="462866" spans="8:8">
      <c r="H462866" s="12"/>
    </row>
    <row r="462867" spans="8:8">
      <c r="H462867" s="12"/>
    </row>
    <row r="462868" spans="8:8">
      <c r="H462868" s="12"/>
    </row>
    <row r="462869" spans="8:8">
      <c r="H462869" s="12"/>
    </row>
    <row r="462870" spans="8:8">
      <c r="H462870" s="12"/>
    </row>
    <row r="462871" spans="8:8">
      <c r="H462871" s="12"/>
    </row>
    <row r="462872" spans="8:8">
      <c r="H462872" s="12"/>
    </row>
    <row r="462873" spans="8:8">
      <c r="H462873" s="12"/>
    </row>
    <row r="462874" spans="8:8">
      <c r="H462874" s="12"/>
    </row>
    <row r="462875" spans="8:8">
      <c r="H462875" s="12"/>
    </row>
    <row r="462876" spans="8:8">
      <c r="H462876" s="12"/>
    </row>
    <row r="462877" spans="8:8">
      <c r="H462877" s="12"/>
    </row>
    <row r="462878" spans="8:8">
      <c r="H462878" s="12"/>
    </row>
    <row r="462879" spans="8:8">
      <c r="H462879" s="12"/>
    </row>
    <row r="462880" spans="8:8">
      <c r="H462880" s="12"/>
    </row>
    <row r="462881" spans="8:8">
      <c r="H462881" s="12"/>
    </row>
    <row r="462882" spans="8:8">
      <c r="H462882" s="12"/>
    </row>
    <row r="462883" spans="8:8">
      <c r="H462883" s="12"/>
    </row>
    <row r="462884" spans="8:8">
      <c r="H462884" s="12"/>
    </row>
    <row r="462885" spans="8:8">
      <c r="H462885" s="12"/>
    </row>
    <row r="462886" spans="8:8">
      <c r="H462886" s="12"/>
    </row>
    <row r="462887" spans="8:8">
      <c r="H462887" s="12"/>
    </row>
    <row r="462888" spans="8:8">
      <c r="H462888" s="12"/>
    </row>
    <row r="462889" spans="8:8">
      <c r="H462889" s="12"/>
    </row>
    <row r="462890" spans="8:8">
      <c r="H462890" s="12"/>
    </row>
    <row r="462891" spans="8:8">
      <c r="H462891" s="12"/>
    </row>
    <row r="462892" spans="8:8">
      <c r="H462892" s="12"/>
    </row>
    <row r="462893" spans="8:8">
      <c r="H462893" s="12"/>
    </row>
    <row r="462894" spans="8:8">
      <c r="H462894" s="12"/>
    </row>
    <row r="462895" spans="8:8">
      <c r="H462895" s="12"/>
    </row>
    <row r="462896" spans="8:8">
      <c r="H462896" s="12"/>
    </row>
    <row r="462897" spans="8:8">
      <c r="H462897" s="12"/>
    </row>
    <row r="462898" spans="8:8">
      <c r="H462898" s="12"/>
    </row>
    <row r="462899" spans="8:8">
      <c r="H462899" s="12"/>
    </row>
    <row r="462900" spans="8:8">
      <c r="H462900" s="12"/>
    </row>
    <row r="462901" spans="8:8">
      <c r="H462901" s="12"/>
    </row>
    <row r="462902" spans="8:8">
      <c r="H462902" s="12"/>
    </row>
    <row r="462903" spans="8:8">
      <c r="H462903" s="12"/>
    </row>
    <row r="462904" spans="8:8">
      <c r="H462904" s="12"/>
    </row>
    <row r="462905" spans="8:8">
      <c r="H462905" s="12"/>
    </row>
    <row r="462906" spans="8:8">
      <c r="H462906" s="12"/>
    </row>
    <row r="462907" spans="8:8">
      <c r="H462907" s="12"/>
    </row>
    <row r="462908" spans="8:8">
      <c r="H462908" s="12"/>
    </row>
    <row r="462909" spans="8:8">
      <c r="H462909" s="12"/>
    </row>
    <row r="462910" spans="8:8">
      <c r="H462910" s="12"/>
    </row>
    <row r="462911" spans="8:8">
      <c r="H462911" s="12"/>
    </row>
    <row r="462912" spans="8:8">
      <c r="H462912" s="12"/>
    </row>
    <row r="462913" spans="8:8">
      <c r="H462913" s="12"/>
    </row>
    <row r="462914" spans="8:8">
      <c r="H462914" s="12"/>
    </row>
    <row r="462915" spans="8:8">
      <c r="H462915" s="12"/>
    </row>
    <row r="462916" spans="8:8">
      <c r="H462916" s="12"/>
    </row>
    <row r="462917" spans="8:8">
      <c r="H462917" s="12"/>
    </row>
    <row r="462918" spans="8:8">
      <c r="H462918" s="12"/>
    </row>
    <row r="462919" spans="8:8">
      <c r="H462919" s="12"/>
    </row>
    <row r="462920" spans="8:8">
      <c r="H462920" s="12"/>
    </row>
    <row r="462921" spans="8:8">
      <c r="H462921" s="12"/>
    </row>
    <row r="462922" spans="8:8">
      <c r="H462922" s="12"/>
    </row>
    <row r="462923" spans="8:8">
      <c r="H462923" s="12"/>
    </row>
    <row r="462924" spans="8:8">
      <c r="H462924" s="12"/>
    </row>
    <row r="462925" spans="8:8">
      <c r="H462925" s="12"/>
    </row>
    <row r="462926" spans="8:8">
      <c r="H462926" s="12"/>
    </row>
    <row r="462927" spans="8:8">
      <c r="H462927" s="12"/>
    </row>
    <row r="462928" spans="8:8">
      <c r="H462928" s="12"/>
    </row>
    <row r="462929" spans="8:8">
      <c r="H462929" s="12"/>
    </row>
    <row r="462930" spans="8:8">
      <c r="H462930" s="12"/>
    </row>
    <row r="462931" spans="8:8">
      <c r="H462931" s="12"/>
    </row>
    <row r="462932" spans="8:8">
      <c r="H462932" s="12"/>
    </row>
    <row r="462933" spans="8:8">
      <c r="H462933" s="12"/>
    </row>
    <row r="462934" spans="8:8">
      <c r="H462934" s="12"/>
    </row>
    <row r="462935" spans="8:8">
      <c r="H462935" s="12"/>
    </row>
    <row r="462936" spans="8:8">
      <c r="H462936" s="12"/>
    </row>
    <row r="462937" spans="8:8">
      <c r="H462937" s="12"/>
    </row>
    <row r="462938" spans="8:8">
      <c r="H462938" s="12"/>
    </row>
    <row r="462939" spans="8:8">
      <c r="H462939" s="12"/>
    </row>
    <row r="462940" spans="8:8">
      <c r="H462940" s="12"/>
    </row>
    <row r="462941" spans="8:8">
      <c r="H462941" s="12"/>
    </row>
    <row r="462942" spans="8:8">
      <c r="H462942" s="12"/>
    </row>
    <row r="462943" spans="8:8">
      <c r="H462943" s="12"/>
    </row>
    <row r="462944" spans="8:8">
      <c r="H462944" s="12"/>
    </row>
    <row r="462945" spans="8:8">
      <c r="H462945" s="12"/>
    </row>
    <row r="462946" spans="8:8">
      <c r="H462946" s="12"/>
    </row>
    <row r="462947" spans="8:8">
      <c r="H462947" s="12"/>
    </row>
    <row r="462948" spans="8:8">
      <c r="H462948" s="12"/>
    </row>
    <row r="462949" spans="8:8">
      <c r="H462949" s="12"/>
    </row>
    <row r="462950" spans="8:8">
      <c r="H462950" s="12"/>
    </row>
    <row r="462951" spans="8:8">
      <c r="H462951" s="12"/>
    </row>
    <row r="462952" spans="8:8">
      <c r="H462952" s="12"/>
    </row>
    <row r="462953" spans="8:8">
      <c r="H462953" s="12"/>
    </row>
    <row r="462954" spans="8:8">
      <c r="H462954" s="12"/>
    </row>
    <row r="462955" spans="8:8">
      <c r="H462955" s="12"/>
    </row>
    <row r="462956" spans="8:8">
      <c r="H462956" s="12"/>
    </row>
    <row r="462957" spans="8:8">
      <c r="H462957" s="12"/>
    </row>
    <row r="462958" spans="8:8">
      <c r="H462958" s="12"/>
    </row>
    <row r="462959" spans="8:8">
      <c r="H462959" s="12"/>
    </row>
    <row r="462960" spans="8:8">
      <c r="H462960" s="12"/>
    </row>
    <row r="462961" spans="8:8">
      <c r="H462961" s="12"/>
    </row>
    <row r="462962" spans="8:8">
      <c r="H462962" s="12"/>
    </row>
    <row r="462963" spans="8:8">
      <c r="H462963" s="12"/>
    </row>
    <row r="462964" spans="8:8">
      <c r="H462964" s="12"/>
    </row>
    <row r="462965" spans="8:8">
      <c r="H462965" s="12"/>
    </row>
    <row r="462966" spans="8:8">
      <c r="H462966" s="12"/>
    </row>
    <row r="462967" spans="8:8">
      <c r="H462967" s="12"/>
    </row>
    <row r="462968" spans="8:8">
      <c r="H462968" s="12"/>
    </row>
    <row r="462969" spans="8:8">
      <c r="H462969" s="12"/>
    </row>
    <row r="462970" spans="8:8">
      <c r="H462970" s="12"/>
    </row>
    <row r="462971" spans="8:8">
      <c r="H462971" s="12"/>
    </row>
    <row r="462972" spans="8:8">
      <c r="H462972" s="12"/>
    </row>
    <row r="462973" spans="8:8">
      <c r="H462973" s="12"/>
    </row>
    <row r="462974" spans="8:8">
      <c r="H462974" s="12"/>
    </row>
    <row r="462975" spans="8:8">
      <c r="H462975" s="12"/>
    </row>
    <row r="462976" spans="8:8">
      <c r="H462976" s="12"/>
    </row>
    <row r="462977" spans="8:8">
      <c r="H462977" s="12"/>
    </row>
    <row r="462978" spans="8:8">
      <c r="H462978" s="12"/>
    </row>
    <row r="462979" spans="8:8">
      <c r="H462979" s="12"/>
    </row>
    <row r="462980" spans="8:8">
      <c r="H462980" s="12"/>
    </row>
    <row r="462981" spans="8:8">
      <c r="H462981" s="12"/>
    </row>
    <row r="462982" spans="8:8">
      <c r="H462982" s="12"/>
    </row>
    <row r="462983" spans="8:8">
      <c r="H462983" s="12"/>
    </row>
    <row r="462984" spans="8:8">
      <c r="H462984" s="12"/>
    </row>
    <row r="462985" spans="8:8">
      <c r="H462985" s="12"/>
    </row>
    <row r="462986" spans="8:8">
      <c r="H462986" s="12"/>
    </row>
    <row r="462987" spans="8:8">
      <c r="H462987" s="12"/>
    </row>
    <row r="462988" spans="8:8">
      <c r="H462988" s="12"/>
    </row>
    <row r="462989" spans="8:8">
      <c r="H462989" s="12"/>
    </row>
    <row r="462990" spans="8:8">
      <c r="H462990" s="12"/>
    </row>
    <row r="462991" spans="8:8">
      <c r="H462991" s="12"/>
    </row>
    <row r="462992" spans="8:8">
      <c r="H462992" s="12"/>
    </row>
    <row r="462993" spans="8:8">
      <c r="H462993" s="12"/>
    </row>
    <row r="462994" spans="8:8">
      <c r="H462994" s="12"/>
    </row>
    <row r="462995" spans="8:8">
      <c r="H462995" s="12"/>
    </row>
    <row r="462996" spans="8:8">
      <c r="H462996" s="12"/>
    </row>
    <row r="462997" spans="8:8">
      <c r="H462997" s="12"/>
    </row>
    <row r="462998" spans="8:8">
      <c r="H462998" s="12"/>
    </row>
    <row r="462999" spans="8:8">
      <c r="H462999" s="12"/>
    </row>
    <row r="463000" spans="8:8">
      <c r="H463000" s="12"/>
    </row>
    <row r="463001" spans="8:8">
      <c r="H463001" s="12"/>
    </row>
    <row r="463002" spans="8:8">
      <c r="H463002" s="12"/>
    </row>
    <row r="463003" spans="8:8">
      <c r="H463003" s="12"/>
    </row>
    <row r="463004" spans="8:8">
      <c r="H463004" s="12"/>
    </row>
    <row r="463005" spans="8:8">
      <c r="H463005" s="12"/>
    </row>
    <row r="463006" spans="8:8">
      <c r="H463006" s="12"/>
    </row>
    <row r="463007" spans="8:8">
      <c r="H463007" s="12"/>
    </row>
    <row r="463008" spans="8:8">
      <c r="H463008" s="12"/>
    </row>
    <row r="463009" spans="8:8">
      <c r="H463009" s="12"/>
    </row>
    <row r="463010" spans="8:8">
      <c r="H463010" s="12"/>
    </row>
    <row r="463011" spans="8:8">
      <c r="H463011" s="12"/>
    </row>
    <row r="463012" spans="8:8">
      <c r="H463012" s="12"/>
    </row>
    <row r="463013" spans="8:8">
      <c r="H463013" s="12"/>
    </row>
    <row r="463014" spans="8:8">
      <c r="H463014" s="12"/>
    </row>
    <row r="463015" spans="8:8">
      <c r="H463015" s="12"/>
    </row>
    <row r="463016" spans="8:8">
      <c r="H463016" s="12"/>
    </row>
    <row r="463017" spans="8:8">
      <c r="H463017" s="12"/>
    </row>
    <row r="463018" spans="8:8">
      <c r="H463018" s="12"/>
    </row>
    <row r="463019" spans="8:8">
      <c r="H463019" s="12"/>
    </row>
    <row r="463020" spans="8:8">
      <c r="H463020" s="12"/>
    </row>
    <row r="463021" spans="8:8">
      <c r="H463021" s="12"/>
    </row>
    <row r="463022" spans="8:8">
      <c r="H463022" s="12"/>
    </row>
    <row r="463023" spans="8:8">
      <c r="H463023" s="12"/>
    </row>
    <row r="463024" spans="8:8">
      <c r="H463024" s="12"/>
    </row>
    <row r="463025" spans="8:8">
      <c r="H463025" s="12"/>
    </row>
    <row r="463026" spans="8:8">
      <c r="H463026" s="12"/>
    </row>
    <row r="463027" spans="8:8">
      <c r="H463027" s="12"/>
    </row>
    <row r="463028" spans="8:8">
      <c r="H463028" s="12"/>
    </row>
    <row r="463029" spans="8:8">
      <c r="H463029" s="12"/>
    </row>
    <row r="463030" spans="8:8">
      <c r="H463030" s="12"/>
    </row>
    <row r="463031" spans="8:8">
      <c r="H463031" s="12"/>
    </row>
    <row r="463032" spans="8:8">
      <c r="H463032" s="12"/>
    </row>
    <row r="463033" spans="8:8">
      <c r="H463033" s="12"/>
    </row>
    <row r="463034" spans="8:8">
      <c r="H463034" s="12"/>
    </row>
    <row r="463035" spans="8:8">
      <c r="H463035" s="12"/>
    </row>
    <row r="463036" spans="8:8">
      <c r="H463036" s="12"/>
    </row>
    <row r="463037" spans="8:8">
      <c r="H463037" s="12"/>
    </row>
    <row r="463038" spans="8:8">
      <c r="H463038" s="12"/>
    </row>
    <row r="463039" spans="8:8">
      <c r="H463039" s="12"/>
    </row>
    <row r="463040" spans="8:8">
      <c r="H463040" s="12"/>
    </row>
    <row r="463041" spans="8:8">
      <c r="H463041" s="12"/>
    </row>
    <row r="463042" spans="8:8">
      <c r="H463042" s="12"/>
    </row>
    <row r="463043" spans="8:8">
      <c r="H463043" s="12"/>
    </row>
    <row r="463044" spans="8:8">
      <c r="H463044" s="12"/>
    </row>
    <row r="463045" spans="8:8">
      <c r="H463045" s="12"/>
    </row>
    <row r="463046" spans="8:8">
      <c r="H463046" s="12"/>
    </row>
    <row r="463047" spans="8:8">
      <c r="H463047" s="12"/>
    </row>
    <row r="463048" spans="8:8">
      <c r="H463048" s="12"/>
    </row>
    <row r="463049" spans="8:8">
      <c r="H463049" s="12"/>
    </row>
    <row r="463050" spans="8:8">
      <c r="H463050" s="12"/>
    </row>
    <row r="463051" spans="8:8">
      <c r="H463051" s="12"/>
    </row>
    <row r="463052" spans="8:8">
      <c r="H463052" s="12"/>
    </row>
    <row r="463053" spans="8:8">
      <c r="H463053" s="12"/>
    </row>
    <row r="463054" spans="8:8">
      <c r="H463054" s="12"/>
    </row>
    <row r="463055" spans="8:8">
      <c r="H463055" s="12"/>
    </row>
    <row r="463056" spans="8:8">
      <c r="H463056" s="12"/>
    </row>
    <row r="463057" spans="8:8">
      <c r="H463057" s="12"/>
    </row>
    <row r="463058" spans="8:8">
      <c r="H463058" s="12"/>
    </row>
    <row r="463059" spans="8:8">
      <c r="H463059" s="12"/>
    </row>
    <row r="463060" spans="8:8">
      <c r="H463060" s="12"/>
    </row>
    <row r="463061" spans="8:8">
      <c r="H463061" s="12"/>
    </row>
    <row r="463062" spans="8:8">
      <c r="H463062" s="12"/>
    </row>
    <row r="463063" spans="8:8">
      <c r="H463063" s="12"/>
    </row>
    <row r="463064" spans="8:8">
      <c r="H463064" s="12"/>
    </row>
    <row r="463065" spans="8:8">
      <c r="H463065" s="12"/>
    </row>
    <row r="463066" spans="8:8">
      <c r="H463066" s="12"/>
    </row>
    <row r="463067" spans="8:8">
      <c r="H463067" s="12"/>
    </row>
    <row r="463068" spans="8:8">
      <c r="H463068" s="12"/>
    </row>
    <row r="463069" spans="8:8">
      <c r="H463069" s="12"/>
    </row>
    <row r="463070" spans="8:8">
      <c r="H463070" s="12"/>
    </row>
    <row r="463071" spans="8:8">
      <c r="H463071" s="12"/>
    </row>
    <row r="463072" spans="8:8">
      <c r="H463072" s="12"/>
    </row>
    <row r="463073" spans="8:8">
      <c r="H463073" s="12"/>
    </row>
    <row r="463074" spans="8:8">
      <c r="H463074" s="12"/>
    </row>
    <row r="463075" spans="8:8">
      <c r="H463075" s="12"/>
    </row>
    <row r="463076" spans="8:8">
      <c r="H463076" s="12"/>
    </row>
    <row r="463077" spans="8:8">
      <c r="H463077" s="12"/>
    </row>
    <row r="463078" spans="8:8">
      <c r="H463078" s="12"/>
    </row>
    <row r="463079" spans="8:8">
      <c r="H463079" s="12"/>
    </row>
    <row r="463080" spans="8:8">
      <c r="H463080" s="12"/>
    </row>
    <row r="463081" spans="8:8">
      <c r="H463081" s="12"/>
    </row>
    <row r="463082" spans="8:8">
      <c r="H463082" s="12"/>
    </row>
    <row r="463083" spans="8:8">
      <c r="H463083" s="12"/>
    </row>
    <row r="463084" spans="8:8">
      <c r="H463084" s="12"/>
    </row>
    <row r="463085" spans="8:8">
      <c r="H463085" s="12"/>
    </row>
    <row r="463086" spans="8:8">
      <c r="H463086" s="12"/>
    </row>
    <row r="463087" spans="8:8">
      <c r="H463087" s="12"/>
    </row>
    <row r="463088" spans="8:8">
      <c r="H463088" s="12"/>
    </row>
    <row r="463089" spans="8:8">
      <c r="H463089" s="12"/>
    </row>
    <row r="463090" spans="8:8">
      <c r="H463090" s="12"/>
    </row>
    <row r="463091" spans="8:8">
      <c r="H463091" s="12"/>
    </row>
    <row r="463092" spans="8:8">
      <c r="H463092" s="12"/>
    </row>
    <row r="463093" spans="8:8">
      <c r="H463093" s="12"/>
    </row>
    <row r="463094" spans="8:8">
      <c r="H463094" s="12"/>
    </row>
    <row r="463095" spans="8:8">
      <c r="H463095" s="12"/>
    </row>
    <row r="463096" spans="8:8">
      <c r="H463096" s="12"/>
    </row>
    <row r="463097" spans="8:8">
      <c r="H463097" s="12"/>
    </row>
    <row r="463098" spans="8:8">
      <c r="H463098" s="12"/>
    </row>
    <row r="463099" spans="8:8">
      <c r="H463099" s="12"/>
    </row>
    <row r="463100" spans="8:8">
      <c r="H463100" s="12"/>
    </row>
    <row r="463101" spans="8:8">
      <c r="H463101" s="12"/>
    </row>
    <row r="463102" spans="8:8">
      <c r="H463102" s="12"/>
    </row>
    <row r="463103" spans="8:8">
      <c r="H463103" s="12"/>
    </row>
    <row r="463104" spans="8:8">
      <c r="H463104" s="12"/>
    </row>
    <row r="463105" spans="8:8">
      <c r="H463105" s="12"/>
    </row>
    <row r="463106" spans="8:8">
      <c r="H463106" s="12"/>
    </row>
    <row r="463107" spans="8:8">
      <c r="H463107" s="12"/>
    </row>
    <row r="463108" spans="8:8">
      <c r="H463108" s="12"/>
    </row>
    <row r="463109" spans="8:8">
      <c r="H463109" s="12"/>
    </row>
    <row r="463110" spans="8:8">
      <c r="H463110" s="12"/>
    </row>
    <row r="463111" spans="8:8">
      <c r="H463111" s="12"/>
    </row>
    <row r="463112" spans="8:8">
      <c r="H463112" s="12"/>
    </row>
    <row r="463113" spans="8:8">
      <c r="H463113" s="12"/>
    </row>
    <row r="463114" spans="8:8">
      <c r="H463114" s="12"/>
    </row>
    <row r="463115" spans="8:8">
      <c r="H463115" s="12"/>
    </row>
    <row r="463116" spans="8:8">
      <c r="H463116" s="12"/>
    </row>
    <row r="463117" spans="8:8">
      <c r="H463117" s="12"/>
    </row>
    <row r="463118" spans="8:8">
      <c r="H463118" s="12"/>
    </row>
    <row r="463119" spans="8:8">
      <c r="H463119" s="12"/>
    </row>
    <row r="463120" spans="8:8">
      <c r="H463120" s="12"/>
    </row>
    <row r="463121" spans="8:8">
      <c r="H463121" s="12"/>
    </row>
    <row r="463122" spans="8:8">
      <c r="H463122" s="12"/>
    </row>
    <row r="463123" spans="8:8">
      <c r="H463123" s="12"/>
    </row>
    <row r="463124" spans="8:8">
      <c r="H463124" s="12"/>
    </row>
    <row r="463125" spans="8:8">
      <c r="H463125" s="12"/>
    </row>
    <row r="463126" spans="8:8">
      <c r="H463126" s="12"/>
    </row>
    <row r="463127" spans="8:8">
      <c r="H463127" s="12"/>
    </row>
    <row r="463128" spans="8:8">
      <c r="H463128" s="12"/>
    </row>
    <row r="463129" spans="8:8">
      <c r="H463129" s="12"/>
    </row>
    <row r="463130" spans="8:8">
      <c r="H463130" s="12"/>
    </row>
    <row r="463131" spans="8:8">
      <c r="H463131" s="12"/>
    </row>
    <row r="463132" spans="8:8">
      <c r="H463132" s="12"/>
    </row>
    <row r="463133" spans="8:8">
      <c r="H463133" s="12"/>
    </row>
    <row r="463134" spans="8:8">
      <c r="H463134" s="12"/>
    </row>
    <row r="463135" spans="8:8">
      <c r="H463135" s="12"/>
    </row>
    <row r="463136" spans="8:8">
      <c r="H463136" s="12"/>
    </row>
    <row r="463137" spans="8:8">
      <c r="H463137" s="12"/>
    </row>
    <row r="463138" spans="8:8">
      <c r="H463138" s="12"/>
    </row>
    <row r="463139" spans="8:8">
      <c r="H463139" s="12"/>
    </row>
    <row r="463140" spans="8:8">
      <c r="H463140" s="12"/>
    </row>
    <row r="463141" spans="8:8">
      <c r="H463141" s="12"/>
    </row>
    <row r="463142" spans="8:8">
      <c r="H463142" s="12"/>
    </row>
    <row r="463143" spans="8:8">
      <c r="H463143" s="12"/>
    </row>
    <row r="463144" spans="8:8">
      <c r="H463144" s="12"/>
    </row>
    <row r="463145" spans="8:8">
      <c r="H463145" s="12"/>
    </row>
    <row r="463146" spans="8:8">
      <c r="H463146" s="12"/>
    </row>
    <row r="463147" spans="8:8">
      <c r="H463147" s="12"/>
    </row>
    <row r="463148" spans="8:8">
      <c r="H463148" s="12"/>
    </row>
    <row r="463149" spans="8:8">
      <c r="H463149" s="12"/>
    </row>
    <row r="463150" spans="8:8">
      <c r="H463150" s="12"/>
    </row>
    <row r="463151" spans="8:8">
      <c r="H463151" s="12"/>
    </row>
    <row r="463152" spans="8:8">
      <c r="H463152" s="12"/>
    </row>
    <row r="463153" spans="8:8">
      <c r="H463153" s="12"/>
    </row>
    <row r="463154" spans="8:8">
      <c r="H463154" s="12"/>
    </row>
    <row r="463155" spans="8:8">
      <c r="H463155" s="12"/>
    </row>
    <row r="463156" spans="8:8">
      <c r="H463156" s="12"/>
    </row>
    <row r="463157" spans="8:8">
      <c r="H463157" s="12"/>
    </row>
    <row r="463158" spans="8:8">
      <c r="H463158" s="12"/>
    </row>
    <row r="463159" spans="8:8">
      <c r="H463159" s="12"/>
    </row>
    <row r="463160" spans="8:8">
      <c r="H463160" s="12"/>
    </row>
    <row r="463161" spans="8:8">
      <c r="H463161" s="12"/>
    </row>
    <row r="463162" spans="8:8">
      <c r="H463162" s="12"/>
    </row>
    <row r="463163" spans="8:8">
      <c r="H463163" s="12"/>
    </row>
    <row r="463164" spans="8:8">
      <c r="H463164" s="12"/>
    </row>
    <row r="463165" spans="8:8">
      <c r="H463165" s="12"/>
    </row>
    <row r="463166" spans="8:8">
      <c r="H463166" s="12"/>
    </row>
    <row r="463167" spans="8:8">
      <c r="H463167" s="12"/>
    </row>
    <row r="463168" spans="8:8">
      <c r="H463168" s="12"/>
    </row>
    <row r="463169" spans="8:8">
      <c r="H463169" s="12"/>
    </row>
    <row r="463170" spans="8:8">
      <c r="H463170" s="12"/>
    </row>
    <row r="463171" spans="8:8">
      <c r="H463171" s="12"/>
    </row>
    <row r="463172" spans="8:8">
      <c r="H463172" s="12"/>
    </row>
    <row r="463173" spans="8:8">
      <c r="H463173" s="12"/>
    </row>
    <row r="463174" spans="8:8">
      <c r="H463174" s="12"/>
    </row>
    <row r="463175" spans="8:8">
      <c r="H463175" s="12"/>
    </row>
    <row r="463176" spans="8:8">
      <c r="H463176" s="12"/>
    </row>
    <row r="463177" spans="8:8">
      <c r="H463177" s="12"/>
    </row>
    <row r="463178" spans="8:8">
      <c r="H463178" s="12"/>
    </row>
    <row r="463179" spans="8:8">
      <c r="H463179" s="12"/>
    </row>
    <row r="463180" spans="8:8">
      <c r="H463180" s="12"/>
    </row>
    <row r="463181" spans="8:8">
      <c r="H463181" s="12"/>
    </row>
    <row r="463182" spans="8:8">
      <c r="H463182" s="12"/>
    </row>
    <row r="463183" spans="8:8">
      <c r="H463183" s="12"/>
    </row>
    <row r="463184" spans="8:8">
      <c r="H463184" s="12"/>
    </row>
    <row r="463185" spans="8:8">
      <c r="H463185" s="12"/>
    </row>
    <row r="463186" spans="8:8">
      <c r="H463186" s="12"/>
    </row>
    <row r="463187" spans="8:8">
      <c r="H463187" s="12"/>
    </row>
    <row r="463188" spans="8:8">
      <c r="H463188" s="12"/>
    </row>
    <row r="463189" spans="8:8">
      <c r="H463189" s="12"/>
    </row>
    <row r="463190" spans="8:8">
      <c r="H463190" s="12"/>
    </row>
    <row r="463191" spans="8:8">
      <c r="H463191" s="12"/>
    </row>
    <row r="463192" spans="8:8">
      <c r="H463192" s="12"/>
    </row>
    <row r="463193" spans="8:8">
      <c r="H463193" s="12"/>
    </row>
    <row r="463194" spans="8:8">
      <c r="H463194" s="12"/>
    </row>
    <row r="463195" spans="8:8">
      <c r="H463195" s="12"/>
    </row>
    <row r="463196" spans="8:8">
      <c r="H463196" s="12"/>
    </row>
    <row r="463197" spans="8:8">
      <c r="H463197" s="12"/>
    </row>
    <row r="463198" spans="8:8">
      <c r="H463198" s="12"/>
    </row>
    <row r="463199" spans="8:8">
      <c r="H463199" s="12"/>
    </row>
    <row r="463200" spans="8:8">
      <c r="H463200" s="12"/>
    </row>
    <row r="463201" spans="8:8">
      <c r="H463201" s="12"/>
    </row>
    <row r="463202" spans="8:8">
      <c r="H463202" s="12"/>
    </row>
    <row r="463203" spans="8:8">
      <c r="H463203" s="12"/>
    </row>
    <row r="463204" spans="8:8">
      <c r="H463204" s="12"/>
    </row>
    <row r="463205" spans="8:8">
      <c r="H463205" s="12"/>
    </row>
    <row r="463206" spans="8:8">
      <c r="H463206" s="12"/>
    </row>
    <row r="463207" spans="8:8">
      <c r="H463207" s="12"/>
    </row>
    <row r="463208" spans="8:8">
      <c r="H463208" s="12"/>
    </row>
    <row r="463209" spans="8:8">
      <c r="H463209" s="12"/>
    </row>
    <row r="463210" spans="8:8">
      <c r="H463210" s="12"/>
    </row>
    <row r="463211" spans="8:8">
      <c r="H463211" s="12"/>
    </row>
    <row r="463212" spans="8:8">
      <c r="H463212" s="12"/>
    </row>
    <row r="463213" spans="8:8">
      <c r="H463213" s="12"/>
    </row>
    <row r="463214" spans="8:8">
      <c r="H463214" s="12"/>
    </row>
    <row r="463215" spans="8:8">
      <c r="H463215" s="12"/>
    </row>
    <row r="463216" spans="8:8">
      <c r="H463216" s="12"/>
    </row>
    <row r="463217" spans="8:8">
      <c r="H463217" s="12"/>
    </row>
    <row r="463218" spans="8:8">
      <c r="H463218" s="12"/>
    </row>
    <row r="463219" spans="8:8">
      <c r="H463219" s="12"/>
    </row>
    <row r="463220" spans="8:8">
      <c r="H463220" s="12"/>
    </row>
    <row r="463221" spans="8:8">
      <c r="H463221" s="12"/>
    </row>
    <row r="463222" spans="8:8">
      <c r="H463222" s="12"/>
    </row>
    <row r="463223" spans="8:8">
      <c r="H463223" s="12"/>
    </row>
    <row r="463224" spans="8:8">
      <c r="H463224" s="12"/>
    </row>
    <row r="463225" spans="8:8">
      <c r="H463225" s="12"/>
    </row>
    <row r="463226" spans="8:8">
      <c r="H463226" s="12"/>
    </row>
    <row r="463227" spans="8:8">
      <c r="H463227" s="12"/>
    </row>
    <row r="463228" spans="8:8">
      <c r="H463228" s="12"/>
    </row>
    <row r="463229" spans="8:8">
      <c r="H463229" s="12"/>
    </row>
    <row r="463230" spans="8:8">
      <c r="H463230" s="12"/>
    </row>
    <row r="463231" spans="8:8">
      <c r="H463231" s="12"/>
    </row>
    <row r="463232" spans="8:8">
      <c r="H463232" s="12"/>
    </row>
    <row r="463233" spans="8:8">
      <c r="H463233" s="12"/>
    </row>
    <row r="463234" spans="8:8">
      <c r="H463234" s="12"/>
    </row>
    <row r="463235" spans="8:8">
      <c r="H463235" s="12"/>
    </row>
    <row r="463236" spans="8:8">
      <c r="H463236" s="12"/>
    </row>
    <row r="463237" spans="8:8">
      <c r="H463237" s="12"/>
    </row>
    <row r="463238" spans="8:8">
      <c r="H463238" s="12"/>
    </row>
    <row r="463239" spans="8:8">
      <c r="H463239" s="12"/>
    </row>
    <row r="463240" spans="8:8">
      <c r="H463240" s="12"/>
    </row>
    <row r="463241" spans="8:8">
      <c r="H463241" s="12"/>
    </row>
    <row r="463242" spans="8:8">
      <c r="H463242" s="12"/>
    </row>
    <row r="463243" spans="8:8">
      <c r="H463243" s="12"/>
    </row>
    <row r="463244" spans="8:8">
      <c r="H463244" s="12"/>
    </row>
    <row r="463245" spans="8:8">
      <c r="H463245" s="12"/>
    </row>
    <row r="463246" spans="8:8">
      <c r="H463246" s="12"/>
    </row>
    <row r="463247" spans="8:8">
      <c r="H463247" s="12"/>
    </row>
    <row r="463248" spans="8:8">
      <c r="H463248" s="12"/>
    </row>
    <row r="463249" spans="8:8">
      <c r="H463249" s="12"/>
    </row>
    <row r="463250" spans="8:8">
      <c r="H463250" s="12"/>
    </row>
    <row r="463251" spans="8:8">
      <c r="H463251" s="12"/>
    </row>
    <row r="463252" spans="8:8">
      <c r="H463252" s="12"/>
    </row>
    <row r="463253" spans="8:8">
      <c r="H463253" s="12"/>
    </row>
    <row r="463254" spans="8:8">
      <c r="H463254" s="12"/>
    </row>
    <row r="463255" spans="8:8">
      <c r="H463255" s="12"/>
    </row>
    <row r="463256" spans="8:8">
      <c r="H463256" s="12"/>
    </row>
    <row r="463257" spans="8:8">
      <c r="H463257" s="12"/>
    </row>
    <row r="463258" spans="8:8">
      <c r="H463258" s="12"/>
    </row>
    <row r="463259" spans="8:8">
      <c r="H463259" s="12"/>
    </row>
    <row r="463260" spans="8:8">
      <c r="H463260" s="12"/>
    </row>
    <row r="463261" spans="8:8">
      <c r="H463261" s="12"/>
    </row>
    <row r="463262" spans="8:8">
      <c r="H463262" s="12"/>
    </row>
    <row r="463263" spans="8:8">
      <c r="H463263" s="12"/>
    </row>
    <row r="463264" spans="8:8">
      <c r="H463264" s="12"/>
    </row>
    <row r="463265" spans="8:8">
      <c r="H463265" s="12"/>
    </row>
    <row r="463266" spans="8:8">
      <c r="H463266" s="12"/>
    </row>
    <row r="463267" spans="8:8">
      <c r="H463267" s="12"/>
    </row>
    <row r="463268" spans="8:8">
      <c r="H463268" s="12"/>
    </row>
    <row r="463269" spans="8:8">
      <c r="H463269" s="12"/>
    </row>
    <row r="463270" spans="8:8">
      <c r="H463270" s="12"/>
    </row>
    <row r="463271" spans="8:8">
      <c r="H463271" s="12"/>
    </row>
    <row r="463272" spans="8:8">
      <c r="H463272" s="12"/>
    </row>
    <row r="463273" spans="8:8">
      <c r="H463273" s="12"/>
    </row>
    <row r="463274" spans="8:8">
      <c r="H463274" s="12"/>
    </row>
    <row r="463275" spans="8:8">
      <c r="H463275" s="12"/>
    </row>
    <row r="463276" spans="8:8">
      <c r="H463276" s="12"/>
    </row>
    <row r="463277" spans="8:8">
      <c r="H463277" s="12"/>
    </row>
    <row r="463278" spans="8:8">
      <c r="H463278" s="12"/>
    </row>
    <row r="463279" spans="8:8">
      <c r="H463279" s="12"/>
    </row>
    <row r="463280" spans="8:8">
      <c r="H463280" s="12"/>
    </row>
    <row r="463281" spans="8:8">
      <c r="H463281" s="12"/>
    </row>
    <row r="463282" spans="8:8">
      <c r="H463282" s="12"/>
    </row>
    <row r="463283" spans="8:8">
      <c r="H463283" s="12"/>
    </row>
    <row r="463284" spans="8:8">
      <c r="H463284" s="12"/>
    </row>
    <row r="463285" spans="8:8">
      <c r="H463285" s="12"/>
    </row>
    <row r="463286" spans="8:8">
      <c r="H463286" s="12"/>
    </row>
    <row r="463287" spans="8:8">
      <c r="H463287" s="12"/>
    </row>
    <row r="463288" spans="8:8">
      <c r="H463288" s="12"/>
    </row>
    <row r="463289" spans="8:8">
      <c r="H463289" s="12"/>
    </row>
    <row r="463290" spans="8:8">
      <c r="H463290" s="12"/>
    </row>
    <row r="463291" spans="8:8">
      <c r="H463291" s="12"/>
    </row>
    <row r="463292" spans="8:8">
      <c r="H463292" s="12"/>
    </row>
    <row r="463293" spans="8:8">
      <c r="H463293" s="12"/>
    </row>
    <row r="463294" spans="8:8">
      <c r="H463294" s="12"/>
    </row>
    <row r="463295" spans="8:8">
      <c r="H463295" s="12"/>
    </row>
    <row r="463296" spans="8:8">
      <c r="H463296" s="12"/>
    </row>
    <row r="463297" spans="8:8">
      <c r="H463297" s="12"/>
    </row>
    <row r="463298" spans="8:8">
      <c r="H463298" s="12"/>
    </row>
    <row r="463299" spans="8:8">
      <c r="H463299" s="12"/>
    </row>
    <row r="463300" spans="8:8">
      <c r="H463300" s="12"/>
    </row>
    <row r="463301" spans="8:8">
      <c r="H463301" s="12"/>
    </row>
    <row r="463302" spans="8:8">
      <c r="H463302" s="12"/>
    </row>
    <row r="463303" spans="8:8">
      <c r="H463303" s="12"/>
    </row>
    <row r="463304" spans="8:8">
      <c r="H463304" s="12"/>
    </row>
    <row r="463305" spans="8:8">
      <c r="H463305" s="12"/>
    </row>
    <row r="463306" spans="8:8">
      <c r="H463306" s="12"/>
    </row>
    <row r="463307" spans="8:8">
      <c r="H463307" s="12"/>
    </row>
    <row r="463308" spans="8:8">
      <c r="H463308" s="12"/>
    </row>
    <row r="463309" spans="8:8">
      <c r="H463309" s="12"/>
    </row>
    <row r="463310" spans="8:8">
      <c r="H463310" s="12"/>
    </row>
    <row r="463311" spans="8:8">
      <c r="H463311" s="12"/>
    </row>
    <row r="463312" spans="8:8">
      <c r="H463312" s="12"/>
    </row>
    <row r="463313" spans="8:8">
      <c r="H463313" s="12"/>
    </row>
    <row r="463314" spans="8:8">
      <c r="H463314" s="12"/>
    </row>
    <row r="463315" spans="8:8">
      <c r="H463315" s="12"/>
    </row>
    <row r="463316" spans="8:8">
      <c r="H463316" s="12"/>
    </row>
    <row r="463317" spans="8:8">
      <c r="H463317" s="12"/>
    </row>
    <row r="463318" spans="8:8">
      <c r="H463318" s="12"/>
    </row>
    <row r="463319" spans="8:8">
      <c r="H463319" s="12"/>
    </row>
    <row r="463320" spans="8:8">
      <c r="H463320" s="12"/>
    </row>
    <row r="463321" spans="8:8">
      <c r="H463321" s="12"/>
    </row>
    <row r="463322" spans="8:8">
      <c r="H463322" s="12"/>
    </row>
    <row r="463323" spans="8:8">
      <c r="H463323" s="12"/>
    </row>
    <row r="463324" spans="8:8">
      <c r="H463324" s="12"/>
    </row>
    <row r="463325" spans="8:8">
      <c r="H463325" s="12"/>
    </row>
    <row r="463326" spans="8:8">
      <c r="H463326" s="12"/>
    </row>
    <row r="463327" spans="8:8">
      <c r="H463327" s="12"/>
    </row>
    <row r="463328" spans="8:8">
      <c r="H463328" s="12"/>
    </row>
    <row r="463329" spans="8:8">
      <c r="H463329" s="12"/>
    </row>
    <row r="463330" spans="8:8">
      <c r="H463330" s="12"/>
    </row>
    <row r="463331" spans="8:8">
      <c r="H463331" s="12"/>
    </row>
    <row r="463332" spans="8:8">
      <c r="H463332" s="12"/>
    </row>
    <row r="463333" spans="8:8">
      <c r="H463333" s="12"/>
    </row>
    <row r="463334" spans="8:8">
      <c r="H463334" s="12"/>
    </row>
    <row r="463335" spans="8:8">
      <c r="H463335" s="12"/>
    </row>
    <row r="463336" spans="8:8">
      <c r="H463336" s="12"/>
    </row>
    <row r="463337" spans="8:8">
      <c r="H463337" s="12"/>
    </row>
    <row r="463338" spans="8:8">
      <c r="H463338" s="12"/>
    </row>
    <row r="463339" spans="8:8">
      <c r="H463339" s="12"/>
    </row>
    <row r="463340" spans="8:8">
      <c r="H463340" s="12"/>
    </row>
    <row r="463341" spans="8:8">
      <c r="H463341" s="12"/>
    </row>
    <row r="463342" spans="8:8">
      <c r="H463342" s="12"/>
    </row>
    <row r="463343" spans="8:8">
      <c r="H463343" s="12"/>
    </row>
    <row r="463344" spans="8:8">
      <c r="H463344" s="12"/>
    </row>
    <row r="463345" spans="8:8">
      <c r="H463345" s="12"/>
    </row>
    <row r="463346" spans="8:8">
      <c r="H463346" s="12"/>
    </row>
    <row r="463347" spans="8:8">
      <c r="H463347" s="12"/>
    </row>
    <row r="463348" spans="8:8">
      <c r="H463348" s="12"/>
    </row>
    <row r="463349" spans="8:8">
      <c r="H463349" s="12"/>
    </row>
    <row r="463350" spans="8:8">
      <c r="H463350" s="12"/>
    </row>
    <row r="463351" spans="8:8">
      <c r="H463351" s="12"/>
    </row>
    <row r="463352" spans="8:8">
      <c r="H463352" s="12"/>
    </row>
    <row r="463353" spans="8:8">
      <c r="H463353" s="12"/>
    </row>
    <row r="463354" spans="8:8">
      <c r="H463354" s="12"/>
    </row>
    <row r="463355" spans="8:8">
      <c r="H463355" s="12"/>
    </row>
    <row r="463356" spans="8:8">
      <c r="H463356" s="12"/>
    </row>
    <row r="463357" spans="8:8">
      <c r="H463357" s="12"/>
    </row>
    <row r="463358" spans="8:8">
      <c r="H463358" s="12"/>
    </row>
    <row r="463359" spans="8:8">
      <c r="H463359" s="12"/>
    </row>
    <row r="463360" spans="8:8">
      <c r="H463360" s="12"/>
    </row>
    <row r="463361" spans="8:8">
      <c r="H463361" s="12"/>
    </row>
    <row r="463362" spans="8:8">
      <c r="H463362" s="12"/>
    </row>
    <row r="463363" spans="8:8">
      <c r="H463363" s="12"/>
    </row>
    <row r="463364" spans="8:8">
      <c r="H463364" s="12"/>
    </row>
    <row r="463365" spans="8:8">
      <c r="H463365" s="12"/>
    </row>
    <row r="463366" spans="8:8">
      <c r="H463366" s="12"/>
    </row>
    <row r="463367" spans="8:8">
      <c r="H463367" s="12"/>
    </row>
    <row r="463368" spans="8:8">
      <c r="H463368" s="12"/>
    </row>
    <row r="463369" spans="8:8">
      <c r="H463369" s="12"/>
    </row>
    <row r="463370" spans="8:8">
      <c r="H463370" s="12"/>
    </row>
    <row r="463371" spans="8:8">
      <c r="H463371" s="12"/>
    </row>
    <row r="463372" spans="8:8">
      <c r="H463372" s="12"/>
    </row>
    <row r="463373" spans="8:8">
      <c r="H463373" s="12"/>
    </row>
    <row r="463374" spans="8:8">
      <c r="H463374" s="12"/>
    </row>
    <row r="463375" spans="8:8">
      <c r="H463375" s="12"/>
    </row>
    <row r="463376" spans="8:8">
      <c r="H463376" s="12"/>
    </row>
    <row r="463377" spans="8:8">
      <c r="H463377" s="12"/>
    </row>
    <row r="463378" spans="8:8">
      <c r="H463378" s="12"/>
    </row>
    <row r="463379" spans="8:8">
      <c r="H463379" s="12"/>
    </row>
    <row r="463380" spans="8:8">
      <c r="H463380" s="12"/>
    </row>
    <row r="463381" spans="8:8">
      <c r="H463381" s="12"/>
    </row>
    <row r="463382" spans="8:8">
      <c r="H463382" s="12"/>
    </row>
    <row r="463383" spans="8:8">
      <c r="H463383" s="12"/>
    </row>
    <row r="463384" spans="8:8">
      <c r="H463384" s="12"/>
    </row>
    <row r="463385" spans="8:8">
      <c r="H463385" s="12"/>
    </row>
    <row r="463386" spans="8:8">
      <c r="H463386" s="12"/>
    </row>
    <row r="463387" spans="8:8">
      <c r="H463387" s="12"/>
    </row>
    <row r="463388" spans="8:8">
      <c r="H463388" s="12"/>
    </row>
    <row r="463389" spans="8:8">
      <c r="H463389" s="12"/>
    </row>
    <row r="463390" spans="8:8">
      <c r="H463390" s="12"/>
    </row>
    <row r="463391" spans="8:8">
      <c r="H463391" s="12"/>
    </row>
    <row r="463392" spans="8:8">
      <c r="H463392" s="12"/>
    </row>
    <row r="463393" spans="8:8">
      <c r="H463393" s="12"/>
    </row>
    <row r="463394" spans="8:8">
      <c r="H463394" s="12"/>
    </row>
    <row r="463395" spans="8:8">
      <c r="H463395" s="12"/>
    </row>
    <row r="463396" spans="8:8">
      <c r="H463396" s="12"/>
    </row>
    <row r="463397" spans="8:8">
      <c r="H463397" s="12"/>
    </row>
    <row r="463398" spans="8:8">
      <c r="H463398" s="12"/>
    </row>
    <row r="463399" spans="8:8">
      <c r="H463399" s="12"/>
    </row>
    <row r="463400" spans="8:8">
      <c r="H463400" s="12"/>
    </row>
    <row r="463401" spans="8:8">
      <c r="H463401" s="12"/>
    </row>
    <row r="463402" spans="8:8">
      <c r="H463402" s="12"/>
    </row>
    <row r="463403" spans="8:8">
      <c r="H463403" s="12"/>
    </row>
    <row r="463404" spans="8:8">
      <c r="H463404" s="12"/>
    </row>
    <row r="463405" spans="8:8">
      <c r="H463405" s="12"/>
    </row>
    <row r="463406" spans="8:8">
      <c r="H463406" s="12"/>
    </row>
    <row r="463407" spans="8:8">
      <c r="H463407" s="12"/>
    </row>
    <row r="463408" spans="8:8">
      <c r="H463408" s="12"/>
    </row>
    <row r="463409" spans="8:8">
      <c r="H463409" s="12"/>
    </row>
    <row r="463410" spans="8:8">
      <c r="H463410" s="12"/>
    </row>
    <row r="463411" spans="8:8">
      <c r="H463411" s="12"/>
    </row>
    <row r="463412" spans="8:8">
      <c r="H463412" s="12"/>
    </row>
    <row r="463413" spans="8:8">
      <c r="H463413" s="12"/>
    </row>
    <row r="463414" spans="8:8">
      <c r="H463414" s="12"/>
    </row>
    <row r="463415" spans="8:8">
      <c r="H463415" s="12"/>
    </row>
    <row r="463416" spans="8:8">
      <c r="H463416" s="12"/>
    </row>
    <row r="463417" spans="8:8">
      <c r="H463417" s="12"/>
    </row>
    <row r="463418" spans="8:8">
      <c r="H463418" s="12"/>
    </row>
    <row r="463419" spans="8:8">
      <c r="H463419" s="12"/>
    </row>
    <row r="463420" spans="8:8">
      <c r="H463420" s="12"/>
    </row>
    <row r="463421" spans="8:8">
      <c r="H463421" s="12"/>
    </row>
    <row r="463422" spans="8:8">
      <c r="H463422" s="12"/>
    </row>
    <row r="463423" spans="8:8">
      <c r="H463423" s="12"/>
    </row>
    <row r="463424" spans="8:8">
      <c r="H463424" s="12"/>
    </row>
    <row r="463425" spans="8:8">
      <c r="H463425" s="12"/>
    </row>
    <row r="463426" spans="8:8">
      <c r="H463426" s="12"/>
    </row>
    <row r="463427" spans="8:8">
      <c r="H463427" s="12"/>
    </row>
    <row r="463428" spans="8:8">
      <c r="H463428" s="12"/>
    </row>
    <row r="463429" spans="8:8">
      <c r="H463429" s="12"/>
    </row>
    <row r="463430" spans="8:8">
      <c r="H463430" s="12"/>
    </row>
    <row r="463431" spans="8:8">
      <c r="H463431" s="12"/>
    </row>
    <row r="463432" spans="8:8">
      <c r="H463432" s="12"/>
    </row>
    <row r="463433" spans="8:8">
      <c r="H463433" s="12"/>
    </row>
    <row r="463434" spans="8:8">
      <c r="H463434" s="12"/>
    </row>
    <row r="463435" spans="8:8">
      <c r="H463435" s="12"/>
    </row>
    <row r="463436" spans="8:8">
      <c r="H463436" s="12"/>
    </row>
    <row r="463437" spans="8:8">
      <c r="H463437" s="12"/>
    </row>
    <row r="463438" spans="8:8">
      <c r="H463438" s="12"/>
    </row>
    <row r="463439" spans="8:8">
      <c r="H463439" s="12"/>
    </row>
    <row r="463440" spans="8:8">
      <c r="H463440" s="12"/>
    </row>
    <row r="463441" spans="8:8">
      <c r="H463441" s="12"/>
    </row>
    <row r="463442" spans="8:8">
      <c r="H463442" s="12"/>
    </row>
    <row r="463443" spans="8:8">
      <c r="H463443" s="12"/>
    </row>
    <row r="463444" spans="8:8">
      <c r="H463444" s="12"/>
    </row>
    <row r="463445" spans="8:8">
      <c r="H463445" s="12"/>
    </row>
    <row r="463446" spans="8:8">
      <c r="H463446" s="12"/>
    </row>
    <row r="463447" spans="8:8">
      <c r="H463447" s="12"/>
    </row>
    <row r="463448" spans="8:8">
      <c r="H463448" s="12"/>
    </row>
    <row r="463449" spans="8:8">
      <c r="H463449" s="12"/>
    </row>
    <row r="463450" spans="8:8">
      <c r="H463450" s="12"/>
    </row>
    <row r="463451" spans="8:8">
      <c r="H463451" s="12"/>
    </row>
    <row r="463452" spans="8:8">
      <c r="H463452" s="12"/>
    </row>
    <row r="463453" spans="8:8">
      <c r="H463453" s="12"/>
    </row>
    <row r="463454" spans="8:8">
      <c r="H463454" s="12"/>
    </row>
    <row r="463455" spans="8:8">
      <c r="H463455" s="12"/>
    </row>
    <row r="463456" spans="8:8">
      <c r="H463456" s="12"/>
    </row>
    <row r="463457" spans="8:8">
      <c r="H463457" s="12"/>
    </row>
    <row r="463458" spans="8:8">
      <c r="H463458" s="12"/>
    </row>
    <row r="463459" spans="8:8">
      <c r="H463459" s="12"/>
    </row>
    <row r="463460" spans="8:8">
      <c r="H463460" s="12"/>
    </row>
    <row r="463461" spans="8:8">
      <c r="H463461" s="12"/>
    </row>
    <row r="463462" spans="8:8">
      <c r="H463462" s="12"/>
    </row>
    <row r="463463" spans="8:8">
      <c r="H463463" s="12"/>
    </row>
    <row r="463464" spans="8:8">
      <c r="H463464" s="12"/>
    </row>
    <row r="463465" spans="8:8">
      <c r="H463465" s="12"/>
    </row>
    <row r="463466" spans="8:8">
      <c r="H463466" s="12"/>
    </row>
    <row r="463467" spans="8:8">
      <c r="H463467" s="12"/>
    </row>
    <row r="463468" spans="8:8">
      <c r="H463468" s="12"/>
    </row>
    <row r="463469" spans="8:8">
      <c r="H463469" s="12"/>
    </row>
    <row r="463470" spans="8:8">
      <c r="H463470" s="12"/>
    </row>
    <row r="463471" spans="8:8">
      <c r="H463471" s="12"/>
    </row>
    <row r="463472" spans="8:8">
      <c r="H463472" s="12"/>
    </row>
    <row r="463473" spans="8:8">
      <c r="H463473" s="12"/>
    </row>
    <row r="463474" spans="8:8">
      <c r="H463474" s="12"/>
    </row>
    <row r="463475" spans="8:8">
      <c r="H463475" s="12"/>
    </row>
    <row r="463476" spans="8:8">
      <c r="H463476" s="12"/>
    </row>
    <row r="463477" spans="8:8">
      <c r="H463477" s="12"/>
    </row>
    <row r="463478" spans="8:8">
      <c r="H463478" s="12"/>
    </row>
    <row r="463479" spans="8:8">
      <c r="H463479" s="12"/>
    </row>
    <row r="463480" spans="8:8">
      <c r="H463480" s="12"/>
    </row>
    <row r="463481" spans="8:8">
      <c r="H463481" s="12"/>
    </row>
    <row r="463482" spans="8:8">
      <c r="H463482" s="12"/>
    </row>
    <row r="463483" spans="8:8">
      <c r="H463483" s="12"/>
    </row>
    <row r="463484" spans="8:8">
      <c r="H463484" s="12"/>
    </row>
    <row r="463485" spans="8:8">
      <c r="H463485" s="12"/>
    </row>
    <row r="463486" spans="8:8">
      <c r="H463486" s="12"/>
    </row>
    <row r="463487" spans="8:8">
      <c r="H463487" s="12"/>
    </row>
    <row r="463488" spans="8:8">
      <c r="H463488" s="12"/>
    </row>
    <row r="463489" spans="8:8">
      <c r="H463489" s="12"/>
    </row>
    <row r="463490" spans="8:8">
      <c r="H463490" s="12"/>
    </row>
    <row r="463491" spans="8:8">
      <c r="H463491" s="12"/>
    </row>
    <row r="463492" spans="8:8">
      <c r="H463492" s="12"/>
    </row>
    <row r="463493" spans="8:8">
      <c r="H463493" s="12"/>
    </row>
    <row r="463494" spans="8:8">
      <c r="H463494" s="12"/>
    </row>
    <row r="463495" spans="8:8">
      <c r="H463495" s="12"/>
    </row>
    <row r="463496" spans="8:8">
      <c r="H463496" s="12"/>
    </row>
    <row r="463497" spans="8:8">
      <c r="H463497" s="12"/>
    </row>
    <row r="463498" spans="8:8">
      <c r="H463498" s="12"/>
    </row>
    <row r="463499" spans="8:8">
      <c r="H463499" s="12"/>
    </row>
    <row r="463500" spans="8:8">
      <c r="H463500" s="12"/>
    </row>
    <row r="463501" spans="8:8">
      <c r="H463501" s="12"/>
    </row>
    <row r="463502" spans="8:8">
      <c r="H463502" s="12"/>
    </row>
    <row r="463503" spans="8:8">
      <c r="H463503" s="12"/>
    </row>
    <row r="463504" spans="8:8">
      <c r="H463504" s="12"/>
    </row>
    <row r="463505" spans="8:8">
      <c r="H463505" s="12"/>
    </row>
    <row r="463506" spans="8:8">
      <c r="H463506" s="12"/>
    </row>
    <row r="463507" spans="8:8">
      <c r="H463507" s="12"/>
    </row>
    <row r="463508" spans="8:8">
      <c r="H463508" s="12"/>
    </row>
    <row r="463509" spans="8:8">
      <c r="H463509" s="12"/>
    </row>
    <row r="463510" spans="8:8">
      <c r="H463510" s="12"/>
    </row>
    <row r="463511" spans="8:8">
      <c r="H463511" s="12"/>
    </row>
    <row r="463512" spans="8:8">
      <c r="H463512" s="12"/>
    </row>
    <row r="463513" spans="8:8">
      <c r="H463513" s="12"/>
    </row>
    <row r="463514" spans="8:8">
      <c r="H463514" s="12"/>
    </row>
    <row r="463515" spans="8:8">
      <c r="H463515" s="12"/>
    </row>
    <row r="463516" spans="8:8">
      <c r="H463516" s="12"/>
    </row>
    <row r="463517" spans="8:8">
      <c r="H463517" s="12"/>
    </row>
    <row r="463518" spans="8:8">
      <c r="H463518" s="12"/>
    </row>
    <row r="463519" spans="8:8">
      <c r="H463519" s="12"/>
    </row>
    <row r="463520" spans="8:8">
      <c r="H463520" s="12"/>
    </row>
    <row r="463521" spans="8:8">
      <c r="H463521" s="12"/>
    </row>
    <row r="463522" spans="8:8">
      <c r="H463522" s="12"/>
    </row>
    <row r="463523" spans="8:8">
      <c r="H463523" s="12"/>
    </row>
    <row r="463524" spans="8:8">
      <c r="H463524" s="12"/>
    </row>
    <row r="463525" spans="8:8">
      <c r="H463525" s="12"/>
    </row>
    <row r="463526" spans="8:8">
      <c r="H463526" s="12"/>
    </row>
    <row r="463527" spans="8:8">
      <c r="H463527" s="12"/>
    </row>
    <row r="463528" spans="8:8">
      <c r="H463528" s="12"/>
    </row>
    <row r="463529" spans="8:8">
      <c r="H463529" s="12"/>
    </row>
    <row r="463530" spans="8:8">
      <c r="H463530" s="12"/>
    </row>
    <row r="463531" spans="8:8">
      <c r="H463531" s="12"/>
    </row>
    <row r="463532" spans="8:8">
      <c r="H463532" s="12"/>
    </row>
    <row r="463533" spans="8:8">
      <c r="H463533" s="12"/>
    </row>
    <row r="463534" spans="8:8">
      <c r="H463534" s="12"/>
    </row>
    <row r="463535" spans="8:8">
      <c r="H463535" s="12"/>
    </row>
    <row r="463536" spans="8:8">
      <c r="H463536" s="12"/>
    </row>
    <row r="463537" spans="8:8">
      <c r="H463537" s="12"/>
    </row>
    <row r="463538" spans="8:8">
      <c r="H463538" s="12"/>
    </row>
    <row r="463539" spans="8:8">
      <c r="H463539" s="12"/>
    </row>
    <row r="463540" spans="8:8">
      <c r="H463540" s="12"/>
    </row>
    <row r="463541" spans="8:8">
      <c r="H463541" s="12"/>
    </row>
    <row r="463542" spans="8:8">
      <c r="H463542" s="12"/>
    </row>
    <row r="463543" spans="8:8">
      <c r="H463543" s="12"/>
    </row>
    <row r="463544" spans="8:8">
      <c r="H463544" s="12"/>
    </row>
    <row r="463545" spans="8:8">
      <c r="H463545" s="12"/>
    </row>
    <row r="463546" spans="8:8">
      <c r="H463546" s="12"/>
    </row>
    <row r="463547" spans="8:8">
      <c r="H463547" s="12"/>
    </row>
    <row r="463548" spans="8:8">
      <c r="H463548" s="12"/>
    </row>
    <row r="463549" spans="8:8">
      <c r="H463549" s="12"/>
    </row>
    <row r="463550" spans="8:8">
      <c r="H463550" s="12"/>
    </row>
    <row r="463551" spans="8:8">
      <c r="H463551" s="12"/>
    </row>
    <row r="463552" spans="8:8">
      <c r="H463552" s="12"/>
    </row>
    <row r="463553" spans="8:8">
      <c r="H463553" s="12"/>
    </row>
    <row r="463554" spans="8:8">
      <c r="H463554" s="12"/>
    </row>
    <row r="463555" spans="8:8">
      <c r="H463555" s="12"/>
    </row>
    <row r="463556" spans="8:8">
      <c r="H463556" s="12"/>
    </row>
    <row r="463557" spans="8:8">
      <c r="H463557" s="12"/>
    </row>
    <row r="463558" spans="8:8">
      <c r="H463558" s="12"/>
    </row>
    <row r="463559" spans="8:8">
      <c r="H463559" s="12"/>
    </row>
    <row r="463560" spans="8:8">
      <c r="H463560" s="12"/>
    </row>
    <row r="463561" spans="8:8">
      <c r="H463561" s="12"/>
    </row>
    <row r="463562" spans="8:8">
      <c r="H463562" s="12"/>
    </row>
    <row r="463563" spans="8:8">
      <c r="H463563" s="12"/>
    </row>
    <row r="463564" spans="8:8">
      <c r="H463564" s="12"/>
    </row>
    <row r="463565" spans="8:8">
      <c r="H463565" s="12"/>
    </row>
    <row r="463566" spans="8:8">
      <c r="H463566" s="12"/>
    </row>
    <row r="463567" spans="8:8">
      <c r="H463567" s="12"/>
    </row>
    <row r="463568" spans="8:8">
      <c r="H463568" s="12"/>
    </row>
    <row r="463569" spans="8:8">
      <c r="H463569" s="12"/>
    </row>
    <row r="463570" spans="8:8">
      <c r="H463570" s="12"/>
    </row>
    <row r="463571" spans="8:8">
      <c r="H463571" s="12"/>
    </row>
    <row r="463572" spans="8:8">
      <c r="H463572" s="12"/>
    </row>
    <row r="463573" spans="8:8">
      <c r="H463573" s="12"/>
    </row>
    <row r="463574" spans="8:8">
      <c r="H463574" s="12"/>
    </row>
    <row r="463575" spans="8:8">
      <c r="H463575" s="12"/>
    </row>
    <row r="463576" spans="8:8">
      <c r="H463576" s="12"/>
    </row>
    <row r="463577" spans="8:8">
      <c r="H463577" s="12"/>
    </row>
    <row r="463578" spans="8:8">
      <c r="H463578" s="12"/>
    </row>
    <row r="463579" spans="8:8">
      <c r="H463579" s="12"/>
    </row>
    <row r="463580" spans="8:8">
      <c r="H463580" s="12"/>
    </row>
    <row r="463581" spans="8:8">
      <c r="H463581" s="12"/>
    </row>
    <row r="463582" spans="8:8">
      <c r="H463582" s="12"/>
    </row>
    <row r="463583" spans="8:8">
      <c r="H463583" s="12"/>
    </row>
    <row r="463584" spans="8:8">
      <c r="H463584" s="12"/>
    </row>
    <row r="463585" spans="8:8">
      <c r="H463585" s="12"/>
    </row>
    <row r="463586" spans="8:8">
      <c r="H463586" s="12"/>
    </row>
    <row r="463587" spans="8:8">
      <c r="H463587" s="12"/>
    </row>
    <row r="463588" spans="8:8">
      <c r="H463588" s="12"/>
    </row>
    <row r="463589" spans="8:8">
      <c r="H463589" s="12"/>
    </row>
    <row r="463590" spans="8:8">
      <c r="H463590" s="12"/>
    </row>
    <row r="463591" spans="8:8">
      <c r="H463591" s="12"/>
    </row>
    <row r="463592" spans="8:8">
      <c r="H463592" s="12"/>
    </row>
    <row r="463593" spans="8:8">
      <c r="H463593" s="12"/>
    </row>
    <row r="463594" spans="8:8">
      <c r="H463594" s="12"/>
    </row>
    <row r="463595" spans="8:8">
      <c r="H463595" s="12"/>
    </row>
    <row r="463596" spans="8:8">
      <c r="H463596" s="12"/>
    </row>
    <row r="463597" spans="8:8">
      <c r="H463597" s="12"/>
    </row>
    <row r="463598" spans="8:8">
      <c r="H463598" s="12"/>
    </row>
    <row r="463599" spans="8:8">
      <c r="H463599" s="12"/>
    </row>
    <row r="463600" spans="8:8">
      <c r="H463600" s="12"/>
    </row>
    <row r="463601" spans="8:8">
      <c r="H463601" s="12"/>
    </row>
    <row r="463602" spans="8:8">
      <c r="H463602" s="12"/>
    </row>
    <row r="463603" spans="8:8">
      <c r="H463603" s="12"/>
    </row>
    <row r="463604" spans="8:8">
      <c r="H463604" s="12"/>
    </row>
    <row r="463605" spans="8:8">
      <c r="H463605" s="12"/>
    </row>
    <row r="463606" spans="8:8">
      <c r="H463606" s="12"/>
    </row>
    <row r="463607" spans="8:8">
      <c r="H463607" s="12"/>
    </row>
    <row r="463608" spans="8:8">
      <c r="H463608" s="12"/>
    </row>
    <row r="463609" spans="8:8">
      <c r="H463609" s="12"/>
    </row>
    <row r="463610" spans="8:8">
      <c r="H463610" s="12"/>
    </row>
    <row r="463611" spans="8:8">
      <c r="H463611" s="12"/>
    </row>
    <row r="463612" spans="8:8">
      <c r="H463612" s="12"/>
    </row>
    <row r="463613" spans="8:8">
      <c r="H463613" s="12"/>
    </row>
    <row r="463614" spans="8:8">
      <c r="H463614" s="12"/>
    </row>
    <row r="463615" spans="8:8">
      <c r="H463615" s="12"/>
    </row>
    <row r="463616" spans="8:8">
      <c r="H463616" s="12"/>
    </row>
    <row r="463617" spans="8:8">
      <c r="H463617" s="12"/>
    </row>
    <row r="463618" spans="8:8">
      <c r="H463618" s="12"/>
    </row>
    <row r="463619" spans="8:8">
      <c r="H463619" s="12"/>
    </row>
    <row r="463620" spans="8:8">
      <c r="H463620" s="12"/>
    </row>
    <row r="463621" spans="8:8">
      <c r="H463621" s="12"/>
    </row>
    <row r="463622" spans="8:8">
      <c r="H463622" s="12"/>
    </row>
    <row r="463623" spans="8:8">
      <c r="H463623" s="12"/>
    </row>
    <row r="463624" spans="8:8">
      <c r="H463624" s="12"/>
    </row>
    <row r="463625" spans="8:8">
      <c r="H463625" s="12"/>
    </row>
    <row r="463626" spans="8:8">
      <c r="H463626" s="12"/>
    </row>
    <row r="463627" spans="8:8">
      <c r="H463627" s="12"/>
    </row>
    <row r="463628" spans="8:8">
      <c r="H463628" s="12"/>
    </row>
    <row r="463629" spans="8:8">
      <c r="H463629" s="12"/>
    </row>
    <row r="463630" spans="8:8">
      <c r="H463630" s="12"/>
    </row>
    <row r="463631" spans="8:8">
      <c r="H463631" s="12"/>
    </row>
    <row r="463632" spans="8:8">
      <c r="H463632" s="12"/>
    </row>
    <row r="463633" spans="8:8">
      <c r="H463633" s="12"/>
    </row>
    <row r="463634" spans="8:8">
      <c r="H463634" s="12"/>
    </row>
    <row r="463635" spans="8:8">
      <c r="H463635" s="12"/>
    </row>
    <row r="463636" spans="8:8">
      <c r="H463636" s="12"/>
    </row>
    <row r="463637" spans="8:8">
      <c r="H463637" s="12"/>
    </row>
    <row r="463638" spans="8:8">
      <c r="H463638" s="12"/>
    </row>
    <row r="463639" spans="8:8">
      <c r="H463639" s="12"/>
    </row>
    <row r="463640" spans="8:8">
      <c r="H463640" s="12"/>
    </row>
    <row r="463641" spans="8:8">
      <c r="H463641" s="12"/>
    </row>
    <row r="463642" spans="8:8">
      <c r="H463642" s="12"/>
    </row>
    <row r="463643" spans="8:8">
      <c r="H463643" s="12"/>
    </row>
    <row r="463644" spans="8:8">
      <c r="H463644" s="12"/>
    </row>
    <row r="463645" spans="8:8">
      <c r="H463645" s="12"/>
    </row>
    <row r="463646" spans="8:8">
      <c r="H463646" s="12"/>
    </row>
    <row r="463647" spans="8:8">
      <c r="H463647" s="12"/>
    </row>
    <row r="463648" spans="8:8">
      <c r="H463648" s="12"/>
    </row>
    <row r="463649" spans="8:8">
      <c r="H463649" s="12"/>
    </row>
    <row r="463650" spans="8:8">
      <c r="H463650" s="12"/>
    </row>
    <row r="463651" spans="8:8">
      <c r="H463651" s="12"/>
    </row>
    <row r="463652" spans="8:8">
      <c r="H463652" s="12"/>
    </row>
    <row r="463653" spans="8:8">
      <c r="H463653" s="12"/>
    </row>
    <row r="463654" spans="8:8">
      <c r="H463654" s="12"/>
    </row>
    <row r="463655" spans="8:8">
      <c r="H463655" s="12"/>
    </row>
    <row r="463656" spans="8:8">
      <c r="H463656" s="12"/>
    </row>
    <row r="463657" spans="8:8">
      <c r="H463657" s="12"/>
    </row>
    <row r="463658" spans="8:8">
      <c r="H463658" s="12"/>
    </row>
    <row r="463659" spans="8:8">
      <c r="H463659" s="12"/>
    </row>
    <row r="463660" spans="8:8">
      <c r="H463660" s="12"/>
    </row>
    <row r="463661" spans="8:8">
      <c r="H463661" s="12"/>
    </row>
    <row r="463662" spans="8:8">
      <c r="H463662" s="12"/>
    </row>
    <row r="463663" spans="8:8">
      <c r="H463663" s="12"/>
    </row>
    <row r="463664" spans="8:8">
      <c r="H463664" s="12"/>
    </row>
    <row r="463665" spans="8:8">
      <c r="H463665" s="12"/>
    </row>
    <row r="463666" spans="8:8">
      <c r="H463666" s="12"/>
    </row>
    <row r="463667" spans="8:8">
      <c r="H463667" s="12"/>
    </row>
    <row r="463668" spans="8:8">
      <c r="H463668" s="12"/>
    </row>
    <row r="463669" spans="8:8">
      <c r="H463669" s="12"/>
    </row>
    <row r="463670" spans="8:8">
      <c r="H463670" s="12"/>
    </row>
    <row r="463671" spans="8:8">
      <c r="H463671" s="12"/>
    </row>
    <row r="463672" spans="8:8">
      <c r="H463672" s="12"/>
    </row>
    <row r="463673" spans="8:8">
      <c r="H463673" s="12"/>
    </row>
    <row r="463674" spans="8:8">
      <c r="H463674" s="12"/>
    </row>
    <row r="463675" spans="8:8">
      <c r="H463675" s="12"/>
    </row>
    <row r="463676" spans="8:8">
      <c r="H463676" s="12"/>
    </row>
    <row r="463677" spans="8:8">
      <c r="H463677" s="12"/>
    </row>
    <row r="463678" spans="8:8">
      <c r="H463678" s="12"/>
    </row>
    <row r="463679" spans="8:8">
      <c r="H463679" s="12"/>
    </row>
    <row r="463680" spans="8:8">
      <c r="H463680" s="12"/>
    </row>
    <row r="463681" spans="8:8">
      <c r="H463681" s="12"/>
    </row>
    <row r="463682" spans="8:8">
      <c r="H463682" s="12"/>
    </row>
    <row r="463683" spans="8:8">
      <c r="H463683" s="12"/>
    </row>
    <row r="463684" spans="8:8">
      <c r="H463684" s="12"/>
    </row>
    <row r="463685" spans="8:8">
      <c r="H463685" s="12"/>
    </row>
    <row r="463686" spans="8:8">
      <c r="H463686" s="12"/>
    </row>
    <row r="463687" spans="8:8">
      <c r="H463687" s="12"/>
    </row>
    <row r="463688" spans="8:8">
      <c r="H463688" s="12"/>
    </row>
    <row r="463689" spans="8:8">
      <c r="H463689" s="12"/>
    </row>
    <row r="463690" spans="8:8">
      <c r="H463690" s="12"/>
    </row>
    <row r="463691" spans="8:8">
      <c r="H463691" s="12"/>
    </row>
    <row r="463692" spans="8:8">
      <c r="H463692" s="12"/>
    </row>
    <row r="463693" spans="8:8">
      <c r="H463693" s="12"/>
    </row>
    <row r="463694" spans="8:8">
      <c r="H463694" s="12"/>
    </row>
    <row r="463695" spans="8:8">
      <c r="H463695" s="12"/>
    </row>
    <row r="463696" spans="8:8">
      <c r="H463696" s="12"/>
    </row>
    <row r="463697" spans="8:8">
      <c r="H463697" s="12"/>
    </row>
    <row r="463698" spans="8:8">
      <c r="H463698" s="12"/>
    </row>
    <row r="463699" spans="8:8">
      <c r="H463699" s="12"/>
    </row>
    <row r="463700" spans="8:8">
      <c r="H463700" s="12"/>
    </row>
    <row r="463701" spans="8:8">
      <c r="H463701" s="12"/>
    </row>
    <row r="463702" spans="8:8">
      <c r="H463702" s="12"/>
    </row>
    <row r="463703" spans="8:8">
      <c r="H463703" s="12"/>
    </row>
    <row r="463704" spans="8:8">
      <c r="H463704" s="12"/>
    </row>
    <row r="463705" spans="8:8">
      <c r="H463705" s="12"/>
    </row>
    <row r="463706" spans="8:8">
      <c r="H463706" s="12"/>
    </row>
    <row r="463707" spans="8:8">
      <c r="H463707" s="12"/>
    </row>
    <row r="463708" spans="8:8">
      <c r="H463708" s="12"/>
    </row>
    <row r="463709" spans="8:8">
      <c r="H463709" s="12"/>
    </row>
    <row r="463710" spans="8:8">
      <c r="H463710" s="12"/>
    </row>
    <row r="463711" spans="8:8">
      <c r="H463711" s="12"/>
    </row>
    <row r="463712" spans="8:8">
      <c r="H463712" s="12"/>
    </row>
    <row r="463713" spans="8:8">
      <c r="H463713" s="12"/>
    </row>
    <row r="463714" spans="8:8">
      <c r="H463714" s="12"/>
    </row>
    <row r="463715" spans="8:8">
      <c r="H463715" s="12"/>
    </row>
    <row r="463716" spans="8:8">
      <c r="H463716" s="12"/>
    </row>
    <row r="463717" spans="8:8">
      <c r="H463717" s="12"/>
    </row>
    <row r="463718" spans="8:8">
      <c r="H463718" s="12"/>
    </row>
    <row r="463719" spans="8:8">
      <c r="H463719" s="12"/>
    </row>
    <row r="463720" spans="8:8">
      <c r="H463720" s="12"/>
    </row>
    <row r="463721" spans="8:8">
      <c r="H463721" s="12"/>
    </row>
    <row r="463722" spans="8:8">
      <c r="H463722" s="12"/>
    </row>
    <row r="463723" spans="8:8">
      <c r="H463723" s="12"/>
    </row>
    <row r="463724" spans="8:8">
      <c r="H463724" s="12"/>
    </row>
    <row r="463725" spans="8:8">
      <c r="H463725" s="12"/>
    </row>
    <row r="463726" spans="8:8">
      <c r="H463726" s="12"/>
    </row>
    <row r="463727" spans="8:8">
      <c r="H463727" s="12"/>
    </row>
    <row r="463728" spans="8:8">
      <c r="H463728" s="12"/>
    </row>
    <row r="463729" spans="8:8">
      <c r="H463729" s="12"/>
    </row>
    <row r="463730" spans="8:8">
      <c r="H463730" s="12"/>
    </row>
    <row r="463731" spans="8:8">
      <c r="H463731" s="12"/>
    </row>
    <row r="463732" spans="8:8">
      <c r="H463732" s="12"/>
    </row>
    <row r="463733" spans="8:8">
      <c r="H463733" s="12"/>
    </row>
    <row r="463734" spans="8:8">
      <c r="H463734" s="12"/>
    </row>
    <row r="463735" spans="8:8">
      <c r="H463735" s="12"/>
    </row>
    <row r="463736" spans="8:8">
      <c r="H463736" s="12"/>
    </row>
    <row r="463737" spans="8:8">
      <c r="H463737" s="12"/>
    </row>
    <row r="463738" spans="8:8">
      <c r="H463738" s="12"/>
    </row>
    <row r="463739" spans="8:8">
      <c r="H463739" s="12"/>
    </row>
    <row r="463740" spans="8:8">
      <c r="H463740" s="12"/>
    </row>
    <row r="463741" spans="8:8">
      <c r="H463741" s="12"/>
    </row>
    <row r="463742" spans="8:8">
      <c r="H463742" s="12"/>
    </row>
    <row r="463743" spans="8:8">
      <c r="H463743" s="12"/>
    </row>
    <row r="463744" spans="8:8">
      <c r="H463744" s="12"/>
    </row>
    <row r="463745" spans="8:8">
      <c r="H463745" s="12"/>
    </row>
    <row r="463746" spans="8:8">
      <c r="H463746" s="12"/>
    </row>
    <row r="463747" spans="8:8">
      <c r="H463747" s="12"/>
    </row>
    <row r="463748" spans="8:8">
      <c r="H463748" s="12"/>
    </row>
    <row r="463749" spans="8:8">
      <c r="H463749" s="12"/>
    </row>
    <row r="463750" spans="8:8">
      <c r="H463750" s="12"/>
    </row>
    <row r="463751" spans="8:8">
      <c r="H463751" s="12"/>
    </row>
    <row r="463752" spans="8:8">
      <c r="H463752" s="12"/>
    </row>
    <row r="463753" spans="8:8">
      <c r="H463753" s="12"/>
    </row>
    <row r="463754" spans="8:8">
      <c r="H463754" s="12"/>
    </row>
    <row r="463755" spans="8:8">
      <c r="H463755" s="12"/>
    </row>
    <row r="463756" spans="8:8">
      <c r="H463756" s="12"/>
    </row>
    <row r="463757" spans="8:8">
      <c r="H463757" s="12"/>
    </row>
    <row r="463758" spans="8:8">
      <c r="H463758" s="12"/>
    </row>
    <row r="463759" spans="8:8">
      <c r="H463759" s="12"/>
    </row>
    <row r="463760" spans="8:8">
      <c r="H463760" s="12"/>
    </row>
    <row r="463761" spans="8:8">
      <c r="H463761" s="12"/>
    </row>
    <row r="463762" spans="8:8">
      <c r="H463762" s="12"/>
    </row>
    <row r="463763" spans="8:8">
      <c r="H463763" s="12"/>
    </row>
    <row r="463764" spans="8:8">
      <c r="H463764" s="12"/>
    </row>
    <row r="463765" spans="8:8">
      <c r="H463765" s="12"/>
    </row>
    <row r="463766" spans="8:8">
      <c r="H463766" s="12"/>
    </row>
    <row r="463767" spans="8:8">
      <c r="H463767" s="12"/>
    </row>
    <row r="463768" spans="8:8">
      <c r="H463768" s="12"/>
    </row>
    <row r="463769" spans="8:8">
      <c r="H463769" s="12"/>
    </row>
    <row r="463770" spans="8:8">
      <c r="H463770" s="12"/>
    </row>
    <row r="463771" spans="8:8">
      <c r="H463771" s="12"/>
    </row>
    <row r="463772" spans="8:8">
      <c r="H463772" s="12"/>
    </row>
    <row r="463773" spans="8:8">
      <c r="H463773" s="12"/>
    </row>
    <row r="463774" spans="8:8">
      <c r="H463774" s="12"/>
    </row>
    <row r="463775" spans="8:8">
      <c r="H463775" s="12"/>
    </row>
    <row r="463776" spans="8:8">
      <c r="H463776" s="12"/>
    </row>
    <row r="463777" spans="8:8">
      <c r="H463777" s="12"/>
    </row>
    <row r="463778" spans="8:8">
      <c r="H463778" s="12"/>
    </row>
    <row r="463779" spans="8:8">
      <c r="H463779" s="12"/>
    </row>
    <row r="463780" spans="8:8">
      <c r="H463780" s="12"/>
    </row>
    <row r="463781" spans="8:8">
      <c r="H463781" s="12"/>
    </row>
    <row r="463782" spans="8:8">
      <c r="H463782" s="12"/>
    </row>
    <row r="463783" spans="8:8">
      <c r="H463783" s="12"/>
    </row>
    <row r="463784" spans="8:8">
      <c r="H463784" s="12"/>
    </row>
    <row r="463785" spans="8:8">
      <c r="H463785" s="12"/>
    </row>
    <row r="463786" spans="8:8">
      <c r="H463786" s="12"/>
    </row>
    <row r="463787" spans="8:8">
      <c r="H463787" s="12"/>
    </row>
    <row r="463788" spans="8:8">
      <c r="H463788" s="12"/>
    </row>
    <row r="463789" spans="8:8">
      <c r="H463789" s="12"/>
    </row>
    <row r="463790" spans="8:8">
      <c r="H463790" s="12"/>
    </row>
    <row r="463791" spans="8:8">
      <c r="H463791" s="12"/>
    </row>
    <row r="463792" spans="8:8">
      <c r="H463792" s="12"/>
    </row>
    <row r="463793" spans="8:8">
      <c r="H463793" s="12"/>
    </row>
    <row r="463794" spans="8:8">
      <c r="H463794" s="12"/>
    </row>
    <row r="463795" spans="8:8">
      <c r="H463795" s="12"/>
    </row>
    <row r="463796" spans="8:8">
      <c r="H463796" s="12"/>
    </row>
    <row r="463797" spans="8:8">
      <c r="H463797" s="12"/>
    </row>
    <row r="463798" spans="8:8">
      <c r="H463798" s="12"/>
    </row>
    <row r="463799" spans="8:8">
      <c r="H463799" s="12"/>
    </row>
    <row r="463800" spans="8:8">
      <c r="H463800" s="12"/>
    </row>
    <row r="463801" spans="8:8">
      <c r="H463801" s="12"/>
    </row>
    <row r="463802" spans="8:8">
      <c r="H463802" s="12"/>
    </row>
    <row r="463803" spans="8:8">
      <c r="H463803" s="12"/>
    </row>
    <row r="463804" spans="8:8">
      <c r="H463804" s="12"/>
    </row>
    <row r="463805" spans="8:8">
      <c r="H463805" s="12"/>
    </row>
    <row r="463806" spans="8:8">
      <c r="H463806" s="12"/>
    </row>
    <row r="463807" spans="8:8">
      <c r="H463807" s="12"/>
    </row>
    <row r="463808" spans="8:8">
      <c r="H463808" s="12"/>
    </row>
    <row r="463809" spans="8:8">
      <c r="H463809" s="12"/>
    </row>
    <row r="463810" spans="8:8">
      <c r="H463810" s="12"/>
    </row>
    <row r="463811" spans="8:8">
      <c r="H463811" s="12"/>
    </row>
    <row r="463812" spans="8:8">
      <c r="H463812" s="12"/>
    </row>
    <row r="463813" spans="8:8">
      <c r="H463813" s="12"/>
    </row>
    <row r="463814" spans="8:8">
      <c r="H463814" s="12"/>
    </row>
    <row r="463815" spans="8:8">
      <c r="H463815" s="12"/>
    </row>
    <row r="463816" spans="8:8">
      <c r="H463816" s="12"/>
    </row>
    <row r="463817" spans="8:8">
      <c r="H463817" s="12"/>
    </row>
    <row r="463818" spans="8:8">
      <c r="H463818" s="12"/>
    </row>
    <row r="463819" spans="8:8">
      <c r="H463819" s="12"/>
    </row>
    <row r="463820" spans="8:8">
      <c r="H463820" s="12"/>
    </row>
    <row r="463821" spans="8:8">
      <c r="H463821" s="12"/>
    </row>
    <row r="463822" spans="8:8">
      <c r="H463822" s="12"/>
    </row>
    <row r="463823" spans="8:8">
      <c r="H463823" s="12"/>
    </row>
    <row r="463824" spans="8:8">
      <c r="H463824" s="12"/>
    </row>
    <row r="463825" spans="8:8">
      <c r="H463825" s="12"/>
    </row>
    <row r="463826" spans="8:8">
      <c r="H463826" s="12"/>
    </row>
    <row r="463827" spans="8:8">
      <c r="H463827" s="12"/>
    </row>
    <row r="463828" spans="8:8">
      <c r="H463828" s="12"/>
    </row>
    <row r="463829" spans="8:8">
      <c r="H463829" s="12"/>
    </row>
    <row r="463830" spans="8:8">
      <c r="H463830" s="12"/>
    </row>
    <row r="463831" spans="8:8">
      <c r="H463831" s="12"/>
    </row>
    <row r="463832" spans="8:8">
      <c r="H463832" s="12"/>
    </row>
    <row r="463833" spans="8:8">
      <c r="H463833" s="12"/>
    </row>
    <row r="463834" spans="8:8">
      <c r="H463834" s="12"/>
    </row>
    <row r="463835" spans="8:8">
      <c r="H463835" s="12"/>
    </row>
    <row r="463836" spans="8:8">
      <c r="H463836" s="12"/>
    </row>
    <row r="463837" spans="8:8">
      <c r="H463837" s="12"/>
    </row>
    <row r="463838" spans="8:8">
      <c r="H463838" s="12"/>
    </row>
    <row r="463839" spans="8:8">
      <c r="H463839" s="12"/>
    </row>
    <row r="463840" spans="8:8">
      <c r="H463840" s="12"/>
    </row>
    <row r="463841" spans="8:8">
      <c r="H463841" s="12"/>
    </row>
    <row r="463842" spans="8:8">
      <c r="H463842" s="12"/>
    </row>
    <row r="463843" spans="8:8">
      <c r="H463843" s="12"/>
    </row>
    <row r="463844" spans="8:8">
      <c r="H463844" s="12"/>
    </row>
    <row r="463845" spans="8:8">
      <c r="H463845" s="12"/>
    </row>
    <row r="463846" spans="8:8">
      <c r="H463846" s="12"/>
    </row>
    <row r="463847" spans="8:8">
      <c r="H463847" s="12"/>
    </row>
    <row r="463848" spans="8:8">
      <c r="H463848" s="12"/>
    </row>
    <row r="463849" spans="8:8">
      <c r="H463849" s="12"/>
    </row>
    <row r="463850" spans="8:8">
      <c r="H463850" s="12"/>
    </row>
    <row r="463851" spans="8:8">
      <c r="H463851" s="12"/>
    </row>
    <row r="463852" spans="8:8">
      <c r="H463852" s="12"/>
    </row>
    <row r="463853" spans="8:8">
      <c r="H463853" s="12"/>
    </row>
    <row r="463854" spans="8:8">
      <c r="H463854" s="12"/>
    </row>
    <row r="463855" spans="8:8">
      <c r="H463855" s="12"/>
    </row>
    <row r="463856" spans="8:8">
      <c r="H463856" s="12"/>
    </row>
    <row r="463857" spans="8:8">
      <c r="H463857" s="12"/>
    </row>
    <row r="463858" spans="8:8">
      <c r="H463858" s="12"/>
    </row>
    <row r="463859" spans="8:8">
      <c r="H463859" s="12"/>
    </row>
    <row r="463860" spans="8:8">
      <c r="H463860" s="12"/>
    </row>
    <row r="463861" spans="8:8">
      <c r="H463861" s="12"/>
    </row>
    <row r="463862" spans="8:8">
      <c r="H463862" s="12"/>
    </row>
    <row r="463863" spans="8:8">
      <c r="H463863" s="12"/>
    </row>
    <row r="463864" spans="8:8">
      <c r="H463864" s="12"/>
    </row>
    <row r="463865" spans="8:8">
      <c r="H463865" s="12"/>
    </row>
    <row r="463866" spans="8:8">
      <c r="H463866" s="12"/>
    </row>
    <row r="463867" spans="8:8">
      <c r="H463867" s="12"/>
    </row>
    <row r="463868" spans="8:8">
      <c r="H463868" s="12"/>
    </row>
    <row r="463869" spans="8:8">
      <c r="H463869" s="12"/>
    </row>
    <row r="463870" spans="8:8">
      <c r="H463870" s="12"/>
    </row>
    <row r="463871" spans="8:8">
      <c r="H463871" s="12"/>
    </row>
    <row r="463872" spans="8:8">
      <c r="H463872" s="12"/>
    </row>
    <row r="463873" spans="8:8">
      <c r="H463873" s="12"/>
    </row>
    <row r="463874" spans="8:8">
      <c r="H463874" s="12"/>
    </row>
    <row r="463875" spans="8:8">
      <c r="H463875" s="12"/>
    </row>
    <row r="463876" spans="8:8">
      <c r="H463876" s="12"/>
    </row>
    <row r="463877" spans="8:8">
      <c r="H463877" s="12"/>
    </row>
    <row r="463878" spans="8:8">
      <c r="H463878" s="12"/>
    </row>
    <row r="463879" spans="8:8">
      <c r="H463879" s="12"/>
    </row>
    <row r="463880" spans="8:8">
      <c r="H463880" s="12"/>
    </row>
    <row r="463881" spans="8:8">
      <c r="H463881" s="12"/>
    </row>
    <row r="463882" spans="8:8">
      <c r="H463882" s="12"/>
    </row>
    <row r="463883" spans="8:8">
      <c r="H463883" s="12"/>
    </row>
    <row r="463884" spans="8:8">
      <c r="H463884" s="12"/>
    </row>
    <row r="463885" spans="8:8">
      <c r="H463885" s="12"/>
    </row>
    <row r="463886" spans="8:8">
      <c r="H463886" s="12"/>
    </row>
    <row r="463887" spans="8:8">
      <c r="H463887" s="12"/>
    </row>
    <row r="463888" spans="8:8">
      <c r="H463888" s="12"/>
    </row>
    <row r="463889" spans="8:8">
      <c r="H463889" s="12"/>
    </row>
    <row r="463890" spans="8:8">
      <c r="H463890" s="12"/>
    </row>
    <row r="463891" spans="8:8">
      <c r="H463891" s="12"/>
    </row>
    <row r="463892" spans="8:8">
      <c r="H463892" s="12"/>
    </row>
    <row r="463893" spans="8:8">
      <c r="H463893" s="12"/>
    </row>
    <row r="463894" spans="8:8">
      <c r="H463894" s="12"/>
    </row>
    <row r="463895" spans="8:8">
      <c r="H463895" s="12"/>
    </row>
    <row r="463896" spans="8:8">
      <c r="H463896" s="12"/>
    </row>
    <row r="463897" spans="8:8">
      <c r="H463897" s="12"/>
    </row>
    <row r="463898" spans="8:8">
      <c r="H463898" s="12"/>
    </row>
    <row r="463899" spans="8:8">
      <c r="H463899" s="12"/>
    </row>
    <row r="463900" spans="8:8">
      <c r="H463900" s="12"/>
    </row>
    <row r="463901" spans="8:8">
      <c r="H463901" s="12"/>
    </row>
    <row r="463902" spans="8:8">
      <c r="H463902" s="12"/>
    </row>
    <row r="463903" spans="8:8">
      <c r="H463903" s="12"/>
    </row>
    <row r="463904" spans="8:8">
      <c r="H463904" s="12"/>
    </row>
    <row r="463905" spans="8:8">
      <c r="H463905" s="12"/>
    </row>
    <row r="463906" spans="8:8">
      <c r="H463906" s="12"/>
    </row>
    <row r="463907" spans="8:8">
      <c r="H463907" s="12"/>
    </row>
    <row r="463908" spans="8:8">
      <c r="H463908" s="12"/>
    </row>
    <row r="463909" spans="8:8">
      <c r="H463909" s="12"/>
    </row>
    <row r="463910" spans="8:8">
      <c r="H463910" s="12"/>
    </row>
    <row r="463911" spans="8:8">
      <c r="H463911" s="12"/>
    </row>
    <row r="463912" spans="8:8">
      <c r="H463912" s="12"/>
    </row>
    <row r="463913" spans="8:8">
      <c r="H463913" s="12"/>
    </row>
    <row r="463914" spans="8:8">
      <c r="H463914" s="12"/>
    </row>
    <row r="463915" spans="8:8">
      <c r="H463915" s="12"/>
    </row>
    <row r="463916" spans="8:8">
      <c r="H463916" s="12"/>
    </row>
    <row r="463917" spans="8:8">
      <c r="H463917" s="12"/>
    </row>
    <row r="463918" spans="8:8">
      <c r="H463918" s="12"/>
    </row>
    <row r="463919" spans="8:8">
      <c r="H463919" s="12"/>
    </row>
    <row r="463920" spans="8:8">
      <c r="H463920" s="12"/>
    </row>
    <row r="463921" spans="8:8">
      <c r="H463921" s="12"/>
    </row>
    <row r="463922" spans="8:8">
      <c r="H463922" s="12"/>
    </row>
    <row r="463923" spans="8:8">
      <c r="H463923" s="12"/>
    </row>
    <row r="463924" spans="8:8">
      <c r="H463924" s="12"/>
    </row>
    <row r="463925" spans="8:8">
      <c r="H463925" s="12"/>
    </row>
    <row r="463926" spans="8:8">
      <c r="H463926" s="12"/>
    </row>
    <row r="463927" spans="8:8">
      <c r="H463927" s="12"/>
    </row>
    <row r="463928" spans="8:8">
      <c r="H463928" s="12"/>
    </row>
    <row r="463929" spans="8:8">
      <c r="H463929" s="12"/>
    </row>
    <row r="463930" spans="8:8">
      <c r="H463930" s="12"/>
    </row>
    <row r="463931" spans="8:8">
      <c r="H463931" s="12"/>
    </row>
    <row r="463932" spans="8:8">
      <c r="H463932" s="12"/>
    </row>
    <row r="463933" spans="8:8">
      <c r="H463933" s="12"/>
    </row>
    <row r="463934" spans="8:8">
      <c r="H463934" s="12"/>
    </row>
    <row r="463935" spans="8:8">
      <c r="H463935" s="12"/>
    </row>
    <row r="463936" spans="8:8">
      <c r="H463936" s="12"/>
    </row>
    <row r="463937" spans="8:8">
      <c r="H463937" s="12"/>
    </row>
    <row r="463938" spans="8:8">
      <c r="H463938" s="12"/>
    </row>
    <row r="463939" spans="8:8">
      <c r="H463939" s="12"/>
    </row>
    <row r="463940" spans="8:8">
      <c r="H463940" s="12"/>
    </row>
    <row r="463941" spans="8:8">
      <c r="H463941" s="12"/>
    </row>
    <row r="463942" spans="8:8">
      <c r="H463942" s="12"/>
    </row>
    <row r="463943" spans="8:8">
      <c r="H463943" s="12"/>
    </row>
    <row r="463944" spans="8:8">
      <c r="H463944" s="12"/>
    </row>
    <row r="463945" spans="8:8">
      <c r="H463945" s="12"/>
    </row>
    <row r="463946" spans="8:8">
      <c r="H463946" s="12"/>
    </row>
    <row r="463947" spans="8:8">
      <c r="H463947" s="12"/>
    </row>
    <row r="463948" spans="8:8">
      <c r="H463948" s="12"/>
    </row>
    <row r="463949" spans="8:8">
      <c r="H463949" s="12"/>
    </row>
    <row r="463950" spans="8:8">
      <c r="H463950" s="12"/>
    </row>
    <row r="463951" spans="8:8">
      <c r="H463951" s="12"/>
    </row>
    <row r="463952" spans="8:8">
      <c r="H463952" s="12"/>
    </row>
    <row r="463953" spans="8:8">
      <c r="H463953" s="12"/>
    </row>
    <row r="463954" spans="8:8">
      <c r="H463954" s="12"/>
    </row>
    <row r="463955" spans="8:8">
      <c r="H463955" s="12"/>
    </row>
    <row r="463956" spans="8:8">
      <c r="H463956" s="12"/>
    </row>
    <row r="463957" spans="8:8">
      <c r="H463957" s="12"/>
    </row>
    <row r="463958" spans="8:8">
      <c r="H463958" s="12"/>
    </row>
    <row r="463959" spans="8:8">
      <c r="H463959" s="12"/>
    </row>
    <row r="463960" spans="8:8">
      <c r="H463960" s="12"/>
    </row>
    <row r="463961" spans="8:8">
      <c r="H463961" s="12"/>
    </row>
    <row r="463962" spans="8:8">
      <c r="H463962" s="12"/>
    </row>
    <row r="463963" spans="8:8">
      <c r="H463963" s="12"/>
    </row>
    <row r="463964" spans="8:8">
      <c r="H463964" s="12"/>
    </row>
    <row r="463965" spans="8:8">
      <c r="H463965" s="12"/>
    </row>
    <row r="463966" spans="8:8">
      <c r="H463966" s="12"/>
    </row>
    <row r="463967" spans="8:8">
      <c r="H463967" s="12"/>
    </row>
    <row r="463968" spans="8:8">
      <c r="H463968" s="12"/>
    </row>
    <row r="463969" spans="8:8">
      <c r="H463969" s="12"/>
    </row>
    <row r="463970" spans="8:8">
      <c r="H463970" s="12"/>
    </row>
    <row r="463971" spans="8:8">
      <c r="H463971" s="12"/>
    </row>
    <row r="463972" spans="8:8">
      <c r="H463972" s="12"/>
    </row>
    <row r="463973" spans="8:8">
      <c r="H463973" s="12"/>
    </row>
    <row r="463974" spans="8:8">
      <c r="H463974" s="12"/>
    </row>
    <row r="463975" spans="8:8">
      <c r="H463975" s="12"/>
    </row>
    <row r="463976" spans="8:8">
      <c r="H463976" s="12"/>
    </row>
    <row r="463977" spans="8:8">
      <c r="H463977" s="12"/>
    </row>
    <row r="463978" spans="8:8">
      <c r="H463978" s="12"/>
    </row>
    <row r="463979" spans="8:8">
      <c r="H463979" s="12"/>
    </row>
    <row r="463980" spans="8:8">
      <c r="H463980" s="12"/>
    </row>
    <row r="463981" spans="8:8">
      <c r="H463981" s="12"/>
    </row>
    <row r="463982" spans="8:8">
      <c r="H463982" s="12"/>
    </row>
    <row r="463983" spans="8:8">
      <c r="H463983" s="12"/>
    </row>
    <row r="463984" spans="8:8">
      <c r="H463984" s="12"/>
    </row>
    <row r="463985" spans="8:8">
      <c r="H463985" s="12"/>
    </row>
    <row r="463986" spans="8:8">
      <c r="H463986" s="12"/>
    </row>
    <row r="463987" spans="8:8">
      <c r="H463987" s="12"/>
    </row>
    <row r="463988" spans="8:8">
      <c r="H463988" s="12"/>
    </row>
    <row r="463989" spans="8:8">
      <c r="H463989" s="12"/>
    </row>
    <row r="463990" spans="8:8">
      <c r="H463990" s="12"/>
    </row>
    <row r="463991" spans="8:8">
      <c r="H463991" s="12"/>
    </row>
    <row r="463992" spans="8:8">
      <c r="H463992" s="12"/>
    </row>
    <row r="463993" spans="8:8">
      <c r="H463993" s="12"/>
    </row>
    <row r="463994" spans="8:8">
      <c r="H463994" s="12"/>
    </row>
    <row r="463995" spans="8:8">
      <c r="H463995" s="12"/>
    </row>
    <row r="463996" spans="8:8">
      <c r="H463996" s="12"/>
    </row>
    <row r="463997" spans="8:8">
      <c r="H463997" s="12"/>
    </row>
    <row r="463998" spans="8:8">
      <c r="H463998" s="12"/>
    </row>
    <row r="463999" spans="8:8">
      <c r="H463999" s="12"/>
    </row>
    <row r="464000" spans="8:8">
      <c r="H464000" s="12"/>
    </row>
    <row r="464001" spans="8:8">
      <c r="H464001" s="12"/>
    </row>
    <row r="464002" spans="8:8">
      <c r="H464002" s="12"/>
    </row>
    <row r="464003" spans="8:8">
      <c r="H464003" s="12"/>
    </row>
    <row r="464004" spans="8:8">
      <c r="H464004" s="12"/>
    </row>
    <row r="464005" spans="8:8">
      <c r="H464005" s="12"/>
    </row>
    <row r="464006" spans="8:8">
      <c r="H464006" s="12"/>
    </row>
    <row r="464007" spans="8:8">
      <c r="H464007" s="12"/>
    </row>
    <row r="464008" spans="8:8">
      <c r="H464008" s="12"/>
    </row>
    <row r="464009" spans="8:8">
      <c r="H464009" s="12"/>
    </row>
    <row r="464010" spans="8:8">
      <c r="H464010" s="12"/>
    </row>
    <row r="464011" spans="8:8">
      <c r="H464011" s="12"/>
    </row>
    <row r="464012" spans="8:8">
      <c r="H464012" s="12"/>
    </row>
    <row r="464013" spans="8:8">
      <c r="H464013" s="12"/>
    </row>
    <row r="464014" spans="8:8">
      <c r="H464014" s="12"/>
    </row>
    <row r="464015" spans="8:8">
      <c r="H464015" s="12"/>
    </row>
    <row r="464016" spans="8:8">
      <c r="H464016" s="12"/>
    </row>
    <row r="464017" spans="8:8">
      <c r="H464017" s="12"/>
    </row>
    <row r="464018" spans="8:8">
      <c r="H464018" s="12"/>
    </row>
    <row r="464019" spans="8:8">
      <c r="H464019" s="12"/>
    </row>
    <row r="464020" spans="8:8">
      <c r="H464020" s="12"/>
    </row>
    <row r="464021" spans="8:8">
      <c r="H464021" s="12"/>
    </row>
    <row r="464022" spans="8:8">
      <c r="H464022" s="12"/>
    </row>
    <row r="464023" spans="8:8">
      <c r="H464023" s="12"/>
    </row>
    <row r="464024" spans="8:8">
      <c r="H464024" s="12"/>
    </row>
    <row r="464025" spans="8:8">
      <c r="H464025" s="12"/>
    </row>
    <row r="464026" spans="8:8">
      <c r="H464026" s="12"/>
    </row>
    <row r="464027" spans="8:8">
      <c r="H464027" s="12"/>
    </row>
    <row r="464028" spans="8:8">
      <c r="H464028" s="12"/>
    </row>
    <row r="464029" spans="8:8">
      <c r="H464029" s="12"/>
    </row>
    <row r="464030" spans="8:8">
      <c r="H464030" s="12"/>
    </row>
    <row r="464031" spans="8:8">
      <c r="H464031" s="12"/>
    </row>
    <row r="464032" spans="8:8">
      <c r="H464032" s="12"/>
    </row>
    <row r="464033" spans="8:8">
      <c r="H464033" s="12"/>
    </row>
    <row r="464034" spans="8:8">
      <c r="H464034" s="12"/>
    </row>
    <row r="464035" spans="8:8">
      <c r="H464035" s="12"/>
    </row>
    <row r="464036" spans="8:8">
      <c r="H464036" s="12"/>
    </row>
    <row r="464037" spans="8:8">
      <c r="H464037" s="12"/>
    </row>
    <row r="464038" spans="8:8">
      <c r="H464038" s="12"/>
    </row>
    <row r="464039" spans="8:8">
      <c r="H464039" s="12"/>
    </row>
    <row r="464040" spans="8:8">
      <c r="H464040" s="12"/>
    </row>
    <row r="464041" spans="8:8">
      <c r="H464041" s="12"/>
    </row>
    <row r="464042" spans="8:8">
      <c r="H464042" s="12"/>
    </row>
    <row r="464043" spans="8:8">
      <c r="H464043" s="12"/>
    </row>
    <row r="464044" spans="8:8">
      <c r="H464044" s="12"/>
    </row>
    <row r="464045" spans="8:8">
      <c r="H464045" s="12"/>
    </row>
    <row r="464046" spans="8:8">
      <c r="H464046" s="12"/>
    </row>
    <row r="464047" spans="8:8">
      <c r="H464047" s="12"/>
    </row>
    <row r="464048" spans="8:8">
      <c r="H464048" s="12"/>
    </row>
    <row r="464049" spans="8:8">
      <c r="H464049" s="12"/>
    </row>
    <row r="464050" spans="8:8">
      <c r="H464050" s="12"/>
    </row>
    <row r="464051" spans="8:8">
      <c r="H464051" s="12"/>
    </row>
    <row r="464052" spans="8:8">
      <c r="H464052" s="12"/>
    </row>
    <row r="464053" spans="8:8">
      <c r="H464053" s="12"/>
    </row>
    <row r="464054" spans="8:8">
      <c r="H464054" s="12"/>
    </row>
    <row r="464055" spans="8:8">
      <c r="H464055" s="12"/>
    </row>
    <row r="464056" spans="8:8">
      <c r="H464056" s="12"/>
    </row>
    <row r="464057" spans="8:8">
      <c r="H464057" s="12"/>
    </row>
    <row r="464058" spans="8:8">
      <c r="H464058" s="12"/>
    </row>
    <row r="464059" spans="8:8">
      <c r="H464059" s="12"/>
    </row>
    <row r="464060" spans="8:8">
      <c r="H464060" s="12"/>
    </row>
    <row r="464061" spans="8:8">
      <c r="H464061" s="12"/>
    </row>
    <row r="464062" spans="8:8">
      <c r="H464062" s="12"/>
    </row>
    <row r="464063" spans="8:8">
      <c r="H464063" s="12"/>
    </row>
    <row r="464064" spans="8:8">
      <c r="H464064" s="12"/>
    </row>
    <row r="464065" spans="8:8">
      <c r="H464065" s="12"/>
    </row>
    <row r="464066" spans="8:8">
      <c r="H464066" s="12"/>
    </row>
    <row r="464067" spans="8:8">
      <c r="H464067" s="12"/>
    </row>
    <row r="464068" spans="8:8">
      <c r="H464068" s="12"/>
    </row>
    <row r="464069" spans="8:8">
      <c r="H464069" s="12"/>
    </row>
    <row r="464070" spans="8:8">
      <c r="H464070" s="12"/>
    </row>
    <row r="464071" spans="8:8">
      <c r="H464071" s="12"/>
    </row>
    <row r="464072" spans="8:8">
      <c r="H464072" s="12"/>
    </row>
    <row r="464073" spans="8:8">
      <c r="H464073" s="12"/>
    </row>
    <row r="464074" spans="8:8">
      <c r="H464074" s="12"/>
    </row>
    <row r="464075" spans="8:8">
      <c r="H464075" s="12"/>
    </row>
    <row r="464076" spans="8:8">
      <c r="H464076" s="12"/>
    </row>
    <row r="464077" spans="8:8">
      <c r="H464077" s="12"/>
    </row>
    <row r="464078" spans="8:8">
      <c r="H464078" s="12"/>
    </row>
    <row r="464079" spans="8:8">
      <c r="H464079" s="12"/>
    </row>
    <row r="464080" spans="8:8">
      <c r="H464080" s="12"/>
    </row>
    <row r="464081" spans="8:8">
      <c r="H464081" s="12"/>
    </row>
    <row r="464082" spans="8:8">
      <c r="H464082" s="12"/>
    </row>
    <row r="464083" spans="8:8">
      <c r="H464083" s="12"/>
    </row>
    <row r="464084" spans="8:8">
      <c r="H464084" s="12"/>
    </row>
    <row r="464085" spans="8:8">
      <c r="H464085" s="12"/>
    </row>
    <row r="464086" spans="8:8">
      <c r="H464086" s="12"/>
    </row>
    <row r="464087" spans="8:8">
      <c r="H464087" s="12"/>
    </row>
    <row r="464088" spans="8:8">
      <c r="H464088" s="12"/>
    </row>
    <row r="464089" spans="8:8">
      <c r="H464089" s="12"/>
    </row>
    <row r="464090" spans="8:8">
      <c r="H464090" s="12"/>
    </row>
    <row r="464091" spans="8:8">
      <c r="H464091" s="12"/>
    </row>
    <row r="464092" spans="8:8">
      <c r="H464092" s="12"/>
    </row>
    <row r="464093" spans="8:8">
      <c r="H464093" s="12"/>
    </row>
    <row r="464094" spans="8:8">
      <c r="H464094" s="12"/>
    </row>
    <row r="464095" spans="8:8">
      <c r="H464095" s="12"/>
    </row>
    <row r="464096" spans="8:8">
      <c r="H464096" s="12"/>
    </row>
    <row r="464097" spans="8:8">
      <c r="H464097" s="12"/>
    </row>
    <row r="464098" spans="8:8">
      <c r="H464098" s="12"/>
    </row>
    <row r="464099" spans="8:8">
      <c r="H464099" s="12"/>
    </row>
    <row r="464100" spans="8:8">
      <c r="H464100" s="12"/>
    </row>
    <row r="464101" spans="8:8">
      <c r="H464101" s="12"/>
    </row>
    <row r="464102" spans="8:8">
      <c r="H464102" s="12"/>
    </row>
    <row r="464103" spans="8:8">
      <c r="H464103" s="12"/>
    </row>
    <row r="464104" spans="8:8">
      <c r="H464104" s="12"/>
    </row>
    <row r="464105" spans="8:8">
      <c r="H464105" s="12"/>
    </row>
    <row r="464106" spans="8:8">
      <c r="H464106" s="12"/>
    </row>
    <row r="464107" spans="8:8">
      <c r="H464107" s="12"/>
    </row>
    <row r="464108" spans="8:8">
      <c r="H464108" s="12"/>
    </row>
    <row r="464109" spans="8:8">
      <c r="H464109" s="12"/>
    </row>
    <row r="464110" spans="8:8">
      <c r="H464110" s="12"/>
    </row>
    <row r="464111" spans="8:8">
      <c r="H464111" s="12"/>
    </row>
    <row r="464112" spans="8:8">
      <c r="H464112" s="12"/>
    </row>
    <row r="464113" spans="8:8">
      <c r="H464113" s="12"/>
    </row>
    <row r="464114" spans="8:8">
      <c r="H464114" s="12"/>
    </row>
    <row r="464115" spans="8:8">
      <c r="H464115" s="12"/>
    </row>
    <row r="464116" spans="8:8">
      <c r="H464116" s="12"/>
    </row>
    <row r="464117" spans="8:8">
      <c r="H464117" s="12"/>
    </row>
    <row r="464118" spans="8:8">
      <c r="H464118" s="12"/>
    </row>
    <row r="464119" spans="8:8">
      <c r="H464119" s="12"/>
    </row>
    <row r="464120" spans="8:8">
      <c r="H464120" s="12"/>
    </row>
    <row r="464121" spans="8:8">
      <c r="H464121" s="12"/>
    </row>
    <row r="464122" spans="8:8">
      <c r="H464122" s="12"/>
    </row>
    <row r="464123" spans="8:8">
      <c r="H464123" s="12"/>
    </row>
    <row r="464124" spans="8:8">
      <c r="H464124" s="12"/>
    </row>
    <row r="464125" spans="8:8">
      <c r="H464125" s="12"/>
    </row>
    <row r="464126" spans="8:8">
      <c r="H464126" s="12"/>
    </row>
    <row r="464127" spans="8:8">
      <c r="H464127" s="12"/>
    </row>
    <row r="464128" spans="8:8">
      <c r="H464128" s="12"/>
    </row>
    <row r="464129" spans="8:8">
      <c r="H464129" s="12"/>
    </row>
    <row r="464130" spans="8:8">
      <c r="H464130" s="12"/>
    </row>
    <row r="464131" spans="8:8">
      <c r="H464131" s="12"/>
    </row>
    <row r="464132" spans="8:8">
      <c r="H464132" s="12"/>
    </row>
    <row r="464133" spans="8:8">
      <c r="H464133" s="12"/>
    </row>
    <row r="464134" spans="8:8">
      <c r="H464134" s="12"/>
    </row>
    <row r="464135" spans="8:8">
      <c r="H464135" s="12"/>
    </row>
    <row r="464136" spans="8:8">
      <c r="H464136" s="12"/>
    </row>
    <row r="464137" spans="8:8">
      <c r="H464137" s="12"/>
    </row>
    <row r="464138" spans="8:8">
      <c r="H464138" s="12"/>
    </row>
    <row r="464139" spans="8:8">
      <c r="H464139" s="12"/>
    </row>
    <row r="464140" spans="8:8">
      <c r="H464140" s="12"/>
    </row>
    <row r="464141" spans="8:8">
      <c r="H464141" s="12"/>
    </row>
    <row r="464142" spans="8:8">
      <c r="H464142" s="12"/>
    </row>
    <row r="464143" spans="8:8">
      <c r="H464143" s="12"/>
    </row>
    <row r="464144" spans="8:8">
      <c r="H464144" s="12"/>
    </row>
    <row r="464145" spans="8:8">
      <c r="H464145" s="12"/>
    </row>
    <row r="464146" spans="8:8">
      <c r="H464146" s="12"/>
    </row>
    <row r="464147" spans="8:8">
      <c r="H464147" s="12"/>
    </row>
    <row r="464148" spans="8:8">
      <c r="H464148" s="12"/>
    </row>
    <row r="464149" spans="8:8">
      <c r="H464149" s="12"/>
    </row>
    <row r="464150" spans="8:8">
      <c r="H464150" s="12"/>
    </row>
    <row r="464151" spans="8:8">
      <c r="H464151" s="12"/>
    </row>
    <row r="464152" spans="8:8">
      <c r="H464152" s="12"/>
    </row>
    <row r="464153" spans="8:8">
      <c r="H464153" s="12"/>
    </row>
    <row r="464154" spans="8:8">
      <c r="H464154" s="12"/>
    </row>
    <row r="464155" spans="8:8">
      <c r="H464155" s="12"/>
    </row>
    <row r="464156" spans="8:8">
      <c r="H464156" s="12"/>
    </row>
    <row r="464157" spans="8:8">
      <c r="H464157" s="12"/>
    </row>
    <row r="464158" spans="8:8">
      <c r="H464158" s="12"/>
    </row>
    <row r="464159" spans="8:8">
      <c r="H464159" s="12"/>
    </row>
    <row r="464160" spans="8:8">
      <c r="H464160" s="12"/>
    </row>
    <row r="464161" spans="8:8">
      <c r="H464161" s="12"/>
    </row>
    <row r="464162" spans="8:8">
      <c r="H464162" s="12"/>
    </row>
    <row r="464163" spans="8:8">
      <c r="H464163" s="12"/>
    </row>
    <row r="464164" spans="8:8">
      <c r="H464164" s="12"/>
    </row>
    <row r="464165" spans="8:8">
      <c r="H464165" s="12"/>
    </row>
    <row r="464166" spans="8:8">
      <c r="H464166" s="12"/>
    </row>
    <row r="464167" spans="8:8">
      <c r="H464167" s="12"/>
    </row>
    <row r="464168" spans="8:8">
      <c r="H464168" s="12"/>
    </row>
    <row r="464169" spans="8:8">
      <c r="H464169" s="12"/>
    </row>
    <row r="464170" spans="8:8">
      <c r="H464170" s="12"/>
    </row>
    <row r="464171" spans="8:8">
      <c r="H464171" s="12"/>
    </row>
    <row r="464172" spans="8:8">
      <c r="H464172" s="12"/>
    </row>
    <row r="464173" spans="8:8">
      <c r="H464173" s="12"/>
    </row>
    <row r="464174" spans="8:8">
      <c r="H464174" s="12"/>
    </row>
    <row r="464175" spans="8:8">
      <c r="H464175" s="12"/>
    </row>
    <row r="464176" spans="8:8">
      <c r="H464176" s="12"/>
    </row>
    <row r="464177" spans="8:8">
      <c r="H464177" s="12"/>
    </row>
    <row r="464178" spans="8:8">
      <c r="H464178" s="12"/>
    </row>
    <row r="464179" spans="8:8">
      <c r="H464179" s="12"/>
    </row>
    <row r="464180" spans="8:8">
      <c r="H464180" s="12"/>
    </row>
    <row r="464181" spans="8:8">
      <c r="H464181" s="12"/>
    </row>
    <row r="464182" spans="8:8">
      <c r="H464182" s="12"/>
    </row>
    <row r="464183" spans="8:8">
      <c r="H464183" s="12"/>
    </row>
    <row r="464184" spans="8:8">
      <c r="H464184" s="12"/>
    </row>
    <row r="464185" spans="8:8">
      <c r="H464185" s="12"/>
    </row>
    <row r="464186" spans="8:8">
      <c r="H464186" s="12"/>
    </row>
    <row r="464187" spans="8:8">
      <c r="H464187" s="12"/>
    </row>
    <row r="464188" spans="8:8">
      <c r="H464188" s="12"/>
    </row>
    <row r="464189" spans="8:8">
      <c r="H464189" s="12"/>
    </row>
    <row r="464190" spans="8:8">
      <c r="H464190" s="12"/>
    </row>
    <row r="464191" spans="8:8">
      <c r="H464191" s="12"/>
    </row>
    <row r="464192" spans="8:8">
      <c r="H464192" s="12"/>
    </row>
    <row r="464193" spans="8:8">
      <c r="H464193" s="12"/>
    </row>
    <row r="464194" spans="8:8">
      <c r="H464194" s="12"/>
    </row>
    <row r="464195" spans="8:8">
      <c r="H464195" s="12"/>
    </row>
    <row r="464196" spans="8:8">
      <c r="H464196" s="12"/>
    </row>
    <row r="464197" spans="8:8">
      <c r="H464197" s="12"/>
    </row>
    <row r="464198" spans="8:8">
      <c r="H464198" s="12"/>
    </row>
    <row r="464199" spans="8:8">
      <c r="H464199" s="12"/>
    </row>
    <row r="464200" spans="8:8">
      <c r="H464200" s="12"/>
    </row>
    <row r="464201" spans="8:8">
      <c r="H464201" s="12"/>
    </row>
    <row r="464202" spans="8:8">
      <c r="H464202" s="12"/>
    </row>
    <row r="464203" spans="8:8">
      <c r="H464203" s="12"/>
    </row>
    <row r="464204" spans="8:8">
      <c r="H464204" s="12"/>
    </row>
    <row r="464205" spans="8:8">
      <c r="H464205" s="12"/>
    </row>
    <row r="464206" spans="8:8">
      <c r="H464206" s="12"/>
    </row>
    <row r="464207" spans="8:8">
      <c r="H464207" s="12"/>
    </row>
    <row r="464208" spans="8:8">
      <c r="H464208" s="12"/>
    </row>
    <row r="464209" spans="8:8">
      <c r="H464209" s="12"/>
    </row>
    <row r="464210" spans="8:8">
      <c r="H464210" s="12"/>
    </row>
    <row r="464211" spans="8:8">
      <c r="H464211" s="12"/>
    </row>
    <row r="464212" spans="8:8">
      <c r="H464212" s="12"/>
    </row>
    <row r="464213" spans="8:8">
      <c r="H464213" s="12"/>
    </row>
    <row r="464214" spans="8:8">
      <c r="H464214" s="12"/>
    </row>
    <row r="464215" spans="8:8">
      <c r="H464215" s="12"/>
    </row>
    <row r="464216" spans="8:8">
      <c r="H464216" s="12"/>
    </row>
    <row r="464217" spans="8:8">
      <c r="H464217" s="12"/>
    </row>
    <row r="464218" spans="8:8">
      <c r="H464218" s="12"/>
    </row>
    <row r="464219" spans="8:8">
      <c r="H464219" s="12"/>
    </row>
    <row r="464220" spans="8:8">
      <c r="H464220" s="12"/>
    </row>
    <row r="464221" spans="8:8">
      <c r="H464221" s="12"/>
    </row>
    <row r="464222" spans="8:8">
      <c r="H464222" s="12"/>
    </row>
    <row r="464223" spans="8:8">
      <c r="H464223" s="12"/>
    </row>
    <row r="464224" spans="8:8">
      <c r="H464224" s="12"/>
    </row>
    <row r="464225" spans="8:8">
      <c r="H464225" s="12"/>
    </row>
    <row r="464226" spans="8:8">
      <c r="H464226" s="12"/>
    </row>
    <row r="464227" spans="8:8">
      <c r="H464227" s="12"/>
    </row>
    <row r="464228" spans="8:8">
      <c r="H464228" s="12"/>
    </row>
    <row r="464229" spans="8:8">
      <c r="H464229" s="12"/>
    </row>
    <row r="464230" spans="8:8">
      <c r="H464230" s="12"/>
    </row>
    <row r="464231" spans="8:8">
      <c r="H464231" s="12"/>
    </row>
    <row r="464232" spans="8:8">
      <c r="H464232" s="12"/>
    </row>
    <row r="464233" spans="8:8">
      <c r="H464233" s="12"/>
    </row>
    <row r="464234" spans="8:8">
      <c r="H464234" s="12"/>
    </row>
    <row r="464235" spans="8:8">
      <c r="H464235" s="12"/>
    </row>
    <row r="464236" spans="8:8">
      <c r="H464236" s="12"/>
    </row>
    <row r="464237" spans="8:8">
      <c r="H464237" s="12"/>
    </row>
    <row r="464238" spans="8:8">
      <c r="H464238" s="12"/>
    </row>
    <row r="464239" spans="8:8">
      <c r="H464239" s="12"/>
    </row>
    <row r="464240" spans="8:8">
      <c r="H464240" s="12"/>
    </row>
    <row r="464241" spans="8:8">
      <c r="H464241" s="12"/>
    </row>
    <row r="464242" spans="8:8">
      <c r="H464242" s="12"/>
    </row>
    <row r="464243" spans="8:8">
      <c r="H464243" s="12"/>
    </row>
    <row r="464244" spans="8:8">
      <c r="H464244" s="12"/>
    </row>
    <row r="464245" spans="8:8">
      <c r="H464245" s="12"/>
    </row>
    <row r="464246" spans="8:8">
      <c r="H464246" s="12"/>
    </row>
    <row r="464247" spans="8:8">
      <c r="H464247" s="12"/>
    </row>
    <row r="464248" spans="8:8">
      <c r="H464248" s="12"/>
    </row>
    <row r="464249" spans="8:8">
      <c r="H464249" s="12"/>
    </row>
    <row r="464250" spans="8:8">
      <c r="H464250" s="12"/>
    </row>
    <row r="464251" spans="8:8">
      <c r="H464251" s="12"/>
    </row>
    <row r="464252" spans="8:8">
      <c r="H464252" s="12"/>
    </row>
    <row r="464253" spans="8:8">
      <c r="H464253" s="12"/>
    </row>
    <row r="464254" spans="8:8">
      <c r="H464254" s="12"/>
    </row>
    <row r="464255" spans="8:8">
      <c r="H464255" s="12"/>
    </row>
    <row r="464256" spans="8:8">
      <c r="H464256" s="12"/>
    </row>
    <row r="464257" spans="8:8">
      <c r="H464257" s="12"/>
    </row>
    <row r="464258" spans="8:8">
      <c r="H464258" s="12"/>
    </row>
    <row r="464259" spans="8:8">
      <c r="H464259" s="12"/>
    </row>
    <row r="464260" spans="8:8">
      <c r="H464260" s="12"/>
    </row>
    <row r="464261" spans="8:8">
      <c r="H464261" s="12"/>
    </row>
    <row r="464262" spans="8:8">
      <c r="H464262" s="12"/>
    </row>
    <row r="464263" spans="8:8">
      <c r="H464263" s="12"/>
    </row>
    <row r="464264" spans="8:8">
      <c r="H464264" s="12"/>
    </row>
    <row r="464265" spans="8:8">
      <c r="H464265" s="12"/>
    </row>
    <row r="464266" spans="8:8">
      <c r="H464266" s="12"/>
    </row>
    <row r="464267" spans="8:8">
      <c r="H464267" s="12"/>
    </row>
    <row r="464268" spans="8:8">
      <c r="H464268" s="12"/>
    </row>
    <row r="464269" spans="8:8">
      <c r="H464269" s="12"/>
    </row>
    <row r="464270" spans="8:8">
      <c r="H464270" s="12"/>
    </row>
    <row r="464271" spans="8:8">
      <c r="H464271" s="12"/>
    </row>
    <row r="464272" spans="8:8">
      <c r="H464272" s="12"/>
    </row>
    <row r="464273" spans="8:8">
      <c r="H464273" s="12"/>
    </row>
    <row r="464274" spans="8:8">
      <c r="H464274" s="12"/>
    </row>
    <row r="464275" spans="8:8">
      <c r="H464275" s="12"/>
    </row>
    <row r="464276" spans="8:8">
      <c r="H464276" s="12"/>
    </row>
    <row r="464277" spans="8:8">
      <c r="H464277" s="12"/>
    </row>
    <row r="464278" spans="8:8">
      <c r="H464278" s="12"/>
    </row>
    <row r="464279" spans="8:8">
      <c r="H464279" s="12"/>
    </row>
    <row r="464280" spans="8:8">
      <c r="H464280" s="12"/>
    </row>
    <row r="464281" spans="8:8">
      <c r="H464281" s="12"/>
    </row>
    <row r="464282" spans="8:8">
      <c r="H464282" s="12"/>
    </row>
    <row r="464283" spans="8:8">
      <c r="H464283" s="12"/>
    </row>
    <row r="464284" spans="8:8">
      <c r="H464284" s="12"/>
    </row>
    <row r="464285" spans="8:8">
      <c r="H464285" s="12"/>
    </row>
    <row r="464286" spans="8:8">
      <c r="H464286" s="12"/>
    </row>
    <row r="464287" spans="8:8">
      <c r="H464287" s="12"/>
    </row>
    <row r="464288" spans="8:8">
      <c r="H464288" s="12"/>
    </row>
    <row r="464289" spans="8:8">
      <c r="H464289" s="12"/>
    </row>
    <row r="464290" spans="8:8">
      <c r="H464290" s="12"/>
    </row>
    <row r="464291" spans="8:8">
      <c r="H464291" s="12"/>
    </row>
    <row r="464292" spans="8:8">
      <c r="H464292" s="12"/>
    </row>
    <row r="464293" spans="8:8">
      <c r="H464293" s="12"/>
    </row>
    <row r="464294" spans="8:8">
      <c r="H464294" s="12"/>
    </row>
    <row r="464295" spans="8:8">
      <c r="H464295" s="12"/>
    </row>
    <row r="464296" spans="8:8">
      <c r="H464296" s="12"/>
    </row>
    <row r="464297" spans="8:8">
      <c r="H464297" s="12"/>
    </row>
    <row r="464298" spans="8:8">
      <c r="H464298" s="12"/>
    </row>
    <row r="464299" spans="8:8">
      <c r="H464299" s="12"/>
    </row>
    <row r="464300" spans="8:8">
      <c r="H464300" s="12"/>
    </row>
    <row r="464301" spans="8:8">
      <c r="H464301" s="12"/>
    </row>
    <row r="464302" spans="8:8">
      <c r="H464302" s="12"/>
    </row>
    <row r="464303" spans="8:8">
      <c r="H464303" s="12"/>
    </row>
    <row r="464304" spans="8:8">
      <c r="H464304" s="12"/>
    </row>
    <row r="464305" spans="8:8">
      <c r="H464305" s="12"/>
    </row>
    <row r="464306" spans="8:8">
      <c r="H464306" s="12"/>
    </row>
    <row r="464307" spans="8:8">
      <c r="H464307" s="12"/>
    </row>
    <row r="464308" spans="8:8">
      <c r="H464308" s="12"/>
    </row>
    <row r="464309" spans="8:8">
      <c r="H464309" s="12"/>
    </row>
    <row r="464310" spans="8:8">
      <c r="H464310" s="12"/>
    </row>
    <row r="464311" spans="8:8">
      <c r="H464311" s="12"/>
    </row>
    <row r="464312" spans="8:8">
      <c r="H464312" s="12"/>
    </row>
    <row r="464313" spans="8:8">
      <c r="H464313" s="12"/>
    </row>
    <row r="464314" spans="8:8">
      <c r="H464314" s="12"/>
    </row>
    <row r="464315" spans="8:8">
      <c r="H464315" s="12"/>
    </row>
    <row r="464316" spans="8:8">
      <c r="H464316" s="12"/>
    </row>
    <row r="464317" spans="8:8">
      <c r="H464317" s="12"/>
    </row>
    <row r="464318" spans="8:8">
      <c r="H464318" s="12"/>
    </row>
    <row r="464319" spans="8:8">
      <c r="H464319" s="12"/>
    </row>
    <row r="464320" spans="8:8">
      <c r="H464320" s="12"/>
    </row>
    <row r="464321" spans="8:8">
      <c r="H464321" s="12"/>
    </row>
    <row r="464322" spans="8:8">
      <c r="H464322" s="12"/>
    </row>
    <row r="464323" spans="8:8">
      <c r="H464323" s="12"/>
    </row>
    <row r="464324" spans="8:8">
      <c r="H464324" s="12"/>
    </row>
    <row r="464325" spans="8:8">
      <c r="H464325" s="12"/>
    </row>
    <row r="464326" spans="8:8">
      <c r="H464326" s="12"/>
    </row>
    <row r="464327" spans="8:8">
      <c r="H464327" s="12"/>
    </row>
    <row r="464328" spans="8:8">
      <c r="H464328" s="12"/>
    </row>
    <row r="464329" spans="8:8">
      <c r="H464329" s="12"/>
    </row>
    <row r="464330" spans="8:8">
      <c r="H464330" s="12"/>
    </row>
    <row r="464331" spans="8:8">
      <c r="H464331" s="12"/>
    </row>
    <row r="464332" spans="8:8">
      <c r="H464332" s="12"/>
    </row>
    <row r="464333" spans="8:8">
      <c r="H464333" s="12"/>
    </row>
    <row r="464334" spans="8:8">
      <c r="H464334" s="12"/>
    </row>
    <row r="464335" spans="8:8">
      <c r="H464335" s="12"/>
    </row>
    <row r="464336" spans="8:8">
      <c r="H464336" s="12"/>
    </row>
    <row r="464337" spans="8:8">
      <c r="H464337" s="12"/>
    </row>
    <row r="464338" spans="8:8">
      <c r="H464338" s="12"/>
    </row>
    <row r="464339" spans="8:8">
      <c r="H464339" s="12"/>
    </row>
    <row r="464340" spans="8:8">
      <c r="H464340" s="12"/>
    </row>
    <row r="464341" spans="8:8">
      <c r="H464341" s="12"/>
    </row>
    <row r="464342" spans="8:8">
      <c r="H464342" s="12"/>
    </row>
    <row r="464343" spans="8:8">
      <c r="H464343" s="12"/>
    </row>
    <row r="464344" spans="8:8">
      <c r="H464344" s="12"/>
    </row>
    <row r="464345" spans="8:8">
      <c r="H464345" s="12"/>
    </row>
    <row r="464346" spans="8:8">
      <c r="H464346" s="12"/>
    </row>
    <row r="464347" spans="8:8">
      <c r="H464347" s="12"/>
    </row>
    <row r="464348" spans="8:8">
      <c r="H464348" s="12"/>
    </row>
    <row r="464349" spans="8:8">
      <c r="H464349" s="12"/>
    </row>
    <row r="464350" spans="8:8">
      <c r="H464350" s="12"/>
    </row>
    <row r="464351" spans="8:8">
      <c r="H464351" s="12"/>
    </row>
    <row r="464352" spans="8:8">
      <c r="H464352" s="12"/>
    </row>
    <row r="464353" spans="8:8">
      <c r="H464353" s="12"/>
    </row>
    <row r="464354" spans="8:8">
      <c r="H464354" s="12"/>
    </row>
    <row r="464355" spans="8:8">
      <c r="H464355" s="12"/>
    </row>
    <row r="464356" spans="8:8">
      <c r="H464356" s="12"/>
    </row>
    <row r="464357" spans="8:8">
      <c r="H464357" s="12"/>
    </row>
    <row r="464358" spans="8:8">
      <c r="H464358" s="12"/>
    </row>
    <row r="464359" spans="8:8">
      <c r="H464359" s="12"/>
    </row>
    <row r="464360" spans="8:8">
      <c r="H464360" s="12"/>
    </row>
    <row r="464361" spans="8:8">
      <c r="H464361" s="12"/>
    </row>
    <row r="464362" spans="8:8">
      <c r="H464362" s="12"/>
    </row>
    <row r="464363" spans="8:8">
      <c r="H464363" s="12"/>
    </row>
    <row r="464364" spans="8:8">
      <c r="H464364" s="12"/>
    </row>
    <row r="464365" spans="8:8">
      <c r="H464365" s="12"/>
    </row>
    <row r="464366" spans="8:8">
      <c r="H464366" s="12"/>
    </row>
    <row r="464367" spans="8:8">
      <c r="H464367" s="12"/>
    </row>
    <row r="464368" spans="8:8">
      <c r="H464368" s="12"/>
    </row>
    <row r="464369" spans="8:8">
      <c r="H464369" s="12"/>
    </row>
    <row r="464370" spans="8:8">
      <c r="H464370" s="12"/>
    </row>
    <row r="464371" spans="8:8">
      <c r="H464371" s="12"/>
    </row>
    <row r="464372" spans="8:8">
      <c r="H464372" s="12"/>
    </row>
    <row r="464373" spans="8:8">
      <c r="H464373" s="12"/>
    </row>
    <row r="464374" spans="8:8">
      <c r="H464374" s="12"/>
    </row>
    <row r="464375" spans="8:8">
      <c r="H464375" s="12"/>
    </row>
    <row r="464376" spans="8:8">
      <c r="H464376" s="12"/>
    </row>
    <row r="464377" spans="8:8">
      <c r="H464377" s="12"/>
    </row>
    <row r="464378" spans="8:8">
      <c r="H464378" s="12"/>
    </row>
    <row r="464379" spans="8:8">
      <c r="H464379" s="12"/>
    </row>
    <row r="464380" spans="8:8">
      <c r="H464380" s="12"/>
    </row>
    <row r="464381" spans="8:8">
      <c r="H464381" s="12"/>
    </row>
    <row r="464382" spans="8:8">
      <c r="H464382" s="12"/>
    </row>
    <row r="464383" spans="8:8">
      <c r="H464383" s="12"/>
    </row>
    <row r="464384" spans="8:8">
      <c r="H464384" s="12"/>
    </row>
    <row r="464385" spans="8:8">
      <c r="H464385" s="12"/>
    </row>
    <row r="464386" spans="8:8">
      <c r="H464386" s="12"/>
    </row>
    <row r="464387" spans="8:8">
      <c r="H464387" s="12"/>
    </row>
    <row r="464388" spans="8:8">
      <c r="H464388" s="12"/>
    </row>
    <row r="464389" spans="8:8">
      <c r="H464389" s="12"/>
    </row>
    <row r="464390" spans="8:8">
      <c r="H464390" s="12"/>
    </row>
    <row r="464391" spans="8:8">
      <c r="H464391" s="12"/>
    </row>
    <row r="464392" spans="8:8">
      <c r="H464392" s="12"/>
    </row>
    <row r="464393" spans="8:8">
      <c r="H464393" s="12"/>
    </row>
    <row r="464394" spans="8:8">
      <c r="H464394" s="12"/>
    </row>
    <row r="464395" spans="8:8">
      <c r="H464395" s="12"/>
    </row>
    <row r="464396" spans="8:8">
      <c r="H464396" s="12"/>
    </row>
    <row r="464397" spans="8:8">
      <c r="H464397" s="12"/>
    </row>
    <row r="464398" spans="8:8">
      <c r="H464398" s="12"/>
    </row>
    <row r="464399" spans="8:8">
      <c r="H464399" s="12"/>
    </row>
    <row r="464400" spans="8:8">
      <c r="H464400" s="12"/>
    </row>
    <row r="464401" spans="8:8">
      <c r="H464401" s="12"/>
    </row>
    <row r="464402" spans="8:8">
      <c r="H464402" s="12"/>
    </row>
    <row r="464403" spans="8:8">
      <c r="H464403" s="12"/>
    </row>
    <row r="464404" spans="8:8">
      <c r="H464404" s="12"/>
    </row>
    <row r="464405" spans="8:8">
      <c r="H464405" s="12"/>
    </row>
    <row r="464406" spans="8:8">
      <c r="H464406" s="12"/>
    </row>
    <row r="464407" spans="8:8">
      <c r="H464407" s="12"/>
    </row>
    <row r="464408" spans="8:8">
      <c r="H464408" s="12"/>
    </row>
    <row r="464409" spans="8:8">
      <c r="H464409" s="12"/>
    </row>
    <row r="464410" spans="8:8">
      <c r="H464410" s="12"/>
    </row>
    <row r="464411" spans="8:8">
      <c r="H464411" s="12"/>
    </row>
    <row r="464412" spans="8:8">
      <c r="H464412" s="12"/>
    </row>
    <row r="464413" spans="8:8">
      <c r="H464413" s="12"/>
    </row>
    <row r="464414" spans="8:8">
      <c r="H464414" s="12"/>
    </row>
    <row r="464415" spans="8:8">
      <c r="H464415" s="12"/>
    </row>
    <row r="464416" spans="8:8">
      <c r="H464416" s="12"/>
    </row>
    <row r="464417" spans="8:8">
      <c r="H464417" s="12"/>
    </row>
    <row r="464418" spans="8:8">
      <c r="H464418" s="12"/>
    </row>
    <row r="464419" spans="8:8">
      <c r="H464419" s="12"/>
    </row>
    <row r="464420" spans="8:8">
      <c r="H464420" s="12"/>
    </row>
    <row r="464421" spans="8:8">
      <c r="H464421" s="12"/>
    </row>
    <row r="464422" spans="8:8">
      <c r="H464422" s="12"/>
    </row>
    <row r="464423" spans="8:8">
      <c r="H464423" s="12"/>
    </row>
    <row r="464424" spans="8:8">
      <c r="H464424" s="12"/>
    </row>
    <row r="464425" spans="8:8">
      <c r="H464425" s="12"/>
    </row>
    <row r="464426" spans="8:8">
      <c r="H464426" s="12"/>
    </row>
    <row r="464427" spans="8:8">
      <c r="H464427" s="12"/>
    </row>
    <row r="464428" spans="8:8">
      <c r="H464428" s="12"/>
    </row>
    <row r="464429" spans="8:8">
      <c r="H464429" s="12"/>
    </row>
    <row r="464430" spans="8:8">
      <c r="H464430" s="12"/>
    </row>
    <row r="464431" spans="8:8">
      <c r="H464431" s="12"/>
    </row>
    <row r="464432" spans="8:8">
      <c r="H464432" s="12"/>
    </row>
    <row r="464433" spans="8:8">
      <c r="H464433" s="12"/>
    </row>
    <row r="464434" spans="8:8">
      <c r="H464434" s="12"/>
    </row>
    <row r="464435" spans="8:8">
      <c r="H464435" s="12"/>
    </row>
    <row r="464436" spans="8:8">
      <c r="H464436" s="12"/>
    </row>
    <row r="464437" spans="8:8">
      <c r="H464437" s="12"/>
    </row>
    <row r="464438" spans="8:8">
      <c r="H464438" s="12"/>
    </row>
    <row r="464439" spans="8:8">
      <c r="H464439" s="12"/>
    </row>
    <row r="464440" spans="8:8">
      <c r="H464440" s="12"/>
    </row>
    <row r="464441" spans="8:8">
      <c r="H464441" s="12"/>
    </row>
    <row r="464442" spans="8:8">
      <c r="H464442" s="12"/>
    </row>
    <row r="464443" spans="8:8">
      <c r="H464443" s="12"/>
    </row>
    <row r="464444" spans="8:8">
      <c r="H464444" s="12"/>
    </row>
    <row r="464445" spans="8:8">
      <c r="H464445" s="12"/>
    </row>
    <row r="464446" spans="8:8">
      <c r="H464446" s="12"/>
    </row>
    <row r="464447" spans="8:8">
      <c r="H464447" s="12"/>
    </row>
    <row r="464448" spans="8:8">
      <c r="H464448" s="12"/>
    </row>
    <row r="464449" spans="8:8">
      <c r="H464449" s="12"/>
    </row>
    <row r="464450" spans="8:8">
      <c r="H464450" s="12"/>
    </row>
    <row r="464451" spans="8:8">
      <c r="H464451" s="12"/>
    </row>
    <row r="464452" spans="8:8">
      <c r="H464452" s="12"/>
    </row>
    <row r="464453" spans="8:8">
      <c r="H464453" s="12"/>
    </row>
    <row r="464454" spans="8:8">
      <c r="H464454" s="12"/>
    </row>
    <row r="464455" spans="8:8">
      <c r="H464455" s="12"/>
    </row>
    <row r="464456" spans="8:8">
      <c r="H464456" s="12"/>
    </row>
    <row r="464457" spans="8:8">
      <c r="H464457" s="12"/>
    </row>
    <row r="464458" spans="8:8">
      <c r="H464458" s="12"/>
    </row>
    <row r="464459" spans="8:8">
      <c r="H464459" s="12"/>
    </row>
    <row r="464460" spans="8:8">
      <c r="H464460" s="12"/>
    </row>
    <row r="464461" spans="8:8">
      <c r="H464461" s="12"/>
    </row>
    <row r="464462" spans="8:8">
      <c r="H464462" s="12"/>
    </row>
    <row r="464463" spans="8:8">
      <c r="H464463" s="12"/>
    </row>
    <row r="464464" spans="8:8">
      <c r="H464464" s="12"/>
    </row>
    <row r="464465" spans="8:8">
      <c r="H464465" s="12"/>
    </row>
    <row r="464466" spans="8:8">
      <c r="H464466" s="12"/>
    </row>
    <row r="464467" spans="8:8">
      <c r="H464467" s="12"/>
    </row>
    <row r="464468" spans="8:8">
      <c r="H464468" s="12"/>
    </row>
    <row r="464469" spans="8:8">
      <c r="H464469" s="12"/>
    </row>
    <row r="464470" spans="8:8">
      <c r="H464470" s="12"/>
    </row>
    <row r="464471" spans="8:8">
      <c r="H464471" s="12"/>
    </row>
    <row r="464472" spans="8:8">
      <c r="H464472" s="12"/>
    </row>
    <row r="464473" spans="8:8">
      <c r="H464473" s="12"/>
    </row>
    <row r="464474" spans="8:8">
      <c r="H464474" s="12"/>
    </row>
    <row r="464475" spans="8:8">
      <c r="H464475" s="12"/>
    </row>
    <row r="464476" spans="8:8">
      <c r="H464476" s="12"/>
    </row>
    <row r="464477" spans="8:8">
      <c r="H464477" s="12"/>
    </row>
    <row r="464478" spans="8:8">
      <c r="H464478" s="12"/>
    </row>
    <row r="464479" spans="8:8">
      <c r="H464479" s="12"/>
    </row>
    <row r="464480" spans="8:8">
      <c r="H464480" s="12"/>
    </row>
    <row r="464481" spans="8:8">
      <c r="H464481" s="12"/>
    </row>
    <row r="464482" spans="8:8">
      <c r="H464482" s="12"/>
    </row>
    <row r="464483" spans="8:8">
      <c r="H464483" s="12"/>
    </row>
    <row r="464484" spans="8:8">
      <c r="H464484" s="12"/>
    </row>
    <row r="464485" spans="8:8">
      <c r="H464485" s="12"/>
    </row>
    <row r="464486" spans="8:8">
      <c r="H464486" s="12"/>
    </row>
    <row r="464487" spans="8:8">
      <c r="H464487" s="12"/>
    </row>
    <row r="464488" spans="8:8">
      <c r="H464488" s="12"/>
    </row>
    <row r="464489" spans="8:8">
      <c r="H464489" s="12"/>
    </row>
    <row r="464490" spans="8:8">
      <c r="H464490" s="12"/>
    </row>
    <row r="464491" spans="8:8">
      <c r="H464491" s="12"/>
    </row>
    <row r="464492" spans="8:8">
      <c r="H464492" s="12"/>
    </row>
    <row r="464493" spans="8:8">
      <c r="H464493" s="12"/>
    </row>
    <row r="464494" spans="8:8">
      <c r="H464494" s="12"/>
    </row>
    <row r="464495" spans="8:8">
      <c r="H464495" s="12"/>
    </row>
    <row r="464496" spans="8:8">
      <c r="H464496" s="12"/>
    </row>
    <row r="464497" spans="8:8">
      <c r="H464497" s="12"/>
    </row>
    <row r="464498" spans="8:8">
      <c r="H464498" s="12"/>
    </row>
    <row r="464499" spans="8:8">
      <c r="H464499" s="12"/>
    </row>
    <row r="464500" spans="8:8">
      <c r="H464500" s="12"/>
    </row>
    <row r="464501" spans="8:8">
      <c r="H464501" s="12"/>
    </row>
    <row r="464502" spans="8:8">
      <c r="H464502" s="12"/>
    </row>
    <row r="464503" spans="8:8">
      <c r="H464503" s="12"/>
    </row>
    <row r="464504" spans="8:8">
      <c r="H464504" s="12"/>
    </row>
    <row r="464505" spans="8:8">
      <c r="H464505" s="12"/>
    </row>
    <row r="464506" spans="8:8">
      <c r="H464506" s="12"/>
    </row>
    <row r="464507" spans="8:8">
      <c r="H464507" s="12"/>
    </row>
    <row r="464508" spans="8:8">
      <c r="H464508" s="12"/>
    </row>
    <row r="464509" spans="8:8">
      <c r="H464509" s="12"/>
    </row>
    <row r="464510" spans="8:8">
      <c r="H464510" s="12"/>
    </row>
    <row r="464511" spans="8:8">
      <c r="H464511" s="12"/>
    </row>
    <row r="464512" spans="8:8">
      <c r="H464512" s="12"/>
    </row>
    <row r="464513" spans="8:8">
      <c r="H464513" s="12"/>
    </row>
    <row r="464514" spans="8:8">
      <c r="H464514" s="12"/>
    </row>
    <row r="464515" spans="8:8">
      <c r="H464515" s="12"/>
    </row>
    <row r="464516" spans="8:8">
      <c r="H464516" s="12"/>
    </row>
    <row r="464517" spans="8:8">
      <c r="H464517" s="12"/>
    </row>
    <row r="464518" spans="8:8">
      <c r="H464518" s="12"/>
    </row>
    <row r="464519" spans="8:8">
      <c r="H464519" s="12"/>
    </row>
    <row r="464520" spans="8:8">
      <c r="H464520" s="12"/>
    </row>
    <row r="464521" spans="8:8">
      <c r="H464521" s="12"/>
    </row>
    <row r="464522" spans="8:8">
      <c r="H464522" s="12"/>
    </row>
    <row r="464523" spans="8:8">
      <c r="H464523" s="12"/>
    </row>
    <row r="464524" spans="8:8">
      <c r="H464524" s="12"/>
    </row>
    <row r="464525" spans="8:8">
      <c r="H464525" s="12"/>
    </row>
    <row r="464526" spans="8:8">
      <c r="H464526" s="12"/>
    </row>
    <row r="464527" spans="8:8">
      <c r="H464527" s="12"/>
    </row>
    <row r="464528" spans="8:8">
      <c r="H464528" s="12"/>
    </row>
    <row r="464529" spans="8:8">
      <c r="H464529" s="12"/>
    </row>
    <row r="464530" spans="8:8">
      <c r="H464530" s="12"/>
    </row>
    <row r="464531" spans="8:8">
      <c r="H464531" s="12"/>
    </row>
    <row r="464532" spans="8:8">
      <c r="H464532" s="12"/>
    </row>
    <row r="464533" spans="8:8">
      <c r="H464533" s="12"/>
    </row>
    <row r="464534" spans="8:8">
      <c r="H464534" s="12"/>
    </row>
    <row r="464535" spans="8:8">
      <c r="H464535" s="12"/>
    </row>
    <row r="464536" spans="8:8">
      <c r="H464536" s="12"/>
    </row>
    <row r="464537" spans="8:8">
      <c r="H464537" s="12"/>
    </row>
    <row r="464538" spans="8:8">
      <c r="H464538" s="12"/>
    </row>
    <row r="464539" spans="8:8">
      <c r="H464539" s="12"/>
    </row>
    <row r="464540" spans="8:8">
      <c r="H464540" s="12"/>
    </row>
    <row r="464541" spans="8:8">
      <c r="H464541" s="12"/>
    </row>
    <row r="464542" spans="8:8">
      <c r="H464542" s="12"/>
    </row>
    <row r="464543" spans="8:8">
      <c r="H464543" s="12"/>
    </row>
    <row r="464544" spans="8:8">
      <c r="H464544" s="12"/>
    </row>
    <row r="464545" spans="8:8">
      <c r="H464545" s="12"/>
    </row>
    <row r="464546" spans="8:8">
      <c r="H464546" s="12"/>
    </row>
    <row r="464547" spans="8:8">
      <c r="H464547" s="12"/>
    </row>
    <row r="464548" spans="8:8">
      <c r="H464548" s="12"/>
    </row>
    <row r="464549" spans="8:8">
      <c r="H464549" s="12"/>
    </row>
    <row r="464550" spans="8:8">
      <c r="H464550" s="12"/>
    </row>
    <row r="464551" spans="8:8">
      <c r="H464551" s="12"/>
    </row>
    <row r="464552" spans="8:8">
      <c r="H464552" s="12"/>
    </row>
    <row r="464553" spans="8:8">
      <c r="H464553" s="12"/>
    </row>
    <row r="464554" spans="8:8">
      <c r="H464554" s="12"/>
    </row>
    <row r="464555" spans="8:8">
      <c r="H464555" s="12"/>
    </row>
    <row r="464556" spans="8:8">
      <c r="H464556" s="12"/>
    </row>
    <row r="464557" spans="8:8">
      <c r="H464557" s="12"/>
    </row>
    <row r="464558" spans="8:8">
      <c r="H464558" s="12"/>
    </row>
    <row r="464559" spans="8:8">
      <c r="H464559" s="12"/>
    </row>
    <row r="464560" spans="8:8">
      <c r="H464560" s="12"/>
    </row>
    <row r="464561" spans="8:8">
      <c r="H464561" s="12"/>
    </row>
    <row r="464562" spans="8:8">
      <c r="H464562" s="12"/>
    </row>
    <row r="464563" spans="8:8">
      <c r="H464563" s="12"/>
    </row>
    <row r="464564" spans="8:8">
      <c r="H464564" s="12"/>
    </row>
    <row r="464565" spans="8:8">
      <c r="H464565" s="12"/>
    </row>
    <row r="464566" spans="8:8">
      <c r="H464566" s="12"/>
    </row>
    <row r="464567" spans="8:8">
      <c r="H464567" s="12"/>
    </row>
    <row r="464568" spans="8:8">
      <c r="H464568" s="12"/>
    </row>
    <row r="464569" spans="8:8">
      <c r="H464569" s="12"/>
    </row>
    <row r="464570" spans="8:8">
      <c r="H464570" s="12"/>
    </row>
    <row r="464571" spans="8:8">
      <c r="H464571" s="12"/>
    </row>
    <row r="464572" spans="8:8">
      <c r="H464572" s="12"/>
    </row>
    <row r="464573" spans="8:8">
      <c r="H464573" s="12"/>
    </row>
    <row r="464574" spans="8:8">
      <c r="H464574" s="12"/>
    </row>
    <row r="464575" spans="8:8">
      <c r="H464575" s="12"/>
    </row>
    <row r="464576" spans="8:8">
      <c r="H464576" s="12"/>
    </row>
    <row r="464577" spans="8:8">
      <c r="H464577" s="12"/>
    </row>
    <row r="464578" spans="8:8">
      <c r="H464578" s="12"/>
    </row>
    <row r="464579" spans="8:8">
      <c r="H464579" s="12"/>
    </row>
    <row r="464580" spans="8:8">
      <c r="H464580" s="12"/>
    </row>
    <row r="464581" spans="8:8">
      <c r="H464581" s="12"/>
    </row>
    <row r="464582" spans="8:8">
      <c r="H464582" s="12"/>
    </row>
    <row r="464583" spans="8:8">
      <c r="H464583" s="12"/>
    </row>
    <row r="464584" spans="8:8">
      <c r="H464584" s="12"/>
    </row>
    <row r="464585" spans="8:8">
      <c r="H464585" s="12"/>
    </row>
    <row r="464586" spans="8:8">
      <c r="H464586" s="12"/>
    </row>
    <row r="464587" spans="8:8">
      <c r="H464587" s="12"/>
    </row>
    <row r="464588" spans="8:8">
      <c r="H464588" s="12"/>
    </row>
    <row r="464589" spans="8:8">
      <c r="H464589" s="12"/>
    </row>
    <row r="464590" spans="8:8">
      <c r="H464590" s="12"/>
    </row>
    <row r="464591" spans="8:8">
      <c r="H464591" s="12"/>
    </row>
    <row r="464592" spans="8:8">
      <c r="H464592" s="12"/>
    </row>
    <row r="464593" spans="8:8">
      <c r="H464593" s="12"/>
    </row>
    <row r="464594" spans="8:8">
      <c r="H464594" s="12"/>
    </row>
    <row r="464595" spans="8:8">
      <c r="H464595" s="12"/>
    </row>
    <row r="464596" spans="8:8">
      <c r="H464596" s="12"/>
    </row>
    <row r="464597" spans="8:8">
      <c r="H464597" s="12"/>
    </row>
    <row r="464598" spans="8:8">
      <c r="H464598" s="12"/>
    </row>
    <row r="464599" spans="8:8">
      <c r="H464599" s="12"/>
    </row>
    <row r="464600" spans="8:8">
      <c r="H464600" s="12"/>
    </row>
    <row r="464601" spans="8:8">
      <c r="H464601" s="12"/>
    </row>
    <row r="464602" spans="8:8">
      <c r="H464602" s="12"/>
    </row>
    <row r="464603" spans="8:8">
      <c r="H464603" s="12"/>
    </row>
    <row r="464604" spans="8:8">
      <c r="H464604" s="12"/>
    </row>
    <row r="464605" spans="8:8">
      <c r="H464605" s="12"/>
    </row>
    <row r="464606" spans="8:8">
      <c r="H464606" s="12"/>
    </row>
    <row r="464607" spans="8:8">
      <c r="H464607" s="12"/>
    </row>
    <row r="464608" spans="8:8">
      <c r="H464608" s="12"/>
    </row>
    <row r="464609" spans="8:8">
      <c r="H464609" s="12"/>
    </row>
    <row r="464610" spans="8:8">
      <c r="H464610" s="12"/>
    </row>
    <row r="464611" spans="8:8">
      <c r="H464611" s="12"/>
    </row>
    <row r="464612" spans="8:8">
      <c r="H464612" s="12"/>
    </row>
    <row r="464613" spans="8:8">
      <c r="H464613" s="12"/>
    </row>
    <row r="464614" spans="8:8">
      <c r="H464614" s="12"/>
    </row>
    <row r="464615" spans="8:8">
      <c r="H464615" s="12"/>
    </row>
    <row r="464616" spans="8:8">
      <c r="H464616" s="12"/>
    </row>
    <row r="464617" spans="8:8">
      <c r="H464617" s="12"/>
    </row>
    <row r="464618" spans="8:8">
      <c r="H464618" s="12"/>
    </row>
    <row r="464619" spans="8:8">
      <c r="H464619" s="12"/>
    </row>
    <row r="464620" spans="8:8">
      <c r="H464620" s="12"/>
    </row>
    <row r="464621" spans="8:8">
      <c r="H464621" s="12"/>
    </row>
    <row r="464622" spans="8:8">
      <c r="H464622" s="12"/>
    </row>
    <row r="464623" spans="8:8">
      <c r="H464623" s="12"/>
    </row>
    <row r="464624" spans="8:8">
      <c r="H464624" s="12"/>
    </row>
    <row r="464625" spans="8:8">
      <c r="H464625" s="12"/>
    </row>
    <row r="464626" spans="8:8">
      <c r="H464626" s="12"/>
    </row>
    <row r="464627" spans="8:8">
      <c r="H464627" s="12"/>
    </row>
    <row r="464628" spans="8:8">
      <c r="H464628" s="12"/>
    </row>
    <row r="464629" spans="8:8">
      <c r="H464629" s="12"/>
    </row>
    <row r="464630" spans="8:8">
      <c r="H464630" s="12"/>
    </row>
    <row r="464631" spans="8:8">
      <c r="H464631" s="12"/>
    </row>
    <row r="464632" spans="8:8">
      <c r="H464632" s="12"/>
    </row>
    <row r="464633" spans="8:8">
      <c r="H464633" s="12"/>
    </row>
    <row r="464634" spans="8:8">
      <c r="H464634" s="12"/>
    </row>
    <row r="464635" spans="8:8">
      <c r="H464635" s="12"/>
    </row>
    <row r="464636" spans="8:8">
      <c r="H464636" s="12"/>
    </row>
    <row r="464637" spans="8:8">
      <c r="H464637" s="12"/>
    </row>
    <row r="464638" spans="8:8">
      <c r="H464638" s="12"/>
    </row>
    <row r="464639" spans="8:8">
      <c r="H464639" s="12"/>
    </row>
    <row r="464640" spans="8:8">
      <c r="H464640" s="12"/>
    </row>
    <row r="464641" spans="8:8">
      <c r="H464641" s="12"/>
    </row>
    <row r="464642" spans="8:8">
      <c r="H464642" s="12"/>
    </row>
    <row r="464643" spans="8:8">
      <c r="H464643" s="12"/>
    </row>
    <row r="464644" spans="8:8">
      <c r="H464644" s="12"/>
    </row>
    <row r="464645" spans="8:8">
      <c r="H464645" s="12"/>
    </row>
    <row r="464646" spans="8:8">
      <c r="H464646" s="12"/>
    </row>
    <row r="464647" spans="8:8">
      <c r="H464647" s="12"/>
    </row>
    <row r="464648" spans="8:8">
      <c r="H464648" s="12"/>
    </row>
    <row r="464649" spans="8:8">
      <c r="H464649" s="12"/>
    </row>
    <row r="464650" spans="8:8">
      <c r="H464650" s="12"/>
    </row>
    <row r="464651" spans="8:8">
      <c r="H464651" s="12"/>
    </row>
    <row r="464652" spans="8:8">
      <c r="H464652" s="12"/>
    </row>
    <row r="464653" spans="8:8">
      <c r="H464653" s="12"/>
    </row>
    <row r="464654" spans="8:8">
      <c r="H464654" s="12"/>
    </row>
    <row r="464655" spans="8:8">
      <c r="H464655" s="12"/>
    </row>
    <row r="464656" spans="8:8">
      <c r="H464656" s="12"/>
    </row>
    <row r="464657" spans="8:8">
      <c r="H464657" s="12"/>
    </row>
    <row r="464658" spans="8:8">
      <c r="H464658" s="12"/>
    </row>
    <row r="464659" spans="8:8">
      <c r="H464659" s="12"/>
    </row>
    <row r="464660" spans="8:8">
      <c r="H464660" s="12"/>
    </row>
    <row r="464661" spans="8:8">
      <c r="H464661" s="12"/>
    </row>
    <row r="464662" spans="8:8">
      <c r="H464662" s="12"/>
    </row>
    <row r="464663" spans="8:8">
      <c r="H464663" s="12"/>
    </row>
    <row r="464664" spans="8:8">
      <c r="H464664" s="12"/>
    </row>
    <row r="464665" spans="8:8">
      <c r="H464665" s="12"/>
    </row>
    <row r="464666" spans="8:8">
      <c r="H464666" s="12"/>
    </row>
    <row r="464667" spans="8:8">
      <c r="H464667" s="12"/>
    </row>
    <row r="464668" spans="8:8">
      <c r="H464668" s="12"/>
    </row>
    <row r="464669" spans="8:8">
      <c r="H464669" s="12"/>
    </row>
    <row r="464670" spans="8:8">
      <c r="H464670" s="12"/>
    </row>
    <row r="464671" spans="8:8">
      <c r="H464671" s="12"/>
    </row>
    <row r="464672" spans="8:8">
      <c r="H464672" s="12"/>
    </row>
    <row r="464673" spans="8:8">
      <c r="H464673" s="12"/>
    </row>
    <row r="464674" spans="8:8">
      <c r="H464674" s="12"/>
    </row>
    <row r="464675" spans="8:8">
      <c r="H464675" s="12"/>
    </row>
    <row r="464676" spans="8:8">
      <c r="H464676" s="12"/>
    </row>
    <row r="464677" spans="8:8">
      <c r="H464677" s="12"/>
    </row>
    <row r="464678" spans="8:8">
      <c r="H464678" s="12"/>
    </row>
    <row r="464679" spans="8:8">
      <c r="H464679" s="12"/>
    </row>
    <row r="464680" spans="8:8">
      <c r="H464680" s="12"/>
    </row>
    <row r="464681" spans="8:8">
      <c r="H464681" s="12"/>
    </row>
    <row r="464682" spans="8:8">
      <c r="H464682" s="12"/>
    </row>
    <row r="464683" spans="8:8">
      <c r="H464683" s="12"/>
    </row>
    <row r="464684" spans="8:8">
      <c r="H464684" s="12"/>
    </row>
    <row r="464685" spans="8:8">
      <c r="H464685" s="12"/>
    </row>
    <row r="464686" spans="8:8">
      <c r="H464686" s="12"/>
    </row>
    <row r="464687" spans="8:8">
      <c r="H464687" s="12"/>
    </row>
    <row r="464688" spans="8:8">
      <c r="H464688" s="12"/>
    </row>
    <row r="464689" spans="8:8">
      <c r="H464689" s="12"/>
    </row>
    <row r="464690" spans="8:8">
      <c r="H464690" s="12"/>
    </row>
    <row r="464691" spans="8:8">
      <c r="H464691" s="12"/>
    </row>
    <row r="464692" spans="8:8">
      <c r="H464692" s="12"/>
    </row>
    <row r="464693" spans="8:8">
      <c r="H464693" s="12"/>
    </row>
    <row r="464694" spans="8:8">
      <c r="H464694" s="12"/>
    </row>
    <row r="464695" spans="8:8">
      <c r="H464695" s="12"/>
    </row>
    <row r="464696" spans="8:8">
      <c r="H464696" s="12"/>
    </row>
    <row r="464697" spans="8:8">
      <c r="H464697" s="12"/>
    </row>
    <row r="464698" spans="8:8">
      <c r="H464698" s="12"/>
    </row>
    <row r="464699" spans="8:8">
      <c r="H464699" s="12"/>
    </row>
    <row r="464700" spans="8:8">
      <c r="H464700" s="12"/>
    </row>
    <row r="464701" spans="8:8">
      <c r="H464701" s="12"/>
    </row>
    <row r="464702" spans="8:8">
      <c r="H464702" s="12"/>
    </row>
    <row r="464703" spans="8:8">
      <c r="H464703" s="12"/>
    </row>
    <row r="464704" spans="8:8">
      <c r="H464704" s="12"/>
    </row>
    <row r="464705" spans="8:8">
      <c r="H464705" s="12"/>
    </row>
    <row r="464706" spans="8:8">
      <c r="H464706" s="12"/>
    </row>
    <row r="464707" spans="8:8">
      <c r="H464707" s="12"/>
    </row>
    <row r="464708" spans="8:8">
      <c r="H464708" s="12"/>
    </row>
    <row r="464709" spans="8:8">
      <c r="H464709" s="12"/>
    </row>
    <row r="464710" spans="8:8">
      <c r="H464710" s="12"/>
    </row>
    <row r="464711" spans="8:8">
      <c r="H464711" s="12"/>
    </row>
    <row r="464712" spans="8:8">
      <c r="H464712" s="12"/>
    </row>
    <row r="464713" spans="8:8">
      <c r="H464713" s="12"/>
    </row>
    <row r="464714" spans="8:8">
      <c r="H464714" s="12"/>
    </row>
    <row r="464715" spans="8:8">
      <c r="H464715" s="12"/>
    </row>
    <row r="464716" spans="8:8">
      <c r="H464716" s="12"/>
    </row>
    <row r="464717" spans="8:8">
      <c r="H464717" s="12"/>
    </row>
    <row r="464718" spans="8:8">
      <c r="H464718" s="12"/>
    </row>
    <row r="464719" spans="8:8">
      <c r="H464719" s="12"/>
    </row>
    <row r="464720" spans="8:8">
      <c r="H464720" s="12"/>
    </row>
    <row r="464721" spans="8:8">
      <c r="H464721" s="12"/>
    </row>
    <row r="464722" spans="8:8">
      <c r="H464722" s="12"/>
    </row>
    <row r="464723" spans="8:8">
      <c r="H464723" s="12"/>
    </row>
    <row r="464724" spans="8:8">
      <c r="H464724" s="12"/>
    </row>
    <row r="464725" spans="8:8">
      <c r="H464725" s="12"/>
    </row>
    <row r="464726" spans="8:8">
      <c r="H464726" s="12"/>
    </row>
    <row r="464727" spans="8:8">
      <c r="H464727" s="12"/>
    </row>
    <row r="464728" spans="8:8">
      <c r="H464728" s="12"/>
    </row>
    <row r="464729" spans="8:8">
      <c r="H464729" s="12"/>
    </row>
    <row r="464730" spans="8:8">
      <c r="H464730" s="12"/>
    </row>
    <row r="464731" spans="8:8">
      <c r="H464731" s="12"/>
    </row>
    <row r="464732" spans="8:8">
      <c r="H464732" s="12"/>
    </row>
    <row r="464733" spans="8:8">
      <c r="H464733" s="12"/>
    </row>
    <row r="464734" spans="8:8">
      <c r="H464734" s="12"/>
    </row>
    <row r="464735" spans="8:8">
      <c r="H464735" s="12"/>
    </row>
    <row r="464736" spans="8:8">
      <c r="H464736" s="12"/>
    </row>
    <row r="464737" spans="8:8">
      <c r="H464737" s="12"/>
    </row>
    <row r="464738" spans="8:8">
      <c r="H464738" s="12"/>
    </row>
    <row r="464739" spans="8:8">
      <c r="H464739" s="12"/>
    </row>
    <row r="464740" spans="8:8">
      <c r="H464740" s="12"/>
    </row>
    <row r="464741" spans="8:8">
      <c r="H464741" s="12"/>
    </row>
    <row r="464742" spans="8:8">
      <c r="H464742" s="12"/>
    </row>
    <row r="464743" spans="8:8">
      <c r="H464743" s="12"/>
    </row>
    <row r="464744" spans="8:8">
      <c r="H464744" s="12"/>
    </row>
    <row r="464745" spans="8:8">
      <c r="H464745" s="12"/>
    </row>
    <row r="464746" spans="8:8">
      <c r="H464746" s="12"/>
    </row>
    <row r="464747" spans="8:8">
      <c r="H464747" s="12"/>
    </row>
    <row r="464748" spans="8:8">
      <c r="H464748" s="12"/>
    </row>
    <row r="464749" spans="8:8">
      <c r="H464749" s="12"/>
    </row>
    <row r="464750" spans="8:8">
      <c r="H464750" s="12"/>
    </row>
    <row r="464751" spans="8:8">
      <c r="H464751" s="12"/>
    </row>
    <row r="464752" spans="8:8">
      <c r="H464752" s="12"/>
    </row>
    <row r="464753" spans="8:8">
      <c r="H464753" s="12"/>
    </row>
    <row r="464754" spans="8:8">
      <c r="H464754" s="12"/>
    </row>
    <row r="464755" spans="8:8">
      <c r="H464755" s="12"/>
    </row>
    <row r="464756" spans="8:8">
      <c r="H464756" s="12"/>
    </row>
    <row r="464757" spans="8:8">
      <c r="H464757" s="12"/>
    </row>
    <row r="464758" spans="8:8">
      <c r="H464758" s="12"/>
    </row>
    <row r="464759" spans="8:8">
      <c r="H464759" s="12"/>
    </row>
    <row r="464760" spans="8:8">
      <c r="H464760" s="12"/>
    </row>
    <row r="464761" spans="8:8">
      <c r="H464761" s="12"/>
    </row>
    <row r="464762" spans="8:8">
      <c r="H464762" s="12"/>
    </row>
    <row r="464763" spans="8:8">
      <c r="H464763" s="12"/>
    </row>
    <row r="464764" spans="8:8">
      <c r="H464764" s="12"/>
    </row>
    <row r="464765" spans="8:8">
      <c r="H464765" s="12"/>
    </row>
    <row r="464766" spans="8:8">
      <c r="H464766" s="12"/>
    </row>
    <row r="464767" spans="8:8">
      <c r="H464767" s="12"/>
    </row>
    <row r="464768" spans="8:8">
      <c r="H464768" s="12"/>
    </row>
    <row r="464769" spans="8:8">
      <c r="H464769" s="12"/>
    </row>
    <row r="464770" spans="8:8">
      <c r="H464770" s="12"/>
    </row>
    <row r="464771" spans="8:8">
      <c r="H464771" s="12"/>
    </row>
    <row r="464772" spans="8:8">
      <c r="H464772" s="12"/>
    </row>
    <row r="464773" spans="8:8">
      <c r="H464773" s="12"/>
    </row>
    <row r="464774" spans="8:8">
      <c r="H464774" s="12"/>
    </row>
    <row r="464775" spans="8:8">
      <c r="H464775" s="12"/>
    </row>
    <row r="464776" spans="8:8">
      <c r="H464776" s="12"/>
    </row>
    <row r="464777" spans="8:8">
      <c r="H464777" s="12"/>
    </row>
    <row r="464778" spans="8:8">
      <c r="H464778" s="12"/>
    </row>
    <row r="464779" spans="8:8">
      <c r="H464779" s="12"/>
    </row>
    <row r="464780" spans="8:8">
      <c r="H464780" s="12"/>
    </row>
    <row r="464781" spans="8:8">
      <c r="H464781" s="12"/>
    </row>
    <row r="464782" spans="8:8">
      <c r="H464782" s="12"/>
    </row>
    <row r="464783" spans="8:8">
      <c r="H464783" s="12"/>
    </row>
    <row r="464784" spans="8:8">
      <c r="H464784" s="12"/>
    </row>
    <row r="464785" spans="8:8">
      <c r="H464785" s="12"/>
    </row>
    <row r="464786" spans="8:8">
      <c r="H464786" s="12"/>
    </row>
    <row r="464787" spans="8:8">
      <c r="H464787" s="12"/>
    </row>
    <row r="464788" spans="8:8">
      <c r="H464788" s="12"/>
    </row>
    <row r="464789" spans="8:8">
      <c r="H464789" s="12"/>
    </row>
    <row r="464790" spans="8:8">
      <c r="H464790" s="12"/>
    </row>
    <row r="464791" spans="8:8">
      <c r="H464791" s="12"/>
    </row>
    <row r="464792" spans="8:8">
      <c r="H464792" s="12"/>
    </row>
    <row r="464793" spans="8:8">
      <c r="H464793" s="12"/>
    </row>
    <row r="464794" spans="8:8">
      <c r="H464794" s="12"/>
    </row>
    <row r="464795" spans="8:8">
      <c r="H464795" s="12"/>
    </row>
    <row r="464796" spans="8:8">
      <c r="H464796" s="12"/>
    </row>
    <row r="464797" spans="8:8">
      <c r="H464797" s="12"/>
    </row>
    <row r="464798" spans="8:8">
      <c r="H464798" s="12"/>
    </row>
    <row r="464799" spans="8:8">
      <c r="H464799" s="12"/>
    </row>
    <row r="464800" spans="8:8">
      <c r="H464800" s="12"/>
    </row>
    <row r="464801" spans="8:8">
      <c r="H464801" s="12"/>
    </row>
    <row r="464802" spans="8:8">
      <c r="H464802" s="12"/>
    </row>
    <row r="464803" spans="8:8">
      <c r="H464803" s="12"/>
    </row>
    <row r="464804" spans="8:8">
      <c r="H464804" s="12"/>
    </row>
    <row r="464805" spans="8:8">
      <c r="H464805" s="12"/>
    </row>
    <row r="464806" spans="8:8">
      <c r="H464806" s="12"/>
    </row>
    <row r="464807" spans="8:8">
      <c r="H464807" s="12"/>
    </row>
    <row r="464808" spans="8:8">
      <c r="H464808" s="12"/>
    </row>
    <row r="464809" spans="8:8">
      <c r="H464809" s="12"/>
    </row>
    <row r="464810" spans="8:8">
      <c r="H464810" s="12"/>
    </row>
    <row r="464811" spans="8:8">
      <c r="H464811" s="12"/>
    </row>
    <row r="464812" spans="8:8">
      <c r="H464812" s="12"/>
    </row>
    <row r="464813" spans="8:8">
      <c r="H464813" s="12"/>
    </row>
    <row r="464814" spans="8:8">
      <c r="H464814" s="12"/>
    </row>
    <row r="464815" spans="8:8">
      <c r="H464815" s="12"/>
    </row>
    <row r="464816" spans="8:8">
      <c r="H464816" s="12"/>
    </row>
    <row r="464817" spans="8:8">
      <c r="H464817" s="12"/>
    </row>
    <row r="464818" spans="8:8">
      <c r="H464818" s="12"/>
    </row>
    <row r="464819" spans="8:8">
      <c r="H464819" s="12"/>
    </row>
    <row r="464820" spans="8:8">
      <c r="H464820" s="12"/>
    </row>
    <row r="464821" spans="8:8">
      <c r="H464821" s="12"/>
    </row>
    <row r="464822" spans="8:8">
      <c r="H464822" s="12"/>
    </row>
    <row r="464823" spans="8:8">
      <c r="H464823" s="12"/>
    </row>
    <row r="464824" spans="8:8">
      <c r="H464824" s="12"/>
    </row>
    <row r="464825" spans="8:8">
      <c r="H464825" s="12"/>
    </row>
    <row r="464826" spans="8:8">
      <c r="H464826" s="12"/>
    </row>
    <row r="464827" spans="8:8">
      <c r="H464827" s="12"/>
    </row>
    <row r="464828" spans="8:8">
      <c r="H464828" s="12"/>
    </row>
    <row r="464829" spans="8:8">
      <c r="H464829" s="12"/>
    </row>
    <row r="464830" spans="8:8">
      <c r="H464830" s="12"/>
    </row>
    <row r="464831" spans="8:8">
      <c r="H464831" s="12"/>
    </row>
    <row r="464832" spans="8:8">
      <c r="H464832" s="12"/>
    </row>
    <row r="464833" spans="8:8">
      <c r="H464833" s="12"/>
    </row>
    <row r="464834" spans="8:8">
      <c r="H464834" s="12"/>
    </row>
    <row r="464835" spans="8:8">
      <c r="H464835" s="12"/>
    </row>
    <row r="464836" spans="8:8">
      <c r="H464836" s="12"/>
    </row>
    <row r="464837" spans="8:8">
      <c r="H464837" s="12"/>
    </row>
    <row r="464838" spans="8:8">
      <c r="H464838" s="12"/>
    </row>
    <row r="464839" spans="8:8">
      <c r="H464839" s="12"/>
    </row>
    <row r="464840" spans="8:8">
      <c r="H464840" s="12"/>
    </row>
    <row r="464841" spans="8:8">
      <c r="H464841" s="12"/>
    </row>
    <row r="464842" spans="8:8">
      <c r="H464842" s="12"/>
    </row>
    <row r="464843" spans="8:8">
      <c r="H464843" s="12"/>
    </row>
    <row r="464844" spans="8:8">
      <c r="H464844" s="12"/>
    </row>
    <row r="464845" spans="8:8">
      <c r="H464845" s="12"/>
    </row>
    <row r="464846" spans="8:8">
      <c r="H464846" s="12"/>
    </row>
    <row r="464847" spans="8:8">
      <c r="H464847" s="12"/>
    </row>
    <row r="464848" spans="8:8">
      <c r="H464848" s="12"/>
    </row>
    <row r="464849" spans="8:8">
      <c r="H464849" s="12"/>
    </row>
    <row r="464850" spans="8:8">
      <c r="H464850" s="12"/>
    </row>
    <row r="464851" spans="8:8">
      <c r="H464851" s="12"/>
    </row>
    <row r="464852" spans="8:8">
      <c r="H464852" s="12"/>
    </row>
    <row r="464853" spans="8:8">
      <c r="H464853" s="12"/>
    </row>
    <row r="464854" spans="8:8">
      <c r="H464854" s="12"/>
    </row>
    <row r="464855" spans="8:8">
      <c r="H464855" s="12"/>
    </row>
    <row r="464856" spans="8:8">
      <c r="H464856" s="12"/>
    </row>
    <row r="464857" spans="8:8">
      <c r="H464857" s="12"/>
    </row>
    <row r="464858" spans="8:8">
      <c r="H464858" s="12"/>
    </row>
    <row r="464859" spans="8:8">
      <c r="H464859" s="12"/>
    </row>
    <row r="464860" spans="8:8">
      <c r="H464860" s="12"/>
    </row>
    <row r="464861" spans="8:8">
      <c r="H464861" s="12"/>
    </row>
    <row r="464862" spans="8:8">
      <c r="H464862" s="12"/>
    </row>
    <row r="464863" spans="8:8">
      <c r="H464863" s="12"/>
    </row>
    <row r="464864" spans="8:8">
      <c r="H464864" s="12"/>
    </row>
    <row r="464865" spans="8:8">
      <c r="H464865" s="12"/>
    </row>
    <row r="464866" spans="8:8">
      <c r="H464866" s="12"/>
    </row>
    <row r="464867" spans="8:8">
      <c r="H464867" s="12"/>
    </row>
    <row r="464868" spans="8:8">
      <c r="H464868" s="12"/>
    </row>
    <row r="464869" spans="8:8">
      <c r="H464869" s="12"/>
    </row>
    <row r="464870" spans="8:8">
      <c r="H464870" s="12"/>
    </row>
    <row r="464871" spans="8:8">
      <c r="H464871" s="12"/>
    </row>
    <row r="464872" spans="8:8">
      <c r="H464872" s="12"/>
    </row>
    <row r="464873" spans="8:8">
      <c r="H464873" s="12"/>
    </row>
    <row r="464874" spans="8:8">
      <c r="H464874" s="12"/>
    </row>
    <row r="464875" spans="8:8">
      <c r="H464875" s="12"/>
    </row>
    <row r="464876" spans="8:8">
      <c r="H464876" s="12"/>
    </row>
    <row r="464877" spans="8:8">
      <c r="H464877" s="12"/>
    </row>
    <row r="464878" spans="8:8">
      <c r="H464878" s="12"/>
    </row>
    <row r="464879" spans="8:8">
      <c r="H464879" s="12"/>
    </row>
    <row r="464880" spans="8:8">
      <c r="H464880" s="12"/>
    </row>
    <row r="464881" spans="8:8">
      <c r="H464881" s="12"/>
    </row>
    <row r="464882" spans="8:8">
      <c r="H464882" s="12"/>
    </row>
    <row r="464883" spans="8:8">
      <c r="H464883" s="12"/>
    </row>
    <row r="464884" spans="8:8">
      <c r="H464884" s="12"/>
    </row>
    <row r="464885" spans="8:8">
      <c r="H464885" s="12"/>
    </row>
    <row r="464886" spans="8:8">
      <c r="H464886" s="12"/>
    </row>
    <row r="464887" spans="8:8">
      <c r="H464887" s="12"/>
    </row>
    <row r="464888" spans="8:8">
      <c r="H464888" s="12"/>
    </row>
    <row r="464889" spans="8:8">
      <c r="H464889" s="12"/>
    </row>
    <row r="464890" spans="8:8">
      <c r="H464890" s="12"/>
    </row>
    <row r="464891" spans="8:8">
      <c r="H464891" s="12"/>
    </row>
    <row r="464892" spans="8:8">
      <c r="H464892" s="12"/>
    </row>
    <row r="464893" spans="8:8">
      <c r="H464893" s="12"/>
    </row>
    <row r="464894" spans="8:8">
      <c r="H464894" s="12"/>
    </row>
    <row r="464895" spans="8:8">
      <c r="H464895" s="12"/>
    </row>
    <row r="464896" spans="8:8">
      <c r="H464896" s="12"/>
    </row>
    <row r="464897" spans="8:8">
      <c r="H464897" s="12"/>
    </row>
    <row r="464898" spans="8:8">
      <c r="H464898" s="12"/>
    </row>
    <row r="464899" spans="8:8">
      <c r="H464899" s="12"/>
    </row>
    <row r="464900" spans="8:8">
      <c r="H464900" s="12"/>
    </row>
    <row r="464901" spans="8:8">
      <c r="H464901" s="12"/>
    </row>
    <row r="464902" spans="8:8">
      <c r="H464902" s="12"/>
    </row>
    <row r="464903" spans="8:8">
      <c r="H464903" s="12"/>
    </row>
    <row r="464904" spans="8:8">
      <c r="H464904" s="12"/>
    </row>
    <row r="464905" spans="8:8">
      <c r="H464905" s="12"/>
    </row>
    <row r="464906" spans="8:8">
      <c r="H464906" s="12"/>
    </row>
    <row r="464907" spans="8:8">
      <c r="H464907" s="12"/>
    </row>
    <row r="464908" spans="8:8">
      <c r="H464908" s="12"/>
    </row>
    <row r="464909" spans="8:8">
      <c r="H464909" s="12"/>
    </row>
    <row r="464910" spans="8:8">
      <c r="H464910" s="12"/>
    </row>
    <row r="464911" spans="8:8">
      <c r="H464911" s="12"/>
    </row>
    <row r="464912" spans="8:8">
      <c r="H464912" s="12"/>
    </row>
    <row r="464913" spans="8:8">
      <c r="H464913" s="12"/>
    </row>
    <row r="464914" spans="8:8">
      <c r="H464914" s="12"/>
    </row>
    <row r="464915" spans="8:8">
      <c r="H464915" s="12"/>
    </row>
    <row r="464916" spans="8:8">
      <c r="H464916" s="12"/>
    </row>
    <row r="464917" spans="8:8">
      <c r="H464917" s="12"/>
    </row>
    <row r="464918" spans="8:8">
      <c r="H464918" s="12"/>
    </row>
    <row r="464919" spans="8:8">
      <c r="H464919" s="12"/>
    </row>
    <row r="464920" spans="8:8">
      <c r="H464920" s="12"/>
    </row>
    <row r="464921" spans="8:8">
      <c r="H464921" s="12"/>
    </row>
    <row r="464922" spans="8:8">
      <c r="H464922" s="12"/>
    </row>
    <row r="464923" spans="8:8">
      <c r="H464923" s="12"/>
    </row>
    <row r="464924" spans="8:8">
      <c r="H464924" s="12"/>
    </row>
    <row r="464925" spans="8:8">
      <c r="H464925" s="12"/>
    </row>
    <row r="464926" spans="8:8">
      <c r="H464926" s="12"/>
    </row>
    <row r="464927" spans="8:8">
      <c r="H464927" s="12"/>
    </row>
    <row r="464928" spans="8:8">
      <c r="H464928" s="12"/>
    </row>
    <row r="464929" spans="8:8">
      <c r="H464929" s="12"/>
    </row>
    <row r="464930" spans="8:8">
      <c r="H464930" s="12"/>
    </row>
    <row r="464931" spans="8:8">
      <c r="H464931" s="12"/>
    </row>
    <row r="464932" spans="8:8">
      <c r="H464932" s="12"/>
    </row>
    <row r="464933" spans="8:8">
      <c r="H464933" s="12"/>
    </row>
    <row r="464934" spans="8:8">
      <c r="H464934" s="12"/>
    </row>
    <row r="464935" spans="8:8">
      <c r="H464935" s="12"/>
    </row>
    <row r="464936" spans="8:8">
      <c r="H464936" s="12"/>
    </row>
    <row r="464937" spans="8:8">
      <c r="H464937" s="12"/>
    </row>
    <row r="464938" spans="8:8">
      <c r="H464938" s="12"/>
    </row>
    <row r="464939" spans="8:8">
      <c r="H464939" s="12"/>
    </row>
    <row r="464940" spans="8:8">
      <c r="H464940" s="12"/>
    </row>
    <row r="464941" spans="8:8">
      <c r="H464941" s="12"/>
    </row>
    <row r="464942" spans="8:8">
      <c r="H464942" s="12"/>
    </row>
    <row r="464943" spans="8:8">
      <c r="H464943" s="12"/>
    </row>
    <row r="464944" spans="8:8">
      <c r="H464944" s="12"/>
    </row>
    <row r="464945" spans="8:8">
      <c r="H464945" s="12"/>
    </row>
    <row r="464946" spans="8:8">
      <c r="H464946" s="12"/>
    </row>
    <row r="464947" spans="8:8">
      <c r="H464947" s="12"/>
    </row>
    <row r="464948" spans="8:8">
      <c r="H464948" s="12"/>
    </row>
    <row r="464949" spans="8:8">
      <c r="H464949" s="12"/>
    </row>
    <row r="464950" spans="8:8">
      <c r="H464950" s="12"/>
    </row>
    <row r="464951" spans="8:8">
      <c r="H464951" s="12"/>
    </row>
    <row r="464952" spans="8:8">
      <c r="H464952" s="12"/>
    </row>
    <row r="464953" spans="8:8">
      <c r="H464953" s="12"/>
    </row>
    <row r="464954" spans="8:8">
      <c r="H464954" s="12"/>
    </row>
    <row r="464955" spans="8:8">
      <c r="H464955" s="12"/>
    </row>
    <row r="464956" spans="8:8">
      <c r="H464956" s="12"/>
    </row>
    <row r="464957" spans="8:8">
      <c r="H464957" s="12"/>
    </row>
    <row r="464958" spans="8:8">
      <c r="H464958" s="12"/>
    </row>
    <row r="464959" spans="8:8">
      <c r="H464959" s="12"/>
    </row>
    <row r="464960" spans="8:8">
      <c r="H464960" s="12"/>
    </row>
    <row r="464961" spans="8:8">
      <c r="H464961" s="12"/>
    </row>
    <row r="464962" spans="8:8">
      <c r="H464962" s="12"/>
    </row>
    <row r="464963" spans="8:8">
      <c r="H464963" s="12"/>
    </row>
    <row r="464964" spans="8:8">
      <c r="H464964" s="12"/>
    </row>
    <row r="464965" spans="8:8">
      <c r="H464965" s="12"/>
    </row>
    <row r="464966" spans="8:8">
      <c r="H464966" s="12"/>
    </row>
    <row r="464967" spans="8:8">
      <c r="H464967" s="12"/>
    </row>
    <row r="464968" spans="8:8">
      <c r="H464968" s="12"/>
    </row>
    <row r="464969" spans="8:8">
      <c r="H464969" s="12"/>
    </row>
    <row r="464970" spans="8:8">
      <c r="H464970" s="12"/>
    </row>
    <row r="464971" spans="8:8">
      <c r="H464971" s="12"/>
    </row>
    <row r="464972" spans="8:8">
      <c r="H464972" s="12"/>
    </row>
    <row r="464973" spans="8:8">
      <c r="H464973" s="12"/>
    </row>
    <row r="464974" spans="8:8">
      <c r="H464974" s="12"/>
    </row>
    <row r="464975" spans="8:8">
      <c r="H464975" s="12"/>
    </row>
    <row r="464976" spans="8:8">
      <c r="H464976" s="12"/>
    </row>
    <row r="464977" spans="8:8">
      <c r="H464977" s="12"/>
    </row>
    <row r="464978" spans="8:8">
      <c r="H464978" s="12"/>
    </row>
    <row r="464979" spans="8:8">
      <c r="H464979" s="12"/>
    </row>
    <row r="464980" spans="8:8">
      <c r="H464980" s="12"/>
    </row>
    <row r="464981" spans="8:8">
      <c r="H464981" s="12"/>
    </row>
    <row r="464982" spans="8:8">
      <c r="H464982" s="12"/>
    </row>
    <row r="464983" spans="8:8">
      <c r="H464983" s="12"/>
    </row>
    <row r="464984" spans="8:8">
      <c r="H464984" s="12"/>
    </row>
    <row r="464985" spans="8:8">
      <c r="H464985" s="12"/>
    </row>
    <row r="464986" spans="8:8">
      <c r="H464986" s="12"/>
    </row>
    <row r="464987" spans="8:8">
      <c r="H464987" s="12"/>
    </row>
    <row r="464988" spans="8:8">
      <c r="H464988" s="12"/>
    </row>
    <row r="464989" spans="8:8">
      <c r="H464989" s="12"/>
    </row>
    <row r="464990" spans="8:8">
      <c r="H464990" s="12"/>
    </row>
    <row r="464991" spans="8:8">
      <c r="H464991" s="12"/>
    </row>
    <row r="464992" spans="8:8">
      <c r="H464992" s="12"/>
    </row>
    <row r="464993" spans="8:8">
      <c r="H464993" s="12"/>
    </row>
    <row r="464994" spans="8:8">
      <c r="H464994" s="12"/>
    </row>
    <row r="464995" spans="8:8">
      <c r="H464995" s="12"/>
    </row>
    <row r="464996" spans="8:8">
      <c r="H464996" s="12"/>
    </row>
    <row r="464997" spans="8:8">
      <c r="H464997" s="12"/>
    </row>
    <row r="464998" spans="8:8">
      <c r="H464998" s="12"/>
    </row>
    <row r="464999" spans="8:8">
      <c r="H464999" s="12"/>
    </row>
    <row r="465000" spans="8:8">
      <c r="H465000" s="12"/>
    </row>
    <row r="465001" spans="8:8">
      <c r="H465001" s="12"/>
    </row>
    <row r="465002" spans="8:8">
      <c r="H465002" s="12"/>
    </row>
    <row r="465003" spans="8:8">
      <c r="H465003" s="12"/>
    </row>
    <row r="465004" spans="8:8">
      <c r="H465004" s="12"/>
    </row>
    <row r="465005" spans="8:8">
      <c r="H465005" s="12"/>
    </row>
    <row r="465006" spans="8:8">
      <c r="H465006" s="12"/>
    </row>
    <row r="465007" spans="8:8">
      <c r="H465007" s="12"/>
    </row>
    <row r="465008" spans="8:8">
      <c r="H465008" s="12"/>
    </row>
    <row r="465009" spans="8:8">
      <c r="H465009" s="12"/>
    </row>
    <row r="465010" spans="8:8">
      <c r="H465010" s="12"/>
    </row>
    <row r="465011" spans="8:8">
      <c r="H465011" s="12"/>
    </row>
    <row r="465012" spans="8:8">
      <c r="H465012" s="12"/>
    </row>
    <row r="465013" spans="8:8">
      <c r="H465013" s="12"/>
    </row>
    <row r="465014" spans="8:8">
      <c r="H465014" s="12"/>
    </row>
    <row r="465015" spans="8:8">
      <c r="H465015" s="12"/>
    </row>
    <row r="465016" spans="8:8">
      <c r="H465016" s="12"/>
    </row>
    <row r="465017" spans="8:8">
      <c r="H465017" s="12"/>
    </row>
    <row r="465018" spans="8:8">
      <c r="H465018" s="12"/>
    </row>
    <row r="465019" spans="8:8">
      <c r="H465019" s="12"/>
    </row>
    <row r="465020" spans="8:8">
      <c r="H465020" s="12"/>
    </row>
    <row r="465021" spans="8:8">
      <c r="H465021" s="12"/>
    </row>
    <row r="465022" spans="8:8">
      <c r="H465022" s="12"/>
    </row>
    <row r="465023" spans="8:8">
      <c r="H465023" s="12"/>
    </row>
    <row r="465024" spans="8:8">
      <c r="H465024" s="12"/>
    </row>
    <row r="465025" spans="8:8">
      <c r="H465025" s="12"/>
    </row>
    <row r="465026" spans="8:8">
      <c r="H465026" s="12"/>
    </row>
    <row r="465027" spans="8:8">
      <c r="H465027" s="12"/>
    </row>
    <row r="465028" spans="8:8">
      <c r="H465028" s="12"/>
    </row>
    <row r="465029" spans="8:8">
      <c r="H465029" s="12"/>
    </row>
    <row r="465030" spans="8:8">
      <c r="H465030" s="12"/>
    </row>
    <row r="465031" spans="8:8">
      <c r="H465031" s="12"/>
    </row>
    <row r="465032" spans="8:8">
      <c r="H465032" s="12"/>
    </row>
    <row r="465033" spans="8:8">
      <c r="H465033" s="12"/>
    </row>
    <row r="465034" spans="8:8">
      <c r="H465034" s="12"/>
    </row>
    <row r="465035" spans="8:8">
      <c r="H465035" s="12"/>
    </row>
    <row r="465036" spans="8:8">
      <c r="H465036" s="12"/>
    </row>
    <row r="465037" spans="8:8">
      <c r="H465037" s="12"/>
    </row>
    <row r="465038" spans="8:8">
      <c r="H465038" s="12"/>
    </row>
    <row r="465039" spans="8:8">
      <c r="H465039" s="12"/>
    </row>
    <row r="465040" spans="8:8">
      <c r="H465040" s="12"/>
    </row>
    <row r="465041" spans="8:8">
      <c r="H465041" s="12"/>
    </row>
    <row r="465042" spans="8:8">
      <c r="H465042" s="12"/>
    </row>
    <row r="465043" spans="8:8">
      <c r="H465043" s="12"/>
    </row>
    <row r="465044" spans="8:8">
      <c r="H465044" s="12"/>
    </row>
    <row r="465045" spans="8:8">
      <c r="H465045" s="12"/>
    </row>
    <row r="465046" spans="8:8">
      <c r="H465046" s="12"/>
    </row>
    <row r="465047" spans="8:8">
      <c r="H465047" s="12"/>
    </row>
    <row r="465048" spans="8:8">
      <c r="H465048" s="12"/>
    </row>
    <row r="465049" spans="8:8">
      <c r="H465049" s="12"/>
    </row>
    <row r="465050" spans="8:8">
      <c r="H465050" s="12"/>
    </row>
    <row r="465051" spans="8:8">
      <c r="H465051" s="12"/>
    </row>
    <row r="465052" spans="8:8">
      <c r="H465052" s="12"/>
    </row>
    <row r="465053" spans="8:8">
      <c r="H465053" s="12"/>
    </row>
    <row r="465054" spans="8:8">
      <c r="H465054" s="12"/>
    </row>
    <row r="465055" spans="8:8">
      <c r="H465055" s="12"/>
    </row>
    <row r="465056" spans="8:8">
      <c r="H465056" s="12"/>
    </row>
    <row r="465057" spans="8:8">
      <c r="H465057" s="12"/>
    </row>
    <row r="465058" spans="8:8">
      <c r="H465058" s="12"/>
    </row>
    <row r="465059" spans="8:8">
      <c r="H465059" s="12"/>
    </row>
    <row r="465060" spans="8:8">
      <c r="H465060" s="12"/>
    </row>
    <row r="465061" spans="8:8">
      <c r="H465061" s="12"/>
    </row>
    <row r="465062" spans="8:8">
      <c r="H465062" s="12"/>
    </row>
    <row r="465063" spans="8:8">
      <c r="H465063" s="12"/>
    </row>
    <row r="465064" spans="8:8">
      <c r="H465064" s="12"/>
    </row>
    <row r="465065" spans="8:8">
      <c r="H465065" s="12"/>
    </row>
    <row r="465066" spans="8:8">
      <c r="H465066" s="12"/>
    </row>
    <row r="465067" spans="8:8">
      <c r="H465067" s="12"/>
    </row>
    <row r="465068" spans="8:8">
      <c r="H465068" s="12"/>
    </row>
    <row r="465069" spans="8:8">
      <c r="H465069" s="12"/>
    </row>
    <row r="465070" spans="8:8">
      <c r="H465070" s="12"/>
    </row>
    <row r="465071" spans="8:8">
      <c r="H465071" s="12"/>
    </row>
    <row r="465072" spans="8:8">
      <c r="H465072" s="12"/>
    </row>
    <row r="465073" spans="8:8">
      <c r="H465073" s="12"/>
    </row>
    <row r="465074" spans="8:8">
      <c r="H465074" s="12"/>
    </row>
    <row r="465075" spans="8:8">
      <c r="H465075" s="12"/>
    </row>
    <row r="465076" spans="8:8">
      <c r="H465076" s="12"/>
    </row>
    <row r="465077" spans="8:8">
      <c r="H465077" s="12"/>
    </row>
    <row r="465078" spans="8:8">
      <c r="H465078" s="12"/>
    </row>
    <row r="465079" spans="8:8">
      <c r="H465079" s="12"/>
    </row>
    <row r="465080" spans="8:8">
      <c r="H465080" s="12"/>
    </row>
    <row r="465081" spans="8:8">
      <c r="H465081" s="12"/>
    </row>
    <row r="465082" spans="8:8">
      <c r="H465082" s="12"/>
    </row>
    <row r="465083" spans="8:8">
      <c r="H465083" s="12"/>
    </row>
    <row r="465084" spans="8:8">
      <c r="H465084" s="12"/>
    </row>
    <row r="465085" spans="8:8">
      <c r="H465085" s="12"/>
    </row>
    <row r="465086" spans="8:8">
      <c r="H465086" s="12"/>
    </row>
    <row r="465087" spans="8:8">
      <c r="H465087" s="12"/>
    </row>
    <row r="465088" spans="8:8">
      <c r="H465088" s="12"/>
    </row>
    <row r="465089" spans="8:8">
      <c r="H465089" s="12"/>
    </row>
    <row r="465090" spans="8:8">
      <c r="H465090" s="12"/>
    </row>
    <row r="465091" spans="8:8">
      <c r="H465091" s="12"/>
    </row>
    <row r="465092" spans="8:8">
      <c r="H465092" s="12"/>
    </row>
    <row r="465093" spans="8:8">
      <c r="H465093" s="12"/>
    </row>
    <row r="465094" spans="8:8">
      <c r="H465094" s="12"/>
    </row>
    <row r="465095" spans="8:8">
      <c r="H465095" s="12"/>
    </row>
    <row r="465096" spans="8:8">
      <c r="H465096" s="12"/>
    </row>
    <row r="465097" spans="8:8">
      <c r="H465097" s="12"/>
    </row>
    <row r="465098" spans="8:8">
      <c r="H465098" s="12"/>
    </row>
    <row r="465099" spans="8:8">
      <c r="H465099" s="12"/>
    </row>
    <row r="465100" spans="8:8">
      <c r="H465100" s="12"/>
    </row>
    <row r="465101" spans="8:8">
      <c r="H465101" s="12"/>
    </row>
    <row r="465102" spans="8:8">
      <c r="H465102" s="12"/>
    </row>
    <row r="465103" spans="8:8">
      <c r="H465103" s="12"/>
    </row>
    <row r="465104" spans="8:8">
      <c r="H465104" s="12"/>
    </row>
    <row r="465105" spans="8:8">
      <c r="H465105" s="12"/>
    </row>
    <row r="465106" spans="8:8">
      <c r="H465106" s="12"/>
    </row>
    <row r="465107" spans="8:8">
      <c r="H465107" s="12"/>
    </row>
    <row r="465108" spans="8:8">
      <c r="H465108" s="12"/>
    </row>
    <row r="465109" spans="8:8">
      <c r="H465109" s="12"/>
    </row>
    <row r="465110" spans="8:8">
      <c r="H465110" s="12"/>
    </row>
    <row r="465111" spans="8:8">
      <c r="H465111" s="12"/>
    </row>
    <row r="465112" spans="8:8">
      <c r="H465112" s="12"/>
    </row>
    <row r="465113" spans="8:8">
      <c r="H465113" s="12"/>
    </row>
    <row r="465114" spans="8:8">
      <c r="H465114" s="12"/>
    </row>
    <row r="465115" spans="8:8">
      <c r="H465115" s="12"/>
    </row>
    <row r="465116" spans="8:8">
      <c r="H465116" s="12"/>
    </row>
    <row r="465117" spans="8:8">
      <c r="H465117" s="12"/>
    </row>
    <row r="465118" spans="8:8">
      <c r="H465118" s="12"/>
    </row>
    <row r="465119" spans="8:8">
      <c r="H465119" s="12"/>
    </row>
    <row r="465120" spans="8:8">
      <c r="H465120" s="12"/>
    </row>
    <row r="465121" spans="8:8">
      <c r="H465121" s="12"/>
    </row>
    <row r="465122" spans="8:8">
      <c r="H465122" s="12"/>
    </row>
    <row r="465123" spans="8:8">
      <c r="H465123" s="12"/>
    </row>
    <row r="465124" spans="8:8">
      <c r="H465124" s="12"/>
    </row>
    <row r="465125" spans="8:8">
      <c r="H465125" s="12"/>
    </row>
    <row r="465126" spans="8:8">
      <c r="H465126" s="12"/>
    </row>
    <row r="465127" spans="8:8">
      <c r="H465127" s="12"/>
    </row>
    <row r="465128" spans="8:8">
      <c r="H465128" s="12"/>
    </row>
    <row r="465129" spans="8:8">
      <c r="H465129" s="12"/>
    </row>
    <row r="465130" spans="8:8">
      <c r="H465130" s="12"/>
    </row>
    <row r="465131" spans="8:8">
      <c r="H465131" s="12"/>
    </row>
    <row r="465132" spans="8:8">
      <c r="H465132" s="12"/>
    </row>
    <row r="465133" spans="8:8">
      <c r="H465133" s="12"/>
    </row>
    <row r="465134" spans="8:8">
      <c r="H465134" s="12"/>
    </row>
    <row r="465135" spans="8:8">
      <c r="H465135" s="12"/>
    </row>
    <row r="465136" spans="8:8">
      <c r="H465136" s="12"/>
    </row>
    <row r="465137" spans="8:8">
      <c r="H465137" s="12"/>
    </row>
    <row r="465138" spans="8:8">
      <c r="H465138" s="12"/>
    </row>
    <row r="465139" spans="8:8">
      <c r="H465139" s="12"/>
    </row>
    <row r="465140" spans="8:8">
      <c r="H465140" s="12"/>
    </row>
    <row r="465141" spans="8:8">
      <c r="H465141" s="12"/>
    </row>
    <row r="465142" spans="8:8">
      <c r="H465142" s="12"/>
    </row>
    <row r="465143" spans="8:8">
      <c r="H465143" s="12"/>
    </row>
    <row r="465144" spans="8:8">
      <c r="H465144" s="12"/>
    </row>
    <row r="465145" spans="8:8">
      <c r="H465145" s="12"/>
    </row>
    <row r="465146" spans="8:8">
      <c r="H465146" s="12"/>
    </row>
    <row r="465147" spans="8:8">
      <c r="H465147" s="12"/>
    </row>
    <row r="465148" spans="8:8">
      <c r="H465148" s="12"/>
    </row>
    <row r="465149" spans="8:8">
      <c r="H465149" s="12"/>
    </row>
    <row r="465150" spans="8:8">
      <c r="H465150" s="12"/>
    </row>
    <row r="465151" spans="8:8">
      <c r="H465151" s="12"/>
    </row>
    <row r="465152" spans="8:8">
      <c r="H465152" s="12"/>
    </row>
    <row r="465153" spans="8:8">
      <c r="H465153" s="12"/>
    </row>
    <row r="465154" spans="8:8">
      <c r="H465154" s="12"/>
    </row>
    <row r="465155" spans="8:8">
      <c r="H465155" s="12"/>
    </row>
    <row r="465156" spans="8:8">
      <c r="H465156" s="12"/>
    </row>
    <row r="465157" spans="8:8">
      <c r="H465157" s="12"/>
    </row>
    <row r="465158" spans="8:8">
      <c r="H465158" s="12"/>
    </row>
    <row r="465159" spans="8:8">
      <c r="H465159" s="12"/>
    </row>
    <row r="465160" spans="8:8">
      <c r="H465160" s="12"/>
    </row>
    <row r="465161" spans="8:8">
      <c r="H465161" s="12"/>
    </row>
    <row r="465162" spans="8:8">
      <c r="H465162" s="12"/>
    </row>
    <row r="465163" spans="8:8">
      <c r="H465163" s="12"/>
    </row>
    <row r="465164" spans="8:8">
      <c r="H465164" s="12"/>
    </row>
    <row r="465165" spans="8:8">
      <c r="H465165" s="12"/>
    </row>
    <row r="465166" spans="8:8">
      <c r="H465166" s="12"/>
    </row>
    <row r="465167" spans="8:8">
      <c r="H465167" s="12"/>
    </row>
    <row r="465168" spans="8:8">
      <c r="H465168" s="12"/>
    </row>
    <row r="465169" spans="8:8">
      <c r="H465169" s="12"/>
    </row>
    <row r="465170" spans="8:8">
      <c r="H465170" s="12"/>
    </row>
    <row r="465171" spans="8:8">
      <c r="H465171" s="12"/>
    </row>
    <row r="465172" spans="8:8">
      <c r="H465172" s="12"/>
    </row>
    <row r="465173" spans="8:8">
      <c r="H465173" s="12"/>
    </row>
    <row r="465174" spans="8:8">
      <c r="H465174" s="12"/>
    </row>
    <row r="465175" spans="8:8">
      <c r="H465175" s="12"/>
    </row>
    <row r="465176" spans="8:8">
      <c r="H465176" s="12"/>
    </row>
    <row r="465177" spans="8:8">
      <c r="H465177" s="12"/>
    </row>
    <row r="465178" spans="8:8">
      <c r="H465178" s="12"/>
    </row>
    <row r="465179" spans="8:8">
      <c r="H465179" s="12"/>
    </row>
    <row r="465180" spans="8:8">
      <c r="H465180" s="12"/>
    </row>
    <row r="465181" spans="8:8">
      <c r="H465181" s="12"/>
    </row>
    <row r="465182" spans="8:8">
      <c r="H465182" s="12"/>
    </row>
    <row r="465183" spans="8:8">
      <c r="H465183" s="12"/>
    </row>
    <row r="465184" spans="8:8">
      <c r="H465184" s="12"/>
    </row>
    <row r="465185" spans="8:8">
      <c r="H465185" s="12"/>
    </row>
    <row r="465186" spans="8:8">
      <c r="H465186" s="12"/>
    </row>
    <row r="465187" spans="8:8">
      <c r="H465187" s="12"/>
    </row>
    <row r="465188" spans="8:8">
      <c r="H465188" s="12"/>
    </row>
    <row r="465189" spans="8:8">
      <c r="H465189" s="12"/>
    </row>
    <row r="465190" spans="8:8">
      <c r="H465190" s="12"/>
    </row>
    <row r="465191" spans="8:8">
      <c r="H465191" s="12"/>
    </row>
    <row r="465192" spans="8:8">
      <c r="H465192" s="12"/>
    </row>
    <row r="465193" spans="8:8">
      <c r="H465193" s="12"/>
    </row>
    <row r="465194" spans="8:8">
      <c r="H465194" s="12"/>
    </row>
    <row r="465195" spans="8:8">
      <c r="H465195" s="12"/>
    </row>
    <row r="465196" spans="8:8">
      <c r="H465196" s="12"/>
    </row>
    <row r="465197" spans="8:8">
      <c r="H465197" s="12"/>
    </row>
    <row r="465198" spans="8:8">
      <c r="H465198" s="12"/>
    </row>
    <row r="465199" spans="8:8">
      <c r="H465199" s="12"/>
    </row>
    <row r="465200" spans="8:8">
      <c r="H465200" s="12"/>
    </row>
    <row r="465201" spans="8:8">
      <c r="H465201" s="12"/>
    </row>
    <row r="465202" spans="8:8">
      <c r="H465202" s="12"/>
    </row>
    <row r="465203" spans="8:8">
      <c r="H465203" s="12"/>
    </row>
    <row r="465204" spans="8:8">
      <c r="H465204" s="12"/>
    </row>
    <row r="465205" spans="8:8">
      <c r="H465205" s="12"/>
    </row>
    <row r="465206" spans="8:8">
      <c r="H465206" s="12"/>
    </row>
    <row r="465207" spans="8:8">
      <c r="H465207" s="12"/>
    </row>
    <row r="465208" spans="8:8">
      <c r="H465208" s="12"/>
    </row>
    <row r="465209" spans="8:8">
      <c r="H465209" s="12"/>
    </row>
    <row r="465210" spans="8:8">
      <c r="H465210" s="12"/>
    </row>
    <row r="465211" spans="8:8">
      <c r="H465211" s="12"/>
    </row>
    <row r="465212" spans="8:8">
      <c r="H465212" s="12"/>
    </row>
    <row r="465213" spans="8:8">
      <c r="H465213" s="12"/>
    </row>
    <row r="465214" spans="8:8">
      <c r="H465214" s="12"/>
    </row>
    <row r="465215" spans="8:8">
      <c r="H465215" s="12"/>
    </row>
    <row r="465216" spans="8:8">
      <c r="H465216" s="12"/>
    </row>
    <row r="465217" spans="8:8">
      <c r="H465217" s="12"/>
    </row>
    <row r="465218" spans="8:8">
      <c r="H465218" s="12"/>
    </row>
    <row r="465219" spans="8:8">
      <c r="H465219" s="12"/>
    </row>
    <row r="465220" spans="8:8">
      <c r="H465220" s="12"/>
    </row>
    <row r="465221" spans="8:8">
      <c r="H465221" s="12"/>
    </row>
    <row r="465222" spans="8:8">
      <c r="H465222" s="12"/>
    </row>
    <row r="465223" spans="8:8">
      <c r="H465223" s="12"/>
    </row>
    <row r="465224" spans="8:8">
      <c r="H465224" s="12"/>
    </row>
    <row r="465225" spans="8:8">
      <c r="H465225" s="12"/>
    </row>
    <row r="465226" spans="8:8">
      <c r="H465226" s="12"/>
    </row>
    <row r="465227" spans="8:8">
      <c r="H465227" s="12"/>
    </row>
    <row r="465228" spans="8:8">
      <c r="H465228" s="12"/>
    </row>
    <row r="465229" spans="8:8">
      <c r="H465229" s="12"/>
    </row>
    <row r="465230" spans="8:8">
      <c r="H465230" s="12"/>
    </row>
    <row r="465231" spans="8:8">
      <c r="H465231" s="12"/>
    </row>
    <row r="465232" spans="8:8">
      <c r="H465232" s="12"/>
    </row>
    <row r="465233" spans="8:8">
      <c r="H465233" s="12"/>
    </row>
    <row r="465234" spans="8:8">
      <c r="H465234" s="12"/>
    </row>
    <row r="465235" spans="8:8">
      <c r="H465235" s="12"/>
    </row>
    <row r="465236" spans="8:8">
      <c r="H465236" s="12"/>
    </row>
    <row r="465237" spans="8:8">
      <c r="H465237" s="12"/>
    </row>
    <row r="465238" spans="8:8">
      <c r="H465238" s="12"/>
    </row>
    <row r="465239" spans="8:8">
      <c r="H465239" s="12"/>
    </row>
    <row r="465240" spans="8:8">
      <c r="H465240" s="12"/>
    </row>
    <row r="465241" spans="8:8">
      <c r="H465241" s="12"/>
    </row>
    <row r="465242" spans="8:8">
      <c r="H465242" s="12"/>
    </row>
    <row r="465243" spans="8:8">
      <c r="H465243" s="12"/>
    </row>
    <row r="465244" spans="8:8">
      <c r="H465244" s="12"/>
    </row>
    <row r="465245" spans="8:8">
      <c r="H465245" s="12"/>
    </row>
    <row r="465246" spans="8:8">
      <c r="H465246" s="12"/>
    </row>
    <row r="465247" spans="8:8">
      <c r="H465247" s="12"/>
    </row>
    <row r="465248" spans="8:8">
      <c r="H465248" s="12"/>
    </row>
    <row r="465249" spans="8:8">
      <c r="H465249" s="12"/>
    </row>
    <row r="465250" spans="8:8">
      <c r="H465250" s="12"/>
    </row>
    <row r="465251" spans="8:8">
      <c r="H465251" s="12"/>
    </row>
    <row r="465252" spans="8:8">
      <c r="H465252" s="12"/>
    </row>
    <row r="465253" spans="8:8">
      <c r="H465253" s="12"/>
    </row>
    <row r="465254" spans="8:8">
      <c r="H465254" s="12"/>
    </row>
    <row r="465255" spans="8:8">
      <c r="H465255" s="12"/>
    </row>
    <row r="465256" spans="8:8">
      <c r="H465256" s="12"/>
    </row>
    <row r="465257" spans="8:8">
      <c r="H465257" s="12"/>
    </row>
    <row r="465258" spans="8:8">
      <c r="H465258" s="12"/>
    </row>
    <row r="465259" spans="8:8">
      <c r="H465259" s="12"/>
    </row>
    <row r="465260" spans="8:8">
      <c r="H465260" s="12"/>
    </row>
    <row r="465261" spans="8:8">
      <c r="H465261" s="12"/>
    </row>
    <row r="465262" spans="8:8">
      <c r="H465262" s="12"/>
    </row>
    <row r="465263" spans="8:8">
      <c r="H465263" s="12"/>
    </row>
    <row r="465264" spans="8:8">
      <c r="H465264" s="12"/>
    </row>
    <row r="465265" spans="8:8">
      <c r="H465265" s="12"/>
    </row>
    <row r="465266" spans="8:8">
      <c r="H465266" s="12"/>
    </row>
    <row r="465267" spans="8:8">
      <c r="H465267" s="12"/>
    </row>
    <row r="465268" spans="8:8">
      <c r="H465268" s="12"/>
    </row>
    <row r="465269" spans="8:8">
      <c r="H465269" s="12"/>
    </row>
    <row r="465270" spans="8:8">
      <c r="H465270" s="12"/>
    </row>
    <row r="465271" spans="8:8">
      <c r="H465271" s="12"/>
    </row>
    <row r="465272" spans="8:8">
      <c r="H465272" s="12"/>
    </row>
    <row r="465273" spans="8:8">
      <c r="H465273" s="12"/>
    </row>
    <row r="465274" spans="8:8">
      <c r="H465274" s="12"/>
    </row>
    <row r="465275" spans="8:8">
      <c r="H465275" s="12"/>
    </row>
    <row r="465276" spans="8:8">
      <c r="H465276" s="12"/>
    </row>
    <row r="465277" spans="8:8">
      <c r="H465277" s="12"/>
    </row>
    <row r="465278" spans="8:8">
      <c r="H465278" s="12"/>
    </row>
    <row r="465279" spans="8:8">
      <c r="H465279" s="12"/>
    </row>
    <row r="465280" spans="8:8">
      <c r="H465280" s="12"/>
    </row>
    <row r="465281" spans="8:8">
      <c r="H465281" s="12"/>
    </row>
    <row r="465282" spans="8:8">
      <c r="H465282" s="12"/>
    </row>
    <row r="465283" spans="8:8">
      <c r="H465283" s="12"/>
    </row>
    <row r="465284" spans="8:8">
      <c r="H465284" s="12"/>
    </row>
    <row r="465285" spans="8:8">
      <c r="H465285" s="12"/>
    </row>
    <row r="465286" spans="8:8">
      <c r="H465286" s="12"/>
    </row>
    <row r="465287" spans="8:8">
      <c r="H465287" s="12"/>
    </row>
    <row r="465288" spans="8:8">
      <c r="H465288" s="12"/>
    </row>
    <row r="465289" spans="8:8">
      <c r="H465289" s="12"/>
    </row>
    <row r="465290" spans="8:8">
      <c r="H465290" s="12"/>
    </row>
    <row r="465291" spans="8:8">
      <c r="H465291" s="12"/>
    </row>
    <row r="465292" spans="8:8">
      <c r="H465292" s="12"/>
    </row>
    <row r="465293" spans="8:8">
      <c r="H465293" s="12"/>
    </row>
    <row r="465294" spans="8:8">
      <c r="H465294" s="12"/>
    </row>
    <row r="465295" spans="8:8">
      <c r="H465295" s="12"/>
    </row>
    <row r="465296" spans="8:8">
      <c r="H465296" s="12"/>
    </row>
    <row r="465297" spans="8:8">
      <c r="H465297" s="12"/>
    </row>
    <row r="465298" spans="8:8">
      <c r="H465298" s="12"/>
    </row>
    <row r="465299" spans="8:8">
      <c r="H465299" s="12"/>
    </row>
    <row r="465300" spans="8:8">
      <c r="H465300" s="12"/>
    </row>
    <row r="465301" spans="8:8">
      <c r="H465301" s="12"/>
    </row>
    <row r="465302" spans="8:8">
      <c r="H465302" s="12"/>
    </row>
    <row r="465303" spans="8:8">
      <c r="H465303" s="12"/>
    </row>
    <row r="465304" spans="8:8">
      <c r="H465304" s="12"/>
    </row>
    <row r="465305" spans="8:8">
      <c r="H465305" s="12"/>
    </row>
    <row r="465306" spans="8:8">
      <c r="H465306" s="12"/>
    </row>
    <row r="465307" spans="8:8">
      <c r="H465307" s="12"/>
    </row>
    <row r="465308" spans="8:8">
      <c r="H465308" s="12"/>
    </row>
    <row r="465309" spans="8:8">
      <c r="H465309" s="12"/>
    </row>
    <row r="465310" spans="8:8">
      <c r="H465310" s="12"/>
    </row>
    <row r="465311" spans="8:8">
      <c r="H465311" s="12"/>
    </row>
    <row r="465312" spans="8:8">
      <c r="H465312" s="12"/>
    </row>
    <row r="465313" spans="8:8">
      <c r="H465313" s="12"/>
    </row>
    <row r="465314" spans="8:8">
      <c r="H465314" s="12"/>
    </row>
    <row r="465315" spans="8:8">
      <c r="H465315" s="12"/>
    </row>
    <row r="465316" spans="8:8">
      <c r="H465316" s="12"/>
    </row>
    <row r="465317" spans="8:8">
      <c r="H465317" s="12"/>
    </row>
    <row r="465318" spans="8:8">
      <c r="H465318" s="12"/>
    </row>
    <row r="465319" spans="8:8">
      <c r="H465319" s="12"/>
    </row>
    <row r="465320" spans="8:8">
      <c r="H465320" s="12"/>
    </row>
    <row r="465321" spans="8:8">
      <c r="H465321" s="12"/>
    </row>
    <row r="465322" spans="8:8">
      <c r="H465322" s="12"/>
    </row>
    <row r="465323" spans="8:8">
      <c r="H465323" s="12"/>
    </row>
    <row r="465324" spans="8:8">
      <c r="H465324" s="12"/>
    </row>
    <row r="465325" spans="8:8">
      <c r="H465325" s="12"/>
    </row>
    <row r="465326" spans="8:8">
      <c r="H465326" s="12"/>
    </row>
    <row r="465327" spans="8:8">
      <c r="H465327" s="12"/>
    </row>
    <row r="465328" spans="8:8">
      <c r="H465328" s="12"/>
    </row>
    <row r="465329" spans="8:8">
      <c r="H465329" s="12"/>
    </row>
    <row r="465330" spans="8:8">
      <c r="H465330" s="12"/>
    </row>
    <row r="465331" spans="8:8">
      <c r="H465331" s="12"/>
    </row>
    <row r="465332" spans="8:8">
      <c r="H465332" s="12"/>
    </row>
    <row r="465333" spans="8:8">
      <c r="H465333" s="12"/>
    </row>
    <row r="465334" spans="8:8">
      <c r="H465334" s="12"/>
    </row>
    <row r="465335" spans="8:8">
      <c r="H465335" s="12"/>
    </row>
    <row r="465336" spans="8:8">
      <c r="H465336" s="12"/>
    </row>
    <row r="465337" spans="8:8">
      <c r="H465337" s="12"/>
    </row>
    <row r="465338" spans="8:8">
      <c r="H465338" s="12"/>
    </row>
    <row r="465339" spans="8:8">
      <c r="H465339" s="12"/>
    </row>
    <row r="465340" spans="8:8">
      <c r="H465340" s="12"/>
    </row>
    <row r="465341" spans="8:8">
      <c r="H465341" s="12"/>
    </row>
    <row r="465342" spans="8:8">
      <c r="H465342" s="12"/>
    </row>
    <row r="465343" spans="8:8">
      <c r="H465343" s="12"/>
    </row>
    <row r="465344" spans="8:8">
      <c r="H465344" s="12"/>
    </row>
    <row r="465345" spans="8:8">
      <c r="H465345" s="12"/>
    </row>
    <row r="465346" spans="8:8">
      <c r="H465346" s="12"/>
    </row>
    <row r="465347" spans="8:8">
      <c r="H465347" s="12"/>
    </row>
    <row r="465348" spans="8:8">
      <c r="H465348" s="12"/>
    </row>
    <row r="465349" spans="8:8">
      <c r="H465349" s="12"/>
    </row>
    <row r="465350" spans="8:8">
      <c r="H465350" s="12"/>
    </row>
    <row r="465351" spans="8:8">
      <c r="H465351" s="12"/>
    </row>
    <row r="465352" spans="8:8">
      <c r="H465352" s="12"/>
    </row>
    <row r="465353" spans="8:8">
      <c r="H465353" s="12"/>
    </row>
    <row r="465354" spans="8:8">
      <c r="H465354" s="12"/>
    </row>
    <row r="465355" spans="8:8">
      <c r="H465355" s="12"/>
    </row>
    <row r="465356" spans="8:8">
      <c r="H465356" s="12"/>
    </row>
    <row r="465357" spans="8:8">
      <c r="H465357" s="12"/>
    </row>
    <row r="465358" spans="8:8">
      <c r="H465358" s="12"/>
    </row>
    <row r="465359" spans="8:8">
      <c r="H465359" s="12"/>
    </row>
    <row r="465360" spans="8:8">
      <c r="H465360" s="12"/>
    </row>
    <row r="465361" spans="8:8">
      <c r="H465361" s="12"/>
    </row>
    <row r="465362" spans="8:8">
      <c r="H465362" s="12"/>
    </row>
    <row r="465363" spans="8:8">
      <c r="H465363" s="12"/>
    </row>
    <row r="465364" spans="8:8">
      <c r="H465364" s="12"/>
    </row>
    <row r="465365" spans="8:8">
      <c r="H465365" s="12"/>
    </row>
    <row r="465366" spans="8:8">
      <c r="H465366" s="12"/>
    </row>
    <row r="465367" spans="8:8">
      <c r="H465367" s="12"/>
    </row>
    <row r="465368" spans="8:8">
      <c r="H465368" s="12"/>
    </row>
    <row r="465369" spans="8:8">
      <c r="H465369" s="12"/>
    </row>
    <row r="465370" spans="8:8">
      <c r="H465370" s="12"/>
    </row>
    <row r="465371" spans="8:8">
      <c r="H465371" s="12"/>
    </row>
    <row r="465372" spans="8:8">
      <c r="H465372" s="12"/>
    </row>
    <row r="465373" spans="8:8">
      <c r="H465373" s="12"/>
    </row>
    <row r="465374" spans="8:8">
      <c r="H465374" s="12"/>
    </row>
    <row r="465375" spans="8:8">
      <c r="H465375" s="12"/>
    </row>
    <row r="465376" spans="8:8">
      <c r="H465376" s="12"/>
    </row>
    <row r="465377" spans="8:8">
      <c r="H465377" s="12"/>
    </row>
    <row r="465378" spans="8:8">
      <c r="H465378" s="12"/>
    </row>
    <row r="465379" spans="8:8">
      <c r="H465379" s="12"/>
    </row>
    <row r="465380" spans="8:8">
      <c r="H465380" s="12"/>
    </row>
    <row r="465381" spans="8:8">
      <c r="H465381" s="12"/>
    </row>
    <row r="465382" spans="8:8">
      <c r="H465382" s="12"/>
    </row>
    <row r="465383" spans="8:8">
      <c r="H465383" s="12"/>
    </row>
    <row r="465384" spans="8:8">
      <c r="H465384" s="12"/>
    </row>
    <row r="465385" spans="8:8">
      <c r="H465385" s="12"/>
    </row>
    <row r="465386" spans="8:8">
      <c r="H465386" s="12"/>
    </row>
    <row r="465387" spans="8:8">
      <c r="H465387" s="12"/>
    </row>
    <row r="465388" spans="8:8">
      <c r="H465388" s="12"/>
    </row>
    <row r="465389" spans="8:8">
      <c r="H465389" s="12"/>
    </row>
    <row r="465390" spans="8:8">
      <c r="H465390" s="12"/>
    </row>
    <row r="465391" spans="8:8">
      <c r="H465391" s="12"/>
    </row>
    <row r="465392" spans="8:8">
      <c r="H465392" s="12"/>
    </row>
    <row r="465393" spans="8:8">
      <c r="H465393" s="12"/>
    </row>
    <row r="465394" spans="8:8">
      <c r="H465394" s="12"/>
    </row>
    <row r="465395" spans="8:8">
      <c r="H465395" s="12"/>
    </row>
    <row r="465396" spans="8:8">
      <c r="H465396" s="12"/>
    </row>
    <row r="465397" spans="8:8">
      <c r="H465397" s="12"/>
    </row>
    <row r="465398" spans="8:8">
      <c r="H465398" s="12"/>
    </row>
    <row r="465399" spans="8:8">
      <c r="H465399" s="12"/>
    </row>
    <row r="465400" spans="8:8">
      <c r="H465400" s="12"/>
    </row>
    <row r="465401" spans="8:8">
      <c r="H465401" s="12"/>
    </row>
    <row r="465402" spans="8:8">
      <c r="H465402" s="12"/>
    </row>
    <row r="465403" spans="8:8">
      <c r="H465403" s="12"/>
    </row>
    <row r="465404" spans="8:8">
      <c r="H465404" s="12"/>
    </row>
    <row r="465405" spans="8:8">
      <c r="H465405" s="12"/>
    </row>
    <row r="465406" spans="8:8">
      <c r="H465406" s="12"/>
    </row>
    <row r="465407" spans="8:8">
      <c r="H465407" s="12"/>
    </row>
    <row r="465408" spans="8:8">
      <c r="H465408" s="12"/>
    </row>
    <row r="465409" spans="8:8">
      <c r="H465409" s="12"/>
    </row>
    <row r="465410" spans="8:8">
      <c r="H465410" s="12"/>
    </row>
    <row r="465411" spans="8:8">
      <c r="H465411" s="12"/>
    </row>
    <row r="465412" spans="8:8">
      <c r="H465412" s="12"/>
    </row>
    <row r="465413" spans="8:8">
      <c r="H465413" s="12"/>
    </row>
    <row r="465414" spans="8:8">
      <c r="H465414" s="12"/>
    </row>
    <row r="465415" spans="8:8">
      <c r="H465415" s="12"/>
    </row>
    <row r="465416" spans="8:8">
      <c r="H465416" s="12"/>
    </row>
    <row r="465417" spans="8:8">
      <c r="H465417" s="12"/>
    </row>
    <row r="465418" spans="8:8">
      <c r="H465418" s="12"/>
    </row>
    <row r="465419" spans="8:8">
      <c r="H465419" s="12"/>
    </row>
    <row r="465420" spans="8:8">
      <c r="H465420" s="12"/>
    </row>
    <row r="465421" spans="8:8">
      <c r="H465421" s="12"/>
    </row>
    <row r="465422" spans="8:8">
      <c r="H465422" s="12"/>
    </row>
    <row r="465423" spans="8:8">
      <c r="H465423" s="12"/>
    </row>
    <row r="465424" spans="8:8">
      <c r="H465424" s="12"/>
    </row>
    <row r="465425" spans="8:8">
      <c r="H465425" s="12"/>
    </row>
    <row r="465426" spans="8:8">
      <c r="H465426" s="12"/>
    </row>
    <row r="465427" spans="8:8">
      <c r="H465427" s="12"/>
    </row>
    <row r="465428" spans="8:8">
      <c r="H465428" s="12"/>
    </row>
    <row r="465429" spans="8:8">
      <c r="H465429" s="12"/>
    </row>
    <row r="465430" spans="8:8">
      <c r="H465430" s="12"/>
    </row>
    <row r="465431" spans="8:8">
      <c r="H465431" s="12"/>
    </row>
    <row r="465432" spans="8:8">
      <c r="H465432" s="12"/>
    </row>
    <row r="465433" spans="8:8">
      <c r="H465433" s="12"/>
    </row>
    <row r="465434" spans="8:8">
      <c r="H465434" s="12"/>
    </row>
    <row r="465435" spans="8:8">
      <c r="H465435" s="12"/>
    </row>
    <row r="465436" spans="8:8">
      <c r="H465436" s="12"/>
    </row>
    <row r="465437" spans="8:8">
      <c r="H465437" s="12"/>
    </row>
    <row r="465438" spans="8:8">
      <c r="H465438" s="12"/>
    </row>
    <row r="465439" spans="8:8">
      <c r="H465439" s="12"/>
    </row>
    <row r="465440" spans="8:8">
      <c r="H465440" s="12"/>
    </row>
    <row r="465441" spans="8:8">
      <c r="H465441" s="12"/>
    </row>
    <row r="465442" spans="8:8">
      <c r="H465442" s="12"/>
    </row>
    <row r="465443" spans="8:8">
      <c r="H465443" s="12"/>
    </row>
    <row r="465444" spans="8:8">
      <c r="H465444" s="12"/>
    </row>
    <row r="465445" spans="8:8">
      <c r="H465445" s="12"/>
    </row>
    <row r="465446" spans="8:8">
      <c r="H465446" s="12"/>
    </row>
    <row r="465447" spans="8:8">
      <c r="H465447" s="12"/>
    </row>
    <row r="465448" spans="8:8">
      <c r="H465448" s="12"/>
    </row>
    <row r="465449" spans="8:8">
      <c r="H465449" s="12"/>
    </row>
    <row r="465450" spans="8:8">
      <c r="H465450" s="12"/>
    </row>
    <row r="465451" spans="8:8">
      <c r="H465451" s="12"/>
    </row>
    <row r="465452" spans="8:8">
      <c r="H465452" s="12"/>
    </row>
    <row r="465453" spans="8:8">
      <c r="H465453" s="12"/>
    </row>
    <row r="465454" spans="8:8">
      <c r="H465454" s="12"/>
    </row>
    <row r="465455" spans="8:8">
      <c r="H465455" s="12"/>
    </row>
    <row r="465456" spans="8:8">
      <c r="H465456" s="12"/>
    </row>
    <row r="465457" spans="8:8">
      <c r="H465457" s="12"/>
    </row>
    <row r="465458" spans="8:8">
      <c r="H465458" s="12"/>
    </row>
    <row r="465459" spans="8:8">
      <c r="H465459" s="12"/>
    </row>
    <row r="465460" spans="8:8">
      <c r="H465460" s="12"/>
    </row>
    <row r="465461" spans="8:8">
      <c r="H465461" s="12"/>
    </row>
    <row r="465462" spans="8:8">
      <c r="H465462" s="12"/>
    </row>
    <row r="465463" spans="8:8">
      <c r="H465463" s="12"/>
    </row>
    <row r="465464" spans="8:8">
      <c r="H465464" s="12"/>
    </row>
    <row r="465465" spans="8:8">
      <c r="H465465" s="12"/>
    </row>
    <row r="465466" spans="8:8">
      <c r="H465466" s="12"/>
    </row>
    <row r="465467" spans="8:8">
      <c r="H465467" s="12"/>
    </row>
    <row r="465468" spans="8:8">
      <c r="H465468" s="12"/>
    </row>
    <row r="465469" spans="8:8">
      <c r="H465469" s="12"/>
    </row>
    <row r="465470" spans="8:8">
      <c r="H465470" s="12"/>
    </row>
    <row r="465471" spans="8:8">
      <c r="H465471" s="12"/>
    </row>
    <row r="465472" spans="8:8">
      <c r="H465472" s="12"/>
    </row>
    <row r="465473" spans="8:8">
      <c r="H465473" s="12"/>
    </row>
    <row r="465474" spans="8:8">
      <c r="H465474" s="12"/>
    </row>
    <row r="465475" spans="8:8">
      <c r="H465475" s="12"/>
    </row>
    <row r="465476" spans="8:8">
      <c r="H465476" s="12"/>
    </row>
    <row r="465477" spans="8:8">
      <c r="H465477" s="12"/>
    </row>
    <row r="465478" spans="8:8">
      <c r="H465478" s="12"/>
    </row>
    <row r="465479" spans="8:8">
      <c r="H465479" s="12"/>
    </row>
    <row r="465480" spans="8:8">
      <c r="H465480" s="12"/>
    </row>
    <row r="465481" spans="8:8">
      <c r="H465481" s="12"/>
    </row>
    <row r="465482" spans="8:8">
      <c r="H465482" s="12"/>
    </row>
    <row r="465483" spans="8:8">
      <c r="H465483" s="12"/>
    </row>
    <row r="465484" spans="8:8">
      <c r="H465484" s="12"/>
    </row>
    <row r="465485" spans="8:8">
      <c r="H465485" s="12"/>
    </row>
    <row r="465486" spans="8:8">
      <c r="H465486" s="12"/>
    </row>
    <row r="465487" spans="8:8">
      <c r="H465487" s="12"/>
    </row>
    <row r="465488" spans="8:8">
      <c r="H465488" s="12"/>
    </row>
    <row r="465489" spans="8:8">
      <c r="H465489" s="12"/>
    </row>
    <row r="465490" spans="8:8">
      <c r="H465490" s="12"/>
    </row>
    <row r="465491" spans="8:8">
      <c r="H465491" s="12"/>
    </row>
    <row r="465492" spans="8:8">
      <c r="H465492" s="12"/>
    </row>
    <row r="465493" spans="8:8">
      <c r="H465493" s="12"/>
    </row>
    <row r="465494" spans="8:8">
      <c r="H465494" s="12"/>
    </row>
    <row r="465495" spans="8:8">
      <c r="H465495" s="12"/>
    </row>
    <row r="465496" spans="8:8">
      <c r="H465496" s="12"/>
    </row>
    <row r="465497" spans="8:8">
      <c r="H465497" s="12"/>
    </row>
    <row r="465498" spans="8:8">
      <c r="H465498" s="12"/>
    </row>
    <row r="465499" spans="8:8">
      <c r="H465499" s="12"/>
    </row>
    <row r="465500" spans="8:8">
      <c r="H465500" s="12"/>
    </row>
    <row r="465501" spans="8:8">
      <c r="H465501" s="12"/>
    </row>
    <row r="465502" spans="8:8">
      <c r="H465502" s="12"/>
    </row>
    <row r="465503" spans="8:8">
      <c r="H465503" s="12"/>
    </row>
    <row r="465504" spans="8:8">
      <c r="H465504" s="12"/>
    </row>
    <row r="465505" spans="8:8">
      <c r="H465505" s="12"/>
    </row>
    <row r="465506" spans="8:8">
      <c r="H465506" s="12"/>
    </row>
    <row r="465507" spans="8:8">
      <c r="H465507" s="12"/>
    </row>
    <row r="465508" spans="8:8">
      <c r="H465508" s="12"/>
    </row>
    <row r="465509" spans="8:8">
      <c r="H465509" s="12"/>
    </row>
    <row r="465510" spans="8:8">
      <c r="H465510" s="12"/>
    </row>
    <row r="465511" spans="8:8">
      <c r="H465511" s="12"/>
    </row>
    <row r="465512" spans="8:8">
      <c r="H465512" s="12"/>
    </row>
    <row r="465513" spans="8:8">
      <c r="H465513" s="12"/>
    </row>
    <row r="465514" spans="8:8">
      <c r="H465514" s="12"/>
    </row>
    <row r="465515" spans="8:8">
      <c r="H465515" s="12"/>
    </row>
    <row r="465516" spans="8:8">
      <c r="H465516" s="12"/>
    </row>
    <row r="465517" spans="8:8">
      <c r="H465517" s="12"/>
    </row>
    <row r="465518" spans="8:8">
      <c r="H465518" s="12"/>
    </row>
    <row r="465519" spans="8:8">
      <c r="H465519" s="12"/>
    </row>
    <row r="465520" spans="8:8">
      <c r="H465520" s="12"/>
    </row>
    <row r="465521" spans="8:8">
      <c r="H465521" s="12"/>
    </row>
    <row r="465522" spans="8:8">
      <c r="H465522" s="12"/>
    </row>
    <row r="465523" spans="8:8">
      <c r="H465523" s="12"/>
    </row>
    <row r="465524" spans="8:8">
      <c r="H465524" s="12"/>
    </row>
    <row r="465525" spans="8:8">
      <c r="H465525" s="12"/>
    </row>
    <row r="465526" spans="8:8">
      <c r="H465526" s="12"/>
    </row>
    <row r="465527" spans="8:8">
      <c r="H465527" s="12"/>
    </row>
    <row r="465528" spans="8:8">
      <c r="H465528" s="12"/>
    </row>
    <row r="465529" spans="8:8">
      <c r="H465529" s="12"/>
    </row>
    <row r="465530" spans="8:8">
      <c r="H465530" s="12"/>
    </row>
    <row r="465531" spans="8:8">
      <c r="H465531" s="12"/>
    </row>
    <row r="465532" spans="8:8">
      <c r="H465532" s="12"/>
    </row>
    <row r="465533" spans="8:8">
      <c r="H465533" s="12"/>
    </row>
    <row r="465534" spans="8:8">
      <c r="H465534" s="12"/>
    </row>
    <row r="465535" spans="8:8">
      <c r="H465535" s="12"/>
    </row>
    <row r="465536" spans="8:8">
      <c r="H465536" s="12"/>
    </row>
    <row r="465537" spans="8:8">
      <c r="H465537" s="12"/>
    </row>
    <row r="465538" spans="8:8">
      <c r="H465538" s="12"/>
    </row>
    <row r="465539" spans="8:8">
      <c r="H465539" s="12"/>
    </row>
    <row r="465540" spans="8:8">
      <c r="H465540" s="12"/>
    </row>
    <row r="465541" spans="8:8">
      <c r="H465541" s="12"/>
    </row>
    <row r="465542" spans="8:8">
      <c r="H465542" s="12"/>
    </row>
    <row r="465543" spans="8:8">
      <c r="H465543" s="12"/>
    </row>
    <row r="465544" spans="8:8">
      <c r="H465544" s="12"/>
    </row>
    <row r="465545" spans="8:8">
      <c r="H465545" s="12"/>
    </row>
    <row r="465546" spans="8:8">
      <c r="H465546" s="12"/>
    </row>
    <row r="465547" spans="8:8">
      <c r="H465547" s="12"/>
    </row>
    <row r="465548" spans="8:8">
      <c r="H465548" s="12"/>
    </row>
    <row r="465549" spans="8:8">
      <c r="H465549" s="12"/>
    </row>
    <row r="465550" spans="8:8">
      <c r="H465550" s="12"/>
    </row>
    <row r="465551" spans="8:8">
      <c r="H465551" s="12"/>
    </row>
    <row r="465552" spans="8:8">
      <c r="H465552" s="12"/>
    </row>
    <row r="465553" spans="8:8">
      <c r="H465553" s="12"/>
    </row>
    <row r="465554" spans="8:8">
      <c r="H465554" s="12"/>
    </row>
    <row r="465555" spans="8:8">
      <c r="H465555" s="12"/>
    </row>
    <row r="465556" spans="8:8">
      <c r="H465556" s="12"/>
    </row>
    <row r="465557" spans="8:8">
      <c r="H465557" s="12"/>
    </row>
    <row r="465558" spans="8:8">
      <c r="H465558" s="12"/>
    </row>
    <row r="465559" spans="8:8">
      <c r="H465559" s="12"/>
    </row>
    <row r="465560" spans="8:8">
      <c r="H465560" s="12"/>
    </row>
    <row r="465561" spans="8:8">
      <c r="H465561" s="12"/>
    </row>
    <row r="465562" spans="8:8">
      <c r="H465562" s="12"/>
    </row>
    <row r="465563" spans="8:8">
      <c r="H465563" s="12"/>
    </row>
    <row r="465564" spans="8:8">
      <c r="H465564" s="12"/>
    </row>
    <row r="465565" spans="8:8">
      <c r="H465565" s="12"/>
    </row>
    <row r="465566" spans="8:8">
      <c r="H465566" s="12"/>
    </row>
    <row r="465567" spans="8:8">
      <c r="H465567" s="12"/>
    </row>
    <row r="465568" spans="8:8">
      <c r="H465568" s="12"/>
    </row>
    <row r="465569" spans="8:8">
      <c r="H465569" s="12"/>
    </row>
    <row r="465570" spans="8:8">
      <c r="H465570" s="12"/>
    </row>
    <row r="465571" spans="8:8">
      <c r="H465571" s="12"/>
    </row>
    <row r="465572" spans="8:8">
      <c r="H465572" s="12"/>
    </row>
    <row r="465573" spans="8:8">
      <c r="H465573" s="12"/>
    </row>
    <row r="465574" spans="8:8">
      <c r="H465574" s="12"/>
    </row>
    <row r="465575" spans="8:8">
      <c r="H465575" s="12"/>
    </row>
    <row r="465576" spans="8:8">
      <c r="H465576" s="12"/>
    </row>
    <row r="465577" spans="8:8">
      <c r="H465577" s="12"/>
    </row>
    <row r="465578" spans="8:8">
      <c r="H465578" s="12"/>
    </row>
    <row r="465579" spans="8:8">
      <c r="H465579" s="12"/>
    </row>
    <row r="465580" spans="8:8">
      <c r="H465580" s="12"/>
    </row>
    <row r="465581" spans="8:8">
      <c r="H465581" s="12"/>
    </row>
    <row r="465582" spans="8:8">
      <c r="H465582" s="12"/>
    </row>
    <row r="465583" spans="8:8">
      <c r="H465583" s="12"/>
    </row>
    <row r="465584" spans="8:8">
      <c r="H465584" s="12"/>
    </row>
    <row r="465585" spans="8:8">
      <c r="H465585" s="12"/>
    </row>
    <row r="465586" spans="8:8">
      <c r="H465586" s="12"/>
    </row>
    <row r="465587" spans="8:8">
      <c r="H465587" s="12"/>
    </row>
    <row r="465588" spans="8:8">
      <c r="H465588" s="12"/>
    </row>
    <row r="465589" spans="8:8">
      <c r="H465589" s="12"/>
    </row>
    <row r="465590" spans="8:8">
      <c r="H465590" s="12"/>
    </row>
    <row r="465591" spans="8:8">
      <c r="H465591" s="12"/>
    </row>
    <row r="465592" spans="8:8">
      <c r="H465592" s="12"/>
    </row>
    <row r="465593" spans="8:8">
      <c r="H465593" s="12"/>
    </row>
    <row r="465594" spans="8:8">
      <c r="H465594" s="12"/>
    </row>
    <row r="465595" spans="8:8">
      <c r="H465595" s="12"/>
    </row>
    <row r="465596" spans="8:8">
      <c r="H465596" s="12"/>
    </row>
    <row r="465597" spans="8:8">
      <c r="H465597" s="12"/>
    </row>
    <row r="465598" spans="8:8">
      <c r="H465598" s="12"/>
    </row>
    <row r="465599" spans="8:8">
      <c r="H465599" s="12"/>
    </row>
    <row r="465600" spans="8:8">
      <c r="H465600" s="12"/>
    </row>
    <row r="465601" spans="8:8">
      <c r="H465601" s="12"/>
    </row>
    <row r="465602" spans="8:8">
      <c r="H465602" s="12"/>
    </row>
    <row r="465603" spans="8:8">
      <c r="H465603" s="12"/>
    </row>
    <row r="465604" spans="8:8">
      <c r="H465604" s="12"/>
    </row>
    <row r="465605" spans="8:8">
      <c r="H465605" s="12"/>
    </row>
    <row r="465606" spans="8:8">
      <c r="H465606" s="12"/>
    </row>
    <row r="465607" spans="8:8">
      <c r="H465607" s="12"/>
    </row>
    <row r="465608" spans="8:8">
      <c r="H465608" s="12"/>
    </row>
    <row r="465609" spans="8:8">
      <c r="H465609" s="12"/>
    </row>
    <row r="465610" spans="8:8">
      <c r="H465610" s="12"/>
    </row>
    <row r="465611" spans="8:8">
      <c r="H465611" s="12"/>
    </row>
    <row r="465612" spans="8:8">
      <c r="H465612" s="12"/>
    </row>
    <row r="465613" spans="8:8">
      <c r="H465613" s="12"/>
    </row>
    <row r="465614" spans="8:8">
      <c r="H465614" s="12"/>
    </row>
    <row r="465615" spans="8:8">
      <c r="H465615" s="12"/>
    </row>
    <row r="465616" spans="8:8">
      <c r="H465616" s="12"/>
    </row>
    <row r="465617" spans="8:8">
      <c r="H465617" s="12"/>
    </row>
    <row r="465618" spans="8:8">
      <c r="H465618" s="12"/>
    </row>
    <row r="465619" spans="8:8">
      <c r="H465619" s="12"/>
    </row>
    <row r="465620" spans="8:8">
      <c r="H465620" s="12"/>
    </row>
    <row r="465621" spans="8:8">
      <c r="H465621" s="12"/>
    </row>
    <row r="465622" spans="8:8">
      <c r="H465622" s="12"/>
    </row>
    <row r="465623" spans="8:8">
      <c r="H465623" s="12"/>
    </row>
    <row r="465624" spans="8:8">
      <c r="H465624" s="12"/>
    </row>
    <row r="465625" spans="8:8">
      <c r="H465625" s="12"/>
    </row>
    <row r="465626" spans="8:8">
      <c r="H465626" s="12"/>
    </row>
    <row r="465627" spans="8:8">
      <c r="H465627" s="12"/>
    </row>
    <row r="465628" spans="8:8">
      <c r="H465628" s="12"/>
    </row>
    <row r="465629" spans="8:8">
      <c r="H465629" s="12"/>
    </row>
    <row r="465630" spans="8:8">
      <c r="H465630" s="12"/>
    </row>
    <row r="465631" spans="8:8">
      <c r="H465631" s="12"/>
    </row>
    <row r="465632" spans="8:8">
      <c r="H465632" s="12"/>
    </row>
    <row r="465633" spans="8:8">
      <c r="H465633" s="12"/>
    </row>
    <row r="465634" spans="8:8">
      <c r="H465634" s="12"/>
    </row>
    <row r="465635" spans="8:8">
      <c r="H465635" s="12"/>
    </row>
    <row r="465636" spans="8:8">
      <c r="H465636" s="12"/>
    </row>
    <row r="465637" spans="8:8">
      <c r="H465637" s="12"/>
    </row>
    <row r="465638" spans="8:8">
      <c r="H465638" s="12"/>
    </row>
    <row r="465639" spans="8:8">
      <c r="H465639" s="12"/>
    </row>
    <row r="465640" spans="8:8">
      <c r="H465640" s="12"/>
    </row>
    <row r="465641" spans="8:8">
      <c r="H465641" s="12"/>
    </row>
    <row r="465642" spans="8:8">
      <c r="H465642" s="12"/>
    </row>
    <row r="465643" spans="8:8">
      <c r="H465643" s="12"/>
    </row>
    <row r="465644" spans="8:8">
      <c r="H465644" s="12"/>
    </row>
    <row r="465645" spans="8:8">
      <c r="H465645" s="12"/>
    </row>
    <row r="465646" spans="8:8">
      <c r="H465646" s="12"/>
    </row>
    <row r="465647" spans="8:8">
      <c r="H465647" s="12"/>
    </row>
    <row r="465648" spans="8:8">
      <c r="H465648" s="12"/>
    </row>
    <row r="465649" spans="8:8">
      <c r="H465649" s="12"/>
    </row>
    <row r="465650" spans="8:8">
      <c r="H465650" s="12"/>
    </row>
    <row r="465651" spans="8:8">
      <c r="H465651" s="12"/>
    </row>
    <row r="465652" spans="8:8">
      <c r="H465652" s="12"/>
    </row>
    <row r="465653" spans="8:8">
      <c r="H465653" s="12"/>
    </row>
    <row r="465654" spans="8:8">
      <c r="H465654" s="12"/>
    </row>
    <row r="465655" spans="8:8">
      <c r="H465655" s="12"/>
    </row>
    <row r="465656" spans="8:8">
      <c r="H465656" s="12"/>
    </row>
    <row r="465657" spans="8:8">
      <c r="H465657" s="12"/>
    </row>
    <row r="465658" spans="8:8">
      <c r="H465658" s="12"/>
    </row>
    <row r="465659" spans="8:8">
      <c r="H465659" s="12"/>
    </row>
    <row r="465660" spans="8:8">
      <c r="H465660" s="12"/>
    </row>
    <row r="465661" spans="8:8">
      <c r="H465661" s="12"/>
    </row>
    <row r="465662" spans="8:8">
      <c r="H465662" s="12"/>
    </row>
    <row r="465663" spans="8:8">
      <c r="H465663" s="12"/>
    </row>
    <row r="465664" spans="8:8">
      <c r="H465664" s="12"/>
    </row>
    <row r="465665" spans="8:8">
      <c r="H465665" s="12"/>
    </row>
    <row r="465666" spans="8:8">
      <c r="H465666" s="12"/>
    </row>
    <row r="465667" spans="8:8">
      <c r="H465667" s="12"/>
    </row>
    <row r="465668" spans="8:8">
      <c r="H465668" s="12"/>
    </row>
    <row r="465669" spans="8:8">
      <c r="H465669" s="12"/>
    </row>
    <row r="465670" spans="8:8">
      <c r="H465670" s="12"/>
    </row>
    <row r="465671" spans="8:8">
      <c r="H465671" s="12"/>
    </row>
    <row r="465672" spans="8:8">
      <c r="H465672" s="12"/>
    </row>
    <row r="465673" spans="8:8">
      <c r="H465673" s="12"/>
    </row>
    <row r="465674" spans="8:8">
      <c r="H465674" s="12"/>
    </row>
    <row r="465675" spans="8:8">
      <c r="H465675" s="12"/>
    </row>
    <row r="465676" spans="8:8">
      <c r="H465676" s="12"/>
    </row>
    <row r="465677" spans="8:8">
      <c r="H465677" s="12"/>
    </row>
    <row r="465678" spans="8:8">
      <c r="H465678" s="12"/>
    </row>
    <row r="465679" spans="8:8">
      <c r="H465679" s="12"/>
    </row>
    <row r="465680" spans="8:8">
      <c r="H465680" s="12"/>
    </row>
    <row r="465681" spans="8:8">
      <c r="H465681" s="12"/>
    </row>
    <row r="465682" spans="8:8">
      <c r="H465682" s="12"/>
    </row>
    <row r="465683" spans="8:8">
      <c r="H465683" s="12"/>
    </row>
    <row r="465684" spans="8:8">
      <c r="H465684" s="12"/>
    </row>
    <row r="465685" spans="8:8">
      <c r="H465685" s="12"/>
    </row>
    <row r="465686" spans="8:8">
      <c r="H465686" s="12"/>
    </row>
    <row r="465687" spans="8:8">
      <c r="H465687" s="12"/>
    </row>
    <row r="465688" spans="8:8">
      <c r="H465688" s="12"/>
    </row>
    <row r="465689" spans="8:8">
      <c r="H465689" s="12"/>
    </row>
    <row r="465690" spans="8:8">
      <c r="H465690" s="12"/>
    </row>
    <row r="465691" spans="8:8">
      <c r="H465691" s="12"/>
    </row>
    <row r="465692" spans="8:8">
      <c r="H465692" s="12"/>
    </row>
    <row r="465693" spans="8:8">
      <c r="H465693" s="12"/>
    </row>
    <row r="465694" spans="8:8">
      <c r="H465694" s="12"/>
    </row>
    <row r="465695" spans="8:8">
      <c r="H465695" s="12"/>
    </row>
    <row r="465696" spans="8:8">
      <c r="H465696" s="12"/>
    </row>
    <row r="465697" spans="8:8">
      <c r="H465697" s="12"/>
    </row>
    <row r="465698" spans="8:8">
      <c r="H465698" s="12"/>
    </row>
    <row r="465699" spans="8:8">
      <c r="H465699" s="12"/>
    </row>
    <row r="465700" spans="8:8">
      <c r="H465700" s="12"/>
    </row>
    <row r="465701" spans="8:8">
      <c r="H465701" s="12"/>
    </row>
    <row r="465702" spans="8:8">
      <c r="H465702" s="12"/>
    </row>
    <row r="465703" spans="8:8">
      <c r="H465703" s="12"/>
    </row>
    <row r="465704" spans="8:8">
      <c r="H465704" s="12"/>
    </row>
    <row r="465705" spans="8:8">
      <c r="H465705" s="12"/>
    </row>
    <row r="465706" spans="8:8">
      <c r="H465706" s="12"/>
    </row>
    <row r="465707" spans="8:8">
      <c r="H465707" s="12"/>
    </row>
    <row r="465708" spans="8:8">
      <c r="H465708" s="12"/>
    </row>
    <row r="465709" spans="8:8">
      <c r="H465709" s="12"/>
    </row>
    <row r="465710" spans="8:8">
      <c r="H465710" s="12"/>
    </row>
    <row r="465711" spans="8:8">
      <c r="H465711" s="12"/>
    </row>
    <row r="465712" spans="8:8">
      <c r="H465712" s="12"/>
    </row>
    <row r="465713" spans="8:8">
      <c r="H465713" s="12"/>
    </row>
    <row r="465714" spans="8:8">
      <c r="H465714" s="12"/>
    </row>
    <row r="465715" spans="8:8">
      <c r="H465715" s="12"/>
    </row>
    <row r="465716" spans="8:8">
      <c r="H465716" s="12"/>
    </row>
    <row r="465717" spans="8:8">
      <c r="H465717" s="12"/>
    </row>
    <row r="465718" spans="8:8">
      <c r="H465718" s="12"/>
    </row>
    <row r="465719" spans="8:8">
      <c r="H465719" s="12"/>
    </row>
    <row r="465720" spans="8:8">
      <c r="H465720" s="12"/>
    </row>
    <row r="465721" spans="8:8">
      <c r="H465721" s="12"/>
    </row>
    <row r="465722" spans="8:8">
      <c r="H465722" s="12"/>
    </row>
    <row r="465723" spans="8:8">
      <c r="H465723" s="12"/>
    </row>
    <row r="465724" spans="8:8">
      <c r="H465724" s="12"/>
    </row>
    <row r="465725" spans="8:8">
      <c r="H465725" s="12"/>
    </row>
    <row r="465726" spans="8:8">
      <c r="H465726" s="12"/>
    </row>
    <row r="465727" spans="8:8">
      <c r="H465727" s="12"/>
    </row>
    <row r="465728" spans="8:8">
      <c r="H465728" s="12"/>
    </row>
    <row r="465729" spans="8:8">
      <c r="H465729" s="12"/>
    </row>
    <row r="465730" spans="8:8">
      <c r="H465730" s="12"/>
    </row>
    <row r="465731" spans="8:8">
      <c r="H465731" s="12"/>
    </row>
    <row r="465732" spans="8:8">
      <c r="H465732" s="12"/>
    </row>
    <row r="465733" spans="8:8">
      <c r="H465733" s="12"/>
    </row>
    <row r="465734" spans="8:8">
      <c r="H465734" s="12"/>
    </row>
    <row r="465735" spans="8:8">
      <c r="H465735" s="12"/>
    </row>
    <row r="465736" spans="8:8">
      <c r="H465736" s="12"/>
    </row>
    <row r="465737" spans="8:8">
      <c r="H465737" s="12"/>
    </row>
    <row r="465738" spans="8:8">
      <c r="H465738" s="12"/>
    </row>
    <row r="465739" spans="8:8">
      <c r="H465739" s="12"/>
    </row>
    <row r="465740" spans="8:8">
      <c r="H465740" s="12"/>
    </row>
    <row r="465741" spans="8:8">
      <c r="H465741" s="12"/>
    </row>
    <row r="465742" spans="8:8">
      <c r="H465742" s="12"/>
    </row>
    <row r="465743" spans="8:8">
      <c r="H465743" s="12"/>
    </row>
    <row r="465744" spans="8:8">
      <c r="H465744" s="12"/>
    </row>
    <row r="465745" spans="8:8">
      <c r="H465745" s="12"/>
    </row>
    <row r="465746" spans="8:8">
      <c r="H465746" s="12"/>
    </row>
    <row r="465747" spans="8:8">
      <c r="H465747" s="12"/>
    </row>
    <row r="465748" spans="8:8">
      <c r="H465748" s="12"/>
    </row>
    <row r="465749" spans="8:8">
      <c r="H465749" s="12"/>
    </row>
    <row r="465750" spans="8:8">
      <c r="H465750" s="12"/>
    </row>
    <row r="465751" spans="8:8">
      <c r="H465751" s="12"/>
    </row>
    <row r="465752" spans="8:8">
      <c r="H465752" s="12"/>
    </row>
    <row r="465753" spans="8:8">
      <c r="H465753" s="12"/>
    </row>
    <row r="465754" spans="8:8">
      <c r="H465754" s="12"/>
    </row>
    <row r="465755" spans="8:8">
      <c r="H465755" s="12"/>
    </row>
    <row r="465756" spans="8:8">
      <c r="H465756" s="12"/>
    </row>
    <row r="465757" spans="8:8">
      <c r="H465757" s="12"/>
    </row>
    <row r="465758" spans="8:8">
      <c r="H465758" s="12"/>
    </row>
    <row r="465759" spans="8:8">
      <c r="H465759" s="12"/>
    </row>
    <row r="465760" spans="8:8">
      <c r="H465760" s="12"/>
    </row>
    <row r="465761" spans="8:8">
      <c r="H465761" s="12"/>
    </row>
    <row r="465762" spans="8:8">
      <c r="H465762" s="12"/>
    </row>
    <row r="465763" spans="8:8">
      <c r="H465763" s="12"/>
    </row>
    <row r="465764" spans="8:8">
      <c r="H465764" s="12"/>
    </row>
    <row r="465765" spans="8:8">
      <c r="H465765" s="12"/>
    </row>
    <row r="465766" spans="8:8">
      <c r="H465766" s="12"/>
    </row>
    <row r="465767" spans="8:8">
      <c r="H465767" s="12"/>
    </row>
    <row r="465768" spans="8:8">
      <c r="H465768" s="12"/>
    </row>
    <row r="465769" spans="8:8">
      <c r="H465769" s="12"/>
    </row>
    <row r="465770" spans="8:8">
      <c r="H465770" s="12"/>
    </row>
    <row r="465771" spans="8:8">
      <c r="H465771" s="12"/>
    </row>
    <row r="465772" spans="8:8">
      <c r="H465772" s="12"/>
    </row>
    <row r="465773" spans="8:8">
      <c r="H465773" s="12"/>
    </row>
    <row r="465774" spans="8:8">
      <c r="H465774" s="12"/>
    </row>
    <row r="465775" spans="8:8">
      <c r="H465775" s="12"/>
    </row>
    <row r="465776" spans="8:8">
      <c r="H465776" s="12"/>
    </row>
    <row r="465777" spans="8:8">
      <c r="H465777" s="12"/>
    </row>
    <row r="465778" spans="8:8">
      <c r="H465778" s="12"/>
    </row>
    <row r="465779" spans="8:8">
      <c r="H465779" s="12"/>
    </row>
    <row r="465780" spans="8:8">
      <c r="H465780" s="12"/>
    </row>
    <row r="465781" spans="8:8">
      <c r="H465781" s="12"/>
    </row>
    <row r="465782" spans="8:8">
      <c r="H465782" s="12"/>
    </row>
    <row r="465783" spans="8:8">
      <c r="H465783" s="12"/>
    </row>
    <row r="465784" spans="8:8">
      <c r="H465784" s="12"/>
    </row>
    <row r="465785" spans="8:8">
      <c r="H465785" s="12"/>
    </row>
    <row r="465786" spans="8:8">
      <c r="H465786" s="12"/>
    </row>
    <row r="465787" spans="8:8">
      <c r="H465787" s="12"/>
    </row>
    <row r="465788" spans="8:8">
      <c r="H465788" s="12"/>
    </row>
    <row r="465789" spans="8:8">
      <c r="H465789" s="12"/>
    </row>
    <row r="465790" spans="8:8">
      <c r="H465790" s="12"/>
    </row>
    <row r="465791" spans="8:8">
      <c r="H465791" s="12"/>
    </row>
    <row r="465792" spans="8:8">
      <c r="H465792" s="12"/>
    </row>
    <row r="465793" spans="8:8">
      <c r="H465793" s="12"/>
    </row>
    <row r="465794" spans="8:8">
      <c r="H465794" s="12"/>
    </row>
    <row r="465795" spans="8:8">
      <c r="H465795" s="12"/>
    </row>
    <row r="465796" spans="8:8">
      <c r="H465796" s="12"/>
    </row>
    <row r="465797" spans="8:8">
      <c r="H465797" s="12"/>
    </row>
    <row r="465798" spans="8:8">
      <c r="H465798" s="12"/>
    </row>
    <row r="465799" spans="8:8">
      <c r="H465799" s="12"/>
    </row>
    <row r="465800" spans="8:8">
      <c r="H465800" s="12"/>
    </row>
    <row r="465801" spans="8:8">
      <c r="H465801" s="12"/>
    </row>
    <row r="465802" spans="8:8">
      <c r="H465802" s="12"/>
    </row>
    <row r="465803" spans="8:8">
      <c r="H465803" s="12"/>
    </row>
    <row r="465804" spans="8:8">
      <c r="H465804" s="12"/>
    </row>
    <row r="465805" spans="8:8">
      <c r="H465805" s="12"/>
    </row>
    <row r="465806" spans="8:8">
      <c r="H465806" s="12"/>
    </row>
    <row r="465807" spans="8:8">
      <c r="H465807" s="12"/>
    </row>
    <row r="465808" spans="8:8">
      <c r="H465808" s="12"/>
    </row>
    <row r="465809" spans="8:8">
      <c r="H465809" s="12"/>
    </row>
    <row r="465810" spans="8:8">
      <c r="H465810" s="12"/>
    </row>
    <row r="465811" spans="8:8">
      <c r="H465811" s="12"/>
    </row>
    <row r="465812" spans="8:8">
      <c r="H465812" s="12"/>
    </row>
    <row r="465813" spans="8:8">
      <c r="H465813" s="12"/>
    </row>
    <row r="465814" spans="8:8">
      <c r="H465814" s="12"/>
    </row>
    <row r="465815" spans="8:8">
      <c r="H465815" s="12"/>
    </row>
    <row r="465816" spans="8:8">
      <c r="H465816" s="12"/>
    </row>
    <row r="465817" spans="8:8">
      <c r="H465817" s="12"/>
    </row>
    <row r="465818" spans="8:8">
      <c r="H465818" s="12"/>
    </row>
    <row r="465819" spans="8:8">
      <c r="H465819" s="12"/>
    </row>
    <row r="465820" spans="8:8">
      <c r="H465820" s="12"/>
    </row>
    <row r="465821" spans="8:8">
      <c r="H465821" s="12"/>
    </row>
    <row r="465822" spans="8:8">
      <c r="H465822" s="12"/>
    </row>
    <row r="465823" spans="8:8">
      <c r="H465823" s="12"/>
    </row>
    <row r="465824" spans="8:8">
      <c r="H465824" s="12"/>
    </row>
    <row r="465825" spans="8:8">
      <c r="H465825" s="12"/>
    </row>
    <row r="465826" spans="8:8">
      <c r="H465826" s="12"/>
    </row>
    <row r="465827" spans="8:8">
      <c r="H465827" s="12"/>
    </row>
    <row r="465828" spans="8:8">
      <c r="H465828" s="12"/>
    </row>
    <row r="465829" spans="8:8">
      <c r="H465829" s="12"/>
    </row>
    <row r="465830" spans="8:8">
      <c r="H465830" s="12"/>
    </row>
    <row r="465831" spans="8:8">
      <c r="H465831" s="12"/>
    </row>
    <row r="465832" spans="8:8">
      <c r="H465832" s="12"/>
    </row>
    <row r="465833" spans="8:8">
      <c r="H465833" s="12"/>
    </row>
    <row r="465834" spans="8:8">
      <c r="H465834" s="12"/>
    </row>
    <row r="465835" spans="8:8">
      <c r="H465835" s="12"/>
    </row>
    <row r="465836" spans="8:8">
      <c r="H465836" s="12"/>
    </row>
    <row r="465837" spans="8:8">
      <c r="H465837" s="12"/>
    </row>
    <row r="465838" spans="8:8">
      <c r="H465838" s="12"/>
    </row>
    <row r="465839" spans="8:8">
      <c r="H465839" s="12"/>
    </row>
    <row r="465840" spans="8:8">
      <c r="H465840" s="12"/>
    </row>
    <row r="465841" spans="8:8">
      <c r="H465841" s="12"/>
    </row>
    <row r="465842" spans="8:8">
      <c r="H465842" s="12"/>
    </row>
    <row r="465843" spans="8:8">
      <c r="H465843" s="12"/>
    </row>
    <row r="465844" spans="8:8">
      <c r="H465844" s="12"/>
    </row>
    <row r="465845" spans="8:8">
      <c r="H465845" s="12"/>
    </row>
    <row r="465846" spans="8:8">
      <c r="H465846" s="12"/>
    </row>
    <row r="465847" spans="8:8">
      <c r="H465847" s="12"/>
    </row>
    <row r="465848" spans="8:8">
      <c r="H465848" s="12"/>
    </row>
    <row r="465849" spans="8:8">
      <c r="H465849" s="12"/>
    </row>
    <row r="465850" spans="8:8">
      <c r="H465850" s="12"/>
    </row>
    <row r="465851" spans="8:8">
      <c r="H465851" s="12"/>
    </row>
    <row r="465852" spans="8:8">
      <c r="H465852" s="12"/>
    </row>
    <row r="465853" spans="8:8">
      <c r="H465853" s="12"/>
    </row>
    <row r="465854" spans="8:8">
      <c r="H465854" s="12"/>
    </row>
    <row r="465855" spans="8:8">
      <c r="H465855" s="12"/>
    </row>
    <row r="465856" spans="8:8">
      <c r="H465856" s="12"/>
    </row>
    <row r="465857" spans="8:8">
      <c r="H465857" s="12"/>
    </row>
    <row r="465858" spans="8:8">
      <c r="H465858" s="12"/>
    </row>
    <row r="465859" spans="8:8">
      <c r="H465859" s="12"/>
    </row>
    <row r="465860" spans="8:8">
      <c r="H465860" s="12"/>
    </row>
    <row r="465861" spans="8:8">
      <c r="H465861" s="12"/>
    </row>
    <row r="465862" spans="8:8">
      <c r="H465862" s="12"/>
    </row>
    <row r="465863" spans="8:8">
      <c r="H465863" s="12"/>
    </row>
    <row r="465864" spans="8:8">
      <c r="H465864" s="12"/>
    </row>
    <row r="465865" spans="8:8">
      <c r="H465865" s="12"/>
    </row>
    <row r="465866" spans="8:8">
      <c r="H465866" s="12"/>
    </row>
    <row r="465867" spans="8:8">
      <c r="H465867" s="12"/>
    </row>
    <row r="465868" spans="8:8">
      <c r="H465868" s="12"/>
    </row>
    <row r="465869" spans="8:8">
      <c r="H465869" s="12"/>
    </row>
    <row r="465870" spans="8:8">
      <c r="H465870" s="12"/>
    </row>
    <row r="465871" spans="8:8">
      <c r="H465871" s="12"/>
    </row>
    <row r="465872" spans="8:8">
      <c r="H465872" s="12"/>
    </row>
    <row r="465873" spans="8:8">
      <c r="H465873" s="12"/>
    </row>
    <row r="465874" spans="8:8">
      <c r="H465874" s="12"/>
    </row>
    <row r="465875" spans="8:8">
      <c r="H465875" s="12"/>
    </row>
    <row r="465876" spans="8:8">
      <c r="H465876" s="12"/>
    </row>
    <row r="465877" spans="8:8">
      <c r="H465877" s="12"/>
    </row>
    <row r="465878" spans="8:8">
      <c r="H465878" s="12"/>
    </row>
    <row r="465879" spans="8:8">
      <c r="H465879" s="12"/>
    </row>
    <row r="465880" spans="8:8">
      <c r="H465880" s="12"/>
    </row>
    <row r="465881" spans="8:8">
      <c r="H465881" s="12"/>
    </row>
    <row r="465882" spans="8:8">
      <c r="H465882" s="12"/>
    </row>
    <row r="465883" spans="8:8">
      <c r="H465883" s="12"/>
    </row>
    <row r="465884" spans="8:8">
      <c r="H465884" s="12"/>
    </row>
    <row r="465885" spans="8:8">
      <c r="H465885" s="12"/>
    </row>
    <row r="465886" spans="8:8">
      <c r="H465886" s="12"/>
    </row>
    <row r="465887" spans="8:8">
      <c r="H465887" s="12"/>
    </row>
    <row r="465888" spans="8:8">
      <c r="H465888" s="12"/>
    </row>
    <row r="465889" spans="8:8">
      <c r="H465889" s="12"/>
    </row>
    <row r="465890" spans="8:8">
      <c r="H465890" s="12"/>
    </row>
    <row r="465891" spans="8:8">
      <c r="H465891" s="12"/>
    </row>
    <row r="465892" spans="8:8">
      <c r="H465892" s="12"/>
    </row>
    <row r="465893" spans="8:8">
      <c r="H465893" s="12"/>
    </row>
    <row r="465894" spans="8:8">
      <c r="H465894" s="12"/>
    </row>
    <row r="465895" spans="8:8">
      <c r="H465895" s="12"/>
    </row>
    <row r="465896" spans="8:8">
      <c r="H465896" s="12"/>
    </row>
    <row r="465897" spans="8:8">
      <c r="H465897" s="12"/>
    </row>
    <row r="465898" spans="8:8">
      <c r="H465898" s="12"/>
    </row>
    <row r="465899" spans="8:8">
      <c r="H465899" s="12"/>
    </row>
    <row r="465900" spans="8:8">
      <c r="H465900" s="12"/>
    </row>
    <row r="465901" spans="8:8">
      <c r="H465901" s="12"/>
    </row>
    <row r="465902" spans="8:8">
      <c r="H465902" s="12"/>
    </row>
    <row r="465903" spans="8:8">
      <c r="H465903" s="12"/>
    </row>
    <row r="465904" spans="8:8">
      <c r="H465904" s="12"/>
    </row>
    <row r="465905" spans="8:8">
      <c r="H465905" s="12"/>
    </row>
    <row r="465906" spans="8:8">
      <c r="H465906" s="12"/>
    </row>
    <row r="465907" spans="8:8">
      <c r="H465907" s="12"/>
    </row>
    <row r="465908" spans="8:8">
      <c r="H465908" s="12"/>
    </row>
    <row r="465909" spans="8:8">
      <c r="H465909" s="12"/>
    </row>
    <row r="465910" spans="8:8">
      <c r="H465910" s="12"/>
    </row>
    <row r="465911" spans="8:8">
      <c r="H465911" s="12"/>
    </row>
    <row r="465912" spans="8:8">
      <c r="H465912" s="12"/>
    </row>
    <row r="465913" spans="8:8">
      <c r="H465913" s="12"/>
    </row>
    <row r="465914" spans="8:8">
      <c r="H465914" s="12"/>
    </row>
    <row r="465915" spans="8:8">
      <c r="H465915" s="12"/>
    </row>
    <row r="465916" spans="8:8">
      <c r="H465916" s="12"/>
    </row>
    <row r="465917" spans="8:8">
      <c r="H465917" s="12"/>
    </row>
    <row r="465918" spans="8:8">
      <c r="H465918" s="12"/>
    </row>
    <row r="465919" spans="8:8">
      <c r="H465919" s="12"/>
    </row>
    <row r="465920" spans="8:8">
      <c r="H465920" s="12"/>
    </row>
    <row r="465921" spans="8:8">
      <c r="H465921" s="12"/>
    </row>
    <row r="465922" spans="8:8">
      <c r="H465922" s="12"/>
    </row>
    <row r="465923" spans="8:8">
      <c r="H465923" s="12"/>
    </row>
    <row r="465924" spans="8:8">
      <c r="H465924" s="12"/>
    </row>
    <row r="465925" spans="8:8">
      <c r="H465925" s="12"/>
    </row>
    <row r="465926" spans="8:8">
      <c r="H465926" s="12"/>
    </row>
    <row r="465927" spans="8:8">
      <c r="H465927" s="12"/>
    </row>
    <row r="465928" spans="8:8">
      <c r="H465928" s="12"/>
    </row>
    <row r="465929" spans="8:8">
      <c r="H465929" s="12"/>
    </row>
    <row r="465930" spans="8:8">
      <c r="H465930" s="12"/>
    </row>
    <row r="465931" spans="8:8">
      <c r="H465931" s="12"/>
    </row>
    <row r="465932" spans="8:8">
      <c r="H465932" s="12"/>
    </row>
    <row r="465933" spans="8:8">
      <c r="H465933" s="12"/>
    </row>
    <row r="465934" spans="8:8">
      <c r="H465934" s="12"/>
    </row>
    <row r="465935" spans="8:8">
      <c r="H465935" s="12"/>
    </row>
    <row r="465936" spans="8:8">
      <c r="H465936" s="12"/>
    </row>
    <row r="465937" spans="8:8">
      <c r="H465937" s="12"/>
    </row>
    <row r="465938" spans="8:8">
      <c r="H465938" s="12"/>
    </row>
    <row r="465939" spans="8:8">
      <c r="H465939" s="12"/>
    </row>
    <row r="465940" spans="8:8">
      <c r="H465940" s="12"/>
    </row>
    <row r="465941" spans="8:8">
      <c r="H465941" s="12"/>
    </row>
    <row r="465942" spans="8:8">
      <c r="H465942" s="12"/>
    </row>
    <row r="465943" spans="8:8">
      <c r="H465943" s="12"/>
    </row>
    <row r="465944" spans="8:8">
      <c r="H465944" s="12"/>
    </row>
    <row r="465945" spans="8:8">
      <c r="H465945" s="12"/>
    </row>
    <row r="465946" spans="8:8">
      <c r="H465946" s="12"/>
    </row>
    <row r="465947" spans="8:8">
      <c r="H465947" s="12"/>
    </row>
    <row r="465948" spans="8:8">
      <c r="H465948" s="12"/>
    </row>
    <row r="465949" spans="8:8">
      <c r="H465949" s="12"/>
    </row>
    <row r="465950" spans="8:8">
      <c r="H465950" s="12"/>
    </row>
    <row r="465951" spans="8:8">
      <c r="H465951" s="12"/>
    </row>
    <row r="465952" spans="8:8">
      <c r="H465952" s="12"/>
    </row>
    <row r="465953" spans="8:8">
      <c r="H465953" s="12"/>
    </row>
    <row r="465954" spans="8:8">
      <c r="H465954" s="12"/>
    </row>
    <row r="465955" spans="8:8">
      <c r="H465955" s="12"/>
    </row>
    <row r="465956" spans="8:8">
      <c r="H465956" s="12"/>
    </row>
    <row r="465957" spans="8:8">
      <c r="H465957" s="12"/>
    </row>
    <row r="465958" spans="8:8">
      <c r="H465958" s="12"/>
    </row>
    <row r="465959" spans="8:8">
      <c r="H465959" s="12"/>
    </row>
    <row r="465960" spans="8:8">
      <c r="H465960" s="12"/>
    </row>
    <row r="465961" spans="8:8">
      <c r="H465961" s="12"/>
    </row>
    <row r="465962" spans="8:8">
      <c r="H465962" s="12"/>
    </row>
    <row r="465963" spans="8:8">
      <c r="H465963" s="12"/>
    </row>
    <row r="465964" spans="8:8">
      <c r="H465964" s="12"/>
    </row>
    <row r="465965" spans="8:8">
      <c r="H465965" s="12"/>
    </row>
    <row r="465966" spans="8:8">
      <c r="H465966" s="12"/>
    </row>
    <row r="465967" spans="8:8">
      <c r="H465967" s="12"/>
    </row>
    <row r="465968" spans="8:8">
      <c r="H465968" s="12"/>
    </row>
    <row r="465969" spans="8:8">
      <c r="H465969" s="12"/>
    </row>
    <row r="465970" spans="8:8">
      <c r="H465970" s="12"/>
    </row>
    <row r="465971" spans="8:8">
      <c r="H465971" s="12"/>
    </row>
    <row r="465972" spans="8:8">
      <c r="H465972" s="12"/>
    </row>
    <row r="465973" spans="8:8">
      <c r="H465973" s="12"/>
    </row>
    <row r="465974" spans="8:8">
      <c r="H465974" s="12"/>
    </row>
    <row r="465975" spans="8:8">
      <c r="H465975" s="12"/>
    </row>
    <row r="465976" spans="8:8">
      <c r="H465976" s="12"/>
    </row>
    <row r="465977" spans="8:8">
      <c r="H465977" s="12"/>
    </row>
    <row r="465978" spans="8:8">
      <c r="H465978" s="12"/>
    </row>
    <row r="465979" spans="8:8">
      <c r="H465979" s="12"/>
    </row>
    <row r="465980" spans="8:8">
      <c r="H465980" s="12"/>
    </row>
    <row r="465981" spans="8:8">
      <c r="H465981" s="12"/>
    </row>
    <row r="465982" spans="8:8">
      <c r="H465982" s="12"/>
    </row>
    <row r="465983" spans="8:8">
      <c r="H465983" s="12"/>
    </row>
    <row r="465984" spans="8:8">
      <c r="H465984" s="12"/>
    </row>
    <row r="465985" spans="8:8">
      <c r="H465985" s="12"/>
    </row>
    <row r="465986" spans="8:8">
      <c r="H465986" s="12"/>
    </row>
    <row r="465987" spans="8:8">
      <c r="H465987" s="12"/>
    </row>
    <row r="465988" spans="8:8">
      <c r="H465988" s="12"/>
    </row>
    <row r="465989" spans="8:8">
      <c r="H465989" s="12"/>
    </row>
    <row r="465990" spans="8:8">
      <c r="H465990" s="12"/>
    </row>
    <row r="465991" spans="8:8">
      <c r="H465991" s="12"/>
    </row>
    <row r="465992" spans="8:8">
      <c r="H465992" s="12"/>
    </row>
    <row r="465993" spans="8:8">
      <c r="H465993" s="12"/>
    </row>
    <row r="465994" spans="8:8">
      <c r="H465994" s="12"/>
    </row>
    <row r="465995" spans="8:8">
      <c r="H465995" s="12"/>
    </row>
    <row r="465996" spans="8:8">
      <c r="H465996" s="12"/>
    </row>
    <row r="465997" spans="8:8">
      <c r="H465997" s="12"/>
    </row>
    <row r="465998" spans="8:8">
      <c r="H465998" s="12"/>
    </row>
    <row r="465999" spans="8:8">
      <c r="H465999" s="12"/>
    </row>
    <row r="466000" spans="8:8">
      <c r="H466000" s="12"/>
    </row>
    <row r="466001" spans="8:8">
      <c r="H466001" s="12"/>
    </row>
    <row r="466002" spans="8:8">
      <c r="H466002" s="12"/>
    </row>
    <row r="466003" spans="8:8">
      <c r="H466003" s="12"/>
    </row>
    <row r="466004" spans="8:8">
      <c r="H466004" s="12"/>
    </row>
    <row r="466005" spans="8:8">
      <c r="H466005" s="12"/>
    </row>
    <row r="466006" spans="8:8">
      <c r="H466006" s="12"/>
    </row>
    <row r="466007" spans="8:8">
      <c r="H466007" s="12"/>
    </row>
    <row r="466008" spans="8:8">
      <c r="H466008" s="12"/>
    </row>
    <row r="466009" spans="8:8">
      <c r="H466009" s="12"/>
    </row>
    <row r="466010" spans="8:8">
      <c r="H466010" s="12"/>
    </row>
    <row r="466011" spans="8:8">
      <c r="H466011" s="12"/>
    </row>
    <row r="466012" spans="8:8">
      <c r="H466012" s="12"/>
    </row>
    <row r="466013" spans="8:8">
      <c r="H466013" s="12"/>
    </row>
    <row r="466014" spans="8:8">
      <c r="H466014" s="12"/>
    </row>
    <row r="466015" spans="8:8">
      <c r="H466015" s="12"/>
    </row>
    <row r="466016" spans="8:8">
      <c r="H466016" s="12"/>
    </row>
    <row r="466017" spans="8:8">
      <c r="H466017" s="12"/>
    </row>
    <row r="466018" spans="8:8">
      <c r="H466018" s="12"/>
    </row>
    <row r="466019" spans="8:8">
      <c r="H466019" s="12"/>
    </row>
    <row r="466020" spans="8:8">
      <c r="H466020" s="12"/>
    </row>
    <row r="466021" spans="8:8">
      <c r="H466021" s="12"/>
    </row>
    <row r="466022" spans="8:8">
      <c r="H466022" s="12"/>
    </row>
    <row r="466023" spans="8:8">
      <c r="H466023" s="12"/>
    </row>
    <row r="466024" spans="8:8">
      <c r="H466024" s="12"/>
    </row>
    <row r="466025" spans="8:8">
      <c r="H466025" s="12"/>
    </row>
    <row r="466026" spans="8:8">
      <c r="H466026" s="12"/>
    </row>
    <row r="466027" spans="8:8">
      <c r="H466027" s="12"/>
    </row>
    <row r="466028" spans="8:8">
      <c r="H466028" s="12"/>
    </row>
    <row r="466029" spans="8:8">
      <c r="H466029" s="12"/>
    </row>
    <row r="466030" spans="8:8">
      <c r="H466030" s="12"/>
    </row>
    <row r="466031" spans="8:8">
      <c r="H466031" s="12"/>
    </row>
    <row r="466032" spans="8:8">
      <c r="H466032" s="12"/>
    </row>
    <row r="466033" spans="8:8">
      <c r="H466033" s="12"/>
    </row>
    <row r="466034" spans="8:8">
      <c r="H466034" s="12"/>
    </row>
    <row r="466035" spans="8:8">
      <c r="H466035" s="12"/>
    </row>
    <row r="466036" spans="8:8">
      <c r="H466036" s="12"/>
    </row>
    <row r="466037" spans="8:8">
      <c r="H466037" s="12"/>
    </row>
    <row r="466038" spans="8:8">
      <c r="H466038" s="12"/>
    </row>
    <row r="466039" spans="8:8">
      <c r="H466039" s="12"/>
    </row>
    <row r="466040" spans="8:8">
      <c r="H466040" s="12"/>
    </row>
    <row r="466041" spans="8:8">
      <c r="H466041" s="12"/>
    </row>
    <row r="466042" spans="8:8">
      <c r="H466042" s="12"/>
    </row>
    <row r="466043" spans="8:8">
      <c r="H466043" s="12"/>
    </row>
    <row r="466044" spans="8:8">
      <c r="H466044" s="12"/>
    </row>
    <row r="466045" spans="8:8">
      <c r="H466045" s="12"/>
    </row>
    <row r="466046" spans="8:8">
      <c r="H466046" s="12"/>
    </row>
    <row r="466047" spans="8:8">
      <c r="H466047" s="12"/>
    </row>
    <row r="466048" spans="8:8">
      <c r="H466048" s="12"/>
    </row>
    <row r="466049" spans="8:8">
      <c r="H466049" s="12"/>
    </row>
    <row r="466050" spans="8:8">
      <c r="H466050" s="12"/>
    </row>
    <row r="466051" spans="8:8">
      <c r="H466051" s="12"/>
    </row>
    <row r="466052" spans="8:8">
      <c r="H466052" s="12"/>
    </row>
    <row r="466053" spans="8:8">
      <c r="H466053" s="12"/>
    </row>
    <row r="466054" spans="8:8">
      <c r="H466054" s="12"/>
    </row>
    <row r="466055" spans="8:8">
      <c r="H466055" s="12"/>
    </row>
    <row r="466056" spans="8:8">
      <c r="H466056" s="12"/>
    </row>
    <row r="466057" spans="8:8">
      <c r="H466057" s="12"/>
    </row>
    <row r="466058" spans="8:8">
      <c r="H466058" s="12"/>
    </row>
    <row r="466059" spans="8:8">
      <c r="H466059" s="12"/>
    </row>
    <row r="466060" spans="8:8">
      <c r="H466060" s="12"/>
    </row>
    <row r="466061" spans="8:8">
      <c r="H466061" s="12"/>
    </row>
    <row r="466062" spans="8:8">
      <c r="H466062" s="12"/>
    </row>
    <row r="466063" spans="8:8">
      <c r="H466063" s="12"/>
    </row>
    <row r="466064" spans="8:8">
      <c r="H466064" s="12"/>
    </row>
    <row r="466065" spans="8:8">
      <c r="H466065" s="12"/>
    </row>
    <row r="466066" spans="8:8">
      <c r="H466066" s="12"/>
    </row>
    <row r="466067" spans="8:8">
      <c r="H466067" s="12"/>
    </row>
    <row r="466068" spans="8:8">
      <c r="H466068" s="12"/>
    </row>
    <row r="466069" spans="8:8">
      <c r="H466069" s="12"/>
    </row>
    <row r="466070" spans="8:8">
      <c r="H466070" s="12"/>
    </row>
    <row r="466071" spans="8:8">
      <c r="H466071" s="12"/>
    </row>
    <row r="466072" spans="8:8">
      <c r="H466072" s="12"/>
    </row>
    <row r="466073" spans="8:8">
      <c r="H466073" s="12"/>
    </row>
    <row r="466074" spans="8:8">
      <c r="H466074" s="12"/>
    </row>
    <row r="466075" spans="8:8">
      <c r="H466075" s="12"/>
    </row>
    <row r="466076" spans="8:8">
      <c r="H466076" s="12"/>
    </row>
    <row r="466077" spans="8:8">
      <c r="H466077" s="12"/>
    </row>
    <row r="466078" spans="8:8">
      <c r="H466078" s="12"/>
    </row>
    <row r="466079" spans="8:8">
      <c r="H466079" s="12"/>
    </row>
    <row r="466080" spans="8:8">
      <c r="H466080" s="12"/>
    </row>
    <row r="466081" spans="8:8">
      <c r="H466081" s="12"/>
    </row>
    <row r="466082" spans="8:8">
      <c r="H466082" s="12"/>
    </row>
    <row r="466083" spans="8:8">
      <c r="H466083" s="12"/>
    </row>
    <row r="466084" spans="8:8">
      <c r="H466084" s="12"/>
    </row>
    <row r="466085" spans="8:8">
      <c r="H466085" s="12"/>
    </row>
    <row r="466086" spans="8:8">
      <c r="H466086" s="12"/>
    </row>
    <row r="466087" spans="8:8">
      <c r="H466087" s="12"/>
    </row>
    <row r="466088" spans="8:8">
      <c r="H466088" s="12"/>
    </row>
    <row r="466089" spans="8:8">
      <c r="H466089" s="12"/>
    </row>
    <row r="466090" spans="8:8">
      <c r="H466090" s="12"/>
    </row>
    <row r="466091" spans="8:8">
      <c r="H466091" s="12"/>
    </row>
    <row r="466092" spans="8:8">
      <c r="H466092" s="12"/>
    </row>
    <row r="466093" spans="8:8">
      <c r="H466093" s="12"/>
    </row>
    <row r="466094" spans="8:8">
      <c r="H466094" s="12"/>
    </row>
    <row r="466095" spans="8:8">
      <c r="H466095" s="12"/>
    </row>
    <row r="466096" spans="8:8">
      <c r="H466096" s="12"/>
    </row>
    <row r="466097" spans="8:8">
      <c r="H466097" s="12"/>
    </row>
    <row r="466098" spans="8:8">
      <c r="H466098" s="12"/>
    </row>
    <row r="466099" spans="8:8">
      <c r="H466099" s="12"/>
    </row>
    <row r="466100" spans="8:8">
      <c r="H466100" s="12"/>
    </row>
    <row r="466101" spans="8:8">
      <c r="H466101" s="12"/>
    </row>
    <row r="466102" spans="8:8">
      <c r="H466102" s="12"/>
    </row>
    <row r="466103" spans="8:8">
      <c r="H466103" s="12"/>
    </row>
    <row r="466104" spans="8:8">
      <c r="H466104" s="12"/>
    </row>
    <row r="466105" spans="8:8">
      <c r="H466105" s="12"/>
    </row>
    <row r="466106" spans="8:8">
      <c r="H466106" s="12"/>
    </row>
    <row r="466107" spans="8:8">
      <c r="H466107" s="12"/>
    </row>
    <row r="466108" spans="8:8">
      <c r="H466108" s="12"/>
    </row>
    <row r="466109" spans="8:8">
      <c r="H466109" s="12"/>
    </row>
    <row r="466110" spans="8:8">
      <c r="H466110" s="12"/>
    </row>
    <row r="466111" spans="8:8">
      <c r="H466111" s="12"/>
    </row>
    <row r="466112" spans="8:8">
      <c r="H466112" s="12"/>
    </row>
    <row r="466113" spans="8:8">
      <c r="H466113" s="12"/>
    </row>
    <row r="466114" spans="8:8">
      <c r="H466114" s="12"/>
    </row>
    <row r="466115" spans="8:8">
      <c r="H466115" s="12"/>
    </row>
    <row r="466116" spans="8:8">
      <c r="H466116" s="12"/>
    </row>
    <row r="466117" spans="8:8">
      <c r="H466117" s="12"/>
    </row>
    <row r="466118" spans="8:8">
      <c r="H466118" s="12"/>
    </row>
    <row r="466119" spans="8:8">
      <c r="H466119" s="12"/>
    </row>
    <row r="466120" spans="8:8">
      <c r="H466120" s="12"/>
    </row>
    <row r="466121" spans="8:8">
      <c r="H466121" s="12"/>
    </row>
    <row r="466122" spans="8:8">
      <c r="H466122" s="12"/>
    </row>
    <row r="466123" spans="8:8">
      <c r="H466123" s="12"/>
    </row>
    <row r="466124" spans="8:8">
      <c r="H466124" s="12"/>
    </row>
    <row r="466125" spans="8:8">
      <c r="H466125" s="12"/>
    </row>
    <row r="466126" spans="8:8">
      <c r="H466126" s="12"/>
    </row>
    <row r="466127" spans="8:8">
      <c r="H466127" s="12"/>
    </row>
    <row r="466128" spans="8:8">
      <c r="H466128" s="12"/>
    </row>
    <row r="466129" spans="8:8">
      <c r="H466129" s="12"/>
    </row>
    <row r="466130" spans="8:8">
      <c r="H466130" s="12"/>
    </row>
    <row r="466131" spans="8:8">
      <c r="H466131" s="12"/>
    </row>
    <row r="466132" spans="8:8">
      <c r="H466132" s="12"/>
    </row>
    <row r="466133" spans="8:8">
      <c r="H466133" s="12"/>
    </row>
    <row r="466134" spans="8:8">
      <c r="H466134" s="12"/>
    </row>
    <row r="466135" spans="8:8">
      <c r="H466135" s="12"/>
    </row>
    <row r="466136" spans="8:8">
      <c r="H466136" s="12"/>
    </row>
    <row r="466137" spans="8:8">
      <c r="H466137" s="12"/>
    </row>
    <row r="466138" spans="8:8">
      <c r="H466138" s="12"/>
    </row>
    <row r="466139" spans="8:8">
      <c r="H466139" s="12"/>
    </row>
    <row r="466140" spans="8:8">
      <c r="H466140" s="12"/>
    </row>
    <row r="466141" spans="8:8">
      <c r="H466141" s="12"/>
    </row>
    <row r="466142" spans="8:8">
      <c r="H466142" s="12"/>
    </row>
    <row r="466143" spans="8:8">
      <c r="H466143" s="12"/>
    </row>
    <row r="466144" spans="8:8">
      <c r="H466144" s="12"/>
    </row>
    <row r="466145" spans="8:8">
      <c r="H466145" s="12"/>
    </row>
    <row r="466146" spans="8:8">
      <c r="H466146" s="12"/>
    </row>
    <row r="466147" spans="8:8">
      <c r="H466147" s="12"/>
    </row>
    <row r="466148" spans="8:8">
      <c r="H466148" s="12"/>
    </row>
    <row r="466149" spans="8:8">
      <c r="H466149" s="12"/>
    </row>
    <row r="466150" spans="8:8">
      <c r="H466150" s="12"/>
    </row>
    <row r="466151" spans="8:8">
      <c r="H466151" s="12"/>
    </row>
    <row r="466152" spans="8:8">
      <c r="H466152" s="12"/>
    </row>
    <row r="466153" spans="8:8">
      <c r="H466153" s="12"/>
    </row>
    <row r="466154" spans="8:8">
      <c r="H466154" s="12"/>
    </row>
    <row r="466155" spans="8:8">
      <c r="H466155" s="12"/>
    </row>
    <row r="466156" spans="8:8">
      <c r="H466156" s="12"/>
    </row>
    <row r="466157" spans="8:8">
      <c r="H466157" s="12"/>
    </row>
    <row r="466158" spans="8:8">
      <c r="H466158" s="12"/>
    </row>
    <row r="466159" spans="8:8">
      <c r="H466159" s="12"/>
    </row>
    <row r="466160" spans="8:8">
      <c r="H466160" s="12"/>
    </row>
    <row r="466161" spans="8:8">
      <c r="H466161" s="12"/>
    </row>
    <row r="466162" spans="8:8">
      <c r="H466162" s="12"/>
    </row>
    <row r="466163" spans="8:8">
      <c r="H466163" s="12"/>
    </row>
    <row r="466164" spans="8:8">
      <c r="H466164" s="12"/>
    </row>
    <row r="466165" spans="8:8">
      <c r="H466165" s="12"/>
    </row>
    <row r="466166" spans="8:8">
      <c r="H466166" s="12"/>
    </row>
    <row r="466167" spans="8:8">
      <c r="H466167" s="12"/>
    </row>
    <row r="466168" spans="8:8">
      <c r="H466168" s="12"/>
    </row>
    <row r="466169" spans="8:8">
      <c r="H466169" s="12"/>
    </row>
    <row r="466170" spans="8:8">
      <c r="H466170" s="12"/>
    </row>
    <row r="466171" spans="8:8">
      <c r="H466171" s="12"/>
    </row>
    <row r="466172" spans="8:8">
      <c r="H466172" s="12"/>
    </row>
    <row r="466173" spans="8:8">
      <c r="H466173" s="12"/>
    </row>
    <row r="466174" spans="8:8">
      <c r="H466174" s="12"/>
    </row>
    <row r="466175" spans="8:8">
      <c r="H466175" s="12"/>
    </row>
    <row r="466176" spans="8:8">
      <c r="H466176" s="12"/>
    </row>
    <row r="466177" spans="8:8">
      <c r="H466177" s="12"/>
    </row>
    <row r="466178" spans="8:8">
      <c r="H466178" s="12"/>
    </row>
    <row r="466179" spans="8:8">
      <c r="H466179" s="12"/>
    </row>
    <row r="466180" spans="8:8">
      <c r="H466180" s="12"/>
    </row>
    <row r="466181" spans="8:8">
      <c r="H466181" s="12"/>
    </row>
    <row r="466182" spans="8:8">
      <c r="H466182" s="12"/>
    </row>
    <row r="466183" spans="8:8">
      <c r="H466183" s="12"/>
    </row>
    <row r="466184" spans="8:8">
      <c r="H466184" s="12"/>
    </row>
    <row r="466185" spans="8:8">
      <c r="H466185" s="12"/>
    </row>
    <row r="466186" spans="8:8">
      <c r="H466186" s="12"/>
    </row>
    <row r="466187" spans="8:8">
      <c r="H466187" s="12"/>
    </row>
    <row r="466188" spans="8:8">
      <c r="H466188" s="12"/>
    </row>
    <row r="466189" spans="8:8">
      <c r="H466189" s="12"/>
    </row>
    <row r="466190" spans="8:8">
      <c r="H466190" s="12"/>
    </row>
    <row r="466191" spans="8:8">
      <c r="H466191" s="12"/>
    </row>
    <row r="466192" spans="8:8">
      <c r="H466192" s="12"/>
    </row>
    <row r="466193" spans="8:8">
      <c r="H466193" s="12"/>
    </row>
    <row r="466194" spans="8:8">
      <c r="H466194" s="12"/>
    </row>
    <row r="466195" spans="8:8">
      <c r="H466195" s="12"/>
    </row>
    <row r="466196" spans="8:8">
      <c r="H466196" s="12"/>
    </row>
    <row r="466197" spans="8:8">
      <c r="H466197" s="12"/>
    </row>
    <row r="466198" spans="8:8">
      <c r="H466198" s="12"/>
    </row>
    <row r="466199" spans="8:8">
      <c r="H466199" s="12"/>
    </row>
    <row r="466200" spans="8:8">
      <c r="H466200" s="12"/>
    </row>
    <row r="466201" spans="8:8">
      <c r="H466201" s="12"/>
    </row>
    <row r="466202" spans="8:8">
      <c r="H466202" s="12"/>
    </row>
    <row r="466203" spans="8:8">
      <c r="H466203" s="12"/>
    </row>
    <row r="466204" spans="8:8">
      <c r="H466204" s="12"/>
    </row>
    <row r="466205" spans="8:8">
      <c r="H466205" s="12"/>
    </row>
    <row r="466206" spans="8:8">
      <c r="H466206" s="12"/>
    </row>
    <row r="466207" spans="8:8">
      <c r="H466207" s="12"/>
    </row>
    <row r="466208" spans="8:8">
      <c r="H466208" s="12"/>
    </row>
    <row r="466209" spans="8:8">
      <c r="H466209" s="12"/>
    </row>
    <row r="466210" spans="8:8">
      <c r="H466210" s="12"/>
    </row>
    <row r="466211" spans="8:8">
      <c r="H466211" s="12"/>
    </row>
    <row r="466212" spans="8:8">
      <c r="H466212" s="12"/>
    </row>
    <row r="466213" spans="8:8">
      <c r="H466213" s="12"/>
    </row>
    <row r="466214" spans="8:8">
      <c r="H466214" s="12"/>
    </row>
    <row r="466215" spans="8:8">
      <c r="H466215" s="12"/>
    </row>
    <row r="466216" spans="8:8">
      <c r="H466216" s="12"/>
    </row>
    <row r="466217" spans="8:8">
      <c r="H466217" s="12"/>
    </row>
    <row r="466218" spans="8:8">
      <c r="H466218" s="12"/>
    </row>
    <row r="466219" spans="8:8">
      <c r="H466219" s="12"/>
    </row>
    <row r="466220" spans="8:8">
      <c r="H466220" s="12"/>
    </row>
    <row r="466221" spans="8:8">
      <c r="H466221" s="12"/>
    </row>
    <row r="466222" spans="8:8">
      <c r="H466222" s="12"/>
    </row>
    <row r="466223" spans="8:8">
      <c r="H466223" s="12"/>
    </row>
    <row r="466224" spans="8:8">
      <c r="H466224" s="12"/>
    </row>
    <row r="466225" spans="8:8">
      <c r="H466225" s="12"/>
    </row>
    <row r="466226" spans="8:8">
      <c r="H466226" s="12"/>
    </row>
    <row r="466227" spans="8:8">
      <c r="H466227" s="12"/>
    </row>
    <row r="466228" spans="8:8">
      <c r="H466228" s="12"/>
    </row>
    <row r="466229" spans="8:8">
      <c r="H466229" s="12"/>
    </row>
    <row r="466230" spans="8:8">
      <c r="H466230" s="12"/>
    </row>
    <row r="466231" spans="8:8">
      <c r="H466231" s="12"/>
    </row>
    <row r="466232" spans="8:8">
      <c r="H466232" s="12"/>
    </row>
    <row r="466233" spans="8:8">
      <c r="H466233" s="12"/>
    </row>
    <row r="466234" spans="8:8">
      <c r="H466234" s="12"/>
    </row>
    <row r="466235" spans="8:8">
      <c r="H466235" s="12"/>
    </row>
    <row r="466236" spans="8:8">
      <c r="H466236" s="12"/>
    </row>
    <row r="466237" spans="8:8">
      <c r="H466237" s="12"/>
    </row>
    <row r="466238" spans="8:8">
      <c r="H466238" s="12"/>
    </row>
    <row r="466239" spans="8:8">
      <c r="H466239" s="12"/>
    </row>
    <row r="466240" spans="8:8">
      <c r="H466240" s="12"/>
    </row>
    <row r="466241" spans="8:8">
      <c r="H466241" s="12"/>
    </row>
    <row r="466242" spans="8:8">
      <c r="H466242" s="12"/>
    </row>
    <row r="466243" spans="8:8">
      <c r="H466243" s="12"/>
    </row>
    <row r="466244" spans="8:8">
      <c r="H466244" s="12"/>
    </row>
    <row r="466245" spans="8:8">
      <c r="H466245" s="12"/>
    </row>
    <row r="466246" spans="8:8">
      <c r="H466246" s="12"/>
    </row>
    <row r="466247" spans="8:8">
      <c r="H466247" s="12"/>
    </row>
    <row r="466248" spans="8:8">
      <c r="H466248" s="12"/>
    </row>
    <row r="466249" spans="8:8">
      <c r="H466249" s="12"/>
    </row>
    <row r="466250" spans="8:8">
      <c r="H466250" s="12"/>
    </row>
    <row r="466251" spans="8:8">
      <c r="H466251" s="12"/>
    </row>
    <row r="466252" spans="8:8">
      <c r="H466252" s="12"/>
    </row>
    <row r="466253" spans="8:8">
      <c r="H466253" s="12"/>
    </row>
    <row r="466254" spans="8:8">
      <c r="H466254" s="12"/>
    </row>
    <row r="466255" spans="8:8">
      <c r="H466255" s="12"/>
    </row>
    <row r="466256" spans="8:8">
      <c r="H466256" s="12"/>
    </row>
    <row r="466257" spans="8:8">
      <c r="H466257" s="12"/>
    </row>
    <row r="466258" spans="8:8">
      <c r="H466258" s="12"/>
    </row>
    <row r="466259" spans="8:8">
      <c r="H466259" s="12"/>
    </row>
    <row r="466260" spans="8:8">
      <c r="H466260" s="12"/>
    </row>
    <row r="466261" spans="8:8">
      <c r="H466261" s="12"/>
    </row>
    <row r="466262" spans="8:8">
      <c r="H466262" s="12"/>
    </row>
    <row r="466263" spans="8:8">
      <c r="H466263" s="12"/>
    </row>
    <row r="466264" spans="8:8">
      <c r="H466264" s="12"/>
    </row>
    <row r="466265" spans="8:8">
      <c r="H466265" s="12"/>
    </row>
    <row r="466266" spans="8:8">
      <c r="H466266" s="12"/>
    </row>
    <row r="466267" spans="8:8">
      <c r="H466267" s="12"/>
    </row>
    <row r="466268" spans="8:8">
      <c r="H466268" s="12"/>
    </row>
    <row r="466269" spans="8:8">
      <c r="H466269" s="12"/>
    </row>
    <row r="466270" spans="8:8">
      <c r="H466270" s="12"/>
    </row>
    <row r="466271" spans="8:8">
      <c r="H466271" s="12"/>
    </row>
    <row r="466272" spans="8:8">
      <c r="H466272" s="12"/>
    </row>
    <row r="466273" spans="8:8">
      <c r="H466273" s="12"/>
    </row>
    <row r="466274" spans="8:8">
      <c r="H466274" s="12"/>
    </row>
    <row r="466275" spans="8:8">
      <c r="H466275" s="12"/>
    </row>
    <row r="466276" spans="8:8">
      <c r="H466276" s="12"/>
    </row>
    <row r="466277" spans="8:8">
      <c r="H466277" s="12"/>
    </row>
    <row r="466278" spans="8:8">
      <c r="H466278" s="12"/>
    </row>
    <row r="466279" spans="8:8">
      <c r="H466279" s="12"/>
    </row>
    <row r="466280" spans="8:8">
      <c r="H466280" s="12"/>
    </row>
    <row r="466281" spans="8:8">
      <c r="H466281" s="12"/>
    </row>
    <row r="466282" spans="8:8">
      <c r="H466282" s="12"/>
    </row>
    <row r="466283" spans="8:8">
      <c r="H466283" s="12"/>
    </row>
    <row r="466284" spans="8:8">
      <c r="H466284" s="12"/>
    </row>
    <row r="466285" spans="8:8">
      <c r="H466285" s="12"/>
    </row>
    <row r="466286" spans="8:8">
      <c r="H466286" s="12"/>
    </row>
    <row r="466287" spans="8:8">
      <c r="H466287" s="12"/>
    </row>
    <row r="466288" spans="8:8">
      <c r="H466288" s="12"/>
    </row>
    <row r="466289" spans="8:8">
      <c r="H466289" s="12"/>
    </row>
    <row r="466290" spans="8:8">
      <c r="H466290" s="12"/>
    </row>
    <row r="466291" spans="8:8">
      <c r="H466291" s="12"/>
    </row>
    <row r="466292" spans="8:8">
      <c r="H466292" s="12"/>
    </row>
    <row r="466293" spans="8:8">
      <c r="H466293" s="12"/>
    </row>
    <row r="466294" spans="8:8">
      <c r="H466294" s="12"/>
    </row>
    <row r="466295" spans="8:8">
      <c r="H466295" s="12"/>
    </row>
    <row r="466296" spans="8:8">
      <c r="H466296" s="12"/>
    </row>
    <row r="466297" spans="8:8">
      <c r="H466297" s="12"/>
    </row>
    <row r="466298" spans="8:8">
      <c r="H466298" s="12"/>
    </row>
    <row r="466299" spans="8:8">
      <c r="H466299" s="12"/>
    </row>
    <row r="466300" spans="8:8">
      <c r="H466300" s="12"/>
    </row>
    <row r="466301" spans="8:8">
      <c r="H466301" s="12"/>
    </row>
    <row r="466302" spans="8:8">
      <c r="H466302" s="12"/>
    </row>
    <row r="466303" spans="8:8">
      <c r="H466303" s="12"/>
    </row>
    <row r="466304" spans="8:8">
      <c r="H466304" s="12"/>
    </row>
    <row r="466305" spans="8:8">
      <c r="H466305" s="12"/>
    </row>
    <row r="466306" spans="8:8">
      <c r="H466306" s="12"/>
    </row>
    <row r="466307" spans="8:8">
      <c r="H466307" s="12"/>
    </row>
    <row r="466308" spans="8:8">
      <c r="H466308" s="12"/>
    </row>
    <row r="466309" spans="8:8">
      <c r="H466309" s="12"/>
    </row>
    <row r="466310" spans="8:8">
      <c r="H466310" s="12"/>
    </row>
    <row r="466311" spans="8:8">
      <c r="H466311" s="12"/>
    </row>
    <row r="466312" spans="8:8">
      <c r="H466312" s="12"/>
    </row>
    <row r="466313" spans="8:8">
      <c r="H466313" s="12"/>
    </row>
    <row r="466314" spans="8:8">
      <c r="H466314" s="12"/>
    </row>
    <row r="466315" spans="8:8">
      <c r="H466315" s="12"/>
    </row>
    <row r="466316" spans="8:8">
      <c r="H466316" s="12"/>
    </row>
    <row r="466317" spans="8:8">
      <c r="H466317" s="12"/>
    </row>
    <row r="466318" spans="8:8">
      <c r="H466318" s="12"/>
    </row>
    <row r="466319" spans="8:8">
      <c r="H466319" s="12"/>
    </row>
    <row r="466320" spans="8:8">
      <c r="H466320" s="12"/>
    </row>
    <row r="466321" spans="8:8">
      <c r="H466321" s="12"/>
    </row>
    <row r="466322" spans="8:8">
      <c r="H466322" s="12"/>
    </row>
    <row r="466323" spans="8:8">
      <c r="H466323" s="12"/>
    </row>
    <row r="466324" spans="8:8">
      <c r="H466324" s="12"/>
    </row>
    <row r="466325" spans="8:8">
      <c r="H466325" s="12"/>
    </row>
    <row r="466326" spans="8:8">
      <c r="H466326" s="12"/>
    </row>
    <row r="466327" spans="8:8">
      <c r="H466327" s="12"/>
    </row>
    <row r="466328" spans="8:8">
      <c r="H466328" s="12"/>
    </row>
    <row r="466329" spans="8:8">
      <c r="H466329" s="12"/>
    </row>
    <row r="466330" spans="8:8">
      <c r="H466330" s="12"/>
    </row>
    <row r="466331" spans="8:8">
      <c r="H466331" s="12"/>
    </row>
    <row r="466332" spans="8:8">
      <c r="H466332" s="12"/>
    </row>
    <row r="466333" spans="8:8">
      <c r="H466333" s="12"/>
    </row>
    <row r="466334" spans="8:8">
      <c r="H466334" s="12"/>
    </row>
    <row r="466335" spans="8:8">
      <c r="H466335" s="12"/>
    </row>
    <row r="466336" spans="8:8">
      <c r="H466336" s="12"/>
    </row>
    <row r="466337" spans="8:8">
      <c r="H466337" s="12"/>
    </row>
    <row r="466338" spans="8:8">
      <c r="H466338" s="12"/>
    </row>
    <row r="466339" spans="8:8">
      <c r="H466339" s="12"/>
    </row>
    <row r="466340" spans="8:8">
      <c r="H466340" s="12"/>
    </row>
    <row r="466341" spans="8:8">
      <c r="H466341" s="12"/>
    </row>
    <row r="466342" spans="8:8">
      <c r="H466342" s="12"/>
    </row>
    <row r="466343" spans="8:8">
      <c r="H466343" s="12"/>
    </row>
    <row r="466344" spans="8:8">
      <c r="H466344" s="12"/>
    </row>
    <row r="466345" spans="8:8">
      <c r="H466345" s="12"/>
    </row>
    <row r="466346" spans="8:8">
      <c r="H466346" s="12"/>
    </row>
    <row r="466347" spans="8:8">
      <c r="H466347" s="12"/>
    </row>
    <row r="466348" spans="8:8">
      <c r="H466348" s="12"/>
    </row>
    <row r="466349" spans="8:8">
      <c r="H466349" s="12"/>
    </row>
    <row r="466350" spans="8:8">
      <c r="H466350" s="12"/>
    </row>
    <row r="466351" spans="8:8">
      <c r="H466351" s="12"/>
    </row>
    <row r="466352" spans="8:8">
      <c r="H466352" s="12"/>
    </row>
    <row r="466353" spans="8:8">
      <c r="H466353" s="12"/>
    </row>
    <row r="466354" spans="8:8">
      <c r="H466354" s="12"/>
    </row>
    <row r="466355" spans="8:8">
      <c r="H466355" s="12"/>
    </row>
    <row r="466356" spans="8:8">
      <c r="H466356" s="12"/>
    </row>
    <row r="466357" spans="8:8">
      <c r="H466357" s="12"/>
    </row>
    <row r="466358" spans="8:8">
      <c r="H466358" s="12"/>
    </row>
    <row r="466359" spans="8:8">
      <c r="H466359" s="12"/>
    </row>
    <row r="466360" spans="8:8">
      <c r="H466360" s="12"/>
    </row>
    <row r="466361" spans="8:8">
      <c r="H466361" s="12"/>
    </row>
    <row r="466362" spans="8:8">
      <c r="H466362" s="12"/>
    </row>
    <row r="466363" spans="8:8">
      <c r="H466363" s="12"/>
    </row>
    <row r="466364" spans="8:8">
      <c r="H466364" s="12"/>
    </row>
    <row r="466365" spans="8:8">
      <c r="H466365" s="12"/>
    </row>
    <row r="466366" spans="8:8">
      <c r="H466366" s="12"/>
    </row>
    <row r="466367" spans="8:8">
      <c r="H466367" s="12"/>
    </row>
    <row r="466368" spans="8:8">
      <c r="H466368" s="12"/>
    </row>
    <row r="466369" spans="8:8">
      <c r="H466369" s="12"/>
    </row>
    <row r="466370" spans="8:8">
      <c r="H466370" s="12"/>
    </row>
    <row r="466371" spans="8:8">
      <c r="H466371" s="12"/>
    </row>
    <row r="466372" spans="8:8">
      <c r="H466372" s="12"/>
    </row>
    <row r="466373" spans="8:8">
      <c r="H466373" s="12"/>
    </row>
    <row r="466374" spans="8:8">
      <c r="H466374" s="12"/>
    </row>
    <row r="466375" spans="8:8">
      <c r="H466375" s="12"/>
    </row>
    <row r="466376" spans="8:8">
      <c r="H466376" s="12"/>
    </row>
    <row r="466377" spans="8:8">
      <c r="H466377" s="12"/>
    </row>
    <row r="466378" spans="8:8">
      <c r="H466378" s="12"/>
    </row>
    <row r="466379" spans="8:8">
      <c r="H466379" s="12"/>
    </row>
    <row r="466380" spans="8:8">
      <c r="H466380" s="12"/>
    </row>
    <row r="466381" spans="8:8">
      <c r="H466381" s="12"/>
    </row>
    <row r="466382" spans="8:8">
      <c r="H466382" s="12"/>
    </row>
    <row r="466383" spans="8:8">
      <c r="H466383" s="12"/>
    </row>
    <row r="466384" spans="8:8">
      <c r="H466384" s="12"/>
    </row>
    <row r="466385" spans="8:8">
      <c r="H466385" s="12"/>
    </row>
    <row r="466386" spans="8:8">
      <c r="H466386" s="12"/>
    </row>
    <row r="466387" spans="8:8">
      <c r="H466387" s="12"/>
    </row>
    <row r="466388" spans="8:8">
      <c r="H466388" s="12"/>
    </row>
    <row r="466389" spans="8:8">
      <c r="H466389" s="12"/>
    </row>
    <row r="466390" spans="8:8">
      <c r="H466390" s="12"/>
    </row>
    <row r="466391" spans="8:8">
      <c r="H466391" s="12"/>
    </row>
    <row r="466392" spans="8:8">
      <c r="H466392" s="12"/>
    </row>
    <row r="466393" spans="8:8">
      <c r="H466393" s="12"/>
    </row>
    <row r="466394" spans="8:8">
      <c r="H466394" s="12"/>
    </row>
    <row r="466395" spans="8:8">
      <c r="H466395" s="12"/>
    </row>
    <row r="466396" spans="8:8">
      <c r="H466396" s="12"/>
    </row>
    <row r="466397" spans="8:8">
      <c r="H466397" s="12"/>
    </row>
    <row r="466398" spans="8:8">
      <c r="H466398" s="12"/>
    </row>
    <row r="466399" spans="8:8">
      <c r="H466399" s="12"/>
    </row>
    <row r="466400" spans="8:8">
      <c r="H466400" s="12"/>
    </row>
    <row r="466401" spans="8:8">
      <c r="H466401" s="12"/>
    </row>
    <row r="466402" spans="8:8">
      <c r="H466402" s="12"/>
    </row>
    <row r="466403" spans="8:8">
      <c r="H466403" s="12"/>
    </row>
    <row r="466404" spans="8:8">
      <c r="H466404" s="12"/>
    </row>
    <row r="466405" spans="8:8">
      <c r="H466405" s="12"/>
    </row>
    <row r="466406" spans="8:8">
      <c r="H466406" s="12"/>
    </row>
    <row r="466407" spans="8:8">
      <c r="H466407" s="12"/>
    </row>
    <row r="466408" spans="8:8">
      <c r="H466408" s="12"/>
    </row>
    <row r="466409" spans="8:8">
      <c r="H466409" s="12"/>
    </row>
    <row r="466410" spans="8:8">
      <c r="H466410" s="12"/>
    </row>
    <row r="466411" spans="8:8">
      <c r="H466411" s="12"/>
    </row>
    <row r="466412" spans="8:8">
      <c r="H466412" s="12"/>
    </row>
    <row r="466413" spans="8:8">
      <c r="H466413" s="12"/>
    </row>
    <row r="466414" spans="8:8">
      <c r="H466414" s="12"/>
    </row>
    <row r="466415" spans="8:8">
      <c r="H466415" s="12"/>
    </row>
    <row r="466416" spans="8:8">
      <c r="H466416" s="12"/>
    </row>
    <row r="466417" spans="8:8">
      <c r="H466417" s="12"/>
    </row>
    <row r="466418" spans="8:8">
      <c r="H466418" s="12"/>
    </row>
    <row r="466419" spans="8:8">
      <c r="H466419" s="12"/>
    </row>
    <row r="466420" spans="8:8">
      <c r="H466420" s="12"/>
    </row>
    <row r="466421" spans="8:8">
      <c r="H466421" s="12"/>
    </row>
    <row r="466422" spans="8:8">
      <c r="H466422" s="12"/>
    </row>
    <row r="466423" spans="8:8">
      <c r="H466423" s="12"/>
    </row>
    <row r="466424" spans="8:8">
      <c r="H466424" s="12"/>
    </row>
    <row r="466425" spans="8:8">
      <c r="H466425" s="12"/>
    </row>
    <row r="466426" spans="8:8">
      <c r="H466426" s="12"/>
    </row>
    <row r="466427" spans="8:8">
      <c r="H466427" s="12"/>
    </row>
    <row r="466428" spans="8:8">
      <c r="H466428" s="12"/>
    </row>
    <row r="466429" spans="8:8">
      <c r="H466429" s="12"/>
    </row>
    <row r="466430" spans="8:8">
      <c r="H466430" s="12"/>
    </row>
    <row r="466431" spans="8:8">
      <c r="H466431" s="12"/>
    </row>
    <row r="466432" spans="8:8">
      <c r="H466432" s="12"/>
    </row>
    <row r="466433" spans="8:8">
      <c r="H466433" s="12"/>
    </row>
    <row r="466434" spans="8:8">
      <c r="H466434" s="12"/>
    </row>
    <row r="466435" spans="8:8">
      <c r="H466435" s="12"/>
    </row>
    <row r="466436" spans="8:8">
      <c r="H466436" s="12"/>
    </row>
    <row r="466437" spans="8:8">
      <c r="H466437" s="12"/>
    </row>
    <row r="466438" spans="8:8">
      <c r="H466438" s="12"/>
    </row>
    <row r="466439" spans="8:8">
      <c r="H466439" s="12"/>
    </row>
    <row r="466440" spans="8:8">
      <c r="H466440" s="12"/>
    </row>
    <row r="466441" spans="8:8">
      <c r="H466441" s="12"/>
    </row>
    <row r="466442" spans="8:8">
      <c r="H466442" s="12"/>
    </row>
    <row r="466443" spans="8:8">
      <c r="H466443" s="12"/>
    </row>
    <row r="466444" spans="8:8">
      <c r="H466444" s="12"/>
    </row>
    <row r="466445" spans="8:8">
      <c r="H466445" s="12"/>
    </row>
    <row r="466446" spans="8:8">
      <c r="H466446" s="12"/>
    </row>
    <row r="466447" spans="8:8">
      <c r="H466447" s="12"/>
    </row>
    <row r="466448" spans="8:8">
      <c r="H466448" s="12"/>
    </row>
    <row r="466449" spans="8:8">
      <c r="H466449" s="12"/>
    </row>
    <row r="466450" spans="8:8">
      <c r="H466450" s="12"/>
    </row>
    <row r="466451" spans="8:8">
      <c r="H466451" s="12"/>
    </row>
    <row r="466452" spans="8:8">
      <c r="H466452" s="12"/>
    </row>
    <row r="466453" spans="8:8">
      <c r="H466453" s="12"/>
    </row>
    <row r="466454" spans="8:8">
      <c r="H466454" s="12"/>
    </row>
    <row r="466455" spans="8:8">
      <c r="H466455" s="12"/>
    </row>
    <row r="466456" spans="8:8">
      <c r="H466456" s="12"/>
    </row>
    <row r="466457" spans="8:8">
      <c r="H466457" s="12"/>
    </row>
    <row r="466458" spans="8:8">
      <c r="H466458" s="12"/>
    </row>
    <row r="466459" spans="8:8">
      <c r="H466459" s="12"/>
    </row>
    <row r="466460" spans="8:8">
      <c r="H466460" s="12"/>
    </row>
    <row r="466461" spans="8:8">
      <c r="H466461" s="12"/>
    </row>
    <row r="466462" spans="8:8">
      <c r="H466462" s="12"/>
    </row>
    <row r="466463" spans="8:8">
      <c r="H466463" s="12"/>
    </row>
    <row r="466464" spans="8:8">
      <c r="H466464" s="12"/>
    </row>
    <row r="466465" spans="8:8">
      <c r="H466465" s="12"/>
    </row>
    <row r="466466" spans="8:8">
      <c r="H466466" s="12"/>
    </row>
    <row r="466467" spans="8:8">
      <c r="H466467" s="12"/>
    </row>
    <row r="466468" spans="8:8">
      <c r="H466468" s="12"/>
    </row>
    <row r="466469" spans="8:8">
      <c r="H466469" s="12"/>
    </row>
    <row r="466470" spans="8:8">
      <c r="H466470" s="12"/>
    </row>
    <row r="466471" spans="8:8">
      <c r="H466471" s="12"/>
    </row>
    <row r="466472" spans="8:8">
      <c r="H466472" s="12"/>
    </row>
    <row r="466473" spans="8:8">
      <c r="H466473" s="12"/>
    </row>
    <row r="466474" spans="8:8">
      <c r="H466474" s="12"/>
    </row>
    <row r="466475" spans="8:8">
      <c r="H466475" s="12"/>
    </row>
    <row r="466476" spans="8:8">
      <c r="H466476" s="12"/>
    </row>
    <row r="466477" spans="8:8">
      <c r="H466477" s="12"/>
    </row>
    <row r="466478" spans="8:8">
      <c r="H466478" s="12"/>
    </row>
    <row r="466479" spans="8:8">
      <c r="H466479" s="12"/>
    </row>
    <row r="466480" spans="8:8">
      <c r="H466480" s="12"/>
    </row>
    <row r="466481" spans="8:8">
      <c r="H466481" s="12"/>
    </row>
    <row r="466482" spans="8:8">
      <c r="H466482" s="12"/>
    </row>
    <row r="466483" spans="8:8">
      <c r="H466483" s="12"/>
    </row>
    <row r="466484" spans="8:8">
      <c r="H466484" s="12"/>
    </row>
    <row r="466485" spans="8:8">
      <c r="H466485" s="12"/>
    </row>
    <row r="466486" spans="8:8">
      <c r="H466486" s="12"/>
    </row>
    <row r="466487" spans="8:8">
      <c r="H466487" s="12"/>
    </row>
    <row r="466488" spans="8:8">
      <c r="H466488" s="12"/>
    </row>
    <row r="466489" spans="8:8">
      <c r="H466489" s="12"/>
    </row>
    <row r="466490" spans="8:8">
      <c r="H466490" s="12"/>
    </row>
    <row r="466491" spans="8:8">
      <c r="H466491" s="12"/>
    </row>
    <row r="466492" spans="8:8">
      <c r="H466492" s="12"/>
    </row>
    <row r="466493" spans="8:8">
      <c r="H466493" s="12"/>
    </row>
    <row r="466494" spans="8:8">
      <c r="H466494" s="12"/>
    </row>
    <row r="466495" spans="8:8">
      <c r="H466495" s="12"/>
    </row>
    <row r="466496" spans="8:8">
      <c r="H466496" s="12"/>
    </row>
    <row r="466497" spans="8:8">
      <c r="H466497" s="12"/>
    </row>
    <row r="466498" spans="8:8">
      <c r="H466498" s="12"/>
    </row>
    <row r="466499" spans="8:8">
      <c r="H466499" s="12"/>
    </row>
    <row r="466500" spans="8:8">
      <c r="H466500" s="12"/>
    </row>
    <row r="466501" spans="8:8">
      <c r="H466501" s="12"/>
    </row>
    <row r="466502" spans="8:8">
      <c r="H466502" s="12"/>
    </row>
    <row r="466503" spans="8:8">
      <c r="H466503" s="12"/>
    </row>
    <row r="466504" spans="8:8">
      <c r="H466504" s="12"/>
    </row>
    <row r="466505" spans="8:8">
      <c r="H466505" s="12"/>
    </row>
    <row r="466506" spans="8:8">
      <c r="H466506" s="12"/>
    </row>
    <row r="466507" spans="8:8">
      <c r="H466507" s="12"/>
    </row>
    <row r="466508" spans="8:8">
      <c r="H466508" s="12"/>
    </row>
    <row r="466509" spans="8:8">
      <c r="H466509" s="12"/>
    </row>
    <row r="466510" spans="8:8">
      <c r="H466510" s="12"/>
    </row>
    <row r="466511" spans="8:8">
      <c r="H466511" s="12"/>
    </row>
    <row r="466512" spans="8:8">
      <c r="H466512" s="12"/>
    </row>
    <row r="466513" spans="8:8">
      <c r="H466513" s="12"/>
    </row>
    <row r="466514" spans="8:8">
      <c r="H466514" s="12"/>
    </row>
    <row r="466515" spans="8:8">
      <c r="H466515" s="12"/>
    </row>
    <row r="466516" spans="8:8">
      <c r="H466516" s="12"/>
    </row>
    <row r="466517" spans="8:8">
      <c r="H466517" s="12"/>
    </row>
    <row r="466518" spans="8:8">
      <c r="H466518" s="12"/>
    </row>
    <row r="466519" spans="8:8">
      <c r="H466519" s="12"/>
    </row>
    <row r="466520" spans="8:8">
      <c r="H466520" s="12"/>
    </row>
    <row r="466521" spans="8:8">
      <c r="H466521" s="12"/>
    </row>
    <row r="466522" spans="8:8">
      <c r="H466522" s="12"/>
    </row>
    <row r="466523" spans="8:8">
      <c r="H466523" s="12"/>
    </row>
    <row r="466524" spans="8:8">
      <c r="H466524" s="12"/>
    </row>
    <row r="466525" spans="8:8">
      <c r="H466525" s="12"/>
    </row>
    <row r="466526" spans="8:8">
      <c r="H466526" s="12"/>
    </row>
    <row r="466527" spans="8:8">
      <c r="H466527" s="12"/>
    </row>
    <row r="466528" spans="8:8">
      <c r="H466528" s="12"/>
    </row>
    <row r="466529" spans="8:8">
      <c r="H466529" s="12"/>
    </row>
    <row r="466530" spans="8:8">
      <c r="H466530" s="12"/>
    </row>
    <row r="466531" spans="8:8">
      <c r="H466531" s="12"/>
    </row>
    <row r="466532" spans="8:8">
      <c r="H466532" s="12"/>
    </row>
    <row r="466533" spans="8:8">
      <c r="H466533" s="12"/>
    </row>
    <row r="466534" spans="8:8">
      <c r="H466534" s="12"/>
    </row>
    <row r="466535" spans="8:8">
      <c r="H466535" s="12"/>
    </row>
    <row r="466536" spans="8:8">
      <c r="H466536" s="12"/>
    </row>
    <row r="466537" spans="8:8">
      <c r="H466537" s="12"/>
    </row>
    <row r="466538" spans="8:8">
      <c r="H466538" s="12"/>
    </row>
    <row r="466539" spans="8:8">
      <c r="H466539" s="12"/>
    </row>
    <row r="466540" spans="8:8">
      <c r="H466540" s="12"/>
    </row>
    <row r="466541" spans="8:8">
      <c r="H466541" s="12"/>
    </row>
    <row r="466542" spans="8:8">
      <c r="H466542" s="12"/>
    </row>
    <row r="466543" spans="8:8">
      <c r="H466543" s="12"/>
    </row>
    <row r="466544" spans="8:8">
      <c r="H466544" s="12"/>
    </row>
    <row r="466545" spans="8:8">
      <c r="H466545" s="12"/>
    </row>
    <row r="466546" spans="8:8">
      <c r="H466546" s="12"/>
    </row>
    <row r="466547" spans="8:8">
      <c r="H466547" s="12"/>
    </row>
    <row r="466548" spans="8:8">
      <c r="H466548" s="12"/>
    </row>
    <row r="466549" spans="8:8">
      <c r="H466549" s="12"/>
    </row>
    <row r="466550" spans="8:8">
      <c r="H466550" s="12"/>
    </row>
    <row r="466551" spans="8:8">
      <c r="H466551" s="12"/>
    </row>
    <row r="466552" spans="8:8">
      <c r="H466552" s="12"/>
    </row>
    <row r="466553" spans="8:8">
      <c r="H466553" s="12"/>
    </row>
    <row r="466554" spans="8:8">
      <c r="H466554" s="12"/>
    </row>
    <row r="466555" spans="8:8">
      <c r="H466555" s="12"/>
    </row>
    <row r="466556" spans="8:8">
      <c r="H466556" s="12"/>
    </row>
    <row r="466557" spans="8:8">
      <c r="H466557" s="12"/>
    </row>
    <row r="466558" spans="8:8">
      <c r="H466558" s="12"/>
    </row>
    <row r="466559" spans="8:8">
      <c r="H466559" s="12"/>
    </row>
    <row r="466560" spans="8:8">
      <c r="H466560" s="12"/>
    </row>
    <row r="466561" spans="8:8">
      <c r="H466561" s="12"/>
    </row>
    <row r="466562" spans="8:8">
      <c r="H466562" s="12"/>
    </row>
    <row r="466563" spans="8:8">
      <c r="H466563" s="12"/>
    </row>
    <row r="466564" spans="8:8">
      <c r="H466564" s="12"/>
    </row>
    <row r="466565" spans="8:8">
      <c r="H466565" s="12"/>
    </row>
    <row r="466566" spans="8:8">
      <c r="H466566" s="12"/>
    </row>
    <row r="466567" spans="8:8">
      <c r="H466567" s="12"/>
    </row>
    <row r="466568" spans="8:8">
      <c r="H466568" s="12"/>
    </row>
    <row r="466569" spans="8:8">
      <c r="H466569" s="12"/>
    </row>
    <row r="466570" spans="8:8">
      <c r="H466570" s="12"/>
    </row>
    <row r="466571" spans="8:8">
      <c r="H466571" s="12"/>
    </row>
    <row r="466572" spans="8:8">
      <c r="H466572" s="12"/>
    </row>
    <row r="466573" spans="8:8">
      <c r="H466573" s="12"/>
    </row>
    <row r="466574" spans="8:8">
      <c r="H466574" s="12"/>
    </row>
    <row r="466575" spans="8:8">
      <c r="H466575" s="12"/>
    </row>
    <row r="466576" spans="8:8">
      <c r="H466576" s="12"/>
    </row>
    <row r="466577" spans="8:8">
      <c r="H466577" s="12"/>
    </row>
    <row r="466578" spans="8:8">
      <c r="H466578" s="12"/>
    </row>
    <row r="466579" spans="8:8">
      <c r="H466579" s="12"/>
    </row>
    <row r="466580" spans="8:8">
      <c r="H466580" s="12"/>
    </row>
    <row r="466581" spans="8:8">
      <c r="H466581" s="12"/>
    </row>
    <row r="466582" spans="8:8">
      <c r="H466582" s="12"/>
    </row>
    <row r="466583" spans="8:8">
      <c r="H466583" s="12"/>
    </row>
    <row r="466584" spans="8:8">
      <c r="H466584" s="12"/>
    </row>
    <row r="466585" spans="8:8">
      <c r="H466585" s="12"/>
    </row>
    <row r="466586" spans="8:8">
      <c r="H466586" s="12"/>
    </row>
    <row r="466587" spans="8:8">
      <c r="H466587" s="12"/>
    </row>
    <row r="466588" spans="8:8">
      <c r="H466588" s="12"/>
    </row>
    <row r="466589" spans="8:8">
      <c r="H466589" s="12"/>
    </row>
    <row r="466590" spans="8:8">
      <c r="H466590" s="12"/>
    </row>
    <row r="466591" spans="8:8">
      <c r="H466591" s="12"/>
    </row>
    <row r="466592" spans="8:8">
      <c r="H466592" s="12"/>
    </row>
    <row r="466593" spans="8:8">
      <c r="H466593" s="12"/>
    </row>
    <row r="466594" spans="8:8">
      <c r="H466594" s="12"/>
    </row>
    <row r="466595" spans="8:8">
      <c r="H466595" s="12"/>
    </row>
    <row r="466596" spans="8:8">
      <c r="H466596" s="12"/>
    </row>
    <row r="466597" spans="8:8">
      <c r="H466597" s="12"/>
    </row>
    <row r="466598" spans="8:8">
      <c r="H466598" s="12"/>
    </row>
    <row r="466599" spans="8:8">
      <c r="H466599" s="12"/>
    </row>
    <row r="466600" spans="8:8">
      <c r="H466600" s="12"/>
    </row>
    <row r="466601" spans="8:8">
      <c r="H466601" s="12"/>
    </row>
    <row r="466602" spans="8:8">
      <c r="H466602" s="12"/>
    </row>
    <row r="466603" spans="8:8">
      <c r="H466603" s="12"/>
    </row>
    <row r="466604" spans="8:8">
      <c r="H466604" s="12"/>
    </row>
    <row r="466605" spans="8:8">
      <c r="H466605" s="12"/>
    </row>
    <row r="466606" spans="8:8">
      <c r="H466606" s="12"/>
    </row>
    <row r="466607" spans="8:8">
      <c r="H466607" s="12"/>
    </row>
    <row r="466608" spans="8:8">
      <c r="H466608" s="12"/>
    </row>
    <row r="466609" spans="8:8">
      <c r="H466609" s="12"/>
    </row>
    <row r="466610" spans="8:8">
      <c r="H466610" s="12"/>
    </row>
    <row r="466611" spans="8:8">
      <c r="H466611" s="12"/>
    </row>
    <row r="466612" spans="8:8">
      <c r="H466612" s="12"/>
    </row>
    <row r="466613" spans="8:8">
      <c r="H466613" s="12"/>
    </row>
    <row r="466614" spans="8:8">
      <c r="H466614" s="12"/>
    </row>
    <row r="466615" spans="8:8">
      <c r="H466615" s="12"/>
    </row>
    <row r="466616" spans="8:8">
      <c r="H466616" s="12"/>
    </row>
    <row r="466617" spans="8:8">
      <c r="H466617" s="12"/>
    </row>
    <row r="466618" spans="8:8">
      <c r="H466618" s="12"/>
    </row>
    <row r="466619" spans="8:8">
      <c r="H466619" s="12"/>
    </row>
    <row r="466620" spans="8:8">
      <c r="H466620" s="12"/>
    </row>
    <row r="466621" spans="8:8">
      <c r="H466621" s="12"/>
    </row>
    <row r="466622" spans="8:8">
      <c r="H466622" s="12"/>
    </row>
    <row r="466623" spans="8:8">
      <c r="H466623" s="12"/>
    </row>
    <row r="466624" spans="8:8">
      <c r="H466624" s="12"/>
    </row>
    <row r="466625" spans="8:8">
      <c r="H466625" s="12"/>
    </row>
    <row r="466626" spans="8:8">
      <c r="H466626" s="12"/>
    </row>
    <row r="466627" spans="8:8">
      <c r="H466627" s="12"/>
    </row>
    <row r="466628" spans="8:8">
      <c r="H466628" s="12"/>
    </row>
    <row r="466629" spans="8:8">
      <c r="H466629" s="12"/>
    </row>
    <row r="466630" spans="8:8">
      <c r="H466630" s="12"/>
    </row>
    <row r="466631" spans="8:8">
      <c r="H466631" s="12"/>
    </row>
    <row r="466632" spans="8:8">
      <c r="H466632" s="12"/>
    </row>
    <row r="466633" spans="8:8">
      <c r="H466633" s="12"/>
    </row>
    <row r="466634" spans="8:8">
      <c r="H466634" s="12"/>
    </row>
    <row r="466635" spans="8:8">
      <c r="H466635" s="12"/>
    </row>
    <row r="466636" spans="8:8">
      <c r="H466636" s="12"/>
    </row>
    <row r="466637" spans="8:8">
      <c r="H466637" s="12"/>
    </row>
    <row r="466638" spans="8:8">
      <c r="H466638" s="12"/>
    </row>
    <row r="466639" spans="8:8">
      <c r="H466639" s="12"/>
    </row>
    <row r="466640" spans="8:8">
      <c r="H466640" s="12"/>
    </row>
    <row r="466641" spans="8:8">
      <c r="H466641" s="12"/>
    </row>
    <row r="466642" spans="8:8">
      <c r="H466642" s="12"/>
    </row>
    <row r="466643" spans="8:8">
      <c r="H466643" s="12"/>
    </row>
    <row r="466644" spans="8:8">
      <c r="H466644" s="12"/>
    </row>
    <row r="466645" spans="8:8">
      <c r="H466645" s="12"/>
    </row>
    <row r="466646" spans="8:8">
      <c r="H466646" s="12"/>
    </row>
    <row r="466647" spans="8:8">
      <c r="H466647" s="12"/>
    </row>
    <row r="466648" spans="8:8">
      <c r="H466648" s="12"/>
    </row>
    <row r="466649" spans="8:8">
      <c r="H466649" s="12"/>
    </row>
    <row r="466650" spans="8:8">
      <c r="H466650" s="12"/>
    </row>
    <row r="466651" spans="8:8">
      <c r="H466651" s="12"/>
    </row>
    <row r="466652" spans="8:8">
      <c r="H466652" s="12"/>
    </row>
    <row r="466653" spans="8:8">
      <c r="H466653" s="12"/>
    </row>
    <row r="466654" spans="8:8">
      <c r="H466654" s="12"/>
    </row>
    <row r="466655" spans="8:8">
      <c r="H466655" s="12"/>
    </row>
    <row r="466656" spans="8:8">
      <c r="H466656" s="12"/>
    </row>
    <row r="466657" spans="8:8">
      <c r="H466657" s="12"/>
    </row>
    <row r="466658" spans="8:8">
      <c r="H466658" s="12"/>
    </row>
    <row r="466659" spans="8:8">
      <c r="H466659" s="12"/>
    </row>
    <row r="466660" spans="8:8">
      <c r="H466660" s="12"/>
    </row>
    <row r="466661" spans="8:8">
      <c r="H466661" s="12"/>
    </row>
    <row r="466662" spans="8:8">
      <c r="H466662" s="12"/>
    </row>
    <row r="466663" spans="8:8">
      <c r="H466663" s="12"/>
    </row>
    <row r="466664" spans="8:8">
      <c r="H466664" s="12"/>
    </row>
    <row r="466665" spans="8:8">
      <c r="H466665" s="12"/>
    </row>
    <row r="466666" spans="8:8">
      <c r="H466666" s="12"/>
    </row>
    <row r="466667" spans="8:8">
      <c r="H466667" s="12"/>
    </row>
    <row r="466668" spans="8:8">
      <c r="H466668" s="12"/>
    </row>
    <row r="466669" spans="8:8">
      <c r="H466669" s="12"/>
    </row>
    <row r="466670" spans="8:8">
      <c r="H466670" s="12"/>
    </row>
    <row r="466671" spans="8:8">
      <c r="H466671" s="12"/>
    </row>
    <row r="466672" spans="8:8">
      <c r="H466672" s="12"/>
    </row>
    <row r="466673" spans="8:8">
      <c r="H466673" s="12"/>
    </row>
    <row r="466674" spans="8:8">
      <c r="H466674" s="12"/>
    </row>
    <row r="466675" spans="8:8">
      <c r="H466675" s="12"/>
    </row>
    <row r="466676" spans="8:8">
      <c r="H466676" s="12"/>
    </row>
    <row r="466677" spans="8:8">
      <c r="H466677" s="12"/>
    </row>
    <row r="466678" spans="8:8">
      <c r="H466678" s="12"/>
    </row>
    <row r="466679" spans="8:8">
      <c r="H466679" s="12"/>
    </row>
    <row r="466680" spans="8:8">
      <c r="H466680" s="12"/>
    </row>
    <row r="466681" spans="8:8">
      <c r="H466681" s="12"/>
    </row>
    <row r="466682" spans="8:8">
      <c r="H466682" s="12"/>
    </row>
    <row r="466683" spans="8:8">
      <c r="H466683" s="12"/>
    </row>
    <row r="466684" spans="8:8">
      <c r="H466684" s="12"/>
    </row>
    <row r="466685" spans="8:8">
      <c r="H466685" s="12"/>
    </row>
    <row r="466686" spans="8:8">
      <c r="H466686" s="12"/>
    </row>
    <row r="466687" spans="8:8">
      <c r="H466687" s="12"/>
    </row>
    <row r="466688" spans="8:8">
      <c r="H466688" s="12"/>
    </row>
    <row r="466689" spans="8:8">
      <c r="H466689" s="12"/>
    </row>
    <row r="466690" spans="8:8">
      <c r="H466690" s="12"/>
    </row>
    <row r="466691" spans="8:8">
      <c r="H466691" s="12"/>
    </row>
    <row r="466692" spans="8:8">
      <c r="H466692" s="12"/>
    </row>
    <row r="466693" spans="8:8">
      <c r="H466693" s="12"/>
    </row>
    <row r="466694" spans="8:8">
      <c r="H466694" s="12"/>
    </row>
    <row r="466695" spans="8:8">
      <c r="H466695" s="12"/>
    </row>
    <row r="466696" spans="8:8">
      <c r="H466696" s="12"/>
    </row>
    <row r="466697" spans="8:8">
      <c r="H466697" s="12"/>
    </row>
    <row r="466698" spans="8:8">
      <c r="H466698" s="12"/>
    </row>
    <row r="466699" spans="8:8">
      <c r="H466699" s="12"/>
    </row>
    <row r="466700" spans="8:8">
      <c r="H466700" s="12"/>
    </row>
    <row r="466701" spans="8:8">
      <c r="H466701" s="12"/>
    </row>
    <row r="466702" spans="8:8">
      <c r="H466702" s="12"/>
    </row>
    <row r="466703" spans="8:8">
      <c r="H466703" s="12"/>
    </row>
    <row r="466704" spans="8:8">
      <c r="H466704" s="12"/>
    </row>
    <row r="466705" spans="8:8">
      <c r="H466705" s="12"/>
    </row>
    <row r="466706" spans="8:8">
      <c r="H466706" s="12"/>
    </row>
    <row r="466707" spans="8:8">
      <c r="H466707" s="12"/>
    </row>
    <row r="466708" spans="8:8">
      <c r="H466708" s="12"/>
    </row>
    <row r="466709" spans="8:8">
      <c r="H466709" s="12"/>
    </row>
    <row r="466710" spans="8:8">
      <c r="H466710" s="12"/>
    </row>
    <row r="466711" spans="8:8">
      <c r="H466711" s="12"/>
    </row>
    <row r="466712" spans="8:8">
      <c r="H466712" s="12"/>
    </row>
    <row r="466713" spans="8:8">
      <c r="H466713" s="12"/>
    </row>
    <row r="466714" spans="8:8">
      <c r="H466714" s="12"/>
    </row>
    <row r="466715" spans="8:8">
      <c r="H466715" s="12"/>
    </row>
    <row r="466716" spans="8:8">
      <c r="H466716" s="12"/>
    </row>
    <row r="466717" spans="8:8">
      <c r="H466717" s="12"/>
    </row>
    <row r="466718" spans="8:8">
      <c r="H466718" s="12"/>
    </row>
    <row r="466719" spans="8:8">
      <c r="H466719" s="12"/>
    </row>
    <row r="466720" spans="8:8">
      <c r="H466720" s="12"/>
    </row>
    <row r="466721" spans="8:8">
      <c r="H466721" s="12"/>
    </row>
    <row r="466722" spans="8:8">
      <c r="H466722" s="12"/>
    </row>
    <row r="466723" spans="8:8">
      <c r="H466723" s="12"/>
    </row>
    <row r="466724" spans="8:8">
      <c r="H466724" s="12"/>
    </row>
    <row r="466725" spans="8:8">
      <c r="H466725" s="12"/>
    </row>
    <row r="466726" spans="8:8">
      <c r="H466726" s="12"/>
    </row>
    <row r="466727" spans="8:8">
      <c r="H466727" s="12"/>
    </row>
    <row r="466728" spans="8:8">
      <c r="H466728" s="12"/>
    </row>
    <row r="466729" spans="8:8">
      <c r="H466729" s="12"/>
    </row>
    <row r="466730" spans="8:8">
      <c r="H466730" s="12"/>
    </row>
    <row r="466731" spans="8:8">
      <c r="H466731" s="12"/>
    </row>
    <row r="466732" spans="8:8">
      <c r="H466732" s="12"/>
    </row>
    <row r="466733" spans="8:8">
      <c r="H466733" s="12"/>
    </row>
    <row r="466734" spans="8:8">
      <c r="H466734" s="12"/>
    </row>
    <row r="466735" spans="8:8">
      <c r="H466735" s="12"/>
    </row>
    <row r="466736" spans="8:8">
      <c r="H466736" s="12"/>
    </row>
    <row r="466737" spans="8:8">
      <c r="H466737" s="12"/>
    </row>
    <row r="466738" spans="8:8">
      <c r="H466738" s="12"/>
    </row>
    <row r="466739" spans="8:8">
      <c r="H466739" s="12"/>
    </row>
    <row r="466740" spans="8:8">
      <c r="H466740" s="12"/>
    </row>
    <row r="466741" spans="8:8">
      <c r="H466741" s="12"/>
    </row>
    <row r="466742" spans="8:8">
      <c r="H466742" s="12"/>
    </row>
    <row r="466743" spans="8:8">
      <c r="H466743" s="12"/>
    </row>
    <row r="466744" spans="8:8">
      <c r="H466744" s="12"/>
    </row>
    <row r="466745" spans="8:8">
      <c r="H466745" s="12"/>
    </row>
    <row r="466746" spans="8:8">
      <c r="H466746" s="12"/>
    </row>
    <row r="466747" spans="8:8">
      <c r="H466747" s="12"/>
    </row>
    <row r="466748" spans="8:8">
      <c r="H466748" s="12"/>
    </row>
    <row r="466749" spans="8:8">
      <c r="H466749" s="12"/>
    </row>
    <row r="466750" spans="8:8">
      <c r="H466750" s="12"/>
    </row>
    <row r="466751" spans="8:8">
      <c r="H466751" s="12"/>
    </row>
    <row r="466752" spans="8:8">
      <c r="H466752" s="12"/>
    </row>
    <row r="466753" spans="8:8">
      <c r="H466753" s="12"/>
    </row>
    <row r="466754" spans="8:8">
      <c r="H466754" s="12"/>
    </row>
    <row r="466755" spans="8:8">
      <c r="H466755" s="12"/>
    </row>
    <row r="466756" spans="8:8">
      <c r="H466756" s="12"/>
    </row>
    <row r="466757" spans="8:8">
      <c r="H466757" s="12"/>
    </row>
    <row r="466758" spans="8:8">
      <c r="H466758" s="12"/>
    </row>
    <row r="466759" spans="8:8">
      <c r="H466759" s="12"/>
    </row>
    <row r="466760" spans="8:8">
      <c r="H466760" s="12"/>
    </row>
    <row r="466761" spans="8:8">
      <c r="H466761" s="12"/>
    </row>
    <row r="466762" spans="8:8">
      <c r="H466762" s="12"/>
    </row>
    <row r="466763" spans="8:8">
      <c r="H466763" s="12"/>
    </row>
    <row r="466764" spans="8:8">
      <c r="H466764" s="12"/>
    </row>
    <row r="466765" spans="8:8">
      <c r="H466765" s="12"/>
    </row>
    <row r="466766" spans="8:8">
      <c r="H466766" s="12"/>
    </row>
    <row r="466767" spans="8:8">
      <c r="H466767" s="12"/>
    </row>
    <row r="466768" spans="8:8">
      <c r="H466768" s="12"/>
    </row>
    <row r="466769" spans="8:8">
      <c r="H466769" s="12"/>
    </row>
    <row r="466770" spans="8:8">
      <c r="H466770" s="12"/>
    </row>
    <row r="466771" spans="8:8">
      <c r="H466771" s="12"/>
    </row>
    <row r="466772" spans="8:8">
      <c r="H466772" s="12"/>
    </row>
    <row r="466773" spans="8:8">
      <c r="H466773" s="12"/>
    </row>
    <row r="466774" spans="8:8">
      <c r="H466774" s="12"/>
    </row>
    <row r="466775" spans="8:8">
      <c r="H466775" s="12"/>
    </row>
    <row r="466776" spans="8:8">
      <c r="H466776" s="12"/>
    </row>
    <row r="466777" spans="8:8">
      <c r="H466777" s="12"/>
    </row>
    <row r="466778" spans="8:8">
      <c r="H466778" s="12"/>
    </row>
    <row r="466779" spans="8:8">
      <c r="H466779" s="12"/>
    </row>
    <row r="466780" spans="8:8">
      <c r="H466780" s="12"/>
    </row>
    <row r="466781" spans="8:8">
      <c r="H466781" s="12"/>
    </row>
    <row r="466782" spans="8:8">
      <c r="H466782" s="12"/>
    </row>
    <row r="466783" spans="8:8">
      <c r="H466783" s="12"/>
    </row>
    <row r="466784" spans="8:8">
      <c r="H466784" s="12"/>
    </row>
    <row r="466785" spans="8:8">
      <c r="H466785" s="12"/>
    </row>
    <row r="466786" spans="8:8">
      <c r="H466786" s="12"/>
    </row>
    <row r="466787" spans="8:8">
      <c r="H466787" s="12"/>
    </row>
    <row r="466788" spans="8:8">
      <c r="H466788" s="12"/>
    </row>
    <row r="466789" spans="8:8">
      <c r="H466789" s="12"/>
    </row>
    <row r="466790" spans="8:8">
      <c r="H466790" s="12"/>
    </row>
    <row r="466791" spans="8:8">
      <c r="H466791" s="12"/>
    </row>
    <row r="466792" spans="8:8">
      <c r="H466792" s="12"/>
    </row>
    <row r="466793" spans="8:8">
      <c r="H466793" s="12"/>
    </row>
    <row r="466794" spans="8:8">
      <c r="H466794" s="12"/>
    </row>
    <row r="466795" spans="8:8">
      <c r="H466795" s="12"/>
    </row>
    <row r="466796" spans="8:8">
      <c r="H466796" s="12"/>
    </row>
    <row r="466797" spans="8:8">
      <c r="H466797" s="12"/>
    </row>
    <row r="466798" spans="8:8">
      <c r="H466798" s="12"/>
    </row>
    <row r="466799" spans="8:8">
      <c r="H466799" s="12"/>
    </row>
    <row r="466800" spans="8:8">
      <c r="H466800" s="12"/>
    </row>
    <row r="466801" spans="8:8">
      <c r="H466801" s="12"/>
    </row>
    <row r="466802" spans="8:8">
      <c r="H466802" s="12"/>
    </row>
    <row r="466803" spans="8:8">
      <c r="H466803" s="12"/>
    </row>
    <row r="466804" spans="8:8">
      <c r="H466804" s="12"/>
    </row>
    <row r="466805" spans="8:8">
      <c r="H466805" s="12"/>
    </row>
    <row r="466806" spans="8:8">
      <c r="H466806" s="12"/>
    </row>
    <row r="466807" spans="8:8">
      <c r="H466807" s="12"/>
    </row>
    <row r="466808" spans="8:8">
      <c r="H466808" s="12"/>
    </row>
    <row r="466809" spans="8:8">
      <c r="H466809" s="12"/>
    </row>
    <row r="466810" spans="8:8">
      <c r="H466810" s="12"/>
    </row>
    <row r="466811" spans="8:8">
      <c r="H466811" s="12"/>
    </row>
    <row r="466812" spans="8:8">
      <c r="H466812" s="12"/>
    </row>
    <row r="466813" spans="8:8">
      <c r="H466813" s="12"/>
    </row>
    <row r="466814" spans="8:8">
      <c r="H466814" s="12"/>
    </row>
    <row r="466815" spans="8:8">
      <c r="H466815" s="12"/>
    </row>
    <row r="466816" spans="8:8">
      <c r="H466816" s="12"/>
    </row>
    <row r="466817" spans="8:8">
      <c r="H466817" s="12"/>
    </row>
    <row r="466818" spans="8:8">
      <c r="H466818" s="12"/>
    </row>
    <row r="466819" spans="8:8">
      <c r="H466819" s="12"/>
    </row>
    <row r="466820" spans="8:8">
      <c r="H466820" s="12"/>
    </row>
    <row r="466821" spans="8:8">
      <c r="H466821" s="12"/>
    </row>
    <row r="466822" spans="8:8">
      <c r="H466822" s="12"/>
    </row>
    <row r="466823" spans="8:8">
      <c r="H466823" s="12"/>
    </row>
    <row r="466824" spans="8:8">
      <c r="H466824" s="12"/>
    </row>
    <row r="466825" spans="8:8">
      <c r="H466825" s="12"/>
    </row>
    <row r="466826" spans="8:8">
      <c r="H466826" s="12"/>
    </row>
    <row r="466827" spans="8:8">
      <c r="H466827" s="12"/>
    </row>
    <row r="466828" spans="8:8">
      <c r="H466828" s="12"/>
    </row>
    <row r="466829" spans="8:8">
      <c r="H466829" s="12"/>
    </row>
    <row r="466830" spans="8:8">
      <c r="H466830" s="12"/>
    </row>
    <row r="466831" spans="8:8">
      <c r="H466831" s="12"/>
    </row>
    <row r="466832" spans="8:8">
      <c r="H466832" s="12"/>
    </row>
    <row r="466833" spans="8:8">
      <c r="H466833" s="12"/>
    </row>
    <row r="466834" spans="8:8">
      <c r="H466834" s="12"/>
    </row>
    <row r="466835" spans="8:8">
      <c r="H466835" s="12"/>
    </row>
    <row r="466836" spans="8:8">
      <c r="H466836" s="12"/>
    </row>
    <row r="466837" spans="8:8">
      <c r="H466837" s="12"/>
    </row>
    <row r="466838" spans="8:8">
      <c r="H466838" s="12"/>
    </row>
    <row r="466839" spans="8:8">
      <c r="H466839" s="12"/>
    </row>
    <row r="466840" spans="8:8">
      <c r="H466840" s="12"/>
    </row>
    <row r="466841" spans="8:8">
      <c r="H466841" s="12"/>
    </row>
    <row r="466842" spans="8:8">
      <c r="H466842" s="12"/>
    </row>
    <row r="466843" spans="8:8">
      <c r="H466843" s="12"/>
    </row>
    <row r="466844" spans="8:8">
      <c r="H466844" s="12"/>
    </row>
    <row r="466845" spans="8:8">
      <c r="H466845" s="12"/>
    </row>
    <row r="466846" spans="8:8">
      <c r="H466846" s="12"/>
    </row>
    <row r="466847" spans="8:8">
      <c r="H466847" s="12"/>
    </row>
    <row r="466848" spans="8:8">
      <c r="H466848" s="12"/>
    </row>
    <row r="466849" spans="8:8">
      <c r="H466849" s="12"/>
    </row>
    <row r="466850" spans="8:8">
      <c r="H466850" s="12"/>
    </row>
    <row r="466851" spans="8:8">
      <c r="H466851" s="12"/>
    </row>
    <row r="466852" spans="8:8">
      <c r="H466852" s="12"/>
    </row>
    <row r="466853" spans="8:8">
      <c r="H466853" s="12"/>
    </row>
    <row r="466854" spans="8:8">
      <c r="H466854" s="12"/>
    </row>
    <row r="466855" spans="8:8">
      <c r="H466855" s="12"/>
    </row>
    <row r="466856" spans="8:8">
      <c r="H466856" s="12"/>
    </row>
    <row r="466857" spans="8:8">
      <c r="H466857" s="12"/>
    </row>
    <row r="466858" spans="8:8">
      <c r="H466858" s="12"/>
    </row>
    <row r="466859" spans="8:8">
      <c r="H466859" s="12"/>
    </row>
    <row r="466860" spans="8:8">
      <c r="H466860" s="12"/>
    </row>
    <row r="466861" spans="8:8">
      <c r="H466861" s="12"/>
    </row>
    <row r="466862" spans="8:8">
      <c r="H466862" s="12"/>
    </row>
    <row r="466863" spans="8:8">
      <c r="H466863" s="12"/>
    </row>
    <row r="466864" spans="8:8">
      <c r="H466864" s="12"/>
    </row>
    <row r="466865" spans="8:8">
      <c r="H466865" s="12"/>
    </row>
    <row r="466866" spans="8:8">
      <c r="H466866" s="12"/>
    </row>
    <row r="466867" spans="8:8">
      <c r="H466867" s="12"/>
    </row>
    <row r="466868" spans="8:8">
      <c r="H466868" s="12"/>
    </row>
    <row r="466869" spans="8:8">
      <c r="H466869" s="12"/>
    </row>
    <row r="466870" spans="8:8">
      <c r="H466870" s="12"/>
    </row>
    <row r="466871" spans="8:8">
      <c r="H466871" s="12"/>
    </row>
    <row r="466872" spans="8:8">
      <c r="H466872" s="12"/>
    </row>
    <row r="466873" spans="8:8">
      <c r="H466873" s="12"/>
    </row>
    <row r="466874" spans="8:8">
      <c r="H466874" s="12"/>
    </row>
    <row r="466875" spans="8:8">
      <c r="H466875" s="12"/>
    </row>
    <row r="466876" spans="8:8">
      <c r="H466876" s="12"/>
    </row>
    <row r="466877" spans="8:8">
      <c r="H466877" s="12"/>
    </row>
    <row r="466878" spans="8:8">
      <c r="H466878" s="12"/>
    </row>
    <row r="466879" spans="8:8">
      <c r="H466879" s="12"/>
    </row>
    <row r="466880" spans="8:8">
      <c r="H466880" s="12"/>
    </row>
    <row r="466881" spans="8:8">
      <c r="H466881" s="12"/>
    </row>
    <row r="466882" spans="8:8">
      <c r="H466882" s="12"/>
    </row>
    <row r="466883" spans="8:8">
      <c r="H466883" s="12"/>
    </row>
    <row r="466884" spans="8:8">
      <c r="H466884" s="12"/>
    </row>
    <row r="466885" spans="8:8">
      <c r="H466885" s="12"/>
    </row>
    <row r="466886" spans="8:8">
      <c r="H466886" s="12"/>
    </row>
    <row r="466887" spans="8:8">
      <c r="H466887" s="12"/>
    </row>
    <row r="466888" spans="8:8">
      <c r="H466888" s="12"/>
    </row>
    <row r="466889" spans="8:8">
      <c r="H466889" s="12"/>
    </row>
    <row r="466890" spans="8:8">
      <c r="H466890" s="12"/>
    </row>
    <row r="466891" spans="8:8">
      <c r="H466891" s="12"/>
    </row>
    <row r="466892" spans="8:8">
      <c r="H466892" s="12"/>
    </row>
    <row r="466893" spans="8:8">
      <c r="H466893" s="12"/>
    </row>
    <row r="466894" spans="8:8">
      <c r="H466894" s="12"/>
    </row>
    <row r="466895" spans="8:8">
      <c r="H466895" s="12"/>
    </row>
    <row r="466896" spans="8:8">
      <c r="H466896" s="12"/>
    </row>
    <row r="466897" spans="8:8">
      <c r="H466897" s="12"/>
    </row>
    <row r="466898" spans="8:8">
      <c r="H466898" s="12"/>
    </row>
    <row r="466899" spans="8:8">
      <c r="H466899" s="12"/>
    </row>
    <row r="466900" spans="8:8">
      <c r="H466900" s="12"/>
    </row>
    <row r="466901" spans="8:8">
      <c r="H466901" s="12"/>
    </row>
    <row r="466902" spans="8:8">
      <c r="H466902" s="12"/>
    </row>
    <row r="466903" spans="8:8">
      <c r="H466903" s="12"/>
    </row>
    <row r="466904" spans="8:8">
      <c r="H466904" s="12"/>
    </row>
    <row r="466905" spans="8:8">
      <c r="H466905" s="12"/>
    </row>
    <row r="466906" spans="8:8">
      <c r="H466906" s="12"/>
    </row>
    <row r="466907" spans="8:8">
      <c r="H466907" s="12"/>
    </row>
    <row r="466908" spans="8:8">
      <c r="H466908" s="12"/>
    </row>
    <row r="466909" spans="8:8">
      <c r="H466909" s="12"/>
    </row>
    <row r="466910" spans="8:8">
      <c r="H466910" s="12"/>
    </row>
    <row r="466911" spans="8:8">
      <c r="H466911" s="12"/>
    </row>
    <row r="466912" spans="8:8">
      <c r="H466912" s="12"/>
    </row>
    <row r="466913" spans="8:8">
      <c r="H466913" s="12"/>
    </row>
    <row r="466914" spans="8:8">
      <c r="H466914" s="12"/>
    </row>
    <row r="466915" spans="8:8">
      <c r="H466915" s="12"/>
    </row>
    <row r="466916" spans="8:8">
      <c r="H466916" s="12"/>
    </row>
    <row r="466917" spans="8:8">
      <c r="H466917" s="12"/>
    </row>
    <row r="466918" spans="8:8">
      <c r="H466918" s="12"/>
    </row>
    <row r="466919" spans="8:8">
      <c r="H466919" s="12"/>
    </row>
    <row r="466920" spans="8:8">
      <c r="H466920" s="12"/>
    </row>
    <row r="466921" spans="8:8">
      <c r="H466921" s="12"/>
    </row>
    <row r="466922" spans="8:8">
      <c r="H466922" s="12"/>
    </row>
    <row r="466923" spans="8:8">
      <c r="H466923" s="12"/>
    </row>
    <row r="466924" spans="8:8">
      <c r="H466924" s="12"/>
    </row>
    <row r="466925" spans="8:8">
      <c r="H466925" s="12"/>
    </row>
    <row r="466926" spans="8:8">
      <c r="H466926" s="12"/>
    </row>
    <row r="466927" spans="8:8">
      <c r="H466927" s="12"/>
    </row>
    <row r="466928" spans="8:8">
      <c r="H466928" s="12"/>
    </row>
    <row r="466929" spans="8:8">
      <c r="H466929" s="12"/>
    </row>
    <row r="466930" spans="8:8">
      <c r="H466930" s="12"/>
    </row>
    <row r="466931" spans="8:8">
      <c r="H466931" s="12"/>
    </row>
    <row r="466932" spans="8:8">
      <c r="H466932" s="12"/>
    </row>
    <row r="466933" spans="8:8">
      <c r="H466933" s="12"/>
    </row>
    <row r="466934" spans="8:8">
      <c r="H466934" s="12"/>
    </row>
    <row r="466935" spans="8:8">
      <c r="H466935" s="12"/>
    </row>
    <row r="466936" spans="8:8">
      <c r="H466936" s="12"/>
    </row>
    <row r="466937" spans="8:8">
      <c r="H466937" s="12"/>
    </row>
    <row r="466938" spans="8:8">
      <c r="H466938" s="12"/>
    </row>
    <row r="466939" spans="8:8">
      <c r="H466939" s="12"/>
    </row>
    <row r="466940" spans="8:8">
      <c r="H466940" s="12"/>
    </row>
    <row r="466941" spans="8:8">
      <c r="H466941" s="12"/>
    </row>
    <row r="466942" spans="8:8">
      <c r="H466942" s="12"/>
    </row>
    <row r="466943" spans="8:8">
      <c r="H466943" s="12"/>
    </row>
    <row r="466944" spans="8:8">
      <c r="H466944" s="12"/>
    </row>
    <row r="466945" spans="8:8">
      <c r="H466945" s="12"/>
    </row>
    <row r="466946" spans="8:8">
      <c r="H466946" s="12"/>
    </row>
    <row r="466947" spans="8:8">
      <c r="H466947" s="12"/>
    </row>
    <row r="466948" spans="8:8">
      <c r="H466948" s="12"/>
    </row>
    <row r="466949" spans="8:8">
      <c r="H466949" s="12"/>
    </row>
    <row r="466950" spans="8:8">
      <c r="H466950" s="12"/>
    </row>
    <row r="466951" spans="8:8">
      <c r="H466951" s="12"/>
    </row>
    <row r="466952" spans="8:8">
      <c r="H466952" s="12"/>
    </row>
    <row r="466953" spans="8:8">
      <c r="H466953" s="12"/>
    </row>
    <row r="466954" spans="8:8">
      <c r="H466954" s="12"/>
    </row>
    <row r="466955" spans="8:8">
      <c r="H466955" s="12"/>
    </row>
    <row r="466956" spans="8:8">
      <c r="H466956" s="12"/>
    </row>
    <row r="466957" spans="8:8">
      <c r="H466957" s="12"/>
    </row>
    <row r="466958" spans="8:8">
      <c r="H466958" s="12"/>
    </row>
    <row r="466959" spans="8:8">
      <c r="H466959" s="12"/>
    </row>
    <row r="466960" spans="8:8">
      <c r="H466960" s="12"/>
    </row>
    <row r="466961" spans="8:8">
      <c r="H466961" s="12"/>
    </row>
    <row r="466962" spans="8:8">
      <c r="H466962" s="12"/>
    </row>
    <row r="466963" spans="8:8">
      <c r="H466963" s="12"/>
    </row>
    <row r="466964" spans="8:8">
      <c r="H466964" s="12"/>
    </row>
    <row r="466965" spans="8:8">
      <c r="H466965" s="12"/>
    </row>
    <row r="466966" spans="8:8">
      <c r="H466966" s="12"/>
    </row>
    <row r="466967" spans="8:8">
      <c r="H466967" s="12"/>
    </row>
    <row r="466968" spans="8:8">
      <c r="H466968" s="12"/>
    </row>
    <row r="466969" spans="8:8">
      <c r="H466969" s="12"/>
    </row>
    <row r="466970" spans="8:8">
      <c r="H466970" s="12"/>
    </row>
    <row r="466971" spans="8:8">
      <c r="H466971" s="12"/>
    </row>
    <row r="466972" spans="8:8">
      <c r="H466972" s="12"/>
    </row>
    <row r="466973" spans="8:8">
      <c r="H466973" s="12"/>
    </row>
    <row r="466974" spans="8:8">
      <c r="H466974" s="12"/>
    </row>
    <row r="466975" spans="8:8">
      <c r="H466975" s="12"/>
    </row>
    <row r="466976" spans="8:8">
      <c r="H466976" s="12"/>
    </row>
    <row r="466977" spans="8:8">
      <c r="H466977" s="12"/>
    </row>
    <row r="466978" spans="8:8">
      <c r="H466978" s="12"/>
    </row>
    <row r="466979" spans="8:8">
      <c r="H466979" s="12"/>
    </row>
    <row r="466980" spans="8:8">
      <c r="H466980" s="12"/>
    </row>
    <row r="466981" spans="8:8">
      <c r="H466981" s="12"/>
    </row>
    <row r="466982" spans="8:8">
      <c r="H466982" s="12"/>
    </row>
    <row r="466983" spans="8:8">
      <c r="H466983" s="12"/>
    </row>
    <row r="466984" spans="8:8">
      <c r="H466984" s="12"/>
    </row>
    <row r="466985" spans="8:8">
      <c r="H466985" s="12"/>
    </row>
    <row r="466986" spans="8:8">
      <c r="H466986" s="12"/>
    </row>
    <row r="466987" spans="8:8">
      <c r="H466987" s="12"/>
    </row>
    <row r="466988" spans="8:8">
      <c r="H466988" s="12"/>
    </row>
    <row r="466989" spans="8:8">
      <c r="H466989" s="12"/>
    </row>
    <row r="466990" spans="8:8">
      <c r="H466990" s="12"/>
    </row>
    <row r="466991" spans="8:8">
      <c r="H466991" s="12"/>
    </row>
    <row r="466992" spans="8:8">
      <c r="H466992" s="12"/>
    </row>
    <row r="466993" spans="8:8">
      <c r="H466993" s="12"/>
    </row>
    <row r="466994" spans="8:8">
      <c r="H466994" s="12"/>
    </row>
    <row r="466995" spans="8:8">
      <c r="H466995" s="12"/>
    </row>
    <row r="466996" spans="8:8">
      <c r="H466996" s="12"/>
    </row>
    <row r="466997" spans="8:8">
      <c r="H466997" s="12"/>
    </row>
    <row r="466998" spans="8:8">
      <c r="H466998" s="12"/>
    </row>
    <row r="466999" spans="8:8">
      <c r="H466999" s="12"/>
    </row>
    <row r="467000" spans="8:8">
      <c r="H467000" s="12"/>
    </row>
    <row r="467001" spans="8:8">
      <c r="H467001" s="12"/>
    </row>
    <row r="467002" spans="8:8">
      <c r="H467002" s="12"/>
    </row>
    <row r="467003" spans="8:8">
      <c r="H467003" s="12"/>
    </row>
    <row r="467004" spans="8:8">
      <c r="H467004" s="12"/>
    </row>
    <row r="467005" spans="8:8">
      <c r="H467005" s="12"/>
    </row>
    <row r="467006" spans="8:8">
      <c r="H467006" s="12"/>
    </row>
    <row r="467007" spans="8:8">
      <c r="H467007" s="12"/>
    </row>
    <row r="467008" spans="8:8">
      <c r="H467008" s="12"/>
    </row>
    <row r="467009" spans="8:8">
      <c r="H467009" s="12"/>
    </row>
    <row r="467010" spans="8:8">
      <c r="H467010" s="12"/>
    </row>
    <row r="467011" spans="8:8">
      <c r="H467011" s="12"/>
    </row>
    <row r="467012" spans="8:8">
      <c r="H467012" s="12"/>
    </row>
    <row r="467013" spans="8:8">
      <c r="H467013" s="12"/>
    </row>
    <row r="467014" spans="8:8">
      <c r="H467014" s="12"/>
    </row>
    <row r="467015" spans="8:8">
      <c r="H467015" s="12"/>
    </row>
    <row r="467016" spans="8:8">
      <c r="H467016" s="12"/>
    </row>
    <row r="467017" spans="8:8">
      <c r="H467017" s="12"/>
    </row>
    <row r="467018" spans="8:8">
      <c r="H467018" s="12"/>
    </row>
    <row r="467019" spans="8:8">
      <c r="H467019" s="12"/>
    </row>
    <row r="467020" spans="8:8">
      <c r="H467020" s="12"/>
    </row>
    <row r="467021" spans="8:8">
      <c r="H467021" s="12"/>
    </row>
    <row r="467022" spans="8:8">
      <c r="H467022" s="12"/>
    </row>
    <row r="467023" spans="8:8">
      <c r="H467023" s="12"/>
    </row>
    <row r="467024" spans="8:8">
      <c r="H467024" s="12"/>
    </row>
    <row r="467025" spans="8:8">
      <c r="H467025" s="12"/>
    </row>
    <row r="467026" spans="8:8">
      <c r="H467026" s="12"/>
    </row>
    <row r="467027" spans="8:8">
      <c r="H467027" s="12"/>
    </row>
    <row r="467028" spans="8:8">
      <c r="H467028" s="12"/>
    </row>
    <row r="467029" spans="8:8">
      <c r="H467029" s="12"/>
    </row>
    <row r="467030" spans="8:8">
      <c r="H467030" s="12"/>
    </row>
    <row r="467031" spans="8:8">
      <c r="H467031" s="12"/>
    </row>
    <row r="467032" spans="8:8">
      <c r="H467032" s="12"/>
    </row>
    <row r="467033" spans="8:8">
      <c r="H467033" s="12"/>
    </row>
    <row r="467034" spans="8:8">
      <c r="H467034" s="12"/>
    </row>
    <row r="467035" spans="8:8">
      <c r="H467035" s="12"/>
    </row>
    <row r="467036" spans="8:8">
      <c r="H467036" s="12"/>
    </row>
    <row r="467037" spans="8:8">
      <c r="H467037" s="12"/>
    </row>
    <row r="467038" spans="8:8">
      <c r="H467038" s="12"/>
    </row>
    <row r="467039" spans="8:8">
      <c r="H467039" s="12"/>
    </row>
    <row r="467040" spans="8:8">
      <c r="H467040" s="12"/>
    </row>
    <row r="467041" spans="8:8">
      <c r="H467041" s="12"/>
    </row>
    <row r="467042" spans="8:8">
      <c r="H467042" s="12"/>
    </row>
    <row r="467043" spans="8:8">
      <c r="H467043" s="12"/>
    </row>
    <row r="467044" spans="8:8">
      <c r="H467044" s="12"/>
    </row>
    <row r="467045" spans="8:8">
      <c r="H467045" s="12"/>
    </row>
    <row r="467046" spans="8:8">
      <c r="H467046" s="12"/>
    </row>
    <row r="467047" spans="8:8">
      <c r="H467047" s="12"/>
    </row>
    <row r="467048" spans="8:8">
      <c r="H467048" s="12"/>
    </row>
    <row r="467049" spans="8:8">
      <c r="H467049" s="12"/>
    </row>
    <row r="467050" spans="8:8">
      <c r="H467050" s="12"/>
    </row>
    <row r="467051" spans="8:8">
      <c r="H467051" s="12"/>
    </row>
    <row r="467052" spans="8:8">
      <c r="H467052" s="12"/>
    </row>
    <row r="467053" spans="8:8">
      <c r="H467053" s="12"/>
    </row>
    <row r="467054" spans="8:8">
      <c r="H467054" s="12"/>
    </row>
    <row r="467055" spans="8:8">
      <c r="H467055" s="12"/>
    </row>
    <row r="467056" spans="8:8">
      <c r="H467056" s="12"/>
    </row>
    <row r="467057" spans="8:8">
      <c r="H467057" s="12"/>
    </row>
    <row r="467058" spans="8:8">
      <c r="H467058" s="12"/>
    </row>
    <row r="467059" spans="8:8">
      <c r="H467059" s="12"/>
    </row>
    <row r="467060" spans="8:8">
      <c r="H467060" s="12"/>
    </row>
    <row r="467061" spans="8:8">
      <c r="H467061" s="12"/>
    </row>
    <row r="467062" spans="8:8">
      <c r="H467062" s="12"/>
    </row>
    <row r="467063" spans="8:8">
      <c r="H467063" s="12"/>
    </row>
    <row r="467064" spans="8:8">
      <c r="H467064" s="12"/>
    </row>
    <row r="467065" spans="8:8">
      <c r="H467065" s="12"/>
    </row>
    <row r="467066" spans="8:8">
      <c r="H467066" s="12"/>
    </row>
    <row r="467067" spans="8:8">
      <c r="H467067" s="12"/>
    </row>
    <row r="467068" spans="8:8">
      <c r="H467068" s="12"/>
    </row>
    <row r="467069" spans="8:8">
      <c r="H467069" s="12"/>
    </row>
    <row r="467070" spans="8:8">
      <c r="H467070" s="12"/>
    </row>
    <row r="467071" spans="8:8">
      <c r="H467071" s="12"/>
    </row>
    <row r="467072" spans="8:8">
      <c r="H467072" s="12"/>
    </row>
    <row r="467073" spans="8:8">
      <c r="H467073" s="12"/>
    </row>
    <row r="467074" spans="8:8">
      <c r="H467074" s="12"/>
    </row>
    <row r="467075" spans="8:8">
      <c r="H467075" s="12"/>
    </row>
    <row r="467076" spans="8:8">
      <c r="H467076" s="12"/>
    </row>
    <row r="467077" spans="8:8">
      <c r="H467077" s="12"/>
    </row>
    <row r="467078" spans="8:8">
      <c r="H467078" s="12"/>
    </row>
    <row r="467079" spans="8:8">
      <c r="H467079" s="12"/>
    </row>
    <row r="467080" spans="8:8">
      <c r="H467080" s="12"/>
    </row>
    <row r="467081" spans="8:8">
      <c r="H467081" s="12"/>
    </row>
    <row r="467082" spans="8:8">
      <c r="H467082" s="12"/>
    </row>
    <row r="467083" spans="8:8">
      <c r="H467083" s="12"/>
    </row>
    <row r="467084" spans="8:8">
      <c r="H467084" s="12"/>
    </row>
    <row r="467085" spans="8:8">
      <c r="H467085" s="12"/>
    </row>
    <row r="467086" spans="8:8">
      <c r="H467086" s="12"/>
    </row>
    <row r="467087" spans="8:8">
      <c r="H467087" s="12"/>
    </row>
    <row r="467088" spans="8:8">
      <c r="H467088" s="12"/>
    </row>
    <row r="467089" spans="8:8">
      <c r="H467089" s="12"/>
    </row>
    <row r="467090" spans="8:8">
      <c r="H467090" s="12"/>
    </row>
    <row r="467091" spans="8:8">
      <c r="H467091" s="12"/>
    </row>
    <row r="467092" spans="8:8">
      <c r="H467092" s="12"/>
    </row>
    <row r="467093" spans="8:8">
      <c r="H467093" s="12"/>
    </row>
    <row r="467094" spans="8:8">
      <c r="H467094" s="12"/>
    </row>
    <row r="467095" spans="8:8">
      <c r="H467095" s="12"/>
    </row>
    <row r="467096" spans="8:8">
      <c r="H467096" s="12"/>
    </row>
    <row r="467097" spans="8:8">
      <c r="H467097" s="12"/>
    </row>
    <row r="467098" spans="8:8">
      <c r="H467098" s="12"/>
    </row>
    <row r="467099" spans="8:8">
      <c r="H467099" s="12"/>
    </row>
    <row r="467100" spans="8:8">
      <c r="H467100" s="12"/>
    </row>
    <row r="467101" spans="8:8">
      <c r="H467101" s="12"/>
    </row>
    <row r="467102" spans="8:8">
      <c r="H467102" s="12"/>
    </row>
    <row r="467103" spans="8:8">
      <c r="H467103" s="12"/>
    </row>
    <row r="467104" spans="8:8">
      <c r="H467104" s="12"/>
    </row>
    <row r="467105" spans="8:8">
      <c r="H467105" s="12"/>
    </row>
    <row r="467106" spans="8:8">
      <c r="H467106" s="12"/>
    </row>
    <row r="467107" spans="8:8">
      <c r="H467107" s="12"/>
    </row>
    <row r="467108" spans="8:8">
      <c r="H467108" s="12"/>
    </row>
    <row r="467109" spans="8:8">
      <c r="H467109" s="12"/>
    </row>
    <row r="467110" spans="8:8">
      <c r="H467110" s="12"/>
    </row>
    <row r="467111" spans="8:8">
      <c r="H467111" s="12"/>
    </row>
    <row r="467112" spans="8:8">
      <c r="H467112" s="12"/>
    </row>
    <row r="467113" spans="8:8">
      <c r="H467113" s="12"/>
    </row>
    <row r="467114" spans="8:8">
      <c r="H467114" s="12"/>
    </row>
    <row r="467115" spans="8:8">
      <c r="H467115" s="12"/>
    </row>
    <row r="467116" spans="8:8">
      <c r="H467116" s="12"/>
    </row>
    <row r="467117" spans="8:8">
      <c r="H467117" s="12"/>
    </row>
    <row r="467118" spans="8:8">
      <c r="H467118" s="12"/>
    </row>
    <row r="467119" spans="8:8">
      <c r="H467119" s="12"/>
    </row>
    <row r="467120" spans="8:8">
      <c r="H467120" s="12"/>
    </row>
    <row r="467121" spans="8:8">
      <c r="H467121" s="12"/>
    </row>
    <row r="467122" spans="8:8">
      <c r="H467122" s="12"/>
    </row>
    <row r="467123" spans="8:8">
      <c r="H467123" s="12"/>
    </row>
    <row r="467124" spans="8:8">
      <c r="H467124" s="12"/>
    </row>
    <row r="467125" spans="8:8">
      <c r="H467125" s="12"/>
    </row>
    <row r="467126" spans="8:8">
      <c r="H467126" s="12"/>
    </row>
    <row r="467127" spans="8:8">
      <c r="H467127" s="12"/>
    </row>
    <row r="467128" spans="8:8">
      <c r="H467128" s="12"/>
    </row>
    <row r="467129" spans="8:8">
      <c r="H467129" s="12"/>
    </row>
    <row r="467130" spans="8:8">
      <c r="H467130" s="12"/>
    </row>
    <row r="467131" spans="8:8">
      <c r="H467131" s="12"/>
    </row>
    <row r="467132" spans="8:8">
      <c r="H467132" s="12"/>
    </row>
    <row r="467133" spans="8:8">
      <c r="H467133" s="12"/>
    </row>
    <row r="467134" spans="8:8">
      <c r="H467134" s="12"/>
    </row>
    <row r="467135" spans="8:8">
      <c r="H467135" s="12"/>
    </row>
    <row r="467136" spans="8:8">
      <c r="H467136" s="12"/>
    </row>
    <row r="467137" spans="8:8">
      <c r="H467137" s="12"/>
    </row>
    <row r="467138" spans="8:8">
      <c r="H467138" s="12"/>
    </row>
    <row r="467139" spans="8:8">
      <c r="H467139" s="12"/>
    </row>
    <row r="467140" spans="8:8">
      <c r="H467140" s="12"/>
    </row>
    <row r="467141" spans="8:8">
      <c r="H467141" s="12"/>
    </row>
    <row r="467142" spans="8:8">
      <c r="H467142" s="12"/>
    </row>
    <row r="467143" spans="8:8">
      <c r="H467143" s="12"/>
    </row>
    <row r="467144" spans="8:8">
      <c r="H467144" s="12"/>
    </row>
    <row r="467145" spans="8:8">
      <c r="H467145" s="12"/>
    </row>
    <row r="467146" spans="8:8">
      <c r="H467146" s="12"/>
    </row>
    <row r="467147" spans="8:8">
      <c r="H467147" s="12"/>
    </row>
    <row r="467148" spans="8:8">
      <c r="H467148" s="12"/>
    </row>
    <row r="467149" spans="8:8">
      <c r="H467149" s="12"/>
    </row>
    <row r="467150" spans="8:8">
      <c r="H467150" s="12"/>
    </row>
    <row r="467151" spans="8:8">
      <c r="H467151" s="12"/>
    </row>
    <row r="467152" spans="8:8">
      <c r="H467152" s="12"/>
    </row>
    <row r="467153" spans="8:8">
      <c r="H467153" s="12"/>
    </row>
    <row r="467154" spans="8:8">
      <c r="H467154" s="12"/>
    </row>
    <row r="467155" spans="8:8">
      <c r="H467155" s="12"/>
    </row>
    <row r="467156" spans="8:8">
      <c r="H467156" s="12"/>
    </row>
    <row r="467157" spans="8:8">
      <c r="H467157" s="12"/>
    </row>
    <row r="467158" spans="8:8">
      <c r="H467158" s="12"/>
    </row>
    <row r="467159" spans="8:8">
      <c r="H467159" s="12"/>
    </row>
    <row r="467160" spans="8:8">
      <c r="H467160" s="12"/>
    </row>
    <row r="467161" spans="8:8">
      <c r="H467161" s="12"/>
    </row>
    <row r="467162" spans="8:8">
      <c r="H467162" s="12"/>
    </row>
    <row r="467163" spans="8:8">
      <c r="H467163" s="12"/>
    </row>
    <row r="467164" spans="8:8">
      <c r="H467164" s="12"/>
    </row>
    <row r="467165" spans="8:8">
      <c r="H467165" s="12"/>
    </row>
    <row r="467166" spans="8:8">
      <c r="H467166" s="12"/>
    </row>
    <row r="467167" spans="8:8">
      <c r="H467167" s="12"/>
    </row>
    <row r="467168" spans="8:8">
      <c r="H467168" s="12"/>
    </row>
    <row r="467169" spans="8:8">
      <c r="H467169" s="12"/>
    </row>
    <row r="467170" spans="8:8">
      <c r="H467170" s="12"/>
    </row>
    <row r="467171" spans="8:8">
      <c r="H467171" s="12"/>
    </row>
    <row r="467172" spans="8:8">
      <c r="H467172" s="12"/>
    </row>
    <row r="467173" spans="8:8">
      <c r="H467173" s="12"/>
    </row>
    <row r="467174" spans="8:8">
      <c r="H467174" s="12"/>
    </row>
    <row r="467175" spans="8:8">
      <c r="H467175" s="12"/>
    </row>
    <row r="467176" spans="8:8">
      <c r="H467176" s="12"/>
    </row>
    <row r="467177" spans="8:8">
      <c r="H467177" s="12"/>
    </row>
    <row r="467178" spans="8:8">
      <c r="H467178" s="12"/>
    </row>
    <row r="467179" spans="8:8">
      <c r="H467179" s="12"/>
    </row>
    <row r="467180" spans="8:8">
      <c r="H467180" s="12"/>
    </row>
    <row r="467181" spans="8:8">
      <c r="H467181" s="12"/>
    </row>
    <row r="467182" spans="8:8">
      <c r="H467182" s="12"/>
    </row>
    <row r="467183" spans="8:8">
      <c r="H467183" s="12"/>
    </row>
    <row r="467184" spans="8:8">
      <c r="H467184" s="12"/>
    </row>
    <row r="467185" spans="8:8">
      <c r="H467185" s="12"/>
    </row>
    <row r="467186" spans="8:8">
      <c r="H467186" s="12"/>
    </row>
    <row r="467187" spans="8:8">
      <c r="H467187" s="12"/>
    </row>
    <row r="467188" spans="8:8">
      <c r="H467188" s="12"/>
    </row>
    <row r="467189" spans="8:8">
      <c r="H467189" s="12"/>
    </row>
    <row r="467190" spans="8:8">
      <c r="H467190" s="12"/>
    </row>
    <row r="467191" spans="8:8">
      <c r="H467191" s="12"/>
    </row>
    <row r="467192" spans="8:8">
      <c r="H467192" s="12"/>
    </row>
    <row r="467193" spans="8:8">
      <c r="H467193" s="12"/>
    </row>
    <row r="467194" spans="8:8">
      <c r="H467194" s="12"/>
    </row>
    <row r="467195" spans="8:8">
      <c r="H467195" s="12"/>
    </row>
    <row r="467196" spans="8:8">
      <c r="H467196" s="12"/>
    </row>
    <row r="467197" spans="8:8">
      <c r="H467197" s="12"/>
    </row>
    <row r="467198" spans="8:8">
      <c r="H467198" s="12"/>
    </row>
    <row r="467199" spans="8:8">
      <c r="H467199" s="12"/>
    </row>
    <row r="467200" spans="8:8">
      <c r="H467200" s="12"/>
    </row>
    <row r="467201" spans="8:8">
      <c r="H467201" s="12"/>
    </row>
    <row r="467202" spans="8:8">
      <c r="H467202" s="12"/>
    </row>
    <row r="467203" spans="8:8">
      <c r="H467203" s="12"/>
    </row>
    <row r="467204" spans="8:8">
      <c r="H467204" s="12"/>
    </row>
    <row r="467205" spans="8:8">
      <c r="H467205" s="12"/>
    </row>
    <row r="467206" spans="8:8">
      <c r="H467206" s="12"/>
    </row>
    <row r="467207" spans="8:8">
      <c r="H467207" s="12"/>
    </row>
    <row r="467208" spans="8:8">
      <c r="H467208" s="12"/>
    </row>
    <row r="467209" spans="8:8">
      <c r="H467209" s="12"/>
    </row>
    <row r="467210" spans="8:8">
      <c r="H467210" s="12"/>
    </row>
    <row r="467211" spans="8:8">
      <c r="H467211" s="12"/>
    </row>
    <row r="467212" spans="8:8">
      <c r="H467212" s="12"/>
    </row>
    <row r="467213" spans="8:8">
      <c r="H467213" s="12"/>
    </row>
    <row r="467214" spans="8:8">
      <c r="H467214" s="12"/>
    </row>
    <row r="467215" spans="8:8">
      <c r="H467215" s="12"/>
    </row>
    <row r="467216" spans="8:8">
      <c r="H467216" s="12"/>
    </row>
    <row r="467217" spans="8:8">
      <c r="H467217" s="12"/>
    </row>
    <row r="467218" spans="8:8">
      <c r="H467218" s="12"/>
    </row>
    <row r="467219" spans="8:8">
      <c r="H467219" s="12"/>
    </row>
    <row r="467220" spans="8:8">
      <c r="H467220" s="12"/>
    </row>
    <row r="467221" spans="8:8">
      <c r="H467221" s="12"/>
    </row>
    <row r="467222" spans="8:8">
      <c r="H467222" s="12"/>
    </row>
    <row r="467223" spans="8:8">
      <c r="H467223" s="12"/>
    </row>
    <row r="467224" spans="8:8">
      <c r="H467224" s="12"/>
    </row>
    <row r="467225" spans="8:8">
      <c r="H467225" s="12"/>
    </row>
    <row r="467226" spans="8:8">
      <c r="H467226" s="12"/>
    </row>
    <row r="467227" spans="8:8">
      <c r="H467227" s="12"/>
    </row>
    <row r="467228" spans="8:8">
      <c r="H467228" s="12"/>
    </row>
    <row r="467229" spans="8:8">
      <c r="H467229" s="12"/>
    </row>
    <row r="467230" spans="8:8">
      <c r="H467230" s="12"/>
    </row>
    <row r="467231" spans="8:8">
      <c r="H467231" s="12"/>
    </row>
    <row r="467232" spans="8:8">
      <c r="H467232" s="12"/>
    </row>
    <row r="467233" spans="8:8">
      <c r="H467233" s="12"/>
    </row>
    <row r="467234" spans="8:8">
      <c r="H467234" s="12"/>
    </row>
    <row r="467235" spans="8:8">
      <c r="H467235" s="12"/>
    </row>
    <row r="467236" spans="8:8">
      <c r="H467236" s="12"/>
    </row>
    <row r="467237" spans="8:8">
      <c r="H467237" s="12"/>
    </row>
    <row r="467238" spans="8:8">
      <c r="H467238" s="12"/>
    </row>
    <row r="467239" spans="8:8">
      <c r="H467239" s="12"/>
    </row>
    <row r="467240" spans="8:8">
      <c r="H467240" s="12"/>
    </row>
    <row r="467241" spans="8:8">
      <c r="H467241" s="12"/>
    </row>
    <row r="467242" spans="8:8">
      <c r="H467242" s="12"/>
    </row>
    <row r="467243" spans="8:8">
      <c r="H467243" s="12"/>
    </row>
    <row r="467244" spans="8:8">
      <c r="H467244" s="12"/>
    </row>
    <row r="467245" spans="8:8">
      <c r="H467245" s="12"/>
    </row>
    <row r="467246" spans="8:8">
      <c r="H467246" s="12"/>
    </row>
    <row r="467247" spans="8:8">
      <c r="H467247" s="12"/>
    </row>
    <row r="467248" spans="8:8">
      <c r="H467248" s="12"/>
    </row>
    <row r="467249" spans="8:8">
      <c r="H467249" s="12"/>
    </row>
    <row r="467250" spans="8:8">
      <c r="H467250" s="12"/>
    </row>
    <row r="467251" spans="8:8">
      <c r="H467251" s="12"/>
    </row>
    <row r="467252" spans="8:8">
      <c r="H467252" s="12"/>
    </row>
    <row r="467253" spans="8:8">
      <c r="H467253" s="12"/>
    </row>
    <row r="467254" spans="8:8">
      <c r="H467254" s="12"/>
    </row>
    <row r="467255" spans="8:8">
      <c r="H467255" s="12"/>
    </row>
    <row r="467256" spans="8:8">
      <c r="H467256" s="12"/>
    </row>
    <row r="467257" spans="8:8">
      <c r="H467257" s="12"/>
    </row>
    <row r="467258" spans="8:8">
      <c r="H467258" s="12"/>
    </row>
    <row r="467259" spans="8:8">
      <c r="H467259" s="12"/>
    </row>
    <row r="467260" spans="8:8">
      <c r="H467260" s="12"/>
    </row>
    <row r="467261" spans="8:8">
      <c r="H467261" s="12"/>
    </row>
    <row r="467262" spans="8:8">
      <c r="H467262" s="12"/>
    </row>
    <row r="467263" spans="8:8">
      <c r="H467263" s="12"/>
    </row>
    <row r="467264" spans="8:8">
      <c r="H467264" s="12"/>
    </row>
    <row r="467265" spans="8:8">
      <c r="H467265" s="12"/>
    </row>
    <row r="467266" spans="8:8">
      <c r="H467266" s="12"/>
    </row>
    <row r="467267" spans="8:8">
      <c r="H467267" s="12"/>
    </row>
    <row r="467268" spans="8:8">
      <c r="H467268" s="12"/>
    </row>
    <row r="467269" spans="8:8">
      <c r="H467269" s="12"/>
    </row>
    <row r="467270" spans="8:8">
      <c r="H467270" s="12"/>
    </row>
    <row r="467271" spans="8:8">
      <c r="H467271" s="12"/>
    </row>
    <row r="467272" spans="8:8">
      <c r="H467272" s="12"/>
    </row>
    <row r="467273" spans="8:8">
      <c r="H467273" s="12"/>
    </row>
    <row r="467274" spans="8:8">
      <c r="H467274" s="12"/>
    </row>
    <row r="467275" spans="8:8">
      <c r="H467275" s="12"/>
    </row>
    <row r="467276" spans="8:8">
      <c r="H467276" s="12"/>
    </row>
    <row r="467277" spans="8:8">
      <c r="H467277" s="12"/>
    </row>
    <row r="467278" spans="8:8">
      <c r="H467278" s="12"/>
    </row>
    <row r="467279" spans="8:8">
      <c r="H467279" s="12"/>
    </row>
    <row r="467280" spans="8:8">
      <c r="H467280" s="12"/>
    </row>
    <row r="467281" spans="8:8">
      <c r="H467281" s="12"/>
    </row>
    <row r="467282" spans="8:8">
      <c r="H467282" s="12"/>
    </row>
    <row r="467283" spans="8:8">
      <c r="H467283" s="12"/>
    </row>
    <row r="467284" spans="8:8">
      <c r="H467284" s="12"/>
    </row>
    <row r="467285" spans="8:8">
      <c r="H467285" s="12"/>
    </row>
    <row r="467286" spans="8:8">
      <c r="H467286" s="12"/>
    </row>
    <row r="467287" spans="8:8">
      <c r="H467287" s="12"/>
    </row>
    <row r="467288" spans="8:8">
      <c r="H467288" s="12"/>
    </row>
    <row r="467289" spans="8:8">
      <c r="H467289" s="12"/>
    </row>
    <row r="467290" spans="8:8">
      <c r="H467290" s="12"/>
    </row>
    <row r="467291" spans="8:8">
      <c r="H467291" s="12"/>
    </row>
    <row r="467292" spans="8:8">
      <c r="H467292" s="12"/>
    </row>
    <row r="467293" spans="8:8">
      <c r="H467293" s="12"/>
    </row>
    <row r="467294" spans="8:8">
      <c r="H467294" s="12"/>
    </row>
    <row r="467295" spans="8:8">
      <c r="H467295" s="12"/>
    </row>
    <row r="467296" spans="8:8">
      <c r="H467296" s="12"/>
    </row>
    <row r="467297" spans="8:8">
      <c r="H467297" s="12"/>
    </row>
    <row r="467298" spans="8:8">
      <c r="H467298" s="12"/>
    </row>
    <row r="467299" spans="8:8">
      <c r="H467299" s="12"/>
    </row>
    <row r="467300" spans="8:8">
      <c r="H467300" s="12"/>
    </row>
    <row r="467301" spans="8:8">
      <c r="H467301" s="12"/>
    </row>
    <row r="467302" spans="8:8">
      <c r="H467302" s="12"/>
    </row>
    <row r="467303" spans="8:8">
      <c r="H467303" s="12"/>
    </row>
    <row r="467304" spans="8:8">
      <c r="H467304" s="12"/>
    </row>
    <row r="467305" spans="8:8">
      <c r="H467305" s="12"/>
    </row>
    <row r="467306" spans="8:8">
      <c r="H467306" s="12"/>
    </row>
    <row r="467307" spans="8:8">
      <c r="H467307" s="12"/>
    </row>
    <row r="467308" spans="8:8">
      <c r="H467308" s="12"/>
    </row>
    <row r="467309" spans="8:8">
      <c r="H467309" s="12"/>
    </row>
    <row r="467310" spans="8:8">
      <c r="H467310" s="12"/>
    </row>
    <row r="467311" spans="8:8">
      <c r="H467311" s="12"/>
    </row>
    <row r="467312" spans="8:8">
      <c r="H467312" s="12"/>
    </row>
    <row r="467313" spans="8:8">
      <c r="H467313" s="12"/>
    </row>
    <row r="467314" spans="8:8">
      <c r="H467314" s="12"/>
    </row>
    <row r="467315" spans="8:8">
      <c r="H467315" s="12"/>
    </row>
    <row r="467316" spans="8:8">
      <c r="H467316" s="12"/>
    </row>
    <row r="467317" spans="8:8">
      <c r="H467317" s="12"/>
    </row>
    <row r="467318" spans="8:8">
      <c r="H467318" s="12"/>
    </row>
    <row r="467319" spans="8:8">
      <c r="H467319" s="12"/>
    </row>
    <row r="467320" spans="8:8">
      <c r="H467320" s="12"/>
    </row>
    <row r="467321" spans="8:8">
      <c r="H467321" s="12"/>
    </row>
    <row r="467322" spans="8:8">
      <c r="H467322" s="12"/>
    </row>
    <row r="467323" spans="8:8">
      <c r="H467323" s="12"/>
    </row>
    <row r="467324" spans="8:8">
      <c r="H467324" s="12"/>
    </row>
    <row r="467325" spans="8:8">
      <c r="H467325" s="12"/>
    </row>
    <row r="467326" spans="8:8">
      <c r="H467326" s="12"/>
    </row>
    <row r="467327" spans="8:8">
      <c r="H467327" s="12"/>
    </row>
    <row r="467328" spans="8:8">
      <c r="H467328" s="12"/>
    </row>
    <row r="467329" spans="8:8">
      <c r="H467329" s="12"/>
    </row>
    <row r="467330" spans="8:8">
      <c r="H467330" s="12"/>
    </row>
    <row r="467331" spans="8:8">
      <c r="H467331" s="12"/>
    </row>
    <row r="467332" spans="8:8">
      <c r="H467332" s="12"/>
    </row>
    <row r="467333" spans="8:8">
      <c r="H467333" s="12"/>
    </row>
    <row r="467334" spans="8:8">
      <c r="H467334" s="12"/>
    </row>
    <row r="467335" spans="8:8">
      <c r="H467335" s="12"/>
    </row>
    <row r="467336" spans="8:8">
      <c r="H467336" s="12"/>
    </row>
    <row r="467337" spans="8:8">
      <c r="H467337" s="12"/>
    </row>
    <row r="467338" spans="8:8">
      <c r="H467338" s="12"/>
    </row>
    <row r="467339" spans="8:8">
      <c r="H467339" s="12"/>
    </row>
    <row r="467340" spans="8:8">
      <c r="H467340" s="12"/>
    </row>
    <row r="467341" spans="8:8">
      <c r="H467341" s="12"/>
    </row>
    <row r="467342" spans="8:8">
      <c r="H467342" s="12"/>
    </row>
    <row r="467343" spans="8:8">
      <c r="H467343" s="12"/>
    </row>
    <row r="467344" spans="8:8">
      <c r="H467344" s="12"/>
    </row>
    <row r="467345" spans="8:8">
      <c r="H467345" s="12"/>
    </row>
    <row r="467346" spans="8:8">
      <c r="H467346" s="12"/>
    </row>
    <row r="467347" spans="8:8">
      <c r="H467347" s="12"/>
    </row>
    <row r="467348" spans="8:8">
      <c r="H467348" s="12"/>
    </row>
    <row r="467349" spans="8:8">
      <c r="H467349" s="12"/>
    </row>
    <row r="467350" spans="8:8">
      <c r="H467350" s="12"/>
    </row>
    <row r="467351" spans="8:8">
      <c r="H467351" s="12"/>
    </row>
    <row r="467352" spans="8:8">
      <c r="H467352" s="12"/>
    </row>
    <row r="467353" spans="8:8">
      <c r="H467353" s="12"/>
    </row>
    <row r="467354" spans="8:8">
      <c r="H467354" s="12"/>
    </row>
    <row r="467355" spans="8:8">
      <c r="H467355" s="12"/>
    </row>
    <row r="467356" spans="8:8">
      <c r="H467356" s="12"/>
    </row>
    <row r="467357" spans="8:8">
      <c r="H467357" s="12"/>
    </row>
    <row r="467358" spans="8:8">
      <c r="H467358" s="12"/>
    </row>
    <row r="467359" spans="8:8">
      <c r="H467359" s="12"/>
    </row>
    <row r="467360" spans="8:8">
      <c r="H467360" s="12"/>
    </row>
    <row r="467361" spans="8:8">
      <c r="H467361" s="12"/>
    </row>
    <row r="467362" spans="8:8">
      <c r="H467362" s="12"/>
    </row>
    <row r="467363" spans="8:8">
      <c r="H467363" s="12"/>
    </row>
    <row r="467364" spans="8:8">
      <c r="H467364" s="12"/>
    </row>
    <row r="467365" spans="8:8">
      <c r="H467365" s="12"/>
    </row>
    <row r="467366" spans="8:8">
      <c r="H467366" s="12"/>
    </row>
    <row r="467367" spans="8:8">
      <c r="H467367" s="12"/>
    </row>
    <row r="467368" spans="8:8">
      <c r="H467368" s="12"/>
    </row>
    <row r="467369" spans="8:8">
      <c r="H467369" s="12"/>
    </row>
    <row r="467370" spans="8:8">
      <c r="H467370" s="12"/>
    </row>
    <row r="467371" spans="8:8">
      <c r="H467371" s="12"/>
    </row>
    <row r="467372" spans="8:8">
      <c r="H467372" s="12"/>
    </row>
    <row r="467373" spans="8:8">
      <c r="H467373" s="12"/>
    </row>
    <row r="467374" spans="8:8">
      <c r="H467374" s="12"/>
    </row>
    <row r="467375" spans="8:8">
      <c r="H467375" s="12"/>
    </row>
    <row r="467376" spans="8:8">
      <c r="H467376" s="12"/>
    </row>
    <row r="467377" spans="8:8">
      <c r="H467377" s="12"/>
    </row>
    <row r="467378" spans="8:8">
      <c r="H467378" s="12"/>
    </row>
    <row r="467379" spans="8:8">
      <c r="H467379" s="12"/>
    </row>
    <row r="467380" spans="8:8">
      <c r="H467380" s="12"/>
    </row>
    <row r="467381" spans="8:8">
      <c r="H467381" s="12"/>
    </row>
    <row r="467382" spans="8:8">
      <c r="H467382" s="12"/>
    </row>
    <row r="467383" spans="8:8">
      <c r="H467383" s="12"/>
    </row>
    <row r="467384" spans="8:8">
      <c r="H467384" s="12"/>
    </row>
    <row r="467385" spans="8:8">
      <c r="H467385" s="12"/>
    </row>
    <row r="467386" spans="8:8">
      <c r="H467386" s="12"/>
    </row>
    <row r="467387" spans="8:8">
      <c r="H467387" s="12"/>
    </row>
    <row r="467388" spans="8:8">
      <c r="H467388" s="12"/>
    </row>
    <row r="467389" spans="8:8">
      <c r="H467389" s="12"/>
    </row>
    <row r="467390" spans="8:8">
      <c r="H467390" s="12"/>
    </row>
    <row r="467391" spans="8:8">
      <c r="H467391" s="12"/>
    </row>
    <row r="467392" spans="8:8">
      <c r="H467392" s="12"/>
    </row>
    <row r="467393" spans="8:8">
      <c r="H467393" s="12"/>
    </row>
    <row r="467394" spans="8:8">
      <c r="H467394" s="12"/>
    </row>
    <row r="467395" spans="8:8">
      <c r="H467395" s="12"/>
    </row>
    <row r="467396" spans="8:8">
      <c r="H467396" s="12"/>
    </row>
    <row r="467397" spans="8:8">
      <c r="H467397" s="12"/>
    </row>
    <row r="467398" spans="8:8">
      <c r="H467398" s="12"/>
    </row>
    <row r="467399" spans="8:8">
      <c r="H467399" s="12"/>
    </row>
    <row r="467400" spans="8:8">
      <c r="H467400" s="12"/>
    </row>
    <row r="467401" spans="8:8">
      <c r="H467401" s="12"/>
    </row>
    <row r="467402" spans="8:8">
      <c r="H467402" s="12"/>
    </row>
    <row r="467403" spans="8:8">
      <c r="H467403" s="12"/>
    </row>
    <row r="467404" spans="8:8">
      <c r="H467404" s="12"/>
    </row>
    <row r="467405" spans="8:8">
      <c r="H467405" s="12"/>
    </row>
    <row r="467406" spans="8:8">
      <c r="H467406" s="12"/>
    </row>
    <row r="467407" spans="8:8">
      <c r="H467407" s="12"/>
    </row>
    <row r="467408" spans="8:8">
      <c r="H467408" s="12"/>
    </row>
    <row r="467409" spans="8:8">
      <c r="H467409" s="12"/>
    </row>
    <row r="467410" spans="8:8">
      <c r="H467410" s="12"/>
    </row>
    <row r="467411" spans="8:8">
      <c r="H467411" s="12"/>
    </row>
    <row r="467412" spans="8:8">
      <c r="H467412" s="12"/>
    </row>
    <row r="467413" spans="8:8">
      <c r="H467413" s="12"/>
    </row>
    <row r="467414" spans="8:8">
      <c r="H467414" s="12"/>
    </row>
    <row r="467415" spans="8:8">
      <c r="H467415" s="12"/>
    </row>
    <row r="467416" spans="8:8">
      <c r="H467416" s="12"/>
    </row>
    <row r="467417" spans="8:8">
      <c r="H467417" s="12"/>
    </row>
    <row r="467418" spans="8:8">
      <c r="H467418" s="12"/>
    </row>
    <row r="467419" spans="8:8">
      <c r="H467419" s="12"/>
    </row>
    <row r="467420" spans="8:8">
      <c r="H467420" s="12"/>
    </row>
    <row r="467421" spans="8:8">
      <c r="H467421" s="12"/>
    </row>
    <row r="467422" spans="8:8">
      <c r="H467422" s="12"/>
    </row>
    <row r="467423" spans="8:8">
      <c r="H467423" s="12"/>
    </row>
    <row r="467424" spans="8:8">
      <c r="H467424" s="12"/>
    </row>
    <row r="467425" spans="8:8">
      <c r="H467425" s="12"/>
    </row>
    <row r="467426" spans="8:8">
      <c r="H467426" s="12"/>
    </row>
    <row r="467427" spans="8:8">
      <c r="H467427" s="12"/>
    </row>
    <row r="467428" spans="8:8">
      <c r="H467428" s="12"/>
    </row>
    <row r="467429" spans="8:8">
      <c r="H467429" s="12"/>
    </row>
    <row r="467430" spans="8:8">
      <c r="H467430" s="12"/>
    </row>
    <row r="467431" spans="8:8">
      <c r="H467431" s="12"/>
    </row>
    <row r="467432" spans="8:8">
      <c r="H467432" s="12"/>
    </row>
    <row r="467433" spans="8:8">
      <c r="H467433" s="12"/>
    </row>
    <row r="467434" spans="8:8">
      <c r="H467434" s="12"/>
    </row>
    <row r="467435" spans="8:8">
      <c r="H467435" s="12"/>
    </row>
    <row r="467436" spans="8:8">
      <c r="H467436" s="12"/>
    </row>
    <row r="467437" spans="8:8">
      <c r="H467437" s="12"/>
    </row>
    <row r="467438" spans="8:8">
      <c r="H467438" s="12"/>
    </row>
    <row r="467439" spans="8:8">
      <c r="H467439" s="12"/>
    </row>
    <row r="467440" spans="8:8">
      <c r="H467440" s="12"/>
    </row>
    <row r="467441" spans="8:8">
      <c r="H467441" s="12"/>
    </row>
    <row r="467442" spans="8:8">
      <c r="H467442" s="12"/>
    </row>
    <row r="467443" spans="8:8">
      <c r="H467443" s="12"/>
    </row>
    <row r="467444" spans="8:8">
      <c r="H467444" s="12"/>
    </row>
    <row r="467445" spans="8:8">
      <c r="H467445" s="12"/>
    </row>
    <row r="467446" spans="8:8">
      <c r="H467446" s="12"/>
    </row>
    <row r="467447" spans="8:8">
      <c r="H467447" s="12"/>
    </row>
    <row r="467448" spans="8:8">
      <c r="H467448" s="12"/>
    </row>
    <row r="467449" spans="8:8">
      <c r="H467449" s="12"/>
    </row>
    <row r="467450" spans="8:8">
      <c r="H467450" s="12"/>
    </row>
    <row r="467451" spans="8:8">
      <c r="H467451" s="12"/>
    </row>
    <row r="467452" spans="8:8">
      <c r="H467452" s="12"/>
    </row>
    <row r="467453" spans="8:8">
      <c r="H467453" s="12"/>
    </row>
    <row r="467454" spans="8:8">
      <c r="H467454" s="12"/>
    </row>
    <row r="467455" spans="8:8">
      <c r="H467455" s="12"/>
    </row>
    <row r="467456" spans="8:8">
      <c r="H467456" s="12"/>
    </row>
    <row r="467457" spans="8:8">
      <c r="H467457" s="12"/>
    </row>
    <row r="467458" spans="8:8">
      <c r="H467458" s="12"/>
    </row>
    <row r="467459" spans="8:8">
      <c r="H467459" s="12"/>
    </row>
    <row r="467460" spans="8:8">
      <c r="H467460" s="12"/>
    </row>
    <row r="467461" spans="8:8">
      <c r="H467461" s="12"/>
    </row>
    <row r="467462" spans="8:8">
      <c r="H467462" s="12"/>
    </row>
    <row r="467463" spans="8:8">
      <c r="H467463" s="12"/>
    </row>
    <row r="467464" spans="8:8">
      <c r="H467464" s="12"/>
    </row>
    <row r="467465" spans="8:8">
      <c r="H467465" s="12"/>
    </row>
    <row r="467466" spans="8:8">
      <c r="H467466" s="12"/>
    </row>
    <row r="467467" spans="8:8">
      <c r="H467467" s="12"/>
    </row>
    <row r="467468" spans="8:8">
      <c r="H467468" s="12"/>
    </row>
    <row r="467469" spans="8:8">
      <c r="H467469" s="12"/>
    </row>
    <row r="467470" spans="8:8">
      <c r="H467470" s="12"/>
    </row>
    <row r="467471" spans="8:8">
      <c r="H467471" s="12"/>
    </row>
    <row r="467472" spans="8:8">
      <c r="H467472" s="12"/>
    </row>
    <row r="467473" spans="8:8">
      <c r="H467473" s="12"/>
    </row>
    <row r="467474" spans="8:8">
      <c r="H467474" s="12"/>
    </row>
    <row r="467475" spans="8:8">
      <c r="H467475" s="12"/>
    </row>
    <row r="467476" spans="8:8">
      <c r="H467476" s="12"/>
    </row>
    <row r="467477" spans="8:8">
      <c r="H467477" s="12"/>
    </row>
    <row r="467478" spans="8:8">
      <c r="H467478" s="12"/>
    </row>
    <row r="467479" spans="8:8">
      <c r="H467479" s="12"/>
    </row>
    <row r="467480" spans="8:8">
      <c r="H467480" s="12"/>
    </row>
    <row r="467481" spans="8:8">
      <c r="H467481" s="12"/>
    </row>
    <row r="467482" spans="8:8">
      <c r="H467482" s="12"/>
    </row>
    <row r="467483" spans="8:8">
      <c r="H467483" s="12"/>
    </row>
    <row r="467484" spans="8:8">
      <c r="H467484" s="12"/>
    </row>
    <row r="467485" spans="8:8">
      <c r="H467485" s="12"/>
    </row>
    <row r="467486" spans="8:8">
      <c r="H467486" s="12"/>
    </row>
    <row r="467487" spans="8:8">
      <c r="H467487" s="12"/>
    </row>
    <row r="467488" spans="8:8">
      <c r="H467488" s="12"/>
    </row>
    <row r="467489" spans="8:8">
      <c r="H467489" s="12"/>
    </row>
    <row r="467490" spans="8:8">
      <c r="H467490" s="12"/>
    </row>
    <row r="467491" spans="8:8">
      <c r="H467491" s="12"/>
    </row>
    <row r="467492" spans="8:8">
      <c r="H467492" s="12"/>
    </row>
    <row r="467493" spans="8:8">
      <c r="H467493" s="12"/>
    </row>
    <row r="467494" spans="8:8">
      <c r="H467494" s="12"/>
    </row>
    <row r="467495" spans="8:8">
      <c r="H467495" s="12"/>
    </row>
    <row r="467496" spans="8:8">
      <c r="H467496" s="12"/>
    </row>
    <row r="467497" spans="8:8">
      <c r="H467497" s="12"/>
    </row>
    <row r="467498" spans="8:8">
      <c r="H467498" s="12"/>
    </row>
    <row r="467499" spans="8:8">
      <c r="H467499" s="12"/>
    </row>
    <row r="467500" spans="8:8">
      <c r="H467500" s="12"/>
    </row>
    <row r="467501" spans="8:8">
      <c r="H467501" s="12"/>
    </row>
    <row r="467502" spans="8:8">
      <c r="H467502" s="12"/>
    </row>
    <row r="467503" spans="8:8">
      <c r="H467503" s="12"/>
    </row>
    <row r="467504" spans="8:8">
      <c r="H467504" s="12"/>
    </row>
    <row r="467505" spans="8:8">
      <c r="H467505" s="12"/>
    </row>
    <row r="467506" spans="8:8">
      <c r="H467506" s="12"/>
    </row>
    <row r="467507" spans="8:8">
      <c r="H467507" s="12"/>
    </row>
    <row r="467508" spans="8:8">
      <c r="H467508" s="12"/>
    </row>
    <row r="467509" spans="8:8">
      <c r="H467509" s="12"/>
    </row>
    <row r="467510" spans="8:8">
      <c r="H467510" s="12"/>
    </row>
    <row r="467511" spans="8:8">
      <c r="H467511" s="12"/>
    </row>
    <row r="467512" spans="8:8">
      <c r="H467512" s="12"/>
    </row>
    <row r="467513" spans="8:8">
      <c r="H467513" s="12"/>
    </row>
    <row r="467514" spans="8:8">
      <c r="H467514" s="12"/>
    </row>
    <row r="467515" spans="8:8">
      <c r="H467515" s="12"/>
    </row>
    <row r="467516" spans="8:8">
      <c r="H467516" s="12"/>
    </row>
    <row r="467517" spans="8:8">
      <c r="H467517" s="12"/>
    </row>
    <row r="467518" spans="8:8">
      <c r="H467518" s="12"/>
    </row>
    <row r="467519" spans="8:8">
      <c r="H467519" s="12"/>
    </row>
    <row r="467520" spans="8:8">
      <c r="H467520" s="12"/>
    </row>
    <row r="467521" spans="8:8">
      <c r="H467521" s="12"/>
    </row>
    <row r="467522" spans="8:8">
      <c r="H467522" s="12"/>
    </row>
    <row r="467523" spans="8:8">
      <c r="H467523" s="12"/>
    </row>
    <row r="467524" spans="8:8">
      <c r="H467524" s="12"/>
    </row>
    <row r="467525" spans="8:8">
      <c r="H467525" s="12"/>
    </row>
    <row r="467526" spans="8:8">
      <c r="H467526" s="12"/>
    </row>
    <row r="467527" spans="8:8">
      <c r="H467527" s="12"/>
    </row>
    <row r="467528" spans="8:8">
      <c r="H467528" s="12"/>
    </row>
    <row r="467529" spans="8:8">
      <c r="H467529" s="12"/>
    </row>
    <row r="467530" spans="8:8">
      <c r="H467530" s="12"/>
    </row>
    <row r="467531" spans="8:8">
      <c r="H467531" s="12"/>
    </row>
    <row r="467532" spans="8:8">
      <c r="H467532" s="12"/>
    </row>
    <row r="467533" spans="8:8">
      <c r="H467533" s="12"/>
    </row>
    <row r="467534" spans="8:8">
      <c r="H467534" s="12"/>
    </row>
    <row r="467535" spans="8:8">
      <c r="H467535" s="12"/>
    </row>
    <row r="467536" spans="8:8">
      <c r="H467536" s="12"/>
    </row>
    <row r="467537" spans="8:8">
      <c r="H467537" s="12"/>
    </row>
    <row r="467538" spans="8:8">
      <c r="H467538" s="12"/>
    </row>
    <row r="467539" spans="8:8">
      <c r="H467539" s="12"/>
    </row>
    <row r="467540" spans="8:8">
      <c r="H467540" s="12"/>
    </row>
    <row r="467541" spans="8:8">
      <c r="H467541" s="12"/>
    </row>
    <row r="467542" spans="8:8">
      <c r="H467542" s="12"/>
    </row>
    <row r="467543" spans="8:8">
      <c r="H467543" s="12"/>
    </row>
    <row r="467544" spans="8:8">
      <c r="H467544" s="12"/>
    </row>
    <row r="467545" spans="8:8">
      <c r="H467545" s="12"/>
    </row>
    <row r="467546" spans="8:8">
      <c r="H467546" s="12"/>
    </row>
    <row r="467547" spans="8:8">
      <c r="H467547" s="12"/>
    </row>
    <row r="467548" spans="8:8">
      <c r="H467548" s="12"/>
    </row>
    <row r="467549" spans="8:8">
      <c r="H467549" s="12"/>
    </row>
    <row r="467550" spans="8:8">
      <c r="H467550" s="12"/>
    </row>
    <row r="467551" spans="8:8">
      <c r="H467551" s="12"/>
    </row>
    <row r="467552" spans="8:8">
      <c r="H467552" s="12"/>
    </row>
    <row r="467553" spans="8:8">
      <c r="H467553" s="12"/>
    </row>
    <row r="467554" spans="8:8">
      <c r="H467554" s="12"/>
    </row>
    <row r="467555" spans="8:8">
      <c r="H467555" s="12"/>
    </row>
    <row r="467556" spans="8:8">
      <c r="H467556" s="12"/>
    </row>
    <row r="467557" spans="8:8">
      <c r="H467557" s="12"/>
    </row>
    <row r="467558" spans="8:8">
      <c r="H467558" s="12"/>
    </row>
    <row r="467559" spans="8:8">
      <c r="H467559" s="12"/>
    </row>
    <row r="467560" spans="8:8">
      <c r="H467560" s="12"/>
    </row>
    <row r="467561" spans="8:8">
      <c r="H467561" s="12"/>
    </row>
    <row r="467562" spans="8:8">
      <c r="H467562" s="12"/>
    </row>
    <row r="467563" spans="8:8">
      <c r="H467563" s="12"/>
    </row>
    <row r="467564" spans="8:8">
      <c r="H467564" s="12"/>
    </row>
    <row r="467565" spans="8:8">
      <c r="H467565" s="12"/>
    </row>
    <row r="467566" spans="8:8">
      <c r="H467566" s="12"/>
    </row>
    <row r="467567" spans="8:8">
      <c r="H467567" s="12"/>
    </row>
    <row r="467568" spans="8:8">
      <c r="H467568" s="12"/>
    </row>
    <row r="467569" spans="8:8">
      <c r="H467569" s="12"/>
    </row>
    <row r="467570" spans="8:8">
      <c r="H467570" s="12"/>
    </row>
    <row r="467571" spans="8:8">
      <c r="H467571" s="12"/>
    </row>
    <row r="467572" spans="8:8">
      <c r="H467572" s="12"/>
    </row>
    <row r="467573" spans="8:8">
      <c r="H467573" s="12"/>
    </row>
    <row r="467574" spans="8:8">
      <c r="H467574" s="12"/>
    </row>
    <row r="467575" spans="8:8">
      <c r="H467575" s="12"/>
    </row>
    <row r="467576" spans="8:8">
      <c r="H467576" s="12"/>
    </row>
    <row r="467577" spans="8:8">
      <c r="H467577" s="12"/>
    </row>
    <row r="467578" spans="8:8">
      <c r="H467578" s="12"/>
    </row>
    <row r="467579" spans="8:8">
      <c r="H467579" s="12"/>
    </row>
    <row r="467580" spans="8:8">
      <c r="H467580" s="12"/>
    </row>
    <row r="467581" spans="8:8">
      <c r="H467581" s="12"/>
    </row>
    <row r="467582" spans="8:8">
      <c r="H467582" s="12"/>
    </row>
    <row r="467583" spans="8:8">
      <c r="H467583" s="12"/>
    </row>
    <row r="467584" spans="8:8">
      <c r="H467584" s="12"/>
    </row>
    <row r="467585" spans="8:8">
      <c r="H467585" s="12"/>
    </row>
    <row r="467586" spans="8:8">
      <c r="H467586" s="12"/>
    </row>
    <row r="467587" spans="8:8">
      <c r="H467587" s="12"/>
    </row>
    <row r="467588" spans="8:8">
      <c r="H467588" s="12"/>
    </row>
    <row r="467589" spans="8:8">
      <c r="H467589" s="12"/>
    </row>
    <row r="467590" spans="8:8">
      <c r="H467590" s="12"/>
    </row>
    <row r="467591" spans="8:8">
      <c r="H467591" s="12"/>
    </row>
    <row r="467592" spans="8:8">
      <c r="H467592" s="12"/>
    </row>
    <row r="467593" spans="8:8">
      <c r="H467593" s="12"/>
    </row>
    <row r="467594" spans="8:8">
      <c r="H467594" s="12"/>
    </row>
    <row r="467595" spans="8:8">
      <c r="H467595" s="12"/>
    </row>
    <row r="467596" spans="8:8">
      <c r="H467596" s="12"/>
    </row>
    <row r="467597" spans="8:8">
      <c r="H467597" s="12"/>
    </row>
    <row r="467598" spans="8:8">
      <c r="H467598" s="12"/>
    </row>
    <row r="467599" spans="8:8">
      <c r="H467599" s="12"/>
    </row>
    <row r="467600" spans="8:8">
      <c r="H467600" s="12"/>
    </row>
    <row r="467601" spans="8:8">
      <c r="H467601" s="12"/>
    </row>
    <row r="467602" spans="8:8">
      <c r="H467602" s="12"/>
    </row>
    <row r="467603" spans="8:8">
      <c r="H467603" s="12"/>
    </row>
    <row r="467604" spans="8:8">
      <c r="H467604" s="12"/>
    </row>
    <row r="467605" spans="8:8">
      <c r="H467605" s="12"/>
    </row>
    <row r="467606" spans="8:8">
      <c r="H467606" s="12"/>
    </row>
    <row r="467607" spans="8:8">
      <c r="H467607" s="12"/>
    </row>
    <row r="467608" spans="8:8">
      <c r="H467608" s="12"/>
    </row>
    <row r="467609" spans="8:8">
      <c r="H467609" s="12"/>
    </row>
    <row r="467610" spans="8:8">
      <c r="H467610" s="12"/>
    </row>
    <row r="467611" spans="8:8">
      <c r="H467611" s="12"/>
    </row>
    <row r="467612" spans="8:8">
      <c r="H467612" s="12"/>
    </row>
    <row r="467613" spans="8:8">
      <c r="H467613" s="12"/>
    </row>
    <row r="467614" spans="8:8">
      <c r="H467614" s="12"/>
    </row>
    <row r="467615" spans="8:8">
      <c r="H467615" s="12"/>
    </row>
    <row r="467616" spans="8:8">
      <c r="H467616" s="12"/>
    </row>
    <row r="467617" spans="8:8">
      <c r="H467617" s="12"/>
    </row>
    <row r="467618" spans="8:8">
      <c r="H467618" s="12"/>
    </row>
    <row r="467619" spans="8:8">
      <c r="H467619" s="12"/>
    </row>
    <row r="467620" spans="8:8">
      <c r="H467620" s="12"/>
    </row>
    <row r="467621" spans="8:8">
      <c r="H467621" s="12"/>
    </row>
    <row r="467622" spans="8:8">
      <c r="H467622" s="12"/>
    </row>
    <row r="467623" spans="8:8">
      <c r="H467623" s="12"/>
    </row>
    <row r="467624" spans="8:8">
      <c r="H467624" s="12"/>
    </row>
    <row r="467625" spans="8:8">
      <c r="H467625" s="12"/>
    </row>
    <row r="467626" spans="8:8">
      <c r="H467626" s="12"/>
    </row>
    <row r="467627" spans="8:8">
      <c r="H467627" s="12"/>
    </row>
    <row r="467628" spans="8:8">
      <c r="H467628" s="12"/>
    </row>
    <row r="467629" spans="8:8">
      <c r="H467629" s="12"/>
    </row>
    <row r="467630" spans="8:8">
      <c r="H467630" s="12"/>
    </row>
    <row r="467631" spans="8:8">
      <c r="H467631" s="12"/>
    </row>
    <row r="467632" spans="8:8">
      <c r="H467632" s="12"/>
    </row>
    <row r="467633" spans="8:8">
      <c r="H467633" s="12"/>
    </row>
    <row r="467634" spans="8:8">
      <c r="H467634" s="12"/>
    </row>
    <row r="467635" spans="8:8">
      <c r="H467635" s="12"/>
    </row>
    <row r="467636" spans="8:8">
      <c r="H467636" s="12"/>
    </row>
    <row r="467637" spans="8:8">
      <c r="H467637" s="12"/>
    </row>
    <row r="467638" spans="8:8">
      <c r="H467638" s="12"/>
    </row>
    <row r="467639" spans="8:8">
      <c r="H467639" s="12"/>
    </row>
    <row r="467640" spans="8:8">
      <c r="H467640" s="12"/>
    </row>
    <row r="467641" spans="8:8">
      <c r="H467641" s="12"/>
    </row>
    <row r="467642" spans="8:8">
      <c r="H467642" s="12"/>
    </row>
    <row r="467643" spans="8:8">
      <c r="H467643" s="12"/>
    </row>
    <row r="467644" spans="8:8">
      <c r="H467644" s="12"/>
    </row>
    <row r="467645" spans="8:8">
      <c r="H467645" s="12"/>
    </row>
    <row r="467646" spans="8:8">
      <c r="H467646" s="12"/>
    </row>
    <row r="467647" spans="8:8">
      <c r="H467647" s="12"/>
    </row>
    <row r="467648" spans="8:8">
      <c r="H467648" s="12"/>
    </row>
    <row r="467649" spans="8:8">
      <c r="H467649" s="12"/>
    </row>
    <row r="467650" spans="8:8">
      <c r="H467650" s="12"/>
    </row>
    <row r="467651" spans="8:8">
      <c r="H467651" s="12"/>
    </row>
    <row r="467652" spans="8:8">
      <c r="H467652" s="12"/>
    </row>
    <row r="467653" spans="8:8">
      <c r="H467653" s="12"/>
    </row>
    <row r="467654" spans="8:8">
      <c r="H467654" s="12"/>
    </row>
    <row r="467655" spans="8:8">
      <c r="H467655" s="12"/>
    </row>
    <row r="467656" spans="8:8">
      <c r="H467656" s="12"/>
    </row>
    <row r="467657" spans="8:8">
      <c r="H467657" s="12"/>
    </row>
    <row r="467658" spans="8:8">
      <c r="H467658" s="12"/>
    </row>
    <row r="467659" spans="8:8">
      <c r="H467659" s="12"/>
    </row>
    <row r="467660" spans="8:8">
      <c r="H467660" s="12"/>
    </row>
    <row r="467661" spans="8:8">
      <c r="H467661" s="12"/>
    </row>
    <row r="467662" spans="8:8">
      <c r="H467662" s="12"/>
    </row>
    <row r="467663" spans="8:8">
      <c r="H467663" s="12"/>
    </row>
    <row r="467664" spans="8:8">
      <c r="H467664" s="12"/>
    </row>
    <row r="467665" spans="8:8">
      <c r="H467665" s="12"/>
    </row>
    <row r="467666" spans="8:8">
      <c r="H467666" s="12"/>
    </row>
    <row r="467667" spans="8:8">
      <c r="H467667" s="12"/>
    </row>
    <row r="467668" spans="8:8">
      <c r="H467668" s="12"/>
    </row>
    <row r="467669" spans="8:8">
      <c r="H467669" s="12"/>
    </row>
    <row r="467670" spans="8:8">
      <c r="H467670" s="12"/>
    </row>
    <row r="467671" spans="8:8">
      <c r="H467671" s="12"/>
    </row>
    <row r="467672" spans="8:8">
      <c r="H467672" s="12"/>
    </row>
    <row r="467673" spans="8:8">
      <c r="H467673" s="12"/>
    </row>
    <row r="467674" spans="8:8">
      <c r="H467674" s="12"/>
    </row>
    <row r="467675" spans="8:8">
      <c r="H467675" s="12"/>
    </row>
    <row r="467676" spans="8:8">
      <c r="H467676" s="12"/>
    </row>
    <row r="467677" spans="8:8">
      <c r="H467677" s="12"/>
    </row>
    <row r="467678" spans="8:8">
      <c r="H467678" s="12"/>
    </row>
    <row r="467679" spans="8:8">
      <c r="H467679" s="12"/>
    </row>
    <row r="467680" spans="8:8">
      <c r="H467680" s="12"/>
    </row>
    <row r="467681" spans="8:8">
      <c r="H467681" s="12"/>
    </row>
    <row r="467682" spans="8:8">
      <c r="H467682" s="12"/>
    </row>
    <row r="467683" spans="8:8">
      <c r="H467683" s="12"/>
    </row>
    <row r="467684" spans="8:8">
      <c r="H467684" s="12"/>
    </row>
    <row r="467685" spans="8:8">
      <c r="H467685" s="12"/>
    </row>
    <row r="467686" spans="8:8">
      <c r="H467686" s="12"/>
    </row>
    <row r="467687" spans="8:8">
      <c r="H467687" s="12"/>
    </row>
    <row r="467688" spans="8:8">
      <c r="H467688" s="12"/>
    </row>
    <row r="467689" spans="8:8">
      <c r="H467689" s="12"/>
    </row>
    <row r="467690" spans="8:8">
      <c r="H467690" s="12"/>
    </row>
    <row r="467691" spans="8:8">
      <c r="H467691" s="12"/>
    </row>
    <row r="467692" spans="8:8">
      <c r="H467692" s="12"/>
    </row>
    <row r="467693" spans="8:8">
      <c r="H467693" s="12"/>
    </row>
    <row r="467694" spans="8:8">
      <c r="H467694" s="12"/>
    </row>
    <row r="467695" spans="8:8">
      <c r="H467695" s="12"/>
    </row>
    <row r="467696" spans="8:8">
      <c r="H467696" s="12"/>
    </row>
    <row r="467697" spans="8:8">
      <c r="H467697" s="12"/>
    </row>
    <row r="467698" spans="8:8">
      <c r="H467698" s="12"/>
    </row>
    <row r="467699" spans="8:8">
      <c r="H467699" s="12"/>
    </row>
    <row r="467700" spans="8:8">
      <c r="H467700" s="12"/>
    </row>
    <row r="467701" spans="8:8">
      <c r="H467701" s="12"/>
    </row>
    <row r="467702" spans="8:8">
      <c r="H467702" s="12"/>
    </row>
    <row r="467703" spans="8:8">
      <c r="H467703" s="12"/>
    </row>
    <row r="467704" spans="8:8">
      <c r="H467704" s="12"/>
    </row>
    <row r="467705" spans="8:8">
      <c r="H467705" s="12"/>
    </row>
    <row r="467706" spans="8:8">
      <c r="H467706" s="12"/>
    </row>
    <row r="467707" spans="8:8">
      <c r="H467707" s="12"/>
    </row>
    <row r="467708" spans="8:8">
      <c r="H467708" s="12"/>
    </row>
    <row r="467709" spans="8:8">
      <c r="H467709" s="12"/>
    </row>
    <row r="467710" spans="8:8">
      <c r="H467710" s="12"/>
    </row>
    <row r="467711" spans="8:8">
      <c r="H467711" s="12"/>
    </row>
    <row r="467712" spans="8:8">
      <c r="H467712" s="12"/>
    </row>
    <row r="467713" spans="8:8">
      <c r="H467713" s="12"/>
    </row>
    <row r="467714" spans="8:8">
      <c r="H467714" s="12"/>
    </row>
    <row r="467715" spans="8:8">
      <c r="H467715" s="12"/>
    </row>
    <row r="467716" spans="8:8">
      <c r="H467716" s="12"/>
    </row>
    <row r="467717" spans="8:8">
      <c r="H467717" s="12"/>
    </row>
    <row r="467718" spans="8:8">
      <c r="H467718" s="12"/>
    </row>
    <row r="467719" spans="8:8">
      <c r="H467719" s="12"/>
    </row>
    <row r="467720" spans="8:8">
      <c r="H467720" s="12"/>
    </row>
    <row r="467721" spans="8:8">
      <c r="H467721" s="12"/>
    </row>
    <row r="467722" spans="8:8">
      <c r="H467722" s="12"/>
    </row>
    <row r="467723" spans="8:8">
      <c r="H467723" s="12"/>
    </row>
    <row r="467724" spans="8:8">
      <c r="H467724" s="12"/>
    </row>
    <row r="467725" spans="8:8">
      <c r="H467725" s="12"/>
    </row>
    <row r="467726" spans="8:8">
      <c r="H467726" s="12"/>
    </row>
    <row r="467727" spans="8:8">
      <c r="H467727" s="12"/>
    </row>
    <row r="467728" spans="8:8">
      <c r="H467728" s="12"/>
    </row>
    <row r="467729" spans="8:8">
      <c r="H467729" s="12"/>
    </row>
    <row r="467730" spans="8:8">
      <c r="H467730" s="12"/>
    </row>
    <row r="467731" spans="8:8">
      <c r="H467731" s="12"/>
    </row>
    <row r="467732" spans="8:8">
      <c r="H467732" s="12"/>
    </row>
    <row r="467733" spans="8:8">
      <c r="H467733" s="12"/>
    </row>
    <row r="467734" spans="8:8">
      <c r="H467734" s="12"/>
    </row>
    <row r="467735" spans="8:8">
      <c r="H467735" s="12"/>
    </row>
    <row r="467736" spans="8:8">
      <c r="H467736" s="12"/>
    </row>
    <row r="467737" spans="8:8">
      <c r="H467737" s="12"/>
    </row>
    <row r="467738" spans="8:8">
      <c r="H467738" s="12"/>
    </row>
    <row r="467739" spans="8:8">
      <c r="H467739" s="12"/>
    </row>
    <row r="467740" spans="8:8">
      <c r="H467740" s="12"/>
    </row>
    <row r="467741" spans="8:8">
      <c r="H467741" s="12"/>
    </row>
    <row r="467742" spans="8:8">
      <c r="H467742" s="12"/>
    </row>
    <row r="467743" spans="8:8">
      <c r="H467743" s="12"/>
    </row>
    <row r="467744" spans="8:8">
      <c r="H467744" s="12"/>
    </row>
    <row r="467745" spans="8:8">
      <c r="H467745" s="12"/>
    </row>
    <row r="467746" spans="8:8">
      <c r="H467746" s="12"/>
    </row>
    <row r="467747" spans="8:8">
      <c r="H467747" s="12"/>
    </row>
    <row r="467748" spans="8:8">
      <c r="H467748" s="12"/>
    </row>
    <row r="467749" spans="8:8">
      <c r="H467749" s="12"/>
    </row>
    <row r="467750" spans="8:8">
      <c r="H467750" s="12"/>
    </row>
    <row r="467751" spans="8:8">
      <c r="H467751" s="12"/>
    </row>
    <row r="467752" spans="8:8">
      <c r="H467752" s="12"/>
    </row>
    <row r="467753" spans="8:8">
      <c r="H467753" s="12"/>
    </row>
    <row r="467754" spans="8:8">
      <c r="H467754" s="12"/>
    </row>
    <row r="467755" spans="8:8">
      <c r="H467755" s="12"/>
    </row>
    <row r="467756" spans="8:8">
      <c r="H467756" s="12"/>
    </row>
    <row r="467757" spans="8:8">
      <c r="H467757" s="12"/>
    </row>
    <row r="467758" spans="8:8">
      <c r="H467758" s="12"/>
    </row>
    <row r="467759" spans="8:8">
      <c r="H467759" s="12"/>
    </row>
    <row r="467760" spans="8:8">
      <c r="H467760" s="12"/>
    </row>
    <row r="467761" spans="8:8">
      <c r="H467761" s="12"/>
    </row>
    <row r="467762" spans="8:8">
      <c r="H467762" s="12"/>
    </row>
    <row r="467763" spans="8:8">
      <c r="H467763" s="12"/>
    </row>
    <row r="467764" spans="8:8">
      <c r="H467764" s="12"/>
    </row>
    <row r="467765" spans="8:8">
      <c r="H467765" s="12"/>
    </row>
    <row r="467766" spans="8:8">
      <c r="H467766" s="12"/>
    </row>
    <row r="467767" spans="8:8">
      <c r="H467767" s="12"/>
    </row>
    <row r="467768" spans="8:8">
      <c r="H467768" s="12"/>
    </row>
    <row r="467769" spans="8:8">
      <c r="H467769" s="12"/>
    </row>
    <row r="467770" spans="8:8">
      <c r="H467770" s="12"/>
    </row>
    <row r="467771" spans="8:8">
      <c r="H467771" s="12"/>
    </row>
    <row r="467772" spans="8:8">
      <c r="H467772" s="12"/>
    </row>
    <row r="467773" spans="8:8">
      <c r="H467773" s="12"/>
    </row>
    <row r="467774" spans="8:8">
      <c r="H467774" s="12"/>
    </row>
    <row r="467775" spans="8:8">
      <c r="H467775" s="12"/>
    </row>
    <row r="467776" spans="8:8">
      <c r="H467776" s="12"/>
    </row>
    <row r="467777" spans="8:8">
      <c r="H467777" s="12"/>
    </row>
    <row r="467778" spans="8:8">
      <c r="H467778" s="12"/>
    </row>
    <row r="467779" spans="8:8">
      <c r="H467779" s="12"/>
    </row>
    <row r="467780" spans="8:8">
      <c r="H467780" s="12"/>
    </row>
    <row r="467781" spans="8:8">
      <c r="H467781" s="12"/>
    </row>
    <row r="467782" spans="8:8">
      <c r="H467782" s="12"/>
    </row>
    <row r="467783" spans="8:8">
      <c r="H467783" s="12"/>
    </row>
    <row r="467784" spans="8:8">
      <c r="H467784" s="12"/>
    </row>
    <row r="467785" spans="8:8">
      <c r="H467785" s="12"/>
    </row>
    <row r="467786" spans="8:8">
      <c r="H467786" s="12"/>
    </row>
    <row r="467787" spans="8:8">
      <c r="H467787" s="12"/>
    </row>
    <row r="467788" spans="8:8">
      <c r="H467788" s="12"/>
    </row>
    <row r="467789" spans="8:8">
      <c r="H467789" s="12"/>
    </row>
    <row r="467790" spans="8:8">
      <c r="H467790" s="12"/>
    </row>
    <row r="467791" spans="8:8">
      <c r="H467791" s="12"/>
    </row>
    <row r="467792" spans="8:8">
      <c r="H467792" s="12"/>
    </row>
    <row r="467793" spans="8:8">
      <c r="H467793" s="12"/>
    </row>
    <row r="467794" spans="8:8">
      <c r="H467794" s="12"/>
    </row>
    <row r="467795" spans="8:8">
      <c r="H467795" s="12"/>
    </row>
    <row r="467796" spans="8:8">
      <c r="H467796" s="12"/>
    </row>
    <row r="467797" spans="8:8">
      <c r="H467797" s="12"/>
    </row>
    <row r="467798" spans="8:8">
      <c r="H467798" s="12"/>
    </row>
    <row r="467799" spans="8:8">
      <c r="H467799" s="12"/>
    </row>
    <row r="467800" spans="8:8">
      <c r="H467800" s="12"/>
    </row>
    <row r="467801" spans="8:8">
      <c r="H467801" s="12"/>
    </row>
    <row r="467802" spans="8:8">
      <c r="H467802" s="12"/>
    </row>
    <row r="467803" spans="8:8">
      <c r="H467803" s="12"/>
    </row>
    <row r="467804" spans="8:8">
      <c r="H467804" s="12"/>
    </row>
    <row r="467805" spans="8:8">
      <c r="H467805" s="12"/>
    </row>
    <row r="467806" spans="8:8">
      <c r="H467806" s="12"/>
    </row>
    <row r="467807" spans="8:8">
      <c r="H467807" s="12"/>
    </row>
    <row r="467808" spans="8:8">
      <c r="H467808" s="12"/>
    </row>
    <row r="467809" spans="8:8">
      <c r="H467809" s="12"/>
    </row>
    <row r="467810" spans="8:8">
      <c r="H467810" s="12"/>
    </row>
    <row r="467811" spans="8:8">
      <c r="H467811" s="12"/>
    </row>
    <row r="467812" spans="8:8">
      <c r="H467812" s="12"/>
    </row>
    <row r="467813" spans="8:8">
      <c r="H467813" s="12"/>
    </row>
    <row r="467814" spans="8:8">
      <c r="H467814" s="12"/>
    </row>
    <row r="467815" spans="8:8">
      <c r="H467815" s="12"/>
    </row>
    <row r="467816" spans="8:8">
      <c r="H467816" s="12"/>
    </row>
    <row r="467817" spans="8:8">
      <c r="H467817" s="12"/>
    </row>
    <row r="467818" spans="8:8">
      <c r="H467818" s="12"/>
    </row>
    <row r="467819" spans="8:8">
      <c r="H467819" s="12"/>
    </row>
    <row r="467820" spans="8:8">
      <c r="H467820" s="12"/>
    </row>
    <row r="467821" spans="8:8">
      <c r="H467821" s="12"/>
    </row>
    <row r="467822" spans="8:8">
      <c r="H467822" s="12"/>
    </row>
    <row r="467823" spans="8:8">
      <c r="H467823" s="12"/>
    </row>
    <row r="467824" spans="8:8">
      <c r="H467824" s="12"/>
    </row>
    <row r="467825" spans="8:8">
      <c r="H467825" s="12"/>
    </row>
    <row r="467826" spans="8:8">
      <c r="H467826" s="12"/>
    </row>
    <row r="467827" spans="8:8">
      <c r="H467827" s="12"/>
    </row>
    <row r="467828" spans="8:8">
      <c r="H467828" s="12"/>
    </row>
    <row r="467829" spans="8:8">
      <c r="H467829" s="12"/>
    </row>
    <row r="467830" spans="8:8">
      <c r="H467830" s="12"/>
    </row>
    <row r="467831" spans="8:8">
      <c r="H467831" s="12"/>
    </row>
    <row r="467832" spans="8:8">
      <c r="H467832" s="12"/>
    </row>
    <row r="467833" spans="8:8">
      <c r="H467833" s="12"/>
    </row>
    <row r="467834" spans="8:8">
      <c r="H467834" s="12"/>
    </row>
    <row r="467835" spans="8:8">
      <c r="H467835" s="12"/>
    </row>
    <row r="467836" spans="8:8">
      <c r="H467836" s="12"/>
    </row>
    <row r="467837" spans="8:8">
      <c r="H467837" s="12"/>
    </row>
    <row r="467838" spans="8:8">
      <c r="H467838" s="12"/>
    </row>
    <row r="467839" spans="8:8">
      <c r="H467839" s="12"/>
    </row>
    <row r="467840" spans="8:8">
      <c r="H467840" s="12"/>
    </row>
    <row r="467841" spans="8:8">
      <c r="H467841" s="12"/>
    </row>
    <row r="467842" spans="8:8">
      <c r="H467842" s="12"/>
    </row>
    <row r="467843" spans="8:8">
      <c r="H467843" s="12"/>
    </row>
    <row r="467844" spans="8:8">
      <c r="H467844" s="12"/>
    </row>
    <row r="467845" spans="8:8">
      <c r="H467845" s="12"/>
    </row>
    <row r="467846" spans="8:8">
      <c r="H467846" s="12"/>
    </row>
    <row r="467847" spans="8:8">
      <c r="H467847" s="12"/>
    </row>
    <row r="467848" spans="8:8">
      <c r="H467848" s="12"/>
    </row>
    <row r="467849" spans="8:8">
      <c r="H467849" s="12"/>
    </row>
    <row r="467850" spans="8:8">
      <c r="H467850" s="12"/>
    </row>
    <row r="467851" spans="8:8">
      <c r="H467851" s="12"/>
    </row>
    <row r="467852" spans="8:8">
      <c r="H467852" s="12"/>
    </row>
    <row r="467853" spans="8:8">
      <c r="H467853" s="12"/>
    </row>
    <row r="467854" spans="8:8">
      <c r="H467854" s="12"/>
    </row>
    <row r="467855" spans="8:8">
      <c r="H467855" s="12"/>
    </row>
    <row r="467856" spans="8:8">
      <c r="H467856" s="12"/>
    </row>
    <row r="467857" spans="8:8">
      <c r="H467857" s="12"/>
    </row>
    <row r="467858" spans="8:8">
      <c r="H467858" s="12"/>
    </row>
    <row r="467859" spans="8:8">
      <c r="H467859" s="12"/>
    </row>
    <row r="467860" spans="8:8">
      <c r="H467860" s="12"/>
    </row>
    <row r="467861" spans="8:8">
      <c r="H467861" s="12"/>
    </row>
    <row r="467862" spans="8:8">
      <c r="H467862" s="12"/>
    </row>
    <row r="467863" spans="8:8">
      <c r="H467863" s="12"/>
    </row>
    <row r="467864" spans="8:8">
      <c r="H467864" s="12"/>
    </row>
    <row r="467865" spans="8:8">
      <c r="H467865" s="12"/>
    </row>
    <row r="467866" spans="8:8">
      <c r="H467866" s="12"/>
    </row>
    <row r="467867" spans="8:8">
      <c r="H467867" s="12"/>
    </row>
    <row r="467868" spans="8:8">
      <c r="H467868" s="12"/>
    </row>
    <row r="467869" spans="8:8">
      <c r="H467869" s="12"/>
    </row>
    <row r="467870" spans="8:8">
      <c r="H467870" s="12"/>
    </row>
    <row r="467871" spans="8:8">
      <c r="H467871" s="12"/>
    </row>
    <row r="467872" spans="8:8">
      <c r="H467872" s="12"/>
    </row>
    <row r="467873" spans="8:8">
      <c r="H467873" s="12"/>
    </row>
    <row r="467874" spans="8:8">
      <c r="H467874" s="12"/>
    </row>
    <row r="467875" spans="8:8">
      <c r="H467875" s="12"/>
    </row>
    <row r="467876" spans="8:8">
      <c r="H467876" s="12"/>
    </row>
    <row r="467877" spans="8:8">
      <c r="H467877" s="12"/>
    </row>
    <row r="467878" spans="8:8">
      <c r="H467878" s="12"/>
    </row>
    <row r="467879" spans="8:8">
      <c r="H467879" s="12"/>
    </row>
    <row r="467880" spans="8:8">
      <c r="H467880" s="12"/>
    </row>
    <row r="467881" spans="8:8">
      <c r="H467881" s="12"/>
    </row>
    <row r="467882" spans="8:8">
      <c r="H467882" s="12"/>
    </row>
    <row r="467883" spans="8:8">
      <c r="H467883" s="12"/>
    </row>
    <row r="467884" spans="8:8">
      <c r="H467884" s="12"/>
    </row>
    <row r="467885" spans="8:8">
      <c r="H467885" s="12"/>
    </row>
    <row r="467886" spans="8:8">
      <c r="H467886" s="12"/>
    </row>
    <row r="467887" spans="8:8">
      <c r="H467887" s="12"/>
    </row>
    <row r="467888" spans="8:8">
      <c r="H467888" s="12"/>
    </row>
    <row r="467889" spans="8:8">
      <c r="H467889" s="12"/>
    </row>
    <row r="467890" spans="8:8">
      <c r="H467890" s="12"/>
    </row>
    <row r="467891" spans="8:8">
      <c r="H467891" s="12"/>
    </row>
    <row r="467892" spans="8:8">
      <c r="H467892" s="12"/>
    </row>
    <row r="467893" spans="8:8">
      <c r="H467893" s="12"/>
    </row>
    <row r="467894" spans="8:8">
      <c r="H467894" s="12"/>
    </row>
    <row r="467895" spans="8:8">
      <c r="H467895" s="12"/>
    </row>
    <row r="467896" spans="8:8">
      <c r="H467896" s="12"/>
    </row>
    <row r="467897" spans="8:8">
      <c r="H467897" s="12"/>
    </row>
    <row r="467898" spans="8:8">
      <c r="H467898" s="12"/>
    </row>
    <row r="467899" spans="8:8">
      <c r="H467899" s="12"/>
    </row>
    <row r="467900" spans="8:8">
      <c r="H467900" s="12"/>
    </row>
    <row r="467901" spans="8:8">
      <c r="H467901" s="12"/>
    </row>
    <row r="467902" spans="8:8">
      <c r="H467902" s="12"/>
    </row>
    <row r="467903" spans="8:8">
      <c r="H467903" s="12"/>
    </row>
    <row r="467904" spans="8:8">
      <c r="H467904" s="12"/>
    </row>
    <row r="467905" spans="8:8">
      <c r="H467905" s="12"/>
    </row>
    <row r="467906" spans="8:8">
      <c r="H467906" s="12"/>
    </row>
    <row r="467907" spans="8:8">
      <c r="H467907" s="12"/>
    </row>
    <row r="467908" spans="8:8">
      <c r="H467908" s="12"/>
    </row>
    <row r="467909" spans="8:8">
      <c r="H467909" s="12"/>
    </row>
    <row r="467910" spans="8:8">
      <c r="H467910" s="12"/>
    </row>
    <row r="467911" spans="8:8">
      <c r="H467911" s="12"/>
    </row>
    <row r="467912" spans="8:8">
      <c r="H467912" s="12"/>
    </row>
    <row r="467913" spans="8:8">
      <c r="H467913" s="12"/>
    </row>
    <row r="467914" spans="8:8">
      <c r="H467914" s="12"/>
    </row>
    <row r="467915" spans="8:8">
      <c r="H467915" s="12"/>
    </row>
    <row r="467916" spans="8:8">
      <c r="H467916" s="12"/>
    </row>
    <row r="467917" spans="8:8">
      <c r="H467917" s="12"/>
    </row>
    <row r="467918" spans="8:8">
      <c r="H467918" s="12"/>
    </row>
    <row r="467919" spans="8:8">
      <c r="H467919" s="12"/>
    </row>
    <row r="467920" spans="8:8">
      <c r="H467920" s="12"/>
    </row>
    <row r="467921" spans="8:8">
      <c r="H467921" s="12"/>
    </row>
    <row r="467922" spans="8:8">
      <c r="H467922" s="12"/>
    </row>
    <row r="467923" spans="8:8">
      <c r="H467923" s="12"/>
    </row>
    <row r="467924" spans="8:8">
      <c r="H467924" s="12"/>
    </row>
    <row r="467925" spans="8:8">
      <c r="H467925" s="12"/>
    </row>
    <row r="467926" spans="8:8">
      <c r="H467926" s="12"/>
    </row>
    <row r="467927" spans="8:8">
      <c r="H467927" s="12"/>
    </row>
    <row r="467928" spans="8:8">
      <c r="H467928" s="12"/>
    </row>
    <row r="467929" spans="8:8">
      <c r="H467929" s="12"/>
    </row>
    <row r="467930" spans="8:8">
      <c r="H467930" s="12"/>
    </row>
    <row r="467931" spans="8:8">
      <c r="H467931" s="12"/>
    </row>
    <row r="467932" spans="8:8">
      <c r="H467932" s="12"/>
    </row>
    <row r="467933" spans="8:8">
      <c r="H467933" s="12"/>
    </row>
    <row r="467934" spans="8:8">
      <c r="H467934" s="12"/>
    </row>
    <row r="467935" spans="8:8">
      <c r="H467935" s="12"/>
    </row>
    <row r="467936" spans="8:8">
      <c r="H467936" s="12"/>
    </row>
    <row r="467937" spans="8:8">
      <c r="H467937" s="12"/>
    </row>
    <row r="467938" spans="8:8">
      <c r="H467938" s="12"/>
    </row>
    <row r="467939" spans="8:8">
      <c r="H467939" s="12"/>
    </row>
    <row r="467940" spans="8:8">
      <c r="H467940" s="12"/>
    </row>
    <row r="467941" spans="8:8">
      <c r="H467941" s="12"/>
    </row>
    <row r="467942" spans="8:8">
      <c r="H467942" s="12"/>
    </row>
    <row r="467943" spans="8:8">
      <c r="H467943" s="12"/>
    </row>
    <row r="467944" spans="8:8">
      <c r="H467944" s="12"/>
    </row>
    <row r="467945" spans="8:8">
      <c r="H467945" s="12"/>
    </row>
    <row r="467946" spans="8:8">
      <c r="H467946" s="12"/>
    </row>
    <row r="467947" spans="8:8">
      <c r="H467947" s="12"/>
    </row>
    <row r="467948" spans="8:8">
      <c r="H467948" s="12"/>
    </row>
    <row r="467949" spans="8:8">
      <c r="H467949" s="12"/>
    </row>
    <row r="467950" spans="8:8">
      <c r="H467950" s="12"/>
    </row>
    <row r="467951" spans="8:8">
      <c r="H467951" s="12"/>
    </row>
    <row r="467952" spans="8:8">
      <c r="H467952" s="12"/>
    </row>
    <row r="467953" spans="8:8">
      <c r="H467953" s="12"/>
    </row>
    <row r="467954" spans="8:8">
      <c r="H467954" s="12"/>
    </row>
    <row r="467955" spans="8:8">
      <c r="H467955" s="12"/>
    </row>
    <row r="467956" spans="8:8">
      <c r="H467956" s="12"/>
    </row>
    <row r="467957" spans="8:8">
      <c r="H467957" s="12"/>
    </row>
    <row r="467958" spans="8:8">
      <c r="H467958" s="12"/>
    </row>
    <row r="467959" spans="8:8">
      <c r="H467959" s="12"/>
    </row>
    <row r="467960" spans="8:8">
      <c r="H467960" s="12"/>
    </row>
    <row r="467961" spans="8:8">
      <c r="H467961" s="12"/>
    </row>
    <row r="467962" spans="8:8">
      <c r="H467962" s="12"/>
    </row>
    <row r="467963" spans="8:8">
      <c r="H467963" s="12"/>
    </row>
    <row r="467964" spans="8:8">
      <c r="H467964" s="12"/>
    </row>
    <row r="467965" spans="8:8">
      <c r="H467965" s="12"/>
    </row>
    <row r="467966" spans="8:8">
      <c r="H467966" s="12"/>
    </row>
    <row r="467967" spans="8:8">
      <c r="H467967" s="12"/>
    </row>
    <row r="467968" spans="8:8">
      <c r="H467968" s="12"/>
    </row>
    <row r="467969" spans="8:8">
      <c r="H467969" s="12"/>
    </row>
    <row r="467970" spans="8:8">
      <c r="H467970" s="12"/>
    </row>
    <row r="467971" spans="8:8">
      <c r="H467971" s="12"/>
    </row>
    <row r="467972" spans="8:8">
      <c r="H467972" s="12"/>
    </row>
    <row r="467973" spans="8:8">
      <c r="H467973" s="12"/>
    </row>
    <row r="467974" spans="8:8">
      <c r="H467974" s="12"/>
    </row>
    <row r="467975" spans="8:8">
      <c r="H467975" s="12"/>
    </row>
    <row r="467976" spans="8:8">
      <c r="H467976" s="12"/>
    </row>
    <row r="467977" spans="8:8">
      <c r="H467977" s="12"/>
    </row>
    <row r="467978" spans="8:8">
      <c r="H467978" s="12"/>
    </row>
    <row r="467979" spans="8:8">
      <c r="H467979" s="12"/>
    </row>
    <row r="467980" spans="8:8">
      <c r="H467980" s="12"/>
    </row>
    <row r="467981" spans="8:8">
      <c r="H467981" s="12"/>
    </row>
    <row r="467982" spans="8:8">
      <c r="H467982" s="12"/>
    </row>
    <row r="467983" spans="8:8">
      <c r="H467983" s="12"/>
    </row>
    <row r="467984" spans="8:8">
      <c r="H467984" s="12"/>
    </row>
    <row r="467985" spans="8:8">
      <c r="H467985" s="12"/>
    </row>
    <row r="467986" spans="8:8">
      <c r="H467986" s="12"/>
    </row>
    <row r="467987" spans="8:8">
      <c r="H467987" s="12"/>
    </row>
    <row r="467988" spans="8:8">
      <c r="H467988" s="12"/>
    </row>
    <row r="467989" spans="8:8">
      <c r="H467989" s="12"/>
    </row>
    <row r="467990" spans="8:8">
      <c r="H467990" s="12"/>
    </row>
    <row r="467991" spans="8:8">
      <c r="H467991" s="12"/>
    </row>
    <row r="467992" spans="8:8">
      <c r="H467992" s="12"/>
    </row>
    <row r="467993" spans="8:8">
      <c r="H467993" s="12"/>
    </row>
    <row r="467994" spans="8:8">
      <c r="H467994" s="12"/>
    </row>
    <row r="467995" spans="8:8">
      <c r="H467995" s="12"/>
    </row>
    <row r="467996" spans="8:8">
      <c r="H467996" s="12"/>
    </row>
    <row r="467997" spans="8:8">
      <c r="H467997" s="12"/>
    </row>
    <row r="467998" spans="8:8">
      <c r="H467998" s="12"/>
    </row>
    <row r="467999" spans="8:8">
      <c r="H467999" s="12"/>
    </row>
    <row r="468000" spans="8:8">
      <c r="H468000" s="12"/>
    </row>
    <row r="468001" spans="8:8">
      <c r="H468001" s="12"/>
    </row>
    <row r="468002" spans="8:8">
      <c r="H468002" s="12"/>
    </row>
    <row r="468003" spans="8:8">
      <c r="H468003" s="12"/>
    </row>
    <row r="468004" spans="8:8">
      <c r="H468004" s="12"/>
    </row>
    <row r="468005" spans="8:8">
      <c r="H468005" s="12"/>
    </row>
    <row r="468006" spans="8:8">
      <c r="H468006" s="12"/>
    </row>
    <row r="468007" spans="8:8">
      <c r="H468007" s="12"/>
    </row>
    <row r="468008" spans="8:8">
      <c r="H468008" s="12"/>
    </row>
    <row r="468009" spans="8:8">
      <c r="H468009" s="12"/>
    </row>
    <row r="468010" spans="8:8">
      <c r="H468010" s="12"/>
    </row>
    <row r="468011" spans="8:8">
      <c r="H468011" s="12"/>
    </row>
    <row r="468012" spans="8:8">
      <c r="H468012" s="12"/>
    </row>
    <row r="468013" spans="8:8">
      <c r="H468013" s="12"/>
    </row>
    <row r="468014" spans="8:8">
      <c r="H468014" s="12"/>
    </row>
    <row r="468015" spans="8:8">
      <c r="H468015" s="12"/>
    </row>
    <row r="468016" spans="8:8">
      <c r="H468016" s="12"/>
    </row>
    <row r="468017" spans="8:8">
      <c r="H468017" s="12"/>
    </row>
    <row r="468018" spans="8:8">
      <c r="H468018" s="12"/>
    </row>
    <row r="468019" spans="8:8">
      <c r="H468019" s="12"/>
    </row>
    <row r="468020" spans="8:8">
      <c r="H468020" s="12"/>
    </row>
    <row r="468021" spans="8:8">
      <c r="H468021" s="12"/>
    </row>
    <row r="468022" spans="8:8">
      <c r="H468022" s="12"/>
    </row>
    <row r="468023" spans="8:8">
      <c r="H468023" s="12"/>
    </row>
    <row r="468024" spans="8:8">
      <c r="H468024" s="12"/>
    </row>
    <row r="468025" spans="8:8">
      <c r="H468025" s="12"/>
    </row>
    <row r="468026" spans="8:8">
      <c r="H468026" s="12"/>
    </row>
    <row r="468027" spans="8:8">
      <c r="H468027" s="12"/>
    </row>
    <row r="468028" spans="8:8">
      <c r="H468028" s="12"/>
    </row>
    <row r="468029" spans="8:8">
      <c r="H468029" s="12"/>
    </row>
    <row r="468030" spans="8:8">
      <c r="H468030" s="12"/>
    </row>
    <row r="468031" spans="8:8">
      <c r="H468031" s="12"/>
    </row>
    <row r="468032" spans="8:8">
      <c r="H468032" s="12"/>
    </row>
    <row r="468033" spans="8:8">
      <c r="H468033" s="12"/>
    </row>
    <row r="468034" spans="8:8">
      <c r="H468034" s="12"/>
    </row>
    <row r="468035" spans="8:8">
      <c r="H468035" s="12"/>
    </row>
    <row r="468036" spans="8:8">
      <c r="H468036" s="12"/>
    </row>
    <row r="468037" spans="8:8">
      <c r="H468037" s="12"/>
    </row>
    <row r="468038" spans="8:8">
      <c r="H468038" s="12"/>
    </row>
    <row r="468039" spans="8:8">
      <c r="H468039" s="12"/>
    </row>
    <row r="468040" spans="8:8">
      <c r="H468040" s="12"/>
    </row>
    <row r="468041" spans="8:8">
      <c r="H468041" s="12"/>
    </row>
    <row r="468042" spans="8:8">
      <c r="H468042" s="12"/>
    </row>
    <row r="468043" spans="8:8">
      <c r="H468043" s="12"/>
    </row>
    <row r="468044" spans="8:8">
      <c r="H468044" s="12"/>
    </row>
    <row r="468045" spans="8:8">
      <c r="H468045" s="12"/>
    </row>
    <row r="468046" spans="8:8">
      <c r="H468046" s="12"/>
    </row>
    <row r="468047" spans="8:8">
      <c r="H468047" s="12"/>
    </row>
    <row r="468048" spans="8:8">
      <c r="H468048" s="12"/>
    </row>
    <row r="468049" spans="8:8">
      <c r="H468049" s="12"/>
    </row>
    <row r="468050" spans="8:8">
      <c r="H468050" s="12"/>
    </row>
    <row r="468051" spans="8:8">
      <c r="H468051" s="12"/>
    </row>
    <row r="468052" spans="8:8">
      <c r="H468052" s="12"/>
    </row>
    <row r="468053" spans="8:8">
      <c r="H468053" s="12"/>
    </row>
    <row r="468054" spans="8:8">
      <c r="H468054" s="12"/>
    </row>
    <row r="468055" spans="8:8">
      <c r="H468055" s="12"/>
    </row>
    <row r="468056" spans="8:8">
      <c r="H468056" s="12"/>
    </row>
    <row r="468057" spans="8:8">
      <c r="H468057" s="12"/>
    </row>
    <row r="468058" spans="8:8">
      <c r="H468058" s="12"/>
    </row>
    <row r="468059" spans="8:8">
      <c r="H468059" s="12"/>
    </row>
    <row r="468060" spans="8:8">
      <c r="H468060" s="12"/>
    </row>
    <row r="468061" spans="8:8">
      <c r="H468061" s="12"/>
    </row>
    <row r="468062" spans="8:8">
      <c r="H468062" s="12"/>
    </row>
    <row r="468063" spans="8:8">
      <c r="H468063" s="12"/>
    </row>
    <row r="468064" spans="8:8">
      <c r="H468064" s="12"/>
    </row>
    <row r="468065" spans="8:8">
      <c r="H468065" s="12"/>
    </row>
    <row r="468066" spans="8:8">
      <c r="H468066" s="12"/>
    </row>
    <row r="468067" spans="8:8">
      <c r="H468067" s="12"/>
    </row>
    <row r="468068" spans="8:8">
      <c r="H468068" s="12"/>
    </row>
    <row r="468069" spans="8:8">
      <c r="H468069" s="12"/>
    </row>
    <row r="468070" spans="8:8">
      <c r="H468070" s="12"/>
    </row>
    <row r="468071" spans="8:8">
      <c r="H468071" s="12"/>
    </row>
    <row r="468072" spans="8:8">
      <c r="H468072" s="12"/>
    </row>
    <row r="468073" spans="8:8">
      <c r="H468073" s="12"/>
    </row>
    <row r="468074" spans="8:8">
      <c r="H468074" s="12"/>
    </row>
    <row r="468075" spans="8:8">
      <c r="H468075" s="12"/>
    </row>
    <row r="468076" spans="8:8">
      <c r="H468076" s="12"/>
    </row>
    <row r="468077" spans="8:8">
      <c r="H468077" s="12"/>
    </row>
    <row r="468078" spans="8:8">
      <c r="H468078" s="12"/>
    </row>
    <row r="468079" spans="8:8">
      <c r="H468079" s="12"/>
    </row>
    <row r="468080" spans="8:8">
      <c r="H468080" s="12"/>
    </row>
    <row r="468081" spans="8:8">
      <c r="H468081" s="12"/>
    </row>
    <row r="468082" spans="8:8">
      <c r="H468082" s="12"/>
    </row>
    <row r="468083" spans="8:8">
      <c r="H468083" s="12"/>
    </row>
    <row r="468084" spans="8:8">
      <c r="H468084" s="12"/>
    </row>
    <row r="468085" spans="8:8">
      <c r="H468085" s="12"/>
    </row>
    <row r="468086" spans="8:8">
      <c r="H468086" s="12"/>
    </row>
    <row r="468087" spans="8:8">
      <c r="H468087" s="12"/>
    </row>
    <row r="468088" spans="8:8">
      <c r="H468088" s="12"/>
    </row>
    <row r="468089" spans="8:8">
      <c r="H468089" s="12"/>
    </row>
    <row r="468090" spans="8:8">
      <c r="H468090" s="12"/>
    </row>
    <row r="468091" spans="8:8">
      <c r="H468091" s="12"/>
    </row>
    <row r="468092" spans="8:8">
      <c r="H468092" s="12"/>
    </row>
    <row r="468093" spans="8:8">
      <c r="H468093" s="12"/>
    </row>
    <row r="468094" spans="8:8">
      <c r="H468094" s="12"/>
    </row>
    <row r="468095" spans="8:8">
      <c r="H468095" s="12"/>
    </row>
    <row r="468096" spans="8:8">
      <c r="H468096" s="12"/>
    </row>
    <row r="468097" spans="8:8">
      <c r="H468097" s="12"/>
    </row>
    <row r="468098" spans="8:8">
      <c r="H468098" s="12"/>
    </row>
    <row r="468099" spans="8:8">
      <c r="H468099" s="12"/>
    </row>
    <row r="468100" spans="8:8">
      <c r="H468100" s="12"/>
    </row>
    <row r="468101" spans="8:8">
      <c r="H468101" s="12"/>
    </row>
    <row r="468102" spans="8:8">
      <c r="H468102" s="12"/>
    </row>
    <row r="468103" spans="8:8">
      <c r="H468103" s="12"/>
    </row>
    <row r="468104" spans="8:8">
      <c r="H468104" s="12"/>
    </row>
    <row r="468105" spans="8:8">
      <c r="H468105" s="12"/>
    </row>
    <row r="468106" spans="8:8">
      <c r="H468106" s="12"/>
    </row>
    <row r="468107" spans="8:8">
      <c r="H468107" s="12"/>
    </row>
    <row r="468108" spans="8:8">
      <c r="H468108" s="12"/>
    </row>
    <row r="468109" spans="8:8">
      <c r="H468109" s="12"/>
    </row>
    <row r="468110" spans="8:8">
      <c r="H468110" s="12"/>
    </row>
    <row r="468111" spans="8:8">
      <c r="H468111" s="12"/>
    </row>
    <row r="468112" spans="8:8">
      <c r="H468112" s="12"/>
    </row>
    <row r="468113" spans="8:8">
      <c r="H468113" s="12"/>
    </row>
    <row r="468114" spans="8:8">
      <c r="H468114" s="12"/>
    </row>
    <row r="468115" spans="8:8">
      <c r="H468115" s="12"/>
    </row>
    <row r="468116" spans="8:8">
      <c r="H468116" s="12"/>
    </row>
    <row r="468117" spans="8:8">
      <c r="H468117" s="12"/>
    </row>
    <row r="468118" spans="8:8">
      <c r="H468118" s="12"/>
    </row>
    <row r="468119" spans="8:8">
      <c r="H468119" s="12"/>
    </row>
    <row r="468120" spans="8:8">
      <c r="H468120" s="12"/>
    </row>
    <row r="468121" spans="8:8">
      <c r="H468121" s="12"/>
    </row>
    <row r="468122" spans="8:8">
      <c r="H468122" s="12"/>
    </row>
    <row r="468123" spans="8:8">
      <c r="H468123" s="12"/>
    </row>
    <row r="468124" spans="8:8">
      <c r="H468124" s="12"/>
    </row>
    <row r="468125" spans="8:8">
      <c r="H468125" s="12"/>
    </row>
    <row r="468126" spans="8:8">
      <c r="H468126" s="12"/>
    </row>
    <row r="468127" spans="8:8">
      <c r="H468127" s="12"/>
    </row>
    <row r="468128" spans="8:8">
      <c r="H468128" s="12"/>
    </row>
    <row r="468129" spans="8:8">
      <c r="H468129" s="12"/>
    </row>
    <row r="468130" spans="8:8">
      <c r="H468130" s="12"/>
    </row>
    <row r="468131" spans="8:8">
      <c r="H468131" s="12"/>
    </row>
    <row r="468132" spans="8:8">
      <c r="H468132" s="12"/>
    </row>
    <row r="468133" spans="8:8">
      <c r="H468133" s="12"/>
    </row>
    <row r="468134" spans="8:8">
      <c r="H468134" s="12"/>
    </row>
    <row r="468135" spans="8:8">
      <c r="H468135" s="12"/>
    </row>
    <row r="468136" spans="8:8">
      <c r="H468136" s="12"/>
    </row>
    <row r="468137" spans="8:8">
      <c r="H468137" s="12"/>
    </row>
    <row r="468138" spans="8:8">
      <c r="H468138" s="12"/>
    </row>
    <row r="468139" spans="8:8">
      <c r="H468139" s="12"/>
    </row>
    <row r="468140" spans="8:8">
      <c r="H468140" s="12"/>
    </row>
    <row r="468141" spans="8:8">
      <c r="H468141" s="12"/>
    </row>
    <row r="468142" spans="8:8">
      <c r="H468142" s="12"/>
    </row>
    <row r="468143" spans="8:8">
      <c r="H468143" s="12"/>
    </row>
    <row r="468144" spans="8:8">
      <c r="H468144" s="12"/>
    </row>
    <row r="468145" spans="8:8">
      <c r="H468145" s="12"/>
    </row>
    <row r="468146" spans="8:8">
      <c r="H468146" s="12"/>
    </row>
    <row r="468147" spans="8:8">
      <c r="H468147" s="12"/>
    </row>
    <row r="468148" spans="8:8">
      <c r="H468148" s="12"/>
    </row>
    <row r="468149" spans="8:8">
      <c r="H468149" s="12"/>
    </row>
    <row r="468150" spans="8:8">
      <c r="H468150" s="12"/>
    </row>
    <row r="468151" spans="8:8">
      <c r="H468151" s="12"/>
    </row>
    <row r="468152" spans="8:8">
      <c r="H468152" s="12"/>
    </row>
    <row r="468153" spans="8:8">
      <c r="H468153" s="12"/>
    </row>
    <row r="468154" spans="8:8">
      <c r="H468154" s="12"/>
    </row>
    <row r="468155" spans="8:8">
      <c r="H468155" s="12"/>
    </row>
    <row r="468156" spans="8:8">
      <c r="H468156" s="12"/>
    </row>
    <row r="468157" spans="8:8">
      <c r="H468157" s="12"/>
    </row>
    <row r="468158" spans="8:8">
      <c r="H468158" s="12"/>
    </row>
    <row r="468159" spans="8:8">
      <c r="H468159" s="12"/>
    </row>
    <row r="468160" spans="8:8">
      <c r="H468160" s="12"/>
    </row>
    <row r="468161" spans="8:8">
      <c r="H468161" s="12"/>
    </row>
    <row r="468162" spans="8:8">
      <c r="H468162" s="12"/>
    </row>
    <row r="468163" spans="8:8">
      <c r="H468163" s="12"/>
    </row>
    <row r="468164" spans="8:8">
      <c r="H468164" s="12"/>
    </row>
    <row r="468165" spans="8:8">
      <c r="H468165" s="12"/>
    </row>
    <row r="468166" spans="8:8">
      <c r="H468166" s="12"/>
    </row>
    <row r="468167" spans="8:8">
      <c r="H468167" s="12"/>
    </row>
    <row r="468168" spans="8:8">
      <c r="H468168" s="12"/>
    </row>
    <row r="468169" spans="8:8">
      <c r="H468169" s="12"/>
    </row>
    <row r="468170" spans="8:8">
      <c r="H468170" s="12"/>
    </row>
    <row r="468171" spans="8:8">
      <c r="H468171" s="12"/>
    </row>
    <row r="468172" spans="8:8">
      <c r="H468172" s="12"/>
    </row>
    <row r="468173" spans="8:8">
      <c r="H468173" s="12"/>
    </row>
    <row r="468174" spans="8:8">
      <c r="H468174" s="12"/>
    </row>
    <row r="468175" spans="8:8">
      <c r="H468175" s="12"/>
    </row>
    <row r="468176" spans="8:8">
      <c r="H468176" s="12"/>
    </row>
    <row r="468177" spans="8:8">
      <c r="H468177" s="12"/>
    </row>
    <row r="468178" spans="8:8">
      <c r="H468178" s="12"/>
    </row>
    <row r="468179" spans="8:8">
      <c r="H468179" s="12"/>
    </row>
    <row r="468180" spans="8:8">
      <c r="H468180" s="12"/>
    </row>
    <row r="468181" spans="8:8">
      <c r="H468181" s="12"/>
    </row>
    <row r="468182" spans="8:8">
      <c r="H468182" s="12"/>
    </row>
    <row r="468183" spans="8:8">
      <c r="H468183" s="12"/>
    </row>
    <row r="468184" spans="8:8">
      <c r="H468184" s="12"/>
    </row>
    <row r="468185" spans="8:8">
      <c r="H468185" s="12"/>
    </row>
    <row r="468186" spans="8:8">
      <c r="H468186" s="12"/>
    </row>
    <row r="468187" spans="8:8">
      <c r="H468187" s="12"/>
    </row>
    <row r="468188" spans="8:8">
      <c r="H468188" s="12"/>
    </row>
    <row r="468189" spans="8:8">
      <c r="H468189" s="12"/>
    </row>
    <row r="468190" spans="8:8">
      <c r="H468190" s="12"/>
    </row>
    <row r="468191" spans="8:8">
      <c r="H468191" s="12"/>
    </row>
    <row r="468192" spans="8:8">
      <c r="H468192" s="12"/>
    </row>
    <row r="468193" spans="8:8">
      <c r="H468193" s="12"/>
    </row>
    <row r="468194" spans="8:8">
      <c r="H468194" s="12"/>
    </row>
    <row r="468195" spans="8:8">
      <c r="H468195" s="12"/>
    </row>
    <row r="468196" spans="8:8">
      <c r="H468196" s="12"/>
    </row>
    <row r="468197" spans="8:8">
      <c r="H468197" s="12"/>
    </row>
    <row r="468198" spans="8:8">
      <c r="H468198" s="12"/>
    </row>
    <row r="468199" spans="8:8">
      <c r="H468199" s="12"/>
    </row>
    <row r="468200" spans="8:8">
      <c r="H468200" s="12"/>
    </row>
    <row r="468201" spans="8:8">
      <c r="H468201" s="12"/>
    </row>
    <row r="468202" spans="8:8">
      <c r="H468202" s="12"/>
    </row>
    <row r="468203" spans="8:8">
      <c r="H468203" s="12"/>
    </row>
    <row r="468204" spans="8:8">
      <c r="H468204" s="12"/>
    </row>
    <row r="468205" spans="8:8">
      <c r="H468205" s="12"/>
    </row>
    <row r="468206" spans="8:8">
      <c r="H468206" s="12"/>
    </row>
    <row r="468207" spans="8:8">
      <c r="H468207" s="12"/>
    </row>
    <row r="468208" spans="8:8">
      <c r="H468208" s="12"/>
    </row>
    <row r="468209" spans="8:8">
      <c r="H468209" s="12"/>
    </row>
    <row r="468210" spans="8:8">
      <c r="H468210" s="12"/>
    </row>
    <row r="468211" spans="8:8">
      <c r="H468211" s="12"/>
    </row>
    <row r="468212" spans="8:8">
      <c r="H468212" s="12"/>
    </row>
    <row r="468213" spans="8:8">
      <c r="H468213" s="12"/>
    </row>
    <row r="468214" spans="8:8">
      <c r="H468214" s="12"/>
    </row>
    <row r="468215" spans="8:8">
      <c r="H468215" s="12"/>
    </row>
    <row r="468216" spans="8:8">
      <c r="H468216" s="12"/>
    </row>
    <row r="468217" spans="8:8">
      <c r="H468217" s="12"/>
    </row>
    <row r="468218" spans="8:8">
      <c r="H468218" s="12"/>
    </row>
    <row r="468219" spans="8:8">
      <c r="H468219" s="12"/>
    </row>
    <row r="468220" spans="8:8">
      <c r="H468220" s="12"/>
    </row>
    <row r="468221" spans="8:8">
      <c r="H468221" s="12"/>
    </row>
    <row r="468222" spans="8:8">
      <c r="H468222" s="12"/>
    </row>
    <row r="468223" spans="8:8">
      <c r="H468223" s="12"/>
    </row>
    <row r="468224" spans="8:8">
      <c r="H468224" s="12"/>
    </row>
    <row r="468225" spans="8:8">
      <c r="H468225" s="12"/>
    </row>
    <row r="468226" spans="8:8">
      <c r="H468226" s="12"/>
    </row>
    <row r="468227" spans="8:8">
      <c r="H468227" s="12"/>
    </row>
    <row r="468228" spans="8:8">
      <c r="H468228" s="12"/>
    </row>
    <row r="468229" spans="8:8">
      <c r="H468229" s="12"/>
    </row>
    <row r="468230" spans="8:8">
      <c r="H468230" s="12"/>
    </row>
    <row r="468231" spans="8:8">
      <c r="H468231" s="12"/>
    </row>
    <row r="468232" spans="8:8">
      <c r="H468232" s="12"/>
    </row>
    <row r="468233" spans="8:8">
      <c r="H468233" s="12"/>
    </row>
    <row r="468234" spans="8:8">
      <c r="H468234" s="12"/>
    </row>
    <row r="468235" spans="8:8">
      <c r="H468235" s="12"/>
    </row>
    <row r="468236" spans="8:8">
      <c r="H468236" s="12"/>
    </row>
    <row r="468237" spans="8:8">
      <c r="H468237" s="12"/>
    </row>
    <row r="468238" spans="8:8">
      <c r="H468238" s="12"/>
    </row>
    <row r="468239" spans="8:8">
      <c r="H468239" s="12"/>
    </row>
    <row r="468240" spans="8:8">
      <c r="H468240" s="12"/>
    </row>
    <row r="468241" spans="8:8">
      <c r="H468241" s="12"/>
    </row>
    <row r="468242" spans="8:8">
      <c r="H468242" s="12"/>
    </row>
    <row r="468243" spans="8:8">
      <c r="H468243" s="12"/>
    </row>
    <row r="468244" spans="8:8">
      <c r="H468244" s="12"/>
    </row>
    <row r="468245" spans="8:8">
      <c r="H468245" s="12"/>
    </row>
    <row r="468246" spans="8:8">
      <c r="H468246" s="12"/>
    </row>
    <row r="468247" spans="8:8">
      <c r="H468247" s="12"/>
    </row>
    <row r="468248" spans="8:8">
      <c r="H468248" s="12"/>
    </row>
    <row r="468249" spans="8:8">
      <c r="H468249" s="12"/>
    </row>
    <row r="468250" spans="8:8">
      <c r="H468250" s="12"/>
    </row>
    <row r="468251" spans="8:8">
      <c r="H468251" s="12"/>
    </row>
    <row r="468252" spans="8:8">
      <c r="H468252" s="12"/>
    </row>
    <row r="468253" spans="8:8">
      <c r="H468253" s="12"/>
    </row>
    <row r="468254" spans="8:8">
      <c r="H468254" s="12"/>
    </row>
    <row r="468255" spans="8:8">
      <c r="H468255" s="12"/>
    </row>
    <row r="468256" spans="8:8">
      <c r="H468256" s="12"/>
    </row>
    <row r="468257" spans="8:8">
      <c r="H468257" s="12"/>
    </row>
    <row r="468258" spans="8:8">
      <c r="H468258" s="12"/>
    </row>
    <row r="468259" spans="8:8">
      <c r="H468259" s="12"/>
    </row>
    <row r="468260" spans="8:8">
      <c r="H468260" s="12"/>
    </row>
    <row r="468261" spans="8:8">
      <c r="H468261" s="12"/>
    </row>
    <row r="468262" spans="8:8">
      <c r="H468262" s="12"/>
    </row>
    <row r="468263" spans="8:8">
      <c r="H468263" s="12"/>
    </row>
    <row r="468264" spans="8:8">
      <c r="H468264" s="12"/>
    </row>
    <row r="468265" spans="8:8">
      <c r="H468265" s="12"/>
    </row>
    <row r="468266" spans="8:8">
      <c r="H468266" s="12"/>
    </row>
    <row r="468267" spans="8:8">
      <c r="H468267" s="12"/>
    </row>
    <row r="468268" spans="8:8">
      <c r="H468268" s="12"/>
    </row>
    <row r="468269" spans="8:8">
      <c r="H468269" s="12"/>
    </row>
    <row r="468270" spans="8:8">
      <c r="H468270" s="12"/>
    </row>
    <row r="468271" spans="8:8">
      <c r="H468271" s="12"/>
    </row>
    <row r="468272" spans="8:8">
      <c r="H468272" s="12"/>
    </row>
    <row r="468273" spans="8:8">
      <c r="H468273" s="12"/>
    </row>
    <row r="468274" spans="8:8">
      <c r="H468274" s="12"/>
    </row>
    <row r="468275" spans="8:8">
      <c r="H468275" s="12"/>
    </row>
    <row r="468276" spans="8:8">
      <c r="H468276" s="12"/>
    </row>
    <row r="468277" spans="8:8">
      <c r="H468277" s="12"/>
    </row>
    <row r="468278" spans="8:8">
      <c r="H468278" s="12"/>
    </row>
    <row r="468279" spans="8:8">
      <c r="H468279" s="12"/>
    </row>
    <row r="468280" spans="8:8">
      <c r="H468280" s="12"/>
    </row>
    <row r="468281" spans="8:8">
      <c r="H468281" s="12"/>
    </row>
    <row r="468282" spans="8:8">
      <c r="H468282" s="12"/>
    </row>
    <row r="468283" spans="8:8">
      <c r="H468283" s="12"/>
    </row>
    <row r="468284" spans="8:8">
      <c r="H468284" s="12"/>
    </row>
    <row r="468285" spans="8:8">
      <c r="H468285" s="12"/>
    </row>
    <row r="468286" spans="8:8">
      <c r="H468286" s="12"/>
    </row>
    <row r="468287" spans="8:8">
      <c r="H468287" s="12"/>
    </row>
    <row r="468288" spans="8:8">
      <c r="H468288" s="12"/>
    </row>
    <row r="468289" spans="8:8">
      <c r="H468289" s="12"/>
    </row>
    <row r="468290" spans="8:8">
      <c r="H468290" s="12"/>
    </row>
    <row r="468291" spans="8:8">
      <c r="H468291" s="12"/>
    </row>
    <row r="468292" spans="8:8">
      <c r="H468292" s="12"/>
    </row>
    <row r="468293" spans="8:8">
      <c r="H468293" s="12"/>
    </row>
    <row r="468294" spans="8:8">
      <c r="H468294" s="12"/>
    </row>
    <row r="468295" spans="8:8">
      <c r="H468295" s="12"/>
    </row>
    <row r="468296" spans="8:8">
      <c r="H468296" s="12"/>
    </row>
    <row r="468297" spans="8:8">
      <c r="H468297" s="12"/>
    </row>
    <row r="468298" spans="8:8">
      <c r="H468298" s="12"/>
    </row>
    <row r="468299" spans="8:8">
      <c r="H468299" s="12"/>
    </row>
    <row r="468300" spans="8:8">
      <c r="H468300" s="12"/>
    </row>
    <row r="468301" spans="8:8">
      <c r="H468301" s="12"/>
    </row>
    <row r="468302" spans="8:8">
      <c r="H468302" s="12"/>
    </row>
    <row r="468303" spans="8:8">
      <c r="H468303" s="12"/>
    </row>
    <row r="468304" spans="8:8">
      <c r="H468304" s="12"/>
    </row>
    <row r="468305" spans="8:8">
      <c r="H468305" s="12"/>
    </row>
    <row r="468306" spans="8:8">
      <c r="H468306" s="12"/>
    </row>
    <row r="468307" spans="8:8">
      <c r="H468307" s="12"/>
    </row>
    <row r="468308" spans="8:8">
      <c r="H468308" s="12"/>
    </row>
    <row r="468309" spans="8:8">
      <c r="H468309" s="12"/>
    </row>
    <row r="468310" spans="8:8">
      <c r="H468310" s="12"/>
    </row>
    <row r="468311" spans="8:8">
      <c r="H468311" s="12"/>
    </row>
    <row r="468312" spans="8:8">
      <c r="H468312" s="12"/>
    </row>
    <row r="468313" spans="8:8">
      <c r="H468313" s="12"/>
    </row>
    <row r="468314" spans="8:8">
      <c r="H468314" s="12"/>
    </row>
    <row r="468315" spans="8:8">
      <c r="H468315" s="12"/>
    </row>
    <row r="468316" spans="8:8">
      <c r="H468316" s="12"/>
    </row>
    <row r="468317" spans="8:8">
      <c r="H468317" s="12"/>
    </row>
    <row r="468318" spans="8:8">
      <c r="H468318" s="12"/>
    </row>
    <row r="468319" spans="8:8">
      <c r="H468319" s="12"/>
    </row>
    <row r="468320" spans="8:8">
      <c r="H468320" s="12"/>
    </row>
    <row r="468321" spans="8:8">
      <c r="H468321" s="12"/>
    </row>
    <row r="468322" spans="8:8">
      <c r="H468322" s="12"/>
    </row>
    <row r="468323" spans="8:8">
      <c r="H468323" s="12"/>
    </row>
    <row r="468324" spans="8:8">
      <c r="H468324" s="12"/>
    </row>
    <row r="468325" spans="8:8">
      <c r="H468325" s="12"/>
    </row>
    <row r="468326" spans="8:8">
      <c r="H468326" s="12"/>
    </row>
    <row r="468327" spans="8:8">
      <c r="H468327" s="12"/>
    </row>
    <row r="468328" spans="8:8">
      <c r="H468328" s="12"/>
    </row>
    <row r="468329" spans="8:8">
      <c r="H468329" s="12"/>
    </row>
    <row r="468330" spans="8:8">
      <c r="H468330" s="12"/>
    </row>
    <row r="468331" spans="8:8">
      <c r="H468331" s="12"/>
    </row>
    <row r="468332" spans="8:8">
      <c r="H468332" s="12"/>
    </row>
    <row r="468333" spans="8:8">
      <c r="H468333" s="12"/>
    </row>
    <row r="468334" spans="8:8">
      <c r="H468334" s="12"/>
    </row>
    <row r="468335" spans="8:8">
      <c r="H468335" s="12"/>
    </row>
    <row r="468336" spans="8:8">
      <c r="H468336" s="12"/>
    </row>
    <row r="468337" spans="8:8">
      <c r="H468337" s="12"/>
    </row>
    <row r="468338" spans="8:8">
      <c r="H468338" s="12"/>
    </row>
    <row r="468339" spans="8:8">
      <c r="H468339" s="12"/>
    </row>
    <row r="468340" spans="8:8">
      <c r="H468340" s="12"/>
    </row>
    <row r="468341" spans="8:8">
      <c r="H468341" s="12"/>
    </row>
    <row r="468342" spans="8:8">
      <c r="H468342" s="12"/>
    </row>
    <row r="468343" spans="8:8">
      <c r="H468343" s="12"/>
    </row>
    <row r="468344" spans="8:8">
      <c r="H468344" s="12"/>
    </row>
    <row r="468345" spans="8:8">
      <c r="H468345" s="12"/>
    </row>
    <row r="468346" spans="8:8">
      <c r="H468346" s="12"/>
    </row>
    <row r="468347" spans="8:8">
      <c r="H468347" s="12"/>
    </row>
    <row r="468348" spans="8:8">
      <c r="H468348" s="12"/>
    </row>
    <row r="468349" spans="8:8">
      <c r="H468349" s="12"/>
    </row>
    <row r="468350" spans="8:8">
      <c r="H468350" s="12"/>
    </row>
    <row r="468351" spans="8:8">
      <c r="H468351" s="12"/>
    </row>
    <row r="468352" spans="8:8">
      <c r="H468352" s="12"/>
    </row>
    <row r="468353" spans="8:8">
      <c r="H468353" s="12"/>
    </row>
    <row r="468354" spans="8:8">
      <c r="H468354" s="12"/>
    </row>
    <row r="468355" spans="8:8">
      <c r="H468355" s="12"/>
    </row>
    <row r="468356" spans="8:8">
      <c r="H468356" s="12"/>
    </row>
    <row r="468357" spans="8:8">
      <c r="H468357" s="12"/>
    </row>
    <row r="468358" spans="8:8">
      <c r="H468358" s="12"/>
    </row>
    <row r="468359" spans="8:8">
      <c r="H468359" s="12"/>
    </row>
    <row r="468360" spans="8:8">
      <c r="H468360" s="12"/>
    </row>
    <row r="468361" spans="8:8">
      <c r="H468361" s="12"/>
    </row>
    <row r="468362" spans="8:8">
      <c r="H468362" s="12"/>
    </row>
    <row r="468363" spans="8:8">
      <c r="H468363" s="12"/>
    </row>
    <row r="468364" spans="8:8">
      <c r="H468364" s="12"/>
    </row>
    <row r="468365" spans="8:8">
      <c r="H468365" s="12"/>
    </row>
    <row r="468366" spans="8:8">
      <c r="H468366" s="12"/>
    </row>
    <row r="468367" spans="8:8">
      <c r="H468367" s="12"/>
    </row>
    <row r="468368" spans="8:8">
      <c r="H468368" s="12"/>
    </row>
    <row r="468369" spans="8:8">
      <c r="H468369" s="12"/>
    </row>
    <row r="468370" spans="8:8">
      <c r="H468370" s="12"/>
    </row>
    <row r="468371" spans="8:8">
      <c r="H468371" s="12"/>
    </row>
    <row r="468372" spans="8:8">
      <c r="H468372" s="12"/>
    </row>
    <row r="468373" spans="8:8">
      <c r="H468373" s="12"/>
    </row>
    <row r="468374" spans="8:8">
      <c r="H468374" s="12"/>
    </row>
    <row r="468375" spans="8:8">
      <c r="H468375" s="12"/>
    </row>
    <row r="468376" spans="8:8">
      <c r="H468376" s="12"/>
    </row>
    <row r="468377" spans="8:8">
      <c r="H468377" s="12"/>
    </row>
    <row r="468378" spans="8:8">
      <c r="H468378" s="12"/>
    </row>
    <row r="468379" spans="8:8">
      <c r="H468379" s="12"/>
    </row>
    <row r="468380" spans="8:8">
      <c r="H468380" s="12"/>
    </row>
    <row r="468381" spans="8:8">
      <c r="H468381" s="12"/>
    </row>
    <row r="468382" spans="8:8">
      <c r="H468382" s="12"/>
    </row>
    <row r="468383" spans="8:8">
      <c r="H468383" s="12"/>
    </row>
    <row r="468384" spans="8:8">
      <c r="H468384" s="12"/>
    </row>
    <row r="468385" spans="8:8">
      <c r="H468385" s="12"/>
    </row>
    <row r="468386" spans="8:8">
      <c r="H468386" s="12"/>
    </row>
    <row r="468387" spans="8:8">
      <c r="H468387" s="12"/>
    </row>
    <row r="468388" spans="8:8">
      <c r="H468388" s="12"/>
    </row>
    <row r="468389" spans="8:8">
      <c r="H468389" s="12"/>
    </row>
    <row r="468390" spans="8:8">
      <c r="H468390" s="12"/>
    </row>
    <row r="468391" spans="8:8">
      <c r="H468391" s="12"/>
    </row>
    <row r="468392" spans="8:8">
      <c r="H468392" s="12"/>
    </row>
    <row r="468393" spans="8:8">
      <c r="H468393" s="12"/>
    </row>
    <row r="468394" spans="8:8">
      <c r="H468394" s="12"/>
    </row>
    <row r="468395" spans="8:8">
      <c r="H468395" s="12"/>
    </row>
    <row r="468396" spans="8:8">
      <c r="H468396" s="12"/>
    </row>
    <row r="468397" spans="8:8">
      <c r="H468397" s="12"/>
    </row>
    <row r="468398" spans="8:8">
      <c r="H468398" s="12"/>
    </row>
    <row r="468399" spans="8:8">
      <c r="H468399" s="12"/>
    </row>
    <row r="468400" spans="8:8">
      <c r="H468400" s="12"/>
    </row>
    <row r="468401" spans="8:8">
      <c r="H468401" s="12"/>
    </row>
    <row r="468402" spans="8:8">
      <c r="H468402" s="12"/>
    </row>
    <row r="468403" spans="8:8">
      <c r="H468403" s="12"/>
    </row>
    <row r="468404" spans="8:8">
      <c r="H468404" s="12"/>
    </row>
    <row r="468405" spans="8:8">
      <c r="H468405" s="12"/>
    </row>
    <row r="468406" spans="8:8">
      <c r="H468406" s="12"/>
    </row>
    <row r="468407" spans="8:8">
      <c r="H468407" s="12"/>
    </row>
    <row r="468408" spans="8:8">
      <c r="H468408" s="12"/>
    </row>
    <row r="468409" spans="8:8">
      <c r="H468409" s="12"/>
    </row>
    <row r="468410" spans="8:8">
      <c r="H468410" s="12"/>
    </row>
    <row r="468411" spans="8:8">
      <c r="H468411" s="12"/>
    </row>
    <row r="468412" spans="8:8">
      <c r="H468412" s="12"/>
    </row>
    <row r="468413" spans="8:8">
      <c r="H468413" s="12"/>
    </row>
    <row r="468414" spans="8:8">
      <c r="H468414" s="12"/>
    </row>
    <row r="468415" spans="8:8">
      <c r="H468415" s="12"/>
    </row>
    <row r="468416" spans="8:8">
      <c r="H468416" s="12"/>
    </row>
    <row r="468417" spans="8:8">
      <c r="H468417" s="12"/>
    </row>
    <row r="468418" spans="8:8">
      <c r="H468418" s="12"/>
    </row>
    <row r="468419" spans="8:8">
      <c r="H468419" s="12"/>
    </row>
    <row r="468420" spans="8:8">
      <c r="H468420" s="12"/>
    </row>
    <row r="468421" spans="8:8">
      <c r="H468421" s="12"/>
    </row>
    <row r="468422" spans="8:8">
      <c r="H468422" s="12"/>
    </row>
    <row r="468423" spans="8:8">
      <c r="H468423" s="12"/>
    </row>
    <row r="468424" spans="8:8">
      <c r="H468424" s="12"/>
    </row>
    <row r="468425" spans="8:8">
      <c r="H468425" s="12"/>
    </row>
    <row r="468426" spans="8:8">
      <c r="H468426" s="12"/>
    </row>
    <row r="468427" spans="8:8">
      <c r="H468427" s="12"/>
    </row>
    <row r="468428" spans="8:8">
      <c r="H468428" s="12"/>
    </row>
    <row r="468429" spans="8:8">
      <c r="H468429" s="12"/>
    </row>
    <row r="468430" spans="8:8">
      <c r="H468430" s="12"/>
    </row>
    <row r="468431" spans="8:8">
      <c r="H468431" s="12"/>
    </row>
    <row r="468432" spans="8:8">
      <c r="H468432" s="12"/>
    </row>
    <row r="468433" spans="8:8">
      <c r="H468433" s="12"/>
    </row>
    <row r="468434" spans="8:8">
      <c r="H468434" s="12"/>
    </row>
    <row r="468435" spans="8:8">
      <c r="H468435" s="12"/>
    </row>
    <row r="468436" spans="8:8">
      <c r="H468436" s="12"/>
    </row>
    <row r="468437" spans="8:8">
      <c r="H468437" s="12"/>
    </row>
    <row r="468438" spans="8:8">
      <c r="H468438" s="12"/>
    </row>
    <row r="468439" spans="8:8">
      <c r="H468439" s="12"/>
    </row>
    <row r="468440" spans="8:8">
      <c r="H468440" s="12"/>
    </row>
    <row r="468441" spans="8:8">
      <c r="H468441" s="12"/>
    </row>
    <row r="468442" spans="8:8">
      <c r="H468442" s="12"/>
    </row>
    <row r="468443" spans="8:8">
      <c r="H468443" s="12"/>
    </row>
    <row r="468444" spans="8:8">
      <c r="H468444" s="12"/>
    </row>
    <row r="468445" spans="8:8">
      <c r="H468445" s="12"/>
    </row>
    <row r="468446" spans="8:8">
      <c r="H468446" s="12"/>
    </row>
    <row r="468447" spans="8:8">
      <c r="H468447" s="12"/>
    </row>
    <row r="468448" spans="8:8">
      <c r="H468448" s="12"/>
    </row>
    <row r="468449" spans="8:8">
      <c r="H468449" s="12"/>
    </row>
    <row r="468450" spans="8:8">
      <c r="H468450" s="12"/>
    </row>
    <row r="468451" spans="8:8">
      <c r="H468451" s="12"/>
    </row>
    <row r="468452" spans="8:8">
      <c r="H468452" s="12"/>
    </row>
    <row r="468453" spans="8:8">
      <c r="H468453" s="12"/>
    </row>
    <row r="468454" spans="8:8">
      <c r="H468454" s="12"/>
    </row>
    <row r="468455" spans="8:8">
      <c r="H468455" s="12"/>
    </row>
    <row r="468456" spans="8:8">
      <c r="H468456" s="12"/>
    </row>
    <row r="468457" spans="8:8">
      <c r="H468457" s="12"/>
    </row>
    <row r="468458" spans="8:8">
      <c r="H468458" s="12"/>
    </row>
    <row r="468459" spans="8:8">
      <c r="H468459" s="12"/>
    </row>
    <row r="468460" spans="8:8">
      <c r="H468460" s="12"/>
    </row>
    <row r="468461" spans="8:8">
      <c r="H468461" s="12"/>
    </row>
    <row r="468462" spans="8:8">
      <c r="H468462" s="12"/>
    </row>
    <row r="468463" spans="8:8">
      <c r="H468463" s="12"/>
    </row>
    <row r="468464" spans="8:8">
      <c r="H468464" s="12"/>
    </row>
    <row r="468465" spans="8:8">
      <c r="H468465" s="12"/>
    </row>
    <row r="468466" spans="8:8">
      <c r="H468466" s="12"/>
    </row>
    <row r="468467" spans="8:8">
      <c r="H468467" s="12"/>
    </row>
    <row r="468468" spans="8:8">
      <c r="H468468" s="12"/>
    </row>
    <row r="468469" spans="8:8">
      <c r="H468469" s="12"/>
    </row>
    <row r="468470" spans="8:8">
      <c r="H468470" s="12"/>
    </row>
    <row r="468471" spans="8:8">
      <c r="H468471" s="12"/>
    </row>
    <row r="468472" spans="8:8">
      <c r="H468472" s="12"/>
    </row>
    <row r="468473" spans="8:8">
      <c r="H468473" s="12"/>
    </row>
    <row r="468474" spans="8:8">
      <c r="H468474" s="12"/>
    </row>
    <row r="468475" spans="8:8">
      <c r="H468475" s="12"/>
    </row>
    <row r="468476" spans="8:8">
      <c r="H468476" s="12"/>
    </row>
    <row r="468477" spans="8:8">
      <c r="H468477" s="12"/>
    </row>
    <row r="468478" spans="8:8">
      <c r="H468478" s="12"/>
    </row>
    <row r="468479" spans="8:8">
      <c r="H468479" s="12"/>
    </row>
    <row r="468480" spans="8:8">
      <c r="H468480" s="12"/>
    </row>
    <row r="468481" spans="8:8">
      <c r="H468481" s="12"/>
    </row>
    <row r="468482" spans="8:8">
      <c r="H468482" s="12"/>
    </row>
    <row r="468483" spans="8:8">
      <c r="H468483" s="12"/>
    </row>
    <row r="468484" spans="8:8">
      <c r="H468484" s="12"/>
    </row>
    <row r="468485" spans="8:8">
      <c r="H468485" s="12"/>
    </row>
    <row r="468486" spans="8:8">
      <c r="H468486" s="12"/>
    </row>
    <row r="468487" spans="8:8">
      <c r="H468487" s="12"/>
    </row>
    <row r="468488" spans="8:8">
      <c r="H468488" s="12"/>
    </row>
    <row r="468489" spans="8:8">
      <c r="H468489" s="12"/>
    </row>
    <row r="468490" spans="8:8">
      <c r="H468490" s="12"/>
    </row>
    <row r="468491" spans="8:8">
      <c r="H468491" s="12"/>
    </row>
    <row r="468492" spans="8:8">
      <c r="H468492" s="12"/>
    </row>
    <row r="468493" spans="8:8">
      <c r="H468493" s="12"/>
    </row>
    <row r="468494" spans="8:8">
      <c r="H468494" s="12"/>
    </row>
    <row r="468495" spans="8:8">
      <c r="H468495" s="12"/>
    </row>
    <row r="468496" spans="8:8">
      <c r="H468496" s="12"/>
    </row>
    <row r="468497" spans="8:8">
      <c r="H468497" s="12"/>
    </row>
    <row r="468498" spans="8:8">
      <c r="H468498" s="12"/>
    </row>
    <row r="468499" spans="8:8">
      <c r="H468499" s="12"/>
    </row>
    <row r="468500" spans="8:8">
      <c r="H468500" s="12"/>
    </row>
    <row r="468501" spans="8:8">
      <c r="H468501" s="12"/>
    </row>
    <row r="468502" spans="8:8">
      <c r="H468502" s="12"/>
    </row>
    <row r="468503" spans="8:8">
      <c r="H468503" s="12"/>
    </row>
    <row r="468504" spans="8:8">
      <c r="H468504" s="12"/>
    </row>
    <row r="468505" spans="8:8">
      <c r="H468505" s="12"/>
    </row>
    <row r="468506" spans="8:8">
      <c r="H468506" s="12"/>
    </row>
    <row r="468507" spans="8:8">
      <c r="H468507" s="12"/>
    </row>
    <row r="468508" spans="8:8">
      <c r="H468508" s="12"/>
    </row>
    <row r="468509" spans="8:8">
      <c r="H468509" s="12"/>
    </row>
    <row r="468510" spans="8:8">
      <c r="H468510" s="12"/>
    </row>
    <row r="468511" spans="8:8">
      <c r="H468511" s="12"/>
    </row>
    <row r="468512" spans="8:8">
      <c r="H468512" s="12"/>
    </row>
    <row r="468513" spans="8:8">
      <c r="H468513" s="12"/>
    </row>
    <row r="468514" spans="8:8">
      <c r="H468514" s="12"/>
    </row>
    <row r="468515" spans="8:8">
      <c r="H468515" s="12"/>
    </row>
    <row r="468516" spans="8:8">
      <c r="H468516" s="12"/>
    </row>
    <row r="468517" spans="8:8">
      <c r="H468517" s="12"/>
    </row>
    <row r="468518" spans="8:8">
      <c r="H468518" s="12"/>
    </row>
    <row r="468519" spans="8:8">
      <c r="H468519" s="12"/>
    </row>
    <row r="468520" spans="8:8">
      <c r="H468520" s="12"/>
    </row>
    <row r="468521" spans="8:8">
      <c r="H468521" s="12"/>
    </row>
    <row r="468522" spans="8:8">
      <c r="H468522" s="12"/>
    </row>
    <row r="468523" spans="8:8">
      <c r="H468523" s="12"/>
    </row>
    <row r="468524" spans="8:8">
      <c r="H468524" s="12"/>
    </row>
    <row r="468525" spans="8:8">
      <c r="H468525" s="12"/>
    </row>
    <row r="468526" spans="8:8">
      <c r="H468526" s="12"/>
    </row>
    <row r="468527" spans="8:8">
      <c r="H468527" s="12"/>
    </row>
    <row r="468528" spans="8:8">
      <c r="H468528" s="12"/>
    </row>
    <row r="468529" spans="8:8">
      <c r="H468529" s="12"/>
    </row>
    <row r="468530" spans="8:8">
      <c r="H468530" s="12"/>
    </row>
    <row r="468531" spans="8:8">
      <c r="H468531" s="12"/>
    </row>
    <row r="468532" spans="8:8">
      <c r="H468532" s="12"/>
    </row>
    <row r="468533" spans="8:8">
      <c r="H468533" s="12"/>
    </row>
    <row r="468534" spans="8:8">
      <c r="H468534" s="12"/>
    </row>
    <row r="468535" spans="8:8">
      <c r="H468535" s="12"/>
    </row>
    <row r="468536" spans="8:8">
      <c r="H468536" s="12"/>
    </row>
    <row r="468537" spans="8:8">
      <c r="H468537" s="12"/>
    </row>
    <row r="468538" spans="8:8">
      <c r="H468538" s="12"/>
    </row>
    <row r="468539" spans="8:8">
      <c r="H468539" s="12"/>
    </row>
    <row r="468540" spans="8:8">
      <c r="H468540" s="12"/>
    </row>
    <row r="468541" spans="8:8">
      <c r="H468541" s="12"/>
    </row>
    <row r="468542" spans="8:8">
      <c r="H468542" s="12"/>
    </row>
    <row r="468543" spans="8:8">
      <c r="H468543" s="12"/>
    </row>
    <row r="468544" spans="8:8">
      <c r="H468544" s="12"/>
    </row>
    <row r="468545" spans="8:8">
      <c r="H468545" s="12"/>
    </row>
    <row r="468546" spans="8:8">
      <c r="H468546" s="12"/>
    </row>
    <row r="468547" spans="8:8">
      <c r="H468547" s="12"/>
    </row>
    <row r="468548" spans="8:8">
      <c r="H468548" s="12"/>
    </row>
    <row r="468549" spans="8:8">
      <c r="H468549" s="12"/>
    </row>
    <row r="468550" spans="8:8">
      <c r="H468550" s="12"/>
    </row>
    <row r="468551" spans="8:8">
      <c r="H468551" s="12"/>
    </row>
    <row r="468552" spans="8:8">
      <c r="H468552" s="12"/>
    </row>
    <row r="468553" spans="8:8">
      <c r="H468553" s="12"/>
    </row>
    <row r="468554" spans="8:8">
      <c r="H468554" s="12"/>
    </row>
    <row r="468555" spans="8:8">
      <c r="H468555" s="12"/>
    </row>
    <row r="468556" spans="8:8">
      <c r="H468556" s="12"/>
    </row>
    <row r="468557" spans="8:8">
      <c r="H468557" s="12"/>
    </row>
    <row r="468558" spans="8:8">
      <c r="H468558" s="12"/>
    </row>
    <row r="468559" spans="8:8">
      <c r="H468559" s="12"/>
    </row>
    <row r="468560" spans="8:8">
      <c r="H468560" s="12"/>
    </row>
    <row r="468561" spans="8:8">
      <c r="H468561" s="12"/>
    </row>
    <row r="468562" spans="8:8">
      <c r="H468562" s="12"/>
    </row>
    <row r="468563" spans="8:8">
      <c r="H468563" s="12"/>
    </row>
    <row r="468564" spans="8:8">
      <c r="H468564" s="12"/>
    </row>
    <row r="468565" spans="8:8">
      <c r="H468565" s="12"/>
    </row>
    <row r="468566" spans="8:8">
      <c r="H468566" s="12"/>
    </row>
    <row r="468567" spans="8:8">
      <c r="H468567" s="12"/>
    </row>
    <row r="468568" spans="8:8">
      <c r="H468568" s="12"/>
    </row>
    <row r="468569" spans="8:8">
      <c r="H468569" s="12"/>
    </row>
    <row r="468570" spans="8:8">
      <c r="H468570" s="12"/>
    </row>
    <row r="468571" spans="8:8">
      <c r="H468571" s="12"/>
    </row>
    <row r="468572" spans="8:8">
      <c r="H468572" s="12"/>
    </row>
    <row r="468573" spans="8:8">
      <c r="H468573" s="12"/>
    </row>
    <row r="468574" spans="8:8">
      <c r="H468574" s="12"/>
    </row>
    <row r="468575" spans="8:8">
      <c r="H468575" s="12"/>
    </row>
    <row r="468576" spans="8:8">
      <c r="H468576" s="12"/>
    </row>
    <row r="468577" spans="8:8">
      <c r="H468577" s="12"/>
    </row>
    <row r="468578" spans="8:8">
      <c r="H468578" s="12"/>
    </row>
    <row r="468579" spans="8:8">
      <c r="H468579" s="12"/>
    </row>
    <row r="468580" spans="8:8">
      <c r="H468580" s="12"/>
    </row>
    <row r="468581" spans="8:8">
      <c r="H468581" s="12"/>
    </row>
    <row r="468582" spans="8:8">
      <c r="H468582" s="12"/>
    </row>
    <row r="468583" spans="8:8">
      <c r="H468583" s="12"/>
    </row>
    <row r="468584" spans="8:8">
      <c r="H468584" s="12"/>
    </row>
    <row r="468585" spans="8:8">
      <c r="H468585" s="12"/>
    </row>
    <row r="468586" spans="8:8">
      <c r="H468586" s="12"/>
    </row>
    <row r="468587" spans="8:8">
      <c r="H468587" s="12"/>
    </row>
    <row r="468588" spans="8:8">
      <c r="H468588" s="12"/>
    </row>
    <row r="468589" spans="8:8">
      <c r="H468589" s="12"/>
    </row>
    <row r="468590" spans="8:8">
      <c r="H468590" s="12"/>
    </row>
    <row r="468591" spans="8:8">
      <c r="H468591" s="12"/>
    </row>
    <row r="468592" spans="8:8">
      <c r="H468592" s="12"/>
    </row>
    <row r="468593" spans="8:8">
      <c r="H468593" s="12"/>
    </row>
    <row r="468594" spans="8:8">
      <c r="H468594" s="12"/>
    </row>
    <row r="468595" spans="8:8">
      <c r="H468595" s="12"/>
    </row>
    <row r="468596" spans="8:8">
      <c r="H468596" s="12"/>
    </row>
    <row r="468597" spans="8:8">
      <c r="H468597" s="12"/>
    </row>
    <row r="468598" spans="8:8">
      <c r="H468598" s="12"/>
    </row>
    <row r="468599" spans="8:8">
      <c r="H468599" s="12"/>
    </row>
    <row r="468600" spans="8:8">
      <c r="H468600" s="12"/>
    </row>
    <row r="468601" spans="8:8">
      <c r="H468601" s="12"/>
    </row>
    <row r="468602" spans="8:8">
      <c r="H468602" s="12"/>
    </row>
    <row r="468603" spans="8:8">
      <c r="H468603" s="12"/>
    </row>
    <row r="468604" spans="8:8">
      <c r="H468604" s="12"/>
    </row>
    <row r="468605" spans="8:8">
      <c r="H468605" s="12"/>
    </row>
    <row r="468606" spans="8:8">
      <c r="H468606" s="12"/>
    </row>
    <row r="468607" spans="8:8">
      <c r="H468607" s="12"/>
    </row>
    <row r="468608" spans="8:8">
      <c r="H468608" s="12"/>
    </row>
    <row r="468609" spans="8:8">
      <c r="H468609" s="12"/>
    </row>
    <row r="468610" spans="8:8">
      <c r="H468610" s="12"/>
    </row>
    <row r="468611" spans="8:8">
      <c r="H468611" s="12"/>
    </row>
    <row r="468612" spans="8:8">
      <c r="H468612" s="12"/>
    </row>
    <row r="468613" spans="8:8">
      <c r="H468613" s="12"/>
    </row>
    <row r="468614" spans="8:8">
      <c r="H468614" s="12"/>
    </row>
    <row r="468615" spans="8:8">
      <c r="H468615" s="12"/>
    </row>
    <row r="468616" spans="8:8">
      <c r="H468616" s="12"/>
    </row>
    <row r="468617" spans="8:8">
      <c r="H468617" s="12"/>
    </row>
    <row r="468618" spans="8:8">
      <c r="H468618" s="12"/>
    </row>
    <row r="468619" spans="8:8">
      <c r="H468619" s="12"/>
    </row>
    <row r="468620" spans="8:8">
      <c r="H468620" s="12"/>
    </row>
    <row r="468621" spans="8:8">
      <c r="H468621" s="12"/>
    </row>
    <row r="468622" spans="8:8">
      <c r="H468622" s="12"/>
    </row>
    <row r="468623" spans="8:8">
      <c r="H468623" s="12"/>
    </row>
    <row r="468624" spans="8:8">
      <c r="H468624" s="12"/>
    </row>
    <row r="468625" spans="8:8">
      <c r="H468625" s="12"/>
    </row>
    <row r="468626" spans="8:8">
      <c r="H468626" s="12"/>
    </row>
    <row r="468627" spans="8:8">
      <c r="H468627" s="12"/>
    </row>
    <row r="468628" spans="8:8">
      <c r="H468628" s="12"/>
    </row>
    <row r="468629" spans="8:8">
      <c r="H468629" s="12"/>
    </row>
    <row r="468630" spans="8:8">
      <c r="H468630" s="12"/>
    </row>
    <row r="468631" spans="8:8">
      <c r="H468631" s="12"/>
    </row>
    <row r="468632" spans="8:8">
      <c r="H468632" s="12"/>
    </row>
    <row r="468633" spans="8:8">
      <c r="H468633" s="12"/>
    </row>
    <row r="468634" spans="8:8">
      <c r="H468634" s="12"/>
    </row>
    <row r="468635" spans="8:8">
      <c r="H468635" s="12"/>
    </row>
    <row r="468636" spans="8:8">
      <c r="H468636" s="12"/>
    </row>
    <row r="468637" spans="8:8">
      <c r="H468637" s="12"/>
    </row>
    <row r="468638" spans="8:8">
      <c r="H468638" s="12"/>
    </row>
    <row r="468639" spans="8:8">
      <c r="H468639" s="12"/>
    </row>
    <row r="468640" spans="8:8">
      <c r="H468640" s="12"/>
    </row>
    <row r="468641" spans="8:8">
      <c r="H468641" s="12"/>
    </row>
    <row r="468642" spans="8:8">
      <c r="H468642" s="12"/>
    </row>
    <row r="468643" spans="8:8">
      <c r="H468643" s="12"/>
    </row>
    <row r="468644" spans="8:8">
      <c r="H468644" s="12"/>
    </row>
    <row r="468645" spans="8:8">
      <c r="H468645" s="12"/>
    </row>
    <row r="468646" spans="8:8">
      <c r="H468646" s="12"/>
    </row>
    <row r="468647" spans="8:8">
      <c r="H468647" s="12"/>
    </row>
    <row r="468648" spans="8:8">
      <c r="H468648" s="12"/>
    </row>
    <row r="468649" spans="8:8">
      <c r="H468649" s="12"/>
    </row>
    <row r="468650" spans="8:8">
      <c r="H468650" s="12"/>
    </row>
    <row r="468651" spans="8:8">
      <c r="H468651" s="12"/>
    </row>
    <row r="468652" spans="8:8">
      <c r="H468652" s="12"/>
    </row>
    <row r="468653" spans="8:8">
      <c r="H468653" s="12"/>
    </row>
    <row r="468654" spans="8:8">
      <c r="H468654" s="12"/>
    </row>
    <row r="468655" spans="8:8">
      <c r="H468655" s="12"/>
    </row>
    <row r="468656" spans="8:8">
      <c r="H468656" s="12"/>
    </row>
    <row r="468657" spans="8:8">
      <c r="H468657" s="12"/>
    </row>
    <row r="468658" spans="8:8">
      <c r="H468658" s="12"/>
    </row>
    <row r="468659" spans="8:8">
      <c r="H468659" s="12"/>
    </row>
    <row r="468660" spans="8:8">
      <c r="H468660" s="12"/>
    </row>
    <row r="468661" spans="8:8">
      <c r="H468661" s="12"/>
    </row>
    <row r="468662" spans="8:8">
      <c r="H468662" s="12"/>
    </row>
    <row r="468663" spans="8:8">
      <c r="H468663" s="12"/>
    </row>
    <row r="468664" spans="8:8">
      <c r="H468664" s="12"/>
    </row>
    <row r="468665" spans="8:8">
      <c r="H468665" s="12"/>
    </row>
    <row r="468666" spans="8:8">
      <c r="H468666" s="12"/>
    </row>
    <row r="468667" spans="8:8">
      <c r="H468667" s="12"/>
    </row>
    <row r="468668" spans="8:8">
      <c r="H468668" s="12"/>
    </row>
    <row r="468669" spans="8:8">
      <c r="H468669" s="12"/>
    </row>
    <row r="468670" spans="8:8">
      <c r="H468670" s="12"/>
    </row>
    <row r="468671" spans="8:8">
      <c r="H468671" s="12"/>
    </row>
    <row r="468672" spans="8:8">
      <c r="H468672" s="12"/>
    </row>
    <row r="468673" spans="8:8">
      <c r="H468673" s="12"/>
    </row>
    <row r="468674" spans="8:8">
      <c r="H468674" s="12"/>
    </row>
    <row r="468675" spans="8:8">
      <c r="H468675" s="12"/>
    </row>
    <row r="468676" spans="8:8">
      <c r="H468676" s="12"/>
    </row>
    <row r="468677" spans="8:8">
      <c r="H468677" s="12"/>
    </row>
    <row r="468678" spans="8:8">
      <c r="H468678" s="12"/>
    </row>
    <row r="468679" spans="8:8">
      <c r="H468679" s="12"/>
    </row>
    <row r="468680" spans="8:8">
      <c r="H468680" s="12"/>
    </row>
    <row r="468681" spans="8:8">
      <c r="H468681" s="12"/>
    </row>
    <row r="468682" spans="8:8">
      <c r="H468682" s="12"/>
    </row>
    <row r="468683" spans="8:8">
      <c r="H468683" s="12"/>
    </row>
    <row r="468684" spans="8:8">
      <c r="H468684" s="12"/>
    </row>
    <row r="468685" spans="8:8">
      <c r="H468685" s="12"/>
    </row>
    <row r="468686" spans="8:8">
      <c r="H468686" s="12"/>
    </row>
    <row r="468687" spans="8:8">
      <c r="H468687" s="12"/>
    </row>
    <row r="468688" spans="8:8">
      <c r="H468688" s="12"/>
    </row>
    <row r="468689" spans="8:8">
      <c r="H468689" s="12"/>
    </row>
    <row r="468690" spans="8:8">
      <c r="H468690" s="12"/>
    </row>
    <row r="468691" spans="8:8">
      <c r="H468691" s="12"/>
    </row>
    <row r="468692" spans="8:8">
      <c r="H468692" s="12"/>
    </row>
    <row r="468693" spans="8:8">
      <c r="H468693" s="12"/>
    </row>
    <row r="468694" spans="8:8">
      <c r="H468694" s="12"/>
    </row>
    <row r="468695" spans="8:8">
      <c r="H468695" s="12"/>
    </row>
    <row r="468696" spans="8:8">
      <c r="H468696" s="12"/>
    </row>
    <row r="468697" spans="8:8">
      <c r="H468697" s="12"/>
    </row>
    <row r="468698" spans="8:8">
      <c r="H468698" s="12"/>
    </row>
    <row r="468699" spans="8:8">
      <c r="H468699" s="12"/>
    </row>
    <row r="468700" spans="8:8">
      <c r="H468700" s="12"/>
    </row>
    <row r="468701" spans="8:8">
      <c r="H468701" s="12"/>
    </row>
    <row r="468702" spans="8:8">
      <c r="H468702" s="12"/>
    </row>
    <row r="468703" spans="8:8">
      <c r="H468703" s="12"/>
    </row>
    <row r="468704" spans="8:8">
      <c r="H468704" s="12"/>
    </row>
    <row r="468705" spans="8:8">
      <c r="H468705" s="12"/>
    </row>
    <row r="468706" spans="8:8">
      <c r="H468706" s="12"/>
    </row>
    <row r="468707" spans="8:8">
      <c r="H468707" s="12"/>
    </row>
    <row r="468708" spans="8:8">
      <c r="H468708" s="12"/>
    </row>
    <row r="468709" spans="8:8">
      <c r="H468709" s="12"/>
    </row>
    <row r="468710" spans="8:8">
      <c r="H468710" s="12"/>
    </row>
    <row r="468711" spans="8:8">
      <c r="H468711" s="12"/>
    </row>
    <row r="468712" spans="8:8">
      <c r="H468712" s="12"/>
    </row>
    <row r="468713" spans="8:8">
      <c r="H468713" s="12"/>
    </row>
    <row r="468714" spans="8:8">
      <c r="H468714" s="12"/>
    </row>
    <row r="468715" spans="8:8">
      <c r="H468715" s="12"/>
    </row>
    <row r="468716" spans="8:8">
      <c r="H468716" s="12"/>
    </row>
    <row r="468717" spans="8:8">
      <c r="H468717" s="12"/>
    </row>
    <row r="468718" spans="8:8">
      <c r="H468718" s="12"/>
    </row>
    <row r="468719" spans="8:8">
      <c r="H468719" s="12"/>
    </row>
    <row r="468720" spans="8:8">
      <c r="H468720" s="12"/>
    </row>
    <row r="468721" spans="8:8">
      <c r="H468721" s="12"/>
    </row>
    <row r="468722" spans="8:8">
      <c r="H468722" s="12"/>
    </row>
    <row r="468723" spans="8:8">
      <c r="H468723" s="12"/>
    </row>
    <row r="468724" spans="8:8">
      <c r="H468724" s="12"/>
    </row>
    <row r="468725" spans="8:8">
      <c r="H468725" s="12"/>
    </row>
    <row r="468726" spans="8:8">
      <c r="H468726" s="12"/>
    </row>
    <row r="468727" spans="8:8">
      <c r="H468727" s="12"/>
    </row>
    <row r="468728" spans="8:8">
      <c r="H468728" s="12"/>
    </row>
    <row r="468729" spans="8:8">
      <c r="H468729" s="12"/>
    </row>
    <row r="468730" spans="8:8">
      <c r="H468730" s="12"/>
    </row>
    <row r="468731" spans="8:8">
      <c r="H468731" s="12"/>
    </row>
    <row r="468732" spans="8:8">
      <c r="H468732" s="12"/>
    </row>
    <row r="468733" spans="8:8">
      <c r="H468733" s="12"/>
    </row>
    <row r="468734" spans="8:8">
      <c r="H468734" s="12"/>
    </row>
    <row r="468735" spans="8:8">
      <c r="H468735" s="12"/>
    </row>
    <row r="468736" spans="8:8">
      <c r="H468736" s="12"/>
    </row>
    <row r="468737" spans="8:8">
      <c r="H468737" s="12"/>
    </row>
    <row r="468738" spans="8:8">
      <c r="H468738" s="12"/>
    </row>
    <row r="468739" spans="8:8">
      <c r="H468739" s="12"/>
    </row>
    <row r="468740" spans="8:8">
      <c r="H468740" s="12"/>
    </row>
    <row r="468741" spans="8:8">
      <c r="H468741" s="12"/>
    </row>
    <row r="468742" spans="8:8">
      <c r="H468742" s="12"/>
    </row>
    <row r="468743" spans="8:8">
      <c r="H468743" s="12"/>
    </row>
    <row r="468744" spans="8:8">
      <c r="H468744" s="12"/>
    </row>
    <row r="468745" spans="8:8">
      <c r="H468745" s="12"/>
    </row>
    <row r="468746" spans="8:8">
      <c r="H468746" s="12"/>
    </row>
    <row r="468747" spans="8:8">
      <c r="H468747" s="12"/>
    </row>
    <row r="468748" spans="8:8">
      <c r="H468748" s="12"/>
    </row>
    <row r="468749" spans="8:8">
      <c r="H468749" s="12"/>
    </row>
    <row r="468750" spans="8:8">
      <c r="H468750" s="12"/>
    </row>
    <row r="468751" spans="8:8">
      <c r="H468751" s="12"/>
    </row>
    <row r="468752" spans="8:8">
      <c r="H468752" s="12"/>
    </row>
    <row r="468753" spans="8:8">
      <c r="H468753" s="12"/>
    </row>
    <row r="468754" spans="8:8">
      <c r="H468754" s="12"/>
    </row>
    <row r="468755" spans="8:8">
      <c r="H468755" s="12"/>
    </row>
    <row r="468756" spans="8:8">
      <c r="H468756" s="12"/>
    </row>
    <row r="468757" spans="8:8">
      <c r="H468757" s="12"/>
    </row>
    <row r="468758" spans="8:8">
      <c r="H468758" s="12"/>
    </row>
    <row r="468759" spans="8:8">
      <c r="H468759" s="12"/>
    </row>
    <row r="468760" spans="8:8">
      <c r="H468760" s="12"/>
    </row>
    <row r="468761" spans="8:8">
      <c r="H468761" s="12"/>
    </row>
    <row r="468762" spans="8:8">
      <c r="H468762" s="12"/>
    </row>
    <row r="468763" spans="8:8">
      <c r="H468763" s="12"/>
    </row>
    <row r="468764" spans="8:8">
      <c r="H468764" s="12"/>
    </row>
    <row r="468765" spans="8:8">
      <c r="H468765" s="12"/>
    </row>
    <row r="468766" spans="8:8">
      <c r="H468766" s="12"/>
    </row>
    <row r="468767" spans="8:8">
      <c r="H468767" s="12"/>
    </row>
    <row r="468768" spans="8:8">
      <c r="H468768" s="12"/>
    </row>
    <row r="468769" spans="8:8">
      <c r="H468769" s="12"/>
    </row>
    <row r="468770" spans="8:8">
      <c r="H468770" s="12"/>
    </row>
    <row r="468771" spans="8:8">
      <c r="H468771" s="12"/>
    </row>
    <row r="468772" spans="8:8">
      <c r="H468772" s="12"/>
    </row>
    <row r="468773" spans="8:8">
      <c r="H468773" s="12"/>
    </row>
    <row r="468774" spans="8:8">
      <c r="H468774" s="12"/>
    </row>
    <row r="468775" spans="8:8">
      <c r="H468775" s="12"/>
    </row>
    <row r="468776" spans="8:8">
      <c r="H468776" s="12"/>
    </row>
    <row r="468777" spans="8:8">
      <c r="H468777" s="12"/>
    </row>
    <row r="468778" spans="8:8">
      <c r="H468778" s="12"/>
    </row>
    <row r="468779" spans="8:8">
      <c r="H468779" s="12"/>
    </row>
    <row r="468780" spans="8:8">
      <c r="H468780" s="12"/>
    </row>
    <row r="468781" spans="8:8">
      <c r="H468781" s="12"/>
    </row>
    <row r="468782" spans="8:8">
      <c r="H468782" s="12"/>
    </row>
    <row r="468783" spans="8:8">
      <c r="H468783" s="12"/>
    </row>
    <row r="468784" spans="8:8">
      <c r="H468784" s="12"/>
    </row>
    <row r="468785" spans="8:8">
      <c r="H468785" s="12"/>
    </row>
    <row r="468786" spans="8:8">
      <c r="H468786" s="12"/>
    </row>
    <row r="468787" spans="8:8">
      <c r="H468787" s="12"/>
    </row>
    <row r="468788" spans="8:8">
      <c r="H468788" s="12"/>
    </row>
    <row r="468789" spans="8:8">
      <c r="H468789" s="12"/>
    </row>
    <row r="468790" spans="8:8">
      <c r="H468790" s="12"/>
    </row>
    <row r="468791" spans="8:8">
      <c r="H468791" s="12"/>
    </row>
    <row r="468792" spans="8:8">
      <c r="H468792" s="12"/>
    </row>
    <row r="468793" spans="8:8">
      <c r="H468793" s="12"/>
    </row>
    <row r="468794" spans="8:8">
      <c r="H468794" s="12"/>
    </row>
    <row r="468795" spans="8:8">
      <c r="H468795" s="12"/>
    </row>
    <row r="468796" spans="8:8">
      <c r="H468796" s="12"/>
    </row>
    <row r="468797" spans="8:8">
      <c r="H468797" s="12"/>
    </row>
    <row r="468798" spans="8:8">
      <c r="H468798" s="12"/>
    </row>
    <row r="468799" spans="8:8">
      <c r="H468799" s="12"/>
    </row>
    <row r="468800" spans="8:8">
      <c r="H468800" s="12"/>
    </row>
    <row r="468801" spans="8:8">
      <c r="H468801" s="12"/>
    </row>
    <row r="468802" spans="8:8">
      <c r="H468802" s="12"/>
    </row>
    <row r="468803" spans="8:8">
      <c r="H468803" s="12"/>
    </row>
    <row r="468804" spans="8:8">
      <c r="H468804" s="12"/>
    </row>
    <row r="468805" spans="8:8">
      <c r="H468805" s="12"/>
    </row>
    <row r="468806" spans="8:8">
      <c r="H468806" s="12"/>
    </row>
    <row r="468807" spans="8:8">
      <c r="H468807" s="12"/>
    </row>
    <row r="468808" spans="8:8">
      <c r="H468808" s="12"/>
    </row>
    <row r="468809" spans="8:8">
      <c r="H468809" s="12"/>
    </row>
    <row r="468810" spans="8:8">
      <c r="H468810" s="12"/>
    </row>
    <row r="468811" spans="8:8">
      <c r="H468811" s="12"/>
    </row>
    <row r="468812" spans="8:8">
      <c r="H468812" s="12"/>
    </row>
    <row r="468813" spans="8:8">
      <c r="H468813" s="12"/>
    </row>
    <row r="468814" spans="8:8">
      <c r="H468814" s="12"/>
    </row>
    <row r="468815" spans="8:8">
      <c r="H468815" s="12"/>
    </row>
    <row r="468816" spans="8:8">
      <c r="H468816" s="12"/>
    </row>
    <row r="468817" spans="8:8">
      <c r="H468817" s="12"/>
    </row>
    <row r="468818" spans="8:8">
      <c r="H468818" s="12"/>
    </row>
    <row r="468819" spans="8:8">
      <c r="H468819" s="12"/>
    </row>
    <row r="468820" spans="8:8">
      <c r="H468820" s="12"/>
    </row>
    <row r="468821" spans="8:8">
      <c r="H468821" s="12"/>
    </row>
    <row r="468822" spans="8:8">
      <c r="H468822" s="12"/>
    </row>
    <row r="468823" spans="8:8">
      <c r="H468823" s="12"/>
    </row>
    <row r="468824" spans="8:8">
      <c r="H468824" s="12"/>
    </row>
    <row r="468825" spans="8:8">
      <c r="H468825" s="12"/>
    </row>
    <row r="468826" spans="8:8">
      <c r="H468826" s="12"/>
    </row>
    <row r="468827" spans="8:8">
      <c r="H468827" s="12"/>
    </row>
    <row r="468828" spans="8:8">
      <c r="H468828" s="12"/>
    </row>
    <row r="468829" spans="8:8">
      <c r="H468829" s="12"/>
    </row>
    <row r="468830" spans="8:8">
      <c r="H468830" s="12"/>
    </row>
    <row r="468831" spans="8:8">
      <c r="H468831" s="12"/>
    </row>
    <row r="468832" spans="8:8">
      <c r="H468832" s="12"/>
    </row>
    <row r="468833" spans="8:8">
      <c r="H468833" s="12"/>
    </row>
    <row r="468834" spans="8:8">
      <c r="H468834" s="12"/>
    </row>
    <row r="468835" spans="8:8">
      <c r="H468835" s="12"/>
    </row>
    <row r="468836" spans="8:8">
      <c r="H468836" s="12"/>
    </row>
    <row r="468837" spans="8:8">
      <c r="H468837" s="12"/>
    </row>
    <row r="468838" spans="8:8">
      <c r="H468838" s="12"/>
    </row>
    <row r="468839" spans="8:8">
      <c r="H468839" s="12"/>
    </row>
    <row r="468840" spans="8:8">
      <c r="H468840" s="12"/>
    </row>
    <row r="468841" spans="8:8">
      <c r="H468841" s="12"/>
    </row>
    <row r="468842" spans="8:8">
      <c r="H468842" s="12"/>
    </row>
    <row r="468843" spans="8:8">
      <c r="H468843" s="12"/>
    </row>
    <row r="468844" spans="8:8">
      <c r="H468844" s="12"/>
    </row>
    <row r="468845" spans="8:8">
      <c r="H468845" s="12"/>
    </row>
    <row r="468846" spans="8:8">
      <c r="H468846" s="12"/>
    </row>
    <row r="468847" spans="8:8">
      <c r="H468847" s="12"/>
    </row>
    <row r="468848" spans="8:8">
      <c r="H468848" s="12"/>
    </row>
    <row r="468849" spans="8:8">
      <c r="H468849" s="12"/>
    </row>
    <row r="468850" spans="8:8">
      <c r="H468850" s="12"/>
    </row>
    <row r="468851" spans="8:8">
      <c r="H468851" s="12"/>
    </row>
    <row r="468852" spans="8:8">
      <c r="H468852" s="12"/>
    </row>
    <row r="468853" spans="8:8">
      <c r="H468853" s="12"/>
    </row>
    <row r="468854" spans="8:8">
      <c r="H468854" s="12"/>
    </row>
    <row r="468855" spans="8:8">
      <c r="H468855" s="12"/>
    </row>
    <row r="468856" spans="8:8">
      <c r="H468856" s="12"/>
    </row>
    <row r="468857" spans="8:8">
      <c r="H468857" s="12"/>
    </row>
    <row r="468858" spans="8:8">
      <c r="H468858" s="12"/>
    </row>
    <row r="468859" spans="8:8">
      <c r="H468859" s="12"/>
    </row>
    <row r="468860" spans="8:8">
      <c r="H468860" s="12"/>
    </row>
    <row r="468861" spans="8:8">
      <c r="H468861" s="12"/>
    </row>
    <row r="468862" spans="8:8">
      <c r="H468862" s="12"/>
    </row>
    <row r="468863" spans="8:8">
      <c r="H468863" s="12"/>
    </row>
    <row r="468864" spans="8:8">
      <c r="H468864" s="12"/>
    </row>
    <row r="468865" spans="8:8">
      <c r="H468865" s="12"/>
    </row>
    <row r="468866" spans="8:8">
      <c r="H468866" s="12"/>
    </row>
    <row r="468867" spans="8:8">
      <c r="H468867" s="12"/>
    </row>
    <row r="468868" spans="8:8">
      <c r="H468868" s="12"/>
    </row>
    <row r="468869" spans="8:8">
      <c r="H468869" s="12"/>
    </row>
    <row r="468870" spans="8:8">
      <c r="H468870" s="12"/>
    </row>
    <row r="468871" spans="8:8">
      <c r="H468871" s="12"/>
    </row>
    <row r="468872" spans="8:8">
      <c r="H468872" s="12"/>
    </row>
    <row r="468873" spans="8:8">
      <c r="H468873" s="12"/>
    </row>
    <row r="468874" spans="8:8">
      <c r="H468874" s="12"/>
    </row>
    <row r="468875" spans="8:8">
      <c r="H468875" s="12"/>
    </row>
    <row r="468876" spans="8:8">
      <c r="H468876" s="12"/>
    </row>
    <row r="468877" spans="8:8">
      <c r="H468877" s="12"/>
    </row>
    <row r="468878" spans="8:8">
      <c r="H468878" s="12"/>
    </row>
    <row r="468879" spans="8:8">
      <c r="H468879" s="12"/>
    </row>
    <row r="468880" spans="8:8">
      <c r="H468880" s="12"/>
    </row>
    <row r="468881" spans="8:8">
      <c r="H468881" s="12"/>
    </row>
    <row r="468882" spans="8:8">
      <c r="H468882" s="12"/>
    </row>
    <row r="468883" spans="8:8">
      <c r="H468883" s="12"/>
    </row>
    <row r="468884" spans="8:8">
      <c r="H468884" s="12"/>
    </row>
    <row r="468885" spans="8:8">
      <c r="H468885" s="12"/>
    </row>
    <row r="468886" spans="8:8">
      <c r="H468886" s="12"/>
    </row>
    <row r="468887" spans="8:8">
      <c r="H468887" s="12"/>
    </row>
    <row r="468888" spans="8:8">
      <c r="H468888" s="12"/>
    </row>
    <row r="468889" spans="8:8">
      <c r="H468889" s="12"/>
    </row>
    <row r="468890" spans="8:8">
      <c r="H468890" s="12"/>
    </row>
    <row r="468891" spans="8:8">
      <c r="H468891" s="12"/>
    </row>
    <row r="468892" spans="8:8">
      <c r="H468892" s="12"/>
    </row>
    <row r="468893" spans="8:8">
      <c r="H468893" s="12"/>
    </row>
    <row r="468894" spans="8:8">
      <c r="H468894" s="12"/>
    </row>
    <row r="468895" spans="8:8">
      <c r="H468895" s="12"/>
    </row>
    <row r="468896" spans="8:8">
      <c r="H468896" s="12"/>
    </row>
    <row r="468897" spans="8:8">
      <c r="H468897" s="12"/>
    </row>
    <row r="468898" spans="8:8">
      <c r="H468898" s="12"/>
    </row>
    <row r="468899" spans="8:8">
      <c r="H468899" s="12"/>
    </row>
    <row r="468900" spans="8:8">
      <c r="H468900" s="12"/>
    </row>
    <row r="468901" spans="8:8">
      <c r="H468901" s="12"/>
    </row>
    <row r="468902" spans="8:8">
      <c r="H468902" s="12"/>
    </row>
    <row r="468903" spans="8:8">
      <c r="H468903" s="12"/>
    </row>
    <row r="468904" spans="8:8">
      <c r="H468904" s="12"/>
    </row>
    <row r="468905" spans="8:8">
      <c r="H468905" s="12"/>
    </row>
    <row r="468906" spans="8:8">
      <c r="H468906" s="12"/>
    </row>
    <row r="468907" spans="8:8">
      <c r="H468907" s="12"/>
    </row>
    <row r="468908" spans="8:8">
      <c r="H468908" s="12"/>
    </row>
    <row r="468909" spans="8:8">
      <c r="H468909" s="12"/>
    </row>
    <row r="468910" spans="8:8">
      <c r="H468910" s="12"/>
    </row>
    <row r="468911" spans="8:8">
      <c r="H468911" s="12"/>
    </row>
    <row r="468912" spans="8:8">
      <c r="H468912" s="12"/>
    </row>
    <row r="468913" spans="8:8">
      <c r="H468913" s="12"/>
    </row>
    <row r="468914" spans="8:8">
      <c r="H468914" s="12"/>
    </row>
    <row r="468915" spans="8:8">
      <c r="H468915" s="12"/>
    </row>
    <row r="468916" spans="8:8">
      <c r="H468916" s="12"/>
    </row>
    <row r="468917" spans="8:8">
      <c r="H468917" s="12"/>
    </row>
    <row r="468918" spans="8:8">
      <c r="H468918" s="12"/>
    </row>
    <row r="468919" spans="8:8">
      <c r="H468919" s="12"/>
    </row>
    <row r="468920" spans="8:8">
      <c r="H468920" s="12"/>
    </row>
    <row r="468921" spans="8:8">
      <c r="H468921" s="12"/>
    </row>
    <row r="468922" spans="8:8">
      <c r="H468922" s="12"/>
    </row>
    <row r="468923" spans="8:8">
      <c r="H468923" s="12"/>
    </row>
    <row r="468924" spans="8:8">
      <c r="H468924" s="12"/>
    </row>
    <row r="468925" spans="8:8">
      <c r="H468925" s="12"/>
    </row>
    <row r="468926" spans="8:8">
      <c r="H468926" s="12"/>
    </row>
    <row r="468927" spans="8:8">
      <c r="H468927" s="12"/>
    </row>
    <row r="468928" spans="8:8">
      <c r="H468928" s="12"/>
    </row>
    <row r="468929" spans="8:8">
      <c r="H468929" s="12"/>
    </row>
    <row r="468930" spans="8:8">
      <c r="H468930" s="12"/>
    </row>
    <row r="468931" spans="8:8">
      <c r="H468931" s="12"/>
    </row>
    <row r="468932" spans="8:8">
      <c r="H468932" s="12"/>
    </row>
    <row r="468933" spans="8:8">
      <c r="H468933" s="12"/>
    </row>
    <row r="468934" spans="8:8">
      <c r="H468934" s="12"/>
    </row>
    <row r="468935" spans="8:8">
      <c r="H468935" s="12"/>
    </row>
    <row r="468936" spans="8:8">
      <c r="H468936" s="12"/>
    </row>
    <row r="468937" spans="8:8">
      <c r="H468937" s="12"/>
    </row>
    <row r="468938" spans="8:8">
      <c r="H468938" s="12"/>
    </row>
    <row r="468939" spans="8:8">
      <c r="H468939" s="12"/>
    </row>
    <row r="468940" spans="8:8">
      <c r="H468940" s="12"/>
    </row>
    <row r="468941" spans="8:8">
      <c r="H468941" s="12"/>
    </row>
    <row r="468942" spans="8:8">
      <c r="H468942" s="12"/>
    </row>
    <row r="468943" spans="8:8">
      <c r="H468943" s="12"/>
    </row>
    <row r="468944" spans="8:8">
      <c r="H468944" s="12"/>
    </row>
    <row r="468945" spans="8:8">
      <c r="H468945" s="12"/>
    </row>
    <row r="468946" spans="8:8">
      <c r="H468946" s="12"/>
    </row>
    <row r="468947" spans="8:8">
      <c r="H468947" s="12"/>
    </row>
    <row r="468948" spans="8:8">
      <c r="H468948" s="12"/>
    </row>
    <row r="468949" spans="8:8">
      <c r="H468949" s="12"/>
    </row>
    <row r="468950" spans="8:8">
      <c r="H468950" s="12"/>
    </row>
    <row r="468951" spans="8:8">
      <c r="H468951" s="12"/>
    </row>
    <row r="468952" spans="8:8">
      <c r="H468952" s="12"/>
    </row>
    <row r="468953" spans="8:8">
      <c r="H468953" s="12"/>
    </row>
    <row r="468954" spans="8:8">
      <c r="H468954" s="12"/>
    </row>
    <row r="468955" spans="8:8">
      <c r="H468955" s="12"/>
    </row>
    <row r="468956" spans="8:8">
      <c r="H468956" s="12"/>
    </row>
    <row r="468957" spans="8:8">
      <c r="H468957" s="12"/>
    </row>
    <row r="468958" spans="8:8">
      <c r="H468958" s="12"/>
    </row>
    <row r="468959" spans="8:8">
      <c r="H468959" s="12"/>
    </row>
    <row r="468960" spans="8:8">
      <c r="H468960" s="12"/>
    </row>
    <row r="468961" spans="8:8">
      <c r="H468961" s="12"/>
    </row>
    <row r="468962" spans="8:8">
      <c r="H468962" s="12"/>
    </row>
    <row r="468963" spans="8:8">
      <c r="H468963" s="12"/>
    </row>
    <row r="468964" spans="8:8">
      <c r="H468964" s="12"/>
    </row>
    <row r="468965" spans="8:8">
      <c r="H468965" s="12"/>
    </row>
    <row r="468966" spans="8:8">
      <c r="H468966" s="12"/>
    </row>
    <row r="468967" spans="8:8">
      <c r="H468967" s="12"/>
    </row>
    <row r="468968" spans="8:8">
      <c r="H468968" s="12"/>
    </row>
    <row r="468969" spans="8:8">
      <c r="H468969" s="12"/>
    </row>
    <row r="468970" spans="8:8">
      <c r="H468970" s="12"/>
    </row>
    <row r="468971" spans="8:8">
      <c r="H468971" s="12"/>
    </row>
    <row r="468972" spans="8:8">
      <c r="H468972" s="12"/>
    </row>
    <row r="468973" spans="8:8">
      <c r="H468973" s="12"/>
    </row>
    <row r="468974" spans="8:8">
      <c r="H468974" s="12"/>
    </row>
    <row r="468975" spans="8:8">
      <c r="H468975" s="12"/>
    </row>
    <row r="468976" spans="8:8">
      <c r="H468976" s="12"/>
    </row>
    <row r="468977" spans="8:8">
      <c r="H468977" s="12"/>
    </row>
    <row r="468978" spans="8:8">
      <c r="H468978" s="12"/>
    </row>
    <row r="468979" spans="8:8">
      <c r="H468979" s="12"/>
    </row>
    <row r="468980" spans="8:8">
      <c r="H468980" s="12"/>
    </row>
    <row r="468981" spans="8:8">
      <c r="H468981" s="12"/>
    </row>
    <row r="468982" spans="8:8">
      <c r="H468982" s="12"/>
    </row>
    <row r="468983" spans="8:8">
      <c r="H468983" s="12"/>
    </row>
    <row r="468984" spans="8:8">
      <c r="H468984" s="12"/>
    </row>
    <row r="468985" spans="8:8">
      <c r="H468985" s="12"/>
    </row>
    <row r="468986" spans="8:8">
      <c r="H468986" s="12"/>
    </row>
    <row r="468987" spans="8:8">
      <c r="H468987" s="12"/>
    </row>
    <row r="468988" spans="8:8">
      <c r="H468988" s="12"/>
    </row>
    <row r="468989" spans="8:8">
      <c r="H468989" s="12"/>
    </row>
    <row r="468990" spans="8:8">
      <c r="H468990" s="12"/>
    </row>
    <row r="468991" spans="8:8">
      <c r="H468991" s="12"/>
    </row>
    <row r="468992" spans="8:8">
      <c r="H468992" s="12"/>
    </row>
    <row r="468993" spans="8:8">
      <c r="H468993" s="12"/>
    </row>
    <row r="468994" spans="8:8">
      <c r="H468994" s="12"/>
    </row>
    <row r="468995" spans="8:8">
      <c r="H468995" s="12"/>
    </row>
    <row r="468996" spans="8:8">
      <c r="H468996" s="12"/>
    </row>
    <row r="468997" spans="8:8">
      <c r="H468997" s="12"/>
    </row>
    <row r="468998" spans="8:8">
      <c r="H468998" s="12"/>
    </row>
    <row r="468999" spans="8:8">
      <c r="H468999" s="12"/>
    </row>
    <row r="469000" spans="8:8">
      <c r="H469000" s="12"/>
    </row>
    <row r="469001" spans="8:8">
      <c r="H469001" s="12"/>
    </row>
    <row r="469002" spans="8:8">
      <c r="H469002" s="12"/>
    </row>
    <row r="469003" spans="8:8">
      <c r="H469003" s="12"/>
    </row>
    <row r="469004" spans="8:8">
      <c r="H469004" s="12"/>
    </row>
    <row r="469005" spans="8:8">
      <c r="H469005" s="12"/>
    </row>
    <row r="469006" spans="8:8">
      <c r="H469006" s="12"/>
    </row>
    <row r="469007" spans="8:8">
      <c r="H469007" s="12"/>
    </row>
    <row r="469008" spans="8:8">
      <c r="H469008" s="12"/>
    </row>
    <row r="469009" spans="8:8">
      <c r="H469009" s="12"/>
    </row>
    <row r="469010" spans="8:8">
      <c r="H469010" s="12"/>
    </row>
    <row r="469011" spans="8:8">
      <c r="H469011" s="12"/>
    </row>
    <row r="469012" spans="8:8">
      <c r="H469012" s="12"/>
    </row>
    <row r="469013" spans="8:8">
      <c r="H469013" s="12"/>
    </row>
    <row r="469014" spans="8:8">
      <c r="H469014" s="12"/>
    </row>
    <row r="469015" spans="8:8">
      <c r="H469015" s="12"/>
    </row>
    <row r="469016" spans="8:8">
      <c r="H469016" s="12"/>
    </row>
    <row r="469017" spans="8:8">
      <c r="H469017" s="12"/>
    </row>
    <row r="469018" spans="8:8">
      <c r="H469018" s="12"/>
    </row>
    <row r="469019" spans="8:8">
      <c r="H469019" s="12"/>
    </row>
    <row r="469020" spans="8:8">
      <c r="H469020" s="12"/>
    </row>
    <row r="469021" spans="8:8">
      <c r="H469021" s="12"/>
    </row>
    <row r="469022" spans="8:8">
      <c r="H469022" s="12"/>
    </row>
    <row r="469023" spans="8:8">
      <c r="H469023" s="12"/>
    </row>
    <row r="469024" spans="8:8">
      <c r="H469024" s="12"/>
    </row>
    <row r="469025" spans="8:8">
      <c r="H469025" s="12"/>
    </row>
    <row r="469026" spans="8:8">
      <c r="H469026" s="12"/>
    </row>
    <row r="469027" spans="8:8">
      <c r="H469027" s="12"/>
    </row>
    <row r="469028" spans="8:8">
      <c r="H469028" s="12"/>
    </row>
    <row r="469029" spans="8:8">
      <c r="H469029" s="12"/>
    </row>
    <row r="469030" spans="8:8">
      <c r="H469030" s="12"/>
    </row>
    <row r="469031" spans="8:8">
      <c r="H469031" s="12"/>
    </row>
    <row r="469032" spans="8:8">
      <c r="H469032" s="12"/>
    </row>
    <row r="469033" spans="8:8">
      <c r="H469033" s="12"/>
    </row>
    <row r="469034" spans="8:8">
      <c r="H469034" s="12"/>
    </row>
    <row r="469035" spans="8:8">
      <c r="H469035" s="12"/>
    </row>
    <row r="469036" spans="8:8">
      <c r="H469036" s="12"/>
    </row>
    <row r="469037" spans="8:8">
      <c r="H469037" s="12"/>
    </row>
    <row r="469038" spans="8:8">
      <c r="H469038" s="12"/>
    </row>
    <row r="469039" spans="8:8">
      <c r="H469039" s="12"/>
    </row>
    <row r="469040" spans="8:8">
      <c r="H469040" s="12"/>
    </row>
    <row r="469041" spans="8:8">
      <c r="H469041" s="12"/>
    </row>
    <row r="469042" spans="8:8">
      <c r="H469042" s="12"/>
    </row>
    <row r="469043" spans="8:8">
      <c r="H469043" s="12"/>
    </row>
    <row r="469044" spans="8:8">
      <c r="H469044" s="12"/>
    </row>
    <row r="469045" spans="8:8">
      <c r="H469045" s="12"/>
    </row>
    <row r="469046" spans="8:8">
      <c r="H469046" s="12"/>
    </row>
    <row r="469047" spans="8:8">
      <c r="H469047" s="12"/>
    </row>
    <row r="469048" spans="8:8">
      <c r="H469048" s="12"/>
    </row>
    <row r="469049" spans="8:8">
      <c r="H469049" s="12"/>
    </row>
    <row r="469050" spans="8:8">
      <c r="H469050" s="12"/>
    </row>
    <row r="469051" spans="8:8">
      <c r="H469051" s="12"/>
    </row>
    <row r="469052" spans="8:8">
      <c r="H469052" s="12"/>
    </row>
    <row r="469053" spans="8:8">
      <c r="H469053" s="12"/>
    </row>
    <row r="469054" spans="8:8">
      <c r="H469054" s="12"/>
    </row>
    <row r="469055" spans="8:8">
      <c r="H469055" s="12"/>
    </row>
    <row r="469056" spans="8:8">
      <c r="H469056" s="12"/>
    </row>
    <row r="469057" spans="8:8">
      <c r="H469057" s="12"/>
    </row>
    <row r="469058" spans="8:8">
      <c r="H469058" s="12"/>
    </row>
    <row r="469059" spans="8:8">
      <c r="H469059" s="12"/>
    </row>
    <row r="469060" spans="8:8">
      <c r="H469060" s="12"/>
    </row>
    <row r="469061" spans="8:8">
      <c r="H469061" s="12"/>
    </row>
    <row r="469062" spans="8:8">
      <c r="H469062" s="12"/>
    </row>
    <row r="469063" spans="8:8">
      <c r="H469063" s="12"/>
    </row>
    <row r="469064" spans="8:8">
      <c r="H469064" s="12"/>
    </row>
    <row r="469065" spans="8:8">
      <c r="H469065" s="12"/>
    </row>
    <row r="469066" spans="8:8">
      <c r="H469066" s="12"/>
    </row>
    <row r="469067" spans="8:8">
      <c r="H469067" s="12"/>
    </row>
    <row r="469068" spans="8:8">
      <c r="H469068" s="12"/>
    </row>
    <row r="469069" spans="8:8">
      <c r="H469069" s="12"/>
    </row>
    <row r="469070" spans="8:8">
      <c r="H469070" s="12"/>
    </row>
    <row r="469071" spans="8:8">
      <c r="H469071" s="12"/>
    </row>
    <row r="469072" spans="8:8">
      <c r="H469072" s="12"/>
    </row>
    <row r="469073" spans="8:8">
      <c r="H469073" s="12"/>
    </row>
    <row r="469074" spans="8:8">
      <c r="H469074" s="12"/>
    </row>
    <row r="469075" spans="8:8">
      <c r="H469075" s="12"/>
    </row>
    <row r="469076" spans="8:8">
      <c r="H469076" s="12"/>
    </row>
    <row r="469077" spans="8:8">
      <c r="H469077" s="12"/>
    </row>
    <row r="469078" spans="8:8">
      <c r="H469078" s="12"/>
    </row>
    <row r="469079" spans="8:8">
      <c r="H469079" s="12"/>
    </row>
    <row r="469080" spans="8:8">
      <c r="H469080" s="12"/>
    </row>
    <row r="469081" spans="8:8">
      <c r="H469081" s="12"/>
    </row>
    <row r="469082" spans="8:8">
      <c r="H469082" s="12"/>
    </row>
    <row r="469083" spans="8:8">
      <c r="H469083" s="12"/>
    </row>
    <row r="469084" spans="8:8">
      <c r="H469084" s="12"/>
    </row>
    <row r="469085" spans="8:8">
      <c r="H469085" s="12"/>
    </row>
    <row r="469086" spans="8:8">
      <c r="H469086" s="12"/>
    </row>
    <row r="469087" spans="8:8">
      <c r="H469087" s="12"/>
    </row>
    <row r="469088" spans="8:8">
      <c r="H469088" s="12"/>
    </row>
    <row r="469089" spans="8:8">
      <c r="H469089" s="12"/>
    </row>
    <row r="469090" spans="8:8">
      <c r="H469090" s="12"/>
    </row>
    <row r="469091" spans="8:8">
      <c r="H469091" s="12"/>
    </row>
    <row r="469092" spans="8:8">
      <c r="H469092" s="12"/>
    </row>
    <row r="469093" spans="8:8">
      <c r="H469093" s="12"/>
    </row>
    <row r="469094" spans="8:8">
      <c r="H469094" s="12"/>
    </row>
    <row r="469095" spans="8:8">
      <c r="H469095" s="12"/>
    </row>
    <row r="469096" spans="8:8">
      <c r="H469096" s="12"/>
    </row>
    <row r="469097" spans="8:8">
      <c r="H469097" s="12"/>
    </row>
    <row r="469098" spans="8:8">
      <c r="H469098" s="12"/>
    </row>
    <row r="469099" spans="8:8">
      <c r="H469099" s="12"/>
    </row>
    <row r="469100" spans="8:8">
      <c r="H469100" s="12"/>
    </row>
    <row r="469101" spans="8:8">
      <c r="H469101" s="12"/>
    </row>
    <row r="469102" spans="8:8">
      <c r="H469102" s="12"/>
    </row>
    <row r="469103" spans="8:8">
      <c r="H469103" s="12"/>
    </row>
    <row r="469104" spans="8:8">
      <c r="H469104" s="12"/>
    </row>
    <row r="469105" spans="8:8">
      <c r="H469105" s="12"/>
    </row>
    <row r="469106" spans="8:8">
      <c r="H469106" s="12"/>
    </row>
    <row r="469107" spans="8:8">
      <c r="H469107" s="12"/>
    </row>
    <row r="469108" spans="8:8">
      <c r="H469108" s="12"/>
    </row>
    <row r="469109" spans="8:8">
      <c r="H469109" s="12"/>
    </row>
    <row r="469110" spans="8:8">
      <c r="H469110" s="12"/>
    </row>
    <row r="469111" spans="8:8">
      <c r="H469111" s="12"/>
    </row>
    <row r="469112" spans="8:8">
      <c r="H469112" s="12"/>
    </row>
    <row r="469113" spans="8:8">
      <c r="H469113" s="12"/>
    </row>
    <row r="469114" spans="8:8">
      <c r="H469114" s="12"/>
    </row>
    <row r="469115" spans="8:8">
      <c r="H469115" s="12"/>
    </row>
    <row r="469116" spans="8:8">
      <c r="H469116" s="12"/>
    </row>
    <row r="469117" spans="8:8">
      <c r="H469117" s="12"/>
    </row>
    <row r="469118" spans="8:8">
      <c r="H469118" s="12"/>
    </row>
    <row r="469119" spans="8:8">
      <c r="H469119" s="12"/>
    </row>
    <row r="469120" spans="8:8">
      <c r="H469120" s="12"/>
    </row>
    <row r="469121" spans="8:8">
      <c r="H469121" s="12"/>
    </row>
    <row r="469122" spans="8:8">
      <c r="H469122" s="12"/>
    </row>
    <row r="469123" spans="8:8">
      <c r="H469123" s="12"/>
    </row>
    <row r="469124" spans="8:8">
      <c r="H469124" s="12"/>
    </row>
    <row r="469125" spans="8:8">
      <c r="H469125" s="12"/>
    </row>
    <row r="469126" spans="8:8">
      <c r="H469126" s="12"/>
    </row>
    <row r="469127" spans="8:8">
      <c r="H469127" s="12"/>
    </row>
    <row r="469128" spans="8:8">
      <c r="H469128" s="12"/>
    </row>
    <row r="469129" spans="8:8">
      <c r="H469129" s="12"/>
    </row>
    <row r="469130" spans="8:8">
      <c r="H469130" s="12"/>
    </row>
    <row r="469131" spans="8:8">
      <c r="H469131" s="12"/>
    </row>
    <row r="469132" spans="8:8">
      <c r="H469132" s="12"/>
    </row>
    <row r="469133" spans="8:8">
      <c r="H469133" s="12"/>
    </row>
    <row r="469134" spans="8:8">
      <c r="H469134" s="12"/>
    </row>
    <row r="469135" spans="8:8">
      <c r="H469135" s="12"/>
    </row>
    <row r="469136" spans="8:8">
      <c r="H469136" s="12"/>
    </row>
    <row r="469137" spans="8:8">
      <c r="H469137" s="12"/>
    </row>
    <row r="469138" spans="8:8">
      <c r="H469138" s="12"/>
    </row>
    <row r="469139" spans="8:8">
      <c r="H469139" s="12"/>
    </row>
    <row r="469140" spans="8:8">
      <c r="H469140" s="12"/>
    </row>
    <row r="469141" spans="8:8">
      <c r="H469141" s="12"/>
    </row>
    <row r="469142" spans="8:8">
      <c r="H469142" s="12"/>
    </row>
    <row r="469143" spans="8:8">
      <c r="H469143" s="12"/>
    </row>
    <row r="469144" spans="8:8">
      <c r="H469144" s="12"/>
    </row>
    <row r="469145" spans="8:8">
      <c r="H469145" s="12"/>
    </row>
    <row r="469146" spans="8:8">
      <c r="H469146" s="12"/>
    </row>
    <row r="469147" spans="8:8">
      <c r="H469147" s="12"/>
    </row>
    <row r="469148" spans="8:8">
      <c r="H469148" s="12"/>
    </row>
    <row r="469149" spans="8:8">
      <c r="H469149" s="12"/>
    </row>
    <row r="469150" spans="8:8">
      <c r="H469150" s="12"/>
    </row>
    <row r="469151" spans="8:8">
      <c r="H469151" s="12"/>
    </row>
    <row r="469152" spans="8:8">
      <c r="H469152" s="12"/>
    </row>
    <row r="469153" spans="8:8">
      <c r="H469153" s="12"/>
    </row>
    <row r="469154" spans="8:8">
      <c r="H469154" s="12"/>
    </row>
    <row r="469155" spans="8:8">
      <c r="H469155" s="12"/>
    </row>
    <row r="469156" spans="8:8">
      <c r="H469156" s="12"/>
    </row>
    <row r="469157" spans="8:8">
      <c r="H469157" s="12"/>
    </row>
    <row r="469158" spans="8:8">
      <c r="H469158" s="12"/>
    </row>
    <row r="469159" spans="8:8">
      <c r="H469159" s="12"/>
    </row>
    <row r="469160" spans="8:8">
      <c r="H469160" s="12"/>
    </row>
    <row r="469161" spans="8:8">
      <c r="H469161" s="12"/>
    </row>
    <row r="469162" spans="8:8">
      <c r="H469162" s="12"/>
    </row>
    <row r="469163" spans="8:8">
      <c r="H469163" s="12"/>
    </row>
    <row r="469164" spans="8:8">
      <c r="H469164" s="12"/>
    </row>
    <row r="469165" spans="8:8">
      <c r="H469165" s="12"/>
    </row>
    <row r="469166" spans="8:8">
      <c r="H469166" s="12"/>
    </row>
    <row r="469167" spans="8:8">
      <c r="H469167" s="12"/>
    </row>
    <row r="469168" spans="8:8">
      <c r="H469168" s="12"/>
    </row>
    <row r="469169" spans="8:8">
      <c r="H469169" s="12"/>
    </row>
    <row r="469170" spans="8:8">
      <c r="H469170" s="12"/>
    </row>
    <row r="469171" spans="8:8">
      <c r="H469171" s="12"/>
    </row>
    <row r="469172" spans="8:8">
      <c r="H469172" s="12"/>
    </row>
    <row r="469173" spans="8:8">
      <c r="H469173" s="12"/>
    </row>
    <row r="469174" spans="8:8">
      <c r="H469174" s="12"/>
    </row>
    <row r="469175" spans="8:8">
      <c r="H469175" s="12"/>
    </row>
    <row r="469176" spans="8:8">
      <c r="H469176" s="12"/>
    </row>
    <row r="469177" spans="8:8">
      <c r="H469177" s="12"/>
    </row>
    <row r="469178" spans="8:8">
      <c r="H469178" s="12"/>
    </row>
    <row r="469179" spans="8:8">
      <c r="H469179" s="12"/>
    </row>
    <row r="469180" spans="8:8">
      <c r="H469180" s="12"/>
    </row>
    <row r="469181" spans="8:8">
      <c r="H469181" s="12"/>
    </row>
    <row r="469182" spans="8:8">
      <c r="H469182" s="12"/>
    </row>
    <row r="469183" spans="8:8">
      <c r="H469183" s="12"/>
    </row>
    <row r="469184" spans="8:8">
      <c r="H469184" s="12"/>
    </row>
    <row r="469185" spans="8:8">
      <c r="H469185" s="12"/>
    </row>
    <row r="469186" spans="8:8">
      <c r="H469186" s="12"/>
    </row>
    <row r="469187" spans="8:8">
      <c r="H469187" s="12"/>
    </row>
    <row r="469188" spans="8:8">
      <c r="H469188" s="12"/>
    </row>
    <row r="469189" spans="8:8">
      <c r="H469189" s="12"/>
    </row>
    <row r="469190" spans="8:8">
      <c r="H469190" s="12"/>
    </row>
    <row r="469191" spans="8:8">
      <c r="H469191" s="12"/>
    </row>
    <row r="469192" spans="8:8">
      <c r="H469192" s="12"/>
    </row>
    <row r="469193" spans="8:8">
      <c r="H469193" s="12"/>
    </row>
    <row r="469194" spans="8:8">
      <c r="H469194" s="12"/>
    </row>
    <row r="469195" spans="8:8">
      <c r="H469195" s="12"/>
    </row>
    <row r="469196" spans="8:8">
      <c r="H469196" s="12"/>
    </row>
    <row r="469197" spans="8:8">
      <c r="H469197" s="12"/>
    </row>
    <row r="469198" spans="8:8">
      <c r="H469198" s="12"/>
    </row>
    <row r="469199" spans="8:8">
      <c r="H469199" s="12"/>
    </row>
    <row r="469200" spans="8:8">
      <c r="H469200" s="12"/>
    </row>
    <row r="469201" spans="8:8">
      <c r="H469201" s="12"/>
    </row>
    <row r="469202" spans="8:8">
      <c r="H469202" s="12"/>
    </row>
    <row r="469203" spans="8:8">
      <c r="H469203" s="12"/>
    </row>
    <row r="469204" spans="8:8">
      <c r="H469204" s="12"/>
    </row>
    <row r="469205" spans="8:8">
      <c r="H469205" s="12"/>
    </row>
    <row r="469206" spans="8:8">
      <c r="H469206" s="12"/>
    </row>
    <row r="469207" spans="8:8">
      <c r="H469207" s="12"/>
    </row>
    <row r="469208" spans="8:8">
      <c r="H469208" s="12"/>
    </row>
    <row r="469209" spans="8:8">
      <c r="H469209" s="12"/>
    </row>
    <row r="469210" spans="8:8">
      <c r="H469210" s="12"/>
    </row>
    <row r="469211" spans="8:8">
      <c r="H469211" s="12"/>
    </row>
    <row r="469212" spans="8:8">
      <c r="H469212" s="12"/>
    </row>
    <row r="469213" spans="8:8">
      <c r="H469213" s="12"/>
    </row>
    <row r="469214" spans="8:8">
      <c r="H469214" s="12"/>
    </row>
    <row r="469215" spans="8:8">
      <c r="H469215" s="12"/>
    </row>
    <row r="469216" spans="8:8">
      <c r="H469216" s="12"/>
    </row>
    <row r="469217" spans="8:8">
      <c r="H469217" s="12"/>
    </row>
    <row r="469218" spans="8:8">
      <c r="H469218" s="12"/>
    </row>
    <row r="469219" spans="8:8">
      <c r="H469219" s="12"/>
    </row>
    <row r="469220" spans="8:8">
      <c r="H469220" s="12"/>
    </row>
    <row r="469221" spans="8:8">
      <c r="H469221" s="12"/>
    </row>
    <row r="469222" spans="8:8">
      <c r="H469222" s="12"/>
    </row>
    <row r="469223" spans="8:8">
      <c r="H469223" s="12"/>
    </row>
    <row r="469224" spans="8:8">
      <c r="H469224" s="12"/>
    </row>
    <row r="469225" spans="8:8">
      <c r="H469225" s="12"/>
    </row>
    <row r="469226" spans="8:8">
      <c r="H469226" s="12"/>
    </row>
    <row r="469227" spans="8:8">
      <c r="H469227" s="12"/>
    </row>
    <row r="469228" spans="8:8">
      <c r="H469228" s="12"/>
    </row>
    <row r="469229" spans="8:8">
      <c r="H469229" s="12"/>
    </row>
    <row r="469230" spans="8:8">
      <c r="H469230" s="12"/>
    </row>
    <row r="469231" spans="8:8">
      <c r="H469231" s="12"/>
    </row>
    <row r="469232" spans="8:8">
      <c r="H469232" s="12"/>
    </row>
    <row r="469233" spans="8:8">
      <c r="H469233" s="12"/>
    </row>
    <row r="469234" spans="8:8">
      <c r="H469234" s="12"/>
    </row>
    <row r="469235" spans="8:8">
      <c r="H469235" s="12"/>
    </row>
    <row r="469236" spans="8:8">
      <c r="H469236" s="12"/>
    </row>
    <row r="469237" spans="8:8">
      <c r="H469237" s="12"/>
    </row>
    <row r="469238" spans="8:8">
      <c r="H469238" s="12"/>
    </row>
    <row r="469239" spans="8:8">
      <c r="H469239" s="12"/>
    </row>
    <row r="469240" spans="8:8">
      <c r="H469240" s="12"/>
    </row>
    <row r="469241" spans="8:8">
      <c r="H469241" s="12"/>
    </row>
    <row r="469242" spans="8:8">
      <c r="H469242" s="12"/>
    </row>
    <row r="469243" spans="8:8">
      <c r="H469243" s="12"/>
    </row>
    <row r="469244" spans="8:8">
      <c r="H469244" s="12"/>
    </row>
    <row r="469245" spans="8:8">
      <c r="H469245" s="12"/>
    </row>
    <row r="469246" spans="8:8">
      <c r="H469246" s="12"/>
    </row>
    <row r="469247" spans="8:8">
      <c r="H469247" s="12"/>
    </row>
    <row r="469248" spans="8:8">
      <c r="H469248" s="12"/>
    </row>
    <row r="469249" spans="8:8">
      <c r="H469249" s="12"/>
    </row>
    <row r="469250" spans="8:8">
      <c r="H469250" s="12"/>
    </row>
    <row r="469251" spans="8:8">
      <c r="H469251" s="12"/>
    </row>
    <row r="469252" spans="8:8">
      <c r="H469252" s="12"/>
    </row>
    <row r="469253" spans="8:8">
      <c r="H469253" s="12"/>
    </row>
    <row r="469254" spans="8:8">
      <c r="H469254" s="12"/>
    </row>
    <row r="469255" spans="8:8">
      <c r="H469255" s="12"/>
    </row>
    <row r="469256" spans="8:8">
      <c r="H469256" s="12"/>
    </row>
    <row r="469257" spans="8:8">
      <c r="H469257" s="12"/>
    </row>
    <row r="469258" spans="8:8">
      <c r="H469258" s="12"/>
    </row>
    <row r="469259" spans="8:8">
      <c r="H469259" s="12"/>
    </row>
    <row r="469260" spans="8:8">
      <c r="H469260" s="12"/>
    </row>
    <row r="469261" spans="8:8">
      <c r="H469261" s="12"/>
    </row>
    <row r="469262" spans="8:8">
      <c r="H469262" s="12"/>
    </row>
    <row r="469263" spans="8:8">
      <c r="H469263" s="12"/>
    </row>
    <row r="469264" spans="8:8">
      <c r="H469264" s="12"/>
    </row>
    <row r="469265" spans="8:8">
      <c r="H469265" s="12"/>
    </row>
    <row r="469266" spans="8:8">
      <c r="H469266" s="12"/>
    </row>
    <row r="469267" spans="8:8">
      <c r="H469267" s="12"/>
    </row>
    <row r="469268" spans="8:8">
      <c r="H469268" s="12"/>
    </row>
    <row r="469269" spans="8:8">
      <c r="H469269" s="12"/>
    </row>
    <row r="469270" spans="8:8">
      <c r="H469270" s="12"/>
    </row>
    <row r="469271" spans="8:8">
      <c r="H469271" s="12"/>
    </row>
    <row r="469272" spans="8:8">
      <c r="H469272" s="12"/>
    </row>
    <row r="469273" spans="8:8">
      <c r="H469273" s="12"/>
    </row>
    <row r="469274" spans="8:8">
      <c r="H469274" s="12"/>
    </row>
    <row r="469275" spans="8:8">
      <c r="H469275" s="12"/>
    </row>
    <row r="469276" spans="8:8">
      <c r="H469276" s="12"/>
    </row>
    <row r="469277" spans="8:8">
      <c r="H469277" s="12"/>
    </row>
    <row r="469278" spans="8:8">
      <c r="H469278" s="12"/>
    </row>
    <row r="469279" spans="8:8">
      <c r="H469279" s="12"/>
    </row>
    <row r="469280" spans="8:8">
      <c r="H469280" s="12"/>
    </row>
    <row r="469281" spans="8:8">
      <c r="H469281" s="12"/>
    </row>
    <row r="469282" spans="8:8">
      <c r="H469282" s="12"/>
    </row>
    <row r="469283" spans="8:8">
      <c r="H469283" s="12"/>
    </row>
    <row r="469284" spans="8:8">
      <c r="H469284" s="12"/>
    </row>
    <row r="469285" spans="8:8">
      <c r="H469285" s="12"/>
    </row>
    <row r="469286" spans="8:8">
      <c r="H469286" s="12"/>
    </row>
    <row r="469287" spans="8:8">
      <c r="H469287" s="12"/>
    </row>
    <row r="469288" spans="8:8">
      <c r="H469288" s="12"/>
    </row>
    <row r="469289" spans="8:8">
      <c r="H469289" s="12"/>
    </row>
    <row r="469290" spans="8:8">
      <c r="H469290" s="12"/>
    </row>
    <row r="469291" spans="8:8">
      <c r="H469291" s="12"/>
    </row>
    <row r="469292" spans="8:8">
      <c r="H469292" s="12"/>
    </row>
    <row r="469293" spans="8:8">
      <c r="H469293" s="12"/>
    </row>
    <row r="469294" spans="8:8">
      <c r="H469294" s="12"/>
    </row>
    <row r="469295" spans="8:8">
      <c r="H469295" s="12"/>
    </row>
    <row r="469296" spans="8:8">
      <c r="H469296" s="12"/>
    </row>
    <row r="469297" spans="8:8">
      <c r="H469297" s="12"/>
    </row>
    <row r="469298" spans="8:8">
      <c r="H469298" s="12"/>
    </row>
    <row r="469299" spans="8:8">
      <c r="H469299" s="12"/>
    </row>
    <row r="469300" spans="8:8">
      <c r="H469300" s="12"/>
    </row>
    <row r="469301" spans="8:8">
      <c r="H469301" s="12"/>
    </row>
    <row r="469302" spans="8:8">
      <c r="H469302" s="12"/>
    </row>
    <row r="469303" spans="8:8">
      <c r="H469303" s="12"/>
    </row>
    <row r="469304" spans="8:8">
      <c r="H469304" s="12"/>
    </row>
    <row r="469305" spans="8:8">
      <c r="H469305" s="12"/>
    </row>
    <row r="469306" spans="8:8">
      <c r="H469306" s="12"/>
    </row>
    <row r="469307" spans="8:8">
      <c r="H469307" s="12"/>
    </row>
    <row r="469308" spans="8:8">
      <c r="H469308" s="12"/>
    </row>
    <row r="469309" spans="8:8">
      <c r="H469309" s="12"/>
    </row>
    <row r="469310" spans="8:8">
      <c r="H469310" s="12"/>
    </row>
    <row r="469311" spans="8:8">
      <c r="H469311" s="12"/>
    </row>
    <row r="469312" spans="8:8">
      <c r="H469312" s="12"/>
    </row>
    <row r="469313" spans="8:8">
      <c r="H469313" s="12"/>
    </row>
    <row r="469314" spans="8:8">
      <c r="H469314" s="12"/>
    </row>
    <row r="469315" spans="8:8">
      <c r="H469315" s="12"/>
    </row>
    <row r="469316" spans="8:8">
      <c r="H469316" s="12"/>
    </row>
    <row r="469317" spans="8:8">
      <c r="H469317" s="12"/>
    </row>
    <row r="469318" spans="8:8">
      <c r="H469318" s="12"/>
    </row>
    <row r="469319" spans="8:8">
      <c r="H469319" s="12"/>
    </row>
    <row r="469320" spans="8:8">
      <c r="H469320" s="12"/>
    </row>
    <row r="469321" spans="8:8">
      <c r="H469321" s="12"/>
    </row>
    <row r="469322" spans="8:8">
      <c r="H469322" s="12"/>
    </row>
    <row r="469323" spans="8:8">
      <c r="H469323" s="12"/>
    </row>
    <row r="469324" spans="8:8">
      <c r="H469324" s="12"/>
    </row>
    <row r="469325" spans="8:8">
      <c r="H469325" s="12"/>
    </row>
    <row r="469326" spans="8:8">
      <c r="H469326" s="12"/>
    </row>
    <row r="469327" spans="8:8">
      <c r="H469327" s="12"/>
    </row>
    <row r="469328" spans="8:8">
      <c r="H469328" s="12"/>
    </row>
    <row r="469329" spans="8:8">
      <c r="H469329" s="12"/>
    </row>
    <row r="469330" spans="8:8">
      <c r="H469330" s="12"/>
    </row>
    <row r="469331" spans="8:8">
      <c r="H469331" s="12"/>
    </row>
    <row r="469332" spans="8:8">
      <c r="H469332" s="12"/>
    </row>
    <row r="469333" spans="8:8">
      <c r="H469333" s="12"/>
    </row>
    <row r="469334" spans="8:8">
      <c r="H469334" s="12"/>
    </row>
    <row r="469335" spans="8:8">
      <c r="H469335" s="12"/>
    </row>
    <row r="469336" spans="8:8">
      <c r="H469336" s="12"/>
    </row>
    <row r="469337" spans="8:8">
      <c r="H469337" s="12"/>
    </row>
    <row r="469338" spans="8:8">
      <c r="H469338" s="12"/>
    </row>
    <row r="469339" spans="8:8">
      <c r="H469339" s="12"/>
    </row>
    <row r="469340" spans="8:8">
      <c r="H469340" s="12"/>
    </row>
    <row r="469341" spans="8:8">
      <c r="H469341" s="12"/>
    </row>
    <row r="469342" spans="8:8">
      <c r="H469342" s="12"/>
    </row>
    <row r="469343" spans="8:8">
      <c r="H469343" s="12"/>
    </row>
    <row r="469344" spans="8:8">
      <c r="H469344" s="12"/>
    </row>
    <row r="469345" spans="8:8">
      <c r="H469345" s="12"/>
    </row>
    <row r="469346" spans="8:8">
      <c r="H469346" s="12"/>
    </row>
    <row r="469347" spans="8:8">
      <c r="H469347" s="12"/>
    </row>
    <row r="469348" spans="8:8">
      <c r="H469348" s="12"/>
    </row>
    <row r="469349" spans="8:8">
      <c r="H469349" s="12"/>
    </row>
    <row r="469350" spans="8:8">
      <c r="H469350" s="12"/>
    </row>
    <row r="469351" spans="8:8">
      <c r="H469351" s="12"/>
    </row>
    <row r="469352" spans="8:8">
      <c r="H469352" s="12"/>
    </row>
    <row r="469353" spans="8:8">
      <c r="H469353" s="12"/>
    </row>
    <row r="469354" spans="8:8">
      <c r="H469354" s="12"/>
    </row>
    <row r="469355" spans="8:8">
      <c r="H469355" s="12"/>
    </row>
    <row r="469356" spans="8:8">
      <c r="H469356" s="12"/>
    </row>
    <row r="469357" spans="8:8">
      <c r="H469357" s="12"/>
    </row>
    <row r="469358" spans="8:8">
      <c r="H469358" s="12"/>
    </row>
    <row r="469359" spans="8:8">
      <c r="H469359" s="12"/>
    </row>
    <row r="469360" spans="8:8">
      <c r="H469360" s="12"/>
    </row>
    <row r="469361" spans="8:8">
      <c r="H469361" s="12"/>
    </row>
    <row r="469362" spans="8:8">
      <c r="H469362" s="12"/>
    </row>
    <row r="469363" spans="8:8">
      <c r="H469363" s="12"/>
    </row>
    <row r="469364" spans="8:8">
      <c r="H469364" s="12"/>
    </row>
    <row r="469365" spans="8:8">
      <c r="H469365" s="12"/>
    </row>
    <row r="469366" spans="8:8">
      <c r="H469366" s="12"/>
    </row>
    <row r="469367" spans="8:8">
      <c r="H469367" s="12"/>
    </row>
    <row r="469368" spans="8:8">
      <c r="H469368" s="12"/>
    </row>
    <row r="469369" spans="8:8">
      <c r="H469369" s="12"/>
    </row>
    <row r="469370" spans="8:8">
      <c r="H469370" s="12"/>
    </row>
    <row r="469371" spans="8:8">
      <c r="H469371" s="12"/>
    </row>
    <row r="469372" spans="8:8">
      <c r="H469372" s="12"/>
    </row>
    <row r="469373" spans="8:8">
      <c r="H469373" s="12"/>
    </row>
    <row r="469374" spans="8:8">
      <c r="H469374" s="12"/>
    </row>
    <row r="469375" spans="8:8">
      <c r="H469375" s="12"/>
    </row>
    <row r="469376" spans="8:8">
      <c r="H469376" s="12"/>
    </row>
    <row r="469377" spans="8:8">
      <c r="H469377" s="12"/>
    </row>
    <row r="469378" spans="8:8">
      <c r="H469378" s="12"/>
    </row>
    <row r="469379" spans="8:8">
      <c r="H469379" s="12"/>
    </row>
    <row r="469380" spans="8:8">
      <c r="H469380" s="12"/>
    </row>
    <row r="469381" spans="8:8">
      <c r="H469381" s="12"/>
    </row>
    <row r="469382" spans="8:8">
      <c r="H469382" s="12"/>
    </row>
    <row r="469383" spans="8:8">
      <c r="H469383" s="12"/>
    </row>
    <row r="469384" spans="8:8">
      <c r="H469384" s="12"/>
    </row>
    <row r="469385" spans="8:8">
      <c r="H469385" s="12"/>
    </row>
    <row r="469386" spans="8:8">
      <c r="H469386" s="12"/>
    </row>
    <row r="469387" spans="8:8">
      <c r="H469387" s="12"/>
    </row>
    <row r="469388" spans="8:8">
      <c r="H469388" s="12"/>
    </row>
    <row r="469389" spans="8:8">
      <c r="H469389" s="12"/>
    </row>
    <row r="469390" spans="8:8">
      <c r="H469390" s="12"/>
    </row>
    <row r="469391" spans="8:8">
      <c r="H469391" s="12"/>
    </row>
    <row r="469392" spans="8:8">
      <c r="H469392" s="12"/>
    </row>
    <row r="469393" spans="8:8">
      <c r="H469393" s="12"/>
    </row>
    <row r="469394" spans="8:8">
      <c r="H469394" s="12"/>
    </row>
    <row r="469395" spans="8:8">
      <c r="H469395" s="12"/>
    </row>
    <row r="469396" spans="8:8">
      <c r="H469396" s="12"/>
    </row>
    <row r="469397" spans="8:8">
      <c r="H469397" s="12"/>
    </row>
    <row r="469398" spans="8:8">
      <c r="H469398" s="12"/>
    </row>
    <row r="469399" spans="8:8">
      <c r="H469399" s="12"/>
    </row>
    <row r="469400" spans="8:8">
      <c r="H469400" s="12"/>
    </row>
    <row r="469401" spans="8:8">
      <c r="H469401" s="12"/>
    </row>
    <row r="469402" spans="8:8">
      <c r="H469402" s="12"/>
    </row>
    <row r="469403" spans="8:8">
      <c r="H469403" s="12"/>
    </row>
    <row r="469404" spans="8:8">
      <c r="H469404" s="12"/>
    </row>
    <row r="469405" spans="8:8">
      <c r="H469405" s="12"/>
    </row>
    <row r="469406" spans="8:8">
      <c r="H469406" s="12"/>
    </row>
    <row r="469407" spans="8:8">
      <c r="H469407" s="12"/>
    </row>
    <row r="469408" spans="8:8">
      <c r="H469408" s="12"/>
    </row>
    <row r="469409" spans="8:8">
      <c r="H469409" s="12"/>
    </row>
    <row r="469410" spans="8:8">
      <c r="H469410" s="12"/>
    </row>
    <row r="469411" spans="8:8">
      <c r="H469411" s="12"/>
    </row>
    <row r="469412" spans="8:8">
      <c r="H469412" s="12"/>
    </row>
    <row r="469413" spans="8:8">
      <c r="H469413" s="12"/>
    </row>
    <row r="469414" spans="8:8">
      <c r="H469414" s="12"/>
    </row>
    <row r="469415" spans="8:8">
      <c r="H469415" s="12"/>
    </row>
    <row r="469416" spans="8:8">
      <c r="H469416" s="12"/>
    </row>
    <row r="469417" spans="8:8">
      <c r="H469417" s="12"/>
    </row>
    <row r="469418" spans="8:8">
      <c r="H469418" s="12"/>
    </row>
    <row r="469419" spans="8:8">
      <c r="H469419" s="12"/>
    </row>
    <row r="469420" spans="8:8">
      <c r="H469420" s="12"/>
    </row>
    <row r="469421" spans="8:8">
      <c r="H469421" s="12"/>
    </row>
    <row r="469422" spans="8:8">
      <c r="H469422" s="12"/>
    </row>
    <row r="469423" spans="8:8">
      <c r="H469423" s="12"/>
    </row>
    <row r="469424" spans="8:8">
      <c r="H469424" s="12"/>
    </row>
    <row r="469425" spans="8:8">
      <c r="H469425" s="12"/>
    </row>
    <row r="469426" spans="8:8">
      <c r="H469426" s="12"/>
    </row>
    <row r="469427" spans="8:8">
      <c r="H469427" s="12"/>
    </row>
    <row r="469428" spans="8:8">
      <c r="H469428" s="12"/>
    </row>
    <row r="469429" spans="8:8">
      <c r="H469429" s="12"/>
    </row>
    <row r="469430" spans="8:8">
      <c r="H469430" s="12"/>
    </row>
    <row r="469431" spans="8:8">
      <c r="H469431" s="12"/>
    </row>
    <row r="469432" spans="8:8">
      <c r="H469432" s="12"/>
    </row>
    <row r="469433" spans="8:8">
      <c r="H469433" s="12"/>
    </row>
    <row r="469434" spans="8:8">
      <c r="H469434" s="12"/>
    </row>
    <row r="469435" spans="8:8">
      <c r="H469435" s="12"/>
    </row>
    <row r="469436" spans="8:8">
      <c r="H469436" s="12"/>
    </row>
    <row r="469437" spans="8:8">
      <c r="H469437" s="12"/>
    </row>
    <row r="469438" spans="8:8">
      <c r="H469438" s="12"/>
    </row>
    <row r="469439" spans="8:8">
      <c r="H469439" s="12"/>
    </row>
    <row r="469440" spans="8:8">
      <c r="H469440" s="12"/>
    </row>
    <row r="469441" spans="8:8">
      <c r="H469441" s="12"/>
    </row>
    <row r="469442" spans="8:8">
      <c r="H469442" s="12"/>
    </row>
    <row r="469443" spans="8:8">
      <c r="H469443" s="12"/>
    </row>
    <row r="469444" spans="8:8">
      <c r="H469444" s="12"/>
    </row>
    <row r="469445" spans="8:8">
      <c r="H469445" s="12"/>
    </row>
    <row r="469446" spans="8:8">
      <c r="H469446" s="12"/>
    </row>
    <row r="469447" spans="8:8">
      <c r="H469447" s="12"/>
    </row>
    <row r="469448" spans="8:8">
      <c r="H469448" s="12"/>
    </row>
    <row r="469449" spans="8:8">
      <c r="H469449" s="12"/>
    </row>
    <row r="469450" spans="8:8">
      <c r="H469450" s="12"/>
    </row>
    <row r="469451" spans="8:8">
      <c r="H469451" s="12"/>
    </row>
    <row r="469452" spans="8:8">
      <c r="H469452" s="12"/>
    </row>
    <row r="469453" spans="8:8">
      <c r="H469453" s="12"/>
    </row>
    <row r="469454" spans="8:8">
      <c r="H469454" s="12"/>
    </row>
    <row r="469455" spans="8:8">
      <c r="H469455" s="12"/>
    </row>
    <row r="469456" spans="8:8">
      <c r="H469456" s="12"/>
    </row>
    <row r="469457" spans="8:8">
      <c r="H469457" s="12"/>
    </row>
    <row r="469458" spans="8:8">
      <c r="H469458" s="12"/>
    </row>
    <row r="469459" spans="8:8">
      <c r="H469459" s="12"/>
    </row>
    <row r="469460" spans="8:8">
      <c r="H469460" s="12"/>
    </row>
    <row r="469461" spans="8:8">
      <c r="H469461" s="12"/>
    </row>
    <row r="469462" spans="8:8">
      <c r="H469462" s="12"/>
    </row>
    <row r="469463" spans="8:8">
      <c r="H469463" s="12"/>
    </row>
    <row r="469464" spans="8:8">
      <c r="H469464" s="12"/>
    </row>
    <row r="469465" spans="8:8">
      <c r="H469465" s="12"/>
    </row>
    <row r="469466" spans="8:8">
      <c r="H469466" s="12"/>
    </row>
    <row r="469467" spans="8:8">
      <c r="H469467" s="12"/>
    </row>
    <row r="469468" spans="8:8">
      <c r="H469468" s="12"/>
    </row>
    <row r="469469" spans="8:8">
      <c r="H469469" s="12"/>
    </row>
    <row r="469470" spans="8:8">
      <c r="H469470" s="12"/>
    </row>
    <row r="469471" spans="8:8">
      <c r="H469471" s="12"/>
    </row>
    <row r="469472" spans="8:8">
      <c r="H469472" s="12"/>
    </row>
    <row r="469473" spans="8:8">
      <c r="H469473" s="12"/>
    </row>
    <row r="469474" spans="8:8">
      <c r="H469474" s="12"/>
    </row>
    <row r="469475" spans="8:8">
      <c r="H469475" s="12"/>
    </row>
    <row r="469476" spans="8:8">
      <c r="H469476" s="12"/>
    </row>
    <row r="469477" spans="8:8">
      <c r="H469477" s="12"/>
    </row>
    <row r="469478" spans="8:8">
      <c r="H469478" s="12"/>
    </row>
    <row r="469479" spans="8:8">
      <c r="H469479" s="12"/>
    </row>
    <row r="469480" spans="8:8">
      <c r="H469480" s="12"/>
    </row>
    <row r="469481" spans="8:8">
      <c r="H469481" s="12"/>
    </row>
    <row r="469482" spans="8:8">
      <c r="H469482" s="12"/>
    </row>
    <row r="469483" spans="8:8">
      <c r="H469483" s="12"/>
    </row>
    <row r="469484" spans="8:8">
      <c r="H469484" s="12"/>
    </row>
    <row r="469485" spans="8:8">
      <c r="H469485" s="12"/>
    </row>
    <row r="469486" spans="8:8">
      <c r="H469486" s="12"/>
    </row>
    <row r="469487" spans="8:8">
      <c r="H469487" s="12"/>
    </row>
    <row r="469488" spans="8:8">
      <c r="H469488" s="12"/>
    </row>
    <row r="469489" spans="8:8">
      <c r="H469489" s="12"/>
    </row>
    <row r="469490" spans="8:8">
      <c r="H469490" s="12"/>
    </row>
    <row r="469491" spans="8:8">
      <c r="H469491" s="12"/>
    </row>
    <row r="469492" spans="8:8">
      <c r="H469492" s="12"/>
    </row>
    <row r="469493" spans="8:8">
      <c r="H469493" s="12"/>
    </row>
    <row r="469494" spans="8:8">
      <c r="H469494" s="12"/>
    </row>
    <row r="469495" spans="8:8">
      <c r="H469495" s="12"/>
    </row>
    <row r="469496" spans="8:8">
      <c r="H469496" s="12"/>
    </row>
    <row r="469497" spans="8:8">
      <c r="H469497" s="12"/>
    </row>
    <row r="469498" spans="8:8">
      <c r="H469498" s="12"/>
    </row>
    <row r="469499" spans="8:8">
      <c r="H469499" s="12"/>
    </row>
    <row r="469500" spans="8:8">
      <c r="H469500" s="12"/>
    </row>
    <row r="469501" spans="8:8">
      <c r="H469501" s="12"/>
    </row>
    <row r="469502" spans="8:8">
      <c r="H469502" s="12"/>
    </row>
    <row r="469503" spans="8:8">
      <c r="H469503" s="12"/>
    </row>
    <row r="469504" spans="8:8">
      <c r="H469504" s="12"/>
    </row>
    <row r="469505" spans="8:8">
      <c r="H469505" s="12"/>
    </row>
    <row r="469506" spans="8:8">
      <c r="H469506" s="12"/>
    </row>
    <row r="469507" spans="8:8">
      <c r="H469507" s="12"/>
    </row>
    <row r="469508" spans="8:8">
      <c r="H469508" s="12"/>
    </row>
    <row r="469509" spans="8:8">
      <c r="H469509" s="12"/>
    </row>
    <row r="469510" spans="8:8">
      <c r="H469510" s="12"/>
    </row>
    <row r="469511" spans="8:8">
      <c r="H469511" s="12"/>
    </row>
    <row r="469512" spans="8:8">
      <c r="H469512" s="12"/>
    </row>
    <row r="469513" spans="8:8">
      <c r="H469513" s="12"/>
    </row>
    <row r="469514" spans="8:8">
      <c r="H469514" s="12"/>
    </row>
    <row r="469515" spans="8:8">
      <c r="H469515" s="12"/>
    </row>
    <row r="469516" spans="8:8">
      <c r="H469516" s="12"/>
    </row>
    <row r="469517" spans="8:8">
      <c r="H469517" s="12"/>
    </row>
    <row r="469518" spans="8:8">
      <c r="H469518" s="12"/>
    </row>
    <row r="469519" spans="8:8">
      <c r="H469519" s="12"/>
    </row>
    <row r="469520" spans="8:8">
      <c r="H469520" s="12"/>
    </row>
    <row r="469521" spans="8:8">
      <c r="H469521" s="12"/>
    </row>
    <row r="469522" spans="8:8">
      <c r="H469522" s="12"/>
    </row>
    <row r="469523" spans="8:8">
      <c r="H469523" s="12"/>
    </row>
    <row r="469524" spans="8:8">
      <c r="H469524" s="12"/>
    </row>
    <row r="469525" spans="8:8">
      <c r="H469525" s="12"/>
    </row>
    <row r="469526" spans="8:8">
      <c r="H469526" s="12"/>
    </row>
    <row r="469527" spans="8:8">
      <c r="H469527" s="12"/>
    </row>
    <row r="469528" spans="8:8">
      <c r="H469528" s="12"/>
    </row>
    <row r="469529" spans="8:8">
      <c r="H469529" s="12"/>
    </row>
    <row r="469530" spans="8:8">
      <c r="H469530" s="12"/>
    </row>
    <row r="469531" spans="8:8">
      <c r="H469531" s="12"/>
    </row>
    <row r="469532" spans="8:8">
      <c r="H469532" s="12"/>
    </row>
    <row r="469533" spans="8:8">
      <c r="H469533" s="12"/>
    </row>
    <row r="469534" spans="8:8">
      <c r="H469534" s="12"/>
    </row>
    <row r="469535" spans="8:8">
      <c r="H469535" s="12"/>
    </row>
    <row r="469536" spans="8:8">
      <c r="H469536" s="12"/>
    </row>
    <row r="469537" spans="8:8">
      <c r="H469537" s="12"/>
    </row>
    <row r="469538" spans="8:8">
      <c r="H469538" s="12"/>
    </row>
    <row r="469539" spans="8:8">
      <c r="H469539" s="12"/>
    </row>
    <row r="469540" spans="8:8">
      <c r="H469540" s="12"/>
    </row>
    <row r="469541" spans="8:8">
      <c r="H469541" s="12"/>
    </row>
    <row r="469542" spans="8:8">
      <c r="H469542" s="12"/>
    </row>
    <row r="469543" spans="8:8">
      <c r="H469543" s="12"/>
    </row>
    <row r="469544" spans="8:8">
      <c r="H469544" s="12"/>
    </row>
    <row r="469545" spans="8:8">
      <c r="H469545" s="12"/>
    </row>
    <row r="469546" spans="8:8">
      <c r="H469546" s="12"/>
    </row>
    <row r="469547" spans="8:8">
      <c r="H469547" s="12"/>
    </row>
    <row r="469548" spans="8:8">
      <c r="H469548" s="12"/>
    </row>
    <row r="469549" spans="8:8">
      <c r="H469549" s="12"/>
    </row>
    <row r="469550" spans="8:8">
      <c r="H469550" s="12"/>
    </row>
    <row r="469551" spans="8:8">
      <c r="H469551" s="12"/>
    </row>
    <row r="469552" spans="8:8">
      <c r="H469552" s="12"/>
    </row>
    <row r="469553" spans="8:8">
      <c r="H469553" s="12"/>
    </row>
    <row r="469554" spans="8:8">
      <c r="H469554" s="12"/>
    </row>
    <row r="469555" spans="8:8">
      <c r="H469555" s="12"/>
    </row>
    <row r="469556" spans="8:8">
      <c r="H469556" s="12"/>
    </row>
    <row r="469557" spans="8:8">
      <c r="H469557" s="12"/>
    </row>
    <row r="469558" spans="8:8">
      <c r="H469558" s="12"/>
    </row>
    <row r="469559" spans="8:8">
      <c r="H469559" s="12"/>
    </row>
    <row r="469560" spans="8:8">
      <c r="H469560" s="12"/>
    </row>
    <row r="469561" spans="8:8">
      <c r="H469561" s="12"/>
    </row>
    <row r="469562" spans="8:8">
      <c r="H469562" s="12"/>
    </row>
    <row r="469563" spans="8:8">
      <c r="H469563" s="12"/>
    </row>
    <row r="469564" spans="8:8">
      <c r="H469564" s="12"/>
    </row>
    <row r="469565" spans="8:8">
      <c r="H469565" s="12"/>
    </row>
    <row r="469566" spans="8:8">
      <c r="H469566" s="12"/>
    </row>
    <row r="469567" spans="8:8">
      <c r="H469567" s="12"/>
    </row>
    <row r="469568" spans="8:8">
      <c r="H469568" s="12"/>
    </row>
    <row r="469569" spans="8:8">
      <c r="H469569" s="12"/>
    </row>
    <row r="469570" spans="8:8">
      <c r="H469570" s="12"/>
    </row>
    <row r="469571" spans="8:8">
      <c r="H469571" s="12"/>
    </row>
    <row r="469572" spans="8:8">
      <c r="H469572" s="12"/>
    </row>
    <row r="469573" spans="8:8">
      <c r="H469573" s="12"/>
    </row>
    <row r="469574" spans="8:8">
      <c r="H469574" s="12"/>
    </row>
    <row r="469575" spans="8:8">
      <c r="H469575" s="12"/>
    </row>
    <row r="469576" spans="8:8">
      <c r="H469576" s="12"/>
    </row>
    <row r="469577" spans="8:8">
      <c r="H469577" s="12"/>
    </row>
    <row r="469578" spans="8:8">
      <c r="H469578" s="12"/>
    </row>
    <row r="469579" spans="8:8">
      <c r="H469579" s="12"/>
    </row>
    <row r="469580" spans="8:8">
      <c r="H469580" s="12"/>
    </row>
    <row r="469581" spans="8:8">
      <c r="H469581" s="12"/>
    </row>
    <row r="469582" spans="8:8">
      <c r="H469582" s="12"/>
    </row>
    <row r="469583" spans="8:8">
      <c r="H469583" s="12"/>
    </row>
    <row r="469584" spans="8:8">
      <c r="H469584" s="12"/>
    </row>
    <row r="469585" spans="8:8">
      <c r="H469585" s="12"/>
    </row>
    <row r="469586" spans="8:8">
      <c r="H469586" s="12"/>
    </row>
    <row r="469587" spans="8:8">
      <c r="H469587" s="12"/>
    </row>
    <row r="469588" spans="8:8">
      <c r="H469588" s="12"/>
    </row>
    <row r="469589" spans="8:8">
      <c r="H469589" s="12"/>
    </row>
    <row r="469590" spans="8:8">
      <c r="H469590" s="12"/>
    </row>
    <row r="469591" spans="8:8">
      <c r="H469591" s="12"/>
    </row>
    <row r="469592" spans="8:8">
      <c r="H469592" s="12"/>
    </row>
    <row r="469593" spans="8:8">
      <c r="H469593" s="12"/>
    </row>
    <row r="469594" spans="8:8">
      <c r="H469594" s="12"/>
    </row>
    <row r="469595" spans="8:8">
      <c r="H469595" s="12"/>
    </row>
    <row r="469596" spans="8:8">
      <c r="H469596" s="12"/>
    </row>
    <row r="469597" spans="8:8">
      <c r="H469597" s="12"/>
    </row>
    <row r="469598" spans="8:8">
      <c r="H469598" s="12"/>
    </row>
    <row r="469599" spans="8:8">
      <c r="H469599" s="12"/>
    </row>
    <row r="469600" spans="8:8">
      <c r="H469600" s="12"/>
    </row>
    <row r="469601" spans="8:8">
      <c r="H469601" s="12"/>
    </row>
    <row r="469602" spans="8:8">
      <c r="H469602" s="12"/>
    </row>
    <row r="469603" spans="8:8">
      <c r="H469603" s="12"/>
    </row>
    <row r="469604" spans="8:8">
      <c r="H469604" s="12"/>
    </row>
    <row r="469605" spans="8:8">
      <c r="H469605" s="12"/>
    </row>
    <row r="469606" spans="8:8">
      <c r="H469606" s="12"/>
    </row>
    <row r="469607" spans="8:8">
      <c r="H469607" s="12"/>
    </row>
    <row r="469608" spans="8:8">
      <c r="H469608" s="12"/>
    </row>
    <row r="469609" spans="8:8">
      <c r="H469609" s="12"/>
    </row>
    <row r="469610" spans="8:8">
      <c r="H469610" s="12"/>
    </row>
    <row r="469611" spans="8:8">
      <c r="H469611" s="12"/>
    </row>
    <row r="469612" spans="8:8">
      <c r="H469612" s="12"/>
    </row>
    <row r="469613" spans="8:8">
      <c r="H469613" s="12"/>
    </row>
    <row r="469614" spans="8:8">
      <c r="H469614" s="12"/>
    </row>
    <row r="469615" spans="8:8">
      <c r="H469615" s="12"/>
    </row>
    <row r="469616" spans="8:8">
      <c r="H469616" s="12"/>
    </row>
    <row r="469617" spans="8:8">
      <c r="H469617" s="12"/>
    </row>
    <row r="469618" spans="8:8">
      <c r="H469618" s="12"/>
    </row>
    <row r="469619" spans="8:8">
      <c r="H469619" s="12"/>
    </row>
    <row r="469620" spans="8:8">
      <c r="H469620" s="12"/>
    </row>
    <row r="469621" spans="8:8">
      <c r="H469621" s="12"/>
    </row>
    <row r="469622" spans="8:8">
      <c r="H469622" s="12"/>
    </row>
    <row r="469623" spans="8:8">
      <c r="H469623" s="12"/>
    </row>
    <row r="469624" spans="8:8">
      <c r="H469624" s="12"/>
    </row>
    <row r="469625" spans="8:8">
      <c r="H469625" s="12"/>
    </row>
    <row r="469626" spans="8:8">
      <c r="H469626" s="12"/>
    </row>
    <row r="469627" spans="8:8">
      <c r="H469627" s="12"/>
    </row>
    <row r="469628" spans="8:8">
      <c r="H469628" s="12"/>
    </row>
    <row r="469629" spans="8:8">
      <c r="H469629" s="12"/>
    </row>
    <row r="469630" spans="8:8">
      <c r="H469630" s="12"/>
    </row>
    <row r="469631" spans="8:8">
      <c r="H469631" s="12"/>
    </row>
    <row r="469632" spans="8:8">
      <c r="H469632" s="12"/>
    </row>
    <row r="469633" spans="8:8">
      <c r="H469633" s="12"/>
    </row>
    <row r="469634" spans="8:8">
      <c r="H469634" s="12"/>
    </row>
    <row r="469635" spans="8:8">
      <c r="H469635" s="12"/>
    </row>
    <row r="469636" spans="8:8">
      <c r="H469636" s="12"/>
    </row>
    <row r="469637" spans="8:8">
      <c r="H469637" s="12"/>
    </row>
    <row r="469638" spans="8:8">
      <c r="H469638" s="12"/>
    </row>
    <row r="469639" spans="8:8">
      <c r="H469639" s="12"/>
    </row>
    <row r="469640" spans="8:8">
      <c r="H469640" s="12"/>
    </row>
    <row r="469641" spans="8:8">
      <c r="H469641" s="12"/>
    </row>
    <row r="469642" spans="8:8">
      <c r="H469642" s="12"/>
    </row>
    <row r="469643" spans="8:8">
      <c r="H469643" s="12"/>
    </row>
    <row r="469644" spans="8:8">
      <c r="H469644" s="12"/>
    </row>
    <row r="469645" spans="8:8">
      <c r="H469645" s="12"/>
    </row>
    <row r="469646" spans="8:8">
      <c r="H469646" s="12"/>
    </row>
    <row r="469647" spans="8:8">
      <c r="H469647" s="12"/>
    </row>
    <row r="469648" spans="8:8">
      <c r="H469648" s="12"/>
    </row>
    <row r="469649" spans="8:8">
      <c r="H469649" s="12"/>
    </row>
    <row r="469650" spans="8:8">
      <c r="H469650" s="12"/>
    </row>
    <row r="469651" spans="8:8">
      <c r="H469651" s="12"/>
    </row>
    <row r="469652" spans="8:8">
      <c r="H469652" s="12"/>
    </row>
    <row r="469653" spans="8:8">
      <c r="H469653" s="12"/>
    </row>
    <row r="469654" spans="8:8">
      <c r="H469654" s="12"/>
    </row>
    <row r="469655" spans="8:8">
      <c r="H469655" s="12"/>
    </row>
    <row r="469656" spans="8:8">
      <c r="H469656" s="12"/>
    </row>
    <row r="469657" spans="8:8">
      <c r="H469657" s="12"/>
    </row>
    <row r="469658" spans="8:8">
      <c r="H469658" s="12"/>
    </row>
    <row r="469659" spans="8:8">
      <c r="H469659" s="12"/>
    </row>
    <row r="469660" spans="8:8">
      <c r="H469660" s="12"/>
    </row>
    <row r="469661" spans="8:8">
      <c r="H469661" s="12"/>
    </row>
    <row r="469662" spans="8:8">
      <c r="H469662" s="12"/>
    </row>
    <row r="469663" spans="8:8">
      <c r="H469663" s="12"/>
    </row>
    <row r="469664" spans="8:8">
      <c r="H469664" s="12"/>
    </row>
    <row r="469665" spans="8:8">
      <c r="H469665" s="12"/>
    </row>
    <row r="469666" spans="8:8">
      <c r="H469666" s="12"/>
    </row>
    <row r="469667" spans="8:8">
      <c r="H469667" s="12"/>
    </row>
    <row r="469668" spans="8:8">
      <c r="H469668" s="12"/>
    </row>
    <row r="469669" spans="8:8">
      <c r="H469669" s="12"/>
    </row>
    <row r="469670" spans="8:8">
      <c r="H469670" s="12"/>
    </row>
    <row r="469671" spans="8:8">
      <c r="H469671" s="12"/>
    </row>
    <row r="469672" spans="8:8">
      <c r="H469672" s="12"/>
    </row>
    <row r="469673" spans="8:8">
      <c r="H469673" s="12"/>
    </row>
    <row r="469674" spans="8:8">
      <c r="H469674" s="12"/>
    </row>
    <row r="469675" spans="8:8">
      <c r="H469675" s="12"/>
    </row>
    <row r="469676" spans="8:8">
      <c r="H469676" s="12"/>
    </row>
    <row r="469677" spans="8:8">
      <c r="H469677" s="12"/>
    </row>
    <row r="469678" spans="8:8">
      <c r="H469678" s="12"/>
    </row>
    <row r="469679" spans="8:8">
      <c r="H469679" s="12"/>
    </row>
    <row r="469680" spans="8:8">
      <c r="H469680" s="12"/>
    </row>
    <row r="469681" spans="8:8">
      <c r="H469681" s="12"/>
    </row>
    <row r="469682" spans="8:8">
      <c r="H469682" s="12"/>
    </row>
    <row r="469683" spans="8:8">
      <c r="H469683" s="12"/>
    </row>
    <row r="469684" spans="8:8">
      <c r="H469684" s="12"/>
    </row>
    <row r="469685" spans="8:8">
      <c r="H469685" s="12"/>
    </row>
    <row r="469686" spans="8:8">
      <c r="H469686" s="12"/>
    </row>
    <row r="469687" spans="8:8">
      <c r="H469687" s="12"/>
    </row>
    <row r="469688" spans="8:8">
      <c r="H469688" s="12"/>
    </row>
    <row r="469689" spans="8:8">
      <c r="H469689" s="12"/>
    </row>
    <row r="469690" spans="8:8">
      <c r="H469690" s="12"/>
    </row>
    <row r="469691" spans="8:8">
      <c r="H469691" s="12"/>
    </row>
    <row r="469692" spans="8:8">
      <c r="H469692" s="12"/>
    </row>
    <row r="469693" spans="8:8">
      <c r="H469693" s="12"/>
    </row>
    <row r="469694" spans="8:8">
      <c r="H469694" s="12"/>
    </row>
    <row r="469695" spans="8:8">
      <c r="H469695" s="12"/>
    </row>
    <row r="469696" spans="8:8">
      <c r="H469696" s="12"/>
    </row>
    <row r="469697" spans="8:8">
      <c r="H469697" s="12"/>
    </row>
    <row r="469698" spans="8:8">
      <c r="H469698" s="12"/>
    </row>
    <row r="469699" spans="8:8">
      <c r="H469699" s="12"/>
    </row>
    <row r="469700" spans="8:8">
      <c r="H469700" s="12"/>
    </row>
    <row r="469701" spans="8:8">
      <c r="H469701" s="12"/>
    </row>
    <row r="469702" spans="8:8">
      <c r="H469702" s="12"/>
    </row>
    <row r="469703" spans="8:8">
      <c r="H469703" s="12"/>
    </row>
    <row r="469704" spans="8:8">
      <c r="H469704" s="12"/>
    </row>
    <row r="469705" spans="8:8">
      <c r="H469705" s="12"/>
    </row>
    <row r="469706" spans="8:8">
      <c r="H469706" s="12"/>
    </row>
    <row r="469707" spans="8:8">
      <c r="H469707" s="12"/>
    </row>
    <row r="469708" spans="8:8">
      <c r="H469708" s="12"/>
    </row>
    <row r="469709" spans="8:8">
      <c r="H469709" s="12"/>
    </row>
    <row r="469710" spans="8:8">
      <c r="H469710" s="12"/>
    </row>
    <row r="469711" spans="8:8">
      <c r="H469711" s="12"/>
    </row>
    <row r="469712" spans="8:8">
      <c r="H469712" s="12"/>
    </row>
    <row r="469713" spans="8:8">
      <c r="H469713" s="12"/>
    </row>
    <row r="469714" spans="8:8">
      <c r="H469714" s="12"/>
    </row>
    <row r="469715" spans="8:8">
      <c r="H469715" s="12"/>
    </row>
    <row r="469716" spans="8:8">
      <c r="H469716" s="12"/>
    </row>
    <row r="469717" spans="8:8">
      <c r="H469717" s="12"/>
    </row>
    <row r="469718" spans="8:8">
      <c r="H469718" s="12"/>
    </row>
    <row r="469719" spans="8:8">
      <c r="H469719" s="12"/>
    </row>
    <row r="469720" spans="8:8">
      <c r="H469720" s="12"/>
    </row>
    <row r="469721" spans="8:8">
      <c r="H469721" s="12"/>
    </row>
    <row r="469722" spans="8:8">
      <c r="H469722" s="12"/>
    </row>
    <row r="469723" spans="8:8">
      <c r="H469723" s="12"/>
    </row>
    <row r="469724" spans="8:8">
      <c r="H469724" s="12"/>
    </row>
    <row r="469725" spans="8:8">
      <c r="H469725" s="12"/>
    </row>
    <row r="469726" spans="8:8">
      <c r="H469726" s="12"/>
    </row>
    <row r="469727" spans="8:8">
      <c r="H469727" s="12"/>
    </row>
    <row r="469728" spans="8:8">
      <c r="H469728" s="12"/>
    </row>
    <row r="469729" spans="8:8">
      <c r="H469729" s="12"/>
    </row>
    <row r="469730" spans="8:8">
      <c r="H469730" s="12"/>
    </row>
    <row r="469731" spans="8:8">
      <c r="H469731" s="12"/>
    </row>
    <row r="469732" spans="8:8">
      <c r="H469732" s="12"/>
    </row>
    <row r="469733" spans="8:8">
      <c r="H469733" s="12"/>
    </row>
    <row r="469734" spans="8:8">
      <c r="H469734" s="12"/>
    </row>
    <row r="469735" spans="8:8">
      <c r="H469735" s="12"/>
    </row>
    <row r="469736" spans="8:8">
      <c r="H469736" s="12"/>
    </row>
    <row r="469737" spans="8:8">
      <c r="H469737" s="12"/>
    </row>
    <row r="469738" spans="8:8">
      <c r="H469738" s="12"/>
    </row>
    <row r="469739" spans="8:8">
      <c r="H469739" s="12"/>
    </row>
    <row r="469740" spans="8:8">
      <c r="H469740" s="12"/>
    </row>
    <row r="469741" spans="8:8">
      <c r="H469741" s="12"/>
    </row>
    <row r="469742" spans="8:8">
      <c r="H469742" s="12"/>
    </row>
    <row r="469743" spans="8:8">
      <c r="H469743" s="12"/>
    </row>
    <row r="469744" spans="8:8">
      <c r="H469744" s="12"/>
    </row>
    <row r="469745" spans="8:8">
      <c r="H469745" s="12"/>
    </row>
    <row r="469746" spans="8:8">
      <c r="H469746" s="12"/>
    </row>
    <row r="469747" spans="8:8">
      <c r="H469747" s="12"/>
    </row>
    <row r="469748" spans="8:8">
      <c r="H469748" s="12"/>
    </row>
    <row r="469749" spans="8:8">
      <c r="H469749" s="12"/>
    </row>
    <row r="469750" spans="8:8">
      <c r="H469750" s="12"/>
    </row>
    <row r="469751" spans="8:8">
      <c r="H469751" s="12"/>
    </row>
    <row r="469752" spans="8:8">
      <c r="H469752" s="12"/>
    </row>
    <row r="469753" spans="8:8">
      <c r="H469753" s="12"/>
    </row>
    <row r="469754" spans="8:8">
      <c r="H469754" s="12"/>
    </row>
    <row r="469755" spans="8:8">
      <c r="H469755" s="12"/>
    </row>
    <row r="469756" spans="8:8">
      <c r="H469756" s="12"/>
    </row>
    <row r="469757" spans="8:8">
      <c r="H469757" s="12"/>
    </row>
    <row r="469758" spans="8:8">
      <c r="H469758" s="12"/>
    </row>
    <row r="469759" spans="8:8">
      <c r="H469759" s="12"/>
    </row>
    <row r="469760" spans="8:8">
      <c r="H469760" s="12"/>
    </row>
    <row r="469761" spans="8:8">
      <c r="H469761" s="12"/>
    </row>
    <row r="469762" spans="8:8">
      <c r="H469762" s="12"/>
    </row>
    <row r="469763" spans="8:8">
      <c r="H469763" s="12"/>
    </row>
    <row r="469764" spans="8:8">
      <c r="H469764" s="12"/>
    </row>
    <row r="469765" spans="8:8">
      <c r="H469765" s="12"/>
    </row>
    <row r="469766" spans="8:8">
      <c r="H469766" s="12"/>
    </row>
    <row r="469767" spans="8:8">
      <c r="H469767" s="12"/>
    </row>
    <row r="469768" spans="8:8">
      <c r="H469768" s="12"/>
    </row>
    <row r="469769" spans="8:8">
      <c r="H469769" s="12"/>
    </row>
    <row r="469770" spans="8:8">
      <c r="H469770" s="12"/>
    </row>
    <row r="469771" spans="8:8">
      <c r="H469771" s="12"/>
    </row>
    <row r="469772" spans="8:8">
      <c r="H469772" s="12"/>
    </row>
    <row r="469773" spans="8:8">
      <c r="H469773" s="12"/>
    </row>
    <row r="469774" spans="8:8">
      <c r="H469774" s="12"/>
    </row>
    <row r="469775" spans="8:8">
      <c r="H469775" s="12"/>
    </row>
    <row r="469776" spans="8:8">
      <c r="H469776" s="12"/>
    </row>
    <row r="469777" spans="8:8">
      <c r="H469777" s="12"/>
    </row>
    <row r="469778" spans="8:8">
      <c r="H469778" s="12"/>
    </row>
    <row r="469779" spans="8:8">
      <c r="H469779" s="12"/>
    </row>
    <row r="469780" spans="8:8">
      <c r="H469780" s="12"/>
    </row>
    <row r="469781" spans="8:8">
      <c r="H469781" s="12"/>
    </row>
    <row r="469782" spans="8:8">
      <c r="H469782" s="12"/>
    </row>
    <row r="469783" spans="8:8">
      <c r="H469783" s="12"/>
    </row>
    <row r="469784" spans="8:8">
      <c r="H469784" s="12"/>
    </row>
    <row r="469785" spans="8:8">
      <c r="H469785" s="12"/>
    </row>
    <row r="469786" spans="8:8">
      <c r="H469786" s="12"/>
    </row>
    <row r="469787" spans="8:8">
      <c r="H469787" s="12"/>
    </row>
    <row r="469788" spans="8:8">
      <c r="H469788" s="12"/>
    </row>
    <row r="469789" spans="8:8">
      <c r="H469789" s="12"/>
    </row>
    <row r="469790" spans="8:8">
      <c r="H469790" s="12"/>
    </row>
    <row r="469791" spans="8:8">
      <c r="H469791" s="12"/>
    </row>
    <row r="469792" spans="8:8">
      <c r="H469792" s="12"/>
    </row>
    <row r="469793" spans="8:8">
      <c r="H469793" s="12"/>
    </row>
    <row r="469794" spans="8:8">
      <c r="H469794" s="12"/>
    </row>
    <row r="469795" spans="8:8">
      <c r="H469795" s="12"/>
    </row>
    <row r="469796" spans="8:8">
      <c r="H469796" s="12"/>
    </row>
    <row r="469797" spans="8:8">
      <c r="H469797" s="12"/>
    </row>
    <row r="469798" spans="8:8">
      <c r="H469798" s="12"/>
    </row>
    <row r="469799" spans="8:8">
      <c r="H469799" s="12"/>
    </row>
    <row r="469800" spans="8:8">
      <c r="H469800" s="12"/>
    </row>
    <row r="469801" spans="8:8">
      <c r="H469801" s="12"/>
    </row>
    <row r="469802" spans="8:8">
      <c r="H469802" s="12"/>
    </row>
    <row r="469803" spans="8:8">
      <c r="H469803" s="12"/>
    </row>
    <row r="469804" spans="8:8">
      <c r="H469804" s="12"/>
    </row>
    <row r="469805" spans="8:8">
      <c r="H469805" s="12"/>
    </row>
    <row r="469806" spans="8:8">
      <c r="H469806" s="12"/>
    </row>
    <row r="469807" spans="8:8">
      <c r="H469807" s="12"/>
    </row>
    <row r="469808" spans="8:8">
      <c r="H469808" s="12"/>
    </row>
    <row r="469809" spans="8:8">
      <c r="H469809" s="12"/>
    </row>
    <row r="469810" spans="8:8">
      <c r="H469810" s="12"/>
    </row>
    <row r="469811" spans="8:8">
      <c r="H469811" s="12"/>
    </row>
    <row r="469812" spans="8:8">
      <c r="H469812" s="12"/>
    </row>
    <row r="469813" spans="8:8">
      <c r="H469813" s="12"/>
    </row>
    <row r="469814" spans="8:8">
      <c r="H469814" s="12"/>
    </row>
    <row r="469815" spans="8:8">
      <c r="H469815" s="12"/>
    </row>
    <row r="469816" spans="8:8">
      <c r="H469816" s="12"/>
    </row>
    <row r="469817" spans="8:8">
      <c r="H469817" s="12"/>
    </row>
    <row r="469818" spans="8:8">
      <c r="H469818" s="12"/>
    </row>
    <row r="469819" spans="8:8">
      <c r="H469819" s="12"/>
    </row>
    <row r="469820" spans="8:8">
      <c r="H469820" s="12"/>
    </row>
    <row r="469821" spans="8:8">
      <c r="H469821" s="12"/>
    </row>
    <row r="469822" spans="8:8">
      <c r="H469822" s="12"/>
    </row>
    <row r="469823" spans="8:8">
      <c r="H469823" s="12"/>
    </row>
    <row r="469824" spans="8:8">
      <c r="H469824" s="12"/>
    </row>
    <row r="469825" spans="8:8">
      <c r="H469825" s="12"/>
    </row>
    <row r="469826" spans="8:8">
      <c r="H469826" s="12"/>
    </row>
    <row r="469827" spans="8:8">
      <c r="H469827" s="12"/>
    </row>
    <row r="469828" spans="8:8">
      <c r="H469828" s="12"/>
    </row>
    <row r="469829" spans="8:8">
      <c r="H469829" s="12"/>
    </row>
    <row r="469830" spans="8:8">
      <c r="H469830" s="12"/>
    </row>
    <row r="469831" spans="8:8">
      <c r="H469831" s="12"/>
    </row>
    <row r="469832" spans="8:8">
      <c r="H469832" s="12"/>
    </row>
    <row r="469833" spans="8:8">
      <c r="H469833" s="12"/>
    </row>
    <row r="469834" spans="8:8">
      <c r="H469834" s="12"/>
    </row>
    <row r="469835" spans="8:8">
      <c r="H469835" s="12"/>
    </row>
    <row r="469836" spans="8:8">
      <c r="H469836" s="12"/>
    </row>
    <row r="469837" spans="8:8">
      <c r="H469837" s="12"/>
    </row>
    <row r="469838" spans="8:8">
      <c r="H469838" s="12"/>
    </row>
    <row r="469839" spans="8:8">
      <c r="H469839" s="12"/>
    </row>
    <row r="469840" spans="8:8">
      <c r="H469840" s="12"/>
    </row>
    <row r="469841" spans="8:8">
      <c r="H469841" s="12"/>
    </row>
    <row r="469842" spans="8:8">
      <c r="H469842" s="12"/>
    </row>
    <row r="469843" spans="8:8">
      <c r="H469843" s="12"/>
    </row>
    <row r="469844" spans="8:8">
      <c r="H469844" s="12"/>
    </row>
    <row r="469845" spans="8:8">
      <c r="H469845" s="12"/>
    </row>
    <row r="469846" spans="8:8">
      <c r="H469846" s="12"/>
    </row>
    <row r="469847" spans="8:8">
      <c r="H469847" s="12"/>
    </row>
    <row r="469848" spans="8:8">
      <c r="H469848" s="12"/>
    </row>
    <row r="469849" spans="8:8">
      <c r="H469849" s="12"/>
    </row>
    <row r="469850" spans="8:8">
      <c r="H469850" s="12"/>
    </row>
    <row r="469851" spans="8:8">
      <c r="H469851" s="12"/>
    </row>
    <row r="469852" spans="8:8">
      <c r="H469852" s="12"/>
    </row>
    <row r="469853" spans="8:8">
      <c r="H469853" s="12"/>
    </row>
    <row r="469854" spans="8:8">
      <c r="H469854" s="12"/>
    </row>
    <row r="469855" spans="8:8">
      <c r="H469855" s="12"/>
    </row>
    <row r="469856" spans="8:8">
      <c r="H469856" s="12"/>
    </row>
    <row r="469857" spans="8:8">
      <c r="H469857" s="12"/>
    </row>
    <row r="469858" spans="8:8">
      <c r="H469858" s="12"/>
    </row>
    <row r="469859" spans="8:8">
      <c r="H469859" s="12"/>
    </row>
    <row r="469860" spans="8:8">
      <c r="H469860" s="12"/>
    </row>
    <row r="469861" spans="8:8">
      <c r="H469861" s="12"/>
    </row>
    <row r="469862" spans="8:8">
      <c r="H469862" s="12"/>
    </row>
    <row r="469863" spans="8:8">
      <c r="H469863" s="12"/>
    </row>
    <row r="469864" spans="8:8">
      <c r="H469864" s="12"/>
    </row>
    <row r="469865" spans="8:8">
      <c r="H469865" s="12"/>
    </row>
    <row r="469866" spans="8:8">
      <c r="H469866" s="12"/>
    </row>
    <row r="469867" spans="8:8">
      <c r="H469867" s="12"/>
    </row>
    <row r="469868" spans="8:8">
      <c r="H469868" s="12"/>
    </row>
    <row r="469869" spans="8:8">
      <c r="H469869" s="12"/>
    </row>
    <row r="469870" spans="8:8">
      <c r="H469870" s="12"/>
    </row>
    <row r="469871" spans="8:8">
      <c r="H469871" s="12"/>
    </row>
    <row r="469872" spans="8:8">
      <c r="H469872" s="12"/>
    </row>
    <row r="469873" spans="8:8">
      <c r="H469873" s="12"/>
    </row>
    <row r="469874" spans="8:8">
      <c r="H469874" s="12"/>
    </row>
    <row r="469875" spans="8:8">
      <c r="H469875" s="12"/>
    </row>
    <row r="469876" spans="8:8">
      <c r="H469876" s="12"/>
    </row>
    <row r="469877" spans="8:8">
      <c r="H469877" s="12"/>
    </row>
    <row r="469878" spans="8:8">
      <c r="H469878" s="12"/>
    </row>
    <row r="469879" spans="8:8">
      <c r="H469879" s="12"/>
    </row>
    <row r="469880" spans="8:8">
      <c r="H469880" s="12"/>
    </row>
    <row r="469881" spans="8:8">
      <c r="H469881" s="12"/>
    </row>
    <row r="469882" spans="8:8">
      <c r="H469882" s="12"/>
    </row>
    <row r="469883" spans="8:8">
      <c r="H469883" s="12"/>
    </row>
    <row r="469884" spans="8:8">
      <c r="H469884" s="12"/>
    </row>
    <row r="469885" spans="8:8">
      <c r="H469885" s="12"/>
    </row>
    <row r="469886" spans="8:8">
      <c r="H469886" s="12"/>
    </row>
    <row r="469887" spans="8:8">
      <c r="H469887" s="12"/>
    </row>
    <row r="469888" spans="8:8">
      <c r="H469888" s="12"/>
    </row>
    <row r="469889" spans="8:8">
      <c r="H469889" s="12"/>
    </row>
    <row r="469890" spans="8:8">
      <c r="H469890" s="12"/>
    </row>
    <row r="469891" spans="8:8">
      <c r="H469891" s="12"/>
    </row>
    <row r="469892" spans="8:8">
      <c r="H469892" s="12"/>
    </row>
    <row r="469893" spans="8:8">
      <c r="H469893" s="12"/>
    </row>
    <row r="469894" spans="8:8">
      <c r="H469894" s="12"/>
    </row>
    <row r="469895" spans="8:8">
      <c r="H469895" s="12"/>
    </row>
    <row r="469896" spans="8:8">
      <c r="H469896" s="12"/>
    </row>
    <row r="469897" spans="8:8">
      <c r="H469897" s="12"/>
    </row>
    <row r="469898" spans="8:8">
      <c r="H469898" s="12"/>
    </row>
    <row r="469899" spans="8:8">
      <c r="H469899" s="12"/>
    </row>
    <row r="469900" spans="8:8">
      <c r="H469900" s="12"/>
    </row>
    <row r="469901" spans="8:8">
      <c r="H469901" s="12"/>
    </row>
    <row r="469902" spans="8:8">
      <c r="H469902" s="12"/>
    </row>
    <row r="469903" spans="8:8">
      <c r="H469903" s="12"/>
    </row>
    <row r="469904" spans="8:8">
      <c r="H469904" s="12"/>
    </row>
    <row r="469905" spans="8:8">
      <c r="H469905" s="12"/>
    </row>
    <row r="469906" spans="8:8">
      <c r="H469906" s="12"/>
    </row>
    <row r="469907" spans="8:8">
      <c r="H469907" s="12"/>
    </row>
    <row r="469908" spans="8:8">
      <c r="H469908" s="12"/>
    </row>
    <row r="469909" spans="8:8">
      <c r="H469909" s="12"/>
    </row>
    <row r="469910" spans="8:8">
      <c r="H469910" s="12"/>
    </row>
    <row r="469911" spans="8:8">
      <c r="H469911" s="12"/>
    </row>
    <row r="469912" spans="8:8">
      <c r="H469912" s="12"/>
    </row>
    <row r="469913" spans="8:8">
      <c r="H469913" s="12"/>
    </row>
    <row r="469914" spans="8:8">
      <c r="H469914" s="12"/>
    </row>
    <row r="469915" spans="8:8">
      <c r="H469915" s="12"/>
    </row>
    <row r="469916" spans="8:8">
      <c r="H469916" s="12"/>
    </row>
    <row r="469917" spans="8:8">
      <c r="H469917" s="12"/>
    </row>
    <row r="469918" spans="8:8">
      <c r="H469918" s="12"/>
    </row>
    <row r="469919" spans="8:8">
      <c r="H469919" s="12"/>
    </row>
    <row r="469920" spans="8:8">
      <c r="H469920" s="12"/>
    </row>
    <row r="469921" spans="8:8">
      <c r="H469921" s="12"/>
    </row>
    <row r="469922" spans="8:8">
      <c r="H469922" s="12"/>
    </row>
    <row r="469923" spans="8:8">
      <c r="H469923" s="12"/>
    </row>
    <row r="469924" spans="8:8">
      <c r="H469924" s="12"/>
    </row>
    <row r="469925" spans="8:8">
      <c r="H469925" s="12"/>
    </row>
    <row r="469926" spans="8:8">
      <c r="H469926" s="12"/>
    </row>
    <row r="469927" spans="8:8">
      <c r="H469927" s="12"/>
    </row>
    <row r="469928" spans="8:8">
      <c r="H469928" s="12"/>
    </row>
    <row r="469929" spans="8:8">
      <c r="H469929" s="12"/>
    </row>
    <row r="469930" spans="8:8">
      <c r="H469930" s="12"/>
    </row>
    <row r="469931" spans="8:8">
      <c r="H469931" s="12"/>
    </row>
    <row r="469932" spans="8:8">
      <c r="H469932" s="12"/>
    </row>
    <row r="469933" spans="8:8">
      <c r="H469933" s="12"/>
    </row>
    <row r="469934" spans="8:8">
      <c r="H469934" s="12"/>
    </row>
    <row r="469935" spans="8:8">
      <c r="H469935" s="12"/>
    </row>
    <row r="469936" spans="8:8">
      <c r="H469936" s="12"/>
    </row>
    <row r="469937" spans="8:8">
      <c r="H469937" s="12"/>
    </row>
    <row r="469938" spans="8:8">
      <c r="H469938" s="12"/>
    </row>
    <row r="469939" spans="8:8">
      <c r="H469939" s="12"/>
    </row>
    <row r="469940" spans="8:8">
      <c r="H469940" s="12"/>
    </row>
    <row r="469941" spans="8:8">
      <c r="H469941" s="12"/>
    </row>
    <row r="469942" spans="8:8">
      <c r="H469942" s="12"/>
    </row>
    <row r="469943" spans="8:8">
      <c r="H469943" s="12"/>
    </row>
    <row r="469944" spans="8:8">
      <c r="H469944" s="12"/>
    </row>
    <row r="469945" spans="8:8">
      <c r="H469945" s="12"/>
    </row>
    <row r="469946" spans="8:8">
      <c r="H469946" s="12"/>
    </row>
    <row r="469947" spans="8:8">
      <c r="H469947" s="12"/>
    </row>
    <row r="469948" spans="8:8">
      <c r="H469948" s="12"/>
    </row>
    <row r="469949" spans="8:8">
      <c r="H469949" s="12"/>
    </row>
    <row r="469950" spans="8:8">
      <c r="H469950" s="12"/>
    </row>
    <row r="469951" spans="8:8">
      <c r="H469951" s="12"/>
    </row>
    <row r="469952" spans="8:8">
      <c r="H469952" s="12"/>
    </row>
    <row r="469953" spans="8:8">
      <c r="H469953" s="12"/>
    </row>
    <row r="469954" spans="8:8">
      <c r="H469954" s="12"/>
    </row>
    <row r="469955" spans="8:8">
      <c r="H469955" s="12"/>
    </row>
    <row r="469956" spans="8:8">
      <c r="H469956" s="12"/>
    </row>
    <row r="469957" spans="8:8">
      <c r="H469957" s="12"/>
    </row>
    <row r="469958" spans="8:8">
      <c r="H469958" s="12"/>
    </row>
    <row r="469959" spans="8:8">
      <c r="H469959" s="12"/>
    </row>
    <row r="469960" spans="8:8">
      <c r="H469960" s="12"/>
    </row>
    <row r="469961" spans="8:8">
      <c r="H469961" s="12"/>
    </row>
    <row r="469962" spans="8:8">
      <c r="H469962" s="12"/>
    </row>
    <row r="469963" spans="8:8">
      <c r="H469963" s="12"/>
    </row>
    <row r="469964" spans="8:8">
      <c r="H469964" s="12"/>
    </row>
    <row r="469965" spans="8:8">
      <c r="H469965" s="12"/>
    </row>
    <row r="469966" spans="8:8">
      <c r="H469966" s="12"/>
    </row>
    <row r="469967" spans="8:8">
      <c r="H469967" s="12"/>
    </row>
    <row r="469968" spans="8:8">
      <c r="H469968" s="12"/>
    </row>
    <row r="469969" spans="8:8">
      <c r="H469969" s="12"/>
    </row>
    <row r="469970" spans="8:8">
      <c r="H469970" s="12"/>
    </row>
    <row r="469971" spans="8:8">
      <c r="H469971" s="12"/>
    </row>
    <row r="469972" spans="8:8">
      <c r="H469972" s="12"/>
    </row>
    <row r="469973" spans="8:8">
      <c r="H469973" s="12"/>
    </row>
    <row r="469974" spans="8:8">
      <c r="H469974" s="12"/>
    </row>
    <row r="469975" spans="8:8">
      <c r="H469975" s="12"/>
    </row>
    <row r="469976" spans="8:8">
      <c r="H469976" s="12"/>
    </row>
    <row r="469977" spans="8:8">
      <c r="H469977" s="12"/>
    </row>
    <row r="469978" spans="8:8">
      <c r="H469978" s="12"/>
    </row>
    <row r="469979" spans="8:8">
      <c r="H469979" s="12"/>
    </row>
    <row r="469980" spans="8:8">
      <c r="H469980" s="12"/>
    </row>
    <row r="469981" spans="8:8">
      <c r="H469981" s="12"/>
    </row>
    <row r="469982" spans="8:8">
      <c r="H469982" s="12"/>
    </row>
    <row r="469983" spans="8:8">
      <c r="H469983" s="12"/>
    </row>
    <row r="469984" spans="8:8">
      <c r="H469984" s="12"/>
    </row>
    <row r="469985" spans="8:8">
      <c r="H469985" s="12"/>
    </row>
    <row r="469986" spans="8:8">
      <c r="H469986" s="12"/>
    </row>
    <row r="469987" spans="8:8">
      <c r="H469987" s="12"/>
    </row>
    <row r="469988" spans="8:8">
      <c r="H469988" s="12"/>
    </row>
    <row r="469989" spans="8:8">
      <c r="H469989" s="12"/>
    </row>
    <row r="469990" spans="8:8">
      <c r="H469990" s="12"/>
    </row>
    <row r="469991" spans="8:8">
      <c r="H469991" s="12"/>
    </row>
    <row r="469992" spans="8:8">
      <c r="H469992" s="12"/>
    </row>
    <row r="469993" spans="8:8">
      <c r="H469993" s="12"/>
    </row>
    <row r="469994" spans="8:8">
      <c r="H469994" s="12"/>
    </row>
    <row r="469995" spans="8:8">
      <c r="H469995" s="12"/>
    </row>
    <row r="469996" spans="8:8">
      <c r="H469996" s="12"/>
    </row>
    <row r="469997" spans="8:8">
      <c r="H469997" s="12"/>
    </row>
    <row r="469998" spans="8:8">
      <c r="H469998" s="12"/>
    </row>
    <row r="469999" spans="8:8">
      <c r="H469999" s="12"/>
    </row>
    <row r="470000" spans="8:8">
      <c r="H470000" s="12"/>
    </row>
    <row r="470001" spans="8:8">
      <c r="H470001" s="12"/>
    </row>
    <row r="470002" spans="8:8">
      <c r="H470002" s="12"/>
    </row>
    <row r="470003" spans="8:8">
      <c r="H470003" s="12"/>
    </row>
    <row r="470004" spans="8:8">
      <c r="H470004" s="12"/>
    </row>
    <row r="470005" spans="8:8">
      <c r="H470005" s="12"/>
    </row>
    <row r="470006" spans="8:8">
      <c r="H470006" s="12"/>
    </row>
    <row r="470007" spans="8:8">
      <c r="H470007" s="12"/>
    </row>
    <row r="470008" spans="8:8">
      <c r="H470008" s="12"/>
    </row>
    <row r="470009" spans="8:8">
      <c r="H470009" s="12"/>
    </row>
    <row r="470010" spans="8:8">
      <c r="H470010" s="12"/>
    </row>
    <row r="470011" spans="8:8">
      <c r="H470011" s="12"/>
    </row>
    <row r="470012" spans="8:8">
      <c r="H470012" s="12"/>
    </row>
    <row r="470013" spans="8:8">
      <c r="H470013" s="12"/>
    </row>
    <row r="470014" spans="8:8">
      <c r="H470014" s="12"/>
    </row>
    <row r="470015" spans="8:8">
      <c r="H470015" s="12"/>
    </row>
    <row r="470016" spans="8:8">
      <c r="H470016" s="12"/>
    </row>
    <row r="470017" spans="8:8">
      <c r="H470017" s="12"/>
    </row>
    <row r="470018" spans="8:8">
      <c r="H470018" s="12"/>
    </row>
    <row r="470019" spans="8:8">
      <c r="H470019" s="12"/>
    </row>
    <row r="470020" spans="8:8">
      <c r="H470020" s="12"/>
    </row>
    <row r="470021" spans="8:8">
      <c r="H470021" s="12"/>
    </row>
    <row r="470022" spans="8:8">
      <c r="H470022" s="12"/>
    </row>
    <row r="470023" spans="8:8">
      <c r="H470023" s="12"/>
    </row>
    <row r="470024" spans="8:8">
      <c r="H470024" s="12"/>
    </row>
    <row r="470025" spans="8:8">
      <c r="H470025" s="12"/>
    </row>
    <row r="470026" spans="8:8">
      <c r="H470026" s="12"/>
    </row>
    <row r="470027" spans="8:8">
      <c r="H470027" s="12"/>
    </row>
    <row r="470028" spans="8:8">
      <c r="H470028" s="12"/>
    </row>
    <row r="470029" spans="8:8">
      <c r="H470029" s="12"/>
    </row>
    <row r="470030" spans="8:8">
      <c r="H470030" s="12"/>
    </row>
    <row r="470031" spans="8:8">
      <c r="H470031" s="12"/>
    </row>
    <row r="470032" spans="8:8">
      <c r="H470032" s="12"/>
    </row>
    <row r="470033" spans="8:8">
      <c r="H470033" s="12"/>
    </row>
    <row r="470034" spans="8:8">
      <c r="H470034" s="12"/>
    </row>
    <row r="470035" spans="8:8">
      <c r="H470035" s="12"/>
    </row>
    <row r="470036" spans="8:8">
      <c r="H470036" s="12"/>
    </row>
    <row r="470037" spans="8:8">
      <c r="H470037" s="12"/>
    </row>
    <row r="470038" spans="8:8">
      <c r="H470038" s="12"/>
    </row>
    <row r="470039" spans="8:8">
      <c r="H470039" s="12"/>
    </row>
    <row r="470040" spans="8:8">
      <c r="H470040" s="12"/>
    </row>
    <row r="470041" spans="8:8">
      <c r="H470041" s="12"/>
    </row>
    <row r="470042" spans="8:8">
      <c r="H470042" s="12"/>
    </row>
    <row r="470043" spans="8:8">
      <c r="H470043" s="12"/>
    </row>
    <row r="470044" spans="8:8">
      <c r="H470044" s="12"/>
    </row>
    <row r="470045" spans="8:8">
      <c r="H470045" s="12"/>
    </row>
    <row r="470046" spans="8:8">
      <c r="H470046" s="12"/>
    </row>
    <row r="470047" spans="8:8">
      <c r="H470047" s="12"/>
    </row>
    <row r="470048" spans="8:8">
      <c r="H470048" s="12"/>
    </row>
    <row r="470049" spans="8:8">
      <c r="H470049" s="12"/>
    </row>
    <row r="470050" spans="8:8">
      <c r="H470050" s="12"/>
    </row>
    <row r="470051" spans="8:8">
      <c r="H470051" s="12"/>
    </row>
    <row r="470052" spans="8:8">
      <c r="H470052" s="12"/>
    </row>
    <row r="470053" spans="8:8">
      <c r="H470053" s="12"/>
    </row>
    <row r="470054" spans="8:8">
      <c r="H470054" s="12"/>
    </row>
    <row r="470055" spans="8:8">
      <c r="H470055" s="12"/>
    </row>
    <row r="470056" spans="8:8">
      <c r="H470056" s="12"/>
    </row>
    <row r="470057" spans="8:8">
      <c r="H470057" s="12"/>
    </row>
    <row r="470058" spans="8:8">
      <c r="H470058" s="12"/>
    </row>
    <row r="470059" spans="8:8">
      <c r="H470059" s="12"/>
    </row>
    <row r="470060" spans="8:8">
      <c r="H470060" s="12"/>
    </row>
    <row r="470061" spans="8:8">
      <c r="H470061" s="12"/>
    </row>
    <row r="470062" spans="8:8">
      <c r="H470062" s="12"/>
    </row>
    <row r="470063" spans="8:8">
      <c r="H470063" s="12"/>
    </row>
    <row r="470064" spans="8:8">
      <c r="H470064" s="12"/>
    </row>
    <row r="470065" spans="8:8">
      <c r="H470065" s="12"/>
    </row>
    <row r="470066" spans="8:8">
      <c r="H470066" s="12"/>
    </row>
    <row r="470067" spans="8:8">
      <c r="H470067" s="12"/>
    </row>
    <row r="470068" spans="8:8">
      <c r="H470068" s="12"/>
    </row>
    <row r="470069" spans="8:8">
      <c r="H470069" s="12"/>
    </row>
    <row r="470070" spans="8:8">
      <c r="H470070" s="12"/>
    </row>
    <row r="470071" spans="8:8">
      <c r="H470071" s="12"/>
    </row>
    <row r="470072" spans="8:8">
      <c r="H470072" s="12"/>
    </row>
    <row r="470073" spans="8:8">
      <c r="H470073" s="12"/>
    </row>
    <row r="470074" spans="8:8">
      <c r="H470074" s="12"/>
    </row>
    <row r="470075" spans="8:8">
      <c r="H470075" s="12"/>
    </row>
    <row r="470076" spans="8:8">
      <c r="H470076" s="12"/>
    </row>
    <row r="470077" spans="8:8">
      <c r="H470077" s="12"/>
    </row>
    <row r="470078" spans="8:8">
      <c r="H470078" s="12"/>
    </row>
    <row r="470079" spans="8:8">
      <c r="H470079" s="12"/>
    </row>
    <row r="470080" spans="8:8">
      <c r="H470080" s="12"/>
    </row>
    <row r="470081" spans="8:8">
      <c r="H470081" s="12"/>
    </row>
    <row r="470082" spans="8:8">
      <c r="H470082" s="12"/>
    </row>
    <row r="470083" spans="8:8">
      <c r="H470083" s="12"/>
    </row>
    <row r="470084" spans="8:8">
      <c r="H470084" s="12"/>
    </row>
    <row r="470085" spans="8:8">
      <c r="H470085" s="12"/>
    </row>
    <row r="470086" spans="8:8">
      <c r="H470086" s="12"/>
    </row>
    <row r="470087" spans="8:8">
      <c r="H470087" s="12"/>
    </row>
    <row r="470088" spans="8:8">
      <c r="H470088" s="12"/>
    </row>
    <row r="470089" spans="8:8">
      <c r="H470089" s="12"/>
    </row>
    <row r="470090" spans="8:8">
      <c r="H470090" s="12"/>
    </row>
    <row r="470091" spans="8:8">
      <c r="H470091" s="12"/>
    </row>
    <row r="470092" spans="8:8">
      <c r="H470092" s="12"/>
    </row>
    <row r="470093" spans="8:8">
      <c r="H470093" s="12"/>
    </row>
    <row r="470094" spans="8:8">
      <c r="H470094" s="12"/>
    </row>
    <row r="470095" spans="8:8">
      <c r="H470095" s="12"/>
    </row>
    <row r="470096" spans="8:8">
      <c r="H470096" s="12"/>
    </row>
    <row r="470097" spans="8:8">
      <c r="H470097" s="12"/>
    </row>
    <row r="470098" spans="8:8">
      <c r="H470098" s="12"/>
    </row>
    <row r="470099" spans="8:8">
      <c r="H470099" s="12"/>
    </row>
    <row r="470100" spans="8:8">
      <c r="H470100" s="12"/>
    </row>
    <row r="470101" spans="8:8">
      <c r="H470101" s="12"/>
    </row>
    <row r="470102" spans="8:8">
      <c r="H470102" s="12"/>
    </row>
    <row r="470103" spans="8:8">
      <c r="H470103" s="12"/>
    </row>
    <row r="470104" spans="8:8">
      <c r="H470104" s="12"/>
    </row>
    <row r="470105" spans="8:8">
      <c r="H470105" s="12"/>
    </row>
    <row r="470106" spans="8:8">
      <c r="H470106" s="12"/>
    </row>
    <row r="470107" spans="8:8">
      <c r="H470107" s="12"/>
    </row>
    <row r="470108" spans="8:8">
      <c r="H470108" s="12"/>
    </row>
    <row r="470109" spans="8:8">
      <c r="H470109" s="12"/>
    </row>
    <row r="470110" spans="8:8">
      <c r="H470110" s="12"/>
    </row>
    <row r="470111" spans="8:8">
      <c r="H470111" s="12"/>
    </row>
    <row r="470112" spans="8:8">
      <c r="H470112" s="12"/>
    </row>
    <row r="470113" spans="8:8">
      <c r="H470113" s="12"/>
    </row>
    <row r="470114" spans="8:8">
      <c r="H470114" s="12"/>
    </row>
    <row r="470115" spans="8:8">
      <c r="H470115" s="12"/>
    </row>
    <row r="470116" spans="8:8">
      <c r="H470116" s="12"/>
    </row>
    <row r="470117" spans="8:8">
      <c r="H470117" s="12"/>
    </row>
    <row r="470118" spans="8:8">
      <c r="H470118" s="12"/>
    </row>
    <row r="470119" spans="8:8">
      <c r="H470119" s="12"/>
    </row>
    <row r="470120" spans="8:8">
      <c r="H470120" s="12"/>
    </row>
    <row r="470121" spans="8:8">
      <c r="H470121" s="12"/>
    </row>
    <row r="470122" spans="8:8">
      <c r="H470122" s="12"/>
    </row>
    <row r="470123" spans="8:8">
      <c r="H470123" s="12"/>
    </row>
    <row r="470124" spans="8:8">
      <c r="H470124" s="12"/>
    </row>
    <row r="470125" spans="8:8">
      <c r="H470125" s="12"/>
    </row>
    <row r="470126" spans="8:8">
      <c r="H470126" s="12"/>
    </row>
    <row r="470127" spans="8:8">
      <c r="H470127" s="12"/>
    </row>
    <row r="470128" spans="8:8">
      <c r="H470128" s="12"/>
    </row>
    <row r="470129" spans="8:8">
      <c r="H470129" s="12"/>
    </row>
    <row r="470130" spans="8:8">
      <c r="H470130" s="12"/>
    </row>
    <row r="470131" spans="8:8">
      <c r="H470131" s="12"/>
    </row>
    <row r="470132" spans="8:8">
      <c r="H470132" s="12"/>
    </row>
    <row r="470133" spans="8:8">
      <c r="H470133" s="12"/>
    </row>
    <row r="470134" spans="8:8">
      <c r="H470134" s="12"/>
    </row>
    <row r="470135" spans="8:8">
      <c r="H470135" s="12"/>
    </row>
    <row r="470136" spans="8:8">
      <c r="H470136" s="12"/>
    </row>
    <row r="470137" spans="8:8">
      <c r="H470137" s="12"/>
    </row>
    <row r="470138" spans="8:8">
      <c r="H470138" s="12"/>
    </row>
    <row r="470139" spans="8:8">
      <c r="H470139" s="12"/>
    </row>
    <row r="470140" spans="8:8">
      <c r="H470140" s="12"/>
    </row>
    <row r="470141" spans="8:8">
      <c r="H470141" s="12"/>
    </row>
    <row r="470142" spans="8:8">
      <c r="H470142" s="12"/>
    </row>
    <row r="470143" spans="8:8">
      <c r="H470143" s="12"/>
    </row>
    <row r="470144" spans="8:8">
      <c r="H470144" s="12"/>
    </row>
    <row r="470145" spans="8:8">
      <c r="H470145" s="12"/>
    </row>
    <row r="470146" spans="8:8">
      <c r="H470146" s="12"/>
    </row>
    <row r="470147" spans="8:8">
      <c r="H470147" s="12"/>
    </row>
    <row r="470148" spans="8:8">
      <c r="H470148" s="12"/>
    </row>
    <row r="470149" spans="8:8">
      <c r="H470149" s="12"/>
    </row>
    <row r="470150" spans="8:8">
      <c r="H470150" s="12"/>
    </row>
    <row r="470151" spans="8:8">
      <c r="H470151" s="12"/>
    </row>
    <row r="470152" spans="8:8">
      <c r="H470152" s="12"/>
    </row>
    <row r="470153" spans="8:8">
      <c r="H470153" s="12"/>
    </row>
    <row r="470154" spans="8:8">
      <c r="H470154" s="12"/>
    </row>
    <row r="470155" spans="8:8">
      <c r="H470155" s="12"/>
    </row>
    <row r="470156" spans="8:8">
      <c r="H470156" s="12"/>
    </row>
    <row r="470157" spans="8:8">
      <c r="H470157" s="12"/>
    </row>
    <row r="470158" spans="8:8">
      <c r="H470158" s="12"/>
    </row>
    <row r="470159" spans="8:8">
      <c r="H470159" s="12"/>
    </row>
    <row r="470160" spans="8:8">
      <c r="H470160" s="12"/>
    </row>
    <row r="470161" spans="8:8">
      <c r="H470161" s="12"/>
    </row>
    <row r="470162" spans="8:8">
      <c r="H470162" s="12"/>
    </row>
    <row r="470163" spans="8:8">
      <c r="H470163" s="12"/>
    </row>
    <row r="470164" spans="8:8">
      <c r="H470164" s="12"/>
    </row>
    <row r="470165" spans="8:8">
      <c r="H470165" s="12"/>
    </row>
    <row r="470166" spans="8:8">
      <c r="H470166" s="12"/>
    </row>
    <row r="470167" spans="8:8">
      <c r="H470167" s="12"/>
    </row>
    <row r="470168" spans="8:8">
      <c r="H470168" s="12"/>
    </row>
    <row r="470169" spans="8:8">
      <c r="H470169" s="12"/>
    </row>
    <row r="470170" spans="8:8">
      <c r="H470170" s="12"/>
    </row>
    <row r="470171" spans="8:8">
      <c r="H470171" s="12"/>
    </row>
    <row r="470172" spans="8:8">
      <c r="H470172" s="12"/>
    </row>
    <row r="470173" spans="8:8">
      <c r="H470173" s="12"/>
    </row>
    <row r="470174" spans="8:8">
      <c r="H470174" s="12"/>
    </row>
    <row r="470175" spans="8:8">
      <c r="H470175" s="12"/>
    </row>
    <row r="470176" spans="8:8">
      <c r="H470176" s="12"/>
    </row>
    <row r="470177" spans="8:8">
      <c r="H470177" s="12"/>
    </row>
    <row r="470178" spans="8:8">
      <c r="H470178" s="12"/>
    </row>
    <row r="470179" spans="8:8">
      <c r="H470179" s="12"/>
    </row>
    <row r="470180" spans="8:8">
      <c r="H470180" s="12"/>
    </row>
    <row r="470181" spans="8:8">
      <c r="H470181" s="12"/>
    </row>
    <row r="470182" spans="8:8">
      <c r="H470182" s="12"/>
    </row>
    <row r="470183" spans="8:8">
      <c r="H470183" s="12"/>
    </row>
    <row r="470184" spans="8:8">
      <c r="H470184" s="12"/>
    </row>
    <row r="470185" spans="8:8">
      <c r="H470185" s="12"/>
    </row>
    <row r="470186" spans="8:8">
      <c r="H470186" s="12"/>
    </row>
    <row r="470187" spans="8:8">
      <c r="H470187" s="12"/>
    </row>
    <row r="470188" spans="8:8">
      <c r="H470188" s="12"/>
    </row>
    <row r="470189" spans="8:8">
      <c r="H470189" s="12"/>
    </row>
    <row r="470190" spans="8:8">
      <c r="H470190" s="12"/>
    </row>
    <row r="470191" spans="8:8">
      <c r="H470191" s="12"/>
    </row>
    <row r="470192" spans="8:8">
      <c r="H470192" s="12"/>
    </row>
    <row r="470193" spans="8:8">
      <c r="H470193" s="12"/>
    </row>
    <row r="470194" spans="8:8">
      <c r="H470194" s="12"/>
    </row>
    <row r="470195" spans="8:8">
      <c r="H470195" s="12"/>
    </row>
    <row r="470196" spans="8:8">
      <c r="H470196" s="12"/>
    </row>
    <row r="470197" spans="8:8">
      <c r="H470197" s="12"/>
    </row>
    <row r="470198" spans="8:8">
      <c r="H470198" s="12"/>
    </row>
    <row r="470199" spans="8:8">
      <c r="H470199" s="12"/>
    </row>
    <row r="470200" spans="8:8">
      <c r="H470200" s="12"/>
    </row>
    <row r="470201" spans="8:8">
      <c r="H470201" s="12"/>
    </row>
    <row r="470202" spans="8:8">
      <c r="H470202" s="12"/>
    </row>
    <row r="470203" spans="8:8">
      <c r="H470203" s="12"/>
    </row>
    <row r="470204" spans="8:8">
      <c r="H470204" s="12"/>
    </row>
    <row r="470205" spans="8:8">
      <c r="H470205" s="12"/>
    </row>
    <row r="470206" spans="8:8">
      <c r="H470206" s="12"/>
    </row>
    <row r="470207" spans="8:8">
      <c r="H470207" s="12"/>
    </row>
    <row r="470208" spans="8:8">
      <c r="H470208" s="12"/>
    </row>
    <row r="470209" spans="8:8">
      <c r="H470209" s="12"/>
    </row>
    <row r="470210" spans="8:8">
      <c r="H470210" s="12"/>
    </row>
    <row r="470211" spans="8:8">
      <c r="H470211" s="12"/>
    </row>
    <row r="470212" spans="8:8">
      <c r="H470212" s="12"/>
    </row>
    <row r="470213" spans="8:8">
      <c r="H470213" s="12"/>
    </row>
    <row r="470214" spans="8:8">
      <c r="H470214" s="12"/>
    </row>
    <row r="470215" spans="8:8">
      <c r="H470215" s="12"/>
    </row>
    <row r="470216" spans="8:8">
      <c r="H470216" s="12"/>
    </row>
    <row r="470217" spans="8:8">
      <c r="H470217" s="12"/>
    </row>
    <row r="470218" spans="8:8">
      <c r="H470218" s="12"/>
    </row>
    <row r="470219" spans="8:8">
      <c r="H470219" s="12"/>
    </row>
    <row r="470220" spans="8:8">
      <c r="H470220" s="12"/>
    </row>
    <row r="470221" spans="8:8">
      <c r="H470221" s="12"/>
    </row>
    <row r="470222" spans="8:8">
      <c r="H470222" s="12"/>
    </row>
    <row r="470223" spans="8:8">
      <c r="H470223" s="12"/>
    </row>
    <row r="470224" spans="8:8">
      <c r="H470224" s="12"/>
    </row>
    <row r="470225" spans="8:8">
      <c r="H470225" s="12"/>
    </row>
    <row r="470226" spans="8:8">
      <c r="H470226" s="12"/>
    </row>
    <row r="470227" spans="8:8">
      <c r="H470227" s="12"/>
    </row>
    <row r="470228" spans="8:8">
      <c r="H470228" s="12"/>
    </row>
    <row r="470229" spans="8:8">
      <c r="H470229" s="12"/>
    </row>
    <row r="470230" spans="8:8">
      <c r="H470230" s="12"/>
    </row>
    <row r="470231" spans="8:8">
      <c r="H470231" s="12"/>
    </row>
    <row r="470232" spans="8:8">
      <c r="H470232" s="12"/>
    </row>
    <row r="470233" spans="8:8">
      <c r="H470233" s="12"/>
    </row>
    <row r="470234" spans="8:8">
      <c r="H470234" s="12"/>
    </row>
    <row r="470235" spans="8:8">
      <c r="H470235" s="12"/>
    </row>
    <row r="470236" spans="8:8">
      <c r="H470236" s="12"/>
    </row>
    <row r="470237" spans="8:8">
      <c r="H470237" s="12"/>
    </row>
    <row r="470238" spans="8:8">
      <c r="H470238" s="12"/>
    </row>
    <row r="470239" spans="8:8">
      <c r="H470239" s="12"/>
    </row>
    <row r="470240" spans="8:8">
      <c r="H470240" s="12"/>
    </row>
    <row r="470241" spans="8:8">
      <c r="H470241" s="12"/>
    </row>
    <row r="470242" spans="8:8">
      <c r="H470242" s="12"/>
    </row>
    <row r="470243" spans="8:8">
      <c r="H470243" s="12"/>
    </row>
    <row r="470244" spans="8:8">
      <c r="H470244" s="12"/>
    </row>
    <row r="470245" spans="8:8">
      <c r="H470245" s="12"/>
    </row>
    <row r="470246" spans="8:8">
      <c r="H470246" s="12"/>
    </row>
    <row r="470247" spans="8:8">
      <c r="H470247" s="12"/>
    </row>
    <row r="470248" spans="8:8">
      <c r="H470248" s="12"/>
    </row>
    <row r="470249" spans="8:8">
      <c r="H470249" s="12"/>
    </row>
    <row r="470250" spans="8:8">
      <c r="H470250" s="12"/>
    </row>
    <row r="470251" spans="8:8">
      <c r="H470251" s="12"/>
    </row>
    <row r="470252" spans="8:8">
      <c r="H470252" s="12"/>
    </row>
    <row r="470253" spans="8:8">
      <c r="H470253" s="12"/>
    </row>
    <row r="470254" spans="8:8">
      <c r="H470254" s="12"/>
    </row>
    <row r="470255" spans="8:8">
      <c r="H470255" s="12"/>
    </row>
    <row r="470256" spans="8:8">
      <c r="H470256" s="12"/>
    </row>
    <row r="470257" spans="8:8">
      <c r="H470257" s="12"/>
    </row>
    <row r="470258" spans="8:8">
      <c r="H470258" s="12"/>
    </row>
    <row r="470259" spans="8:8">
      <c r="H470259" s="12"/>
    </row>
    <row r="470260" spans="8:8">
      <c r="H470260" s="12"/>
    </row>
    <row r="470261" spans="8:8">
      <c r="H470261" s="12"/>
    </row>
    <row r="470262" spans="8:8">
      <c r="H470262" s="12"/>
    </row>
    <row r="470263" spans="8:8">
      <c r="H470263" s="12"/>
    </row>
    <row r="470264" spans="8:8">
      <c r="H470264" s="12"/>
    </row>
    <row r="470265" spans="8:8">
      <c r="H470265" s="12"/>
    </row>
    <row r="470266" spans="8:8">
      <c r="H470266" s="12"/>
    </row>
    <row r="470267" spans="8:8">
      <c r="H470267" s="12"/>
    </row>
    <row r="470268" spans="8:8">
      <c r="H470268" s="12"/>
    </row>
    <row r="470269" spans="8:8">
      <c r="H470269" s="12"/>
    </row>
    <row r="470270" spans="8:8">
      <c r="H470270" s="12"/>
    </row>
    <row r="470271" spans="8:8">
      <c r="H470271" s="12"/>
    </row>
    <row r="470272" spans="8:8">
      <c r="H470272" s="12"/>
    </row>
    <row r="470273" spans="8:8">
      <c r="H470273" s="12"/>
    </row>
    <row r="470274" spans="8:8">
      <c r="H470274" s="12"/>
    </row>
    <row r="470275" spans="8:8">
      <c r="H470275" s="12"/>
    </row>
    <row r="470276" spans="8:8">
      <c r="H470276" s="12"/>
    </row>
    <row r="470277" spans="8:8">
      <c r="H470277" s="12"/>
    </row>
    <row r="470278" spans="8:8">
      <c r="H470278" s="12"/>
    </row>
    <row r="470279" spans="8:8">
      <c r="H470279" s="12"/>
    </row>
    <row r="470280" spans="8:8">
      <c r="H470280" s="12"/>
    </row>
    <row r="470281" spans="8:8">
      <c r="H470281" s="12"/>
    </row>
    <row r="470282" spans="8:8">
      <c r="H470282" s="12"/>
    </row>
    <row r="470283" spans="8:8">
      <c r="H470283" s="12"/>
    </row>
    <row r="470284" spans="8:8">
      <c r="H470284" s="12"/>
    </row>
    <row r="470285" spans="8:8">
      <c r="H470285" s="12"/>
    </row>
    <row r="470286" spans="8:8">
      <c r="H470286" s="12"/>
    </row>
    <row r="470287" spans="8:8">
      <c r="H470287" s="12"/>
    </row>
    <row r="470288" spans="8:8">
      <c r="H470288" s="12"/>
    </row>
    <row r="470289" spans="8:8">
      <c r="H470289" s="12"/>
    </row>
    <row r="470290" spans="8:8">
      <c r="H470290" s="12"/>
    </row>
    <row r="470291" spans="8:8">
      <c r="H470291" s="12"/>
    </row>
    <row r="470292" spans="8:8">
      <c r="H470292" s="12"/>
    </row>
    <row r="470293" spans="8:8">
      <c r="H470293" s="12"/>
    </row>
    <row r="470294" spans="8:8">
      <c r="H470294" s="12"/>
    </row>
    <row r="470295" spans="8:8">
      <c r="H470295" s="12"/>
    </row>
    <row r="470296" spans="8:8">
      <c r="H470296" s="12"/>
    </row>
    <row r="470297" spans="8:8">
      <c r="H470297" s="12"/>
    </row>
    <row r="470298" spans="8:8">
      <c r="H470298" s="12"/>
    </row>
    <row r="470299" spans="8:8">
      <c r="H470299" s="12"/>
    </row>
    <row r="470300" spans="8:8">
      <c r="H470300" s="12"/>
    </row>
    <row r="470301" spans="8:8">
      <c r="H470301" s="12"/>
    </row>
    <row r="470302" spans="8:8">
      <c r="H470302" s="12"/>
    </row>
    <row r="470303" spans="8:8">
      <c r="H470303" s="12"/>
    </row>
    <row r="470304" spans="8:8">
      <c r="H470304" s="12"/>
    </row>
    <row r="470305" spans="8:8">
      <c r="H470305" s="12"/>
    </row>
    <row r="470306" spans="8:8">
      <c r="H470306" s="12"/>
    </row>
    <row r="470307" spans="8:8">
      <c r="H470307" s="12"/>
    </row>
    <row r="470308" spans="8:8">
      <c r="H470308" s="12"/>
    </row>
    <row r="470309" spans="8:8">
      <c r="H470309" s="12"/>
    </row>
    <row r="470310" spans="8:8">
      <c r="H470310" s="12"/>
    </row>
    <row r="470311" spans="8:8">
      <c r="H470311" s="12"/>
    </row>
    <row r="470312" spans="8:8">
      <c r="H470312" s="12"/>
    </row>
    <row r="470313" spans="8:8">
      <c r="H470313" s="12"/>
    </row>
    <row r="470314" spans="8:8">
      <c r="H470314" s="12"/>
    </row>
    <row r="470315" spans="8:8">
      <c r="H470315" s="12"/>
    </row>
    <row r="470316" spans="8:8">
      <c r="H470316" s="12"/>
    </row>
    <row r="470317" spans="8:8">
      <c r="H470317" s="12"/>
    </row>
    <row r="470318" spans="8:8">
      <c r="H470318" s="12"/>
    </row>
    <row r="470319" spans="8:8">
      <c r="H470319" s="12"/>
    </row>
    <row r="470320" spans="8:8">
      <c r="H470320" s="12"/>
    </row>
    <row r="470321" spans="8:8">
      <c r="H470321" s="12"/>
    </row>
    <row r="470322" spans="8:8">
      <c r="H470322" s="12"/>
    </row>
    <row r="470323" spans="8:8">
      <c r="H470323" s="12"/>
    </row>
    <row r="470324" spans="8:8">
      <c r="H470324" s="12"/>
    </row>
    <row r="470325" spans="8:8">
      <c r="H470325" s="12"/>
    </row>
    <row r="470326" spans="8:8">
      <c r="H470326" s="12"/>
    </row>
    <row r="470327" spans="8:8">
      <c r="H470327" s="12"/>
    </row>
    <row r="470328" spans="8:8">
      <c r="H470328" s="12"/>
    </row>
    <row r="470329" spans="8:8">
      <c r="H470329" s="12"/>
    </row>
    <row r="470330" spans="8:8">
      <c r="H470330" s="12"/>
    </row>
    <row r="470331" spans="8:8">
      <c r="H470331" s="12"/>
    </row>
    <row r="470332" spans="8:8">
      <c r="H470332" s="12"/>
    </row>
    <row r="470333" spans="8:8">
      <c r="H470333" s="12"/>
    </row>
    <row r="470334" spans="8:8">
      <c r="H470334" s="12"/>
    </row>
    <row r="470335" spans="8:8">
      <c r="H470335" s="12"/>
    </row>
    <row r="470336" spans="8:8">
      <c r="H470336" s="12"/>
    </row>
    <row r="470337" spans="8:8">
      <c r="H470337" s="12"/>
    </row>
    <row r="470338" spans="8:8">
      <c r="H470338" s="12"/>
    </row>
    <row r="470339" spans="8:8">
      <c r="H470339" s="12"/>
    </row>
    <row r="470340" spans="8:8">
      <c r="H470340" s="12"/>
    </row>
    <row r="470341" spans="8:8">
      <c r="H470341" s="12"/>
    </row>
    <row r="470342" spans="8:8">
      <c r="H470342" s="12"/>
    </row>
    <row r="470343" spans="8:8">
      <c r="H470343" s="12"/>
    </row>
    <row r="470344" spans="8:8">
      <c r="H470344" s="12"/>
    </row>
    <row r="470345" spans="8:8">
      <c r="H470345" s="12"/>
    </row>
    <row r="470346" spans="8:8">
      <c r="H470346" s="12"/>
    </row>
    <row r="470347" spans="8:8">
      <c r="H470347" s="12"/>
    </row>
    <row r="470348" spans="8:8">
      <c r="H470348" s="12"/>
    </row>
    <row r="470349" spans="8:8">
      <c r="H470349" s="12"/>
    </row>
    <row r="470350" spans="8:8">
      <c r="H470350" s="12"/>
    </row>
    <row r="470351" spans="8:8">
      <c r="H470351" s="12"/>
    </row>
    <row r="470352" spans="8:8">
      <c r="H470352" s="12"/>
    </row>
    <row r="470353" spans="8:8">
      <c r="H470353" s="12"/>
    </row>
    <row r="470354" spans="8:8">
      <c r="H470354" s="12"/>
    </row>
    <row r="470355" spans="8:8">
      <c r="H470355" s="12"/>
    </row>
    <row r="470356" spans="8:8">
      <c r="H470356" s="12"/>
    </row>
    <row r="470357" spans="8:8">
      <c r="H470357" s="12"/>
    </row>
    <row r="470358" spans="8:8">
      <c r="H470358" s="12"/>
    </row>
    <row r="470359" spans="8:8">
      <c r="H470359" s="12"/>
    </row>
    <row r="470360" spans="8:8">
      <c r="H470360" s="12"/>
    </row>
    <row r="470361" spans="8:8">
      <c r="H470361" s="12"/>
    </row>
    <row r="470362" spans="8:8">
      <c r="H470362" s="12"/>
    </row>
    <row r="470363" spans="8:8">
      <c r="H470363" s="12"/>
    </row>
    <row r="470364" spans="8:8">
      <c r="H470364" s="12"/>
    </row>
    <row r="470365" spans="8:8">
      <c r="H470365" s="12"/>
    </row>
    <row r="470366" spans="8:8">
      <c r="H470366" s="12"/>
    </row>
    <row r="470367" spans="8:8">
      <c r="H470367" s="12"/>
    </row>
    <row r="470368" spans="8:8">
      <c r="H470368" s="12"/>
    </row>
    <row r="470369" spans="8:8">
      <c r="H470369" s="12"/>
    </row>
    <row r="470370" spans="8:8">
      <c r="H470370" s="12"/>
    </row>
    <row r="470371" spans="8:8">
      <c r="H470371" s="12"/>
    </row>
    <row r="470372" spans="8:8">
      <c r="H470372" s="12"/>
    </row>
    <row r="470373" spans="8:8">
      <c r="H470373" s="12"/>
    </row>
    <row r="470374" spans="8:8">
      <c r="H470374" s="12"/>
    </row>
    <row r="470375" spans="8:8">
      <c r="H470375" s="12"/>
    </row>
    <row r="470376" spans="8:8">
      <c r="H470376" s="12"/>
    </row>
    <row r="470377" spans="8:8">
      <c r="H470377" s="12"/>
    </row>
    <row r="470378" spans="8:8">
      <c r="H470378" s="12"/>
    </row>
    <row r="470379" spans="8:8">
      <c r="H470379" s="12"/>
    </row>
    <row r="470380" spans="8:8">
      <c r="H470380" s="12"/>
    </row>
    <row r="470381" spans="8:8">
      <c r="H470381" s="12"/>
    </row>
    <row r="470382" spans="8:8">
      <c r="H470382" s="12"/>
    </row>
    <row r="470383" spans="8:8">
      <c r="H470383" s="12"/>
    </row>
    <row r="470384" spans="8:8">
      <c r="H470384" s="12"/>
    </row>
    <row r="470385" spans="8:8">
      <c r="H470385" s="12"/>
    </row>
    <row r="470386" spans="8:8">
      <c r="H470386" s="12"/>
    </row>
    <row r="470387" spans="8:8">
      <c r="H470387" s="12"/>
    </row>
    <row r="470388" spans="8:8">
      <c r="H470388" s="12"/>
    </row>
    <row r="470389" spans="8:8">
      <c r="H470389" s="12"/>
    </row>
    <row r="470390" spans="8:8">
      <c r="H470390" s="12"/>
    </row>
    <row r="470391" spans="8:8">
      <c r="H470391" s="12"/>
    </row>
    <row r="470392" spans="8:8">
      <c r="H470392" s="12"/>
    </row>
    <row r="470393" spans="8:8">
      <c r="H470393" s="12"/>
    </row>
    <row r="470394" spans="8:8">
      <c r="H470394" s="12"/>
    </row>
    <row r="470395" spans="8:8">
      <c r="H470395" s="12"/>
    </row>
    <row r="470396" spans="8:8">
      <c r="H470396" s="12"/>
    </row>
    <row r="470397" spans="8:8">
      <c r="H470397" s="12"/>
    </row>
    <row r="470398" spans="8:8">
      <c r="H470398" s="12"/>
    </row>
    <row r="470399" spans="8:8">
      <c r="H470399" s="12"/>
    </row>
    <row r="470400" spans="8:8">
      <c r="H470400" s="12"/>
    </row>
    <row r="470401" spans="8:8">
      <c r="H470401" s="12"/>
    </row>
    <row r="470402" spans="8:8">
      <c r="H470402" s="12"/>
    </row>
    <row r="470403" spans="8:8">
      <c r="H470403" s="12"/>
    </row>
    <row r="470404" spans="8:8">
      <c r="H470404" s="12"/>
    </row>
    <row r="470405" spans="8:8">
      <c r="H470405" s="12"/>
    </row>
    <row r="470406" spans="8:8">
      <c r="H470406" s="12"/>
    </row>
    <row r="470407" spans="8:8">
      <c r="H470407" s="12"/>
    </row>
    <row r="470408" spans="8:8">
      <c r="H470408" s="12"/>
    </row>
    <row r="470409" spans="8:8">
      <c r="H470409" s="12"/>
    </row>
    <row r="470410" spans="8:8">
      <c r="H470410" s="12"/>
    </row>
    <row r="470411" spans="8:8">
      <c r="H470411" s="12"/>
    </row>
    <row r="470412" spans="8:8">
      <c r="H470412" s="12"/>
    </row>
    <row r="470413" spans="8:8">
      <c r="H470413" s="12"/>
    </row>
    <row r="470414" spans="8:8">
      <c r="H470414" s="12"/>
    </row>
    <row r="470415" spans="8:8">
      <c r="H470415" s="12"/>
    </row>
    <row r="470416" spans="8:8">
      <c r="H470416" s="12"/>
    </row>
    <row r="470417" spans="8:8">
      <c r="H470417" s="12"/>
    </row>
    <row r="470418" spans="8:8">
      <c r="H470418" s="12"/>
    </row>
    <row r="470419" spans="8:8">
      <c r="H470419" s="12"/>
    </row>
    <row r="470420" spans="8:8">
      <c r="H470420" s="12"/>
    </row>
    <row r="470421" spans="8:8">
      <c r="H470421" s="12"/>
    </row>
    <row r="470422" spans="8:8">
      <c r="H470422" s="12"/>
    </row>
    <row r="470423" spans="8:8">
      <c r="H470423" s="12"/>
    </row>
    <row r="470424" spans="8:8">
      <c r="H470424" s="12"/>
    </row>
    <row r="470425" spans="8:8">
      <c r="H470425" s="12"/>
    </row>
    <row r="470426" spans="8:8">
      <c r="H470426" s="12"/>
    </row>
    <row r="470427" spans="8:8">
      <c r="H470427" s="12"/>
    </row>
    <row r="470428" spans="8:8">
      <c r="H470428" s="12"/>
    </row>
    <row r="470429" spans="8:8">
      <c r="H470429" s="12"/>
    </row>
    <row r="470430" spans="8:8">
      <c r="H470430" s="12"/>
    </row>
    <row r="470431" spans="8:8">
      <c r="H470431" s="12"/>
    </row>
    <row r="470432" spans="8:8">
      <c r="H470432" s="12"/>
    </row>
    <row r="470433" spans="8:8">
      <c r="H470433" s="12"/>
    </row>
    <row r="470434" spans="8:8">
      <c r="H470434" s="12"/>
    </row>
    <row r="470435" spans="8:8">
      <c r="H470435" s="12"/>
    </row>
    <row r="470436" spans="8:8">
      <c r="H470436" s="12"/>
    </row>
    <row r="470437" spans="8:8">
      <c r="H470437" s="12"/>
    </row>
    <row r="470438" spans="8:8">
      <c r="H470438" s="12"/>
    </row>
    <row r="470439" spans="8:8">
      <c r="H470439" s="12"/>
    </row>
    <row r="470440" spans="8:8">
      <c r="H470440" s="12"/>
    </row>
    <row r="470441" spans="8:8">
      <c r="H470441" s="12"/>
    </row>
    <row r="470442" spans="8:8">
      <c r="H470442" s="12"/>
    </row>
    <row r="470443" spans="8:8">
      <c r="H470443" s="12"/>
    </row>
    <row r="470444" spans="8:8">
      <c r="H470444" s="12"/>
    </row>
    <row r="470445" spans="8:8">
      <c r="H470445" s="12"/>
    </row>
    <row r="470446" spans="8:8">
      <c r="H470446" s="12"/>
    </row>
    <row r="470447" spans="8:8">
      <c r="H470447" s="12"/>
    </row>
    <row r="470448" spans="8:8">
      <c r="H470448" s="12"/>
    </row>
    <row r="470449" spans="8:8">
      <c r="H470449" s="12"/>
    </row>
    <row r="470450" spans="8:8">
      <c r="H470450" s="12"/>
    </row>
    <row r="470451" spans="8:8">
      <c r="H470451" s="12"/>
    </row>
    <row r="470452" spans="8:8">
      <c r="H470452" s="12"/>
    </row>
    <row r="470453" spans="8:8">
      <c r="H470453" s="12"/>
    </row>
    <row r="470454" spans="8:8">
      <c r="H470454" s="12"/>
    </row>
    <row r="470455" spans="8:8">
      <c r="H470455" s="12"/>
    </row>
    <row r="470456" spans="8:8">
      <c r="H470456" s="12"/>
    </row>
    <row r="470457" spans="8:8">
      <c r="H470457" s="12"/>
    </row>
    <row r="470458" spans="8:8">
      <c r="H470458" s="12"/>
    </row>
    <row r="470459" spans="8:8">
      <c r="H470459" s="12"/>
    </row>
    <row r="470460" spans="8:8">
      <c r="H470460" s="12"/>
    </row>
    <row r="470461" spans="8:8">
      <c r="H470461" s="12"/>
    </row>
    <row r="470462" spans="8:8">
      <c r="H470462" s="12"/>
    </row>
    <row r="470463" spans="8:8">
      <c r="H470463" s="12"/>
    </row>
    <row r="470464" spans="8:8">
      <c r="H470464" s="12"/>
    </row>
    <row r="470465" spans="8:8">
      <c r="H470465" s="12"/>
    </row>
    <row r="470466" spans="8:8">
      <c r="H470466" s="12"/>
    </row>
    <row r="470467" spans="8:8">
      <c r="H470467" s="12"/>
    </row>
    <row r="470468" spans="8:8">
      <c r="H470468" s="12"/>
    </row>
    <row r="470469" spans="8:8">
      <c r="H470469" s="12"/>
    </row>
    <row r="470470" spans="8:8">
      <c r="H470470" s="12"/>
    </row>
    <row r="470471" spans="8:8">
      <c r="H470471" s="12"/>
    </row>
    <row r="470472" spans="8:8">
      <c r="H470472" s="12"/>
    </row>
    <row r="470473" spans="8:8">
      <c r="H470473" s="12"/>
    </row>
    <row r="470474" spans="8:8">
      <c r="H470474" s="12"/>
    </row>
    <row r="470475" spans="8:8">
      <c r="H470475" s="12"/>
    </row>
    <row r="470476" spans="8:8">
      <c r="H470476" s="12"/>
    </row>
    <row r="470477" spans="8:8">
      <c r="H470477" s="12"/>
    </row>
    <row r="470478" spans="8:8">
      <c r="H470478" s="12"/>
    </row>
    <row r="470479" spans="8:8">
      <c r="H470479" s="12"/>
    </row>
    <row r="470480" spans="8:8">
      <c r="H470480" s="12"/>
    </row>
    <row r="470481" spans="8:8">
      <c r="H470481" s="12"/>
    </row>
    <row r="470482" spans="8:8">
      <c r="H470482" s="12"/>
    </row>
    <row r="470483" spans="8:8">
      <c r="H470483" s="12"/>
    </row>
    <row r="470484" spans="8:8">
      <c r="H470484" s="12"/>
    </row>
    <row r="470485" spans="8:8">
      <c r="H470485" s="12"/>
    </row>
    <row r="470486" spans="8:8">
      <c r="H470486" s="12"/>
    </row>
    <row r="470487" spans="8:8">
      <c r="H470487" s="12"/>
    </row>
    <row r="470488" spans="8:8">
      <c r="H470488" s="12"/>
    </row>
    <row r="470489" spans="8:8">
      <c r="H470489" s="12"/>
    </row>
    <row r="470490" spans="8:8">
      <c r="H470490" s="12"/>
    </row>
    <row r="470491" spans="8:8">
      <c r="H470491" s="12"/>
    </row>
    <row r="470492" spans="8:8">
      <c r="H470492" s="12"/>
    </row>
    <row r="470493" spans="8:8">
      <c r="H470493" s="12"/>
    </row>
    <row r="470494" spans="8:8">
      <c r="H470494" s="12"/>
    </row>
    <row r="470495" spans="8:8">
      <c r="H470495" s="12"/>
    </row>
    <row r="470496" spans="8:8">
      <c r="H470496" s="12"/>
    </row>
    <row r="470497" spans="8:8">
      <c r="H470497" s="12"/>
    </row>
    <row r="470498" spans="8:8">
      <c r="H470498" s="12"/>
    </row>
    <row r="470499" spans="8:8">
      <c r="H470499" s="12"/>
    </row>
    <row r="470500" spans="8:8">
      <c r="H470500" s="12"/>
    </row>
    <row r="470501" spans="8:8">
      <c r="H470501" s="12"/>
    </row>
    <row r="470502" spans="8:8">
      <c r="H470502" s="12"/>
    </row>
    <row r="470503" spans="8:8">
      <c r="H470503" s="12"/>
    </row>
    <row r="470504" spans="8:8">
      <c r="H470504" s="12"/>
    </row>
    <row r="470505" spans="8:8">
      <c r="H470505" s="12"/>
    </row>
    <row r="470506" spans="8:8">
      <c r="H470506" s="12"/>
    </row>
    <row r="470507" spans="8:8">
      <c r="H470507" s="12"/>
    </row>
    <row r="470508" spans="8:8">
      <c r="H470508" s="12"/>
    </row>
    <row r="470509" spans="8:8">
      <c r="H470509" s="12"/>
    </row>
    <row r="470510" spans="8:8">
      <c r="H470510" s="12"/>
    </row>
    <row r="470511" spans="8:8">
      <c r="H470511" s="12"/>
    </row>
    <row r="470512" spans="8:8">
      <c r="H470512" s="12"/>
    </row>
    <row r="470513" spans="8:8">
      <c r="H470513" s="12"/>
    </row>
    <row r="470514" spans="8:8">
      <c r="H470514" s="12"/>
    </row>
    <row r="470515" spans="8:8">
      <c r="H470515" s="12"/>
    </row>
    <row r="470516" spans="8:8">
      <c r="H470516" s="12"/>
    </row>
    <row r="470517" spans="8:8">
      <c r="H470517" s="12"/>
    </row>
    <row r="470518" spans="8:8">
      <c r="H470518" s="12"/>
    </row>
    <row r="470519" spans="8:8">
      <c r="H470519" s="12"/>
    </row>
    <row r="470520" spans="8:8">
      <c r="H470520" s="12"/>
    </row>
    <row r="470521" spans="8:8">
      <c r="H470521" s="12"/>
    </row>
    <row r="470522" spans="8:8">
      <c r="H470522" s="12"/>
    </row>
    <row r="470523" spans="8:8">
      <c r="H470523" s="12"/>
    </row>
    <row r="470524" spans="8:8">
      <c r="H470524" s="12"/>
    </row>
    <row r="470525" spans="8:8">
      <c r="H470525" s="12"/>
    </row>
    <row r="470526" spans="8:8">
      <c r="H470526" s="12"/>
    </row>
    <row r="470527" spans="8:8">
      <c r="H470527" s="12"/>
    </row>
    <row r="470528" spans="8:8">
      <c r="H470528" s="12"/>
    </row>
    <row r="470529" spans="8:8">
      <c r="H470529" s="12"/>
    </row>
    <row r="470530" spans="8:8">
      <c r="H470530" s="12"/>
    </row>
    <row r="470531" spans="8:8">
      <c r="H470531" s="12"/>
    </row>
    <row r="470532" spans="8:8">
      <c r="H470532" s="12"/>
    </row>
    <row r="470533" spans="8:8">
      <c r="H470533" s="12"/>
    </row>
    <row r="470534" spans="8:8">
      <c r="H470534" s="12"/>
    </row>
    <row r="470535" spans="8:8">
      <c r="H470535" s="12"/>
    </row>
    <row r="470536" spans="8:8">
      <c r="H470536" s="12"/>
    </row>
    <row r="470537" spans="8:8">
      <c r="H470537" s="12"/>
    </row>
    <row r="470538" spans="8:8">
      <c r="H470538" s="12"/>
    </row>
    <row r="470539" spans="8:8">
      <c r="H470539" s="12"/>
    </row>
    <row r="470540" spans="8:8">
      <c r="H470540" s="12"/>
    </row>
    <row r="470541" spans="8:8">
      <c r="H470541" s="12"/>
    </row>
    <row r="470542" spans="8:8">
      <c r="H470542" s="12"/>
    </row>
    <row r="470543" spans="8:8">
      <c r="H470543" s="12"/>
    </row>
    <row r="470544" spans="8:8">
      <c r="H470544" s="12"/>
    </row>
    <row r="470545" spans="8:8">
      <c r="H470545" s="12"/>
    </row>
    <row r="470546" spans="8:8">
      <c r="H470546" s="12"/>
    </row>
    <row r="470547" spans="8:8">
      <c r="H470547" s="12"/>
    </row>
    <row r="470548" spans="8:8">
      <c r="H470548" s="12"/>
    </row>
    <row r="470549" spans="8:8">
      <c r="H470549" s="12"/>
    </row>
    <row r="470550" spans="8:8">
      <c r="H470550" s="12"/>
    </row>
    <row r="470551" spans="8:8">
      <c r="H470551" s="12"/>
    </row>
    <row r="470552" spans="8:8">
      <c r="H470552" s="12"/>
    </row>
    <row r="470553" spans="8:8">
      <c r="H470553" s="12"/>
    </row>
    <row r="470554" spans="8:8">
      <c r="H470554" s="12"/>
    </row>
    <row r="470555" spans="8:8">
      <c r="H470555" s="12"/>
    </row>
    <row r="470556" spans="8:8">
      <c r="H470556" s="12"/>
    </row>
    <row r="470557" spans="8:8">
      <c r="H470557" s="12"/>
    </row>
    <row r="470558" spans="8:8">
      <c r="H470558" s="12"/>
    </row>
    <row r="470559" spans="8:8">
      <c r="H470559" s="12"/>
    </row>
    <row r="470560" spans="8:8">
      <c r="H470560" s="12"/>
    </row>
    <row r="470561" spans="8:8">
      <c r="H470561" s="12"/>
    </row>
    <row r="470562" spans="8:8">
      <c r="H470562" s="12"/>
    </row>
    <row r="470563" spans="8:8">
      <c r="H470563" s="12"/>
    </row>
    <row r="470564" spans="8:8">
      <c r="H470564" s="12"/>
    </row>
    <row r="470565" spans="8:8">
      <c r="H470565" s="12"/>
    </row>
    <row r="470566" spans="8:8">
      <c r="H470566" s="12"/>
    </row>
    <row r="470567" spans="8:8">
      <c r="H470567" s="12"/>
    </row>
    <row r="470568" spans="8:8">
      <c r="H470568" s="12"/>
    </row>
    <row r="470569" spans="8:8">
      <c r="H470569" s="12"/>
    </row>
    <row r="470570" spans="8:8">
      <c r="H470570" s="12"/>
    </row>
    <row r="470571" spans="8:8">
      <c r="H470571" s="12"/>
    </row>
    <row r="470572" spans="8:8">
      <c r="H470572" s="12"/>
    </row>
    <row r="470573" spans="8:8">
      <c r="H470573" s="12"/>
    </row>
    <row r="470574" spans="8:8">
      <c r="H470574" s="12"/>
    </row>
    <row r="470575" spans="8:8">
      <c r="H470575" s="12"/>
    </row>
    <row r="470576" spans="8:8">
      <c r="H470576" s="12"/>
    </row>
    <row r="470577" spans="8:8">
      <c r="H470577" s="12"/>
    </row>
    <row r="470578" spans="8:8">
      <c r="H470578" s="12"/>
    </row>
    <row r="470579" spans="8:8">
      <c r="H470579" s="12"/>
    </row>
    <row r="470580" spans="8:8">
      <c r="H470580" s="12"/>
    </row>
    <row r="470581" spans="8:8">
      <c r="H470581" s="12"/>
    </row>
    <row r="470582" spans="8:8">
      <c r="H470582" s="12"/>
    </row>
    <row r="470583" spans="8:8">
      <c r="H470583" s="12"/>
    </row>
    <row r="470584" spans="8:8">
      <c r="H470584" s="12"/>
    </row>
    <row r="470585" spans="8:8">
      <c r="H470585" s="12"/>
    </row>
    <row r="470586" spans="8:8">
      <c r="H470586" s="12"/>
    </row>
    <row r="470587" spans="8:8">
      <c r="H470587" s="12"/>
    </row>
    <row r="470588" spans="8:8">
      <c r="H470588" s="12"/>
    </row>
    <row r="470589" spans="8:8">
      <c r="H470589" s="12"/>
    </row>
    <row r="470590" spans="8:8">
      <c r="H470590" s="12"/>
    </row>
    <row r="470591" spans="8:8">
      <c r="H470591" s="12"/>
    </row>
    <row r="470592" spans="8:8">
      <c r="H470592" s="12"/>
    </row>
    <row r="470593" spans="8:8">
      <c r="H470593" s="12"/>
    </row>
    <row r="470594" spans="8:8">
      <c r="H470594" s="12"/>
    </row>
    <row r="470595" spans="8:8">
      <c r="H470595" s="12"/>
    </row>
    <row r="470596" spans="8:8">
      <c r="H470596" s="12"/>
    </row>
    <row r="470597" spans="8:8">
      <c r="H470597" s="12"/>
    </row>
    <row r="470598" spans="8:8">
      <c r="H470598" s="12"/>
    </row>
    <row r="470599" spans="8:8">
      <c r="H470599" s="12"/>
    </row>
    <row r="470600" spans="8:8">
      <c r="H470600" s="12"/>
    </row>
    <row r="470601" spans="8:8">
      <c r="H470601" s="12"/>
    </row>
    <row r="470602" spans="8:8">
      <c r="H470602" s="12"/>
    </row>
    <row r="470603" spans="8:8">
      <c r="H470603" s="12"/>
    </row>
    <row r="470604" spans="8:8">
      <c r="H470604" s="12"/>
    </row>
    <row r="470605" spans="8:8">
      <c r="H470605" s="12"/>
    </row>
    <row r="470606" spans="8:8">
      <c r="H470606" s="12"/>
    </row>
    <row r="470607" spans="8:8">
      <c r="H470607" s="12"/>
    </row>
    <row r="470608" spans="8:8">
      <c r="H470608" s="12"/>
    </row>
    <row r="470609" spans="8:8">
      <c r="H470609" s="12"/>
    </row>
    <row r="470610" spans="8:8">
      <c r="H470610" s="12"/>
    </row>
    <row r="470611" spans="8:8">
      <c r="H470611" s="12"/>
    </row>
    <row r="470612" spans="8:8">
      <c r="H470612" s="12"/>
    </row>
    <row r="470613" spans="8:8">
      <c r="H470613" s="12"/>
    </row>
    <row r="470614" spans="8:8">
      <c r="H470614" s="12"/>
    </row>
    <row r="470615" spans="8:8">
      <c r="H470615" s="12"/>
    </row>
    <row r="470616" spans="8:8">
      <c r="H470616" s="12"/>
    </row>
    <row r="470617" spans="8:8">
      <c r="H470617" s="12"/>
    </row>
    <row r="470618" spans="8:8">
      <c r="H470618" s="12"/>
    </row>
    <row r="470619" spans="8:8">
      <c r="H470619" s="12"/>
    </row>
    <row r="470620" spans="8:8">
      <c r="H470620" s="12"/>
    </row>
    <row r="470621" spans="8:8">
      <c r="H470621" s="12"/>
    </row>
    <row r="470622" spans="8:8">
      <c r="H470622" s="12"/>
    </row>
    <row r="470623" spans="8:8">
      <c r="H470623" s="12"/>
    </row>
    <row r="470624" spans="8:8">
      <c r="H470624" s="12"/>
    </row>
    <row r="470625" spans="8:8">
      <c r="H470625" s="12"/>
    </row>
    <row r="470626" spans="8:8">
      <c r="H470626" s="12"/>
    </row>
    <row r="470627" spans="8:8">
      <c r="H470627" s="12"/>
    </row>
    <row r="470628" spans="8:8">
      <c r="H470628" s="12"/>
    </row>
    <row r="470629" spans="8:8">
      <c r="H470629" s="12"/>
    </row>
    <row r="470630" spans="8:8">
      <c r="H470630" s="12"/>
    </row>
    <row r="470631" spans="8:8">
      <c r="H470631" s="12"/>
    </row>
    <row r="470632" spans="8:8">
      <c r="H470632" s="12"/>
    </row>
    <row r="470633" spans="8:8">
      <c r="H470633" s="12"/>
    </row>
    <row r="470634" spans="8:8">
      <c r="H470634" s="12"/>
    </row>
    <row r="470635" spans="8:8">
      <c r="H470635" s="12"/>
    </row>
    <row r="470636" spans="8:8">
      <c r="H470636" s="12"/>
    </row>
    <row r="470637" spans="8:8">
      <c r="H470637" s="12"/>
    </row>
    <row r="470638" spans="8:8">
      <c r="H470638" s="12"/>
    </row>
    <row r="470639" spans="8:8">
      <c r="H470639" s="12"/>
    </row>
    <row r="470640" spans="8:8">
      <c r="H470640" s="12"/>
    </row>
    <row r="470641" spans="8:8">
      <c r="H470641" s="12"/>
    </row>
    <row r="470642" spans="8:8">
      <c r="H470642" s="12"/>
    </row>
    <row r="470643" spans="8:8">
      <c r="H470643" s="12"/>
    </row>
    <row r="470644" spans="8:8">
      <c r="H470644" s="12"/>
    </row>
    <row r="470645" spans="8:8">
      <c r="H470645" s="12"/>
    </row>
    <row r="470646" spans="8:8">
      <c r="H470646" s="12"/>
    </row>
    <row r="470647" spans="8:8">
      <c r="H470647" s="12"/>
    </row>
    <row r="470648" spans="8:8">
      <c r="H470648" s="12"/>
    </row>
    <row r="470649" spans="8:8">
      <c r="H470649" s="12"/>
    </row>
    <row r="470650" spans="8:8">
      <c r="H470650" s="12"/>
    </row>
    <row r="470651" spans="8:8">
      <c r="H470651" s="12"/>
    </row>
    <row r="470652" spans="8:8">
      <c r="H470652" s="12"/>
    </row>
    <row r="470653" spans="8:8">
      <c r="H470653" s="12"/>
    </row>
    <row r="470654" spans="8:8">
      <c r="H470654" s="12"/>
    </row>
    <row r="470655" spans="8:8">
      <c r="H470655" s="12"/>
    </row>
    <row r="470656" spans="8:8">
      <c r="H470656" s="12"/>
    </row>
    <row r="470657" spans="8:8">
      <c r="H470657" s="12"/>
    </row>
    <row r="470658" spans="8:8">
      <c r="H470658" s="12"/>
    </row>
    <row r="470659" spans="8:8">
      <c r="H470659" s="12"/>
    </row>
    <row r="470660" spans="8:8">
      <c r="H470660" s="12"/>
    </row>
    <row r="470661" spans="8:8">
      <c r="H470661" s="12"/>
    </row>
    <row r="470662" spans="8:8">
      <c r="H470662" s="12"/>
    </row>
    <row r="470663" spans="8:8">
      <c r="H470663" s="12"/>
    </row>
    <row r="470664" spans="8:8">
      <c r="H470664" s="12"/>
    </row>
    <row r="470665" spans="8:8">
      <c r="H470665" s="12"/>
    </row>
    <row r="470666" spans="8:8">
      <c r="H470666" s="12"/>
    </row>
    <row r="470667" spans="8:8">
      <c r="H470667" s="12"/>
    </row>
    <row r="470668" spans="8:8">
      <c r="H470668" s="12"/>
    </row>
    <row r="470669" spans="8:8">
      <c r="H470669" s="12"/>
    </row>
    <row r="470670" spans="8:8">
      <c r="H470670" s="12"/>
    </row>
    <row r="470671" spans="8:8">
      <c r="H470671" s="12"/>
    </row>
    <row r="470672" spans="8:8">
      <c r="H470672" s="12"/>
    </row>
    <row r="470673" spans="8:8">
      <c r="H470673" s="12"/>
    </row>
    <row r="470674" spans="8:8">
      <c r="H470674" s="12"/>
    </row>
    <row r="470675" spans="8:8">
      <c r="H470675" s="12"/>
    </row>
    <row r="470676" spans="8:8">
      <c r="H470676" s="12"/>
    </row>
    <row r="470677" spans="8:8">
      <c r="H470677" s="12"/>
    </row>
    <row r="470678" spans="8:8">
      <c r="H470678" s="12"/>
    </row>
    <row r="470679" spans="8:8">
      <c r="H470679" s="12"/>
    </row>
    <row r="470680" spans="8:8">
      <c r="H470680" s="12"/>
    </row>
    <row r="470681" spans="8:8">
      <c r="H470681" s="12"/>
    </row>
    <row r="470682" spans="8:8">
      <c r="H470682" s="12"/>
    </row>
    <row r="470683" spans="8:8">
      <c r="H470683" s="12"/>
    </row>
    <row r="470684" spans="8:8">
      <c r="H470684" s="12"/>
    </row>
    <row r="470685" spans="8:8">
      <c r="H470685" s="12"/>
    </row>
    <row r="470686" spans="8:8">
      <c r="H470686" s="12"/>
    </row>
    <row r="470687" spans="8:8">
      <c r="H470687" s="12"/>
    </row>
    <row r="470688" spans="8:8">
      <c r="H470688" s="12"/>
    </row>
    <row r="470689" spans="8:8">
      <c r="H470689" s="12"/>
    </row>
    <row r="470690" spans="8:8">
      <c r="H470690" s="12"/>
    </row>
    <row r="470691" spans="8:8">
      <c r="H470691" s="12"/>
    </row>
    <row r="470692" spans="8:8">
      <c r="H470692" s="12"/>
    </row>
    <row r="470693" spans="8:8">
      <c r="H470693" s="12"/>
    </row>
    <row r="470694" spans="8:8">
      <c r="H470694" s="12"/>
    </row>
    <row r="470695" spans="8:8">
      <c r="H470695" s="12"/>
    </row>
    <row r="470696" spans="8:8">
      <c r="H470696" s="12"/>
    </row>
    <row r="470697" spans="8:8">
      <c r="H470697" s="12"/>
    </row>
    <row r="470698" spans="8:8">
      <c r="H470698" s="12"/>
    </row>
    <row r="470699" spans="8:8">
      <c r="H470699" s="12"/>
    </row>
    <row r="470700" spans="8:8">
      <c r="H470700" s="12"/>
    </row>
    <row r="470701" spans="8:8">
      <c r="H470701" s="12"/>
    </row>
    <row r="470702" spans="8:8">
      <c r="H470702" s="12"/>
    </row>
    <row r="470703" spans="8:8">
      <c r="H470703" s="12"/>
    </row>
    <row r="470704" spans="8:8">
      <c r="H470704" s="12"/>
    </row>
    <row r="470705" spans="8:8">
      <c r="H470705" s="12"/>
    </row>
    <row r="470706" spans="8:8">
      <c r="H470706" s="12"/>
    </row>
    <row r="470707" spans="8:8">
      <c r="H470707" s="12"/>
    </row>
    <row r="470708" spans="8:8">
      <c r="H470708" s="12"/>
    </row>
    <row r="470709" spans="8:8">
      <c r="H470709" s="12"/>
    </row>
    <row r="470710" spans="8:8">
      <c r="H470710" s="12"/>
    </row>
    <row r="470711" spans="8:8">
      <c r="H470711" s="12"/>
    </row>
    <row r="470712" spans="8:8">
      <c r="H470712" s="12"/>
    </row>
    <row r="470713" spans="8:8">
      <c r="H470713" s="12"/>
    </row>
    <row r="470714" spans="8:8">
      <c r="H470714" s="12"/>
    </row>
    <row r="470715" spans="8:8">
      <c r="H470715" s="12"/>
    </row>
    <row r="470716" spans="8:8">
      <c r="H470716" s="12"/>
    </row>
    <row r="470717" spans="8:8">
      <c r="H470717" s="12"/>
    </row>
    <row r="470718" spans="8:8">
      <c r="H470718" s="12"/>
    </row>
    <row r="470719" spans="8:8">
      <c r="H470719" s="12"/>
    </row>
    <row r="470720" spans="8:8">
      <c r="H470720" s="12"/>
    </row>
    <row r="470721" spans="8:8">
      <c r="H470721" s="12"/>
    </row>
    <row r="470722" spans="8:8">
      <c r="H470722" s="12"/>
    </row>
    <row r="470723" spans="8:8">
      <c r="H470723" s="12"/>
    </row>
    <row r="470724" spans="8:8">
      <c r="H470724" s="12"/>
    </row>
    <row r="470725" spans="8:8">
      <c r="H470725" s="12"/>
    </row>
    <row r="470726" spans="8:8">
      <c r="H470726" s="12"/>
    </row>
    <row r="470727" spans="8:8">
      <c r="H470727" s="12"/>
    </row>
    <row r="470728" spans="8:8">
      <c r="H470728" s="12"/>
    </row>
    <row r="470729" spans="8:8">
      <c r="H470729" s="12"/>
    </row>
    <row r="470730" spans="8:8">
      <c r="H470730" s="12"/>
    </row>
    <row r="470731" spans="8:8">
      <c r="H470731" s="12"/>
    </row>
    <row r="470732" spans="8:8">
      <c r="H470732" s="12"/>
    </row>
    <row r="470733" spans="8:8">
      <c r="H470733" s="12"/>
    </row>
    <row r="470734" spans="8:8">
      <c r="H470734" s="12"/>
    </row>
    <row r="470735" spans="8:8">
      <c r="H470735" s="12"/>
    </row>
    <row r="470736" spans="8:8">
      <c r="H470736" s="12"/>
    </row>
    <row r="470737" spans="8:8">
      <c r="H470737" s="12"/>
    </row>
    <row r="470738" spans="8:8">
      <c r="H470738" s="12"/>
    </row>
    <row r="470739" spans="8:8">
      <c r="H470739" s="12"/>
    </row>
    <row r="470740" spans="8:8">
      <c r="H470740" s="12"/>
    </row>
    <row r="470741" spans="8:8">
      <c r="H470741" s="12"/>
    </row>
    <row r="470742" spans="8:8">
      <c r="H470742" s="12"/>
    </row>
    <row r="470743" spans="8:8">
      <c r="H470743" s="12"/>
    </row>
    <row r="470744" spans="8:8">
      <c r="H470744" s="12"/>
    </row>
    <row r="470745" spans="8:8">
      <c r="H470745" s="12"/>
    </row>
    <row r="470746" spans="8:8">
      <c r="H470746" s="12"/>
    </row>
    <row r="470747" spans="8:8">
      <c r="H470747" s="12"/>
    </row>
    <row r="470748" spans="8:8">
      <c r="H470748" s="12"/>
    </row>
    <row r="470749" spans="8:8">
      <c r="H470749" s="12"/>
    </row>
    <row r="470750" spans="8:8">
      <c r="H470750" s="12"/>
    </row>
    <row r="470751" spans="8:8">
      <c r="H470751" s="12"/>
    </row>
    <row r="470752" spans="8:8">
      <c r="H470752" s="12"/>
    </row>
    <row r="470753" spans="8:8">
      <c r="H470753" s="12"/>
    </row>
    <row r="470754" spans="8:8">
      <c r="H470754" s="12"/>
    </row>
    <row r="470755" spans="8:8">
      <c r="H470755" s="12"/>
    </row>
    <row r="470756" spans="8:8">
      <c r="H470756" s="12"/>
    </row>
    <row r="470757" spans="8:8">
      <c r="H470757" s="12"/>
    </row>
    <row r="470758" spans="8:8">
      <c r="H470758" s="12"/>
    </row>
    <row r="470759" spans="8:8">
      <c r="H470759" s="12"/>
    </row>
    <row r="470760" spans="8:8">
      <c r="H470760" s="12"/>
    </row>
    <row r="470761" spans="8:8">
      <c r="H470761" s="12"/>
    </row>
    <row r="470762" spans="8:8">
      <c r="H470762" s="12"/>
    </row>
    <row r="470763" spans="8:8">
      <c r="H470763" s="12"/>
    </row>
    <row r="470764" spans="8:8">
      <c r="H470764" s="12"/>
    </row>
    <row r="470765" spans="8:8">
      <c r="H470765" s="12"/>
    </row>
    <row r="470766" spans="8:8">
      <c r="H470766" s="12"/>
    </row>
    <row r="470767" spans="8:8">
      <c r="H470767" s="12"/>
    </row>
    <row r="470768" spans="8:8">
      <c r="H470768" s="12"/>
    </row>
    <row r="470769" spans="8:8">
      <c r="H470769" s="12"/>
    </row>
    <row r="470770" spans="8:8">
      <c r="H470770" s="12"/>
    </row>
    <row r="470771" spans="8:8">
      <c r="H470771" s="12"/>
    </row>
    <row r="470772" spans="8:8">
      <c r="H470772" s="12"/>
    </row>
    <row r="470773" spans="8:8">
      <c r="H470773" s="12"/>
    </row>
    <row r="470774" spans="8:8">
      <c r="H470774" s="12"/>
    </row>
    <row r="470775" spans="8:8">
      <c r="H470775" s="12"/>
    </row>
    <row r="470776" spans="8:8">
      <c r="H470776" s="12"/>
    </row>
    <row r="470777" spans="8:8">
      <c r="H470777" s="12"/>
    </row>
    <row r="470778" spans="8:8">
      <c r="H470778" s="12"/>
    </row>
    <row r="470779" spans="8:8">
      <c r="H470779" s="12"/>
    </row>
    <row r="470780" spans="8:8">
      <c r="H470780" s="12"/>
    </row>
    <row r="470781" spans="8:8">
      <c r="H470781" s="12"/>
    </row>
    <row r="470782" spans="8:8">
      <c r="H470782" s="12"/>
    </row>
    <row r="470783" spans="8:8">
      <c r="H470783" s="12"/>
    </row>
    <row r="470784" spans="8:8">
      <c r="H470784" s="12"/>
    </row>
    <row r="470785" spans="8:8">
      <c r="H470785" s="12"/>
    </row>
    <row r="470786" spans="8:8">
      <c r="H470786" s="12"/>
    </row>
    <row r="470787" spans="8:8">
      <c r="H470787" s="12"/>
    </row>
    <row r="470788" spans="8:8">
      <c r="H470788" s="12"/>
    </row>
    <row r="470789" spans="8:8">
      <c r="H470789" s="12"/>
    </row>
    <row r="470790" spans="8:8">
      <c r="H470790" s="12"/>
    </row>
    <row r="470791" spans="8:8">
      <c r="H470791" s="12"/>
    </row>
    <row r="470792" spans="8:8">
      <c r="H470792" s="12"/>
    </row>
    <row r="470793" spans="8:8">
      <c r="H470793" s="12"/>
    </row>
    <row r="470794" spans="8:8">
      <c r="H470794" s="12"/>
    </row>
    <row r="470795" spans="8:8">
      <c r="H470795" s="12"/>
    </row>
    <row r="470796" spans="8:8">
      <c r="H470796" s="12"/>
    </row>
    <row r="470797" spans="8:8">
      <c r="H470797" s="12"/>
    </row>
    <row r="470798" spans="8:8">
      <c r="H470798" s="12"/>
    </row>
    <row r="470799" spans="8:8">
      <c r="H470799" s="12"/>
    </row>
    <row r="470800" spans="8:8">
      <c r="H470800" s="12"/>
    </row>
    <row r="470801" spans="8:8">
      <c r="H470801" s="12"/>
    </row>
    <row r="470802" spans="8:8">
      <c r="H470802" s="12"/>
    </row>
    <row r="470803" spans="8:8">
      <c r="H470803" s="12"/>
    </row>
    <row r="470804" spans="8:8">
      <c r="H470804" s="12"/>
    </row>
    <row r="470805" spans="8:8">
      <c r="H470805" s="12"/>
    </row>
    <row r="470806" spans="8:8">
      <c r="H470806" s="12"/>
    </row>
    <row r="470807" spans="8:8">
      <c r="H470807" s="12"/>
    </row>
    <row r="470808" spans="8:8">
      <c r="H470808" s="12"/>
    </row>
    <row r="470809" spans="8:8">
      <c r="H470809" s="12"/>
    </row>
    <row r="470810" spans="8:8">
      <c r="H470810" s="12"/>
    </row>
    <row r="470811" spans="8:8">
      <c r="H470811" s="12"/>
    </row>
    <row r="470812" spans="8:8">
      <c r="H470812" s="12"/>
    </row>
    <row r="470813" spans="8:8">
      <c r="H470813" s="12"/>
    </row>
    <row r="470814" spans="8:8">
      <c r="H470814" s="12"/>
    </row>
    <row r="470815" spans="8:8">
      <c r="H470815" s="12"/>
    </row>
    <row r="470816" spans="8:8">
      <c r="H470816" s="12"/>
    </row>
    <row r="470817" spans="8:8">
      <c r="H470817" s="12"/>
    </row>
    <row r="470818" spans="8:8">
      <c r="H470818" s="12"/>
    </row>
    <row r="470819" spans="8:8">
      <c r="H470819" s="12"/>
    </row>
    <row r="470820" spans="8:8">
      <c r="H470820" s="12"/>
    </row>
    <row r="470821" spans="8:8">
      <c r="H470821" s="12"/>
    </row>
    <row r="470822" spans="8:8">
      <c r="H470822" s="12"/>
    </row>
    <row r="470823" spans="8:8">
      <c r="H470823" s="12"/>
    </row>
    <row r="470824" spans="8:8">
      <c r="H470824" s="12"/>
    </row>
    <row r="470825" spans="8:8">
      <c r="H470825" s="12"/>
    </row>
    <row r="470826" spans="8:8">
      <c r="H470826" s="12"/>
    </row>
    <row r="470827" spans="8:8">
      <c r="H470827" s="12"/>
    </row>
    <row r="470828" spans="8:8">
      <c r="H470828" s="12"/>
    </row>
    <row r="470829" spans="8:8">
      <c r="H470829" s="12"/>
    </row>
    <row r="470830" spans="8:8">
      <c r="H470830" s="12"/>
    </row>
    <row r="470831" spans="8:8">
      <c r="H470831" s="12"/>
    </row>
    <row r="470832" spans="8:8">
      <c r="H470832" s="12"/>
    </row>
    <row r="470833" spans="8:8">
      <c r="H470833" s="12"/>
    </row>
    <row r="470834" spans="8:8">
      <c r="H470834" s="12"/>
    </row>
    <row r="470835" spans="8:8">
      <c r="H470835" s="12"/>
    </row>
    <row r="470836" spans="8:8">
      <c r="H470836" s="12"/>
    </row>
    <row r="470837" spans="8:8">
      <c r="H470837" s="12"/>
    </row>
    <row r="470838" spans="8:8">
      <c r="H470838" s="12"/>
    </row>
    <row r="470839" spans="8:8">
      <c r="H470839" s="12"/>
    </row>
    <row r="470840" spans="8:8">
      <c r="H470840" s="12"/>
    </row>
    <row r="470841" spans="8:8">
      <c r="H470841" s="12"/>
    </row>
    <row r="470842" spans="8:8">
      <c r="H470842" s="12"/>
    </row>
    <row r="470843" spans="8:8">
      <c r="H470843" s="12"/>
    </row>
    <row r="470844" spans="8:8">
      <c r="H470844" s="12"/>
    </row>
    <row r="470845" spans="8:8">
      <c r="H470845" s="12"/>
    </row>
    <row r="470846" spans="8:8">
      <c r="H470846" s="12"/>
    </row>
    <row r="470847" spans="8:8">
      <c r="H470847" s="12"/>
    </row>
    <row r="470848" spans="8:8">
      <c r="H470848" s="12"/>
    </row>
    <row r="470849" spans="8:8">
      <c r="H470849" s="12"/>
    </row>
    <row r="470850" spans="8:8">
      <c r="H470850" s="12"/>
    </row>
    <row r="470851" spans="8:8">
      <c r="H470851" s="12"/>
    </row>
    <row r="470852" spans="8:8">
      <c r="H470852" s="12"/>
    </row>
    <row r="470853" spans="8:8">
      <c r="H470853" s="12"/>
    </row>
    <row r="470854" spans="8:8">
      <c r="H470854" s="12"/>
    </row>
    <row r="470855" spans="8:8">
      <c r="H470855" s="12"/>
    </row>
    <row r="470856" spans="8:8">
      <c r="H470856" s="12"/>
    </row>
    <row r="470857" spans="8:8">
      <c r="H470857" s="12"/>
    </row>
    <row r="470858" spans="8:8">
      <c r="H470858" s="12"/>
    </row>
    <row r="470859" spans="8:8">
      <c r="H470859" s="12"/>
    </row>
    <row r="470860" spans="8:8">
      <c r="H470860" s="12"/>
    </row>
    <row r="470861" spans="8:8">
      <c r="H470861" s="12"/>
    </row>
    <row r="470862" spans="8:8">
      <c r="H470862" s="12"/>
    </row>
    <row r="470863" spans="8:8">
      <c r="H470863" s="12"/>
    </row>
    <row r="470864" spans="8:8">
      <c r="H470864" s="12"/>
    </row>
    <row r="470865" spans="8:8">
      <c r="H470865" s="12"/>
    </row>
    <row r="470866" spans="8:8">
      <c r="H470866" s="12"/>
    </row>
    <row r="470867" spans="8:8">
      <c r="H470867" s="12"/>
    </row>
    <row r="470868" spans="8:8">
      <c r="H470868" s="12"/>
    </row>
    <row r="470869" spans="8:8">
      <c r="H470869" s="12"/>
    </row>
    <row r="470870" spans="8:8">
      <c r="H470870" s="12"/>
    </row>
    <row r="470871" spans="8:8">
      <c r="H470871" s="12"/>
    </row>
    <row r="470872" spans="8:8">
      <c r="H470872" s="12"/>
    </row>
    <row r="470873" spans="8:8">
      <c r="H470873" s="12"/>
    </row>
    <row r="470874" spans="8:8">
      <c r="H470874" s="12"/>
    </row>
    <row r="470875" spans="8:8">
      <c r="H470875" s="12"/>
    </row>
    <row r="470876" spans="8:8">
      <c r="H470876" s="12"/>
    </row>
    <row r="470877" spans="8:8">
      <c r="H470877" s="12"/>
    </row>
    <row r="470878" spans="8:8">
      <c r="H470878" s="12"/>
    </row>
    <row r="470879" spans="8:8">
      <c r="H470879" s="12"/>
    </row>
    <row r="470880" spans="8:8">
      <c r="H470880" s="12"/>
    </row>
    <row r="470881" spans="8:8">
      <c r="H470881" s="12"/>
    </row>
    <row r="470882" spans="8:8">
      <c r="H470882" s="12"/>
    </row>
    <row r="470883" spans="8:8">
      <c r="H470883" s="12"/>
    </row>
    <row r="470884" spans="8:8">
      <c r="H470884" s="12"/>
    </row>
    <row r="470885" spans="8:8">
      <c r="H470885" s="12"/>
    </row>
    <row r="470886" spans="8:8">
      <c r="H470886" s="12"/>
    </row>
    <row r="470887" spans="8:8">
      <c r="H470887" s="12"/>
    </row>
    <row r="470888" spans="8:8">
      <c r="H470888" s="12"/>
    </row>
    <row r="470889" spans="8:8">
      <c r="H470889" s="12"/>
    </row>
    <row r="470890" spans="8:8">
      <c r="H470890" s="12"/>
    </row>
    <row r="470891" spans="8:8">
      <c r="H470891" s="12"/>
    </row>
    <row r="470892" spans="8:8">
      <c r="H470892" s="12"/>
    </row>
    <row r="470893" spans="8:8">
      <c r="H470893" s="12"/>
    </row>
    <row r="470894" spans="8:8">
      <c r="H470894" s="12"/>
    </row>
    <row r="470895" spans="8:8">
      <c r="H470895" s="12"/>
    </row>
    <row r="470896" spans="8:8">
      <c r="H470896" s="12"/>
    </row>
    <row r="470897" spans="8:8">
      <c r="H470897" s="12"/>
    </row>
    <row r="470898" spans="8:8">
      <c r="H470898" s="12"/>
    </row>
    <row r="470899" spans="8:8">
      <c r="H470899" s="12"/>
    </row>
    <row r="470900" spans="8:8">
      <c r="H470900" s="12"/>
    </row>
    <row r="470901" spans="8:8">
      <c r="H470901" s="12"/>
    </row>
    <row r="470902" spans="8:8">
      <c r="H470902" s="12"/>
    </row>
    <row r="470903" spans="8:8">
      <c r="H470903" s="12"/>
    </row>
    <row r="470904" spans="8:8">
      <c r="H470904" s="12"/>
    </row>
    <row r="470905" spans="8:8">
      <c r="H470905" s="12"/>
    </row>
    <row r="470906" spans="8:8">
      <c r="H470906" s="12"/>
    </row>
    <row r="470907" spans="8:8">
      <c r="H470907" s="12"/>
    </row>
    <row r="470908" spans="8:8">
      <c r="H470908" s="12"/>
    </row>
    <row r="470909" spans="8:8">
      <c r="H470909" s="12"/>
    </row>
    <row r="470910" spans="8:8">
      <c r="H470910" s="12"/>
    </row>
    <row r="470911" spans="8:8">
      <c r="H470911" s="12"/>
    </row>
    <row r="470912" spans="8:8">
      <c r="H470912" s="12"/>
    </row>
    <row r="470913" spans="8:8">
      <c r="H470913" s="12"/>
    </row>
    <row r="470914" spans="8:8">
      <c r="H470914" s="12"/>
    </row>
    <row r="470915" spans="8:8">
      <c r="H470915" s="12"/>
    </row>
    <row r="470916" spans="8:8">
      <c r="H470916" s="12"/>
    </row>
    <row r="470917" spans="8:8">
      <c r="H470917" s="12"/>
    </row>
    <row r="470918" spans="8:8">
      <c r="H470918" s="12"/>
    </row>
    <row r="470919" spans="8:8">
      <c r="H470919" s="12"/>
    </row>
    <row r="470920" spans="8:8">
      <c r="H470920" s="12"/>
    </row>
    <row r="470921" spans="8:8">
      <c r="H470921" s="12"/>
    </row>
    <row r="470922" spans="8:8">
      <c r="H470922" s="12"/>
    </row>
    <row r="470923" spans="8:8">
      <c r="H470923" s="12"/>
    </row>
    <row r="470924" spans="8:8">
      <c r="H470924" s="12"/>
    </row>
    <row r="470925" spans="8:8">
      <c r="H470925" s="12"/>
    </row>
    <row r="470926" spans="8:8">
      <c r="H470926" s="12"/>
    </row>
    <row r="470927" spans="8:8">
      <c r="H470927" s="12"/>
    </row>
    <row r="470928" spans="8:8">
      <c r="H470928" s="12"/>
    </row>
    <row r="470929" spans="8:8">
      <c r="H470929" s="12"/>
    </row>
    <row r="470930" spans="8:8">
      <c r="H470930" s="12"/>
    </row>
    <row r="470931" spans="8:8">
      <c r="H470931" s="12"/>
    </row>
    <row r="470932" spans="8:8">
      <c r="H470932" s="12"/>
    </row>
    <row r="470933" spans="8:8">
      <c r="H470933" s="12"/>
    </row>
    <row r="470934" spans="8:8">
      <c r="H470934" s="12"/>
    </row>
    <row r="470935" spans="8:8">
      <c r="H470935" s="12"/>
    </row>
    <row r="470936" spans="8:8">
      <c r="H470936" s="12"/>
    </row>
    <row r="470937" spans="8:8">
      <c r="H470937" s="12"/>
    </row>
    <row r="470938" spans="8:8">
      <c r="H470938" s="12"/>
    </row>
    <row r="470939" spans="8:8">
      <c r="H470939" s="12"/>
    </row>
    <row r="470940" spans="8:8">
      <c r="H470940" s="12"/>
    </row>
    <row r="470941" spans="8:8">
      <c r="H470941" s="12"/>
    </row>
    <row r="470942" spans="8:8">
      <c r="H470942" s="12"/>
    </row>
    <row r="470943" spans="8:8">
      <c r="H470943" s="12"/>
    </row>
    <row r="470944" spans="8:8">
      <c r="H470944" s="12"/>
    </row>
    <row r="470945" spans="8:8">
      <c r="H470945" s="12"/>
    </row>
    <row r="470946" spans="8:8">
      <c r="H470946" s="12"/>
    </row>
    <row r="470947" spans="8:8">
      <c r="H470947" s="12"/>
    </row>
    <row r="470948" spans="8:8">
      <c r="H470948" s="12"/>
    </row>
    <row r="470949" spans="8:8">
      <c r="H470949" s="12"/>
    </row>
    <row r="470950" spans="8:8">
      <c r="H470950" s="12"/>
    </row>
    <row r="470951" spans="8:8">
      <c r="H470951" s="12"/>
    </row>
    <row r="470952" spans="8:8">
      <c r="H470952" s="12"/>
    </row>
    <row r="470953" spans="8:8">
      <c r="H470953" s="12"/>
    </row>
    <row r="470954" spans="8:8">
      <c r="H470954" s="12"/>
    </row>
    <row r="470955" spans="8:8">
      <c r="H470955" s="12"/>
    </row>
    <row r="470956" spans="8:8">
      <c r="H470956" s="12"/>
    </row>
    <row r="470957" spans="8:8">
      <c r="H470957" s="12"/>
    </row>
    <row r="470958" spans="8:8">
      <c r="H470958" s="12"/>
    </row>
    <row r="470959" spans="8:8">
      <c r="H470959" s="12"/>
    </row>
    <row r="470960" spans="8:8">
      <c r="H470960" s="12"/>
    </row>
    <row r="470961" spans="8:8">
      <c r="H470961" s="12"/>
    </row>
    <row r="470962" spans="8:8">
      <c r="H470962" s="12"/>
    </row>
    <row r="470963" spans="8:8">
      <c r="H470963" s="12"/>
    </row>
    <row r="470964" spans="8:8">
      <c r="H470964" s="12"/>
    </row>
    <row r="470965" spans="8:8">
      <c r="H470965" s="12"/>
    </row>
    <row r="470966" spans="8:8">
      <c r="H470966" s="12"/>
    </row>
    <row r="470967" spans="8:8">
      <c r="H470967" s="12"/>
    </row>
    <row r="470968" spans="8:8">
      <c r="H470968" s="12"/>
    </row>
    <row r="470969" spans="8:8">
      <c r="H470969" s="12"/>
    </row>
    <row r="470970" spans="8:8">
      <c r="H470970" s="12"/>
    </row>
    <row r="470971" spans="8:8">
      <c r="H470971" s="12"/>
    </row>
    <row r="470972" spans="8:8">
      <c r="H470972" s="12"/>
    </row>
    <row r="470973" spans="8:8">
      <c r="H470973" s="12"/>
    </row>
    <row r="470974" spans="8:8">
      <c r="H470974" s="12"/>
    </row>
    <row r="470975" spans="8:8">
      <c r="H470975" s="12"/>
    </row>
    <row r="470976" spans="8:8">
      <c r="H470976" s="12"/>
    </row>
    <row r="470977" spans="8:8">
      <c r="H470977" s="12"/>
    </row>
    <row r="470978" spans="8:8">
      <c r="H470978" s="12"/>
    </row>
    <row r="470979" spans="8:8">
      <c r="H470979" s="12"/>
    </row>
    <row r="470980" spans="8:8">
      <c r="H470980" s="12"/>
    </row>
    <row r="470981" spans="8:8">
      <c r="H470981" s="12"/>
    </row>
    <row r="470982" spans="8:8">
      <c r="H470982" s="12"/>
    </row>
    <row r="470983" spans="8:8">
      <c r="H470983" s="12"/>
    </row>
    <row r="470984" spans="8:8">
      <c r="H470984" s="12"/>
    </row>
    <row r="470985" spans="8:8">
      <c r="H470985" s="12"/>
    </row>
    <row r="470986" spans="8:8">
      <c r="H470986" s="12"/>
    </row>
    <row r="470987" spans="8:8">
      <c r="H470987" s="12"/>
    </row>
    <row r="470988" spans="8:8">
      <c r="H470988" s="12"/>
    </row>
    <row r="470989" spans="8:8">
      <c r="H470989" s="12"/>
    </row>
    <row r="470990" spans="8:8">
      <c r="H470990" s="12"/>
    </row>
    <row r="470991" spans="8:8">
      <c r="H470991" s="12"/>
    </row>
    <row r="470992" spans="8:8">
      <c r="H470992" s="12"/>
    </row>
    <row r="470993" spans="8:8">
      <c r="H470993" s="12"/>
    </row>
    <row r="470994" spans="8:8">
      <c r="H470994" s="12"/>
    </row>
    <row r="470995" spans="8:8">
      <c r="H470995" s="12"/>
    </row>
    <row r="470996" spans="8:8">
      <c r="H470996" s="12"/>
    </row>
    <row r="470997" spans="8:8">
      <c r="H470997" s="12"/>
    </row>
    <row r="470998" spans="8:8">
      <c r="H470998" s="12"/>
    </row>
    <row r="470999" spans="8:8">
      <c r="H470999" s="12"/>
    </row>
    <row r="471000" spans="8:8">
      <c r="H471000" s="12"/>
    </row>
    <row r="471001" spans="8:8">
      <c r="H471001" s="12"/>
    </row>
    <row r="471002" spans="8:8">
      <c r="H471002" s="12"/>
    </row>
    <row r="471003" spans="8:8">
      <c r="H471003" s="12"/>
    </row>
    <row r="471004" spans="8:8">
      <c r="H471004" s="12"/>
    </row>
    <row r="471005" spans="8:8">
      <c r="H471005" s="12"/>
    </row>
    <row r="471006" spans="8:8">
      <c r="H471006" s="12"/>
    </row>
    <row r="471007" spans="8:8">
      <c r="H471007" s="12"/>
    </row>
    <row r="471008" spans="8:8">
      <c r="H471008" s="12"/>
    </row>
    <row r="471009" spans="8:8">
      <c r="H471009" s="12"/>
    </row>
    <row r="471010" spans="8:8">
      <c r="H471010" s="12"/>
    </row>
    <row r="471011" spans="8:8">
      <c r="H471011" s="12"/>
    </row>
    <row r="471012" spans="8:8">
      <c r="H471012" s="12"/>
    </row>
    <row r="471013" spans="8:8">
      <c r="H471013" s="12"/>
    </row>
    <row r="471014" spans="8:8">
      <c r="H471014" s="12"/>
    </row>
    <row r="471015" spans="8:8">
      <c r="H471015" s="12"/>
    </row>
    <row r="471016" spans="8:8">
      <c r="H471016" s="12"/>
    </row>
    <row r="471017" spans="8:8">
      <c r="H471017" s="12"/>
    </row>
    <row r="471018" spans="8:8">
      <c r="H471018" s="12"/>
    </row>
    <row r="471019" spans="8:8">
      <c r="H471019" s="12"/>
    </row>
    <row r="471020" spans="8:8">
      <c r="H471020" s="12"/>
    </row>
    <row r="471021" spans="8:8">
      <c r="H471021" s="12"/>
    </row>
    <row r="471022" spans="8:8">
      <c r="H471022" s="12"/>
    </row>
    <row r="471023" spans="8:8">
      <c r="H471023" s="12"/>
    </row>
    <row r="471024" spans="8:8">
      <c r="H471024" s="12"/>
    </row>
    <row r="471025" spans="8:8">
      <c r="H471025" s="12"/>
    </row>
    <row r="471026" spans="8:8">
      <c r="H471026" s="12"/>
    </row>
    <row r="471027" spans="8:8">
      <c r="H471027" s="12"/>
    </row>
    <row r="471028" spans="8:8">
      <c r="H471028" s="12"/>
    </row>
    <row r="471029" spans="8:8">
      <c r="H471029" s="12"/>
    </row>
    <row r="471030" spans="8:8">
      <c r="H471030" s="12"/>
    </row>
    <row r="471031" spans="8:8">
      <c r="H471031" s="12"/>
    </row>
    <row r="471032" spans="8:8">
      <c r="H471032" s="12"/>
    </row>
    <row r="471033" spans="8:8">
      <c r="H471033" s="12"/>
    </row>
    <row r="471034" spans="8:8">
      <c r="H471034" s="12"/>
    </row>
    <row r="471035" spans="8:8">
      <c r="H471035" s="12"/>
    </row>
    <row r="471036" spans="8:8">
      <c r="H471036" s="12"/>
    </row>
    <row r="471037" spans="8:8">
      <c r="H471037" s="12"/>
    </row>
    <row r="471038" spans="8:8">
      <c r="H471038" s="12"/>
    </row>
    <row r="471039" spans="8:8">
      <c r="H471039" s="12"/>
    </row>
    <row r="471040" spans="8:8">
      <c r="H471040" s="12"/>
    </row>
    <row r="471041" spans="8:8">
      <c r="H471041" s="12"/>
    </row>
    <row r="471042" spans="8:8">
      <c r="H471042" s="12"/>
    </row>
    <row r="471043" spans="8:8">
      <c r="H471043" s="12"/>
    </row>
    <row r="471044" spans="8:8">
      <c r="H471044" s="12"/>
    </row>
    <row r="471045" spans="8:8">
      <c r="H471045" s="12"/>
    </row>
    <row r="471046" spans="8:8">
      <c r="H471046" s="12"/>
    </row>
    <row r="471047" spans="8:8">
      <c r="H471047" s="12"/>
    </row>
    <row r="471048" spans="8:8">
      <c r="H471048" s="12"/>
    </row>
    <row r="471049" spans="8:8">
      <c r="H471049" s="12"/>
    </row>
    <row r="471050" spans="8:8">
      <c r="H471050" s="12"/>
    </row>
    <row r="471051" spans="8:8">
      <c r="H471051" s="12"/>
    </row>
    <row r="471052" spans="8:8">
      <c r="H471052" s="12"/>
    </row>
    <row r="471053" spans="8:8">
      <c r="H471053" s="12"/>
    </row>
    <row r="471054" spans="8:8">
      <c r="H471054" s="12"/>
    </row>
    <row r="471055" spans="8:8">
      <c r="H471055" s="12"/>
    </row>
    <row r="471056" spans="8:8">
      <c r="H471056" s="12"/>
    </row>
    <row r="471057" spans="8:8">
      <c r="H471057" s="12"/>
    </row>
    <row r="471058" spans="8:8">
      <c r="H471058" s="12"/>
    </row>
    <row r="471059" spans="8:8">
      <c r="H471059" s="12"/>
    </row>
    <row r="471060" spans="8:8">
      <c r="H471060" s="12"/>
    </row>
    <row r="471061" spans="8:8">
      <c r="H471061" s="12"/>
    </row>
    <row r="471062" spans="8:8">
      <c r="H471062" s="12"/>
    </row>
    <row r="471063" spans="8:8">
      <c r="H471063" s="12"/>
    </row>
    <row r="471064" spans="8:8">
      <c r="H471064" s="12"/>
    </row>
    <row r="471065" spans="8:8">
      <c r="H471065" s="12"/>
    </row>
    <row r="471066" spans="8:8">
      <c r="H471066" s="12"/>
    </row>
    <row r="471067" spans="8:8">
      <c r="H471067" s="12"/>
    </row>
    <row r="471068" spans="8:8">
      <c r="H471068" s="12"/>
    </row>
    <row r="471069" spans="8:8">
      <c r="H471069" s="12"/>
    </row>
    <row r="471070" spans="8:8">
      <c r="H471070" s="12"/>
    </row>
    <row r="471071" spans="8:8">
      <c r="H471071" s="12"/>
    </row>
    <row r="471072" spans="8:8">
      <c r="H471072" s="12"/>
    </row>
    <row r="471073" spans="8:8">
      <c r="H471073" s="12"/>
    </row>
    <row r="471074" spans="8:8">
      <c r="H471074" s="12"/>
    </row>
    <row r="471075" spans="8:8">
      <c r="H471075" s="12"/>
    </row>
    <row r="471076" spans="8:8">
      <c r="H471076" s="12"/>
    </row>
    <row r="471077" spans="8:8">
      <c r="H471077" s="12"/>
    </row>
    <row r="471078" spans="8:8">
      <c r="H471078" s="12"/>
    </row>
    <row r="471079" spans="8:8">
      <c r="H471079" s="12"/>
    </row>
    <row r="471080" spans="8:8">
      <c r="H471080" s="12"/>
    </row>
    <row r="471081" spans="8:8">
      <c r="H471081" s="12"/>
    </row>
    <row r="471082" spans="8:8">
      <c r="H471082" s="12"/>
    </row>
    <row r="471083" spans="8:8">
      <c r="H471083" s="12"/>
    </row>
    <row r="471084" spans="8:8">
      <c r="H471084" s="12"/>
    </row>
    <row r="471085" spans="8:8">
      <c r="H471085" s="12"/>
    </row>
    <row r="471086" spans="8:8">
      <c r="H471086" s="12"/>
    </row>
    <row r="471087" spans="8:8">
      <c r="H471087" s="12"/>
    </row>
    <row r="471088" spans="8:8">
      <c r="H471088" s="12"/>
    </row>
    <row r="471089" spans="8:8">
      <c r="H471089" s="12"/>
    </row>
    <row r="471090" spans="8:8">
      <c r="H471090" s="12"/>
    </row>
    <row r="471091" spans="8:8">
      <c r="H471091" s="12"/>
    </row>
    <row r="471092" spans="8:8">
      <c r="H471092" s="12"/>
    </row>
    <row r="471093" spans="8:8">
      <c r="H471093" s="12"/>
    </row>
    <row r="471094" spans="8:8">
      <c r="H471094" s="12"/>
    </row>
    <row r="471095" spans="8:8">
      <c r="H471095" s="12"/>
    </row>
    <row r="471096" spans="8:8">
      <c r="H471096" s="12"/>
    </row>
    <row r="471097" spans="8:8">
      <c r="H471097" s="12"/>
    </row>
    <row r="471098" spans="8:8">
      <c r="H471098" s="12"/>
    </row>
    <row r="471099" spans="8:8">
      <c r="H471099" s="12"/>
    </row>
    <row r="471100" spans="8:8">
      <c r="H471100" s="12"/>
    </row>
    <row r="471101" spans="8:8">
      <c r="H471101" s="12"/>
    </row>
    <row r="471102" spans="8:8">
      <c r="H471102" s="12"/>
    </row>
    <row r="471103" spans="8:8">
      <c r="H471103" s="12"/>
    </row>
    <row r="471104" spans="8:8">
      <c r="H471104" s="12"/>
    </row>
    <row r="471105" spans="8:8">
      <c r="H471105" s="12"/>
    </row>
    <row r="471106" spans="8:8">
      <c r="H471106" s="12"/>
    </row>
    <row r="471107" spans="8:8">
      <c r="H471107" s="12"/>
    </row>
    <row r="471108" spans="8:8">
      <c r="H471108" s="12"/>
    </row>
    <row r="471109" spans="8:8">
      <c r="H471109" s="12"/>
    </row>
    <row r="471110" spans="8:8">
      <c r="H471110" s="12"/>
    </row>
    <row r="471111" spans="8:8">
      <c r="H471111" s="12"/>
    </row>
    <row r="471112" spans="8:8">
      <c r="H471112" s="12"/>
    </row>
    <row r="471113" spans="8:8">
      <c r="H471113" s="12"/>
    </row>
    <row r="471114" spans="8:8">
      <c r="H471114" s="12"/>
    </row>
    <row r="471115" spans="8:8">
      <c r="H471115" s="12"/>
    </row>
    <row r="471116" spans="8:8">
      <c r="H471116" s="12"/>
    </row>
    <row r="471117" spans="8:8">
      <c r="H471117" s="12"/>
    </row>
    <row r="471118" spans="8:8">
      <c r="H471118" s="12"/>
    </row>
    <row r="471119" spans="8:8">
      <c r="H471119" s="12"/>
    </row>
    <row r="471120" spans="8:8">
      <c r="H471120" s="12"/>
    </row>
    <row r="471121" spans="8:8">
      <c r="H471121" s="12"/>
    </row>
    <row r="471122" spans="8:8">
      <c r="H471122" s="12"/>
    </row>
    <row r="471123" spans="8:8">
      <c r="H471123" s="12"/>
    </row>
    <row r="471124" spans="8:8">
      <c r="H471124" s="12"/>
    </row>
    <row r="471125" spans="8:8">
      <c r="H471125" s="12"/>
    </row>
    <row r="471126" spans="8:8">
      <c r="H471126" s="12"/>
    </row>
    <row r="471127" spans="8:8">
      <c r="H471127" s="12"/>
    </row>
    <row r="471128" spans="8:8">
      <c r="H471128" s="12"/>
    </row>
    <row r="471129" spans="8:8">
      <c r="H471129" s="12"/>
    </row>
    <row r="471130" spans="8:8">
      <c r="H471130" s="12"/>
    </row>
    <row r="471131" spans="8:8">
      <c r="H471131" s="12"/>
    </row>
    <row r="471132" spans="8:8">
      <c r="H471132" s="12"/>
    </row>
    <row r="471133" spans="8:8">
      <c r="H471133" s="12"/>
    </row>
    <row r="471134" spans="8:8">
      <c r="H471134" s="12"/>
    </row>
    <row r="471135" spans="8:8">
      <c r="H471135" s="12"/>
    </row>
    <row r="471136" spans="8:8">
      <c r="H471136" s="12"/>
    </row>
    <row r="471137" spans="8:8">
      <c r="H471137" s="12"/>
    </row>
    <row r="471138" spans="8:8">
      <c r="H471138" s="12"/>
    </row>
    <row r="471139" spans="8:8">
      <c r="H471139" s="12"/>
    </row>
    <row r="471140" spans="8:8">
      <c r="H471140" s="12"/>
    </row>
    <row r="471141" spans="8:8">
      <c r="H471141" s="12"/>
    </row>
    <row r="471142" spans="8:8">
      <c r="H471142" s="12"/>
    </row>
    <row r="471143" spans="8:8">
      <c r="H471143" s="12"/>
    </row>
    <row r="471144" spans="8:8">
      <c r="H471144" s="12"/>
    </row>
    <row r="471145" spans="8:8">
      <c r="H471145" s="12"/>
    </row>
    <row r="471146" spans="8:8">
      <c r="H471146" s="12"/>
    </row>
    <row r="471147" spans="8:8">
      <c r="H471147" s="12"/>
    </row>
    <row r="471148" spans="8:8">
      <c r="H471148" s="12"/>
    </row>
    <row r="471149" spans="8:8">
      <c r="H471149" s="12"/>
    </row>
    <row r="471150" spans="8:8">
      <c r="H471150" s="12"/>
    </row>
    <row r="471151" spans="8:8">
      <c r="H471151" s="12"/>
    </row>
    <row r="471152" spans="8:8">
      <c r="H471152" s="12"/>
    </row>
    <row r="471153" spans="8:8">
      <c r="H471153" s="12"/>
    </row>
    <row r="471154" spans="8:8">
      <c r="H471154" s="12"/>
    </row>
    <row r="471155" spans="8:8">
      <c r="H471155" s="12"/>
    </row>
    <row r="471156" spans="8:8">
      <c r="H471156" s="12"/>
    </row>
    <row r="471157" spans="8:8">
      <c r="H471157" s="12"/>
    </row>
    <row r="471158" spans="8:8">
      <c r="H471158" s="12"/>
    </row>
    <row r="471159" spans="8:8">
      <c r="H471159" s="12"/>
    </row>
    <row r="471160" spans="8:8">
      <c r="H471160" s="12"/>
    </row>
    <row r="471161" spans="8:8">
      <c r="H471161" s="12"/>
    </row>
    <row r="471162" spans="8:8">
      <c r="H471162" s="12"/>
    </row>
    <row r="471163" spans="8:8">
      <c r="H471163" s="12"/>
    </row>
    <row r="471164" spans="8:8">
      <c r="H471164" s="12"/>
    </row>
    <row r="471165" spans="8:8">
      <c r="H471165" s="12"/>
    </row>
    <row r="471166" spans="8:8">
      <c r="H471166" s="12"/>
    </row>
    <row r="471167" spans="8:8">
      <c r="H471167" s="12"/>
    </row>
    <row r="471168" spans="8:8">
      <c r="H471168" s="12"/>
    </row>
    <row r="471169" spans="8:8">
      <c r="H471169" s="12"/>
    </row>
    <row r="471170" spans="8:8">
      <c r="H471170" s="12"/>
    </row>
    <row r="471171" spans="8:8">
      <c r="H471171" s="12"/>
    </row>
    <row r="471172" spans="8:8">
      <c r="H471172" s="12"/>
    </row>
    <row r="471173" spans="8:8">
      <c r="H471173" s="12"/>
    </row>
    <row r="471174" spans="8:8">
      <c r="H471174" s="12"/>
    </row>
    <row r="471175" spans="8:8">
      <c r="H471175" s="12"/>
    </row>
    <row r="471176" spans="8:8">
      <c r="H471176" s="12"/>
    </row>
    <row r="471177" spans="8:8">
      <c r="H471177" s="12"/>
    </row>
    <row r="471178" spans="8:8">
      <c r="H471178" s="12"/>
    </row>
    <row r="471179" spans="8:8">
      <c r="H471179" s="12"/>
    </row>
    <row r="471180" spans="8:8">
      <c r="H471180" s="12"/>
    </row>
    <row r="471181" spans="8:8">
      <c r="H471181" s="12"/>
    </row>
    <row r="471182" spans="8:8">
      <c r="H471182" s="12"/>
    </row>
    <row r="471183" spans="8:8">
      <c r="H471183" s="12"/>
    </row>
    <row r="471184" spans="8:8">
      <c r="H471184" s="12"/>
    </row>
    <row r="471185" spans="8:8">
      <c r="H471185" s="12"/>
    </row>
    <row r="471186" spans="8:8">
      <c r="H471186" s="12"/>
    </row>
    <row r="471187" spans="8:8">
      <c r="H471187" s="12"/>
    </row>
    <row r="471188" spans="8:8">
      <c r="H471188" s="12"/>
    </row>
    <row r="471189" spans="8:8">
      <c r="H471189" s="12"/>
    </row>
    <row r="471190" spans="8:8">
      <c r="H471190" s="12"/>
    </row>
    <row r="471191" spans="8:8">
      <c r="H471191" s="12"/>
    </row>
    <row r="471192" spans="8:8">
      <c r="H471192" s="12"/>
    </row>
    <row r="471193" spans="8:8">
      <c r="H471193" s="12"/>
    </row>
    <row r="471194" spans="8:8">
      <c r="H471194" s="12"/>
    </row>
    <row r="471195" spans="8:8">
      <c r="H471195" s="12"/>
    </row>
    <row r="471196" spans="8:8">
      <c r="H471196" s="12"/>
    </row>
    <row r="471197" spans="8:8">
      <c r="H471197" s="12"/>
    </row>
    <row r="471198" spans="8:8">
      <c r="H471198" s="12"/>
    </row>
    <row r="471199" spans="8:8">
      <c r="H471199" s="12"/>
    </row>
    <row r="471200" spans="8:8">
      <c r="H471200" s="12"/>
    </row>
    <row r="471201" spans="8:8">
      <c r="H471201" s="12"/>
    </row>
    <row r="471202" spans="8:8">
      <c r="H471202" s="12"/>
    </row>
    <row r="471203" spans="8:8">
      <c r="H471203" s="12"/>
    </row>
    <row r="471204" spans="8:8">
      <c r="H471204" s="12"/>
    </row>
    <row r="471205" spans="8:8">
      <c r="H471205" s="12"/>
    </row>
    <row r="471206" spans="8:8">
      <c r="H471206" s="12"/>
    </row>
    <row r="471207" spans="8:8">
      <c r="H471207" s="12"/>
    </row>
    <row r="471208" spans="8:8">
      <c r="H471208" s="12"/>
    </row>
    <row r="471209" spans="8:8">
      <c r="H471209" s="12"/>
    </row>
    <row r="471210" spans="8:8">
      <c r="H471210" s="12"/>
    </row>
    <row r="471211" spans="8:8">
      <c r="H471211" s="12"/>
    </row>
    <row r="471212" spans="8:8">
      <c r="H471212" s="12"/>
    </row>
    <row r="471213" spans="8:8">
      <c r="H471213" s="12"/>
    </row>
    <row r="471214" spans="8:8">
      <c r="H471214" s="12"/>
    </row>
    <row r="471215" spans="8:8">
      <c r="H471215" s="12"/>
    </row>
    <row r="471216" spans="8:8">
      <c r="H471216" s="12"/>
    </row>
    <row r="471217" spans="8:8">
      <c r="H471217" s="12"/>
    </row>
    <row r="471218" spans="8:8">
      <c r="H471218" s="12"/>
    </row>
    <row r="471219" spans="8:8">
      <c r="H471219" s="12"/>
    </row>
    <row r="471220" spans="8:8">
      <c r="H471220" s="12"/>
    </row>
    <row r="471221" spans="8:8">
      <c r="H471221" s="12"/>
    </row>
    <row r="471222" spans="8:8">
      <c r="H471222" s="12"/>
    </row>
    <row r="471223" spans="8:8">
      <c r="H471223" s="12"/>
    </row>
    <row r="471224" spans="8:8">
      <c r="H471224" s="12"/>
    </row>
    <row r="471225" spans="8:8">
      <c r="H471225" s="12"/>
    </row>
    <row r="471226" spans="8:8">
      <c r="H471226" s="12"/>
    </row>
    <row r="471227" spans="8:8">
      <c r="H471227" s="12"/>
    </row>
    <row r="471228" spans="8:8">
      <c r="H471228" s="12"/>
    </row>
    <row r="471229" spans="8:8">
      <c r="H471229" s="12"/>
    </row>
    <row r="471230" spans="8:8">
      <c r="H471230" s="12"/>
    </row>
    <row r="471231" spans="8:8">
      <c r="H471231" s="12"/>
    </row>
    <row r="471232" spans="8:8">
      <c r="H471232" s="12"/>
    </row>
    <row r="471233" spans="8:8">
      <c r="H471233" s="12"/>
    </row>
    <row r="471234" spans="8:8">
      <c r="H471234" s="12"/>
    </row>
    <row r="471235" spans="8:8">
      <c r="H471235" s="12"/>
    </row>
    <row r="471236" spans="8:8">
      <c r="H471236" s="12"/>
    </row>
    <row r="471237" spans="8:8">
      <c r="H471237" s="12"/>
    </row>
    <row r="471238" spans="8:8">
      <c r="H471238" s="12"/>
    </row>
    <row r="471239" spans="8:8">
      <c r="H471239" s="12"/>
    </row>
    <row r="471240" spans="8:8">
      <c r="H471240" s="12"/>
    </row>
    <row r="471241" spans="8:8">
      <c r="H471241" s="12"/>
    </row>
    <row r="471242" spans="8:8">
      <c r="H471242" s="12"/>
    </row>
    <row r="471243" spans="8:8">
      <c r="H471243" s="12"/>
    </row>
    <row r="471244" spans="8:8">
      <c r="H471244" s="12"/>
    </row>
    <row r="471245" spans="8:8">
      <c r="H471245" s="12"/>
    </row>
    <row r="471246" spans="8:8">
      <c r="H471246" s="12"/>
    </row>
    <row r="471247" spans="8:8">
      <c r="H471247" s="12"/>
    </row>
    <row r="471248" spans="8:8">
      <c r="H471248" s="12"/>
    </row>
    <row r="471249" spans="8:8">
      <c r="H471249" s="12"/>
    </row>
    <row r="471250" spans="8:8">
      <c r="H471250" s="12"/>
    </row>
    <row r="471251" spans="8:8">
      <c r="H471251" s="12"/>
    </row>
    <row r="471252" spans="8:8">
      <c r="H471252" s="12"/>
    </row>
    <row r="471253" spans="8:8">
      <c r="H471253" s="12"/>
    </row>
    <row r="471254" spans="8:8">
      <c r="H471254" s="12"/>
    </row>
    <row r="471255" spans="8:8">
      <c r="H471255" s="12"/>
    </row>
    <row r="471256" spans="8:8">
      <c r="H471256" s="12"/>
    </row>
    <row r="471257" spans="8:8">
      <c r="H471257" s="12"/>
    </row>
    <row r="471258" spans="8:8">
      <c r="H471258" s="12"/>
    </row>
    <row r="471259" spans="8:8">
      <c r="H471259" s="12"/>
    </row>
    <row r="471260" spans="8:8">
      <c r="H471260" s="12"/>
    </row>
    <row r="471261" spans="8:8">
      <c r="H471261" s="12"/>
    </row>
    <row r="471262" spans="8:8">
      <c r="H471262" s="12"/>
    </row>
    <row r="471263" spans="8:8">
      <c r="H471263" s="12"/>
    </row>
    <row r="471264" spans="8:8">
      <c r="H471264" s="12"/>
    </row>
    <row r="471265" spans="8:8">
      <c r="H471265" s="12"/>
    </row>
    <row r="471266" spans="8:8">
      <c r="H471266" s="12"/>
    </row>
    <row r="471267" spans="8:8">
      <c r="H471267" s="12"/>
    </row>
    <row r="471268" spans="8:8">
      <c r="H471268" s="12"/>
    </row>
    <row r="471269" spans="8:8">
      <c r="H471269" s="12"/>
    </row>
    <row r="471270" spans="8:8">
      <c r="H471270" s="12"/>
    </row>
    <row r="471271" spans="8:8">
      <c r="H471271" s="12"/>
    </row>
    <row r="471272" spans="8:8">
      <c r="H471272" s="12"/>
    </row>
    <row r="471273" spans="8:8">
      <c r="H471273" s="12"/>
    </row>
    <row r="471274" spans="8:8">
      <c r="H471274" s="12"/>
    </row>
    <row r="471275" spans="8:8">
      <c r="H471275" s="12"/>
    </row>
    <row r="471276" spans="8:8">
      <c r="H471276" s="12"/>
    </row>
    <row r="471277" spans="8:8">
      <c r="H471277" s="12"/>
    </row>
    <row r="471278" spans="8:8">
      <c r="H471278" s="12"/>
    </row>
    <row r="471279" spans="8:8">
      <c r="H471279" s="12"/>
    </row>
    <row r="471280" spans="8:8">
      <c r="H471280" s="12"/>
    </row>
    <row r="471281" spans="8:8">
      <c r="H471281" s="12"/>
    </row>
    <row r="471282" spans="8:8">
      <c r="H471282" s="12"/>
    </row>
    <row r="471283" spans="8:8">
      <c r="H471283" s="12"/>
    </row>
    <row r="471284" spans="8:8">
      <c r="H471284" s="12"/>
    </row>
    <row r="471285" spans="8:8">
      <c r="H471285" s="12"/>
    </row>
    <row r="471286" spans="8:8">
      <c r="H471286" s="12"/>
    </row>
    <row r="471287" spans="8:8">
      <c r="H471287" s="12"/>
    </row>
    <row r="471288" spans="8:8">
      <c r="H471288" s="12"/>
    </row>
    <row r="471289" spans="8:8">
      <c r="H471289" s="12"/>
    </row>
    <row r="471290" spans="8:8">
      <c r="H471290" s="12"/>
    </row>
    <row r="471291" spans="8:8">
      <c r="H471291" s="12"/>
    </row>
    <row r="471292" spans="8:8">
      <c r="H471292" s="12"/>
    </row>
    <row r="471293" spans="8:8">
      <c r="H471293" s="12"/>
    </row>
    <row r="471294" spans="8:8">
      <c r="H471294" s="12"/>
    </row>
    <row r="471295" spans="8:8">
      <c r="H471295" s="12"/>
    </row>
    <row r="471296" spans="8:8">
      <c r="H471296" s="12"/>
    </row>
    <row r="471297" spans="8:8">
      <c r="H471297" s="12"/>
    </row>
    <row r="471298" spans="8:8">
      <c r="H471298" s="12"/>
    </row>
    <row r="471299" spans="8:8">
      <c r="H471299" s="12"/>
    </row>
    <row r="471300" spans="8:8">
      <c r="H471300" s="12"/>
    </row>
    <row r="471301" spans="8:8">
      <c r="H471301" s="12"/>
    </row>
    <row r="471302" spans="8:8">
      <c r="H471302" s="12"/>
    </row>
    <row r="471303" spans="8:8">
      <c r="H471303" s="12"/>
    </row>
    <row r="471304" spans="8:8">
      <c r="H471304" s="12"/>
    </row>
    <row r="471305" spans="8:8">
      <c r="H471305" s="12"/>
    </row>
    <row r="471306" spans="8:8">
      <c r="H471306" s="12"/>
    </row>
    <row r="471307" spans="8:8">
      <c r="H471307" s="12"/>
    </row>
    <row r="471308" spans="8:8">
      <c r="H471308" s="12"/>
    </row>
    <row r="471309" spans="8:8">
      <c r="H471309" s="12"/>
    </row>
    <row r="471310" spans="8:8">
      <c r="H471310" s="12"/>
    </row>
    <row r="471311" spans="8:8">
      <c r="H471311" s="12"/>
    </row>
    <row r="471312" spans="8:8">
      <c r="H471312" s="12"/>
    </row>
    <row r="471313" spans="8:8">
      <c r="H471313" s="12"/>
    </row>
    <row r="471314" spans="8:8">
      <c r="H471314" s="12"/>
    </row>
    <row r="471315" spans="8:8">
      <c r="H471315" s="12"/>
    </row>
    <row r="471316" spans="8:8">
      <c r="H471316" s="12"/>
    </row>
    <row r="471317" spans="8:8">
      <c r="H471317" s="12"/>
    </row>
    <row r="471318" spans="8:8">
      <c r="H471318" s="12"/>
    </row>
    <row r="471319" spans="8:8">
      <c r="H471319" s="12"/>
    </row>
    <row r="471320" spans="8:8">
      <c r="H471320" s="12"/>
    </row>
    <row r="471321" spans="8:8">
      <c r="H471321" s="12"/>
    </row>
    <row r="471322" spans="8:8">
      <c r="H471322" s="12"/>
    </row>
    <row r="471323" spans="8:8">
      <c r="H471323" s="12"/>
    </row>
    <row r="471324" spans="8:8">
      <c r="H471324" s="12"/>
    </row>
    <row r="471325" spans="8:8">
      <c r="H471325" s="12"/>
    </row>
    <row r="471326" spans="8:8">
      <c r="H471326" s="12"/>
    </row>
    <row r="471327" spans="8:8">
      <c r="H471327" s="12"/>
    </row>
    <row r="471328" spans="8:8">
      <c r="H471328" s="12"/>
    </row>
    <row r="471329" spans="8:8">
      <c r="H471329" s="12"/>
    </row>
    <row r="471330" spans="8:8">
      <c r="H471330" s="12"/>
    </row>
    <row r="471331" spans="8:8">
      <c r="H471331" s="12"/>
    </row>
    <row r="471332" spans="8:8">
      <c r="H471332" s="12"/>
    </row>
    <row r="471333" spans="8:8">
      <c r="H471333" s="12"/>
    </row>
    <row r="471334" spans="8:8">
      <c r="H471334" s="12"/>
    </row>
    <row r="471335" spans="8:8">
      <c r="H471335" s="12"/>
    </row>
    <row r="471336" spans="8:8">
      <c r="H471336" s="12"/>
    </row>
    <row r="471337" spans="8:8">
      <c r="H471337" s="12"/>
    </row>
    <row r="471338" spans="8:8">
      <c r="H471338" s="12"/>
    </row>
    <row r="471339" spans="8:8">
      <c r="H471339" s="12"/>
    </row>
    <row r="471340" spans="8:8">
      <c r="H471340" s="12"/>
    </row>
    <row r="471341" spans="8:8">
      <c r="H471341" s="12"/>
    </row>
    <row r="471342" spans="8:8">
      <c r="H471342" s="12"/>
    </row>
    <row r="471343" spans="8:8">
      <c r="H471343" s="12"/>
    </row>
    <row r="471344" spans="8:8">
      <c r="H471344" s="12"/>
    </row>
    <row r="471345" spans="8:8">
      <c r="H471345" s="12"/>
    </row>
    <row r="471346" spans="8:8">
      <c r="H471346" s="12"/>
    </row>
    <row r="471347" spans="8:8">
      <c r="H471347" s="12"/>
    </row>
    <row r="471348" spans="8:8">
      <c r="H471348" s="12"/>
    </row>
    <row r="471349" spans="8:8">
      <c r="H471349" s="12"/>
    </row>
    <row r="471350" spans="8:8">
      <c r="H471350" s="12"/>
    </row>
    <row r="471351" spans="8:8">
      <c r="H471351" s="12"/>
    </row>
    <row r="471352" spans="8:8">
      <c r="H471352" s="12"/>
    </row>
    <row r="471353" spans="8:8">
      <c r="H471353" s="12"/>
    </row>
    <row r="471354" spans="8:8">
      <c r="H471354" s="12"/>
    </row>
    <row r="471355" spans="8:8">
      <c r="H471355" s="12"/>
    </row>
    <row r="471356" spans="8:8">
      <c r="H471356" s="12"/>
    </row>
    <row r="471357" spans="8:8">
      <c r="H471357" s="12"/>
    </row>
    <row r="471358" spans="8:8">
      <c r="H471358" s="12"/>
    </row>
    <row r="471359" spans="8:8">
      <c r="H471359" s="12"/>
    </row>
    <row r="471360" spans="8:8">
      <c r="H471360" s="12"/>
    </row>
    <row r="471361" spans="8:8">
      <c r="H471361" s="12"/>
    </row>
    <row r="471362" spans="8:8">
      <c r="H471362" s="12"/>
    </row>
    <row r="471363" spans="8:8">
      <c r="H471363" s="12"/>
    </row>
    <row r="471364" spans="8:8">
      <c r="H471364" s="12"/>
    </row>
    <row r="471365" spans="8:8">
      <c r="H471365" s="12"/>
    </row>
    <row r="471366" spans="8:8">
      <c r="H471366" s="12"/>
    </row>
    <row r="471367" spans="8:8">
      <c r="H471367" s="12"/>
    </row>
    <row r="471368" spans="8:8">
      <c r="H471368" s="12"/>
    </row>
    <row r="471369" spans="8:8">
      <c r="H471369" s="12"/>
    </row>
    <row r="471370" spans="8:8">
      <c r="H471370" s="12"/>
    </row>
    <row r="471371" spans="8:8">
      <c r="H471371" s="12"/>
    </row>
    <row r="471372" spans="8:8">
      <c r="H471372" s="12"/>
    </row>
    <row r="471373" spans="8:8">
      <c r="H471373" s="12"/>
    </row>
    <row r="471374" spans="8:8">
      <c r="H471374" s="12"/>
    </row>
    <row r="471375" spans="8:8">
      <c r="H471375" s="12"/>
    </row>
    <row r="471376" spans="8:8">
      <c r="H471376" s="12"/>
    </row>
    <row r="471377" spans="8:8">
      <c r="H471377" s="12"/>
    </row>
    <row r="471378" spans="8:8">
      <c r="H471378" s="12"/>
    </row>
    <row r="471379" spans="8:8">
      <c r="H471379" s="12"/>
    </row>
    <row r="471380" spans="8:8">
      <c r="H471380" s="12"/>
    </row>
    <row r="471381" spans="8:8">
      <c r="H471381" s="12"/>
    </row>
    <row r="471382" spans="8:8">
      <c r="H471382" s="12"/>
    </row>
    <row r="471383" spans="8:8">
      <c r="H471383" s="12"/>
    </row>
    <row r="471384" spans="8:8">
      <c r="H471384" s="12"/>
    </row>
    <row r="471385" spans="8:8">
      <c r="H471385" s="12"/>
    </row>
    <row r="471386" spans="8:8">
      <c r="H471386" s="12"/>
    </row>
    <row r="471387" spans="8:8">
      <c r="H471387" s="12"/>
    </row>
    <row r="471388" spans="8:8">
      <c r="H471388" s="12"/>
    </row>
    <row r="471389" spans="8:8">
      <c r="H471389" s="12"/>
    </row>
    <row r="471390" spans="8:8">
      <c r="H471390" s="12"/>
    </row>
    <row r="471391" spans="8:8">
      <c r="H471391" s="12"/>
    </row>
    <row r="471392" spans="8:8">
      <c r="H471392" s="12"/>
    </row>
    <row r="471393" spans="8:8">
      <c r="H471393" s="12"/>
    </row>
    <row r="471394" spans="8:8">
      <c r="H471394" s="12"/>
    </row>
    <row r="471395" spans="8:8">
      <c r="H471395" s="12"/>
    </row>
    <row r="471396" spans="8:8">
      <c r="H471396" s="12"/>
    </row>
    <row r="471397" spans="8:8">
      <c r="H471397" s="12"/>
    </row>
    <row r="471398" spans="8:8">
      <c r="H471398" s="12"/>
    </row>
    <row r="471399" spans="8:8">
      <c r="H471399" s="12"/>
    </row>
    <row r="471400" spans="8:8">
      <c r="H471400" s="12"/>
    </row>
    <row r="471401" spans="8:8">
      <c r="H471401" s="12"/>
    </row>
    <row r="471402" spans="8:8">
      <c r="H471402" s="12"/>
    </row>
    <row r="471403" spans="8:8">
      <c r="H471403" s="12"/>
    </row>
    <row r="471404" spans="8:8">
      <c r="H471404" s="12"/>
    </row>
    <row r="471405" spans="8:8">
      <c r="H471405" s="12"/>
    </row>
    <row r="471406" spans="8:8">
      <c r="H471406" s="12"/>
    </row>
    <row r="471407" spans="8:8">
      <c r="H471407" s="12"/>
    </row>
    <row r="471408" spans="8:8">
      <c r="H471408" s="12"/>
    </row>
    <row r="471409" spans="8:8">
      <c r="H471409" s="12"/>
    </row>
    <row r="471410" spans="8:8">
      <c r="H471410" s="12"/>
    </row>
    <row r="471411" spans="8:8">
      <c r="H471411" s="12"/>
    </row>
    <row r="471412" spans="8:8">
      <c r="H471412" s="12"/>
    </row>
    <row r="471413" spans="8:8">
      <c r="H471413" s="12"/>
    </row>
    <row r="471414" spans="8:8">
      <c r="H471414" s="12"/>
    </row>
    <row r="471415" spans="8:8">
      <c r="H471415" s="12"/>
    </row>
    <row r="471416" spans="8:8">
      <c r="H471416" s="12"/>
    </row>
    <row r="471417" spans="8:8">
      <c r="H471417" s="12"/>
    </row>
    <row r="471418" spans="8:8">
      <c r="H471418" s="12"/>
    </row>
    <row r="471419" spans="8:8">
      <c r="H471419" s="12"/>
    </row>
    <row r="471420" spans="8:8">
      <c r="H471420" s="12"/>
    </row>
    <row r="471421" spans="8:8">
      <c r="H471421" s="12"/>
    </row>
    <row r="471422" spans="8:8">
      <c r="H471422" s="12"/>
    </row>
    <row r="471423" spans="8:8">
      <c r="H471423" s="12"/>
    </row>
    <row r="471424" spans="8:8">
      <c r="H471424" s="12"/>
    </row>
    <row r="471425" spans="8:8">
      <c r="H471425" s="12"/>
    </row>
    <row r="471426" spans="8:8">
      <c r="H471426" s="12"/>
    </row>
    <row r="471427" spans="8:8">
      <c r="H471427" s="12"/>
    </row>
    <row r="471428" spans="8:8">
      <c r="H471428" s="12"/>
    </row>
    <row r="471429" spans="8:8">
      <c r="H471429" s="12"/>
    </row>
    <row r="471430" spans="8:8">
      <c r="H471430" s="12"/>
    </row>
    <row r="471431" spans="8:8">
      <c r="H471431" s="12"/>
    </row>
    <row r="471432" spans="8:8">
      <c r="H471432" s="12"/>
    </row>
    <row r="471433" spans="8:8">
      <c r="H471433" s="12"/>
    </row>
    <row r="471434" spans="8:8">
      <c r="H471434" s="12"/>
    </row>
    <row r="471435" spans="8:8">
      <c r="H471435" s="12"/>
    </row>
    <row r="471436" spans="8:8">
      <c r="H471436" s="12"/>
    </row>
    <row r="471437" spans="8:8">
      <c r="H471437" s="12"/>
    </row>
    <row r="471438" spans="8:8">
      <c r="H471438" s="12"/>
    </row>
    <row r="471439" spans="8:8">
      <c r="H471439" s="12"/>
    </row>
    <row r="471440" spans="8:8">
      <c r="H471440" s="12"/>
    </row>
    <row r="471441" spans="8:8">
      <c r="H471441" s="12"/>
    </row>
    <row r="471442" spans="8:8">
      <c r="H471442" s="12"/>
    </row>
    <row r="471443" spans="8:8">
      <c r="H471443" s="12"/>
    </row>
    <row r="471444" spans="8:8">
      <c r="H471444" s="12"/>
    </row>
    <row r="471445" spans="8:8">
      <c r="H471445" s="12"/>
    </row>
    <row r="471446" spans="8:8">
      <c r="H471446" s="12"/>
    </row>
    <row r="471447" spans="8:8">
      <c r="H471447" s="12"/>
    </row>
    <row r="471448" spans="8:8">
      <c r="H471448" s="12"/>
    </row>
    <row r="471449" spans="8:8">
      <c r="H471449" s="12"/>
    </row>
    <row r="471450" spans="8:8">
      <c r="H471450" s="12"/>
    </row>
    <row r="471451" spans="8:8">
      <c r="H471451" s="12"/>
    </row>
    <row r="471452" spans="8:8">
      <c r="H471452" s="12"/>
    </row>
    <row r="471453" spans="8:8">
      <c r="H471453" s="12"/>
    </row>
    <row r="471454" spans="8:8">
      <c r="H471454" s="12"/>
    </row>
    <row r="471455" spans="8:8">
      <c r="H471455" s="12"/>
    </row>
    <row r="471456" spans="8:8">
      <c r="H471456" s="12"/>
    </row>
    <row r="471457" spans="8:8">
      <c r="H471457" s="12"/>
    </row>
    <row r="471458" spans="8:8">
      <c r="H471458" s="12"/>
    </row>
    <row r="471459" spans="8:8">
      <c r="H471459" s="12"/>
    </row>
    <row r="471460" spans="8:8">
      <c r="H471460" s="12"/>
    </row>
    <row r="471461" spans="8:8">
      <c r="H471461" s="12"/>
    </row>
    <row r="471462" spans="8:8">
      <c r="H471462" s="12"/>
    </row>
    <row r="471463" spans="8:8">
      <c r="H471463" s="12"/>
    </row>
    <row r="471464" spans="8:8">
      <c r="H471464" s="12"/>
    </row>
    <row r="471465" spans="8:8">
      <c r="H471465" s="12"/>
    </row>
    <row r="471466" spans="8:8">
      <c r="H471466" s="12"/>
    </row>
    <row r="471467" spans="8:8">
      <c r="H471467" s="12"/>
    </row>
    <row r="471468" spans="8:8">
      <c r="H471468" s="12"/>
    </row>
    <row r="471469" spans="8:8">
      <c r="H471469" s="12"/>
    </row>
    <row r="471470" spans="8:8">
      <c r="H471470" s="12"/>
    </row>
    <row r="471471" spans="8:8">
      <c r="H471471" s="12"/>
    </row>
    <row r="471472" spans="8:8">
      <c r="H471472" s="12"/>
    </row>
    <row r="471473" spans="8:8">
      <c r="H471473" s="12"/>
    </row>
    <row r="471474" spans="8:8">
      <c r="H471474" s="12"/>
    </row>
    <row r="471475" spans="8:8">
      <c r="H471475" s="12"/>
    </row>
    <row r="471476" spans="8:8">
      <c r="H471476" s="12"/>
    </row>
    <row r="471477" spans="8:8">
      <c r="H471477" s="12"/>
    </row>
    <row r="471478" spans="8:8">
      <c r="H471478" s="12"/>
    </row>
    <row r="471479" spans="8:8">
      <c r="H471479" s="12"/>
    </row>
    <row r="471480" spans="8:8">
      <c r="H471480" s="12"/>
    </row>
    <row r="471481" spans="8:8">
      <c r="H471481" s="12"/>
    </row>
    <row r="471482" spans="8:8">
      <c r="H471482" s="12"/>
    </row>
    <row r="471483" spans="8:8">
      <c r="H471483" s="12"/>
    </row>
    <row r="471484" spans="8:8">
      <c r="H471484" s="12"/>
    </row>
    <row r="471485" spans="8:8">
      <c r="H471485" s="12"/>
    </row>
    <row r="471486" spans="8:8">
      <c r="H471486" s="12"/>
    </row>
    <row r="471487" spans="8:8">
      <c r="H471487" s="12"/>
    </row>
    <row r="471488" spans="8:8">
      <c r="H471488" s="12"/>
    </row>
    <row r="471489" spans="8:8">
      <c r="H471489" s="12"/>
    </row>
    <row r="471490" spans="8:8">
      <c r="H471490" s="12"/>
    </row>
    <row r="471491" spans="8:8">
      <c r="H471491" s="12"/>
    </row>
    <row r="471492" spans="8:8">
      <c r="H471492" s="12"/>
    </row>
    <row r="471493" spans="8:8">
      <c r="H471493" s="12"/>
    </row>
    <row r="471494" spans="8:8">
      <c r="H471494" s="12"/>
    </row>
    <row r="471495" spans="8:8">
      <c r="H471495" s="12"/>
    </row>
    <row r="471496" spans="8:8">
      <c r="H471496" s="12"/>
    </row>
    <row r="471497" spans="8:8">
      <c r="H471497" s="12"/>
    </row>
    <row r="471498" spans="8:8">
      <c r="H471498" s="12"/>
    </row>
    <row r="471499" spans="8:8">
      <c r="H471499" s="12"/>
    </row>
    <row r="471500" spans="8:8">
      <c r="H471500" s="12"/>
    </row>
    <row r="471501" spans="8:8">
      <c r="H471501" s="12"/>
    </row>
    <row r="471502" spans="8:8">
      <c r="H471502" s="12"/>
    </row>
    <row r="471503" spans="8:8">
      <c r="H471503" s="12"/>
    </row>
    <row r="471504" spans="8:8">
      <c r="H471504" s="12"/>
    </row>
    <row r="471505" spans="8:8">
      <c r="H471505" s="12"/>
    </row>
    <row r="471506" spans="8:8">
      <c r="H471506" s="12"/>
    </row>
    <row r="471507" spans="8:8">
      <c r="H471507" s="12"/>
    </row>
    <row r="471508" spans="8:8">
      <c r="H471508" s="12"/>
    </row>
    <row r="471509" spans="8:8">
      <c r="H471509" s="12"/>
    </row>
    <row r="471510" spans="8:8">
      <c r="H471510" s="12"/>
    </row>
    <row r="471511" spans="8:8">
      <c r="H471511" s="12"/>
    </row>
    <row r="471512" spans="8:8">
      <c r="H471512" s="12"/>
    </row>
    <row r="471513" spans="8:8">
      <c r="H471513" s="12"/>
    </row>
    <row r="471514" spans="8:8">
      <c r="H471514" s="12"/>
    </row>
    <row r="471515" spans="8:8">
      <c r="H471515" s="12"/>
    </row>
    <row r="471516" spans="8:8">
      <c r="H471516" s="12"/>
    </row>
    <row r="471517" spans="8:8">
      <c r="H471517" s="12"/>
    </row>
    <row r="471518" spans="8:8">
      <c r="H471518" s="12"/>
    </row>
    <row r="471519" spans="8:8">
      <c r="H471519" s="12"/>
    </row>
    <row r="471520" spans="8:8">
      <c r="H471520" s="12"/>
    </row>
    <row r="471521" spans="8:8">
      <c r="H471521" s="12"/>
    </row>
    <row r="471522" spans="8:8">
      <c r="H471522" s="12"/>
    </row>
    <row r="471523" spans="8:8">
      <c r="H471523" s="12"/>
    </row>
    <row r="471524" spans="8:8">
      <c r="H471524" s="12"/>
    </row>
    <row r="471525" spans="8:8">
      <c r="H471525" s="12"/>
    </row>
    <row r="471526" spans="8:8">
      <c r="H471526" s="12"/>
    </row>
    <row r="471527" spans="8:8">
      <c r="H471527" s="12"/>
    </row>
    <row r="471528" spans="8:8">
      <c r="H471528" s="12"/>
    </row>
    <row r="471529" spans="8:8">
      <c r="H471529" s="12"/>
    </row>
    <row r="471530" spans="8:8">
      <c r="H471530" s="12"/>
    </row>
    <row r="471531" spans="8:8">
      <c r="H471531" s="12"/>
    </row>
    <row r="471532" spans="8:8">
      <c r="H471532" s="12"/>
    </row>
    <row r="471533" spans="8:8">
      <c r="H471533" s="12"/>
    </row>
    <row r="471534" spans="8:8">
      <c r="H471534" s="12"/>
    </row>
    <row r="471535" spans="8:8">
      <c r="H471535" s="12"/>
    </row>
    <row r="471536" spans="8:8">
      <c r="H471536" s="12"/>
    </row>
    <row r="471537" spans="8:8">
      <c r="H471537" s="12"/>
    </row>
    <row r="471538" spans="8:8">
      <c r="H471538" s="12"/>
    </row>
    <row r="471539" spans="8:8">
      <c r="H471539" s="12"/>
    </row>
    <row r="471540" spans="8:8">
      <c r="H471540" s="12"/>
    </row>
    <row r="471541" spans="8:8">
      <c r="H471541" s="12"/>
    </row>
    <row r="471542" spans="8:8">
      <c r="H471542" s="12"/>
    </row>
    <row r="471543" spans="8:8">
      <c r="H471543" s="12"/>
    </row>
    <row r="471544" spans="8:8">
      <c r="H471544" s="12"/>
    </row>
    <row r="471545" spans="8:8">
      <c r="H471545" s="12"/>
    </row>
    <row r="471546" spans="8:8">
      <c r="H471546" s="12"/>
    </row>
    <row r="471547" spans="8:8">
      <c r="H471547" s="12"/>
    </row>
    <row r="471548" spans="8:8">
      <c r="H471548" s="12"/>
    </row>
    <row r="471549" spans="8:8">
      <c r="H471549" s="12"/>
    </row>
    <row r="471550" spans="8:8">
      <c r="H471550" s="12"/>
    </row>
    <row r="471551" spans="8:8">
      <c r="H471551" s="12"/>
    </row>
    <row r="471552" spans="8:8">
      <c r="H471552" s="12"/>
    </row>
    <row r="471553" spans="8:8">
      <c r="H471553" s="12"/>
    </row>
    <row r="471554" spans="8:8">
      <c r="H471554" s="12"/>
    </row>
    <row r="471555" spans="8:8">
      <c r="H471555" s="12"/>
    </row>
    <row r="471556" spans="8:8">
      <c r="H471556" s="12"/>
    </row>
    <row r="471557" spans="8:8">
      <c r="H471557" s="12"/>
    </row>
    <row r="471558" spans="8:8">
      <c r="H471558" s="12"/>
    </row>
    <row r="471559" spans="8:8">
      <c r="H471559" s="12"/>
    </row>
    <row r="471560" spans="8:8">
      <c r="H471560" s="12"/>
    </row>
    <row r="471561" spans="8:8">
      <c r="H471561" s="12"/>
    </row>
    <row r="471562" spans="8:8">
      <c r="H471562" s="12"/>
    </row>
    <row r="471563" spans="8:8">
      <c r="H471563" s="12"/>
    </row>
    <row r="471564" spans="8:8">
      <c r="H471564" s="12"/>
    </row>
    <row r="471565" spans="8:8">
      <c r="H471565" s="12"/>
    </row>
    <row r="471566" spans="8:8">
      <c r="H471566" s="12"/>
    </row>
    <row r="471567" spans="8:8">
      <c r="H471567" s="12"/>
    </row>
    <row r="471568" spans="8:8">
      <c r="H471568" s="12"/>
    </row>
    <row r="471569" spans="8:8">
      <c r="H471569" s="12"/>
    </row>
    <row r="471570" spans="8:8">
      <c r="H471570" s="12"/>
    </row>
    <row r="471571" spans="8:8">
      <c r="H471571" s="12"/>
    </row>
    <row r="471572" spans="8:8">
      <c r="H471572" s="12"/>
    </row>
    <row r="471573" spans="8:8">
      <c r="H471573" s="12"/>
    </row>
    <row r="471574" spans="8:8">
      <c r="H471574" s="12"/>
    </row>
    <row r="471575" spans="8:8">
      <c r="H471575" s="12"/>
    </row>
    <row r="471576" spans="8:8">
      <c r="H471576" s="12"/>
    </row>
    <row r="471577" spans="8:8">
      <c r="H471577" s="12"/>
    </row>
    <row r="471578" spans="8:8">
      <c r="H471578" s="12"/>
    </row>
    <row r="471579" spans="8:8">
      <c r="H471579" s="12"/>
    </row>
    <row r="471580" spans="8:8">
      <c r="H471580" s="12"/>
    </row>
    <row r="471581" spans="8:8">
      <c r="H471581" s="12"/>
    </row>
    <row r="471582" spans="8:8">
      <c r="H471582" s="12"/>
    </row>
    <row r="471583" spans="8:8">
      <c r="H471583" s="12"/>
    </row>
    <row r="471584" spans="8:8">
      <c r="H471584" s="12"/>
    </row>
    <row r="471585" spans="8:8">
      <c r="H471585" s="12"/>
    </row>
    <row r="471586" spans="8:8">
      <c r="H471586" s="12"/>
    </row>
    <row r="471587" spans="8:8">
      <c r="H471587" s="12"/>
    </row>
    <row r="471588" spans="8:8">
      <c r="H471588" s="12"/>
    </row>
    <row r="471589" spans="8:8">
      <c r="H471589" s="12"/>
    </row>
    <row r="471590" spans="8:8">
      <c r="H471590" s="12"/>
    </row>
    <row r="471591" spans="8:8">
      <c r="H471591" s="12"/>
    </row>
    <row r="471592" spans="8:8">
      <c r="H471592" s="12"/>
    </row>
    <row r="471593" spans="8:8">
      <c r="H471593" s="12"/>
    </row>
    <row r="471594" spans="8:8">
      <c r="H471594" s="12"/>
    </row>
    <row r="471595" spans="8:8">
      <c r="H471595" s="12"/>
    </row>
    <row r="471596" spans="8:8">
      <c r="H471596" s="12"/>
    </row>
    <row r="471597" spans="8:8">
      <c r="H471597" s="12"/>
    </row>
    <row r="471598" spans="8:8">
      <c r="H471598" s="12"/>
    </row>
    <row r="471599" spans="8:8">
      <c r="H471599" s="12"/>
    </row>
    <row r="471600" spans="8:8">
      <c r="H471600" s="12"/>
    </row>
    <row r="471601" spans="8:8">
      <c r="H471601" s="12"/>
    </row>
    <row r="471602" spans="8:8">
      <c r="H471602" s="12"/>
    </row>
    <row r="471603" spans="8:8">
      <c r="H471603" s="12"/>
    </row>
    <row r="471604" spans="8:8">
      <c r="H471604" s="12"/>
    </row>
    <row r="471605" spans="8:8">
      <c r="H471605" s="12"/>
    </row>
    <row r="471606" spans="8:8">
      <c r="H471606" s="12"/>
    </row>
    <row r="471607" spans="8:8">
      <c r="H471607" s="12"/>
    </row>
    <row r="471608" spans="8:8">
      <c r="H471608" s="12"/>
    </row>
    <row r="471609" spans="8:8">
      <c r="H471609" s="12"/>
    </row>
    <row r="471610" spans="8:8">
      <c r="H471610" s="12"/>
    </row>
    <row r="471611" spans="8:8">
      <c r="H471611" s="12"/>
    </row>
    <row r="471612" spans="8:8">
      <c r="H471612" s="12"/>
    </row>
    <row r="471613" spans="8:8">
      <c r="H471613" s="12"/>
    </row>
    <row r="471614" spans="8:8">
      <c r="H471614" s="12"/>
    </row>
    <row r="471615" spans="8:8">
      <c r="H471615" s="12"/>
    </row>
    <row r="471616" spans="8:8">
      <c r="H471616" s="12"/>
    </row>
    <row r="471617" spans="8:8">
      <c r="H471617" s="12"/>
    </row>
    <row r="471618" spans="8:8">
      <c r="H471618" s="12"/>
    </row>
    <row r="471619" spans="8:8">
      <c r="H471619" s="12"/>
    </row>
    <row r="471620" spans="8:8">
      <c r="H471620" s="12"/>
    </row>
    <row r="471621" spans="8:8">
      <c r="H471621" s="12"/>
    </row>
    <row r="471622" spans="8:8">
      <c r="H471622" s="12"/>
    </row>
    <row r="471623" spans="8:8">
      <c r="H471623" s="12"/>
    </row>
    <row r="471624" spans="8:8">
      <c r="H471624" s="12"/>
    </row>
    <row r="471625" spans="8:8">
      <c r="H471625" s="12"/>
    </row>
    <row r="471626" spans="8:8">
      <c r="H471626" s="12"/>
    </row>
    <row r="471627" spans="8:8">
      <c r="H471627" s="12"/>
    </row>
    <row r="471628" spans="8:8">
      <c r="H471628" s="12"/>
    </row>
    <row r="471629" spans="8:8">
      <c r="H471629" s="12"/>
    </row>
    <row r="471630" spans="8:8">
      <c r="H471630" s="12"/>
    </row>
    <row r="471631" spans="8:8">
      <c r="H471631" s="12"/>
    </row>
    <row r="471632" spans="8:8">
      <c r="H471632" s="12"/>
    </row>
    <row r="471633" spans="8:8">
      <c r="H471633" s="12"/>
    </row>
    <row r="471634" spans="8:8">
      <c r="H471634" s="12"/>
    </row>
    <row r="471635" spans="8:8">
      <c r="H471635" s="12"/>
    </row>
    <row r="471636" spans="8:8">
      <c r="H471636" s="12"/>
    </row>
    <row r="471637" spans="8:8">
      <c r="H471637" s="12"/>
    </row>
    <row r="471638" spans="8:8">
      <c r="H471638" s="12"/>
    </row>
    <row r="471639" spans="8:8">
      <c r="H471639" s="12"/>
    </row>
    <row r="471640" spans="8:8">
      <c r="H471640" s="12"/>
    </row>
    <row r="471641" spans="8:8">
      <c r="H471641" s="12"/>
    </row>
    <row r="471642" spans="8:8">
      <c r="H471642" s="12"/>
    </row>
    <row r="471643" spans="8:8">
      <c r="H471643" s="12"/>
    </row>
    <row r="471644" spans="8:8">
      <c r="H471644" s="12"/>
    </row>
    <row r="471645" spans="8:8">
      <c r="H471645" s="12"/>
    </row>
    <row r="471646" spans="8:8">
      <c r="H471646" s="12"/>
    </row>
    <row r="471647" spans="8:8">
      <c r="H471647" s="12"/>
    </row>
    <row r="471648" spans="8:8">
      <c r="H471648" s="12"/>
    </row>
    <row r="471649" spans="8:8">
      <c r="H471649" s="12"/>
    </row>
    <row r="471650" spans="8:8">
      <c r="H471650" s="12"/>
    </row>
    <row r="471651" spans="8:8">
      <c r="H471651" s="12"/>
    </row>
    <row r="471652" spans="8:8">
      <c r="H471652" s="12"/>
    </row>
    <row r="471653" spans="8:8">
      <c r="H471653" s="12"/>
    </row>
    <row r="471654" spans="8:8">
      <c r="H471654" s="12"/>
    </row>
    <row r="471655" spans="8:8">
      <c r="H471655" s="12"/>
    </row>
    <row r="471656" spans="8:8">
      <c r="H471656" s="12"/>
    </row>
    <row r="471657" spans="8:8">
      <c r="H471657" s="12"/>
    </row>
    <row r="471658" spans="8:8">
      <c r="H471658" s="12"/>
    </row>
    <row r="471659" spans="8:8">
      <c r="H471659" s="12"/>
    </row>
    <row r="471660" spans="8:8">
      <c r="H471660" s="12"/>
    </row>
    <row r="471661" spans="8:8">
      <c r="H471661" s="12"/>
    </row>
    <row r="471662" spans="8:8">
      <c r="H471662" s="12"/>
    </row>
    <row r="471663" spans="8:8">
      <c r="H471663" s="12"/>
    </row>
    <row r="471664" spans="8:8">
      <c r="H471664" s="12"/>
    </row>
    <row r="471665" spans="8:8">
      <c r="H471665" s="12"/>
    </row>
    <row r="471666" spans="8:8">
      <c r="H471666" s="12"/>
    </row>
    <row r="471667" spans="8:8">
      <c r="H471667" s="12"/>
    </row>
    <row r="471668" spans="8:8">
      <c r="H471668" s="12"/>
    </row>
    <row r="471669" spans="8:8">
      <c r="H471669" s="12"/>
    </row>
    <row r="471670" spans="8:8">
      <c r="H471670" s="12"/>
    </row>
    <row r="471671" spans="8:8">
      <c r="H471671" s="12"/>
    </row>
    <row r="471672" spans="8:8">
      <c r="H471672" s="12"/>
    </row>
    <row r="471673" spans="8:8">
      <c r="H471673" s="12"/>
    </row>
    <row r="471674" spans="8:8">
      <c r="H471674" s="12"/>
    </row>
    <row r="471675" spans="8:8">
      <c r="H471675" s="12"/>
    </row>
    <row r="471676" spans="8:8">
      <c r="H471676" s="12"/>
    </row>
    <row r="471677" spans="8:8">
      <c r="H471677" s="12"/>
    </row>
    <row r="471678" spans="8:8">
      <c r="H471678" s="12"/>
    </row>
    <row r="471679" spans="8:8">
      <c r="H471679" s="12"/>
    </row>
    <row r="471680" spans="8:8">
      <c r="H471680" s="12"/>
    </row>
    <row r="471681" spans="8:8">
      <c r="H471681" s="12"/>
    </row>
    <row r="471682" spans="8:8">
      <c r="H471682" s="12"/>
    </row>
    <row r="471683" spans="8:8">
      <c r="H471683" s="12"/>
    </row>
    <row r="471684" spans="8:8">
      <c r="H471684" s="12"/>
    </row>
    <row r="471685" spans="8:8">
      <c r="H471685" s="12"/>
    </row>
    <row r="471686" spans="8:8">
      <c r="H471686" s="12"/>
    </row>
    <row r="471687" spans="8:8">
      <c r="H471687" s="12"/>
    </row>
    <row r="471688" spans="8:8">
      <c r="H471688" s="12"/>
    </row>
    <row r="471689" spans="8:8">
      <c r="H471689" s="12"/>
    </row>
    <row r="471690" spans="8:8">
      <c r="H471690" s="12"/>
    </row>
    <row r="471691" spans="8:8">
      <c r="H471691" s="12"/>
    </row>
    <row r="471692" spans="8:8">
      <c r="H471692" s="12"/>
    </row>
    <row r="471693" spans="8:8">
      <c r="H471693" s="12"/>
    </row>
    <row r="471694" spans="8:8">
      <c r="H471694" s="12"/>
    </row>
    <row r="471695" spans="8:8">
      <c r="H471695" s="12"/>
    </row>
    <row r="471696" spans="8:8">
      <c r="H471696" s="12"/>
    </row>
    <row r="471697" spans="8:8">
      <c r="H471697" s="12"/>
    </row>
    <row r="471698" spans="8:8">
      <c r="H471698" s="12"/>
    </row>
    <row r="471699" spans="8:8">
      <c r="H471699" s="12"/>
    </row>
    <row r="471700" spans="8:8">
      <c r="H471700" s="12"/>
    </row>
    <row r="471701" spans="8:8">
      <c r="H471701" s="12"/>
    </row>
    <row r="471702" spans="8:8">
      <c r="H471702" s="12"/>
    </row>
    <row r="471703" spans="8:8">
      <c r="H471703" s="12"/>
    </row>
    <row r="471704" spans="8:8">
      <c r="H471704" s="12"/>
    </row>
    <row r="471705" spans="8:8">
      <c r="H471705" s="12"/>
    </row>
    <row r="471706" spans="8:8">
      <c r="H471706" s="12"/>
    </row>
    <row r="471707" spans="8:8">
      <c r="H471707" s="12"/>
    </row>
    <row r="471708" spans="8:8">
      <c r="H471708" s="12"/>
    </row>
    <row r="471709" spans="8:8">
      <c r="H471709" s="12"/>
    </row>
    <row r="471710" spans="8:8">
      <c r="H471710" s="12"/>
    </row>
    <row r="471711" spans="8:8">
      <c r="H471711" s="12"/>
    </row>
    <row r="471712" spans="8:8">
      <c r="H471712" s="12"/>
    </row>
    <row r="471713" spans="8:8">
      <c r="H471713" s="12"/>
    </row>
    <row r="471714" spans="8:8">
      <c r="H471714" s="12"/>
    </row>
    <row r="471715" spans="8:8">
      <c r="H471715" s="12"/>
    </row>
    <row r="471716" spans="8:8">
      <c r="H471716" s="12"/>
    </row>
    <row r="471717" spans="8:8">
      <c r="H471717" s="12"/>
    </row>
    <row r="471718" spans="8:8">
      <c r="H471718" s="12"/>
    </row>
    <row r="471719" spans="8:8">
      <c r="H471719" s="12"/>
    </row>
    <row r="471720" spans="8:8">
      <c r="H471720" s="12"/>
    </row>
    <row r="471721" spans="8:8">
      <c r="H471721" s="12"/>
    </row>
    <row r="471722" spans="8:8">
      <c r="H471722" s="12"/>
    </row>
    <row r="471723" spans="8:8">
      <c r="H471723" s="12"/>
    </row>
    <row r="471724" spans="8:8">
      <c r="H471724" s="12"/>
    </row>
    <row r="471725" spans="8:8">
      <c r="H471725" s="12"/>
    </row>
    <row r="471726" spans="8:8">
      <c r="H471726" s="12"/>
    </row>
    <row r="471727" spans="8:8">
      <c r="H471727" s="12"/>
    </row>
    <row r="471728" spans="8:8">
      <c r="H471728" s="12"/>
    </row>
    <row r="471729" spans="8:8">
      <c r="H471729" s="12"/>
    </row>
    <row r="471730" spans="8:8">
      <c r="H471730" s="12"/>
    </row>
    <row r="471731" spans="8:8">
      <c r="H471731" s="12"/>
    </row>
    <row r="471732" spans="8:8">
      <c r="H471732" s="12"/>
    </row>
    <row r="471733" spans="8:8">
      <c r="H471733" s="12"/>
    </row>
    <row r="471734" spans="8:8">
      <c r="H471734" s="12"/>
    </row>
    <row r="471735" spans="8:8">
      <c r="H471735" s="12"/>
    </row>
    <row r="471736" spans="8:8">
      <c r="H471736" s="12"/>
    </row>
    <row r="471737" spans="8:8">
      <c r="H471737" s="12"/>
    </row>
    <row r="471738" spans="8:8">
      <c r="H471738" s="12"/>
    </row>
    <row r="471739" spans="8:8">
      <c r="H471739" s="12"/>
    </row>
    <row r="471740" spans="8:8">
      <c r="H471740" s="12"/>
    </row>
    <row r="471741" spans="8:8">
      <c r="H471741" s="12"/>
    </row>
    <row r="471742" spans="8:8">
      <c r="H471742" s="12"/>
    </row>
    <row r="471743" spans="8:8">
      <c r="H471743" s="12"/>
    </row>
    <row r="471744" spans="8:8">
      <c r="H471744" s="12"/>
    </row>
    <row r="471745" spans="8:8">
      <c r="H471745" s="12"/>
    </row>
    <row r="471746" spans="8:8">
      <c r="H471746" s="12"/>
    </row>
    <row r="471747" spans="8:8">
      <c r="H471747" s="12"/>
    </row>
    <row r="471748" spans="8:8">
      <c r="H471748" s="12"/>
    </row>
    <row r="471749" spans="8:8">
      <c r="H471749" s="12"/>
    </row>
    <row r="471750" spans="8:8">
      <c r="H471750" s="12"/>
    </row>
    <row r="471751" spans="8:8">
      <c r="H471751" s="12"/>
    </row>
    <row r="471752" spans="8:8">
      <c r="H471752" s="12"/>
    </row>
    <row r="471753" spans="8:8">
      <c r="H471753" s="12"/>
    </row>
    <row r="471754" spans="8:8">
      <c r="H471754" s="12"/>
    </row>
    <row r="471755" spans="8:8">
      <c r="H471755" s="12"/>
    </row>
    <row r="471756" spans="8:8">
      <c r="H471756" s="12"/>
    </row>
    <row r="471757" spans="8:8">
      <c r="H471757" s="12"/>
    </row>
    <row r="471758" spans="8:8">
      <c r="H471758" s="12"/>
    </row>
    <row r="471759" spans="8:8">
      <c r="H471759" s="12"/>
    </row>
    <row r="471760" spans="8:8">
      <c r="H471760" s="12"/>
    </row>
    <row r="471761" spans="8:8">
      <c r="H471761" s="12"/>
    </row>
    <row r="471762" spans="8:8">
      <c r="H471762" s="12"/>
    </row>
    <row r="471763" spans="8:8">
      <c r="H471763" s="12"/>
    </row>
    <row r="471764" spans="8:8">
      <c r="H471764" s="12"/>
    </row>
    <row r="471765" spans="8:8">
      <c r="H471765" s="12"/>
    </row>
    <row r="471766" spans="8:8">
      <c r="H471766" s="12"/>
    </row>
    <row r="471767" spans="8:8">
      <c r="H471767" s="12"/>
    </row>
    <row r="471768" spans="8:8">
      <c r="H471768" s="12"/>
    </row>
    <row r="471769" spans="8:8">
      <c r="H471769" s="12"/>
    </row>
    <row r="471770" spans="8:8">
      <c r="H471770" s="12"/>
    </row>
    <row r="471771" spans="8:8">
      <c r="H471771" s="12"/>
    </row>
    <row r="471772" spans="8:8">
      <c r="H471772" s="12"/>
    </row>
    <row r="471773" spans="8:8">
      <c r="H471773" s="12"/>
    </row>
    <row r="471774" spans="8:8">
      <c r="H471774" s="12"/>
    </row>
    <row r="471775" spans="8:8">
      <c r="H471775" s="12"/>
    </row>
    <row r="471776" spans="8:8">
      <c r="H471776" s="12"/>
    </row>
    <row r="471777" spans="8:8">
      <c r="H471777" s="12"/>
    </row>
    <row r="471778" spans="8:8">
      <c r="H471778" s="12"/>
    </row>
    <row r="471779" spans="8:8">
      <c r="H471779" s="12"/>
    </row>
    <row r="471780" spans="8:8">
      <c r="H471780" s="12"/>
    </row>
    <row r="471781" spans="8:8">
      <c r="H471781" s="12"/>
    </row>
    <row r="471782" spans="8:8">
      <c r="H471782" s="12"/>
    </row>
    <row r="471783" spans="8:8">
      <c r="H471783" s="12"/>
    </row>
    <row r="471784" spans="8:8">
      <c r="H471784" s="12"/>
    </row>
    <row r="471785" spans="8:8">
      <c r="H471785" s="12"/>
    </row>
    <row r="471786" spans="8:8">
      <c r="H471786" s="12"/>
    </row>
    <row r="471787" spans="8:8">
      <c r="H471787" s="12"/>
    </row>
    <row r="471788" spans="8:8">
      <c r="H471788" s="12"/>
    </row>
    <row r="471789" spans="8:8">
      <c r="H471789" s="12"/>
    </row>
    <row r="471790" spans="8:8">
      <c r="H471790" s="12"/>
    </row>
    <row r="471791" spans="8:8">
      <c r="H471791" s="12"/>
    </row>
    <row r="471792" spans="8:8">
      <c r="H471792" s="12"/>
    </row>
    <row r="471793" spans="8:8">
      <c r="H471793" s="12"/>
    </row>
    <row r="471794" spans="8:8">
      <c r="H471794" s="12"/>
    </row>
    <row r="471795" spans="8:8">
      <c r="H471795" s="12"/>
    </row>
    <row r="471796" spans="8:8">
      <c r="H471796" s="12"/>
    </row>
    <row r="471797" spans="8:8">
      <c r="H471797" s="12"/>
    </row>
    <row r="471798" spans="8:8">
      <c r="H471798" s="12"/>
    </row>
    <row r="471799" spans="8:8">
      <c r="H471799" s="12"/>
    </row>
    <row r="471800" spans="8:8">
      <c r="H471800" s="12"/>
    </row>
    <row r="471801" spans="8:8">
      <c r="H471801" s="12"/>
    </row>
    <row r="471802" spans="8:8">
      <c r="H471802" s="12"/>
    </row>
    <row r="471803" spans="8:8">
      <c r="H471803" s="12"/>
    </row>
    <row r="471804" spans="8:8">
      <c r="H471804" s="12"/>
    </row>
    <row r="471805" spans="8:8">
      <c r="H471805" s="12"/>
    </row>
    <row r="471806" spans="8:8">
      <c r="H471806" s="12"/>
    </row>
    <row r="471807" spans="8:8">
      <c r="H471807" s="12"/>
    </row>
    <row r="471808" spans="8:8">
      <c r="H471808" s="12"/>
    </row>
    <row r="471809" spans="8:8">
      <c r="H471809" s="12"/>
    </row>
    <row r="471810" spans="8:8">
      <c r="H471810" s="12"/>
    </row>
    <row r="471811" spans="8:8">
      <c r="H471811" s="12"/>
    </row>
    <row r="471812" spans="8:8">
      <c r="H471812" s="12"/>
    </row>
    <row r="471813" spans="8:8">
      <c r="H471813" s="12"/>
    </row>
    <row r="471814" spans="8:8">
      <c r="H471814" s="12"/>
    </row>
    <row r="471815" spans="8:8">
      <c r="H471815" s="12"/>
    </row>
    <row r="471816" spans="8:8">
      <c r="H471816" s="12"/>
    </row>
    <row r="471817" spans="8:8">
      <c r="H471817" s="12"/>
    </row>
    <row r="471818" spans="8:8">
      <c r="H471818" s="12"/>
    </row>
    <row r="471819" spans="8:8">
      <c r="H471819" s="12"/>
    </row>
    <row r="471820" spans="8:8">
      <c r="H471820" s="12"/>
    </row>
    <row r="471821" spans="8:8">
      <c r="H471821" s="12"/>
    </row>
    <row r="471822" spans="8:8">
      <c r="H471822" s="12"/>
    </row>
    <row r="471823" spans="8:8">
      <c r="H471823" s="12"/>
    </row>
    <row r="471824" spans="8:8">
      <c r="H471824" s="12"/>
    </row>
    <row r="471825" spans="8:8">
      <c r="H471825" s="12"/>
    </row>
    <row r="471826" spans="8:8">
      <c r="H471826" s="12"/>
    </row>
    <row r="471827" spans="8:8">
      <c r="H471827" s="12"/>
    </row>
    <row r="471828" spans="8:8">
      <c r="H471828" s="12"/>
    </row>
    <row r="471829" spans="8:8">
      <c r="H471829" s="12"/>
    </row>
    <row r="471830" spans="8:8">
      <c r="H471830" s="12"/>
    </row>
    <row r="471831" spans="8:8">
      <c r="H471831" s="12"/>
    </row>
    <row r="471832" spans="8:8">
      <c r="H471832" s="12"/>
    </row>
    <row r="471833" spans="8:8">
      <c r="H471833" s="12"/>
    </row>
    <row r="471834" spans="8:8">
      <c r="H471834" s="12"/>
    </row>
    <row r="471835" spans="8:8">
      <c r="H471835" s="12"/>
    </row>
    <row r="471836" spans="8:8">
      <c r="H471836" s="12"/>
    </row>
    <row r="471837" spans="8:8">
      <c r="H471837" s="12"/>
    </row>
    <row r="471838" spans="8:8">
      <c r="H471838" s="12"/>
    </row>
    <row r="471839" spans="8:8">
      <c r="H471839" s="12"/>
    </row>
    <row r="471840" spans="8:8">
      <c r="H471840" s="12"/>
    </row>
    <row r="471841" spans="8:8">
      <c r="H471841" s="12"/>
    </row>
    <row r="471842" spans="8:8">
      <c r="H471842" s="12"/>
    </row>
    <row r="471843" spans="8:8">
      <c r="H471843" s="12"/>
    </row>
    <row r="471844" spans="8:8">
      <c r="H471844" s="12"/>
    </row>
    <row r="471845" spans="8:8">
      <c r="H471845" s="12"/>
    </row>
    <row r="471846" spans="8:8">
      <c r="H471846" s="12"/>
    </row>
    <row r="471847" spans="8:8">
      <c r="H471847" s="12"/>
    </row>
    <row r="471848" spans="8:8">
      <c r="H471848" s="12"/>
    </row>
    <row r="471849" spans="8:8">
      <c r="H471849" s="12"/>
    </row>
    <row r="471850" spans="8:8">
      <c r="H471850" s="12"/>
    </row>
    <row r="471851" spans="8:8">
      <c r="H471851" s="12"/>
    </row>
    <row r="471852" spans="8:8">
      <c r="H471852" s="12"/>
    </row>
    <row r="471853" spans="8:8">
      <c r="H471853" s="12"/>
    </row>
    <row r="471854" spans="8:8">
      <c r="H471854" s="12"/>
    </row>
    <row r="471855" spans="8:8">
      <c r="H471855" s="12"/>
    </row>
    <row r="471856" spans="8:8">
      <c r="H471856" s="12"/>
    </row>
    <row r="471857" spans="8:8">
      <c r="H471857" s="12"/>
    </row>
    <row r="471858" spans="8:8">
      <c r="H471858" s="12"/>
    </row>
    <row r="471859" spans="8:8">
      <c r="H471859" s="12"/>
    </row>
    <row r="471860" spans="8:8">
      <c r="H471860" s="12"/>
    </row>
    <row r="471861" spans="8:8">
      <c r="H471861" s="12"/>
    </row>
    <row r="471862" spans="8:8">
      <c r="H471862" s="12"/>
    </row>
    <row r="471863" spans="8:8">
      <c r="H471863" s="12"/>
    </row>
    <row r="471864" spans="8:8">
      <c r="H471864" s="12"/>
    </row>
    <row r="471865" spans="8:8">
      <c r="H471865" s="12"/>
    </row>
    <row r="471866" spans="8:8">
      <c r="H471866" s="12"/>
    </row>
    <row r="471867" spans="8:8">
      <c r="H471867" s="12"/>
    </row>
    <row r="471868" spans="8:8">
      <c r="H471868" s="12"/>
    </row>
    <row r="471869" spans="8:8">
      <c r="H471869" s="12"/>
    </row>
    <row r="471870" spans="8:8">
      <c r="H471870" s="12"/>
    </row>
    <row r="471871" spans="8:8">
      <c r="H471871" s="12"/>
    </row>
    <row r="471872" spans="8:8">
      <c r="H471872" s="12"/>
    </row>
    <row r="471873" spans="8:8">
      <c r="H471873" s="12"/>
    </row>
    <row r="471874" spans="8:8">
      <c r="H471874" s="12"/>
    </row>
    <row r="471875" spans="8:8">
      <c r="H471875" s="12"/>
    </row>
    <row r="471876" spans="8:8">
      <c r="H471876" s="12"/>
    </row>
    <row r="471877" spans="8:8">
      <c r="H471877" s="12"/>
    </row>
    <row r="471878" spans="8:8">
      <c r="H471878" s="12"/>
    </row>
    <row r="471879" spans="8:8">
      <c r="H471879" s="12"/>
    </row>
    <row r="471880" spans="8:8">
      <c r="H471880" s="12"/>
    </row>
    <row r="471881" spans="8:8">
      <c r="H471881" s="12"/>
    </row>
    <row r="471882" spans="8:8">
      <c r="H471882" s="12"/>
    </row>
    <row r="471883" spans="8:8">
      <c r="H471883" s="12"/>
    </row>
    <row r="471884" spans="8:8">
      <c r="H471884" s="12"/>
    </row>
    <row r="471885" spans="8:8">
      <c r="H471885" s="12"/>
    </row>
    <row r="471886" spans="8:8">
      <c r="H471886" s="12"/>
    </row>
    <row r="471887" spans="8:8">
      <c r="H471887" s="12"/>
    </row>
    <row r="471888" spans="8:8">
      <c r="H471888" s="12"/>
    </row>
    <row r="471889" spans="8:8">
      <c r="H471889" s="12"/>
    </row>
    <row r="471890" spans="8:8">
      <c r="H471890" s="12"/>
    </row>
    <row r="471891" spans="8:8">
      <c r="H471891" s="12"/>
    </row>
    <row r="471892" spans="8:8">
      <c r="H471892" s="12"/>
    </row>
    <row r="471893" spans="8:8">
      <c r="H471893" s="12"/>
    </row>
    <row r="471894" spans="8:8">
      <c r="H471894" s="12"/>
    </row>
    <row r="471895" spans="8:8">
      <c r="H471895" s="12"/>
    </row>
    <row r="471896" spans="8:8">
      <c r="H471896" s="12"/>
    </row>
    <row r="471897" spans="8:8">
      <c r="H471897" s="12"/>
    </row>
    <row r="471898" spans="8:8">
      <c r="H471898" s="12"/>
    </row>
    <row r="471899" spans="8:8">
      <c r="H471899" s="12"/>
    </row>
    <row r="471900" spans="8:8">
      <c r="H471900" s="12"/>
    </row>
    <row r="471901" spans="8:8">
      <c r="H471901" s="12"/>
    </row>
    <row r="471902" spans="8:8">
      <c r="H471902" s="12"/>
    </row>
    <row r="471903" spans="8:8">
      <c r="H471903" s="12"/>
    </row>
    <row r="471904" spans="8:8">
      <c r="H471904" s="12"/>
    </row>
    <row r="471905" spans="8:8">
      <c r="H471905" s="12"/>
    </row>
    <row r="471906" spans="8:8">
      <c r="H471906" s="12"/>
    </row>
    <row r="471907" spans="8:8">
      <c r="H471907" s="12"/>
    </row>
    <row r="471908" spans="8:8">
      <c r="H471908" s="12"/>
    </row>
    <row r="471909" spans="8:8">
      <c r="H471909" s="12"/>
    </row>
    <row r="471910" spans="8:8">
      <c r="H471910" s="12"/>
    </row>
    <row r="471911" spans="8:8">
      <c r="H471911" s="12"/>
    </row>
    <row r="471912" spans="8:8">
      <c r="H471912" s="12"/>
    </row>
    <row r="471913" spans="8:8">
      <c r="H471913" s="12"/>
    </row>
    <row r="471914" spans="8:8">
      <c r="H471914" s="12"/>
    </row>
    <row r="471915" spans="8:8">
      <c r="H471915" s="12"/>
    </row>
    <row r="471916" spans="8:8">
      <c r="H471916" s="12"/>
    </row>
    <row r="471917" spans="8:8">
      <c r="H471917" s="12"/>
    </row>
    <row r="471918" spans="8:8">
      <c r="H471918" s="12"/>
    </row>
    <row r="471919" spans="8:8">
      <c r="H471919" s="12"/>
    </row>
    <row r="471920" spans="8:8">
      <c r="H471920" s="12"/>
    </row>
    <row r="471921" spans="8:8">
      <c r="H471921" s="12"/>
    </row>
    <row r="471922" spans="8:8">
      <c r="H471922" s="12"/>
    </row>
    <row r="471923" spans="8:8">
      <c r="H471923" s="12"/>
    </row>
    <row r="471924" spans="8:8">
      <c r="H471924" s="12"/>
    </row>
    <row r="471925" spans="8:8">
      <c r="H471925" s="12"/>
    </row>
    <row r="471926" spans="8:8">
      <c r="H471926" s="12"/>
    </row>
    <row r="471927" spans="8:8">
      <c r="H471927" s="12"/>
    </row>
    <row r="471928" spans="8:8">
      <c r="H471928" s="12"/>
    </row>
    <row r="471929" spans="8:8">
      <c r="H471929" s="12"/>
    </row>
    <row r="471930" spans="8:8">
      <c r="H471930" s="12"/>
    </row>
    <row r="471931" spans="8:8">
      <c r="H471931" s="12"/>
    </row>
    <row r="471932" spans="8:8">
      <c r="H471932" s="12"/>
    </row>
    <row r="471933" spans="8:8">
      <c r="H471933" s="12"/>
    </row>
    <row r="471934" spans="8:8">
      <c r="H471934" s="12"/>
    </row>
    <row r="471935" spans="8:8">
      <c r="H471935" s="12"/>
    </row>
    <row r="471936" spans="8:8">
      <c r="H471936" s="12"/>
    </row>
    <row r="471937" spans="8:8">
      <c r="H471937" s="12"/>
    </row>
    <row r="471938" spans="8:8">
      <c r="H471938" s="12"/>
    </row>
    <row r="471939" spans="8:8">
      <c r="H471939" s="12"/>
    </row>
    <row r="471940" spans="8:8">
      <c r="H471940" s="12"/>
    </row>
    <row r="471941" spans="8:8">
      <c r="H471941" s="12"/>
    </row>
    <row r="471942" spans="8:8">
      <c r="H471942" s="12"/>
    </row>
    <row r="471943" spans="8:8">
      <c r="H471943" s="12"/>
    </row>
    <row r="471944" spans="8:8">
      <c r="H471944" s="12"/>
    </row>
    <row r="471945" spans="8:8">
      <c r="H471945" s="12"/>
    </row>
    <row r="471946" spans="8:8">
      <c r="H471946" s="12"/>
    </row>
    <row r="471947" spans="8:8">
      <c r="H471947" s="12"/>
    </row>
    <row r="471948" spans="8:8">
      <c r="H471948" s="12"/>
    </row>
    <row r="471949" spans="8:8">
      <c r="H471949" s="12"/>
    </row>
    <row r="471950" spans="8:8">
      <c r="H471950" s="12"/>
    </row>
    <row r="471951" spans="8:8">
      <c r="H471951" s="12"/>
    </row>
    <row r="471952" spans="8:8">
      <c r="H471952" s="12"/>
    </row>
    <row r="471953" spans="8:8">
      <c r="H471953" s="12"/>
    </row>
    <row r="471954" spans="8:8">
      <c r="H471954" s="12"/>
    </row>
    <row r="471955" spans="8:8">
      <c r="H471955" s="12"/>
    </row>
    <row r="471956" spans="8:8">
      <c r="H471956" s="12"/>
    </row>
    <row r="471957" spans="8:8">
      <c r="H471957" s="12"/>
    </row>
    <row r="471958" spans="8:8">
      <c r="H471958" s="12"/>
    </row>
    <row r="471959" spans="8:8">
      <c r="H471959" s="12"/>
    </row>
    <row r="471960" spans="8:8">
      <c r="H471960" s="12"/>
    </row>
    <row r="471961" spans="8:8">
      <c r="H471961" s="12"/>
    </row>
    <row r="471962" spans="8:8">
      <c r="H471962" s="12"/>
    </row>
    <row r="471963" spans="8:8">
      <c r="H471963" s="12"/>
    </row>
    <row r="471964" spans="8:8">
      <c r="H471964" s="12"/>
    </row>
    <row r="471965" spans="8:8">
      <c r="H471965" s="12"/>
    </row>
    <row r="471966" spans="8:8">
      <c r="H471966" s="12"/>
    </row>
    <row r="471967" spans="8:8">
      <c r="H471967" s="12"/>
    </row>
    <row r="471968" spans="8:8">
      <c r="H471968" s="12"/>
    </row>
    <row r="471969" spans="8:8">
      <c r="H471969" s="12"/>
    </row>
    <row r="471970" spans="8:8">
      <c r="H471970" s="12"/>
    </row>
    <row r="471971" spans="8:8">
      <c r="H471971" s="12"/>
    </row>
    <row r="471972" spans="8:8">
      <c r="H471972" s="12"/>
    </row>
    <row r="471973" spans="8:8">
      <c r="H471973" s="12"/>
    </row>
    <row r="471974" spans="8:8">
      <c r="H471974" s="12"/>
    </row>
    <row r="471975" spans="8:8">
      <c r="H471975" s="12"/>
    </row>
    <row r="471976" spans="8:8">
      <c r="H471976" s="12"/>
    </row>
    <row r="471977" spans="8:8">
      <c r="H471977" s="12"/>
    </row>
    <row r="471978" spans="8:8">
      <c r="H471978" s="12"/>
    </row>
    <row r="471979" spans="8:8">
      <c r="H471979" s="12"/>
    </row>
    <row r="471980" spans="8:8">
      <c r="H471980" s="12"/>
    </row>
    <row r="471981" spans="8:8">
      <c r="H471981" s="12"/>
    </row>
    <row r="471982" spans="8:8">
      <c r="H471982" s="12"/>
    </row>
    <row r="471983" spans="8:8">
      <c r="H471983" s="12"/>
    </row>
    <row r="471984" spans="8:8">
      <c r="H471984" s="12"/>
    </row>
    <row r="471985" spans="8:8">
      <c r="H471985" s="12"/>
    </row>
    <row r="471986" spans="8:8">
      <c r="H471986" s="12"/>
    </row>
    <row r="471987" spans="8:8">
      <c r="H471987" s="12"/>
    </row>
    <row r="471988" spans="8:8">
      <c r="H471988" s="12"/>
    </row>
    <row r="471989" spans="8:8">
      <c r="H471989" s="12"/>
    </row>
    <row r="471990" spans="8:8">
      <c r="H471990" s="12"/>
    </row>
    <row r="471991" spans="8:8">
      <c r="H471991" s="12"/>
    </row>
    <row r="471992" spans="8:8">
      <c r="H471992" s="12"/>
    </row>
    <row r="471993" spans="8:8">
      <c r="H471993" s="12"/>
    </row>
    <row r="471994" spans="8:8">
      <c r="H471994" s="12"/>
    </row>
    <row r="471995" spans="8:8">
      <c r="H471995" s="12"/>
    </row>
    <row r="471996" spans="8:8">
      <c r="H471996" s="12"/>
    </row>
    <row r="471997" spans="8:8">
      <c r="H471997" s="12"/>
    </row>
    <row r="471998" spans="8:8">
      <c r="H471998" s="12"/>
    </row>
    <row r="471999" spans="8:8">
      <c r="H471999" s="12"/>
    </row>
    <row r="472000" spans="8:8">
      <c r="H472000" s="12"/>
    </row>
    <row r="472001" spans="8:8">
      <c r="H472001" s="12"/>
    </row>
    <row r="472002" spans="8:8">
      <c r="H472002" s="12"/>
    </row>
    <row r="472003" spans="8:8">
      <c r="H472003" s="12"/>
    </row>
    <row r="472004" spans="8:8">
      <c r="H472004" s="12"/>
    </row>
    <row r="472005" spans="8:8">
      <c r="H472005" s="12"/>
    </row>
    <row r="472006" spans="8:8">
      <c r="H472006" s="12"/>
    </row>
    <row r="472007" spans="8:8">
      <c r="H472007" s="12"/>
    </row>
    <row r="472008" spans="8:8">
      <c r="H472008" s="12"/>
    </row>
    <row r="472009" spans="8:8">
      <c r="H472009" s="12"/>
    </row>
    <row r="472010" spans="8:8">
      <c r="H472010" s="12"/>
    </row>
    <row r="472011" spans="8:8">
      <c r="H472011" s="12"/>
    </row>
    <row r="472012" spans="8:8">
      <c r="H472012" s="12"/>
    </row>
    <row r="472013" spans="8:8">
      <c r="H472013" s="12"/>
    </row>
    <row r="472014" spans="8:8">
      <c r="H472014" s="12"/>
    </row>
    <row r="472015" spans="8:8">
      <c r="H472015" s="12"/>
    </row>
    <row r="472016" spans="8:8">
      <c r="H472016" s="12"/>
    </row>
    <row r="472017" spans="8:8">
      <c r="H472017" s="12"/>
    </row>
    <row r="472018" spans="8:8">
      <c r="H472018" s="12"/>
    </row>
    <row r="472019" spans="8:8">
      <c r="H472019" s="12"/>
    </row>
    <row r="472020" spans="8:8">
      <c r="H472020" s="12"/>
    </row>
    <row r="472021" spans="8:8">
      <c r="H472021" s="12"/>
    </row>
    <row r="472022" spans="8:8">
      <c r="H472022" s="12"/>
    </row>
    <row r="472023" spans="8:8">
      <c r="H472023" s="12"/>
    </row>
    <row r="472024" spans="8:8">
      <c r="H472024" s="12"/>
    </row>
    <row r="472025" spans="8:8">
      <c r="H472025" s="12"/>
    </row>
    <row r="472026" spans="8:8">
      <c r="H472026" s="12"/>
    </row>
    <row r="472027" spans="8:8">
      <c r="H472027" s="12"/>
    </row>
    <row r="472028" spans="8:8">
      <c r="H472028" s="12"/>
    </row>
    <row r="472029" spans="8:8">
      <c r="H472029" s="12"/>
    </row>
    <row r="472030" spans="8:8">
      <c r="H472030" s="12"/>
    </row>
    <row r="472031" spans="8:8">
      <c r="H472031" s="12"/>
    </row>
    <row r="472032" spans="8:8">
      <c r="H472032" s="12"/>
    </row>
    <row r="472033" spans="8:8">
      <c r="H472033" s="12"/>
    </row>
    <row r="472034" spans="8:8">
      <c r="H472034" s="12"/>
    </row>
    <row r="472035" spans="8:8">
      <c r="H472035" s="12"/>
    </row>
    <row r="472036" spans="8:8">
      <c r="H472036" s="12"/>
    </row>
    <row r="472037" spans="8:8">
      <c r="H472037" s="12"/>
    </row>
    <row r="472038" spans="8:8">
      <c r="H472038" s="12"/>
    </row>
    <row r="472039" spans="8:8">
      <c r="H472039" s="12"/>
    </row>
    <row r="472040" spans="8:8">
      <c r="H472040" s="12"/>
    </row>
    <row r="472041" spans="8:8">
      <c r="H472041" s="12"/>
    </row>
    <row r="472042" spans="8:8">
      <c r="H472042" s="12"/>
    </row>
    <row r="472043" spans="8:8">
      <c r="H472043" s="12"/>
    </row>
    <row r="472044" spans="8:8">
      <c r="H472044" s="12"/>
    </row>
    <row r="472045" spans="8:8">
      <c r="H472045" s="12"/>
    </row>
    <row r="472046" spans="8:8">
      <c r="H472046" s="12"/>
    </row>
    <row r="472047" spans="8:8">
      <c r="H472047" s="12"/>
    </row>
    <row r="472048" spans="8:8">
      <c r="H472048" s="12"/>
    </row>
    <row r="472049" spans="8:8">
      <c r="H472049" s="12"/>
    </row>
    <row r="472050" spans="8:8">
      <c r="H472050" s="12"/>
    </row>
    <row r="472051" spans="8:8">
      <c r="H472051" s="12"/>
    </row>
    <row r="472052" spans="8:8">
      <c r="H472052" s="12"/>
    </row>
    <row r="472053" spans="8:8">
      <c r="H472053" s="12"/>
    </row>
    <row r="472054" spans="8:8">
      <c r="H472054" s="12"/>
    </row>
    <row r="472055" spans="8:8">
      <c r="H472055" s="12"/>
    </row>
    <row r="472056" spans="8:8">
      <c r="H472056" s="12"/>
    </row>
    <row r="472057" spans="8:8">
      <c r="H472057" s="12"/>
    </row>
    <row r="472058" spans="8:8">
      <c r="H472058" s="12"/>
    </row>
    <row r="472059" spans="8:8">
      <c r="H472059" s="12"/>
    </row>
    <row r="472060" spans="8:8">
      <c r="H472060" s="12"/>
    </row>
    <row r="472061" spans="8:8">
      <c r="H472061" s="12"/>
    </row>
    <row r="472062" spans="8:8">
      <c r="H472062" s="12"/>
    </row>
    <row r="472063" spans="8:8">
      <c r="H472063" s="12"/>
    </row>
    <row r="472064" spans="8:8">
      <c r="H472064" s="12"/>
    </row>
    <row r="472065" spans="8:8">
      <c r="H472065" s="12"/>
    </row>
    <row r="472066" spans="8:8">
      <c r="H472066" s="12"/>
    </row>
    <row r="472067" spans="8:8">
      <c r="H472067" s="12"/>
    </row>
    <row r="472068" spans="8:8">
      <c r="H472068" s="12"/>
    </row>
    <row r="472069" spans="8:8">
      <c r="H472069" s="12"/>
    </row>
    <row r="472070" spans="8:8">
      <c r="H472070" s="12"/>
    </row>
    <row r="472071" spans="8:8">
      <c r="H472071" s="12"/>
    </row>
    <row r="472072" spans="8:8">
      <c r="H472072" s="12"/>
    </row>
    <row r="472073" spans="8:8">
      <c r="H472073" s="12"/>
    </row>
    <row r="472074" spans="8:8">
      <c r="H472074" s="12"/>
    </row>
    <row r="472075" spans="8:8">
      <c r="H472075" s="12"/>
    </row>
    <row r="472076" spans="8:8">
      <c r="H472076" s="12"/>
    </row>
    <row r="472077" spans="8:8">
      <c r="H472077" s="12"/>
    </row>
    <row r="472078" spans="8:8">
      <c r="H472078" s="12"/>
    </row>
    <row r="472079" spans="8:8">
      <c r="H472079" s="12"/>
    </row>
    <row r="472080" spans="8:8">
      <c r="H472080" s="12"/>
    </row>
    <row r="472081" spans="8:8">
      <c r="H472081" s="12"/>
    </row>
    <row r="472082" spans="8:8">
      <c r="H472082" s="12"/>
    </row>
    <row r="472083" spans="8:8">
      <c r="H472083" s="12"/>
    </row>
    <row r="472084" spans="8:8">
      <c r="H472084" s="12"/>
    </row>
    <row r="472085" spans="8:8">
      <c r="H472085" s="12"/>
    </row>
    <row r="472086" spans="8:8">
      <c r="H472086" s="12"/>
    </row>
    <row r="472087" spans="8:8">
      <c r="H472087" s="12"/>
    </row>
    <row r="472088" spans="8:8">
      <c r="H472088" s="12"/>
    </row>
    <row r="472089" spans="8:8">
      <c r="H472089" s="12"/>
    </row>
    <row r="472090" spans="8:8">
      <c r="H472090" s="12"/>
    </row>
    <row r="472091" spans="8:8">
      <c r="H472091" s="12"/>
    </row>
    <row r="472092" spans="8:8">
      <c r="H472092" s="12"/>
    </row>
    <row r="472093" spans="8:8">
      <c r="H472093" s="12"/>
    </row>
    <row r="472094" spans="8:8">
      <c r="H472094" s="12"/>
    </row>
    <row r="472095" spans="8:8">
      <c r="H472095" s="12"/>
    </row>
    <row r="472096" spans="8:8">
      <c r="H472096" s="12"/>
    </row>
    <row r="472097" spans="8:8">
      <c r="H472097" s="12"/>
    </row>
    <row r="472098" spans="8:8">
      <c r="H472098" s="12"/>
    </row>
    <row r="472099" spans="8:8">
      <c r="H472099" s="12"/>
    </row>
    <row r="472100" spans="8:8">
      <c r="H472100" s="12"/>
    </row>
    <row r="472101" spans="8:8">
      <c r="H472101" s="12"/>
    </row>
    <row r="472102" spans="8:8">
      <c r="H472102" s="12"/>
    </row>
    <row r="472103" spans="8:8">
      <c r="H472103" s="12"/>
    </row>
    <row r="472104" spans="8:8">
      <c r="H472104" s="12"/>
    </row>
    <row r="472105" spans="8:8">
      <c r="H472105" s="12"/>
    </row>
    <row r="472106" spans="8:8">
      <c r="H472106" s="12"/>
    </row>
    <row r="472107" spans="8:8">
      <c r="H472107" s="12"/>
    </row>
    <row r="472108" spans="8:8">
      <c r="H472108" s="12"/>
    </row>
    <row r="472109" spans="8:8">
      <c r="H472109" s="12"/>
    </row>
    <row r="472110" spans="8:8">
      <c r="H472110" s="12"/>
    </row>
    <row r="472111" spans="8:8">
      <c r="H472111" s="12"/>
    </row>
    <row r="472112" spans="8:8">
      <c r="H472112" s="12"/>
    </row>
    <row r="472113" spans="8:8">
      <c r="H472113" s="12"/>
    </row>
    <row r="472114" spans="8:8">
      <c r="H472114" s="12"/>
    </row>
    <row r="472115" spans="8:8">
      <c r="H472115" s="12"/>
    </row>
    <row r="472116" spans="8:8">
      <c r="H472116" s="12"/>
    </row>
    <row r="472117" spans="8:8">
      <c r="H472117" s="12"/>
    </row>
    <row r="472118" spans="8:8">
      <c r="H472118" s="12"/>
    </row>
    <row r="472119" spans="8:8">
      <c r="H472119" s="12"/>
    </row>
    <row r="472120" spans="8:8">
      <c r="H472120" s="12"/>
    </row>
    <row r="472121" spans="8:8">
      <c r="H472121" s="12"/>
    </row>
    <row r="472122" spans="8:8">
      <c r="H472122" s="12"/>
    </row>
    <row r="472123" spans="8:8">
      <c r="H472123" s="12"/>
    </row>
    <row r="472124" spans="8:8">
      <c r="H472124" s="12"/>
    </row>
    <row r="472125" spans="8:8">
      <c r="H472125" s="12"/>
    </row>
    <row r="472126" spans="8:8">
      <c r="H472126" s="12"/>
    </row>
    <row r="472127" spans="8:8">
      <c r="H472127" s="12"/>
    </row>
    <row r="472128" spans="8:8">
      <c r="H472128" s="12"/>
    </row>
    <row r="472129" spans="8:8">
      <c r="H472129" s="12"/>
    </row>
    <row r="472130" spans="8:8">
      <c r="H472130" s="12"/>
    </row>
    <row r="472131" spans="8:8">
      <c r="H472131" s="12"/>
    </row>
    <row r="472132" spans="8:8">
      <c r="H472132" s="12"/>
    </row>
    <row r="472133" spans="8:8">
      <c r="H472133" s="12"/>
    </row>
    <row r="472134" spans="8:8">
      <c r="H472134" s="12"/>
    </row>
    <row r="472135" spans="8:8">
      <c r="H472135" s="12"/>
    </row>
    <row r="472136" spans="8:8">
      <c r="H472136" s="12"/>
    </row>
    <row r="472137" spans="8:8">
      <c r="H472137" s="12"/>
    </row>
    <row r="472138" spans="8:8">
      <c r="H472138" s="12"/>
    </row>
    <row r="472139" spans="8:8">
      <c r="H472139" s="12"/>
    </row>
    <row r="472140" spans="8:8">
      <c r="H472140" s="12"/>
    </row>
    <row r="472141" spans="8:8">
      <c r="H472141" s="12"/>
    </row>
    <row r="472142" spans="8:8">
      <c r="H472142" s="12"/>
    </row>
    <row r="472143" spans="8:8">
      <c r="H472143" s="12"/>
    </row>
    <row r="472144" spans="8:8">
      <c r="H472144" s="12"/>
    </row>
    <row r="472145" spans="8:8">
      <c r="H472145" s="12"/>
    </row>
    <row r="472146" spans="8:8">
      <c r="H472146" s="12"/>
    </row>
    <row r="472147" spans="8:8">
      <c r="H472147" s="12"/>
    </row>
    <row r="472148" spans="8:8">
      <c r="H472148" s="12"/>
    </row>
    <row r="472149" spans="8:8">
      <c r="H472149" s="12"/>
    </row>
    <row r="472150" spans="8:8">
      <c r="H472150" s="12"/>
    </row>
    <row r="472151" spans="8:8">
      <c r="H472151" s="12"/>
    </row>
    <row r="472152" spans="8:8">
      <c r="H472152" s="12"/>
    </row>
    <row r="472153" spans="8:8">
      <c r="H472153" s="12"/>
    </row>
    <row r="472154" spans="8:8">
      <c r="H472154" s="12"/>
    </row>
    <row r="472155" spans="8:8">
      <c r="H472155" s="12"/>
    </row>
    <row r="472156" spans="8:8">
      <c r="H472156" s="12"/>
    </row>
    <row r="472157" spans="8:8">
      <c r="H472157" s="12"/>
    </row>
    <row r="472158" spans="8:8">
      <c r="H472158" s="12"/>
    </row>
    <row r="472159" spans="8:8">
      <c r="H472159" s="12"/>
    </row>
    <row r="472160" spans="8:8">
      <c r="H472160" s="12"/>
    </row>
    <row r="472161" spans="8:8">
      <c r="H472161" s="12"/>
    </row>
    <row r="472162" spans="8:8">
      <c r="H472162" s="12"/>
    </row>
    <row r="472163" spans="8:8">
      <c r="H472163" s="12"/>
    </row>
    <row r="472164" spans="8:8">
      <c r="H472164" s="12"/>
    </row>
    <row r="472165" spans="8:8">
      <c r="H472165" s="12"/>
    </row>
    <row r="472166" spans="8:8">
      <c r="H472166" s="12"/>
    </row>
    <row r="472167" spans="8:8">
      <c r="H472167" s="12"/>
    </row>
    <row r="472168" spans="8:8">
      <c r="H472168" s="12"/>
    </row>
    <row r="472169" spans="8:8">
      <c r="H472169" s="12"/>
    </row>
    <row r="472170" spans="8:8">
      <c r="H472170" s="12"/>
    </row>
    <row r="472171" spans="8:8">
      <c r="H472171" s="12"/>
    </row>
    <row r="472172" spans="8:8">
      <c r="H472172" s="12"/>
    </row>
    <row r="472173" spans="8:8">
      <c r="H472173" s="12"/>
    </row>
    <row r="472174" spans="8:8">
      <c r="H472174" s="12"/>
    </row>
    <row r="472175" spans="8:8">
      <c r="H472175" s="12"/>
    </row>
    <row r="472176" spans="8:8">
      <c r="H472176" s="12"/>
    </row>
    <row r="472177" spans="8:8">
      <c r="H472177" s="12"/>
    </row>
    <row r="472178" spans="8:8">
      <c r="H472178" s="12"/>
    </row>
    <row r="472179" spans="8:8">
      <c r="H472179" s="12"/>
    </row>
    <row r="472180" spans="8:8">
      <c r="H472180" s="12"/>
    </row>
    <row r="472181" spans="8:8">
      <c r="H472181" s="12"/>
    </row>
    <row r="472182" spans="8:8">
      <c r="H472182" s="12"/>
    </row>
    <row r="472183" spans="8:8">
      <c r="H472183" s="12"/>
    </row>
    <row r="472184" spans="8:8">
      <c r="H472184" s="12"/>
    </row>
    <row r="472185" spans="8:8">
      <c r="H472185" s="12"/>
    </row>
    <row r="472186" spans="8:8">
      <c r="H472186" s="12"/>
    </row>
    <row r="472187" spans="8:8">
      <c r="H472187" s="12"/>
    </row>
    <row r="472188" spans="8:8">
      <c r="H472188" s="12"/>
    </row>
    <row r="472189" spans="8:8">
      <c r="H472189" s="12"/>
    </row>
    <row r="472190" spans="8:8">
      <c r="H472190" s="12"/>
    </row>
    <row r="472191" spans="8:8">
      <c r="H472191" s="12"/>
    </row>
    <row r="472192" spans="8:8">
      <c r="H472192" s="12"/>
    </row>
    <row r="472193" spans="8:8">
      <c r="H472193" s="12"/>
    </row>
    <row r="472194" spans="8:8">
      <c r="H472194" s="12"/>
    </row>
    <row r="472195" spans="8:8">
      <c r="H472195" s="12"/>
    </row>
    <row r="472196" spans="8:8">
      <c r="H472196" s="12"/>
    </row>
    <row r="472197" spans="8:8">
      <c r="H472197" s="12"/>
    </row>
    <row r="472198" spans="8:8">
      <c r="H472198" s="12"/>
    </row>
    <row r="472199" spans="8:8">
      <c r="H472199" s="12"/>
    </row>
    <row r="472200" spans="8:8">
      <c r="H472200" s="12"/>
    </row>
    <row r="472201" spans="8:8">
      <c r="H472201" s="12"/>
    </row>
    <row r="472202" spans="8:8">
      <c r="H472202" s="12"/>
    </row>
    <row r="472203" spans="8:8">
      <c r="H472203" s="12"/>
    </row>
    <row r="472204" spans="8:8">
      <c r="H472204" s="12"/>
    </row>
    <row r="472205" spans="8:8">
      <c r="H472205" s="12"/>
    </row>
    <row r="472206" spans="8:8">
      <c r="H472206" s="12"/>
    </row>
    <row r="472207" spans="8:8">
      <c r="H472207" s="12"/>
    </row>
    <row r="472208" spans="8:8">
      <c r="H472208" s="12"/>
    </row>
    <row r="472209" spans="8:8">
      <c r="H472209" s="12"/>
    </row>
    <row r="472210" spans="8:8">
      <c r="H472210" s="12"/>
    </row>
    <row r="472211" spans="8:8">
      <c r="H472211" s="12"/>
    </row>
    <row r="472212" spans="8:8">
      <c r="H472212" s="12"/>
    </row>
    <row r="472213" spans="8:8">
      <c r="H472213" s="12"/>
    </row>
    <row r="472214" spans="8:8">
      <c r="H472214" s="12"/>
    </row>
    <row r="472215" spans="8:8">
      <c r="H472215" s="12"/>
    </row>
    <row r="472216" spans="8:8">
      <c r="H472216" s="12"/>
    </row>
    <row r="472217" spans="8:8">
      <c r="H472217" s="12"/>
    </row>
    <row r="472218" spans="8:8">
      <c r="H472218" s="12"/>
    </row>
    <row r="472219" spans="8:8">
      <c r="H472219" s="12"/>
    </row>
    <row r="472220" spans="8:8">
      <c r="H472220" s="12"/>
    </row>
    <row r="472221" spans="8:8">
      <c r="H472221" s="12"/>
    </row>
    <row r="472222" spans="8:8">
      <c r="H472222" s="12"/>
    </row>
    <row r="472223" spans="8:8">
      <c r="H472223" s="12"/>
    </row>
    <row r="472224" spans="8:8">
      <c r="H472224" s="12"/>
    </row>
    <row r="472225" spans="8:8">
      <c r="H472225" s="12"/>
    </row>
    <row r="472226" spans="8:8">
      <c r="H472226" s="12"/>
    </row>
    <row r="472227" spans="8:8">
      <c r="H472227" s="12"/>
    </row>
    <row r="472228" spans="8:8">
      <c r="H472228" s="12"/>
    </row>
    <row r="472229" spans="8:8">
      <c r="H472229" s="12"/>
    </row>
    <row r="472230" spans="8:8">
      <c r="H472230" s="12"/>
    </row>
    <row r="472231" spans="8:8">
      <c r="H472231" s="12"/>
    </row>
    <row r="472232" spans="8:8">
      <c r="H472232" s="12"/>
    </row>
    <row r="472233" spans="8:8">
      <c r="H472233" s="12"/>
    </row>
    <row r="472234" spans="8:8">
      <c r="H472234" s="12"/>
    </row>
    <row r="472235" spans="8:8">
      <c r="H472235" s="12"/>
    </row>
    <row r="472236" spans="8:8">
      <c r="H472236" s="12"/>
    </row>
    <row r="472237" spans="8:8">
      <c r="H472237" s="12"/>
    </row>
    <row r="472238" spans="8:8">
      <c r="H472238" s="12"/>
    </row>
    <row r="472239" spans="8:8">
      <c r="H472239" s="12"/>
    </row>
    <row r="472240" spans="8:8">
      <c r="H472240" s="12"/>
    </row>
    <row r="472241" spans="8:8">
      <c r="H472241" s="12"/>
    </row>
    <row r="472242" spans="8:8">
      <c r="H472242" s="12"/>
    </row>
    <row r="472243" spans="8:8">
      <c r="H472243" s="12"/>
    </row>
    <row r="472244" spans="8:8">
      <c r="H472244" s="12"/>
    </row>
    <row r="472245" spans="8:8">
      <c r="H472245" s="12"/>
    </row>
    <row r="472246" spans="8:8">
      <c r="H472246" s="12"/>
    </row>
    <row r="472247" spans="8:8">
      <c r="H472247" s="12"/>
    </row>
    <row r="472248" spans="8:8">
      <c r="H472248" s="12"/>
    </row>
    <row r="472249" spans="8:8">
      <c r="H472249" s="12"/>
    </row>
    <row r="472250" spans="8:8">
      <c r="H472250" s="12"/>
    </row>
    <row r="472251" spans="8:8">
      <c r="H472251" s="12"/>
    </row>
    <row r="472252" spans="8:8">
      <c r="H472252" s="12"/>
    </row>
    <row r="472253" spans="8:8">
      <c r="H472253" s="12"/>
    </row>
    <row r="472254" spans="8:8">
      <c r="H472254" s="12"/>
    </row>
    <row r="472255" spans="8:8">
      <c r="H472255" s="12"/>
    </row>
    <row r="472256" spans="8:8">
      <c r="H472256" s="12"/>
    </row>
    <row r="472257" spans="8:8">
      <c r="H472257" s="12"/>
    </row>
    <row r="472258" spans="8:8">
      <c r="H472258" s="12"/>
    </row>
    <row r="472259" spans="8:8">
      <c r="H472259" s="12"/>
    </row>
    <row r="472260" spans="8:8">
      <c r="H472260" s="12"/>
    </row>
    <row r="472261" spans="8:8">
      <c r="H472261" s="12"/>
    </row>
    <row r="472262" spans="8:8">
      <c r="H472262" s="12"/>
    </row>
    <row r="472263" spans="8:8">
      <c r="H472263" s="12"/>
    </row>
    <row r="472264" spans="8:8">
      <c r="H472264" s="12"/>
    </row>
    <row r="472265" spans="8:8">
      <c r="H472265" s="12"/>
    </row>
    <row r="472266" spans="8:8">
      <c r="H472266" s="12"/>
    </row>
    <row r="472267" spans="8:8">
      <c r="H472267" s="12"/>
    </row>
    <row r="472268" spans="8:8">
      <c r="H472268" s="12"/>
    </row>
    <row r="472269" spans="8:8">
      <c r="H472269" s="12"/>
    </row>
    <row r="472270" spans="8:8">
      <c r="H472270" s="12"/>
    </row>
    <row r="472271" spans="8:8">
      <c r="H472271" s="12"/>
    </row>
    <row r="472272" spans="8:8">
      <c r="H472272" s="12"/>
    </row>
    <row r="472273" spans="8:8">
      <c r="H472273" s="12"/>
    </row>
    <row r="472274" spans="8:8">
      <c r="H472274" s="12"/>
    </row>
    <row r="472275" spans="8:8">
      <c r="H472275" s="12"/>
    </row>
    <row r="472276" spans="8:8">
      <c r="H472276" s="12"/>
    </row>
    <row r="472277" spans="8:8">
      <c r="H472277" s="12"/>
    </row>
    <row r="472278" spans="8:8">
      <c r="H472278" s="12"/>
    </row>
    <row r="472279" spans="8:8">
      <c r="H472279" s="12"/>
    </row>
    <row r="472280" spans="8:8">
      <c r="H472280" s="12"/>
    </row>
    <row r="472281" spans="8:8">
      <c r="H472281" s="12"/>
    </row>
    <row r="472282" spans="8:8">
      <c r="H472282" s="12"/>
    </row>
    <row r="472283" spans="8:8">
      <c r="H472283" s="12"/>
    </row>
    <row r="472284" spans="8:8">
      <c r="H472284" s="12"/>
    </row>
    <row r="472285" spans="8:8">
      <c r="H472285" s="12"/>
    </row>
    <row r="472286" spans="8:8">
      <c r="H472286" s="12"/>
    </row>
    <row r="472287" spans="8:8">
      <c r="H472287" s="12"/>
    </row>
    <row r="472288" spans="8:8">
      <c r="H472288" s="12"/>
    </row>
    <row r="472289" spans="8:8">
      <c r="H472289" s="12"/>
    </row>
    <row r="472290" spans="8:8">
      <c r="H472290" s="12"/>
    </row>
    <row r="472291" spans="8:8">
      <c r="H472291" s="12"/>
    </row>
    <row r="472292" spans="8:8">
      <c r="H472292" s="12"/>
    </row>
    <row r="472293" spans="8:8">
      <c r="H472293" s="12"/>
    </row>
    <row r="472294" spans="8:8">
      <c r="H472294" s="12"/>
    </row>
    <row r="472295" spans="8:8">
      <c r="H472295" s="12"/>
    </row>
    <row r="472296" spans="8:8">
      <c r="H472296" s="12"/>
    </row>
    <row r="472297" spans="8:8">
      <c r="H472297" s="12"/>
    </row>
    <row r="472298" spans="8:8">
      <c r="H472298" s="12"/>
    </row>
    <row r="472299" spans="8:8">
      <c r="H472299" s="12"/>
    </row>
    <row r="472300" spans="8:8">
      <c r="H472300" s="12"/>
    </row>
    <row r="472301" spans="8:8">
      <c r="H472301" s="12"/>
    </row>
    <row r="472302" spans="8:8">
      <c r="H472302" s="12"/>
    </row>
    <row r="472303" spans="8:8">
      <c r="H472303" s="12"/>
    </row>
    <row r="472304" spans="8:8">
      <c r="H472304" s="12"/>
    </row>
    <row r="472305" spans="8:8">
      <c r="H472305" s="12"/>
    </row>
    <row r="472306" spans="8:8">
      <c r="H472306" s="12"/>
    </row>
    <row r="472307" spans="8:8">
      <c r="H472307" s="12"/>
    </row>
    <row r="472308" spans="8:8">
      <c r="H472308" s="12"/>
    </row>
    <row r="472309" spans="8:8">
      <c r="H472309" s="12"/>
    </row>
    <row r="472310" spans="8:8">
      <c r="H472310" s="12"/>
    </row>
    <row r="472311" spans="8:8">
      <c r="H472311" s="12"/>
    </row>
    <row r="472312" spans="8:8">
      <c r="H472312" s="12"/>
    </row>
    <row r="472313" spans="8:8">
      <c r="H472313" s="12"/>
    </row>
    <row r="472314" spans="8:8">
      <c r="H472314" s="12"/>
    </row>
    <row r="472315" spans="8:8">
      <c r="H472315" s="12"/>
    </row>
    <row r="472316" spans="8:8">
      <c r="H472316" s="12"/>
    </row>
    <row r="472317" spans="8:8">
      <c r="H472317" s="12"/>
    </row>
    <row r="472318" spans="8:8">
      <c r="H472318" s="12"/>
    </row>
    <row r="472319" spans="8:8">
      <c r="H472319" s="12"/>
    </row>
    <row r="472320" spans="8:8">
      <c r="H472320" s="12"/>
    </row>
    <row r="472321" spans="8:8">
      <c r="H472321" s="12"/>
    </row>
    <row r="472322" spans="8:8">
      <c r="H472322" s="12"/>
    </row>
    <row r="472323" spans="8:8">
      <c r="H472323" s="12"/>
    </row>
    <row r="472324" spans="8:8">
      <c r="H472324" s="12"/>
    </row>
    <row r="472325" spans="8:8">
      <c r="H472325" s="12"/>
    </row>
    <row r="472326" spans="8:8">
      <c r="H472326" s="12"/>
    </row>
    <row r="472327" spans="8:8">
      <c r="H472327" s="12"/>
    </row>
    <row r="472328" spans="8:8">
      <c r="H472328" s="12"/>
    </row>
    <row r="472329" spans="8:8">
      <c r="H472329" s="12"/>
    </row>
    <row r="472330" spans="8:8">
      <c r="H472330" s="12"/>
    </row>
    <row r="472331" spans="8:8">
      <c r="H472331" s="12"/>
    </row>
    <row r="472332" spans="8:8">
      <c r="H472332" s="12"/>
    </row>
    <row r="472333" spans="8:8">
      <c r="H472333" s="12"/>
    </row>
    <row r="472334" spans="8:8">
      <c r="H472334" s="12"/>
    </row>
    <row r="472335" spans="8:8">
      <c r="H472335" s="12"/>
    </row>
    <row r="472336" spans="8:8">
      <c r="H472336" s="12"/>
    </row>
    <row r="472337" spans="8:8">
      <c r="H472337" s="12"/>
    </row>
    <row r="472338" spans="8:8">
      <c r="H472338" s="12"/>
    </row>
    <row r="472339" spans="8:8">
      <c r="H472339" s="12"/>
    </row>
    <row r="472340" spans="8:8">
      <c r="H472340" s="12"/>
    </row>
    <row r="472341" spans="8:8">
      <c r="H472341" s="12"/>
    </row>
    <row r="472342" spans="8:8">
      <c r="H472342" s="12"/>
    </row>
    <row r="472343" spans="8:8">
      <c r="H472343" s="12"/>
    </row>
    <row r="472344" spans="8:8">
      <c r="H472344" s="12"/>
    </row>
    <row r="472345" spans="8:8">
      <c r="H472345" s="12"/>
    </row>
    <row r="472346" spans="8:8">
      <c r="H472346" s="12"/>
    </row>
    <row r="472347" spans="8:8">
      <c r="H472347" s="12"/>
    </row>
    <row r="472348" spans="8:8">
      <c r="H472348" s="12"/>
    </row>
    <row r="472349" spans="8:8">
      <c r="H472349" s="12"/>
    </row>
    <row r="472350" spans="8:8">
      <c r="H472350" s="12"/>
    </row>
    <row r="472351" spans="8:8">
      <c r="H472351" s="12"/>
    </row>
    <row r="472352" spans="8:8">
      <c r="H472352" s="12"/>
    </row>
    <row r="472353" spans="8:8">
      <c r="H472353" s="12"/>
    </row>
    <row r="472354" spans="8:8">
      <c r="H472354" s="12"/>
    </row>
    <row r="472355" spans="8:8">
      <c r="H472355" s="12"/>
    </row>
    <row r="472356" spans="8:8">
      <c r="H472356" s="12"/>
    </row>
    <row r="472357" spans="8:8">
      <c r="H472357" s="12"/>
    </row>
    <row r="472358" spans="8:8">
      <c r="H472358" s="12"/>
    </row>
    <row r="472359" spans="8:8">
      <c r="H472359" s="12"/>
    </row>
    <row r="472360" spans="8:8">
      <c r="H472360" s="12"/>
    </row>
    <row r="472361" spans="8:8">
      <c r="H472361" s="12"/>
    </row>
    <row r="472362" spans="8:8">
      <c r="H472362" s="12"/>
    </row>
    <row r="472363" spans="8:8">
      <c r="H472363" s="12"/>
    </row>
    <row r="472364" spans="8:8">
      <c r="H472364" s="12"/>
    </row>
    <row r="472365" spans="8:8">
      <c r="H472365" s="12"/>
    </row>
    <row r="472366" spans="8:8">
      <c r="H472366" s="12"/>
    </row>
    <row r="472367" spans="8:8">
      <c r="H472367" s="12"/>
    </row>
    <row r="472368" spans="8:8">
      <c r="H472368" s="12"/>
    </row>
    <row r="472369" spans="8:8">
      <c r="H472369" s="12"/>
    </row>
    <row r="472370" spans="8:8">
      <c r="H472370" s="12"/>
    </row>
    <row r="472371" spans="8:8">
      <c r="H472371" s="12"/>
    </row>
    <row r="472372" spans="8:8">
      <c r="H472372" s="12"/>
    </row>
    <row r="472373" spans="8:8">
      <c r="H472373" s="12"/>
    </row>
    <row r="472374" spans="8:8">
      <c r="H472374" s="12"/>
    </row>
    <row r="472375" spans="8:8">
      <c r="H472375" s="12"/>
    </row>
    <row r="472376" spans="8:8">
      <c r="H472376" s="12"/>
    </row>
    <row r="472377" spans="8:8">
      <c r="H472377" s="12"/>
    </row>
    <row r="472378" spans="8:8">
      <c r="H472378" s="12"/>
    </row>
    <row r="472379" spans="8:8">
      <c r="H472379" s="12"/>
    </row>
    <row r="472380" spans="8:8">
      <c r="H472380" s="12"/>
    </row>
    <row r="472381" spans="8:8">
      <c r="H472381" s="12"/>
    </row>
    <row r="472382" spans="8:8">
      <c r="H472382" s="12"/>
    </row>
    <row r="472383" spans="8:8">
      <c r="H472383" s="12"/>
    </row>
    <row r="472384" spans="8:8">
      <c r="H472384" s="12"/>
    </row>
    <row r="472385" spans="8:8">
      <c r="H472385" s="12"/>
    </row>
    <row r="472386" spans="8:8">
      <c r="H472386" s="12"/>
    </row>
    <row r="472387" spans="8:8">
      <c r="H472387" s="12"/>
    </row>
    <row r="472388" spans="8:8">
      <c r="H472388" s="12"/>
    </row>
    <row r="472389" spans="8:8">
      <c r="H472389" s="12"/>
    </row>
    <row r="472390" spans="8:8">
      <c r="H472390" s="12"/>
    </row>
    <row r="472391" spans="8:8">
      <c r="H472391" s="12"/>
    </row>
    <row r="472392" spans="8:8">
      <c r="H472392" s="12"/>
    </row>
    <row r="472393" spans="8:8">
      <c r="H472393" s="12"/>
    </row>
    <row r="472394" spans="8:8">
      <c r="H472394" s="12"/>
    </row>
    <row r="472395" spans="8:8">
      <c r="H472395" s="12"/>
    </row>
    <row r="472396" spans="8:8">
      <c r="H472396" s="12"/>
    </row>
    <row r="472397" spans="8:8">
      <c r="H472397" s="12"/>
    </row>
    <row r="472398" spans="8:8">
      <c r="H472398" s="12"/>
    </row>
    <row r="472399" spans="8:8">
      <c r="H472399" s="12"/>
    </row>
    <row r="472400" spans="8:8">
      <c r="H472400" s="12"/>
    </row>
    <row r="472401" spans="8:8">
      <c r="H472401" s="12"/>
    </row>
    <row r="472402" spans="8:8">
      <c r="H472402" s="12"/>
    </row>
    <row r="472403" spans="8:8">
      <c r="H472403" s="12"/>
    </row>
    <row r="472404" spans="8:8">
      <c r="H472404" s="12"/>
    </row>
    <row r="472405" spans="8:8">
      <c r="H472405" s="12"/>
    </row>
    <row r="472406" spans="8:8">
      <c r="H472406" s="12"/>
    </row>
    <row r="472407" spans="8:8">
      <c r="H472407" s="12"/>
    </row>
    <row r="472408" spans="8:8">
      <c r="H472408" s="12"/>
    </row>
    <row r="472409" spans="8:8">
      <c r="H472409" s="12"/>
    </row>
    <row r="472410" spans="8:8">
      <c r="H472410" s="12"/>
    </row>
    <row r="472411" spans="8:8">
      <c r="H472411" s="12"/>
    </row>
    <row r="472412" spans="8:8">
      <c r="H472412" s="12"/>
    </row>
    <row r="472413" spans="8:8">
      <c r="H472413" s="12"/>
    </row>
    <row r="472414" spans="8:8">
      <c r="H472414" s="12"/>
    </row>
    <row r="472415" spans="8:8">
      <c r="H472415" s="12"/>
    </row>
    <row r="472416" spans="8:8">
      <c r="H472416" s="12"/>
    </row>
    <row r="472417" spans="8:8">
      <c r="H472417" s="12"/>
    </row>
    <row r="472418" spans="8:8">
      <c r="H472418" s="12"/>
    </row>
    <row r="472419" spans="8:8">
      <c r="H472419" s="12"/>
    </row>
    <row r="472420" spans="8:8">
      <c r="H472420" s="12"/>
    </row>
    <row r="472421" spans="8:8">
      <c r="H472421" s="12"/>
    </row>
    <row r="472422" spans="8:8">
      <c r="H472422" s="12"/>
    </row>
    <row r="472423" spans="8:8">
      <c r="H472423" s="12"/>
    </row>
    <row r="472424" spans="8:8">
      <c r="H472424" s="12"/>
    </row>
    <row r="472425" spans="8:8">
      <c r="H472425" s="12"/>
    </row>
    <row r="472426" spans="8:8">
      <c r="H472426" s="12"/>
    </row>
    <row r="472427" spans="8:8">
      <c r="H472427" s="12"/>
    </row>
    <row r="472428" spans="8:8">
      <c r="H472428" s="12"/>
    </row>
    <row r="472429" spans="8:8">
      <c r="H472429" s="12"/>
    </row>
    <row r="472430" spans="8:8">
      <c r="H472430" s="12"/>
    </row>
    <row r="472431" spans="8:8">
      <c r="H472431" s="12"/>
    </row>
    <row r="472432" spans="8:8">
      <c r="H472432" s="12"/>
    </row>
    <row r="472433" spans="8:8">
      <c r="H472433" s="12"/>
    </row>
    <row r="472434" spans="8:8">
      <c r="H472434" s="12"/>
    </row>
    <row r="472435" spans="8:8">
      <c r="H472435" s="12"/>
    </row>
    <row r="472436" spans="8:8">
      <c r="H472436" s="12"/>
    </row>
    <row r="472437" spans="8:8">
      <c r="H472437" s="12"/>
    </row>
    <row r="472438" spans="8:8">
      <c r="H472438" s="12"/>
    </row>
    <row r="472439" spans="8:8">
      <c r="H472439" s="12"/>
    </row>
    <row r="472440" spans="8:8">
      <c r="H472440" s="12"/>
    </row>
    <row r="472441" spans="8:8">
      <c r="H472441" s="12"/>
    </row>
    <row r="472442" spans="8:8">
      <c r="H472442" s="12"/>
    </row>
    <row r="472443" spans="8:8">
      <c r="H472443" s="12"/>
    </row>
    <row r="472444" spans="8:8">
      <c r="H472444" s="12"/>
    </row>
    <row r="472445" spans="8:8">
      <c r="H472445" s="12"/>
    </row>
    <row r="472446" spans="8:8">
      <c r="H472446" s="12"/>
    </row>
    <row r="472447" spans="8:8">
      <c r="H472447" s="12"/>
    </row>
    <row r="472448" spans="8:8">
      <c r="H472448" s="12"/>
    </row>
    <row r="472449" spans="8:8">
      <c r="H472449" s="12"/>
    </row>
    <row r="472450" spans="8:8">
      <c r="H472450" s="12"/>
    </row>
    <row r="472451" spans="8:8">
      <c r="H472451" s="12"/>
    </row>
    <row r="472452" spans="8:8">
      <c r="H472452" s="12"/>
    </row>
    <row r="472453" spans="8:8">
      <c r="H472453" s="12"/>
    </row>
    <row r="472454" spans="8:8">
      <c r="H472454" s="12"/>
    </row>
    <row r="472455" spans="8:8">
      <c r="H472455" s="12"/>
    </row>
    <row r="472456" spans="8:8">
      <c r="H472456" s="12"/>
    </row>
    <row r="472457" spans="8:8">
      <c r="H472457" s="12"/>
    </row>
    <row r="472458" spans="8:8">
      <c r="H472458" s="12"/>
    </row>
    <row r="472459" spans="8:8">
      <c r="H472459" s="12"/>
    </row>
    <row r="472460" spans="8:8">
      <c r="H472460" s="12"/>
    </row>
    <row r="472461" spans="8:8">
      <c r="H472461" s="12"/>
    </row>
    <row r="472462" spans="8:8">
      <c r="H472462" s="12"/>
    </row>
    <row r="472463" spans="8:8">
      <c r="H472463" s="12"/>
    </row>
    <row r="472464" spans="8:8">
      <c r="H472464" s="12"/>
    </row>
    <row r="472465" spans="8:8">
      <c r="H472465" s="12"/>
    </row>
    <row r="472466" spans="8:8">
      <c r="H472466" s="12"/>
    </row>
    <row r="472467" spans="8:8">
      <c r="H472467" s="12"/>
    </row>
    <row r="472468" spans="8:8">
      <c r="H472468" s="12"/>
    </row>
    <row r="472469" spans="8:8">
      <c r="H472469" s="12"/>
    </row>
    <row r="472470" spans="8:8">
      <c r="H472470" s="12"/>
    </row>
    <row r="472471" spans="8:8">
      <c r="H472471" s="12"/>
    </row>
    <row r="472472" spans="8:8">
      <c r="H472472" s="12"/>
    </row>
    <row r="472473" spans="8:8">
      <c r="H472473" s="12"/>
    </row>
    <row r="472474" spans="8:8">
      <c r="H472474" s="12"/>
    </row>
    <row r="472475" spans="8:8">
      <c r="H472475" s="12"/>
    </row>
    <row r="472476" spans="8:8">
      <c r="H472476" s="12"/>
    </row>
    <row r="472477" spans="8:8">
      <c r="H472477" s="12"/>
    </row>
    <row r="472478" spans="8:8">
      <c r="H472478" s="12"/>
    </row>
    <row r="472479" spans="8:8">
      <c r="H472479" s="12"/>
    </row>
    <row r="472480" spans="8:8">
      <c r="H472480" s="12"/>
    </row>
    <row r="472481" spans="8:8">
      <c r="H472481" s="12"/>
    </row>
    <row r="472482" spans="8:8">
      <c r="H472482" s="12"/>
    </row>
    <row r="472483" spans="8:8">
      <c r="H472483" s="12"/>
    </row>
    <row r="472484" spans="8:8">
      <c r="H472484" s="12"/>
    </row>
    <row r="472485" spans="8:8">
      <c r="H472485" s="12"/>
    </row>
    <row r="472486" spans="8:8">
      <c r="H472486" s="12"/>
    </row>
    <row r="472487" spans="8:8">
      <c r="H472487" s="12"/>
    </row>
    <row r="472488" spans="8:8">
      <c r="H472488" s="12"/>
    </row>
    <row r="472489" spans="8:8">
      <c r="H472489" s="12"/>
    </row>
    <row r="472490" spans="8:8">
      <c r="H472490" s="12"/>
    </row>
    <row r="472491" spans="8:8">
      <c r="H472491" s="12"/>
    </row>
    <row r="472492" spans="8:8">
      <c r="H472492" s="12"/>
    </row>
    <row r="472493" spans="8:8">
      <c r="H472493" s="12"/>
    </row>
    <row r="472494" spans="8:8">
      <c r="H472494" s="12"/>
    </row>
    <row r="472495" spans="8:8">
      <c r="H472495" s="12"/>
    </row>
    <row r="472496" spans="8:8">
      <c r="H472496" s="12"/>
    </row>
    <row r="472497" spans="8:8">
      <c r="H472497" s="12"/>
    </row>
    <row r="472498" spans="8:8">
      <c r="H472498" s="12"/>
    </row>
    <row r="472499" spans="8:8">
      <c r="H472499" s="12"/>
    </row>
    <row r="472500" spans="8:8">
      <c r="H472500" s="12"/>
    </row>
    <row r="472501" spans="8:8">
      <c r="H472501" s="12"/>
    </row>
    <row r="472502" spans="8:8">
      <c r="H472502" s="12"/>
    </row>
    <row r="472503" spans="8:8">
      <c r="H472503" s="12"/>
    </row>
    <row r="472504" spans="8:8">
      <c r="H472504" s="12"/>
    </row>
    <row r="472505" spans="8:8">
      <c r="H472505" s="12"/>
    </row>
    <row r="472506" spans="8:8">
      <c r="H472506" s="12"/>
    </row>
    <row r="472507" spans="8:8">
      <c r="H472507" s="12"/>
    </row>
    <row r="472508" spans="8:8">
      <c r="H472508" s="12"/>
    </row>
    <row r="472509" spans="8:8">
      <c r="H472509" s="12"/>
    </row>
    <row r="472510" spans="8:8">
      <c r="H472510" s="12"/>
    </row>
    <row r="472511" spans="8:8">
      <c r="H472511" s="12"/>
    </row>
    <row r="472512" spans="8:8">
      <c r="H472512" s="12"/>
    </row>
    <row r="472513" spans="8:8">
      <c r="H472513" s="12"/>
    </row>
    <row r="472514" spans="8:8">
      <c r="H472514" s="12"/>
    </row>
    <row r="472515" spans="8:8">
      <c r="H472515" s="12"/>
    </row>
    <row r="472516" spans="8:8">
      <c r="H472516" s="12"/>
    </row>
    <row r="472517" spans="8:8">
      <c r="H472517" s="12"/>
    </row>
    <row r="472518" spans="8:8">
      <c r="H472518" s="12"/>
    </row>
    <row r="472519" spans="8:8">
      <c r="H472519" s="12"/>
    </row>
    <row r="472520" spans="8:8">
      <c r="H472520" s="12"/>
    </row>
    <row r="472521" spans="8:8">
      <c r="H472521" s="12"/>
    </row>
    <row r="472522" spans="8:8">
      <c r="H472522" s="12"/>
    </row>
    <row r="472523" spans="8:8">
      <c r="H472523" s="12"/>
    </row>
    <row r="472524" spans="8:8">
      <c r="H472524" s="12"/>
    </row>
    <row r="472525" spans="8:8">
      <c r="H472525" s="12"/>
    </row>
    <row r="472526" spans="8:8">
      <c r="H472526" s="12"/>
    </row>
    <row r="472527" spans="8:8">
      <c r="H472527" s="12"/>
    </row>
    <row r="472528" spans="8:8">
      <c r="H472528" s="12"/>
    </row>
    <row r="472529" spans="8:8">
      <c r="H472529" s="12"/>
    </row>
    <row r="472530" spans="8:8">
      <c r="H472530" s="12"/>
    </row>
    <row r="472531" spans="8:8">
      <c r="H472531" s="12"/>
    </row>
    <row r="472532" spans="8:8">
      <c r="H472532" s="12"/>
    </row>
    <row r="472533" spans="8:8">
      <c r="H472533" s="12"/>
    </row>
    <row r="472534" spans="8:8">
      <c r="H472534" s="12"/>
    </row>
    <row r="472535" spans="8:8">
      <c r="H472535" s="12"/>
    </row>
    <row r="472536" spans="8:8">
      <c r="H472536" s="12"/>
    </row>
    <row r="472537" spans="8:8">
      <c r="H472537" s="12"/>
    </row>
    <row r="472538" spans="8:8">
      <c r="H472538" s="12"/>
    </row>
    <row r="472539" spans="8:8">
      <c r="H472539" s="12"/>
    </row>
    <row r="472540" spans="8:8">
      <c r="H472540" s="12"/>
    </row>
    <row r="472541" spans="8:8">
      <c r="H472541" s="12"/>
    </row>
    <row r="472542" spans="8:8">
      <c r="H472542" s="12"/>
    </row>
    <row r="472543" spans="8:8">
      <c r="H472543" s="12"/>
    </row>
    <row r="472544" spans="8:8">
      <c r="H472544" s="12"/>
    </row>
    <row r="472545" spans="8:8">
      <c r="H472545" s="12"/>
    </row>
    <row r="472546" spans="8:8">
      <c r="H472546" s="12"/>
    </row>
    <row r="472547" spans="8:8">
      <c r="H472547" s="12"/>
    </row>
    <row r="472548" spans="8:8">
      <c r="H472548" s="12"/>
    </row>
    <row r="472549" spans="8:8">
      <c r="H472549" s="12"/>
    </row>
    <row r="472550" spans="8:8">
      <c r="H472550" s="12"/>
    </row>
    <row r="472551" spans="8:8">
      <c r="H472551" s="12"/>
    </row>
    <row r="472552" spans="8:8">
      <c r="H472552" s="12"/>
    </row>
    <row r="472553" spans="8:8">
      <c r="H472553" s="12"/>
    </row>
    <row r="472554" spans="8:8">
      <c r="H472554" s="12"/>
    </row>
    <row r="472555" spans="8:8">
      <c r="H472555" s="12"/>
    </row>
    <row r="472556" spans="8:8">
      <c r="H472556" s="12"/>
    </row>
    <row r="472557" spans="8:8">
      <c r="H472557" s="12"/>
    </row>
    <row r="472558" spans="8:8">
      <c r="H472558" s="12"/>
    </row>
    <row r="472559" spans="8:8">
      <c r="H472559" s="12"/>
    </row>
    <row r="472560" spans="8:8">
      <c r="H472560" s="12"/>
    </row>
    <row r="472561" spans="8:8">
      <c r="H472561" s="12"/>
    </row>
    <row r="472562" spans="8:8">
      <c r="H472562" s="12"/>
    </row>
    <row r="472563" spans="8:8">
      <c r="H472563" s="12"/>
    </row>
    <row r="472564" spans="8:8">
      <c r="H472564" s="12"/>
    </row>
    <row r="472565" spans="8:8">
      <c r="H472565" s="12"/>
    </row>
    <row r="472566" spans="8:8">
      <c r="H472566" s="12"/>
    </row>
    <row r="472567" spans="8:8">
      <c r="H472567" s="12"/>
    </row>
    <row r="472568" spans="8:8">
      <c r="H472568" s="12"/>
    </row>
    <row r="472569" spans="8:8">
      <c r="H472569" s="12"/>
    </row>
    <row r="472570" spans="8:8">
      <c r="H472570" s="12"/>
    </row>
    <row r="472571" spans="8:8">
      <c r="H472571" s="12"/>
    </row>
    <row r="472572" spans="8:8">
      <c r="H472572" s="12"/>
    </row>
    <row r="472573" spans="8:8">
      <c r="H472573" s="12"/>
    </row>
    <row r="472574" spans="8:8">
      <c r="H472574" s="12"/>
    </row>
    <row r="472575" spans="8:8">
      <c r="H472575" s="12"/>
    </row>
    <row r="472576" spans="8:8">
      <c r="H472576" s="12"/>
    </row>
    <row r="472577" spans="8:8">
      <c r="H472577" s="12"/>
    </row>
    <row r="472578" spans="8:8">
      <c r="H472578" s="12"/>
    </row>
    <row r="472579" spans="8:8">
      <c r="H472579" s="12"/>
    </row>
    <row r="472580" spans="8:8">
      <c r="H472580" s="12"/>
    </row>
    <row r="472581" spans="8:8">
      <c r="H472581" s="12"/>
    </row>
    <row r="472582" spans="8:8">
      <c r="H472582" s="12"/>
    </row>
    <row r="472583" spans="8:8">
      <c r="H472583" s="12"/>
    </row>
    <row r="472584" spans="8:8">
      <c r="H472584" s="12"/>
    </row>
    <row r="472585" spans="8:8">
      <c r="H472585" s="12"/>
    </row>
    <row r="472586" spans="8:8">
      <c r="H472586" s="12"/>
    </row>
    <row r="472587" spans="8:8">
      <c r="H472587" s="12"/>
    </row>
    <row r="472588" spans="8:8">
      <c r="H472588" s="12"/>
    </row>
    <row r="472589" spans="8:8">
      <c r="H472589" s="12"/>
    </row>
    <row r="472590" spans="8:8">
      <c r="H472590" s="12"/>
    </row>
    <row r="472591" spans="8:8">
      <c r="H472591" s="12"/>
    </row>
    <row r="472592" spans="8:8">
      <c r="H472592" s="12"/>
    </row>
    <row r="472593" spans="8:8">
      <c r="H472593" s="12"/>
    </row>
    <row r="472594" spans="8:8">
      <c r="H472594" s="12"/>
    </row>
    <row r="472595" spans="8:8">
      <c r="H472595" s="12"/>
    </row>
    <row r="472596" spans="8:8">
      <c r="H472596" s="12"/>
    </row>
    <row r="472597" spans="8:8">
      <c r="H472597" s="12"/>
    </row>
    <row r="472598" spans="8:8">
      <c r="H472598" s="12"/>
    </row>
    <row r="472599" spans="8:8">
      <c r="H472599" s="12"/>
    </row>
    <row r="472600" spans="8:8">
      <c r="H472600" s="12"/>
    </row>
    <row r="472601" spans="8:8">
      <c r="H472601" s="12"/>
    </row>
    <row r="472602" spans="8:8">
      <c r="H472602" s="12"/>
    </row>
    <row r="472603" spans="8:8">
      <c r="H472603" s="12"/>
    </row>
    <row r="472604" spans="8:8">
      <c r="H472604" s="12"/>
    </row>
    <row r="472605" spans="8:8">
      <c r="H472605" s="12"/>
    </row>
    <row r="472606" spans="8:8">
      <c r="H472606" s="12"/>
    </row>
    <row r="472607" spans="8:8">
      <c r="H472607" s="12"/>
    </row>
    <row r="472608" spans="8:8">
      <c r="H472608" s="12"/>
    </row>
    <row r="472609" spans="8:8">
      <c r="H472609" s="12"/>
    </row>
    <row r="472610" spans="8:8">
      <c r="H472610" s="12"/>
    </row>
    <row r="472611" spans="8:8">
      <c r="H472611" s="12"/>
    </row>
    <row r="472612" spans="8:8">
      <c r="H472612" s="12"/>
    </row>
    <row r="472613" spans="8:8">
      <c r="H472613" s="12"/>
    </row>
    <row r="472614" spans="8:8">
      <c r="H472614" s="12"/>
    </row>
    <row r="472615" spans="8:8">
      <c r="H472615" s="12"/>
    </row>
    <row r="472616" spans="8:8">
      <c r="H472616" s="12"/>
    </row>
    <row r="472617" spans="8:8">
      <c r="H472617" s="12"/>
    </row>
    <row r="472618" spans="8:8">
      <c r="H472618" s="12"/>
    </row>
    <row r="472619" spans="8:8">
      <c r="H472619" s="12"/>
    </row>
    <row r="472620" spans="8:8">
      <c r="H472620" s="12"/>
    </row>
    <row r="472621" spans="8:8">
      <c r="H472621" s="12"/>
    </row>
    <row r="472622" spans="8:8">
      <c r="H472622" s="12"/>
    </row>
    <row r="472623" spans="8:8">
      <c r="H472623" s="12"/>
    </row>
    <row r="472624" spans="8:8">
      <c r="H472624" s="12"/>
    </row>
    <row r="472625" spans="8:8">
      <c r="H472625" s="12"/>
    </row>
    <row r="472626" spans="8:8">
      <c r="H472626" s="12"/>
    </row>
    <row r="472627" spans="8:8">
      <c r="H472627" s="12"/>
    </row>
    <row r="472628" spans="8:8">
      <c r="H472628" s="12"/>
    </row>
    <row r="472629" spans="8:8">
      <c r="H472629" s="12"/>
    </row>
    <row r="472630" spans="8:8">
      <c r="H472630" s="12"/>
    </row>
    <row r="472631" spans="8:8">
      <c r="H472631" s="12"/>
    </row>
    <row r="472632" spans="8:8">
      <c r="H472632" s="12"/>
    </row>
    <row r="472633" spans="8:8">
      <c r="H472633" s="12"/>
    </row>
    <row r="472634" spans="8:8">
      <c r="H472634" s="12"/>
    </row>
    <row r="472635" spans="8:8">
      <c r="H472635" s="12"/>
    </row>
    <row r="472636" spans="8:8">
      <c r="H472636" s="12"/>
    </row>
    <row r="472637" spans="8:8">
      <c r="H472637" s="12"/>
    </row>
    <row r="472638" spans="8:8">
      <c r="H472638" s="12"/>
    </row>
    <row r="472639" spans="8:8">
      <c r="H472639" s="12"/>
    </row>
    <row r="472640" spans="8:8">
      <c r="H472640" s="12"/>
    </row>
    <row r="472641" spans="8:8">
      <c r="H472641" s="12"/>
    </row>
    <row r="472642" spans="8:8">
      <c r="H472642" s="12"/>
    </row>
    <row r="472643" spans="8:8">
      <c r="H472643" s="12"/>
    </row>
    <row r="472644" spans="8:8">
      <c r="H472644" s="12"/>
    </row>
    <row r="472645" spans="8:8">
      <c r="H472645" s="12"/>
    </row>
    <row r="472646" spans="8:8">
      <c r="H472646" s="12"/>
    </row>
    <row r="472647" spans="8:8">
      <c r="H472647" s="12"/>
    </row>
    <row r="472648" spans="8:8">
      <c r="H472648" s="12"/>
    </row>
    <row r="472649" spans="8:8">
      <c r="H472649" s="12"/>
    </row>
    <row r="472650" spans="8:8">
      <c r="H472650" s="12"/>
    </row>
    <row r="472651" spans="8:8">
      <c r="H472651" s="12"/>
    </row>
    <row r="472652" spans="8:8">
      <c r="H472652" s="12"/>
    </row>
    <row r="472653" spans="8:8">
      <c r="H472653" s="12"/>
    </row>
    <row r="472654" spans="8:8">
      <c r="H472654" s="12"/>
    </row>
    <row r="472655" spans="8:8">
      <c r="H472655" s="12"/>
    </row>
    <row r="472656" spans="8:8">
      <c r="H472656" s="12"/>
    </row>
    <row r="472657" spans="8:8">
      <c r="H472657" s="12"/>
    </row>
    <row r="472658" spans="8:8">
      <c r="H472658" s="12"/>
    </row>
    <row r="472659" spans="8:8">
      <c r="H472659" s="12"/>
    </row>
    <row r="472660" spans="8:8">
      <c r="H472660" s="12"/>
    </row>
    <row r="472661" spans="8:8">
      <c r="H472661" s="12"/>
    </row>
    <row r="472662" spans="8:8">
      <c r="H472662" s="12"/>
    </row>
    <row r="472663" spans="8:8">
      <c r="H472663" s="12"/>
    </row>
    <row r="472664" spans="8:8">
      <c r="H472664" s="12"/>
    </row>
    <row r="472665" spans="8:8">
      <c r="H472665" s="12"/>
    </row>
    <row r="472666" spans="8:8">
      <c r="H472666" s="12"/>
    </row>
    <row r="472667" spans="8:8">
      <c r="H472667" s="12"/>
    </row>
    <row r="472668" spans="8:8">
      <c r="H472668" s="12"/>
    </row>
    <row r="472669" spans="8:8">
      <c r="H472669" s="12"/>
    </row>
    <row r="472670" spans="8:8">
      <c r="H472670" s="12"/>
    </row>
    <row r="472671" spans="8:8">
      <c r="H472671" s="12"/>
    </row>
    <row r="472672" spans="8:8">
      <c r="H472672" s="12"/>
    </row>
    <row r="472673" spans="8:8">
      <c r="H472673" s="12"/>
    </row>
    <row r="472674" spans="8:8">
      <c r="H472674" s="12"/>
    </row>
    <row r="472675" spans="8:8">
      <c r="H472675" s="12"/>
    </row>
    <row r="472676" spans="8:8">
      <c r="H472676" s="12"/>
    </row>
    <row r="472677" spans="8:8">
      <c r="H472677" s="12"/>
    </row>
    <row r="472678" spans="8:8">
      <c r="H472678" s="12"/>
    </row>
    <row r="472679" spans="8:8">
      <c r="H472679" s="12"/>
    </row>
    <row r="472680" spans="8:8">
      <c r="H472680" s="12"/>
    </row>
    <row r="472681" spans="8:8">
      <c r="H472681" s="12"/>
    </row>
    <row r="472682" spans="8:8">
      <c r="H472682" s="12"/>
    </row>
    <row r="472683" spans="8:8">
      <c r="H472683" s="12"/>
    </row>
    <row r="472684" spans="8:8">
      <c r="H472684" s="12"/>
    </row>
    <row r="472685" spans="8:8">
      <c r="H472685" s="12"/>
    </row>
    <row r="472686" spans="8:8">
      <c r="H472686" s="12"/>
    </row>
    <row r="472687" spans="8:8">
      <c r="H472687" s="12"/>
    </row>
    <row r="472688" spans="8:8">
      <c r="H472688" s="12"/>
    </row>
    <row r="472689" spans="8:8">
      <c r="H472689" s="12"/>
    </row>
    <row r="472690" spans="8:8">
      <c r="H472690" s="12"/>
    </row>
    <row r="472691" spans="8:8">
      <c r="H472691" s="12"/>
    </row>
    <row r="472692" spans="8:8">
      <c r="H472692" s="12"/>
    </row>
    <row r="472693" spans="8:8">
      <c r="H472693" s="12"/>
    </row>
    <row r="472694" spans="8:8">
      <c r="H472694" s="12"/>
    </row>
    <row r="472695" spans="8:8">
      <c r="H472695" s="12"/>
    </row>
    <row r="472696" spans="8:8">
      <c r="H472696" s="12"/>
    </row>
    <row r="472697" spans="8:8">
      <c r="H472697" s="12"/>
    </row>
    <row r="472698" spans="8:8">
      <c r="H472698" s="12"/>
    </row>
    <row r="472699" spans="8:8">
      <c r="H472699" s="12"/>
    </row>
    <row r="472700" spans="8:8">
      <c r="H472700" s="12"/>
    </row>
    <row r="472701" spans="8:8">
      <c r="H472701" s="12"/>
    </row>
    <row r="472702" spans="8:8">
      <c r="H472702" s="12"/>
    </row>
    <row r="472703" spans="8:8">
      <c r="H472703" s="12"/>
    </row>
    <row r="472704" spans="8:8">
      <c r="H472704" s="12"/>
    </row>
    <row r="472705" spans="8:8">
      <c r="H472705" s="12"/>
    </row>
    <row r="472706" spans="8:8">
      <c r="H472706" s="12"/>
    </row>
    <row r="472707" spans="8:8">
      <c r="H472707" s="12"/>
    </row>
    <row r="472708" spans="8:8">
      <c r="H472708" s="12"/>
    </row>
    <row r="472709" spans="8:8">
      <c r="H472709" s="12"/>
    </row>
    <row r="472710" spans="8:8">
      <c r="H472710" s="12"/>
    </row>
    <row r="472711" spans="8:8">
      <c r="H472711" s="12"/>
    </row>
    <row r="472712" spans="8:8">
      <c r="H472712" s="12"/>
    </row>
    <row r="472713" spans="8:8">
      <c r="H472713" s="12"/>
    </row>
    <row r="472714" spans="8:8">
      <c r="H472714" s="12"/>
    </row>
    <row r="472715" spans="8:8">
      <c r="H472715" s="12"/>
    </row>
    <row r="472716" spans="8:8">
      <c r="H472716" s="12"/>
    </row>
    <row r="472717" spans="8:8">
      <c r="H472717" s="12"/>
    </row>
    <row r="472718" spans="8:8">
      <c r="H472718" s="12"/>
    </row>
    <row r="472719" spans="8:8">
      <c r="H472719" s="12"/>
    </row>
    <row r="472720" spans="8:8">
      <c r="H472720" s="12"/>
    </row>
    <row r="472721" spans="8:8">
      <c r="H472721" s="12"/>
    </row>
    <row r="472722" spans="8:8">
      <c r="H472722" s="12"/>
    </row>
    <row r="472723" spans="8:8">
      <c r="H472723" s="12"/>
    </row>
    <row r="472724" spans="8:8">
      <c r="H472724" s="12"/>
    </row>
    <row r="472725" spans="8:8">
      <c r="H472725" s="12"/>
    </row>
    <row r="472726" spans="8:8">
      <c r="H472726" s="12"/>
    </row>
    <row r="472727" spans="8:8">
      <c r="H472727" s="12"/>
    </row>
    <row r="472728" spans="8:8">
      <c r="H472728" s="12"/>
    </row>
    <row r="472729" spans="8:8">
      <c r="H472729" s="12"/>
    </row>
    <row r="472730" spans="8:8">
      <c r="H472730" s="12"/>
    </row>
    <row r="472731" spans="8:8">
      <c r="H472731" s="12"/>
    </row>
    <row r="472732" spans="8:8">
      <c r="H472732" s="12"/>
    </row>
    <row r="472733" spans="8:8">
      <c r="H472733" s="12"/>
    </row>
    <row r="472734" spans="8:8">
      <c r="H472734" s="12"/>
    </row>
    <row r="472735" spans="8:8">
      <c r="H472735" s="12"/>
    </row>
    <row r="472736" spans="8:8">
      <c r="H472736" s="12"/>
    </row>
    <row r="472737" spans="8:8">
      <c r="H472737" s="12"/>
    </row>
    <row r="472738" spans="8:8">
      <c r="H472738" s="12"/>
    </row>
    <row r="472739" spans="8:8">
      <c r="H472739" s="12"/>
    </row>
    <row r="472740" spans="8:8">
      <c r="H472740" s="12"/>
    </row>
    <row r="472741" spans="8:8">
      <c r="H472741" s="12"/>
    </row>
    <row r="472742" spans="8:8">
      <c r="H472742" s="12"/>
    </row>
    <row r="472743" spans="8:8">
      <c r="H472743" s="12"/>
    </row>
    <row r="472744" spans="8:8">
      <c r="H472744" s="12"/>
    </row>
    <row r="472745" spans="8:8">
      <c r="H472745" s="12"/>
    </row>
    <row r="472746" spans="8:8">
      <c r="H472746" s="12"/>
    </row>
    <row r="472747" spans="8:8">
      <c r="H472747" s="12"/>
    </row>
    <row r="472748" spans="8:8">
      <c r="H472748" s="12"/>
    </row>
    <row r="472749" spans="8:8">
      <c r="H472749" s="12"/>
    </row>
    <row r="472750" spans="8:8">
      <c r="H472750" s="12"/>
    </row>
    <row r="472751" spans="8:8">
      <c r="H472751" s="12"/>
    </row>
    <row r="472752" spans="8:8">
      <c r="H472752" s="12"/>
    </row>
    <row r="472753" spans="8:8">
      <c r="H472753" s="12"/>
    </row>
    <row r="472754" spans="8:8">
      <c r="H472754" s="12"/>
    </row>
    <row r="472755" spans="8:8">
      <c r="H472755" s="12"/>
    </row>
    <row r="472756" spans="8:8">
      <c r="H472756" s="12"/>
    </row>
    <row r="472757" spans="8:8">
      <c r="H472757" s="12"/>
    </row>
    <row r="472758" spans="8:8">
      <c r="H472758" s="12"/>
    </row>
    <row r="472759" spans="8:8">
      <c r="H472759" s="12"/>
    </row>
    <row r="472760" spans="8:8">
      <c r="H472760" s="12"/>
    </row>
    <row r="472761" spans="8:8">
      <c r="H472761" s="12"/>
    </row>
    <row r="472762" spans="8:8">
      <c r="H472762" s="12"/>
    </row>
    <row r="472763" spans="8:8">
      <c r="H472763" s="12"/>
    </row>
    <row r="472764" spans="8:8">
      <c r="H472764" s="12"/>
    </row>
    <row r="472765" spans="8:8">
      <c r="H472765" s="12"/>
    </row>
    <row r="472766" spans="8:8">
      <c r="H472766" s="12"/>
    </row>
    <row r="472767" spans="8:8">
      <c r="H472767" s="12"/>
    </row>
    <row r="472768" spans="8:8">
      <c r="H472768" s="12"/>
    </row>
    <row r="472769" spans="8:8">
      <c r="H472769" s="12"/>
    </row>
    <row r="472770" spans="8:8">
      <c r="H472770" s="12"/>
    </row>
    <row r="472771" spans="8:8">
      <c r="H472771" s="12"/>
    </row>
    <row r="472772" spans="8:8">
      <c r="H472772" s="12"/>
    </row>
    <row r="472773" spans="8:8">
      <c r="H472773" s="12"/>
    </row>
    <row r="472774" spans="8:8">
      <c r="H472774" s="12"/>
    </row>
    <row r="472775" spans="8:8">
      <c r="H472775" s="12"/>
    </row>
    <row r="472776" spans="8:8">
      <c r="H472776" s="12"/>
    </row>
    <row r="472777" spans="8:8">
      <c r="H472777" s="12"/>
    </row>
    <row r="472778" spans="8:8">
      <c r="H472778" s="12"/>
    </row>
    <row r="472779" spans="8:8">
      <c r="H472779" s="12"/>
    </row>
    <row r="472780" spans="8:8">
      <c r="H472780" s="12"/>
    </row>
    <row r="472781" spans="8:8">
      <c r="H472781" s="12"/>
    </row>
    <row r="472782" spans="8:8">
      <c r="H472782" s="12"/>
    </row>
    <row r="472783" spans="8:8">
      <c r="H472783" s="12"/>
    </row>
    <row r="472784" spans="8:8">
      <c r="H472784" s="12"/>
    </row>
    <row r="472785" spans="8:8">
      <c r="H472785" s="12"/>
    </row>
    <row r="472786" spans="8:8">
      <c r="H472786" s="12"/>
    </row>
    <row r="472787" spans="8:8">
      <c r="H472787" s="12"/>
    </row>
    <row r="472788" spans="8:8">
      <c r="H472788" s="12"/>
    </row>
    <row r="472789" spans="8:8">
      <c r="H472789" s="12"/>
    </row>
    <row r="472790" spans="8:8">
      <c r="H472790" s="12"/>
    </row>
    <row r="472791" spans="8:8">
      <c r="H472791" s="12"/>
    </row>
    <row r="472792" spans="8:8">
      <c r="H472792" s="12"/>
    </row>
    <row r="472793" spans="8:8">
      <c r="H472793" s="12"/>
    </row>
    <row r="472794" spans="8:8">
      <c r="H472794" s="12"/>
    </row>
    <row r="472795" spans="8:8">
      <c r="H472795" s="12"/>
    </row>
    <row r="472796" spans="8:8">
      <c r="H472796" s="12"/>
    </row>
    <row r="472797" spans="8:8">
      <c r="H472797" s="12"/>
    </row>
    <row r="472798" spans="8:8">
      <c r="H472798" s="12"/>
    </row>
    <row r="472799" spans="8:8">
      <c r="H472799" s="12"/>
    </row>
    <row r="472800" spans="8:8">
      <c r="H472800" s="12"/>
    </row>
    <row r="472801" spans="8:8">
      <c r="H472801" s="12"/>
    </row>
    <row r="472802" spans="8:8">
      <c r="H472802" s="12"/>
    </row>
    <row r="472803" spans="8:8">
      <c r="H472803" s="12"/>
    </row>
    <row r="472804" spans="8:8">
      <c r="H472804" s="12"/>
    </row>
    <row r="472805" spans="8:8">
      <c r="H472805" s="12"/>
    </row>
    <row r="472806" spans="8:8">
      <c r="H472806" s="12"/>
    </row>
    <row r="472807" spans="8:8">
      <c r="H472807" s="12"/>
    </row>
    <row r="472808" spans="8:8">
      <c r="H472808" s="12"/>
    </row>
    <row r="472809" spans="8:8">
      <c r="H472809" s="12"/>
    </row>
    <row r="472810" spans="8:8">
      <c r="H472810" s="12"/>
    </row>
    <row r="472811" spans="8:8">
      <c r="H472811" s="12"/>
    </row>
    <row r="472812" spans="8:8">
      <c r="H472812" s="12"/>
    </row>
    <row r="472813" spans="8:8">
      <c r="H472813" s="12"/>
    </row>
    <row r="472814" spans="8:8">
      <c r="H472814" s="12"/>
    </row>
    <row r="472815" spans="8:8">
      <c r="H472815" s="12"/>
    </row>
    <row r="472816" spans="8:8">
      <c r="H472816" s="12"/>
    </row>
    <row r="472817" spans="8:8">
      <c r="H472817" s="12"/>
    </row>
    <row r="472818" spans="8:8">
      <c r="H472818" s="12"/>
    </row>
    <row r="472819" spans="8:8">
      <c r="H472819" s="12"/>
    </row>
    <row r="472820" spans="8:8">
      <c r="H472820" s="12"/>
    </row>
    <row r="472821" spans="8:8">
      <c r="H472821" s="12"/>
    </row>
    <row r="472822" spans="8:8">
      <c r="H472822" s="12"/>
    </row>
    <row r="472823" spans="8:8">
      <c r="H472823" s="12"/>
    </row>
    <row r="472824" spans="8:8">
      <c r="H472824" s="12"/>
    </row>
    <row r="472825" spans="8:8">
      <c r="H472825" s="12"/>
    </row>
    <row r="472826" spans="8:8">
      <c r="H472826" s="12"/>
    </row>
    <row r="472827" spans="8:8">
      <c r="H472827" s="12"/>
    </row>
    <row r="472828" spans="8:8">
      <c r="H472828" s="12"/>
    </row>
    <row r="472829" spans="8:8">
      <c r="H472829" s="12"/>
    </row>
    <row r="472830" spans="8:8">
      <c r="H472830" s="12"/>
    </row>
    <row r="472831" spans="8:8">
      <c r="H472831" s="12"/>
    </row>
    <row r="472832" spans="8:8">
      <c r="H472832" s="12"/>
    </row>
    <row r="472833" spans="8:8">
      <c r="H472833" s="12"/>
    </row>
    <row r="472834" spans="8:8">
      <c r="H472834" s="12"/>
    </row>
    <row r="472835" spans="8:8">
      <c r="H472835" s="12"/>
    </row>
    <row r="472836" spans="8:8">
      <c r="H472836" s="12"/>
    </row>
    <row r="472837" spans="8:8">
      <c r="H472837" s="12"/>
    </row>
    <row r="472838" spans="8:8">
      <c r="H472838" s="12"/>
    </row>
    <row r="472839" spans="8:8">
      <c r="H472839" s="12"/>
    </row>
    <row r="472840" spans="8:8">
      <c r="H472840" s="12"/>
    </row>
    <row r="472841" spans="8:8">
      <c r="H472841" s="12"/>
    </row>
    <row r="472842" spans="8:8">
      <c r="H472842" s="12"/>
    </row>
    <row r="472843" spans="8:8">
      <c r="H472843" s="12"/>
    </row>
    <row r="472844" spans="8:8">
      <c r="H472844" s="12"/>
    </row>
    <row r="472845" spans="8:8">
      <c r="H472845" s="12"/>
    </row>
    <row r="472846" spans="8:8">
      <c r="H472846" s="12"/>
    </row>
    <row r="472847" spans="8:8">
      <c r="H472847" s="12"/>
    </row>
    <row r="472848" spans="8:8">
      <c r="H472848" s="12"/>
    </row>
    <row r="472849" spans="8:8">
      <c r="H472849" s="12"/>
    </row>
    <row r="472850" spans="8:8">
      <c r="H472850" s="12"/>
    </row>
    <row r="472851" spans="8:8">
      <c r="H472851" s="12"/>
    </row>
    <row r="472852" spans="8:8">
      <c r="H472852" s="12"/>
    </row>
    <row r="472853" spans="8:8">
      <c r="H472853" s="12"/>
    </row>
    <row r="472854" spans="8:8">
      <c r="H472854" s="12"/>
    </row>
    <row r="472855" spans="8:8">
      <c r="H472855" s="12"/>
    </row>
    <row r="472856" spans="8:8">
      <c r="H472856" s="12"/>
    </row>
    <row r="472857" spans="8:8">
      <c r="H472857" s="12"/>
    </row>
    <row r="472858" spans="8:8">
      <c r="H472858" s="12"/>
    </row>
    <row r="472859" spans="8:8">
      <c r="H472859" s="12"/>
    </row>
    <row r="472860" spans="8:8">
      <c r="H472860" s="12"/>
    </row>
    <row r="472861" spans="8:8">
      <c r="H472861" s="12"/>
    </row>
    <row r="472862" spans="8:8">
      <c r="H472862" s="12"/>
    </row>
    <row r="472863" spans="8:8">
      <c r="H472863" s="12"/>
    </row>
    <row r="472864" spans="8:8">
      <c r="H472864" s="12"/>
    </row>
    <row r="472865" spans="8:8">
      <c r="H472865" s="12"/>
    </row>
    <row r="472866" spans="8:8">
      <c r="H472866" s="12"/>
    </row>
    <row r="472867" spans="8:8">
      <c r="H472867" s="12"/>
    </row>
    <row r="472868" spans="8:8">
      <c r="H472868" s="12"/>
    </row>
    <row r="472869" spans="8:8">
      <c r="H472869" s="12"/>
    </row>
    <row r="472870" spans="8:8">
      <c r="H472870" s="12"/>
    </row>
    <row r="472871" spans="8:8">
      <c r="H472871" s="12"/>
    </row>
    <row r="472872" spans="8:8">
      <c r="H472872" s="12"/>
    </row>
    <row r="472873" spans="8:8">
      <c r="H472873" s="12"/>
    </row>
    <row r="472874" spans="8:8">
      <c r="H472874" s="12"/>
    </row>
    <row r="472875" spans="8:8">
      <c r="H472875" s="12"/>
    </row>
    <row r="472876" spans="8:8">
      <c r="H472876" s="12"/>
    </row>
    <row r="472877" spans="8:8">
      <c r="H472877" s="12"/>
    </row>
    <row r="472878" spans="8:8">
      <c r="H472878" s="12"/>
    </row>
    <row r="472879" spans="8:8">
      <c r="H472879" s="12"/>
    </row>
    <row r="472880" spans="8:8">
      <c r="H472880" s="12"/>
    </row>
    <row r="472881" spans="8:8">
      <c r="H472881" s="12"/>
    </row>
    <row r="472882" spans="8:8">
      <c r="H472882" s="12"/>
    </row>
    <row r="472883" spans="8:8">
      <c r="H472883" s="12"/>
    </row>
    <row r="472884" spans="8:8">
      <c r="H472884" s="12"/>
    </row>
    <row r="472885" spans="8:8">
      <c r="H472885" s="12"/>
    </row>
    <row r="472886" spans="8:8">
      <c r="H472886" s="12"/>
    </row>
    <row r="472887" spans="8:8">
      <c r="H472887" s="12"/>
    </row>
    <row r="472888" spans="8:8">
      <c r="H472888" s="12"/>
    </row>
    <row r="472889" spans="8:8">
      <c r="H472889" s="12"/>
    </row>
    <row r="472890" spans="8:8">
      <c r="H472890" s="12"/>
    </row>
    <row r="472891" spans="8:8">
      <c r="H472891" s="12"/>
    </row>
    <row r="472892" spans="8:8">
      <c r="H472892" s="12"/>
    </row>
    <row r="472893" spans="8:8">
      <c r="H472893" s="12"/>
    </row>
    <row r="472894" spans="8:8">
      <c r="H472894" s="12"/>
    </row>
    <row r="472895" spans="8:8">
      <c r="H472895" s="12"/>
    </row>
    <row r="472896" spans="8:8">
      <c r="H472896" s="12"/>
    </row>
    <row r="472897" spans="8:8">
      <c r="H472897" s="12"/>
    </row>
    <row r="472898" spans="8:8">
      <c r="H472898" s="12"/>
    </row>
    <row r="472899" spans="8:8">
      <c r="H472899" s="12"/>
    </row>
    <row r="472900" spans="8:8">
      <c r="H472900" s="12"/>
    </row>
    <row r="472901" spans="8:8">
      <c r="H472901" s="12"/>
    </row>
    <row r="472902" spans="8:8">
      <c r="H472902" s="12"/>
    </row>
    <row r="472903" spans="8:8">
      <c r="H472903" s="12"/>
    </row>
    <row r="472904" spans="8:8">
      <c r="H472904" s="12"/>
    </row>
    <row r="472905" spans="8:8">
      <c r="H472905" s="12"/>
    </row>
    <row r="472906" spans="8:8">
      <c r="H472906" s="12"/>
    </row>
    <row r="472907" spans="8:8">
      <c r="H472907" s="12"/>
    </row>
    <row r="472908" spans="8:8">
      <c r="H472908" s="12"/>
    </row>
    <row r="472909" spans="8:8">
      <c r="H472909" s="12"/>
    </row>
    <row r="472910" spans="8:8">
      <c r="H472910" s="12"/>
    </row>
    <row r="472911" spans="8:8">
      <c r="H472911" s="12"/>
    </row>
    <row r="472912" spans="8:8">
      <c r="H472912" s="12"/>
    </row>
    <row r="472913" spans="8:8">
      <c r="H472913" s="12"/>
    </row>
    <row r="472914" spans="8:8">
      <c r="H472914" s="12"/>
    </row>
    <row r="472915" spans="8:8">
      <c r="H472915" s="12"/>
    </row>
    <row r="472916" spans="8:8">
      <c r="H472916" s="12"/>
    </row>
    <row r="472917" spans="8:8">
      <c r="H472917" s="12"/>
    </row>
    <row r="472918" spans="8:8">
      <c r="H472918" s="12"/>
    </row>
    <row r="472919" spans="8:8">
      <c r="H472919" s="12"/>
    </row>
    <row r="472920" spans="8:8">
      <c r="H472920" s="12"/>
    </row>
    <row r="472921" spans="8:8">
      <c r="H472921" s="12"/>
    </row>
    <row r="472922" spans="8:8">
      <c r="H472922" s="12"/>
    </row>
    <row r="472923" spans="8:8">
      <c r="H472923" s="12"/>
    </row>
    <row r="472924" spans="8:8">
      <c r="H472924" s="12"/>
    </row>
    <row r="472925" spans="8:8">
      <c r="H472925" s="12"/>
    </row>
    <row r="472926" spans="8:8">
      <c r="H472926" s="12"/>
    </row>
    <row r="472927" spans="8:8">
      <c r="H472927" s="12"/>
    </row>
    <row r="472928" spans="8:8">
      <c r="H472928" s="12"/>
    </row>
    <row r="472929" spans="8:8">
      <c r="H472929" s="12"/>
    </row>
    <row r="472930" spans="8:8">
      <c r="H472930" s="12"/>
    </row>
    <row r="472931" spans="8:8">
      <c r="H472931" s="12"/>
    </row>
    <row r="472932" spans="8:8">
      <c r="H472932" s="12"/>
    </row>
    <row r="472933" spans="8:8">
      <c r="H472933" s="12"/>
    </row>
    <row r="472934" spans="8:8">
      <c r="H472934" s="12"/>
    </row>
    <row r="472935" spans="8:8">
      <c r="H472935" s="12"/>
    </row>
    <row r="472936" spans="8:8">
      <c r="H472936" s="12"/>
    </row>
    <row r="472937" spans="8:8">
      <c r="H472937" s="12"/>
    </row>
    <row r="472938" spans="8:8">
      <c r="H472938" s="12"/>
    </row>
    <row r="472939" spans="8:8">
      <c r="H472939" s="12"/>
    </row>
    <row r="472940" spans="8:8">
      <c r="H472940" s="12"/>
    </row>
    <row r="472941" spans="8:8">
      <c r="H472941" s="12"/>
    </row>
    <row r="472942" spans="8:8">
      <c r="H472942" s="12"/>
    </row>
    <row r="472943" spans="8:8">
      <c r="H472943" s="12"/>
    </row>
    <row r="472944" spans="8:8">
      <c r="H472944" s="12"/>
    </row>
    <row r="472945" spans="8:8">
      <c r="H472945" s="12"/>
    </row>
    <row r="472946" spans="8:8">
      <c r="H472946" s="12"/>
    </row>
    <row r="472947" spans="8:8">
      <c r="H472947" s="12"/>
    </row>
    <row r="472948" spans="8:8">
      <c r="H472948" s="12"/>
    </row>
    <row r="472949" spans="8:8">
      <c r="H472949" s="12"/>
    </row>
    <row r="472950" spans="8:8">
      <c r="H472950" s="12"/>
    </row>
    <row r="472951" spans="8:8">
      <c r="H472951" s="12"/>
    </row>
    <row r="472952" spans="8:8">
      <c r="H472952" s="12"/>
    </row>
    <row r="472953" spans="8:8">
      <c r="H472953" s="12"/>
    </row>
    <row r="472954" spans="8:8">
      <c r="H472954" s="12"/>
    </row>
    <row r="472955" spans="8:8">
      <c r="H472955" s="12"/>
    </row>
    <row r="472956" spans="8:8">
      <c r="H472956" s="12"/>
    </row>
    <row r="472957" spans="8:8">
      <c r="H472957" s="12"/>
    </row>
    <row r="472958" spans="8:8">
      <c r="H472958" s="12"/>
    </row>
    <row r="472959" spans="8:8">
      <c r="H472959" s="12"/>
    </row>
    <row r="472960" spans="8:8">
      <c r="H472960" s="12"/>
    </row>
    <row r="472961" spans="8:8">
      <c r="H472961" s="12"/>
    </row>
    <row r="472962" spans="8:8">
      <c r="H472962" s="12"/>
    </row>
    <row r="472963" spans="8:8">
      <c r="H472963" s="12"/>
    </row>
    <row r="472964" spans="8:8">
      <c r="H472964" s="12"/>
    </row>
    <row r="472965" spans="8:8">
      <c r="H472965" s="12"/>
    </row>
    <row r="472966" spans="8:8">
      <c r="H472966" s="12"/>
    </row>
    <row r="472967" spans="8:8">
      <c r="H472967" s="12"/>
    </row>
    <row r="472968" spans="8:8">
      <c r="H472968" s="12"/>
    </row>
    <row r="472969" spans="8:8">
      <c r="H472969" s="12"/>
    </row>
    <row r="472970" spans="8:8">
      <c r="H472970" s="12"/>
    </row>
    <row r="472971" spans="8:8">
      <c r="H472971" s="12"/>
    </row>
    <row r="472972" spans="8:8">
      <c r="H472972" s="12"/>
    </row>
    <row r="472973" spans="8:8">
      <c r="H472973" s="12"/>
    </row>
    <row r="472974" spans="8:8">
      <c r="H472974" s="12"/>
    </row>
    <row r="472975" spans="8:8">
      <c r="H472975" s="12"/>
    </row>
    <row r="472976" spans="8:8">
      <c r="H472976" s="12"/>
    </row>
    <row r="472977" spans="8:8">
      <c r="H472977" s="12"/>
    </row>
    <row r="472978" spans="8:8">
      <c r="H472978" s="12"/>
    </row>
    <row r="472979" spans="8:8">
      <c r="H472979" s="12"/>
    </row>
    <row r="472980" spans="8:8">
      <c r="H472980" s="12"/>
    </row>
    <row r="472981" spans="8:8">
      <c r="H472981" s="12"/>
    </row>
    <row r="472982" spans="8:8">
      <c r="H472982" s="12"/>
    </row>
    <row r="472983" spans="8:8">
      <c r="H472983" s="12"/>
    </row>
    <row r="472984" spans="8:8">
      <c r="H472984" s="12"/>
    </row>
    <row r="472985" spans="8:8">
      <c r="H472985" s="12"/>
    </row>
    <row r="472986" spans="8:8">
      <c r="H472986" s="12"/>
    </row>
    <row r="472987" spans="8:8">
      <c r="H472987" s="12"/>
    </row>
    <row r="472988" spans="8:8">
      <c r="H472988" s="12"/>
    </row>
    <row r="472989" spans="8:8">
      <c r="H472989" s="12"/>
    </row>
    <row r="472990" spans="8:8">
      <c r="H472990" s="12"/>
    </row>
    <row r="472991" spans="8:8">
      <c r="H472991" s="12"/>
    </row>
    <row r="472992" spans="8:8">
      <c r="H472992" s="12"/>
    </row>
    <row r="472993" spans="8:8">
      <c r="H472993" s="12"/>
    </row>
    <row r="472994" spans="8:8">
      <c r="H472994" s="12"/>
    </row>
    <row r="472995" spans="8:8">
      <c r="H472995" s="12"/>
    </row>
    <row r="472996" spans="8:8">
      <c r="H472996" s="12"/>
    </row>
    <row r="472997" spans="8:8">
      <c r="H472997" s="12"/>
    </row>
    <row r="472998" spans="8:8">
      <c r="H472998" s="12"/>
    </row>
    <row r="472999" spans="8:8">
      <c r="H472999" s="12"/>
    </row>
    <row r="473000" spans="8:8">
      <c r="H473000" s="12"/>
    </row>
    <row r="473001" spans="8:8">
      <c r="H473001" s="12"/>
    </row>
    <row r="473002" spans="8:8">
      <c r="H473002" s="12"/>
    </row>
    <row r="473003" spans="8:8">
      <c r="H473003" s="12"/>
    </row>
    <row r="473004" spans="8:8">
      <c r="H473004" s="12"/>
    </row>
    <row r="473005" spans="8:8">
      <c r="H473005" s="12"/>
    </row>
    <row r="473006" spans="8:8">
      <c r="H473006" s="12"/>
    </row>
    <row r="473007" spans="8:8">
      <c r="H473007" s="12"/>
    </row>
    <row r="473008" spans="8:8">
      <c r="H473008" s="12"/>
    </row>
    <row r="473009" spans="8:8">
      <c r="H473009" s="12"/>
    </row>
    <row r="473010" spans="8:8">
      <c r="H473010" s="12"/>
    </row>
    <row r="473011" spans="8:8">
      <c r="H473011" s="12"/>
    </row>
    <row r="473012" spans="8:8">
      <c r="H473012" s="12"/>
    </row>
    <row r="473013" spans="8:8">
      <c r="H473013" s="12"/>
    </row>
    <row r="473014" spans="8:8">
      <c r="H473014" s="12"/>
    </row>
    <row r="473015" spans="8:8">
      <c r="H473015" s="12"/>
    </row>
    <row r="473016" spans="8:8">
      <c r="H473016" s="12"/>
    </row>
    <row r="473017" spans="8:8">
      <c r="H473017" s="12"/>
    </row>
    <row r="473018" spans="8:8">
      <c r="H473018" s="12"/>
    </row>
    <row r="473019" spans="8:8">
      <c r="H473019" s="12"/>
    </row>
    <row r="473020" spans="8:8">
      <c r="H473020" s="12"/>
    </row>
    <row r="473021" spans="8:8">
      <c r="H473021" s="12"/>
    </row>
    <row r="473022" spans="8:8">
      <c r="H473022" s="12"/>
    </row>
    <row r="473023" spans="8:8">
      <c r="H473023" s="12"/>
    </row>
    <row r="473024" spans="8:8">
      <c r="H473024" s="12"/>
    </row>
    <row r="473025" spans="8:8">
      <c r="H473025" s="12"/>
    </row>
    <row r="473026" spans="8:8">
      <c r="H473026" s="12"/>
    </row>
    <row r="473027" spans="8:8">
      <c r="H473027" s="12"/>
    </row>
    <row r="473028" spans="8:8">
      <c r="H473028" s="12"/>
    </row>
    <row r="473029" spans="8:8">
      <c r="H473029" s="12"/>
    </row>
    <row r="473030" spans="8:8">
      <c r="H473030" s="12"/>
    </row>
    <row r="473031" spans="8:8">
      <c r="H473031" s="12"/>
    </row>
    <row r="473032" spans="8:8">
      <c r="H473032" s="12"/>
    </row>
    <row r="473033" spans="8:8">
      <c r="H473033" s="12"/>
    </row>
    <row r="473034" spans="8:8">
      <c r="H473034" s="12"/>
    </row>
    <row r="473035" spans="8:8">
      <c r="H473035" s="12"/>
    </row>
    <row r="473036" spans="8:8">
      <c r="H473036" s="12"/>
    </row>
    <row r="473037" spans="8:8">
      <c r="H473037" s="12"/>
    </row>
    <row r="473038" spans="8:8">
      <c r="H473038" s="12"/>
    </row>
    <row r="473039" spans="8:8">
      <c r="H473039" s="12"/>
    </row>
    <row r="473040" spans="8:8">
      <c r="H473040" s="12"/>
    </row>
    <row r="473041" spans="8:8">
      <c r="H473041" s="12"/>
    </row>
    <row r="473042" spans="8:8">
      <c r="H473042" s="12"/>
    </row>
    <row r="473043" spans="8:8">
      <c r="H473043" s="12"/>
    </row>
    <row r="473044" spans="8:8">
      <c r="H473044" s="12"/>
    </row>
    <row r="473045" spans="8:8">
      <c r="H473045" s="12"/>
    </row>
    <row r="473046" spans="8:8">
      <c r="H473046" s="12"/>
    </row>
    <row r="473047" spans="8:8">
      <c r="H473047" s="12"/>
    </row>
    <row r="473048" spans="8:8">
      <c r="H473048" s="12"/>
    </row>
    <row r="473049" spans="8:8">
      <c r="H473049" s="12"/>
    </row>
    <row r="473050" spans="8:8">
      <c r="H473050" s="12"/>
    </row>
    <row r="473051" spans="8:8">
      <c r="H473051" s="12"/>
    </row>
    <row r="473052" spans="8:8">
      <c r="H473052" s="12"/>
    </row>
    <row r="473053" spans="8:8">
      <c r="H473053" s="12"/>
    </row>
    <row r="473054" spans="8:8">
      <c r="H473054" s="12"/>
    </row>
    <row r="473055" spans="8:8">
      <c r="H473055" s="12"/>
    </row>
    <row r="473056" spans="8:8">
      <c r="H473056" s="12"/>
    </row>
    <row r="473057" spans="8:8">
      <c r="H473057" s="12"/>
    </row>
    <row r="473058" spans="8:8">
      <c r="H473058" s="12"/>
    </row>
    <row r="473059" spans="8:8">
      <c r="H473059" s="12"/>
    </row>
    <row r="473060" spans="8:8">
      <c r="H473060" s="12"/>
    </row>
    <row r="473061" spans="8:8">
      <c r="H473061" s="12"/>
    </row>
    <row r="473062" spans="8:8">
      <c r="H473062" s="12"/>
    </row>
    <row r="473063" spans="8:8">
      <c r="H473063" s="12"/>
    </row>
    <row r="473064" spans="8:8">
      <c r="H473064" s="12"/>
    </row>
    <row r="473065" spans="8:8">
      <c r="H473065" s="12"/>
    </row>
    <row r="473066" spans="8:8">
      <c r="H473066" s="12"/>
    </row>
    <row r="473067" spans="8:8">
      <c r="H473067" s="12"/>
    </row>
    <row r="473068" spans="8:8">
      <c r="H473068" s="12"/>
    </row>
    <row r="473069" spans="8:8">
      <c r="H473069" s="12"/>
    </row>
    <row r="473070" spans="8:8">
      <c r="H473070" s="12"/>
    </row>
    <row r="473071" spans="8:8">
      <c r="H473071" s="12"/>
    </row>
    <row r="473072" spans="8:8">
      <c r="H473072" s="12"/>
    </row>
    <row r="473073" spans="8:8">
      <c r="H473073" s="12"/>
    </row>
    <row r="473074" spans="8:8">
      <c r="H473074" s="12"/>
    </row>
    <row r="473075" spans="8:8">
      <c r="H473075" s="12"/>
    </row>
    <row r="473076" spans="8:8">
      <c r="H473076" s="12"/>
    </row>
    <row r="473077" spans="8:8">
      <c r="H473077" s="12"/>
    </row>
    <row r="473078" spans="8:8">
      <c r="H473078" s="12"/>
    </row>
    <row r="473079" spans="8:8">
      <c r="H473079" s="12"/>
    </row>
    <row r="473080" spans="8:8">
      <c r="H473080" s="12"/>
    </row>
    <row r="473081" spans="8:8">
      <c r="H473081" s="12"/>
    </row>
    <row r="473082" spans="8:8">
      <c r="H473082" s="12"/>
    </row>
    <row r="473083" spans="8:8">
      <c r="H473083" s="12"/>
    </row>
    <row r="473084" spans="8:8">
      <c r="H473084" s="12"/>
    </row>
    <row r="473085" spans="8:8">
      <c r="H473085" s="12"/>
    </row>
    <row r="473086" spans="8:8">
      <c r="H473086" s="12"/>
    </row>
    <row r="473087" spans="8:8">
      <c r="H473087" s="12"/>
    </row>
    <row r="473088" spans="8:8">
      <c r="H473088" s="12"/>
    </row>
    <row r="473089" spans="8:8">
      <c r="H473089" s="12"/>
    </row>
    <row r="473090" spans="8:8">
      <c r="H473090" s="12"/>
    </row>
    <row r="473091" spans="8:8">
      <c r="H473091" s="12"/>
    </row>
    <row r="473092" spans="8:8">
      <c r="H473092" s="12"/>
    </row>
    <row r="473093" spans="8:8">
      <c r="H473093" s="12"/>
    </row>
    <row r="473094" spans="8:8">
      <c r="H473094" s="12"/>
    </row>
    <row r="473095" spans="8:8">
      <c r="H473095" s="12"/>
    </row>
    <row r="473096" spans="8:8">
      <c r="H473096" s="12"/>
    </row>
    <row r="473097" spans="8:8">
      <c r="H473097" s="12"/>
    </row>
    <row r="473098" spans="8:8">
      <c r="H473098" s="12"/>
    </row>
    <row r="473099" spans="8:8">
      <c r="H473099" s="12"/>
    </row>
    <row r="473100" spans="8:8">
      <c r="H473100" s="12"/>
    </row>
    <row r="473101" spans="8:8">
      <c r="H473101" s="12"/>
    </row>
    <row r="473102" spans="8:8">
      <c r="H473102" s="12"/>
    </row>
    <row r="473103" spans="8:8">
      <c r="H473103" s="12"/>
    </row>
    <row r="473104" spans="8:8">
      <c r="H473104" s="12"/>
    </row>
    <row r="473105" spans="8:8">
      <c r="H473105" s="12"/>
    </row>
    <row r="473106" spans="8:8">
      <c r="H473106" s="12"/>
    </row>
    <row r="473107" spans="8:8">
      <c r="H473107" s="12"/>
    </row>
    <row r="473108" spans="8:8">
      <c r="H473108" s="12"/>
    </row>
    <row r="473109" spans="8:8">
      <c r="H473109" s="12"/>
    </row>
    <row r="473110" spans="8:8">
      <c r="H473110" s="12"/>
    </row>
    <row r="473111" spans="8:8">
      <c r="H473111" s="12"/>
    </row>
    <row r="473112" spans="8:8">
      <c r="H473112" s="12"/>
    </row>
    <row r="473113" spans="8:8">
      <c r="H473113" s="12"/>
    </row>
    <row r="473114" spans="8:8">
      <c r="H473114" s="12"/>
    </row>
    <row r="473115" spans="8:8">
      <c r="H473115" s="12"/>
    </row>
    <row r="473116" spans="8:8">
      <c r="H473116" s="12"/>
    </row>
    <row r="473117" spans="8:8">
      <c r="H473117" s="12"/>
    </row>
    <row r="473118" spans="8:8">
      <c r="H473118" s="12"/>
    </row>
    <row r="473119" spans="8:8">
      <c r="H473119" s="12"/>
    </row>
    <row r="473120" spans="8:8">
      <c r="H473120" s="12"/>
    </row>
    <row r="473121" spans="8:8">
      <c r="H473121" s="12"/>
    </row>
    <row r="473122" spans="8:8">
      <c r="H473122" s="12"/>
    </row>
    <row r="473123" spans="8:8">
      <c r="H473123" s="12"/>
    </row>
    <row r="473124" spans="8:8">
      <c r="H473124" s="12"/>
    </row>
    <row r="473125" spans="8:8">
      <c r="H473125" s="12"/>
    </row>
    <row r="473126" spans="8:8">
      <c r="H473126" s="12"/>
    </row>
    <row r="473127" spans="8:8">
      <c r="H473127" s="12"/>
    </row>
    <row r="473128" spans="8:8">
      <c r="H473128" s="12"/>
    </row>
    <row r="473129" spans="8:8">
      <c r="H473129" s="12"/>
    </row>
    <row r="473130" spans="8:8">
      <c r="H473130" s="12"/>
    </row>
    <row r="473131" spans="8:8">
      <c r="H473131" s="12"/>
    </row>
    <row r="473132" spans="8:8">
      <c r="H473132" s="12"/>
    </row>
    <row r="473133" spans="8:8">
      <c r="H473133" s="12"/>
    </row>
    <row r="473134" spans="8:8">
      <c r="H473134" s="12"/>
    </row>
    <row r="473135" spans="8:8">
      <c r="H473135" s="12"/>
    </row>
    <row r="473136" spans="8:8">
      <c r="H473136" s="12"/>
    </row>
    <row r="473137" spans="8:8">
      <c r="H473137" s="12"/>
    </row>
    <row r="473138" spans="8:8">
      <c r="H473138" s="12"/>
    </row>
    <row r="473139" spans="8:8">
      <c r="H473139" s="12"/>
    </row>
    <row r="473140" spans="8:8">
      <c r="H473140" s="12"/>
    </row>
    <row r="473141" spans="8:8">
      <c r="H473141" s="12"/>
    </row>
    <row r="473142" spans="8:8">
      <c r="H473142" s="12"/>
    </row>
    <row r="473143" spans="8:8">
      <c r="H473143" s="12"/>
    </row>
    <row r="473144" spans="8:8">
      <c r="H473144" s="12"/>
    </row>
    <row r="473145" spans="8:8">
      <c r="H473145" s="12"/>
    </row>
    <row r="473146" spans="8:8">
      <c r="H473146" s="12"/>
    </row>
    <row r="473147" spans="8:8">
      <c r="H473147" s="12"/>
    </row>
    <row r="473148" spans="8:8">
      <c r="H473148" s="12"/>
    </row>
    <row r="473149" spans="8:8">
      <c r="H473149" s="12"/>
    </row>
    <row r="473150" spans="8:8">
      <c r="H473150" s="12"/>
    </row>
    <row r="473151" spans="8:8">
      <c r="H473151" s="12"/>
    </row>
    <row r="473152" spans="8:8">
      <c r="H473152" s="12"/>
    </row>
    <row r="473153" spans="8:8">
      <c r="H473153" s="12"/>
    </row>
    <row r="473154" spans="8:8">
      <c r="H473154" s="12"/>
    </row>
    <row r="473155" spans="8:8">
      <c r="H473155" s="12"/>
    </row>
    <row r="473156" spans="8:8">
      <c r="H473156" s="12"/>
    </row>
    <row r="473157" spans="8:8">
      <c r="H473157" s="12"/>
    </row>
    <row r="473158" spans="8:8">
      <c r="H473158" s="12"/>
    </row>
    <row r="473159" spans="8:8">
      <c r="H473159" s="12"/>
    </row>
    <row r="473160" spans="8:8">
      <c r="H473160" s="12"/>
    </row>
    <row r="473161" spans="8:8">
      <c r="H473161" s="12"/>
    </row>
    <row r="473162" spans="8:8">
      <c r="H473162" s="12"/>
    </row>
    <row r="473163" spans="8:8">
      <c r="H473163" s="12"/>
    </row>
    <row r="473164" spans="8:8">
      <c r="H473164" s="12"/>
    </row>
    <row r="473165" spans="8:8">
      <c r="H473165" s="12"/>
    </row>
    <row r="473166" spans="8:8">
      <c r="H473166" s="12"/>
    </row>
    <row r="473167" spans="8:8">
      <c r="H473167" s="12"/>
    </row>
    <row r="473168" spans="8:8">
      <c r="H473168" s="12"/>
    </row>
    <row r="473169" spans="8:8">
      <c r="H473169" s="12"/>
    </row>
    <row r="473170" spans="8:8">
      <c r="H473170" s="12"/>
    </row>
    <row r="473171" spans="8:8">
      <c r="H473171" s="12"/>
    </row>
    <row r="473172" spans="8:8">
      <c r="H473172" s="12"/>
    </row>
    <row r="473173" spans="8:8">
      <c r="H473173" s="12"/>
    </row>
    <row r="473174" spans="8:8">
      <c r="H473174" s="12"/>
    </row>
    <row r="473175" spans="8:8">
      <c r="H473175" s="12"/>
    </row>
    <row r="473176" spans="8:8">
      <c r="H473176" s="12"/>
    </row>
    <row r="473177" spans="8:8">
      <c r="H473177" s="12"/>
    </row>
    <row r="473178" spans="8:8">
      <c r="H473178" s="12"/>
    </row>
    <row r="473179" spans="8:8">
      <c r="H473179" s="12"/>
    </row>
    <row r="473180" spans="8:8">
      <c r="H473180" s="12"/>
    </row>
    <row r="473181" spans="8:8">
      <c r="H473181" s="12"/>
    </row>
    <row r="473182" spans="8:8">
      <c r="H473182" s="12"/>
    </row>
    <row r="473183" spans="8:8">
      <c r="H473183" s="12"/>
    </row>
    <row r="473184" spans="8:8">
      <c r="H473184" s="12"/>
    </row>
    <row r="473185" spans="8:8">
      <c r="H473185" s="12"/>
    </row>
    <row r="473186" spans="8:8">
      <c r="H473186" s="12"/>
    </row>
    <row r="473187" spans="8:8">
      <c r="H473187" s="12"/>
    </row>
    <row r="473188" spans="8:8">
      <c r="H473188" s="12"/>
    </row>
    <row r="473189" spans="8:8">
      <c r="H473189" s="12"/>
    </row>
    <row r="473190" spans="8:8">
      <c r="H473190" s="12"/>
    </row>
    <row r="473191" spans="8:8">
      <c r="H473191" s="12"/>
    </row>
    <row r="473192" spans="8:8">
      <c r="H473192" s="12"/>
    </row>
    <row r="473193" spans="8:8">
      <c r="H473193" s="12"/>
    </row>
    <row r="473194" spans="8:8">
      <c r="H473194" s="12"/>
    </row>
    <row r="473195" spans="8:8">
      <c r="H473195" s="12"/>
    </row>
    <row r="473196" spans="8:8">
      <c r="H473196" s="12"/>
    </row>
    <row r="473197" spans="8:8">
      <c r="H473197" s="12"/>
    </row>
    <row r="473198" spans="8:8">
      <c r="H473198" s="12"/>
    </row>
    <row r="473199" spans="8:8">
      <c r="H473199" s="12"/>
    </row>
    <row r="473200" spans="8:8">
      <c r="H473200" s="12"/>
    </row>
    <row r="473201" spans="8:8">
      <c r="H473201" s="12"/>
    </row>
    <row r="473202" spans="8:8">
      <c r="H473202" s="12"/>
    </row>
    <row r="473203" spans="8:8">
      <c r="H473203" s="12"/>
    </row>
    <row r="473204" spans="8:8">
      <c r="H473204" s="12"/>
    </row>
    <row r="473205" spans="8:8">
      <c r="H473205" s="12"/>
    </row>
    <row r="473206" spans="8:8">
      <c r="H473206" s="12"/>
    </row>
    <row r="473207" spans="8:8">
      <c r="H473207" s="12"/>
    </row>
    <row r="473208" spans="8:8">
      <c r="H473208" s="12"/>
    </row>
    <row r="473209" spans="8:8">
      <c r="H473209" s="12"/>
    </row>
    <row r="473210" spans="8:8">
      <c r="H473210" s="12"/>
    </row>
    <row r="473211" spans="8:8">
      <c r="H473211" s="12"/>
    </row>
    <row r="473212" spans="8:8">
      <c r="H473212" s="12"/>
    </row>
    <row r="473213" spans="8:8">
      <c r="H473213" s="12"/>
    </row>
    <row r="473214" spans="8:8">
      <c r="H473214" s="12"/>
    </row>
    <row r="473215" spans="8:8">
      <c r="H473215" s="12"/>
    </row>
    <row r="473216" spans="8:8">
      <c r="H473216" s="12"/>
    </row>
    <row r="473217" spans="8:8">
      <c r="H473217" s="12"/>
    </row>
    <row r="473218" spans="8:8">
      <c r="H473218" s="12"/>
    </row>
    <row r="473219" spans="8:8">
      <c r="H473219" s="12"/>
    </row>
    <row r="473220" spans="8:8">
      <c r="H473220" s="12"/>
    </row>
    <row r="473221" spans="8:8">
      <c r="H473221" s="12"/>
    </row>
    <row r="473222" spans="8:8">
      <c r="H473222" s="12"/>
    </row>
    <row r="473223" spans="8:8">
      <c r="H473223" s="12"/>
    </row>
    <row r="473224" spans="8:8">
      <c r="H473224" s="12"/>
    </row>
    <row r="473225" spans="8:8">
      <c r="H473225" s="12"/>
    </row>
    <row r="473226" spans="8:8">
      <c r="H473226" s="12"/>
    </row>
    <row r="473227" spans="8:8">
      <c r="H473227" s="12"/>
    </row>
    <row r="473228" spans="8:8">
      <c r="H473228" s="12"/>
    </row>
    <row r="473229" spans="8:8">
      <c r="H473229" s="12"/>
    </row>
    <row r="473230" spans="8:8">
      <c r="H473230" s="12"/>
    </row>
    <row r="473231" spans="8:8">
      <c r="H473231" s="12"/>
    </row>
    <row r="473232" spans="8:8">
      <c r="H473232" s="12"/>
    </row>
    <row r="473233" spans="8:8">
      <c r="H473233" s="12"/>
    </row>
    <row r="473234" spans="8:8">
      <c r="H473234" s="12"/>
    </row>
    <row r="473235" spans="8:8">
      <c r="H473235" s="12"/>
    </row>
    <row r="473236" spans="8:8">
      <c r="H473236" s="12"/>
    </row>
    <row r="473237" spans="8:8">
      <c r="H473237" s="12"/>
    </row>
    <row r="473238" spans="8:8">
      <c r="H473238" s="12"/>
    </row>
    <row r="473239" spans="8:8">
      <c r="H473239" s="12"/>
    </row>
    <row r="473240" spans="8:8">
      <c r="H473240" s="12"/>
    </row>
    <row r="473241" spans="8:8">
      <c r="H473241" s="12"/>
    </row>
    <row r="473242" spans="8:8">
      <c r="H473242" s="12"/>
    </row>
    <row r="473243" spans="8:8">
      <c r="H473243" s="12"/>
    </row>
    <row r="473244" spans="8:8">
      <c r="H473244" s="12"/>
    </row>
    <row r="473245" spans="8:8">
      <c r="H473245" s="12"/>
    </row>
    <row r="473246" spans="8:8">
      <c r="H473246" s="12"/>
    </row>
    <row r="473247" spans="8:8">
      <c r="H473247" s="12"/>
    </row>
    <row r="473248" spans="8:8">
      <c r="H473248" s="12"/>
    </row>
    <row r="473249" spans="8:8">
      <c r="H473249" s="12"/>
    </row>
    <row r="473250" spans="8:8">
      <c r="H473250" s="12"/>
    </row>
    <row r="473251" spans="8:8">
      <c r="H473251" s="12"/>
    </row>
    <row r="473252" spans="8:8">
      <c r="H473252" s="12"/>
    </row>
    <row r="473253" spans="8:8">
      <c r="H473253" s="12"/>
    </row>
    <row r="473254" spans="8:8">
      <c r="H473254" s="12"/>
    </row>
    <row r="473255" spans="8:8">
      <c r="H473255" s="12"/>
    </row>
    <row r="473256" spans="8:8">
      <c r="H473256" s="12"/>
    </row>
    <row r="473257" spans="8:8">
      <c r="H473257" s="12"/>
    </row>
    <row r="473258" spans="8:8">
      <c r="H473258" s="12"/>
    </row>
    <row r="473259" spans="8:8">
      <c r="H473259" s="12"/>
    </row>
    <row r="473260" spans="8:8">
      <c r="H473260" s="12"/>
    </row>
    <row r="473261" spans="8:8">
      <c r="H473261" s="12"/>
    </row>
    <row r="473262" spans="8:8">
      <c r="H473262" s="12"/>
    </row>
    <row r="473263" spans="8:8">
      <c r="H473263" s="12"/>
    </row>
    <row r="473264" spans="8:8">
      <c r="H473264" s="12"/>
    </row>
    <row r="473265" spans="8:8">
      <c r="H473265" s="12"/>
    </row>
    <row r="473266" spans="8:8">
      <c r="H473266" s="12"/>
    </row>
    <row r="473267" spans="8:8">
      <c r="H473267" s="12"/>
    </row>
    <row r="473268" spans="8:8">
      <c r="H473268" s="12"/>
    </row>
    <row r="473269" spans="8:8">
      <c r="H473269" s="12"/>
    </row>
    <row r="473270" spans="8:8">
      <c r="H473270" s="12"/>
    </row>
    <row r="473271" spans="8:8">
      <c r="H473271" s="12"/>
    </row>
    <row r="473272" spans="8:8">
      <c r="H473272" s="12"/>
    </row>
    <row r="473273" spans="8:8">
      <c r="H473273" s="12"/>
    </row>
    <row r="473274" spans="8:8">
      <c r="H473274" s="12"/>
    </row>
    <row r="473275" spans="8:8">
      <c r="H473275" s="12"/>
    </row>
    <row r="473276" spans="8:8">
      <c r="H473276" s="12"/>
    </row>
    <row r="473277" spans="8:8">
      <c r="H473277" s="12"/>
    </row>
    <row r="473278" spans="8:8">
      <c r="H473278" s="12"/>
    </row>
    <row r="473279" spans="8:8">
      <c r="H473279" s="12"/>
    </row>
    <row r="473280" spans="8:8">
      <c r="H473280" s="12"/>
    </row>
    <row r="473281" spans="8:8">
      <c r="H473281" s="12"/>
    </row>
    <row r="473282" spans="8:8">
      <c r="H473282" s="12"/>
    </row>
    <row r="473283" spans="8:8">
      <c r="H473283" s="12"/>
    </row>
    <row r="473284" spans="8:8">
      <c r="H473284" s="12"/>
    </row>
    <row r="473285" spans="8:8">
      <c r="H473285" s="12"/>
    </row>
    <row r="473286" spans="8:8">
      <c r="H473286" s="12"/>
    </row>
    <row r="473287" spans="8:8">
      <c r="H473287" s="12"/>
    </row>
    <row r="473288" spans="8:8">
      <c r="H473288" s="12"/>
    </row>
    <row r="473289" spans="8:8">
      <c r="H473289" s="12"/>
    </row>
    <row r="473290" spans="8:8">
      <c r="H473290" s="12"/>
    </row>
    <row r="473291" spans="8:8">
      <c r="H473291" s="12"/>
    </row>
    <row r="473292" spans="8:8">
      <c r="H473292" s="12"/>
    </row>
    <row r="473293" spans="8:8">
      <c r="H473293" s="12"/>
    </row>
    <row r="473294" spans="8:8">
      <c r="H473294" s="12"/>
    </row>
    <row r="473295" spans="8:8">
      <c r="H473295" s="12"/>
    </row>
    <row r="473296" spans="8:8">
      <c r="H473296" s="12"/>
    </row>
    <row r="473297" spans="8:8">
      <c r="H473297" s="12"/>
    </row>
    <row r="473298" spans="8:8">
      <c r="H473298" s="12"/>
    </row>
    <row r="473299" spans="8:8">
      <c r="H473299" s="12"/>
    </row>
    <row r="473300" spans="8:8">
      <c r="H473300" s="12"/>
    </row>
    <row r="473301" spans="8:8">
      <c r="H473301" s="12"/>
    </row>
    <row r="473302" spans="8:8">
      <c r="H473302" s="12"/>
    </row>
    <row r="473303" spans="8:8">
      <c r="H473303" s="12"/>
    </row>
    <row r="473304" spans="8:8">
      <c r="H473304" s="12"/>
    </row>
    <row r="473305" spans="8:8">
      <c r="H473305" s="12"/>
    </row>
    <row r="473306" spans="8:8">
      <c r="H473306" s="12"/>
    </row>
    <row r="473307" spans="8:8">
      <c r="H473307" s="12"/>
    </row>
    <row r="473308" spans="8:8">
      <c r="H473308" s="12"/>
    </row>
    <row r="473309" spans="8:8">
      <c r="H473309" s="12"/>
    </row>
    <row r="473310" spans="8:8">
      <c r="H473310" s="12"/>
    </row>
    <row r="473311" spans="8:8">
      <c r="H473311" s="12"/>
    </row>
    <row r="473312" spans="8:8">
      <c r="H473312" s="12"/>
    </row>
    <row r="473313" spans="8:8">
      <c r="H473313" s="12"/>
    </row>
    <row r="473314" spans="8:8">
      <c r="H473314" s="12"/>
    </row>
    <row r="473315" spans="8:8">
      <c r="H473315" s="12"/>
    </row>
    <row r="473316" spans="8:8">
      <c r="H473316" s="12"/>
    </row>
    <row r="473317" spans="8:8">
      <c r="H473317" s="12"/>
    </row>
    <row r="473318" spans="8:8">
      <c r="H473318" s="12"/>
    </row>
    <row r="473319" spans="8:8">
      <c r="H473319" s="12"/>
    </row>
    <row r="473320" spans="8:8">
      <c r="H473320" s="12"/>
    </row>
    <row r="473321" spans="8:8">
      <c r="H473321" s="12"/>
    </row>
    <row r="473322" spans="8:8">
      <c r="H473322" s="12"/>
    </row>
    <row r="473323" spans="8:8">
      <c r="H473323" s="12"/>
    </row>
    <row r="473324" spans="8:8">
      <c r="H473324" s="12"/>
    </row>
    <row r="473325" spans="8:8">
      <c r="H473325" s="12"/>
    </row>
    <row r="473326" spans="8:8">
      <c r="H473326" s="12"/>
    </row>
    <row r="473327" spans="8:8">
      <c r="H473327" s="12"/>
    </row>
    <row r="473328" spans="8:8">
      <c r="H473328" s="12"/>
    </row>
    <row r="473329" spans="8:8">
      <c r="H473329" s="12"/>
    </row>
    <row r="473330" spans="8:8">
      <c r="H473330" s="12"/>
    </row>
    <row r="473331" spans="8:8">
      <c r="H473331" s="12"/>
    </row>
    <row r="473332" spans="8:8">
      <c r="H473332" s="12"/>
    </row>
    <row r="473333" spans="8:8">
      <c r="H473333" s="12"/>
    </row>
    <row r="473334" spans="8:8">
      <c r="H473334" s="12"/>
    </row>
    <row r="473335" spans="8:8">
      <c r="H473335" s="12"/>
    </row>
    <row r="473336" spans="8:8">
      <c r="H473336" s="12"/>
    </row>
    <row r="473337" spans="8:8">
      <c r="H473337" s="12"/>
    </row>
    <row r="473338" spans="8:8">
      <c r="H473338" s="12"/>
    </row>
    <row r="473339" spans="8:8">
      <c r="H473339" s="12"/>
    </row>
    <row r="473340" spans="8:8">
      <c r="H473340" s="12"/>
    </row>
    <row r="473341" spans="8:8">
      <c r="H473341" s="12"/>
    </row>
    <row r="473342" spans="8:8">
      <c r="H473342" s="12"/>
    </row>
    <row r="473343" spans="8:8">
      <c r="H473343" s="12"/>
    </row>
    <row r="473344" spans="8:8">
      <c r="H473344" s="12"/>
    </row>
    <row r="473345" spans="8:8">
      <c r="H473345" s="12"/>
    </row>
    <row r="473346" spans="8:8">
      <c r="H473346" s="12"/>
    </row>
    <row r="473347" spans="8:8">
      <c r="H473347" s="12"/>
    </row>
    <row r="473348" spans="8:8">
      <c r="H473348" s="12"/>
    </row>
    <row r="473349" spans="8:8">
      <c r="H473349" s="12"/>
    </row>
    <row r="473350" spans="8:8">
      <c r="H473350" s="12"/>
    </row>
    <row r="473351" spans="8:8">
      <c r="H473351" s="12"/>
    </row>
    <row r="473352" spans="8:8">
      <c r="H473352" s="12"/>
    </row>
    <row r="473353" spans="8:8">
      <c r="H473353" s="12"/>
    </row>
    <row r="473354" spans="8:8">
      <c r="H473354" s="12"/>
    </row>
    <row r="473355" spans="8:8">
      <c r="H473355" s="12"/>
    </row>
    <row r="473356" spans="8:8">
      <c r="H473356" s="12"/>
    </row>
    <row r="473357" spans="8:8">
      <c r="H473357" s="12"/>
    </row>
    <row r="473358" spans="8:8">
      <c r="H473358" s="12"/>
    </row>
    <row r="473359" spans="8:8">
      <c r="H473359" s="12"/>
    </row>
    <row r="473360" spans="8:8">
      <c r="H473360" s="12"/>
    </row>
    <row r="473361" spans="8:8">
      <c r="H473361" s="12"/>
    </row>
    <row r="473362" spans="8:8">
      <c r="H473362" s="12"/>
    </row>
    <row r="473363" spans="8:8">
      <c r="H473363" s="12"/>
    </row>
    <row r="473364" spans="8:8">
      <c r="H473364" s="12"/>
    </row>
    <row r="473365" spans="8:8">
      <c r="H473365" s="12"/>
    </row>
    <row r="473366" spans="8:8">
      <c r="H473366" s="12"/>
    </row>
    <row r="473367" spans="8:8">
      <c r="H473367" s="12"/>
    </row>
    <row r="473368" spans="8:8">
      <c r="H473368" s="12"/>
    </row>
    <row r="473369" spans="8:8">
      <c r="H473369" s="12"/>
    </row>
    <row r="473370" spans="8:8">
      <c r="H473370" s="12"/>
    </row>
    <row r="473371" spans="8:8">
      <c r="H473371" s="12"/>
    </row>
    <row r="473372" spans="8:8">
      <c r="H473372" s="12"/>
    </row>
    <row r="473373" spans="8:8">
      <c r="H473373" s="12"/>
    </row>
    <row r="473374" spans="8:8">
      <c r="H473374" s="12"/>
    </row>
    <row r="473375" spans="8:8">
      <c r="H473375" s="12"/>
    </row>
    <row r="473376" spans="8:8">
      <c r="H473376" s="12"/>
    </row>
    <row r="473377" spans="8:8">
      <c r="H473377" s="12"/>
    </row>
    <row r="473378" spans="8:8">
      <c r="H473378" s="12"/>
    </row>
    <row r="473379" spans="8:8">
      <c r="H473379" s="12"/>
    </row>
    <row r="473380" spans="8:8">
      <c r="H473380" s="12"/>
    </row>
    <row r="473381" spans="8:8">
      <c r="H473381" s="12"/>
    </row>
    <row r="473382" spans="8:8">
      <c r="H473382" s="12"/>
    </row>
    <row r="473383" spans="8:8">
      <c r="H473383" s="12"/>
    </row>
    <row r="473384" spans="8:8">
      <c r="H473384" s="12"/>
    </row>
    <row r="473385" spans="8:8">
      <c r="H473385" s="12"/>
    </row>
    <row r="473386" spans="8:8">
      <c r="H473386" s="12"/>
    </row>
    <row r="473387" spans="8:8">
      <c r="H473387" s="12"/>
    </row>
    <row r="473388" spans="8:8">
      <c r="H473388" s="12"/>
    </row>
    <row r="473389" spans="8:8">
      <c r="H473389" s="12"/>
    </row>
    <row r="473390" spans="8:8">
      <c r="H473390" s="12"/>
    </row>
    <row r="473391" spans="8:8">
      <c r="H473391" s="12"/>
    </row>
    <row r="473392" spans="8:8">
      <c r="H473392" s="12"/>
    </row>
    <row r="473393" spans="8:8">
      <c r="H473393" s="12"/>
    </row>
    <row r="473394" spans="8:8">
      <c r="H473394" s="12"/>
    </row>
    <row r="473395" spans="8:8">
      <c r="H473395" s="12"/>
    </row>
    <row r="473396" spans="8:8">
      <c r="H473396" s="12"/>
    </row>
    <row r="473397" spans="8:8">
      <c r="H473397" s="12"/>
    </row>
    <row r="473398" spans="8:8">
      <c r="H473398" s="12"/>
    </row>
    <row r="473399" spans="8:8">
      <c r="H473399" s="12"/>
    </row>
    <row r="473400" spans="8:8">
      <c r="H473400" s="12"/>
    </row>
    <row r="473401" spans="8:8">
      <c r="H473401" s="12"/>
    </row>
    <row r="473402" spans="8:8">
      <c r="H473402" s="12"/>
    </row>
    <row r="473403" spans="8:8">
      <c r="H473403" s="12"/>
    </row>
    <row r="473404" spans="8:8">
      <c r="H473404" s="12"/>
    </row>
    <row r="473405" spans="8:8">
      <c r="H473405" s="12"/>
    </row>
    <row r="473406" spans="8:8">
      <c r="H473406" s="12"/>
    </row>
    <row r="473407" spans="8:8">
      <c r="H473407" s="12"/>
    </row>
    <row r="473408" spans="8:8">
      <c r="H473408" s="12"/>
    </row>
    <row r="473409" spans="8:8">
      <c r="H473409" s="12"/>
    </row>
    <row r="473410" spans="8:8">
      <c r="H473410" s="12"/>
    </row>
    <row r="473411" spans="8:8">
      <c r="H473411" s="12"/>
    </row>
    <row r="473412" spans="8:8">
      <c r="H473412" s="12"/>
    </row>
    <row r="473413" spans="8:8">
      <c r="H473413" s="12"/>
    </row>
    <row r="473414" spans="8:8">
      <c r="H473414" s="12"/>
    </row>
    <row r="473415" spans="8:8">
      <c r="H473415" s="12"/>
    </row>
    <row r="473416" spans="8:8">
      <c r="H473416" s="12"/>
    </row>
    <row r="473417" spans="8:8">
      <c r="H473417" s="12"/>
    </row>
    <row r="473418" spans="8:8">
      <c r="H473418" s="12"/>
    </row>
    <row r="473419" spans="8:8">
      <c r="H473419" s="12"/>
    </row>
    <row r="473420" spans="8:8">
      <c r="H473420" s="12"/>
    </row>
    <row r="473421" spans="8:8">
      <c r="H473421" s="12"/>
    </row>
    <row r="473422" spans="8:8">
      <c r="H473422" s="12"/>
    </row>
    <row r="473423" spans="8:8">
      <c r="H473423" s="12"/>
    </row>
    <row r="473424" spans="8:8">
      <c r="H473424" s="12"/>
    </row>
    <row r="473425" spans="8:8">
      <c r="H473425" s="12"/>
    </row>
    <row r="473426" spans="8:8">
      <c r="H473426" s="12"/>
    </row>
    <row r="473427" spans="8:8">
      <c r="H473427" s="12"/>
    </row>
    <row r="473428" spans="8:8">
      <c r="H473428" s="12"/>
    </row>
    <row r="473429" spans="8:8">
      <c r="H473429" s="12"/>
    </row>
    <row r="473430" spans="8:8">
      <c r="H473430" s="12"/>
    </row>
    <row r="473431" spans="8:8">
      <c r="H473431" s="12"/>
    </row>
    <row r="473432" spans="8:8">
      <c r="H473432" s="12"/>
    </row>
    <row r="473433" spans="8:8">
      <c r="H473433" s="12"/>
    </row>
    <row r="473434" spans="8:8">
      <c r="H473434" s="12"/>
    </row>
    <row r="473435" spans="8:8">
      <c r="H473435" s="12"/>
    </row>
    <row r="473436" spans="8:8">
      <c r="H473436" s="12"/>
    </row>
    <row r="473437" spans="8:8">
      <c r="H473437" s="12"/>
    </row>
    <row r="473438" spans="8:8">
      <c r="H473438" s="12"/>
    </row>
    <row r="473439" spans="8:8">
      <c r="H473439" s="12"/>
    </row>
    <row r="473440" spans="8:8">
      <c r="H473440" s="12"/>
    </row>
    <row r="473441" spans="8:8">
      <c r="H473441" s="12"/>
    </row>
    <row r="473442" spans="8:8">
      <c r="H473442" s="12"/>
    </row>
    <row r="473443" spans="8:8">
      <c r="H473443" s="12"/>
    </row>
    <row r="473444" spans="8:8">
      <c r="H473444" s="12"/>
    </row>
    <row r="473445" spans="8:8">
      <c r="H473445" s="12"/>
    </row>
    <row r="473446" spans="8:8">
      <c r="H473446" s="12"/>
    </row>
    <row r="473447" spans="8:8">
      <c r="H473447" s="12"/>
    </row>
    <row r="473448" spans="8:8">
      <c r="H473448" s="12"/>
    </row>
    <row r="473449" spans="8:8">
      <c r="H473449" s="12"/>
    </row>
    <row r="473450" spans="8:8">
      <c r="H473450" s="12"/>
    </row>
    <row r="473451" spans="8:8">
      <c r="H473451" s="12"/>
    </row>
    <row r="473452" spans="8:8">
      <c r="H473452" s="12"/>
    </row>
    <row r="473453" spans="8:8">
      <c r="H473453" s="12"/>
    </row>
    <row r="473454" spans="8:8">
      <c r="H473454" s="12"/>
    </row>
    <row r="473455" spans="8:8">
      <c r="H473455" s="12"/>
    </row>
    <row r="473456" spans="8:8">
      <c r="H473456" s="12"/>
    </row>
    <row r="473457" spans="8:8">
      <c r="H473457" s="12"/>
    </row>
    <row r="473458" spans="8:8">
      <c r="H473458" s="12"/>
    </row>
    <row r="473459" spans="8:8">
      <c r="H473459" s="12"/>
    </row>
    <row r="473460" spans="8:8">
      <c r="H473460" s="12"/>
    </row>
    <row r="473461" spans="8:8">
      <c r="H473461" s="12"/>
    </row>
    <row r="473462" spans="8:8">
      <c r="H473462" s="12"/>
    </row>
    <row r="473463" spans="8:8">
      <c r="H473463" s="12"/>
    </row>
    <row r="473464" spans="8:8">
      <c r="H473464" s="12"/>
    </row>
    <row r="473465" spans="8:8">
      <c r="H473465" s="12"/>
    </row>
    <row r="473466" spans="8:8">
      <c r="H473466" s="12"/>
    </row>
    <row r="473467" spans="8:8">
      <c r="H473467" s="12"/>
    </row>
    <row r="473468" spans="8:8">
      <c r="H473468" s="12"/>
    </row>
    <row r="473469" spans="8:8">
      <c r="H473469" s="12"/>
    </row>
    <row r="473470" spans="8:8">
      <c r="H473470" s="12"/>
    </row>
    <row r="473471" spans="8:8">
      <c r="H473471" s="12"/>
    </row>
    <row r="473472" spans="8:8">
      <c r="H473472" s="12"/>
    </row>
    <row r="473473" spans="8:8">
      <c r="H473473" s="12"/>
    </row>
    <row r="473474" spans="8:8">
      <c r="H473474" s="12"/>
    </row>
    <row r="473475" spans="8:8">
      <c r="H473475" s="12"/>
    </row>
    <row r="473476" spans="8:8">
      <c r="H473476" s="12"/>
    </row>
    <row r="473477" spans="8:8">
      <c r="H473477" s="12"/>
    </row>
    <row r="473478" spans="8:8">
      <c r="H473478" s="12"/>
    </row>
    <row r="473479" spans="8:8">
      <c r="H473479" s="12"/>
    </row>
    <row r="473480" spans="8:8">
      <c r="H473480" s="12"/>
    </row>
    <row r="473481" spans="8:8">
      <c r="H473481" s="12"/>
    </row>
    <row r="473482" spans="8:8">
      <c r="H473482" s="12"/>
    </row>
    <row r="473483" spans="8:8">
      <c r="H473483" s="12"/>
    </row>
    <row r="473484" spans="8:8">
      <c r="H473484" s="12"/>
    </row>
    <row r="473485" spans="8:8">
      <c r="H473485" s="12"/>
    </row>
    <row r="473486" spans="8:8">
      <c r="H473486" s="12"/>
    </row>
    <row r="473487" spans="8:8">
      <c r="H473487" s="12"/>
    </row>
    <row r="473488" spans="8:8">
      <c r="H473488" s="12"/>
    </row>
    <row r="473489" spans="8:8">
      <c r="H473489" s="12"/>
    </row>
    <row r="473490" spans="8:8">
      <c r="H473490" s="12"/>
    </row>
    <row r="473491" spans="8:8">
      <c r="H473491" s="12"/>
    </row>
    <row r="473492" spans="8:8">
      <c r="H473492" s="12"/>
    </row>
    <row r="473493" spans="8:8">
      <c r="H473493" s="12"/>
    </row>
    <row r="473494" spans="8:8">
      <c r="H473494" s="12"/>
    </row>
    <row r="473495" spans="8:8">
      <c r="H473495" s="12"/>
    </row>
    <row r="473496" spans="8:8">
      <c r="H473496" s="12"/>
    </row>
    <row r="473497" spans="8:8">
      <c r="H473497" s="12"/>
    </row>
    <row r="473498" spans="8:8">
      <c r="H473498" s="12"/>
    </row>
    <row r="473499" spans="8:8">
      <c r="H473499" s="12"/>
    </row>
    <row r="473500" spans="8:8">
      <c r="H473500" s="12"/>
    </row>
    <row r="473501" spans="8:8">
      <c r="H473501" s="12"/>
    </row>
    <row r="473502" spans="8:8">
      <c r="H473502" s="12"/>
    </row>
    <row r="473503" spans="8:8">
      <c r="H473503" s="12"/>
    </row>
    <row r="473504" spans="8:8">
      <c r="H473504" s="12"/>
    </row>
    <row r="473505" spans="8:8">
      <c r="H473505" s="12"/>
    </row>
    <row r="473506" spans="8:8">
      <c r="H473506" s="12"/>
    </row>
    <row r="473507" spans="8:8">
      <c r="H473507" s="12"/>
    </row>
    <row r="473508" spans="8:8">
      <c r="H473508" s="12"/>
    </row>
    <row r="473509" spans="8:8">
      <c r="H473509" s="12"/>
    </row>
    <row r="473510" spans="8:8">
      <c r="H473510" s="12"/>
    </row>
    <row r="473511" spans="8:8">
      <c r="H473511" s="12"/>
    </row>
    <row r="473512" spans="8:8">
      <c r="H473512" s="12"/>
    </row>
    <row r="473513" spans="8:8">
      <c r="H473513" s="12"/>
    </row>
    <row r="473514" spans="8:8">
      <c r="H473514" s="12"/>
    </row>
    <row r="473515" spans="8:8">
      <c r="H473515" s="12"/>
    </row>
    <row r="473516" spans="8:8">
      <c r="H473516" s="12"/>
    </row>
    <row r="473517" spans="8:8">
      <c r="H473517" s="12"/>
    </row>
    <row r="473518" spans="8:8">
      <c r="H473518" s="12"/>
    </row>
    <row r="473519" spans="8:8">
      <c r="H473519" s="12"/>
    </row>
    <row r="473520" spans="8:8">
      <c r="H473520" s="12"/>
    </row>
    <row r="473521" spans="8:8">
      <c r="H473521" s="12"/>
    </row>
    <row r="473522" spans="8:8">
      <c r="H473522" s="12"/>
    </row>
    <row r="473523" spans="8:8">
      <c r="H473523" s="12"/>
    </row>
    <row r="473524" spans="8:8">
      <c r="H473524" s="12"/>
    </row>
    <row r="473525" spans="8:8">
      <c r="H473525" s="12"/>
    </row>
    <row r="473526" spans="8:8">
      <c r="H473526" s="12"/>
    </row>
    <row r="473527" spans="8:8">
      <c r="H473527" s="12"/>
    </row>
    <row r="473528" spans="8:8">
      <c r="H473528" s="12"/>
    </row>
    <row r="473529" spans="8:8">
      <c r="H473529" s="12"/>
    </row>
    <row r="473530" spans="8:8">
      <c r="H473530" s="12"/>
    </row>
    <row r="473531" spans="8:8">
      <c r="H473531" s="12"/>
    </row>
    <row r="473532" spans="8:8">
      <c r="H473532" s="12"/>
    </row>
    <row r="473533" spans="8:8">
      <c r="H473533" s="12"/>
    </row>
    <row r="473534" spans="8:8">
      <c r="H473534" s="12"/>
    </row>
    <row r="473535" spans="8:8">
      <c r="H473535" s="12"/>
    </row>
    <row r="473536" spans="8:8">
      <c r="H473536" s="12"/>
    </row>
    <row r="473537" spans="8:8">
      <c r="H473537" s="12"/>
    </row>
    <row r="473538" spans="8:8">
      <c r="H473538" s="12"/>
    </row>
    <row r="473539" spans="8:8">
      <c r="H473539" s="12"/>
    </row>
    <row r="473540" spans="8:8">
      <c r="H473540" s="12"/>
    </row>
    <row r="473541" spans="8:8">
      <c r="H473541" s="12"/>
    </row>
    <row r="473542" spans="8:8">
      <c r="H473542" s="12"/>
    </row>
    <row r="473543" spans="8:8">
      <c r="H473543" s="12"/>
    </row>
    <row r="473544" spans="8:8">
      <c r="H473544" s="12"/>
    </row>
    <row r="473545" spans="8:8">
      <c r="H473545" s="12"/>
    </row>
    <row r="473546" spans="8:8">
      <c r="H473546" s="12"/>
    </row>
    <row r="473547" spans="8:8">
      <c r="H473547" s="12"/>
    </row>
    <row r="473548" spans="8:8">
      <c r="H473548" s="12"/>
    </row>
    <row r="473549" spans="8:8">
      <c r="H473549" s="12"/>
    </row>
    <row r="473550" spans="8:8">
      <c r="H473550" s="12"/>
    </row>
    <row r="473551" spans="8:8">
      <c r="H473551" s="12"/>
    </row>
    <row r="473552" spans="8:8">
      <c r="H473552" s="12"/>
    </row>
    <row r="473553" spans="8:8">
      <c r="H473553" s="12"/>
    </row>
    <row r="473554" spans="8:8">
      <c r="H473554" s="12"/>
    </row>
    <row r="473555" spans="8:8">
      <c r="H473555" s="12"/>
    </row>
    <row r="473556" spans="8:8">
      <c r="H473556" s="12"/>
    </row>
    <row r="473557" spans="8:8">
      <c r="H473557" s="12"/>
    </row>
    <row r="473558" spans="8:8">
      <c r="H473558" s="12"/>
    </row>
    <row r="473559" spans="8:8">
      <c r="H473559" s="12"/>
    </row>
    <row r="473560" spans="8:8">
      <c r="H473560" s="12"/>
    </row>
    <row r="473561" spans="8:8">
      <c r="H473561" s="12"/>
    </row>
    <row r="473562" spans="8:8">
      <c r="H473562" s="12"/>
    </row>
    <row r="473563" spans="8:8">
      <c r="H473563" s="12"/>
    </row>
    <row r="473564" spans="8:8">
      <c r="H473564" s="12"/>
    </row>
    <row r="473565" spans="8:8">
      <c r="H473565" s="12"/>
    </row>
    <row r="473566" spans="8:8">
      <c r="H473566" s="12"/>
    </row>
    <row r="473567" spans="8:8">
      <c r="H473567" s="12"/>
    </row>
    <row r="473568" spans="8:8">
      <c r="H473568" s="12"/>
    </row>
    <row r="473569" spans="8:8">
      <c r="H473569" s="12"/>
    </row>
    <row r="473570" spans="8:8">
      <c r="H473570" s="12"/>
    </row>
    <row r="473571" spans="8:8">
      <c r="H473571" s="12"/>
    </row>
    <row r="473572" spans="8:8">
      <c r="H473572" s="12"/>
    </row>
    <row r="473573" spans="8:8">
      <c r="H473573" s="12"/>
    </row>
    <row r="473574" spans="8:8">
      <c r="H473574" s="12"/>
    </row>
    <row r="473575" spans="8:8">
      <c r="H473575" s="12"/>
    </row>
    <row r="473576" spans="8:8">
      <c r="H473576" s="12"/>
    </row>
    <row r="473577" spans="8:8">
      <c r="H473577" s="12"/>
    </row>
    <row r="473578" spans="8:8">
      <c r="H473578" s="12"/>
    </row>
    <row r="473579" spans="8:8">
      <c r="H473579" s="12"/>
    </row>
    <row r="473580" spans="8:8">
      <c r="H473580" s="12"/>
    </row>
    <row r="473581" spans="8:8">
      <c r="H473581" s="12"/>
    </row>
    <row r="473582" spans="8:8">
      <c r="H473582" s="12"/>
    </row>
    <row r="473583" spans="8:8">
      <c r="H473583" s="12"/>
    </row>
    <row r="473584" spans="8:8">
      <c r="H473584" s="12"/>
    </row>
    <row r="473585" spans="8:8">
      <c r="H473585" s="12"/>
    </row>
    <row r="473586" spans="8:8">
      <c r="H473586" s="12"/>
    </row>
    <row r="473587" spans="8:8">
      <c r="H473587" s="12"/>
    </row>
    <row r="473588" spans="8:8">
      <c r="H473588" s="12"/>
    </row>
    <row r="473589" spans="8:8">
      <c r="H473589" s="12"/>
    </row>
    <row r="473590" spans="8:8">
      <c r="H473590" s="12"/>
    </row>
    <row r="473591" spans="8:8">
      <c r="H473591" s="12"/>
    </row>
    <row r="473592" spans="8:8">
      <c r="H473592" s="12"/>
    </row>
    <row r="473593" spans="8:8">
      <c r="H473593" s="12"/>
    </row>
    <row r="473594" spans="8:8">
      <c r="H473594" s="12"/>
    </row>
    <row r="473595" spans="8:8">
      <c r="H473595" s="12"/>
    </row>
    <row r="473596" spans="8:8">
      <c r="H473596" s="12"/>
    </row>
    <row r="473597" spans="8:8">
      <c r="H473597" s="12"/>
    </row>
    <row r="473598" spans="8:8">
      <c r="H473598" s="12"/>
    </row>
    <row r="473599" spans="8:8">
      <c r="H473599" s="12"/>
    </row>
    <row r="473600" spans="8:8">
      <c r="H473600" s="12"/>
    </row>
    <row r="473601" spans="8:8">
      <c r="H473601" s="12"/>
    </row>
    <row r="473602" spans="8:8">
      <c r="H473602" s="12"/>
    </row>
    <row r="473603" spans="8:8">
      <c r="H473603" s="12"/>
    </row>
    <row r="473604" spans="8:8">
      <c r="H473604" s="12"/>
    </row>
    <row r="473605" spans="8:8">
      <c r="H473605" s="12"/>
    </row>
    <row r="473606" spans="8:8">
      <c r="H473606" s="12"/>
    </row>
    <row r="473607" spans="8:8">
      <c r="H473607" s="12"/>
    </row>
    <row r="473608" spans="8:8">
      <c r="H473608" s="12"/>
    </row>
    <row r="473609" spans="8:8">
      <c r="H473609" s="12"/>
    </row>
    <row r="473610" spans="8:8">
      <c r="H473610" s="12"/>
    </row>
    <row r="473611" spans="8:8">
      <c r="H473611" s="12"/>
    </row>
    <row r="473612" spans="8:8">
      <c r="H473612" s="12"/>
    </row>
    <row r="473613" spans="8:8">
      <c r="H473613" s="12"/>
    </row>
    <row r="473614" spans="8:8">
      <c r="H473614" s="12"/>
    </row>
    <row r="473615" spans="8:8">
      <c r="H473615" s="12"/>
    </row>
    <row r="473616" spans="8:8">
      <c r="H473616" s="12"/>
    </row>
    <row r="473617" spans="8:8">
      <c r="H473617" s="12"/>
    </row>
    <row r="473618" spans="8:8">
      <c r="H473618" s="12"/>
    </row>
    <row r="473619" spans="8:8">
      <c r="H473619" s="12"/>
    </row>
    <row r="473620" spans="8:8">
      <c r="H473620" s="12"/>
    </row>
    <row r="473621" spans="8:8">
      <c r="H473621" s="12"/>
    </row>
    <row r="473622" spans="8:8">
      <c r="H473622" s="12"/>
    </row>
    <row r="473623" spans="8:8">
      <c r="H473623" s="12"/>
    </row>
    <row r="473624" spans="8:8">
      <c r="H473624" s="12"/>
    </row>
    <row r="473625" spans="8:8">
      <c r="H473625" s="12"/>
    </row>
    <row r="473626" spans="8:8">
      <c r="H473626" s="12"/>
    </row>
    <row r="473627" spans="8:8">
      <c r="H473627" s="12"/>
    </row>
    <row r="473628" spans="8:8">
      <c r="H473628" s="12"/>
    </row>
    <row r="473629" spans="8:8">
      <c r="H473629" s="12"/>
    </row>
    <row r="473630" spans="8:8">
      <c r="H473630" s="12"/>
    </row>
    <row r="473631" spans="8:8">
      <c r="H473631" s="12"/>
    </row>
    <row r="473632" spans="8:8">
      <c r="H473632" s="12"/>
    </row>
    <row r="473633" spans="8:8">
      <c r="H473633" s="12"/>
    </row>
    <row r="473634" spans="8:8">
      <c r="H473634" s="12"/>
    </row>
    <row r="473635" spans="8:8">
      <c r="H473635" s="12"/>
    </row>
    <row r="473636" spans="8:8">
      <c r="H473636" s="12"/>
    </row>
    <row r="473637" spans="8:8">
      <c r="H473637" s="12"/>
    </row>
    <row r="473638" spans="8:8">
      <c r="H473638" s="12"/>
    </row>
    <row r="473639" spans="8:8">
      <c r="H473639" s="12"/>
    </row>
    <row r="473640" spans="8:8">
      <c r="H473640" s="12"/>
    </row>
    <row r="473641" spans="8:8">
      <c r="H473641" s="12"/>
    </row>
    <row r="473642" spans="8:8">
      <c r="H473642" s="12"/>
    </row>
    <row r="473643" spans="8:8">
      <c r="H473643" s="12"/>
    </row>
    <row r="473644" spans="8:8">
      <c r="H473644" s="12"/>
    </row>
    <row r="473645" spans="8:8">
      <c r="H473645" s="12"/>
    </row>
    <row r="473646" spans="8:8">
      <c r="H473646" s="12"/>
    </row>
    <row r="473647" spans="8:8">
      <c r="H473647" s="12"/>
    </row>
    <row r="473648" spans="8:8">
      <c r="H473648" s="12"/>
    </row>
    <row r="473649" spans="8:8">
      <c r="H473649" s="12"/>
    </row>
    <row r="473650" spans="8:8">
      <c r="H473650" s="12"/>
    </row>
    <row r="473651" spans="8:8">
      <c r="H473651" s="12"/>
    </row>
    <row r="473652" spans="8:8">
      <c r="H473652" s="12"/>
    </row>
    <row r="473653" spans="8:8">
      <c r="H473653" s="12"/>
    </row>
    <row r="473654" spans="8:8">
      <c r="H473654" s="12"/>
    </row>
    <row r="473655" spans="8:8">
      <c r="H473655" s="12"/>
    </row>
    <row r="473656" spans="8:8">
      <c r="H473656" s="12"/>
    </row>
    <row r="473657" spans="8:8">
      <c r="H473657" s="12"/>
    </row>
    <row r="473658" spans="8:8">
      <c r="H473658" s="12"/>
    </row>
    <row r="473659" spans="8:8">
      <c r="H473659" s="12"/>
    </row>
    <row r="473660" spans="8:8">
      <c r="H473660" s="12"/>
    </row>
    <row r="473661" spans="8:8">
      <c r="H473661" s="12"/>
    </row>
    <row r="473662" spans="8:8">
      <c r="H473662" s="12"/>
    </row>
    <row r="473663" spans="8:8">
      <c r="H473663" s="12"/>
    </row>
    <row r="473664" spans="8:8">
      <c r="H473664" s="12"/>
    </row>
    <row r="473665" spans="8:8">
      <c r="H473665" s="12"/>
    </row>
    <row r="473666" spans="8:8">
      <c r="H473666" s="12"/>
    </row>
    <row r="473667" spans="8:8">
      <c r="H473667" s="12"/>
    </row>
    <row r="473668" spans="8:8">
      <c r="H473668" s="12"/>
    </row>
    <row r="473669" spans="8:8">
      <c r="H473669" s="12"/>
    </row>
    <row r="473670" spans="8:8">
      <c r="H473670" s="12"/>
    </row>
    <row r="473671" spans="8:8">
      <c r="H473671" s="12"/>
    </row>
    <row r="473672" spans="8:8">
      <c r="H473672" s="12"/>
    </row>
    <row r="473673" spans="8:8">
      <c r="H473673" s="12"/>
    </row>
    <row r="473674" spans="8:8">
      <c r="H473674" s="12"/>
    </row>
    <row r="473675" spans="8:8">
      <c r="H473675" s="12"/>
    </row>
    <row r="473676" spans="8:8">
      <c r="H473676" s="12"/>
    </row>
    <row r="473677" spans="8:8">
      <c r="H473677" s="12"/>
    </row>
    <row r="473678" spans="8:8">
      <c r="H473678" s="12"/>
    </row>
    <row r="473679" spans="8:8">
      <c r="H473679" s="12"/>
    </row>
    <row r="473680" spans="8:8">
      <c r="H473680" s="12"/>
    </row>
    <row r="473681" spans="8:8">
      <c r="H473681" s="12"/>
    </row>
    <row r="473682" spans="8:8">
      <c r="H473682" s="12"/>
    </row>
    <row r="473683" spans="8:8">
      <c r="H473683" s="12"/>
    </row>
    <row r="473684" spans="8:8">
      <c r="H473684" s="12"/>
    </row>
    <row r="473685" spans="8:8">
      <c r="H473685" s="12"/>
    </row>
    <row r="473686" spans="8:8">
      <c r="H473686" s="12"/>
    </row>
    <row r="473687" spans="8:8">
      <c r="H473687" s="12"/>
    </row>
    <row r="473688" spans="8:8">
      <c r="H473688" s="12"/>
    </row>
    <row r="473689" spans="8:8">
      <c r="H473689" s="12"/>
    </row>
    <row r="473690" spans="8:8">
      <c r="H473690" s="12"/>
    </row>
    <row r="473691" spans="8:8">
      <c r="H473691" s="12"/>
    </row>
    <row r="473692" spans="8:8">
      <c r="H473692" s="12"/>
    </row>
    <row r="473693" spans="8:8">
      <c r="H473693" s="12"/>
    </row>
    <row r="473694" spans="8:8">
      <c r="H473694" s="12"/>
    </row>
    <row r="473695" spans="8:8">
      <c r="H473695" s="12"/>
    </row>
    <row r="473696" spans="8:8">
      <c r="H473696" s="12"/>
    </row>
    <row r="473697" spans="8:8">
      <c r="H473697" s="12"/>
    </row>
    <row r="473698" spans="8:8">
      <c r="H473698" s="12"/>
    </row>
    <row r="473699" spans="8:8">
      <c r="H473699" s="12"/>
    </row>
    <row r="473700" spans="8:8">
      <c r="H473700" s="12"/>
    </row>
    <row r="473701" spans="8:8">
      <c r="H473701" s="12"/>
    </row>
    <row r="473702" spans="8:8">
      <c r="H473702" s="12"/>
    </row>
    <row r="473703" spans="8:8">
      <c r="H473703" s="12"/>
    </row>
    <row r="473704" spans="8:8">
      <c r="H473704" s="12"/>
    </row>
    <row r="473705" spans="8:8">
      <c r="H473705" s="12"/>
    </row>
    <row r="473706" spans="8:8">
      <c r="H473706" s="12"/>
    </row>
    <row r="473707" spans="8:8">
      <c r="H473707" s="12"/>
    </row>
    <row r="473708" spans="8:8">
      <c r="H473708" s="12"/>
    </row>
    <row r="473709" spans="8:8">
      <c r="H473709" s="12"/>
    </row>
    <row r="473710" spans="8:8">
      <c r="H473710" s="12"/>
    </row>
    <row r="473711" spans="8:8">
      <c r="H473711" s="12"/>
    </row>
    <row r="473712" spans="8:8">
      <c r="H473712" s="12"/>
    </row>
    <row r="473713" spans="8:8">
      <c r="H473713" s="12"/>
    </row>
    <row r="473714" spans="8:8">
      <c r="H473714" s="12"/>
    </row>
    <row r="473715" spans="8:8">
      <c r="H473715" s="12"/>
    </row>
    <row r="473716" spans="8:8">
      <c r="H473716" s="12"/>
    </row>
    <row r="473717" spans="8:8">
      <c r="H473717" s="12"/>
    </row>
    <row r="473718" spans="8:8">
      <c r="H473718" s="12"/>
    </row>
    <row r="473719" spans="8:8">
      <c r="H473719" s="12"/>
    </row>
    <row r="473720" spans="8:8">
      <c r="H473720" s="12"/>
    </row>
    <row r="473721" spans="8:8">
      <c r="H473721" s="12"/>
    </row>
    <row r="473722" spans="8:8">
      <c r="H473722" s="12"/>
    </row>
    <row r="473723" spans="8:8">
      <c r="H473723" s="12"/>
    </row>
    <row r="473724" spans="8:8">
      <c r="H473724" s="12"/>
    </row>
    <row r="473725" spans="8:8">
      <c r="H473725" s="12"/>
    </row>
    <row r="473726" spans="8:8">
      <c r="H473726" s="12"/>
    </row>
    <row r="473727" spans="8:8">
      <c r="H473727" s="12"/>
    </row>
    <row r="473728" spans="8:8">
      <c r="H473728" s="12"/>
    </row>
    <row r="473729" spans="8:8">
      <c r="H473729" s="12"/>
    </row>
    <row r="473730" spans="8:8">
      <c r="H473730" s="12"/>
    </row>
    <row r="473731" spans="8:8">
      <c r="H473731" s="12"/>
    </row>
    <row r="473732" spans="8:8">
      <c r="H473732" s="12"/>
    </row>
    <row r="473733" spans="8:8">
      <c r="H473733" s="12"/>
    </row>
    <row r="473734" spans="8:8">
      <c r="H473734" s="12"/>
    </row>
    <row r="473735" spans="8:8">
      <c r="H473735" s="12"/>
    </row>
    <row r="473736" spans="8:8">
      <c r="H473736" s="12"/>
    </row>
    <row r="473737" spans="8:8">
      <c r="H473737" s="12"/>
    </row>
    <row r="473738" spans="8:8">
      <c r="H473738" s="12"/>
    </row>
    <row r="473739" spans="8:8">
      <c r="H473739" s="12"/>
    </row>
    <row r="473740" spans="8:8">
      <c r="H473740" s="12"/>
    </row>
    <row r="473741" spans="8:8">
      <c r="H473741" s="12"/>
    </row>
    <row r="473742" spans="8:8">
      <c r="H473742" s="12"/>
    </row>
    <row r="473743" spans="8:8">
      <c r="H473743" s="12"/>
    </row>
    <row r="473744" spans="8:8">
      <c r="H473744" s="12"/>
    </row>
    <row r="473745" spans="8:8">
      <c r="H473745" s="12"/>
    </row>
    <row r="473746" spans="8:8">
      <c r="H473746" s="12"/>
    </row>
    <row r="473747" spans="8:8">
      <c r="H473747" s="12"/>
    </row>
    <row r="473748" spans="8:8">
      <c r="H473748" s="12"/>
    </row>
    <row r="473749" spans="8:8">
      <c r="H473749" s="12"/>
    </row>
    <row r="473750" spans="8:8">
      <c r="H473750" s="12"/>
    </row>
    <row r="473751" spans="8:8">
      <c r="H473751" s="12"/>
    </row>
    <row r="473752" spans="8:8">
      <c r="H473752" s="12"/>
    </row>
    <row r="473753" spans="8:8">
      <c r="H473753" s="12"/>
    </row>
    <row r="473754" spans="8:8">
      <c r="H473754" s="12"/>
    </row>
    <row r="473755" spans="8:8">
      <c r="H473755" s="12"/>
    </row>
    <row r="473756" spans="8:8">
      <c r="H473756" s="12"/>
    </row>
    <row r="473757" spans="8:8">
      <c r="H473757" s="12"/>
    </row>
    <row r="473758" spans="8:8">
      <c r="H473758" s="12"/>
    </row>
    <row r="473759" spans="8:8">
      <c r="H473759" s="12"/>
    </row>
    <row r="473760" spans="8:8">
      <c r="H473760" s="12"/>
    </row>
    <row r="473761" spans="8:8">
      <c r="H473761" s="12"/>
    </row>
    <row r="473762" spans="8:8">
      <c r="H473762" s="12"/>
    </row>
    <row r="473763" spans="8:8">
      <c r="H473763" s="12"/>
    </row>
    <row r="473764" spans="8:8">
      <c r="H473764" s="12"/>
    </row>
    <row r="473765" spans="8:8">
      <c r="H473765" s="12"/>
    </row>
    <row r="473766" spans="8:8">
      <c r="H473766" s="12"/>
    </row>
    <row r="473767" spans="8:8">
      <c r="H473767" s="12"/>
    </row>
    <row r="473768" spans="8:8">
      <c r="H473768" s="12"/>
    </row>
    <row r="473769" spans="8:8">
      <c r="H473769" s="12"/>
    </row>
    <row r="473770" spans="8:8">
      <c r="H473770" s="12"/>
    </row>
    <row r="473771" spans="8:8">
      <c r="H473771" s="12"/>
    </row>
    <row r="473772" spans="8:8">
      <c r="H473772" s="12"/>
    </row>
    <row r="473773" spans="8:8">
      <c r="H473773" s="12"/>
    </row>
    <row r="473774" spans="8:8">
      <c r="H473774" s="12"/>
    </row>
    <row r="473775" spans="8:8">
      <c r="H473775" s="12"/>
    </row>
    <row r="473776" spans="8:8">
      <c r="H473776" s="12"/>
    </row>
    <row r="473777" spans="8:8">
      <c r="H473777" s="12"/>
    </row>
    <row r="473778" spans="8:8">
      <c r="H473778" s="12"/>
    </row>
    <row r="473779" spans="8:8">
      <c r="H473779" s="12"/>
    </row>
    <row r="473780" spans="8:8">
      <c r="H473780" s="12"/>
    </row>
    <row r="473781" spans="8:8">
      <c r="H473781" s="12"/>
    </row>
    <row r="473782" spans="8:8">
      <c r="H473782" s="12"/>
    </row>
    <row r="473783" spans="8:8">
      <c r="H473783" s="12"/>
    </row>
    <row r="473784" spans="8:8">
      <c r="H473784" s="12"/>
    </row>
    <row r="473785" spans="8:8">
      <c r="H473785" s="12"/>
    </row>
    <row r="473786" spans="8:8">
      <c r="H473786" s="12"/>
    </row>
    <row r="473787" spans="8:8">
      <c r="H473787" s="12"/>
    </row>
    <row r="473788" spans="8:8">
      <c r="H473788" s="12"/>
    </row>
    <row r="473789" spans="8:8">
      <c r="H473789" s="12"/>
    </row>
    <row r="473790" spans="8:8">
      <c r="H473790" s="12"/>
    </row>
    <row r="473791" spans="8:8">
      <c r="H473791" s="12"/>
    </row>
    <row r="473792" spans="8:8">
      <c r="H473792" s="12"/>
    </row>
    <row r="473793" spans="8:8">
      <c r="H473793" s="12"/>
    </row>
    <row r="473794" spans="8:8">
      <c r="H473794" s="12"/>
    </row>
    <row r="473795" spans="8:8">
      <c r="H473795" s="12"/>
    </row>
    <row r="473796" spans="8:8">
      <c r="H473796" s="12"/>
    </row>
    <row r="473797" spans="8:8">
      <c r="H473797" s="12"/>
    </row>
    <row r="473798" spans="8:8">
      <c r="H473798" s="12"/>
    </row>
    <row r="473799" spans="8:8">
      <c r="H473799" s="12"/>
    </row>
    <row r="473800" spans="8:8">
      <c r="H473800" s="12"/>
    </row>
    <row r="473801" spans="8:8">
      <c r="H473801" s="12"/>
    </row>
    <row r="473802" spans="8:8">
      <c r="H473802" s="12"/>
    </row>
    <row r="473803" spans="8:8">
      <c r="H473803" s="12"/>
    </row>
    <row r="473804" spans="8:8">
      <c r="H473804" s="12"/>
    </row>
    <row r="473805" spans="8:8">
      <c r="H473805" s="12"/>
    </row>
    <row r="473806" spans="8:8">
      <c r="H473806" s="12"/>
    </row>
    <row r="473807" spans="8:8">
      <c r="H473807" s="12"/>
    </row>
    <row r="473808" spans="8:8">
      <c r="H473808" s="12"/>
    </row>
    <row r="473809" spans="8:8">
      <c r="H473809" s="12"/>
    </row>
    <row r="473810" spans="8:8">
      <c r="H473810" s="12"/>
    </row>
    <row r="473811" spans="8:8">
      <c r="H473811" s="12"/>
    </row>
    <row r="473812" spans="8:8">
      <c r="H473812" s="12"/>
    </row>
    <row r="473813" spans="8:8">
      <c r="H473813" s="12"/>
    </row>
    <row r="473814" spans="8:8">
      <c r="H473814" s="12"/>
    </row>
    <row r="473815" spans="8:8">
      <c r="H473815" s="12"/>
    </row>
    <row r="473816" spans="8:8">
      <c r="H473816" s="12"/>
    </row>
    <row r="473817" spans="8:8">
      <c r="H473817" s="12"/>
    </row>
    <row r="473818" spans="8:8">
      <c r="H473818" s="12"/>
    </row>
    <row r="473819" spans="8:8">
      <c r="H473819" s="12"/>
    </row>
    <row r="473820" spans="8:8">
      <c r="H473820" s="12"/>
    </row>
    <row r="473821" spans="8:8">
      <c r="H473821" s="12"/>
    </row>
    <row r="473822" spans="8:8">
      <c r="H473822" s="12"/>
    </row>
    <row r="473823" spans="8:8">
      <c r="H473823" s="12"/>
    </row>
    <row r="473824" spans="8:8">
      <c r="H473824" s="12"/>
    </row>
    <row r="473825" spans="8:8">
      <c r="H473825" s="12"/>
    </row>
    <row r="473826" spans="8:8">
      <c r="H473826" s="12"/>
    </row>
    <row r="473827" spans="8:8">
      <c r="H473827" s="12"/>
    </row>
    <row r="473828" spans="8:8">
      <c r="H473828" s="12"/>
    </row>
    <row r="473829" spans="8:8">
      <c r="H473829" s="12"/>
    </row>
    <row r="473830" spans="8:8">
      <c r="H473830" s="12"/>
    </row>
    <row r="473831" spans="8:8">
      <c r="H473831" s="12"/>
    </row>
    <row r="473832" spans="8:8">
      <c r="H473832" s="12"/>
    </row>
    <row r="473833" spans="8:8">
      <c r="H473833" s="12"/>
    </row>
    <row r="473834" spans="8:8">
      <c r="H473834" s="12"/>
    </row>
    <row r="473835" spans="8:8">
      <c r="H473835" s="12"/>
    </row>
    <row r="473836" spans="8:8">
      <c r="H473836" s="12"/>
    </row>
    <row r="473837" spans="8:8">
      <c r="H473837" s="12"/>
    </row>
    <row r="473838" spans="8:8">
      <c r="H473838" s="12"/>
    </row>
    <row r="473839" spans="8:8">
      <c r="H473839" s="12"/>
    </row>
    <row r="473840" spans="8:8">
      <c r="H473840" s="12"/>
    </row>
    <row r="473841" spans="8:8">
      <c r="H473841" s="12"/>
    </row>
    <row r="473842" spans="8:8">
      <c r="H473842" s="12"/>
    </row>
    <row r="473843" spans="8:8">
      <c r="H473843" s="12"/>
    </row>
    <row r="473844" spans="8:8">
      <c r="H473844" s="12"/>
    </row>
    <row r="473845" spans="8:8">
      <c r="H473845" s="12"/>
    </row>
    <row r="473846" spans="8:8">
      <c r="H473846" s="12"/>
    </row>
    <row r="473847" spans="8:8">
      <c r="H473847" s="12"/>
    </row>
    <row r="473848" spans="8:8">
      <c r="H473848" s="12"/>
    </row>
    <row r="473849" spans="8:8">
      <c r="H473849" s="12"/>
    </row>
    <row r="473850" spans="8:8">
      <c r="H473850" s="12"/>
    </row>
    <row r="473851" spans="8:8">
      <c r="H473851" s="12"/>
    </row>
    <row r="473852" spans="8:8">
      <c r="H473852" s="12"/>
    </row>
    <row r="473853" spans="8:8">
      <c r="H473853" s="12"/>
    </row>
    <row r="473854" spans="8:8">
      <c r="H473854" s="12"/>
    </row>
    <row r="473855" spans="8:8">
      <c r="H473855" s="12"/>
    </row>
    <row r="473856" spans="8:8">
      <c r="H473856" s="12"/>
    </row>
    <row r="473857" spans="8:8">
      <c r="H473857" s="12"/>
    </row>
    <row r="473858" spans="8:8">
      <c r="H473858" s="12"/>
    </row>
    <row r="473859" spans="8:8">
      <c r="H473859" s="12"/>
    </row>
    <row r="473860" spans="8:8">
      <c r="H473860" s="12"/>
    </row>
    <row r="473861" spans="8:8">
      <c r="H473861" s="12"/>
    </row>
    <row r="473862" spans="8:8">
      <c r="H473862" s="12"/>
    </row>
    <row r="473863" spans="8:8">
      <c r="H473863" s="12"/>
    </row>
    <row r="473864" spans="8:8">
      <c r="H473864" s="12"/>
    </row>
    <row r="473865" spans="8:8">
      <c r="H473865" s="12"/>
    </row>
    <row r="473866" spans="8:8">
      <c r="H473866" s="12"/>
    </row>
    <row r="473867" spans="8:8">
      <c r="H473867" s="12"/>
    </row>
    <row r="473868" spans="8:8">
      <c r="H473868" s="12"/>
    </row>
    <row r="473869" spans="8:8">
      <c r="H473869" s="12"/>
    </row>
    <row r="473870" spans="8:8">
      <c r="H473870" s="12"/>
    </row>
    <row r="473871" spans="8:8">
      <c r="H473871" s="12"/>
    </row>
    <row r="473872" spans="8:8">
      <c r="H473872" s="12"/>
    </row>
    <row r="473873" spans="8:8">
      <c r="H473873" s="12"/>
    </row>
    <row r="473874" spans="8:8">
      <c r="H473874" s="12"/>
    </row>
    <row r="473875" spans="8:8">
      <c r="H473875" s="12"/>
    </row>
    <row r="473876" spans="8:8">
      <c r="H473876" s="12"/>
    </row>
    <row r="473877" spans="8:8">
      <c r="H473877" s="12"/>
    </row>
    <row r="473878" spans="8:8">
      <c r="H473878" s="12"/>
    </row>
    <row r="473879" spans="8:8">
      <c r="H473879" s="12"/>
    </row>
    <row r="473880" spans="8:8">
      <c r="H473880" s="12"/>
    </row>
    <row r="473881" spans="8:8">
      <c r="H473881" s="12"/>
    </row>
    <row r="473882" spans="8:8">
      <c r="H473882" s="12"/>
    </row>
    <row r="473883" spans="8:8">
      <c r="H473883" s="12"/>
    </row>
    <row r="473884" spans="8:8">
      <c r="H473884" s="12"/>
    </row>
    <row r="473885" spans="8:8">
      <c r="H473885" s="12"/>
    </row>
    <row r="473886" spans="8:8">
      <c r="H473886" s="12"/>
    </row>
    <row r="473887" spans="8:8">
      <c r="H473887" s="12"/>
    </row>
    <row r="473888" spans="8:8">
      <c r="H473888" s="12"/>
    </row>
    <row r="473889" spans="8:8">
      <c r="H473889" s="12"/>
    </row>
    <row r="473890" spans="8:8">
      <c r="H473890" s="12"/>
    </row>
    <row r="473891" spans="8:8">
      <c r="H473891" s="12"/>
    </row>
    <row r="473892" spans="8:8">
      <c r="H473892" s="12"/>
    </row>
    <row r="473893" spans="8:8">
      <c r="H473893" s="12"/>
    </row>
    <row r="473894" spans="8:8">
      <c r="H473894" s="12"/>
    </row>
    <row r="473895" spans="8:8">
      <c r="H473895" s="12"/>
    </row>
    <row r="473896" spans="8:8">
      <c r="H473896" s="12"/>
    </row>
    <row r="473897" spans="8:8">
      <c r="H473897" s="12"/>
    </row>
    <row r="473898" spans="8:8">
      <c r="H473898" s="12"/>
    </row>
    <row r="473899" spans="8:8">
      <c r="H473899" s="12"/>
    </row>
    <row r="473900" spans="8:8">
      <c r="H473900" s="12"/>
    </row>
    <row r="473901" spans="8:8">
      <c r="H473901" s="12"/>
    </row>
    <row r="473902" spans="8:8">
      <c r="H473902" s="12"/>
    </row>
    <row r="473903" spans="8:8">
      <c r="H473903" s="12"/>
    </row>
    <row r="473904" spans="8:8">
      <c r="H473904" s="12"/>
    </row>
    <row r="473905" spans="8:8">
      <c r="H473905" s="12"/>
    </row>
    <row r="473906" spans="8:8">
      <c r="H473906" s="12"/>
    </row>
    <row r="473907" spans="8:8">
      <c r="H473907" s="12"/>
    </row>
    <row r="473908" spans="8:8">
      <c r="H473908" s="12"/>
    </row>
    <row r="473909" spans="8:8">
      <c r="H473909" s="12"/>
    </row>
    <row r="473910" spans="8:8">
      <c r="H473910" s="12"/>
    </row>
    <row r="473911" spans="8:8">
      <c r="H473911" s="12"/>
    </row>
    <row r="473912" spans="8:8">
      <c r="H473912" s="12"/>
    </row>
    <row r="473913" spans="8:8">
      <c r="H473913" s="12"/>
    </row>
    <row r="473914" spans="8:8">
      <c r="H473914" s="12"/>
    </row>
    <row r="473915" spans="8:8">
      <c r="H473915" s="12"/>
    </row>
    <row r="473916" spans="8:8">
      <c r="H473916" s="12"/>
    </row>
    <row r="473917" spans="8:8">
      <c r="H473917" s="12"/>
    </row>
    <row r="473918" spans="8:8">
      <c r="H473918" s="12"/>
    </row>
    <row r="473919" spans="8:8">
      <c r="H473919" s="12"/>
    </row>
    <row r="473920" spans="8:8">
      <c r="H473920" s="12"/>
    </row>
    <row r="473921" spans="8:8">
      <c r="H473921" s="12"/>
    </row>
    <row r="473922" spans="8:8">
      <c r="H473922" s="12"/>
    </row>
    <row r="473923" spans="8:8">
      <c r="H473923" s="12"/>
    </row>
    <row r="473924" spans="8:8">
      <c r="H473924" s="12"/>
    </row>
    <row r="473925" spans="8:8">
      <c r="H473925" s="12"/>
    </row>
    <row r="473926" spans="8:8">
      <c r="H473926" s="12"/>
    </row>
    <row r="473927" spans="8:8">
      <c r="H473927" s="12"/>
    </row>
    <row r="473928" spans="8:8">
      <c r="H473928" s="12"/>
    </row>
    <row r="473929" spans="8:8">
      <c r="H473929" s="12"/>
    </row>
    <row r="473930" spans="8:8">
      <c r="H473930" s="12"/>
    </row>
    <row r="473931" spans="8:8">
      <c r="H473931" s="12"/>
    </row>
    <row r="473932" spans="8:8">
      <c r="H473932" s="12"/>
    </row>
    <row r="473933" spans="8:8">
      <c r="H473933" s="12"/>
    </row>
    <row r="473934" spans="8:8">
      <c r="H473934" s="12"/>
    </row>
    <row r="473935" spans="8:8">
      <c r="H473935" s="12"/>
    </row>
    <row r="473936" spans="8:8">
      <c r="H473936" s="12"/>
    </row>
    <row r="473937" spans="8:8">
      <c r="H473937" s="12"/>
    </row>
    <row r="473938" spans="8:8">
      <c r="H473938" s="12"/>
    </row>
    <row r="473939" spans="8:8">
      <c r="H473939" s="12"/>
    </row>
    <row r="473940" spans="8:8">
      <c r="H473940" s="12"/>
    </row>
    <row r="473941" spans="8:8">
      <c r="H473941" s="12"/>
    </row>
    <row r="473942" spans="8:8">
      <c r="H473942" s="12"/>
    </row>
    <row r="473943" spans="8:8">
      <c r="H473943" s="12"/>
    </row>
    <row r="473944" spans="8:8">
      <c r="H473944" s="12"/>
    </row>
    <row r="473945" spans="8:8">
      <c r="H473945" s="12"/>
    </row>
    <row r="473946" spans="8:8">
      <c r="H473946" s="12"/>
    </row>
    <row r="473947" spans="8:8">
      <c r="H473947" s="12"/>
    </row>
    <row r="473948" spans="8:8">
      <c r="H473948" s="12"/>
    </row>
    <row r="473949" spans="8:8">
      <c r="H473949" s="12"/>
    </row>
    <row r="473950" spans="8:8">
      <c r="H473950" s="12"/>
    </row>
    <row r="473951" spans="8:8">
      <c r="H473951" s="12"/>
    </row>
    <row r="473952" spans="8:8">
      <c r="H473952" s="12"/>
    </row>
    <row r="473953" spans="8:8">
      <c r="H473953" s="12"/>
    </row>
    <row r="473954" spans="8:8">
      <c r="H473954" s="12"/>
    </row>
    <row r="473955" spans="8:8">
      <c r="H473955" s="12"/>
    </row>
    <row r="473956" spans="8:8">
      <c r="H473956" s="12"/>
    </row>
    <row r="473957" spans="8:8">
      <c r="H473957" s="12"/>
    </row>
    <row r="473958" spans="8:8">
      <c r="H473958" s="12"/>
    </row>
    <row r="473959" spans="8:8">
      <c r="H473959" s="12"/>
    </row>
    <row r="473960" spans="8:8">
      <c r="H473960" s="12"/>
    </row>
    <row r="473961" spans="8:8">
      <c r="H473961" s="12"/>
    </row>
    <row r="473962" spans="8:8">
      <c r="H473962" s="12"/>
    </row>
    <row r="473963" spans="8:8">
      <c r="H473963" s="12"/>
    </row>
    <row r="473964" spans="8:8">
      <c r="H473964" s="12"/>
    </row>
    <row r="473965" spans="8:8">
      <c r="H473965" s="12"/>
    </row>
    <row r="473966" spans="8:8">
      <c r="H473966" s="12"/>
    </row>
    <row r="473967" spans="8:8">
      <c r="H473967" s="12"/>
    </row>
    <row r="473968" spans="8:8">
      <c r="H473968" s="12"/>
    </row>
    <row r="473969" spans="8:8">
      <c r="H473969" s="12"/>
    </row>
    <row r="473970" spans="8:8">
      <c r="H473970" s="12"/>
    </row>
    <row r="473971" spans="8:8">
      <c r="H473971" s="12"/>
    </row>
    <row r="473972" spans="8:8">
      <c r="H473972" s="12"/>
    </row>
    <row r="473973" spans="8:8">
      <c r="H473973" s="12"/>
    </row>
    <row r="473974" spans="8:8">
      <c r="H473974" s="12"/>
    </row>
    <row r="473975" spans="8:8">
      <c r="H473975" s="12"/>
    </row>
    <row r="473976" spans="8:8">
      <c r="H473976" s="12"/>
    </row>
    <row r="473977" spans="8:8">
      <c r="H473977" s="12"/>
    </row>
    <row r="473978" spans="8:8">
      <c r="H473978" s="12"/>
    </row>
    <row r="473979" spans="8:8">
      <c r="H473979" s="12"/>
    </row>
    <row r="473980" spans="8:8">
      <c r="H473980" s="12"/>
    </row>
    <row r="473981" spans="8:8">
      <c r="H473981" s="12"/>
    </row>
    <row r="473982" spans="8:8">
      <c r="H473982" s="12"/>
    </row>
    <row r="473983" spans="8:8">
      <c r="H473983" s="12"/>
    </row>
    <row r="473984" spans="8:8">
      <c r="H473984" s="12"/>
    </row>
    <row r="473985" spans="8:8">
      <c r="H473985" s="12"/>
    </row>
    <row r="473986" spans="8:8">
      <c r="H473986" s="12"/>
    </row>
    <row r="473987" spans="8:8">
      <c r="H473987" s="12"/>
    </row>
    <row r="473988" spans="8:8">
      <c r="H473988" s="12"/>
    </row>
    <row r="473989" spans="8:8">
      <c r="H473989" s="12"/>
    </row>
    <row r="473990" spans="8:8">
      <c r="H473990" s="12"/>
    </row>
    <row r="473991" spans="8:8">
      <c r="H473991" s="12"/>
    </row>
    <row r="473992" spans="8:8">
      <c r="H473992" s="12"/>
    </row>
    <row r="473993" spans="8:8">
      <c r="H473993" s="12"/>
    </row>
    <row r="473994" spans="8:8">
      <c r="H473994" s="12"/>
    </row>
    <row r="473995" spans="8:8">
      <c r="H473995" s="12"/>
    </row>
    <row r="473996" spans="8:8">
      <c r="H473996" s="12"/>
    </row>
    <row r="473997" spans="8:8">
      <c r="H473997" s="12"/>
    </row>
    <row r="473998" spans="8:8">
      <c r="H473998" s="12"/>
    </row>
    <row r="473999" spans="8:8">
      <c r="H473999" s="12"/>
    </row>
    <row r="474000" spans="8:8">
      <c r="H474000" s="12"/>
    </row>
    <row r="474001" spans="8:8">
      <c r="H474001" s="12"/>
    </row>
    <row r="474002" spans="8:8">
      <c r="H474002" s="12"/>
    </row>
    <row r="474003" spans="8:8">
      <c r="H474003" s="12"/>
    </row>
    <row r="474004" spans="8:8">
      <c r="H474004" s="12"/>
    </row>
    <row r="474005" spans="8:8">
      <c r="H474005" s="12"/>
    </row>
    <row r="474006" spans="8:8">
      <c r="H474006" s="12"/>
    </row>
    <row r="474007" spans="8:8">
      <c r="H474007" s="12"/>
    </row>
    <row r="474008" spans="8:8">
      <c r="H474008" s="12"/>
    </row>
    <row r="474009" spans="8:8">
      <c r="H474009" s="12"/>
    </row>
    <row r="474010" spans="8:8">
      <c r="H474010" s="12"/>
    </row>
    <row r="474011" spans="8:8">
      <c r="H474011" s="12"/>
    </row>
    <row r="474012" spans="8:8">
      <c r="H474012" s="12"/>
    </row>
    <row r="474013" spans="8:8">
      <c r="H474013" s="12"/>
    </row>
    <row r="474014" spans="8:8">
      <c r="H474014" s="12"/>
    </row>
    <row r="474015" spans="8:8">
      <c r="H474015" s="12"/>
    </row>
    <row r="474016" spans="8:8">
      <c r="H474016" s="12"/>
    </row>
    <row r="474017" spans="8:8">
      <c r="H474017" s="12"/>
    </row>
    <row r="474018" spans="8:8">
      <c r="H474018" s="12"/>
    </row>
    <row r="474019" spans="8:8">
      <c r="H474019" s="12"/>
    </row>
    <row r="474020" spans="8:8">
      <c r="H474020" s="12"/>
    </row>
    <row r="474021" spans="8:8">
      <c r="H474021" s="12"/>
    </row>
    <row r="474022" spans="8:8">
      <c r="H474022" s="12"/>
    </row>
    <row r="474023" spans="8:8">
      <c r="H474023" s="12"/>
    </row>
    <row r="474024" spans="8:8">
      <c r="H474024" s="12"/>
    </row>
    <row r="474025" spans="8:8">
      <c r="H474025" s="12"/>
    </row>
    <row r="474026" spans="8:8">
      <c r="H474026" s="12"/>
    </row>
    <row r="474027" spans="8:8">
      <c r="H474027" s="12"/>
    </row>
    <row r="474028" spans="8:8">
      <c r="H474028" s="12"/>
    </row>
    <row r="474029" spans="8:8">
      <c r="H474029" s="12"/>
    </row>
    <row r="474030" spans="8:8">
      <c r="H474030" s="12"/>
    </row>
    <row r="474031" spans="8:8">
      <c r="H474031" s="12"/>
    </row>
    <row r="474032" spans="8:8">
      <c r="H474032" s="12"/>
    </row>
    <row r="474033" spans="8:8">
      <c r="H474033" s="12"/>
    </row>
    <row r="474034" spans="8:8">
      <c r="H474034" s="12"/>
    </row>
    <row r="474035" spans="8:8">
      <c r="H474035" s="12"/>
    </row>
    <row r="474036" spans="8:8">
      <c r="H474036" s="12"/>
    </row>
    <row r="474037" spans="8:8">
      <c r="H474037" s="12"/>
    </row>
    <row r="474038" spans="8:8">
      <c r="H474038" s="12"/>
    </row>
    <row r="474039" spans="8:8">
      <c r="H474039" s="12"/>
    </row>
    <row r="474040" spans="8:8">
      <c r="H474040" s="12"/>
    </row>
    <row r="474041" spans="8:8">
      <c r="H474041" s="12"/>
    </row>
    <row r="474042" spans="8:8">
      <c r="H474042" s="12"/>
    </row>
    <row r="474043" spans="8:8">
      <c r="H474043" s="12"/>
    </row>
    <row r="474044" spans="8:8">
      <c r="H474044" s="12"/>
    </row>
    <row r="474045" spans="8:8">
      <c r="H474045" s="12"/>
    </row>
    <row r="474046" spans="8:8">
      <c r="H474046" s="12"/>
    </row>
    <row r="474047" spans="8:8">
      <c r="H474047" s="12"/>
    </row>
    <row r="474048" spans="8:8">
      <c r="H474048" s="12"/>
    </row>
    <row r="474049" spans="8:8">
      <c r="H474049" s="12"/>
    </row>
    <row r="474050" spans="8:8">
      <c r="H474050" s="12"/>
    </row>
    <row r="474051" spans="8:8">
      <c r="H474051" s="12"/>
    </row>
    <row r="474052" spans="8:8">
      <c r="H474052" s="12"/>
    </row>
    <row r="474053" spans="8:8">
      <c r="H474053" s="12"/>
    </row>
    <row r="474054" spans="8:8">
      <c r="H474054" s="12"/>
    </row>
    <row r="474055" spans="8:8">
      <c r="H474055" s="12"/>
    </row>
    <row r="474056" spans="8:8">
      <c r="H474056" s="12"/>
    </row>
    <row r="474057" spans="8:8">
      <c r="H474057" s="12"/>
    </row>
    <row r="474058" spans="8:8">
      <c r="H474058" s="12"/>
    </row>
    <row r="474059" spans="8:8">
      <c r="H474059" s="12"/>
    </row>
    <row r="474060" spans="8:8">
      <c r="H474060" s="12"/>
    </row>
    <row r="474061" spans="8:8">
      <c r="H474061" s="12"/>
    </row>
    <row r="474062" spans="8:8">
      <c r="H474062" s="12"/>
    </row>
    <row r="474063" spans="8:8">
      <c r="H474063" s="12"/>
    </row>
    <row r="474064" spans="8:8">
      <c r="H474064" s="12"/>
    </row>
    <row r="474065" spans="8:8">
      <c r="H474065" s="12"/>
    </row>
    <row r="474066" spans="8:8">
      <c r="H474066" s="12"/>
    </row>
    <row r="474067" spans="8:8">
      <c r="H474067" s="12"/>
    </row>
    <row r="474068" spans="8:8">
      <c r="H474068" s="12"/>
    </row>
    <row r="474069" spans="8:8">
      <c r="H474069" s="12"/>
    </row>
    <row r="474070" spans="8:8">
      <c r="H474070" s="12"/>
    </row>
    <row r="474071" spans="8:8">
      <c r="H474071" s="12"/>
    </row>
    <row r="474072" spans="8:8">
      <c r="H474072" s="12"/>
    </row>
    <row r="474073" spans="8:8">
      <c r="H474073" s="12"/>
    </row>
    <row r="474074" spans="8:8">
      <c r="H474074" s="12"/>
    </row>
    <row r="474075" spans="8:8">
      <c r="H474075" s="12"/>
    </row>
    <row r="474076" spans="8:8">
      <c r="H474076" s="12"/>
    </row>
    <row r="474077" spans="8:8">
      <c r="H474077" s="12"/>
    </row>
    <row r="474078" spans="8:8">
      <c r="H474078" s="12"/>
    </row>
    <row r="474079" spans="8:8">
      <c r="H474079" s="12"/>
    </row>
    <row r="474080" spans="8:8">
      <c r="H474080" s="12"/>
    </row>
    <row r="474081" spans="8:8">
      <c r="H474081" s="12"/>
    </row>
    <row r="474082" spans="8:8">
      <c r="H474082" s="12"/>
    </row>
    <row r="474083" spans="8:8">
      <c r="H474083" s="12"/>
    </row>
    <row r="474084" spans="8:8">
      <c r="H474084" s="12"/>
    </row>
    <row r="474085" spans="8:8">
      <c r="H474085" s="12"/>
    </row>
    <row r="474086" spans="8:8">
      <c r="H474086" s="12"/>
    </row>
    <row r="474087" spans="8:8">
      <c r="H474087" s="12"/>
    </row>
    <row r="474088" spans="8:8">
      <c r="H474088" s="12"/>
    </row>
    <row r="474089" spans="8:8">
      <c r="H474089" s="12"/>
    </row>
    <row r="474090" spans="8:8">
      <c r="H474090" s="12"/>
    </row>
    <row r="474091" spans="8:8">
      <c r="H474091" s="12"/>
    </row>
    <row r="474092" spans="8:8">
      <c r="H474092" s="12"/>
    </row>
    <row r="474093" spans="8:8">
      <c r="H474093" s="12"/>
    </row>
    <row r="474094" spans="8:8">
      <c r="H474094" s="12"/>
    </row>
    <row r="474095" spans="8:8">
      <c r="H474095" s="12"/>
    </row>
    <row r="474096" spans="8:8">
      <c r="H474096" s="12"/>
    </row>
    <row r="474097" spans="8:8">
      <c r="H474097" s="12"/>
    </row>
    <row r="474098" spans="8:8">
      <c r="H474098" s="12"/>
    </row>
    <row r="474099" spans="8:8">
      <c r="H474099" s="12"/>
    </row>
    <row r="474100" spans="8:8">
      <c r="H474100" s="12"/>
    </row>
    <row r="474101" spans="8:8">
      <c r="H474101" s="12"/>
    </row>
    <row r="474102" spans="8:8">
      <c r="H474102" s="12"/>
    </row>
    <row r="474103" spans="8:8">
      <c r="H474103" s="12"/>
    </row>
    <row r="474104" spans="8:8">
      <c r="H474104" s="12"/>
    </row>
    <row r="474105" spans="8:8">
      <c r="H474105" s="12"/>
    </row>
    <row r="474106" spans="8:8">
      <c r="H474106" s="12"/>
    </row>
    <row r="474107" spans="8:8">
      <c r="H474107" s="12"/>
    </row>
    <row r="474108" spans="8:8">
      <c r="H474108" s="12"/>
    </row>
    <row r="474109" spans="8:8">
      <c r="H474109" s="12"/>
    </row>
    <row r="474110" spans="8:8">
      <c r="H474110" s="12"/>
    </row>
    <row r="474111" spans="8:8">
      <c r="H474111" s="12"/>
    </row>
    <row r="474112" spans="8:8">
      <c r="H474112" s="12"/>
    </row>
    <row r="474113" spans="8:8">
      <c r="H474113" s="12"/>
    </row>
    <row r="474114" spans="8:8">
      <c r="H474114" s="12"/>
    </row>
    <row r="474115" spans="8:8">
      <c r="H474115" s="12"/>
    </row>
    <row r="474116" spans="8:8">
      <c r="H474116" s="12"/>
    </row>
    <row r="474117" spans="8:8">
      <c r="H474117" s="12"/>
    </row>
    <row r="474118" spans="8:8">
      <c r="H474118" s="12"/>
    </row>
    <row r="474119" spans="8:8">
      <c r="H474119" s="12"/>
    </row>
    <row r="474120" spans="8:8">
      <c r="H474120" s="12"/>
    </row>
    <row r="474121" spans="8:8">
      <c r="H474121" s="12"/>
    </row>
    <row r="474122" spans="8:8">
      <c r="H474122" s="12"/>
    </row>
    <row r="474123" spans="8:8">
      <c r="H474123" s="12"/>
    </row>
    <row r="474124" spans="8:8">
      <c r="H474124" s="12"/>
    </row>
    <row r="474125" spans="8:8">
      <c r="H474125" s="12"/>
    </row>
    <row r="474126" spans="8:8">
      <c r="H474126" s="12"/>
    </row>
    <row r="474127" spans="8:8">
      <c r="H474127" s="12"/>
    </row>
    <row r="474128" spans="8:8">
      <c r="H474128" s="12"/>
    </row>
    <row r="474129" spans="8:8">
      <c r="H474129" s="12"/>
    </row>
    <row r="474130" spans="8:8">
      <c r="H474130" s="12"/>
    </row>
    <row r="474131" spans="8:8">
      <c r="H474131" s="12"/>
    </row>
    <row r="474132" spans="8:8">
      <c r="H474132" s="12"/>
    </row>
    <row r="474133" spans="8:8">
      <c r="H474133" s="12"/>
    </row>
    <row r="474134" spans="8:8">
      <c r="H474134" s="12"/>
    </row>
    <row r="474135" spans="8:8">
      <c r="H474135" s="12"/>
    </row>
    <row r="474136" spans="8:8">
      <c r="H474136" s="12"/>
    </row>
    <row r="474137" spans="8:8">
      <c r="H474137" s="12"/>
    </row>
    <row r="474138" spans="8:8">
      <c r="H474138" s="12"/>
    </row>
    <row r="474139" spans="8:8">
      <c r="H474139" s="12"/>
    </row>
    <row r="474140" spans="8:8">
      <c r="H474140" s="12"/>
    </row>
    <row r="474141" spans="8:8">
      <c r="H474141" s="12"/>
    </row>
    <row r="474142" spans="8:8">
      <c r="H474142" s="12"/>
    </row>
    <row r="474143" spans="8:8">
      <c r="H474143" s="12"/>
    </row>
    <row r="474144" spans="8:8">
      <c r="H474144" s="12"/>
    </row>
    <row r="474145" spans="8:8">
      <c r="H474145" s="12"/>
    </row>
    <row r="474146" spans="8:8">
      <c r="H474146" s="12"/>
    </row>
    <row r="474147" spans="8:8">
      <c r="H474147" s="12"/>
    </row>
    <row r="474148" spans="8:8">
      <c r="H474148" s="12"/>
    </row>
    <row r="474149" spans="8:8">
      <c r="H474149" s="12"/>
    </row>
    <row r="474150" spans="8:8">
      <c r="H474150" s="12"/>
    </row>
    <row r="474151" spans="8:8">
      <c r="H474151" s="12"/>
    </row>
    <row r="474152" spans="8:8">
      <c r="H474152" s="12"/>
    </row>
    <row r="474153" spans="8:8">
      <c r="H474153" s="12"/>
    </row>
    <row r="474154" spans="8:8">
      <c r="H474154" s="12"/>
    </row>
    <row r="474155" spans="8:8">
      <c r="H474155" s="12"/>
    </row>
    <row r="474156" spans="8:8">
      <c r="H474156" s="12"/>
    </row>
    <row r="474157" spans="8:8">
      <c r="H474157" s="12"/>
    </row>
    <row r="474158" spans="8:8">
      <c r="H474158" s="12"/>
    </row>
    <row r="474159" spans="8:8">
      <c r="H474159" s="12"/>
    </row>
    <row r="474160" spans="8:8">
      <c r="H474160" s="12"/>
    </row>
    <row r="474161" spans="8:8">
      <c r="H474161" s="12"/>
    </row>
    <row r="474162" spans="8:8">
      <c r="H474162" s="12"/>
    </row>
    <row r="474163" spans="8:8">
      <c r="H474163" s="12"/>
    </row>
    <row r="474164" spans="8:8">
      <c r="H474164" s="12"/>
    </row>
    <row r="474165" spans="8:8">
      <c r="H474165" s="12"/>
    </row>
    <row r="474166" spans="8:8">
      <c r="H474166" s="12"/>
    </row>
    <row r="474167" spans="8:8">
      <c r="H474167" s="12"/>
    </row>
    <row r="474168" spans="8:8">
      <c r="H474168" s="12"/>
    </row>
    <row r="474169" spans="8:8">
      <c r="H474169" s="12"/>
    </row>
    <row r="474170" spans="8:8">
      <c r="H474170" s="12"/>
    </row>
    <row r="474171" spans="8:8">
      <c r="H474171" s="12"/>
    </row>
    <row r="474172" spans="8:8">
      <c r="H474172" s="12"/>
    </row>
    <row r="474173" spans="8:8">
      <c r="H474173" s="12"/>
    </row>
    <row r="474174" spans="8:8">
      <c r="H474174" s="12"/>
    </row>
    <row r="474175" spans="8:8">
      <c r="H474175" s="12"/>
    </row>
    <row r="474176" spans="8:8">
      <c r="H474176" s="12"/>
    </row>
    <row r="474177" spans="8:8">
      <c r="H474177" s="12"/>
    </row>
    <row r="474178" spans="8:8">
      <c r="H474178" s="12"/>
    </row>
    <row r="474179" spans="8:8">
      <c r="H474179" s="12"/>
    </row>
    <row r="474180" spans="8:8">
      <c r="H474180" s="12"/>
    </row>
    <row r="474181" spans="8:8">
      <c r="H474181" s="12"/>
    </row>
    <row r="474182" spans="8:8">
      <c r="H474182" s="12"/>
    </row>
    <row r="474183" spans="8:8">
      <c r="H474183" s="12"/>
    </row>
    <row r="474184" spans="8:8">
      <c r="H474184" s="12"/>
    </row>
    <row r="474185" spans="8:8">
      <c r="H474185" s="12"/>
    </row>
    <row r="474186" spans="8:8">
      <c r="H474186" s="12"/>
    </row>
    <row r="474187" spans="8:8">
      <c r="H474187" s="12"/>
    </row>
    <row r="474188" spans="8:8">
      <c r="H474188" s="12"/>
    </row>
    <row r="474189" spans="8:8">
      <c r="H474189" s="12"/>
    </row>
    <row r="474190" spans="8:8">
      <c r="H474190" s="12"/>
    </row>
    <row r="474191" spans="8:8">
      <c r="H474191" s="12"/>
    </row>
    <row r="474192" spans="8:8">
      <c r="H474192" s="12"/>
    </row>
    <row r="474193" spans="8:8">
      <c r="H474193" s="12"/>
    </row>
    <row r="474194" spans="8:8">
      <c r="H474194" s="12"/>
    </row>
    <row r="474195" spans="8:8">
      <c r="H474195" s="12"/>
    </row>
    <row r="474196" spans="8:8">
      <c r="H474196" s="12"/>
    </row>
    <row r="474197" spans="8:8">
      <c r="H474197" s="12"/>
    </row>
    <row r="474198" spans="8:8">
      <c r="H474198" s="12"/>
    </row>
    <row r="474199" spans="8:8">
      <c r="H474199" s="12"/>
    </row>
    <row r="474200" spans="8:8">
      <c r="H474200" s="12"/>
    </row>
    <row r="474201" spans="8:8">
      <c r="H474201" s="12"/>
    </row>
    <row r="474202" spans="8:8">
      <c r="H474202" s="12"/>
    </row>
    <row r="474203" spans="8:8">
      <c r="H474203" s="12"/>
    </row>
    <row r="474204" spans="8:8">
      <c r="H474204" s="12"/>
    </row>
    <row r="474205" spans="8:8">
      <c r="H474205" s="12"/>
    </row>
    <row r="474206" spans="8:8">
      <c r="H474206" s="12"/>
    </row>
    <row r="474207" spans="8:8">
      <c r="H474207" s="12"/>
    </row>
    <row r="474208" spans="8:8">
      <c r="H474208" s="12"/>
    </row>
    <row r="474209" spans="8:8">
      <c r="H474209" s="12"/>
    </row>
    <row r="474210" spans="8:8">
      <c r="H474210" s="12"/>
    </row>
    <row r="474211" spans="8:8">
      <c r="H474211" s="12"/>
    </row>
    <row r="474212" spans="8:8">
      <c r="H474212" s="12"/>
    </row>
    <row r="474213" spans="8:8">
      <c r="H474213" s="12"/>
    </row>
    <row r="474214" spans="8:8">
      <c r="H474214" s="12"/>
    </row>
    <row r="474215" spans="8:8">
      <c r="H474215" s="12"/>
    </row>
    <row r="474216" spans="8:8">
      <c r="H474216" s="12"/>
    </row>
    <row r="474217" spans="8:8">
      <c r="H474217" s="12"/>
    </row>
    <row r="474218" spans="8:8">
      <c r="H474218" s="12"/>
    </row>
    <row r="474219" spans="8:8">
      <c r="H474219" s="12"/>
    </row>
    <row r="474220" spans="8:8">
      <c r="H474220" s="12"/>
    </row>
    <row r="474221" spans="8:8">
      <c r="H474221" s="12"/>
    </row>
    <row r="474222" spans="8:8">
      <c r="H474222" s="12"/>
    </row>
    <row r="474223" spans="8:8">
      <c r="H474223" s="12"/>
    </row>
    <row r="474224" spans="8:8">
      <c r="H474224" s="12"/>
    </row>
    <row r="474225" spans="8:8">
      <c r="H474225" s="12"/>
    </row>
    <row r="474226" spans="8:8">
      <c r="H474226" s="12"/>
    </row>
    <row r="474227" spans="8:8">
      <c r="H474227" s="12"/>
    </row>
    <row r="474228" spans="8:8">
      <c r="H474228" s="12"/>
    </row>
    <row r="474229" spans="8:8">
      <c r="H474229" s="12"/>
    </row>
    <row r="474230" spans="8:8">
      <c r="H474230" s="12"/>
    </row>
    <row r="474231" spans="8:8">
      <c r="H474231" s="12"/>
    </row>
    <row r="474232" spans="8:8">
      <c r="H474232" s="12"/>
    </row>
    <row r="474233" spans="8:8">
      <c r="H474233" s="12"/>
    </row>
    <row r="474234" spans="8:8">
      <c r="H474234" s="12"/>
    </row>
    <row r="474235" spans="8:8">
      <c r="H474235" s="12"/>
    </row>
    <row r="474236" spans="8:8">
      <c r="H474236" s="12"/>
    </row>
    <row r="474237" spans="8:8">
      <c r="H474237" s="12"/>
    </row>
    <row r="474238" spans="8:8">
      <c r="H474238" s="12"/>
    </row>
    <row r="474239" spans="8:8">
      <c r="H474239" s="12"/>
    </row>
    <row r="474240" spans="8:8">
      <c r="H474240" s="12"/>
    </row>
    <row r="474241" spans="8:8">
      <c r="H474241" s="12"/>
    </row>
    <row r="474242" spans="8:8">
      <c r="H474242" s="12"/>
    </row>
    <row r="474243" spans="8:8">
      <c r="H474243" s="12"/>
    </row>
    <row r="474244" spans="8:8">
      <c r="H474244" s="12"/>
    </row>
    <row r="474245" spans="8:8">
      <c r="H474245" s="12"/>
    </row>
    <row r="474246" spans="8:8">
      <c r="H474246" s="12"/>
    </row>
    <row r="474247" spans="8:8">
      <c r="H474247" s="12"/>
    </row>
    <row r="474248" spans="8:8">
      <c r="H474248" s="12"/>
    </row>
    <row r="474249" spans="8:8">
      <c r="H474249" s="12"/>
    </row>
    <row r="474250" spans="8:8">
      <c r="H474250" s="12"/>
    </row>
    <row r="474251" spans="8:8">
      <c r="H474251" s="12"/>
    </row>
    <row r="474252" spans="8:8">
      <c r="H474252" s="12"/>
    </row>
    <row r="474253" spans="8:8">
      <c r="H474253" s="12"/>
    </row>
    <row r="474254" spans="8:8">
      <c r="H474254" s="12"/>
    </row>
    <row r="474255" spans="8:8">
      <c r="H474255" s="12"/>
    </row>
    <row r="474256" spans="8:8">
      <c r="H474256" s="12"/>
    </row>
    <row r="474257" spans="8:8">
      <c r="H474257" s="12"/>
    </row>
    <row r="474258" spans="8:8">
      <c r="H474258" s="12"/>
    </row>
    <row r="474259" spans="8:8">
      <c r="H474259" s="12"/>
    </row>
    <row r="474260" spans="8:8">
      <c r="H474260" s="12"/>
    </row>
    <row r="474261" spans="8:8">
      <c r="H474261" s="12"/>
    </row>
    <row r="474262" spans="8:8">
      <c r="H474262" s="12"/>
    </row>
    <row r="474263" spans="8:8">
      <c r="H474263" s="12"/>
    </row>
    <row r="474264" spans="8:8">
      <c r="H474264" s="12"/>
    </row>
    <row r="474265" spans="8:8">
      <c r="H474265" s="12"/>
    </row>
    <row r="474266" spans="8:8">
      <c r="H474266" s="12"/>
    </row>
    <row r="474267" spans="8:8">
      <c r="H474267" s="12"/>
    </row>
    <row r="474268" spans="8:8">
      <c r="H474268" s="12"/>
    </row>
    <row r="474269" spans="8:8">
      <c r="H474269" s="12"/>
    </row>
    <row r="474270" spans="8:8">
      <c r="H474270" s="12"/>
    </row>
    <row r="474271" spans="8:8">
      <c r="H474271" s="12"/>
    </row>
    <row r="474272" spans="8:8">
      <c r="H474272" s="12"/>
    </row>
    <row r="474273" spans="8:8">
      <c r="H474273" s="12"/>
    </row>
    <row r="474274" spans="8:8">
      <c r="H474274" s="12"/>
    </row>
    <row r="474275" spans="8:8">
      <c r="H474275" s="12"/>
    </row>
    <row r="474276" spans="8:8">
      <c r="H474276" s="12"/>
    </row>
    <row r="474277" spans="8:8">
      <c r="H474277" s="12"/>
    </row>
    <row r="474278" spans="8:8">
      <c r="H474278" s="12"/>
    </row>
    <row r="474279" spans="8:8">
      <c r="H474279" s="12"/>
    </row>
    <row r="474280" spans="8:8">
      <c r="H474280" s="12"/>
    </row>
    <row r="474281" spans="8:8">
      <c r="H474281" s="12"/>
    </row>
    <row r="474282" spans="8:8">
      <c r="H474282" s="12"/>
    </row>
    <row r="474283" spans="8:8">
      <c r="H474283" s="12"/>
    </row>
    <row r="474284" spans="8:8">
      <c r="H474284" s="12"/>
    </row>
    <row r="474285" spans="8:8">
      <c r="H474285" s="12"/>
    </row>
    <row r="474286" spans="8:8">
      <c r="H474286" s="12"/>
    </row>
    <row r="474287" spans="8:8">
      <c r="H474287" s="12"/>
    </row>
    <row r="474288" spans="8:8">
      <c r="H474288" s="12"/>
    </row>
    <row r="474289" spans="8:8">
      <c r="H474289" s="12"/>
    </row>
    <row r="474290" spans="8:8">
      <c r="H474290" s="12"/>
    </row>
    <row r="474291" spans="8:8">
      <c r="H474291" s="12"/>
    </row>
    <row r="474292" spans="8:8">
      <c r="H474292" s="12"/>
    </row>
    <row r="474293" spans="8:8">
      <c r="H474293" s="12"/>
    </row>
    <row r="474294" spans="8:8">
      <c r="H474294" s="12"/>
    </row>
    <row r="474295" spans="8:8">
      <c r="H474295" s="12"/>
    </row>
    <row r="474296" spans="8:8">
      <c r="H474296" s="12"/>
    </row>
    <row r="474297" spans="8:8">
      <c r="H474297" s="12"/>
    </row>
    <row r="474298" spans="8:8">
      <c r="H474298" s="12"/>
    </row>
    <row r="474299" spans="8:8">
      <c r="H474299" s="12"/>
    </row>
    <row r="474300" spans="8:8">
      <c r="H474300" s="12"/>
    </row>
    <row r="474301" spans="8:8">
      <c r="H474301" s="12"/>
    </row>
    <row r="474302" spans="8:8">
      <c r="H474302" s="12"/>
    </row>
    <row r="474303" spans="8:8">
      <c r="H474303" s="12"/>
    </row>
    <row r="474304" spans="8:8">
      <c r="H474304" s="12"/>
    </row>
    <row r="474305" spans="8:8">
      <c r="H474305" s="12"/>
    </row>
    <row r="474306" spans="8:8">
      <c r="H474306" s="12"/>
    </row>
    <row r="474307" spans="8:8">
      <c r="H474307" s="12"/>
    </row>
    <row r="474308" spans="8:8">
      <c r="H474308" s="12"/>
    </row>
    <row r="474309" spans="8:8">
      <c r="H474309" s="12"/>
    </row>
    <row r="474310" spans="8:8">
      <c r="H474310" s="12"/>
    </row>
    <row r="474311" spans="8:8">
      <c r="H474311" s="12"/>
    </row>
    <row r="474312" spans="8:8">
      <c r="H474312" s="12"/>
    </row>
    <row r="474313" spans="8:8">
      <c r="H474313" s="12"/>
    </row>
    <row r="474314" spans="8:8">
      <c r="H474314" s="12"/>
    </row>
    <row r="474315" spans="8:8">
      <c r="H474315" s="12"/>
    </row>
    <row r="474316" spans="8:8">
      <c r="H474316" s="12"/>
    </row>
    <row r="474317" spans="8:8">
      <c r="H474317" s="12"/>
    </row>
    <row r="474318" spans="8:8">
      <c r="H474318" s="12"/>
    </row>
    <row r="474319" spans="8:8">
      <c r="H474319" s="12"/>
    </row>
    <row r="474320" spans="8:8">
      <c r="H474320" s="12"/>
    </row>
    <row r="474321" spans="8:8">
      <c r="H474321" s="12"/>
    </row>
    <row r="474322" spans="8:8">
      <c r="H474322" s="12"/>
    </row>
    <row r="474323" spans="8:8">
      <c r="H474323" s="12"/>
    </row>
    <row r="474324" spans="8:8">
      <c r="H474324" s="12"/>
    </row>
    <row r="474325" spans="8:8">
      <c r="H474325" s="12"/>
    </row>
    <row r="474326" spans="8:8">
      <c r="H474326" s="12"/>
    </row>
    <row r="474327" spans="8:8">
      <c r="H474327" s="12"/>
    </row>
    <row r="474328" spans="8:8">
      <c r="H474328" s="12"/>
    </row>
    <row r="474329" spans="8:8">
      <c r="H474329" s="12"/>
    </row>
    <row r="474330" spans="8:8">
      <c r="H474330" s="12"/>
    </row>
    <row r="474331" spans="8:8">
      <c r="H474331" s="12"/>
    </row>
    <row r="474332" spans="8:8">
      <c r="H474332" s="12"/>
    </row>
    <row r="474333" spans="8:8">
      <c r="H474333" s="12"/>
    </row>
    <row r="474334" spans="8:8">
      <c r="H474334" s="12"/>
    </row>
    <row r="474335" spans="8:8">
      <c r="H474335" s="12"/>
    </row>
    <row r="474336" spans="8:8">
      <c r="H474336" s="12"/>
    </row>
    <row r="474337" spans="8:8">
      <c r="H474337" s="12"/>
    </row>
    <row r="474338" spans="8:8">
      <c r="H474338" s="12"/>
    </row>
    <row r="474339" spans="8:8">
      <c r="H474339" s="12"/>
    </row>
    <row r="474340" spans="8:8">
      <c r="H474340" s="12"/>
    </row>
    <row r="474341" spans="8:8">
      <c r="H474341" s="12"/>
    </row>
    <row r="474342" spans="8:8">
      <c r="H474342" s="12"/>
    </row>
    <row r="474343" spans="8:8">
      <c r="H474343" s="12"/>
    </row>
    <row r="474344" spans="8:8">
      <c r="H474344" s="12"/>
    </row>
    <row r="474345" spans="8:8">
      <c r="H474345" s="12"/>
    </row>
    <row r="474346" spans="8:8">
      <c r="H474346" s="12"/>
    </row>
    <row r="474347" spans="8:8">
      <c r="H474347" s="12"/>
    </row>
    <row r="474348" spans="8:8">
      <c r="H474348" s="12"/>
    </row>
    <row r="474349" spans="8:8">
      <c r="H474349" s="12"/>
    </row>
    <row r="474350" spans="8:8">
      <c r="H474350" s="12"/>
    </row>
    <row r="474351" spans="8:8">
      <c r="H474351" s="12"/>
    </row>
    <row r="474352" spans="8:8">
      <c r="H474352" s="12"/>
    </row>
    <row r="474353" spans="8:8">
      <c r="H474353" s="12"/>
    </row>
    <row r="474354" spans="8:8">
      <c r="H474354" s="12"/>
    </row>
    <row r="474355" spans="8:8">
      <c r="H474355" s="12"/>
    </row>
    <row r="474356" spans="8:8">
      <c r="H474356" s="12"/>
    </row>
    <row r="474357" spans="8:8">
      <c r="H474357" s="12"/>
    </row>
    <row r="474358" spans="8:8">
      <c r="H474358" s="12"/>
    </row>
    <row r="474359" spans="8:8">
      <c r="H474359" s="12"/>
    </row>
    <row r="474360" spans="8:8">
      <c r="H474360" s="12"/>
    </row>
    <row r="474361" spans="8:8">
      <c r="H474361" s="12"/>
    </row>
    <row r="474362" spans="8:8">
      <c r="H474362" s="12"/>
    </row>
    <row r="474363" spans="8:8">
      <c r="H474363" s="12"/>
    </row>
    <row r="474364" spans="8:8">
      <c r="H474364" s="12"/>
    </row>
    <row r="474365" spans="8:8">
      <c r="H474365" s="12"/>
    </row>
    <row r="474366" spans="8:8">
      <c r="H474366" s="12"/>
    </row>
    <row r="474367" spans="8:8">
      <c r="H474367" s="12"/>
    </row>
    <row r="474368" spans="8:8">
      <c r="H474368" s="12"/>
    </row>
    <row r="474369" spans="8:8">
      <c r="H474369" s="12"/>
    </row>
    <row r="474370" spans="8:8">
      <c r="H474370" s="12"/>
    </row>
    <row r="474371" spans="8:8">
      <c r="H474371" s="12"/>
    </row>
    <row r="474372" spans="8:8">
      <c r="H474372" s="12"/>
    </row>
    <row r="474373" spans="8:8">
      <c r="H474373" s="12"/>
    </row>
    <row r="474374" spans="8:8">
      <c r="H474374" s="12"/>
    </row>
    <row r="474375" spans="8:8">
      <c r="H474375" s="12"/>
    </row>
    <row r="474376" spans="8:8">
      <c r="H474376" s="12"/>
    </row>
    <row r="474377" spans="8:8">
      <c r="H474377" s="12"/>
    </row>
    <row r="474378" spans="8:8">
      <c r="H474378" s="12"/>
    </row>
    <row r="474379" spans="8:8">
      <c r="H474379" s="12"/>
    </row>
    <row r="474380" spans="8:8">
      <c r="H474380" s="12"/>
    </row>
    <row r="474381" spans="8:8">
      <c r="H474381" s="12"/>
    </row>
    <row r="474382" spans="8:8">
      <c r="H474382" s="12"/>
    </row>
    <row r="474383" spans="8:8">
      <c r="H474383" s="12"/>
    </row>
    <row r="474384" spans="8:8">
      <c r="H474384" s="12"/>
    </row>
    <row r="474385" spans="8:8">
      <c r="H474385" s="12"/>
    </row>
    <row r="474386" spans="8:8">
      <c r="H474386" s="12"/>
    </row>
    <row r="474387" spans="8:8">
      <c r="H474387" s="12"/>
    </row>
    <row r="474388" spans="8:8">
      <c r="H474388" s="12"/>
    </row>
    <row r="474389" spans="8:8">
      <c r="H474389" s="12"/>
    </row>
    <row r="474390" spans="8:8">
      <c r="H474390" s="12"/>
    </row>
    <row r="474391" spans="8:8">
      <c r="H474391" s="12"/>
    </row>
    <row r="474392" spans="8:8">
      <c r="H474392" s="12"/>
    </row>
    <row r="474393" spans="8:8">
      <c r="H474393" s="12"/>
    </row>
    <row r="474394" spans="8:8">
      <c r="H474394" s="12"/>
    </row>
    <row r="474395" spans="8:8">
      <c r="H474395" s="12"/>
    </row>
    <row r="474396" spans="8:8">
      <c r="H474396" s="12"/>
    </row>
    <row r="474397" spans="8:8">
      <c r="H474397" s="12"/>
    </row>
    <row r="474398" spans="8:8">
      <c r="H474398" s="12"/>
    </row>
    <row r="474399" spans="8:8">
      <c r="H474399" s="12"/>
    </row>
    <row r="474400" spans="8:8">
      <c r="H474400" s="12"/>
    </row>
    <row r="474401" spans="8:8">
      <c r="H474401" s="12"/>
    </row>
    <row r="474402" spans="8:8">
      <c r="H474402" s="12"/>
    </row>
    <row r="474403" spans="8:8">
      <c r="H474403" s="12"/>
    </row>
    <row r="474404" spans="8:8">
      <c r="H474404" s="12"/>
    </row>
    <row r="474405" spans="8:8">
      <c r="H474405" s="12"/>
    </row>
    <row r="474406" spans="8:8">
      <c r="H474406" s="12"/>
    </row>
    <row r="474407" spans="8:8">
      <c r="H474407" s="12"/>
    </row>
    <row r="474408" spans="8:8">
      <c r="H474408" s="12"/>
    </row>
    <row r="474409" spans="8:8">
      <c r="H474409" s="12"/>
    </row>
    <row r="474410" spans="8:8">
      <c r="H474410" s="12"/>
    </row>
    <row r="474411" spans="8:8">
      <c r="H474411" s="12"/>
    </row>
    <row r="474412" spans="8:8">
      <c r="H474412" s="12"/>
    </row>
    <row r="474413" spans="8:8">
      <c r="H474413" s="12"/>
    </row>
    <row r="474414" spans="8:8">
      <c r="H474414" s="12"/>
    </row>
    <row r="474415" spans="8:8">
      <c r="H474415" s="12"/>
    </row>
    <row r="474416" spans="8:8">
      <c r="H474416" s="12"/>
    </row>
    <row r="474417" spans="8:8">
      <c r="H474417" s="12"/>
    </row>
    <row r="474418" spans="8:8">
      <c r="H474418" s="12"/>
    </row>
    <row r="474419" spans="8:8">
      <c r="H474419" s="12"/>
    </row>
    <row r="474420" spans="8:8">
      <c r="H474420" s="12"/>
    </row>
    <row r="474421" spans="8:8">
      <c r="H474421" s="12"/>
    </row>
    <row r="474422" spans="8:8">
      <c r="H474422" s="12"/>
    </row>
    <row r="474423" spans="8:8">
      <c r="H474423" s="12"/>
    </row>
    <row r="474424" spans="8:8">
      <c r="H474424" s="12"/>
    </row>
    <row r="474425" spans="8:8">
      <c r="H474425" s="12"/>
    </row>
    <row r="474426" spans="8:8">
      <c r="H474426" s="12"/>
    </row>
    <row r="474427" spans="8:8">
      <c r="H474427" s="12"/>
    </row>
    <row r="474428" spans="8:8">
      <c r="H474428" s="12"/>
    </row>
    <row r="474429" spans="8:8">
      <c r="H474429" s="12"/>
    </row>
    <row r="474430" spans="8:8">
      <c r="H474430" s="12"/>
    </row>
    <row r="474431" spans="8:8">
      <c r="H474431" s="12"/>
    </row>
    <row r="474432" spans="8:8">
      <c r="H474432" s="12"/>
    </row>
    <row r="474433" spans="8:8">
      <c r="H474433" s="12"/>
    </row>
    <row r="474434" spans="8:8">
      <c r="H474434" s="12"/>
    </row>
    <row r="474435" spans="8:8">
      <c r="H474435" s="12"/>
    </row>
    <row r="474436" spans="8:8">
      <c r="H474436" s="12"/>
    </row>
    <row r="474437" spans="8:8">
      <c r="H474437" s="12"/>
    </row>
    <row r="474438" spans="8:8">
      <c r="H474438" s="12"/>
    </row>
    <row r="474439" spans="8:8">
      <c r="H474439" s="12"/>
    </row>
    <row r="474440" spans="8:8">
      <c r="H474440" s="12"/>
    </row>
    <row r="474441" spans="8:8">
      <c r="H474441" s="12"/>
    </row>
    <row r="474442" spans="8:8">
      <c r="H474442" s="12"/>
    </row>
    <row r="474443" spans="8:8">
      <c r="H474443" s="12"/>
    </row>
    <row r="474444" spans="8:8">
      <c r="H474444" s="12"/>
    </row>
    <row r="474445" spans="8:8">
      <c r="H474445" s="12"/>
    </row>
    <row r="474446" spans="8:8">
      <c r="H474446" s="12"/>
    </row>
    <row r="474447" spans="8:8">
      <c r="H474447" s="12"/>
    </row>
    <row r="474448" spans="8:8">
      <c r="H474448" s="12"/>
    </row>
    <row r="474449" spans="8:8">
      <c r="H474449" s="12"/>
    </row>
    <row r="474450" spans="8:8">
      <c r="H474450" s="12"/>
    </row>
    <row r="474451" spans="8:8">
      <c r="H474451" s="12"/>
    </row>
    <row r="474452" spans="8:8">
      <c r="H474452" s="12"/>
    </row>
    <row r="474453" spans="8:8">
      <c r="H474453" s="12"/>
    </row>
    <row r="474454" spans="8:8">
      <c r="H474454" s="12"/>
    </row>
    <row r="474455" spans="8:8">
      <c r="H474455" s="12"/>
    </row>
    <row r="474456" spans="8:8">
      <c r="H474456" s="12"/>
    </row>
    <row r="474457" spans="8:8">
      <c r="H474457" s="12"/>
    </row>
    <row r="474458" spans="8:8">
      <c r="H474458" s="12"/>
    </row>
    <row r="474459" spans="8:8">
      <c r="H474459" s="12"/>
    </row>
    <row r="474460" spans="8:8">
      <c r="H474460" s="12"/>
    </row>
    <row r="474461" spans="8:8">
      <c r="H474461" s="12"/>
    </row>
    <row r="474462" spans="8:8">
      <c r="H474462" s="12"/>
    </row>
    <row r="474463" spans="8:8">
      <c r="H474463" s="12"/>
    </row>
    <row r="474464" spans="8:8">
      <c r="H474464" s="12"/>
    </row>
    <row r="474465" spans="8:8">
      <c r="H474465" s="12"/>
    </row>
    <row r="474466" spans="8:8">
      <c r="H474466" s="12"/>
    </row>
    <row r="474467" spans="8:8">
      <c r="H474467" s="12"/>
    </row>
    <row r="474468" spans="8:8">
      <c r="H474468" s="12"/>
    </row>
    <row r="474469" spans="8:8">
      <c r="H474469" s="12"/>
    </row>
    <row r="474470" spans="8:8">
      <c r="H474470" s="12"/>
    </row>
    <row r="474471" spans="8:8">
      <c r="H474471" s="12"/>
    </row>
    <row r="474472" spans="8:8">
      <c r="H474472" s="12"/>
    </row>
    <row r="474473" spans="8:8">
      <c r="H474473" s="12"/>
    </row>
    <row r="474474" spans="8:8">
      <c r="H474474" s="12"/>
    </row>
    <row r="474475" spans="8:8">
      <c r="H474475" s="12"/>
    </row>
    <row r="474476" spans="8:8">
      <c r="H474476" s="12"/>
    </row>
    <row r="474477" spans="8:8">
      <c r="H474477" s="12"/>
    </row>
    <row r="474478" spans="8:8">
      <c r="H474478" s="12"/>
    </row>
    <row r="474479" spans="8:8">
      <c r="H474479" s="12"/>
    </row>
    <row r="474480" spans="8:8">
      <c r="H474480" s="12"/>
    </row>
    <row r="474481" spans="8:8">
      <c r="H474481" s="12"/>
    </row>
    <row r="474482" spans="8:8">
      <c r="H474482" s="12"/>
    </row>
    <row r="474483" spans="8:8">
      <c r="H474483" s="12"/>
    </row>
    <row r="474484" spans="8:8">
      <c r="H474484" s="12"/>
    </row>
    <row r="474485" spans="8:8">
      <c r="H474485" s="12"/>
    </row>
    <row r="474486" spans="8:8">
      <c r="H474486" s="12"/>
    </row>
    <row r="474487" spans="8:8">
      <c r="H474487" s="12"/>
    </row>
    <row r="474488" spans="8:8">
      <c r="H474488" s="12"/>
    </row>
    <row r="474489" spans="8:8">
      <c r="H474489" s="12"/>
    </row>
    <row r="474490" spans="8:8">
      <c r="H474490" s="12"/>
    </row>
    <row r="474491" spans="8:8">
      <c r="H474491" s="12"/>
    </row>
    <row r="474492" spans="8:8">
      <c r="H474492" s="12"/>
    </row>
    <row r="474493" spans="8:8">
      <c r="H474493" s="12"/>
    </row>
    <row r="474494" spans="8:8">
      <c r="H474494" s="12"/>
    </row>
    <row r="474495" spans="8:8">
      <c r="H474495" s="12"/>
    </row>
    <row r="474496" spans="8:8">
      <c r="H474496" s="12"/>
    </row>
    <row r="474497" spans="8:8">
      <c r="H474497" s="12"/>
    </row>
    <row r="474498" spans="8:8">
      <c r="H474498" s="12"/>
    </row>
    <row r="474499" spans="8:8">
      <c r="H474499" s="12"/>
    </row>
    <row r="474500" spans="8:8">
      <c r="H474500" s="12"/>
    </row>
    <row r="474501" spans="8:8">
      <c r="H474501" s="12"/>
    </row>
    <row r="474502" spans="8:8">
      <c r="H474502" s="12"/>
    </row>
    <row r="474503" spans="8:8">
      <c r="H474503" s="12"/>
    </row>
    <row r="474504" spans="8:8">
      <c r="H474504" s="12"/>
    </row>
    <row r="474505" spans="8:8">
      <c r="H474505" s="12"/>
    </row>
    <row r="474506" spans="8:8">
      <c r="H474506" s="12"/>
    </row>
    <row r="474507" spans="8:8">
      <c r="H474507" s="12"/>
    </row>
    <row r="474508" spans="8:8">
      <c r="H474508" s="12"/>
    </row>
    <row r="474509" spans="8:8">
      <c r="H474509" s="12"/>
    </row>
    <row r="474510" spans="8:8">
      <c r="H474510" s="12"/>
    </row>
    <row r="474511" spans="8:8">
      <c r="H474511" s="12"/>
    </row>
    <row r="474512" spans="8:8">
      <c r="H474512" s="12"/>
    </row>
    <row r="474513" spans="8:8">
      <c r="H474513" s="12"/>
    </row>
    <row r="474514" spans="8:8">
      <c r="H474514" s="12"/>
    </row>
    <row r="474515" spans="8:8">
      <c r="H474515" s="12"/>
    </row>
    <row r="474516" spans="8:8">
      <c r="H474516" s="12"/>
    </row>
    <row r="474517" spans="8:8">
      <c r="H474517" s="12"/>
    </row>
    <row r="474518" spans="8:8">
      <c r="H474518" s="12"/>
    </row>
    <row r="474519" spans="8:8">
      <c r="H474519" s="12"/>
    </row>
    <row r="474520" spans="8:8">
      <c r="H474520" s="12"/>
    </row>
    <row r="474521" spans="8:8">
      <c r="H474521" s="12"/>
    </row>
    <row r="474522" spans="8:8">
      <c r="H474522" s="12"/>
    </row>
    <row r="474523" spans="8:8">
      <c r="H474523" s="12"/>
    </row>
    <row r="474524" spans="8:8">
      <c r="H474524" s="12"/>
    </row>
    <row r="474525" spans="8:8">
      <c r="H474525" s="12"/>
    </row>
    <row r="474526" spans="8:8">
      <c r="H474526" s="12"/>
    </row>
    <row r="474527" spans="8:8">
      <c r="H474527" s="12"/>
    </row>
    <row r="474528" spans="8:8">
      <c r="H474528" s="12"/>
    </row>
    <row r="474529" spans="8:8">
      <c r="H474529" s="12"/>
    </row>
    <row r="474530" spans="8:8">
      <c r="H474530" s="12"/>
    </row>
    <row r="474531" spans="8:8">
      <c r="H474531" s="12"/>
    </row>
    <row r="474532" spans="8:8">
      <c r="H474532" s="12"/>
    </row>
    <row r="474533" spans="8:8">
      <c r="H474533" s="12"/>
    </row>
    <row r="474534" spans="8:8">
      <c r="H474534" s="12"/>
    </row>
    <row r="474535" spans="8:8">
      <c r="H474535" s="12"/>
    </row>
    <row r="474536" spans="8:8">
      <c r="H474536" s="12"/>
    </row>
    <row r="474537" spans="8:8">
      <c r="H474537" s="12"/>
    </row>
    <row r="474538" spans="8:8">
      <c r="H474538" s="12"/>
    </row>
    <row r="474539" spans="8:8">
      <c r="H474539" s="12"/>
    </row>
    <row r="474540" spans="8:8">
      <c r="H474540" s="12"/>
    </row>
    <row r="474541" spans="8:8">
      <c r="H474541" s="12"/>
    </row>
    <row r="474542" spans="8:8">
      <c r="H474542" s="12"/>
    </row>
    <row r="474543" spans="8:8">
      <c r="H474543" s="12"/>
    </row>
    <row r="474544" spans="8:8">
      <c r="H474544" s="12"/>
    </row>
    <row r="474545" spans="8:8">
      <c r="H474545" s="12"/>
    </row>
    <row r="474546" spans="8:8">
      <c r="H474546" s="12"/>
    </row>
    <row r="474547" spans="8:8">
      <c r="H474547" s="12"/>
    </row>
    <row r="474548" spans="8:8">
      <c r="H474548" s="12"/>
    </row>
    <row r="474549" spans="8:8">
      <c r="H474549" s="12"/>
    </row>
    <row r="474550" spans="8:8">
      <c r="H474550" s="12"/>
    </row>
    <row r="474551" spans="8:8">
      <c r="H474551" s="12"/>
    </row>
    <row r="474552" spans="8:8">
      <c r="H474552" s="12"/>
    </row>
    <row r="474553" spans="8:8">
      <c r="H474553" s="12"/>
    </row>
    <row r="474554" spans="8:8">
      <c r="H474554" s="12"/>
    </row>
    <row r="474555" spans="8:8">
      <c r="H474555" s="12"/>
    </row>
    <row r="474556" spans="8:8">
      <c r="H474556" s="12"/>
    </row>
    <row r="474557" spans="8:8">
      <c r="H474557" s="12"/>
    </row>
    <row r="474558" spans="8:8">
      <c r="H474558" s="12"/>
    </row>
    <row r="474559" spans="8:8">
      <c r="H474559" s="12"/>
    </row>
    <row r="474560" spans="8:8">
      <c r="H474560" s="12"/>
    </row>
    <row r="474561" spans="8:8">
      <c r="H474561" s="12"/>
    </row>
    <row r="474562" spans="8:8">
      <c r="H474562" s="12"/>
    </row>
    <row r="474563" spans="8:8">
      <c r="H474563" s="12"/>
    </row>
    <row r="474564" spans="8:8">
      <c r="H474564" s="12"/>
    </row>
    <row r="474565" spans="8:8">
      <c r="H474565" s="12"/>
    </row>
    <row r="474566" spans="8:8">
      <c r="H474566" s="12"/>
    </row>
    <row r="474567" spans="8:8">
      <c r="H474567" s="12"/>
    </row>
    <row r="474568" spans="8:8">
      <c r="H474568" s="12"/>
    </row>
    <row r="474569" spans="8:8">
      <c r="H474569" s="12"/>
    </row>
    <row r="474570" spans="8:8">
      <c r="H474570" s="12"/>
    </row>
    <row r="474571" spans="8:8">
      <c r="H474571" s="12"/>
    </row>
    <row r="474572" spans="8:8">
      <c r="H474572" s="12"/>
    </row>
    <row r="474573" spans="8:8">
      <c r="H474573" s="12"/>
    </row>
    <row r="474574" spans="8:8">
      <c r="H474574" s="12"/>
    </row>
    <row r="474575" spans="8:8">
      <c r="H474575" s="12"/>
    </row>
    <row r="474576" spans="8:8">
      <c r="H474576" s="12"/>
    </row>
    <row r="474577" spans="8:8">
      <c r="H474577" s="12"/>
    </row>
    <row r="474578" spans="8:8">
      <c r="H474578" s="12"/>
    </row>
    <row r="474579" spans="8:8">
      <c r="H474579" s="12"/>
    </row>
    <row r="474580" spans="8:8">
      <c r="H474580" s="12"/>
    </row>
    <row r="474581" spans="8:8">
      <c r="H474581" s="12"/>
    </row>
    <row r="474582" spans="8:8">
      <c r="H474582" s="12"/>
    </row>
    <row r="474583" spans="8:8">
      <c r="H474583" s="12"/>
    </row>
    <row r="474584" spans="8:8">
      <c r="H474584" s="12"/>
    </row>
    <row r="474585" spans="8:8">
      <c r="H474585" s="12"/>
    </row>
    <row r="474586" spans="8:8">
      <c r="H474586" s="12"/>
    </row>
    <row r="474587" spans="8:8">
      <c r="H474587" s="12"/>
    </row>
    <row r="474588" spans="8:8">
      <c r="H474588" s="12"/>
    </row>
    <row r="474589" spans="8:8">
      <c r="H474589" s="12"/>
    </row>
    <row r="474590" spans="8:8">
      <c r="H474590" s="12"/>
    </row>
    <row r="474591" spans="8:8">
      <c r="H474591" s="12"/>
    </row>
    <row r="474592" spans="8:8">
      <c r="H474592" s="12"/>
    </row>
    <row r="474593" spans="8:8">
      <c r="H474593" s="12"/>
    </row>
    <row r="474594" spans="8:8">
      <c r="H474594" s="12"/>
    </row>
    <row r="474595" spans="8:8">
      <c r="H474595" s="12"/>
    </row>
    <row r="474596" spans="8:8">
      <c r="H474596" s="12"/>
    </row>
    <row r="474597" spans="8:8">
      <c r="H474597" s="12"/>
    </row>
    <row r="474598" spans="8:8">
      <c r="H474598" s="12"/>
    </row>
    <row r="474599" spans="8:8">
      <c r="H474599" s="12"/>
    </row>
    <row r="474600" spans="8:8">
      <c r="H474600" s="12"/>
    </row>
    <row r="474601" spans="8:8">
      <c r="H474601" s="12"/>
    </row>
    <row r="474602" spans="8:8">
      <c r="H474602" s="12"/>
    </row>
    <row r="474603" spans="8:8">
      <c r="H474603" s="12"/>
    </row>
    <row r="474604" spans="8:8">
      <c r="H474604" s="12"/>
    </row>
    <row r="474605" spans="8:8">
      <c r="H474605" s="12"/>
    </row>
    <row r="474606" spans="8:8">
      <c r="H474606" s="12"/>
    </row>
    <row r="474607" spans="8:8">
      <c r="H474607" s="12"/>
    </row>
    <row r="474608" spans="8:8">
      <c r="H474608" s="12"/>
    </row>
    <row r="474609" spans="8:8">
      <c r="H474609" s="12"/>
    </row>
    <row r="474610" spans="8:8">
      <c r="H474610" s="12"/>
    </row>
    <row r="474611" spans="8:8">
      <c r="H474611" s="12"/>
    </row>
    <row r="474612" spans="8:8">
      <c r="H474612" s="12"/>
    </row>
    <row r="474613" spans="8:8">
      <c r="H474613" s="12"/>
    </row>
    <row r="474614" spans="8:8">
      <c r="H474614" s="12"/>
    </row>
    <row r="474615" spans="8:8">
      <c r="H474615" s="12"/>
    </row>
    <row r="474616" spans="8:8">
      <c r="H474616" s="12"/>
    </row>
    <row r="474617" spans="8:8">
      <c r="H474617" s="12"/>
    </row>
    <row r="474618" spans="8:8">
      <c r="H474618" s="12"/>
    </row>
    <row r="474619" spans="8:8">
      <c r="H474619" s="12"/>
    </row>
    <row r="474620" spans="8:8">
      <c r="H474620" s="12"/>
    </row>
    <row r="474621" spans="8:8">
      <c r="H474621" s="12"/>
    </row>
    <row r="474622" spans="8:8">
      <c r="H474622" s="12"/>
    </row>
    <row r="474623" spans="8:8">
      <c r="H474623" s="12"/>
    </row>
    <row r="474624" spans="8:8">
      <c r="H474624" s="12"/>
    </row>
    <row r="474625" spans="8:8">
      <c r="H474625" s="12"/>
    </row>
    <row r="474626" spans="8:8">
      <c r="H474626" s="12"/>
    </row>
    <row r="474627" spans="8:8">
      <c r="H474627" s="12"/>
    </row>
    <row r="474628" spans="8:8">
      <c r="H474628" s="12"/>
    </row>
    <row r="474629" spans="8:8">
      <c r="H474629" s="12"/>
    </row>
    <row r="474630" spans="8:8">
      <c r="H474630" s="12"/>
    </row>
    <row r="474631" spans="8:8">
      <c r="H474631" s="12"/>
    </row>
    <row r="474632" spans="8:8">
      <c r="H474632" s="12"/>
    </row>
    <row r="474633" spans="8:8">
      <c r="H474633" s="12"/>
    </row>
    <row r="474634" spans="8:8">
      <c r="H474634" s="12"/>
    </row>
    <row r="474635" spans="8:8">
      <c r="H474635" s="12"/>
    </row>
    <row r="474636" spans="8:8">
      <c r="H474636" s="12"/>
    </row>
    <row r="474637" spans="8:8">
      <c r="H474637" s="12"/>
    </row>
    <row r="474638" spans="8:8">
      <c r="H474638" s="12"/>
    </row>
    <row r="474639" spans="8:8">
      <c r="H474639" s="12"/>
    </row>
    <row r="474640" spans="8:8">
      <c r="H474640" s="12"/>
    </row>
    <row r="474641" spans="8:8">
      <c r="H474641" s="12"/>
    </row>
    <row r="474642" spans="8:8">
      <c r="H474642" s="12"/>
    </row>
    <row r="474643" spans="8:8">
      <c r="H474643" s="12"/>
    </row>
    <row r="474644" spans="8:8">
      <c r="H474644" s="12"/>
    </row>
    <row r="474645" spans="8:8">
      <c r="H474645" s="12"/>
    </row>
    <row r="474646" spans="8:8">
      <c r="H474646" s="12"/>
    </row>
    <row r="474647" spans="8:8">
      <c r="H474647" s="12"/>
    </row>
    <row r="474648" spans="8:8">
      <c r="H474648" s="12"/>
    </row>
    <row r="474649" spans="8:8">
      <c r="H474649" s="12"/>
    </row>
    <row r="474650" spans="8:8">
      <c r="H474650" s="12"/>
    </row>
    <row r="474651" spans="8:8">
      <c r="H474651" s="12"/>
    </row>
    <row r="474652" spans="8:8">
      <c r="H474652" s="12"/>
    </row>
    <row r="474653" spans="8:8">
      <c r="H474653" s="12"/>
    </row>
    <row r="474654" spans="8:8">
      <c r="H474654" s="12"/>
    </row>
    <row r="474655" spans="8:8">
      <c r="H474655" s="12"/>
    </row>
    <row r="474656" spans="8:8">
      <c r="H474656" s="12"/>
    </row>
    <row r="474657" spans="8:8">
      <c r="H474657" s="12"/>
    </row>
    <row r="474658" spans="8:8">
      <c r="H474658" s="12"/>
    </row>
    <row r="474659" spans="8:8">
      <c r="H474659" s="12"/>
    </row>
    <row r="474660" spans="8:8">
      <c r="H474660" s="12"/>
    </row>
    <row r="474661" spans="8:8">
      <c r="H474661" s="12"/>
    </row>
    <row r="474662" spans="8:8">
      <c r="H474662" s="12"/>
    </row>
    <row r="474663" spans="8:8">
      <c r="H474663" s="12"/>
    </row>
    <row r="474664" spans="8:8">
      <c r="H474664" s="12"/>
    </row>
    <row r="474665" spans="8:8">
      <c r="H474665" s="12"/>
    </row>
    <row r="474666" spans="8:8">
      <c r="H474666" s="12"/>
    </row>
    <row r="474667" spans="8:8">
      <c r="H474667" s="12"/>
    </row>
    <row r="474668" spans="8:8">
      <c r="H474668" s="12"/>
    </row>
    <row r="474669" spans="8:8">
      <c r="H474669" s="12"/>
    </row>
    <row r="474670" spans="8:8">
      <c r="H474670" s="12"/>
    </row>
    <row r="474671" spans="8:8">
      <c r="H474671" s="12"/>
    </row>
    <row r="474672" spans="8:8">
      <c r="H474672" s="12"/>
    </row>
    <row r="474673" spans="8:8">
      <c r="H474673" s="12"/>
    </row>
    <row r="474674" spans="8:8">
      <c r="H474674" s="12"/>
    </row>
    <row r="474675" spans="8:8">
      <c r="H474675" s="12"/>
    </row>
    <row r="474676" spans="8:8">
      <c r="H474676" s="12"/>
    </row>
    <row r="474677" spans="8:8">
      <c r="H474677" s="12"/>
    </row>
    <row r="474678" spans="8:8">
      <c r="H474678" s="12"/>
    </row>
    <row r="474679" spans="8:8">
      <c r="H474679" s="12"/>
    </row>
    <row r="474680" spans="8:8">
      <c r="H474680" s="12"/>
    </row>
    <row r="474681" spans="8:8">
      <c r="H474681" s="12"/>
    </row>
    <row r="474682" spans="8:8">
      <c r="H474682" s="12"/>
    </row>
    <row r="474683" spans="8:8">
      <c r="H474683" s="12"/>
    </row>
    <row r="474684" spans="8:8">
      <c r="H474684" s="12"/>
    </row>
    <row r="474685" spans="8:8">
      <c r="H474685" s="12"/>
    </row>
    <row r="474686" spans="8:8">
      <c r="H474686" s="12"/>
    </row>
    <row r="474687" spans="8:8">
      <c r="H474687" s="12"/>
    </row>
    <row r="474688" spans="8:8">
      <c r="H474688" s="12"/>
    </row>
    <row r="474689" spans="8:8">
      <c r="H474689" s="12"/>
    </row>
    <row r="474690" spans="8:8">
      <c r="H474690" s="12"/>
    </row>
    <row r="474691" spans="8:8">
      <c r="H474691" s="12"/>
    </row>
    <row r="474692" spans="8:8">
      <c r="H474692" s="12"/>
    </row>
    <row r="474693" spans="8:8">
      <c r="H474693" s="12"/>
    </row>
    <row r="474694" spans="8:8">
      <c r="H474694" s="12"/>
    </row>
    <row r="474695" spans="8:8">
      <c r="H474695" s="12"/>
    </row>
    <row r="474696" spans="8:8">
      <c r="H474696" s="12"/>
    </row>
    <row r="474697" spans="8:8">
      <c r="H474697" s="12"/>
    </row>
    <row r="474698" spans="8:8">
      <c r="H474698" s="12"/>
    </row>
    <row r="474699" spans="8:8">
      <c r="H474699" s="12"/>
    </row>
    <row r="474700" spans="8:8">
      <c r="H474700" s="12"/>
    </row>
    <row r="474701" spans="8:8">
      <c r="H474701" s="12"/>
    </row>
    <row r="474702" spans="8:8">
      <c r="H474702" s="12"/>
    </row>
    <row r="474703" spans="8:8">
      <c r="H474703" s="12"/>
    </row>
    <row r="474704" spans="8:8">
      <c r="H474704" s="12"/>
    </row>
    <row r="474705" spans="8:8">
      <c r="H474705" s="12"/>
    </row>
    <row r="474706" spans="8:8">
      <c r="H474706" s="12"/>
    </row>
    <row r="474707" spans="8:8">
      <c r="H474707" s="12"/>
    </row>
    <row r="474708" spans="8:8">
      <c r="H474708" s="12"/>
    </row>
    <row r="474709" spans="8:8">
      <c r="H474709" s="12"/>
    </row>
    <row r="474710" spans="8:8">
      <c r="H474710" s="12"/>
    </row>
    <row r="474711" spans="8:8">
      <c r="H474711" s="12"/>
    </row>
    <row r="474712" spans="8:8">
      <c r="H474712" s="12"/>
    </row>
    <row r="474713" spans="8:8">
      <c r="H474713" s="12"/>
    </row>
    <row r="474714" spans="8:8">
      <c r="H474714" s="12"/>
    </row>
    <row r="474715" spans="8:8">
      <c r="H474715" s="12"/>
    </row>
    <row r="474716" spans="8:8">
      <c r="H474716" s="12"/>
    </row>
    <row r="474717" spans="8:8">
      <c r="H474717" s="12"/>
    </row>
    <row r="474718" spans="8:8">
      <c r="H474718" s="12"/>
    </row>
    <row r="474719" spans="8:8">
      <c r="H474719" s="12"/>
    </row>
    <row r="474720" spans="8:8">
      <c r="H474720" s="12"/>
    </row>
    <row r="474721" spans="8:8">
      <c r="H474721" s="12"/>
    </row>
    <row r="474722" spans="8:8">
      <c r="H474722" s="12"/>
    </row>
    <row r="474723" spans="8:8">
      <c r="H474723" s="12"/>
    </row>
    <row r="474724" spans="8:8">
      <c r="H474724" s="12"/>
    </row>
    <row r="474725" spans="8:8">
      <c r="H474725" s="12"/>
    </row>
    <row r="474726" spans="8:8">
      <c r="H474726" s="12"/>
    </row>
    <row r="474727" spans="8:8">
      <c r="H474727" s="12"/>
    </row>
    <row r="474728" spans="8:8">
      <c r="H474728" s="12"/>
    </row>
    <row r="474729" spans="8:8">
      <c r="H474729" s="12"/>
    </row>
    <row r="474730" spans="8:8">
      <c r="H474730" s="12"/>
    </row>
    <row r="474731" spans="8:8">
      <c r="H474731" s="12"/>
    </row>
    <row r="474732" spans="8:8">
      <c r="H474732" s="12"/>
    </row>
    <row r="474733" spans="8:8">
      <c r="H474733" s="12"/>
    </row>
    <row r="474734" spans="8:8">
      <c r="H474734" s="12"/>
    </row>
    <row r="474735" spans="8:8">
      <c r="H474735" s="12"/>
    </row>
    <row r="474736" spans="8:8">
      <c r="H474736" s="12"/>
    </row>
    <row r="474737" spans="8:8">
      <c r="H474737" s="12"/>
    </row>
    <row r="474738" spans="8:8">
      <c r="H474738" s="12"/>
    </row>
    <row r="474739" spans="8:8">
      <c r="H474739" s="12"/>
    </row>
    <row r="474740" spans="8:8">
      <c r="H474740" s="12"/>
    </row>
    <row r="474741" spans="8:8">
      <c r="H474741" s="12"/>
    </row>
    <row r="474742" spans="8:8">
      <c r="H474742" s="12"/>
    </row>
    <row r="474743" spans="8:8">
      <c r="H474743" s="12"/>
    </row>
    <row r="474744" spans="8:8">
      <c r="H474744" s="12"/>
    </row>
    <row r="474745" spans="8:8">
      <c r="H474745" s="12"/>
    </row>
    <row r="474746" spans="8:8">
      <c r="H474746" s="12"/>
    </row>
    <row r="474747" spans="8:8">
      <c r="H474747" s="12"/>
    </row>
    <row r="474748" spans="8:8">
      <c r="H474748" s="12"/>
    </row>
    <row r="474749" spans="8:8">
      <c r="H474749" s="12"/>
    </row>
    <row r="474750" spans="8:8">
      <c r="H474750" s="12"/>
    </row>
    <row r="474751" spans="8:8">
      <c r="H474751" s="12"/>
    </row>
    <row r="474752" spans="8:8">
      <c r="H474752" s="12"/>
    </row>
    <row r="474753" spans="8:8">
      <c r="H474753" s="12"/>
    </row>
    <row r="474754" spans="8:8">
      <c r="H474754" s="12"/>
    </row>
    <row r="474755" spans="8:8">
      <c r="H474755" s="12"/>
    </row>
    <row r="474756" spans="8:8">
      <c r="H474756" s="12"/>
    </row>
    <row r="474757" spans="8:8">
      <c r="H474757" s="12"/>
    </row>
    <row r="474758" spans="8:8">
      <c r="H474758" s="12"/>
    </row>
    <row r="474759" spans="8:8">
      <c r="H474759" s="12"/>
    </row>
    <row r="474760" spans="8:8">
      <c r="H474760" s="12"/>
    </row>
    <row r="474761" spans="8:8">
      <c r="H474761" s="12"/>
    </row>
    <row r="474762" spans="8:8">
      <c r="H474762" s="12"/>
    </row>
    <row r="474763" spans="8:8">
      <c r="H474763" s="12"/>
    </row>
    <row r="474764" spans="8:8">
      <c r="H474764" s="12"/>
    </row>
    <row r="474765" spans="8:8">
      <c r="H474765" s="12"/>
    </row>
    <row r="474766" spans="8:8">
      <c r="H474766" s="12"/>
    </row>
    <row r="474767" spans="8:8">
      <c r="H474767" s="12"/>
    </row>
    <row r="474768" spans="8:8">
      <c r="H474768" s="12"/>
    </row>
    <row r="474769" spans="8:8">
      <c r="H474769" s="12"/>
    </row>
    <row r="474770" spans="8:8">
      <c r="H474770" s="12"/>
    </row>
    <row r="474771" spans="8:8">
      <c r="H474771" s="12"/>
    </row>
    <row r="474772" spans="8:8">
      <c r="H474772" s="12"/>
    </row>
    <row r="474773" spans="8:8">
      <c r="H474773" s="12"/>
    </row>
    <row r="474774" spans="8:8">
      <c r="H474774" s="12"/>
    </row>
    <row r="474775" spans="8:8">
      <c r="H474775" s="12"/>
    </row>
    <row r="474776" spans="8:8">
      <c r="H474776" s="12"/>
    </row>
    <row r="474777" spans="8:8">
      <c r="H474777" s="12"/>
    </row>
    <row r="474778" spans="8:8">
      <c r="H474778" s="12"/>
    </row>
    <row r="474779" spans="8:8">
      <c r="H474779" s="12"/>
    </row>
    <row r="474780" spans="8:8">
      <c r="H474780" s="12"/>
    </row>
    <row r="474781" spans="8:8">
      <c r="H474781" s="12"/>
    </row>
    <row r="474782" spans="8:8">
      <c r="H474782" s="12"/>
    </row>
    <row r="474783" spans="8:8">
      <c r="H474783" s="12"/>
    </row>
    <row r="474784" spans="8:8">
      <c r="H474784" s="12"/>
    </row>
    <row r="474785" spans="8:8">
      <c r="H474785" s="12"/>
    </row>
    <row r="474786" spans="8:8">
      <c r="H474786" s="12"/>
    </row>
    <row r="474787" spans="8:8">
      <c r="H474787" s="12"/>
    </row>
    <row r="474788" spans="8:8">
      <c r="H474788" s="12"/>
    </row>
    <row r="474789" spans="8:8">
      <c r="H474789" s="12"/>
    </row>
    <row r="474790" spans="8:8">
      <c r="H474790" s="12"/>
    </row>
    <row r="474791" spans="8:8">
      <c r="H474791" s="12"/>
    </row>
    <row r="474792" spans="8:8">
      <c r="H474792" s="12"/>
    </row>
    <row r="474793" spans="8:8">
      <c r="H474793" s="12"/>
    </row>
    <row r="474794" spans="8:8">
      <c r="H474794" s="12"/>
    </row>
    <row r="474795" spans="8:8">
      <c r="H474795" s="12"/>
    </row>
    <row r="474796" spans="8:8">
      <c r="H474796" s="12"/>
    </row>
    <row r="474797" spans="8:8">
      <c r="H474797" s="12"/>
    </row>
    <row r="474798" spans="8:8">
      <c r="H474798" s="12"/>
    </row>
    <row r="474799" spans="8:8">
      <c r="H474799" s="12"/>
    </row>
    <row r="474800" spans="8:8">
      <c r="H474800" s="12"/>
    </row>
    <row r="474801" spans="8:8">
      <c r="H474801" s="12"/>
    </row>
    <row r="474802" spans="8:8">
      <c r="H474802" s="12"/>
    </row>
    <row r="474803" spans="8:8">
      <c r="H474803" s="12"/>
    </row>
    <row r="474804" spans="8:8">
      <c r="H474804" s="12"/>
    </row>
    <row r="474805" spans="8:8">
      <c r="H474805" s="12"/>
    </row>
    <row r="474806" spans="8:8">
      <c r="H474806" s="12"/>
    </row>
    <row r="474807" spans="8:8">
      <c r="H474807" s="12"/>
    </row>
    <row r="474808" spans="8:8">
      <c r="H474808" s="12"/>
    </row>
    <row r="474809" spans="8:8">
      <c r="H474809" s="12"/>
    </row>
    <row r="474810" spans="8:8">
      <c r="H474810" s="12"/>
    </row>
    <row r="474811" spans="8:8">
      <c r="H474811" s="12"/>
    </row>
    <row r="474812" spans="8:8">
      <c r="H474812" s="12"/>
    </row>
    <row r="474813" spans="8:8">
      <c r="H474813" s="12"/>
    </row>
    <row r="474814" spans="8:8">
      <c r="H474814" s="12"/>
    </row>
    <row r="474815" spans="8:8">
      <c r="H474815" s="12"/>
    </row>
    <row r="474816" spans="8:8">
      <c r="H474816" s="12"/>
    </row>
    <row r="474817" spans="8:8">
      <c r="H474817" s="12"/>
    </row>
    <row r="474818" spans="8:8">
      <c r="H474818" s="12"/>
    </row>
    <row r="474819" spans="8:8">
      <c r="H474819" s="12"/>
    </row>
    <row r="474820" spans="8:8">
      <c r="H474820" s="12"/>
    </row>
    <row r="474821" spans="8:8">
      <c r="H474821" s="12"/>
    </row>
    <row r="474822" spans="8:8">
      <c r="H474822" s="12"/>
    </row>
    <row r="474823" spans="8:8">
      <c r="H474823" s="12"/>
    </row>
    <row r="474824" spans="8:8">
      <c r="H474824" s="12"/>
    </row>
    <row r="474825" spans="8:8">
      <c r="H474825" s="12"/>
    </row>
    <row r="474826" spans="8:8">
      <c r="H474826" s="12"/>
    </row>
    <row r="474827" spans="8:8">
      <c r="H474827" s="12"/>
    </row>
    <row r="474828" spans="8:8">
      <c r="H474828" s="12"/>
    </row>
    <row r="474829" spans="8:8">
      <c r="H474829" s="12"/>
    </row>
    <row r="474830" spans="8:8">
      <c r="H474830" s="12"/>
    </row>
    <row r="474831" spans="8:8">
      <c r="H474831" s="12"/>
    </row>
    <row r="474832" spans="8:8">
      <c r="H474832" s="12"/>
    </row>
    <row r="474833" spans="8:8">
      <c r="H474833" s="12"/>
    </row>
    <row r="474834" spans="8:8">
      <c r="H474834" s="12"/>
    </row>
    <row r="474835" spans="8:8">
      <c r="H474835" s="12"/>
    </row>
    <row r="474836" spans="8:8">
      <c r="H474836" s="12"/>
    </row>
    <row r="474837" spans="8:8">
      <c r="H474837" s="12"/>
    </row>
    <row r="474838" spans="8:8">
      <c r="H474838" s="12"/>
    </row>
    <row r="474839" spans="8:8">
      <c r="H474839" s="12"/>
    </row>
    <row r="474840" spans="8:8">
      <c r="H474840" s="12"/>
    </row>
    <row r="474841" spans="8:8">
      <c r="H474841" s="12"/>
    </row>
    <row r="474842" spans="8:8">
      <c r="H474842" s="12"/>
    </row>
    <row r="474843" spans="8:8">
      <c r="H474843" s="12"/>
    </row>
    <row r="474844" spans="8:8">
      <c r="H474844" s="12"/>
    </row>
    <row r="474845" spans="8:8">
      <c r="H474845" s="12"/>
    </row>
    <row r="474846" spans="8:8">
      <c r="H474846" s="12"/>
    </row>
    <row r="474847" spans="8:8">
      <c r="H474847" s="12"/>
    </row>
    <row r="474848" spans="8:8">
      <c r="H474848" s="12"/>
    </row>
    <row r="474849" spans="8:8">
      <c r="H474849" s="12"/>
    </row>
    <row r="474850" spans="8:8">
      <c r="H474850" s="12"/>
    </row>
    <row r="474851" spans="8:8">
      <c r="H474851" s="12"/>
    </row>
    <row r="474852" spans="8:8">
      <c r="H474852" s="12"/>
    </row>
    <row r="474853" spans="8:8">
      <c r="H474853" s="12"/>
    </row>
    <row r="474854" spans="8:8">
      <c r="H474854" s="12"/>
    </row>
    <row r="474855" spans="8:8">
      <c r="H474855" s="12"/>
    </row>
    <row r="474856" spans="8:8">
      <c r="H474856" s="12"/>
    </row>
    <row r="474857" spans="8:8">
      <c r="H474857" s="12"/>
    </row>
    <row r="474858" spans="8:8">
      <c r="H474858" s="12"/>
    </row>
    <row r="474859" spans="8:8">
      <c r="H474859" s="12"/>
    </row>
    <row r="474860" spans="8:8">
      <c r="H474860" s="12"/>
    </row>
    <row r="474861" spans="8:8">
      <c r="H474861" s="12"/>
    </row>
    <row r="474862" spans="8:8">
      <c r="H474862" s="12"/>
    </row>
    <row r="474863" spans="8:8">
      <c r="H474863" s="12"/>
    </row>
    <row r="474864" spans="8:8">
      <c r="H474864" s="12"/>
    </row>
    <row r="474865" spans="8:8">
      <c r="H474865" s="12"/>
    </row>
    <row r="474866" spans="8:8">
      <c r="H474866" s="12"/>
    </row>
    <row r="474867" spans="8:8">
      <c r="H474867" s="12"/>
    </row>
    <row r="474868" spans="8:8">
      <c r="H474868" s="12"/>
    </row>
    <row r="474869" spans="8:8">
      <c r="H474869" s="12"/>
    </row>
    <row r="474870" spans="8:8">
      <c r="H474870" s="12"/>
    </row>
    <row r="474871" spans="8:8">
      <c r="H474871" s="12"/>
    </row>
    <row r="474872" spans="8:8">
      <c r="H474872" s="12"/>
    </row>
    <row r="474873" spans="8:8">
      <c r="H474873" s="12"/>
    </row>
    <row r="474874" spans="8:8">
      <c r="H474874" s="12"/>
    </row>
    <row r="474875" spans="8:8">
      <c r="H474875" s="12"/>
    </row>
    <row r="474876" spans="8:8">
      <c r="H474876" s="12"/>
    </row>
    <row r="474877" spans="8:8">
      <c r="H474877" s="12"/>
    </row>
    <row r="474878" spans="8:8">
      <c r="H474878" s="12"/>
    </row>
    <row r="474879" spans="8:8">
      <c r="H474879" s="12"/>
    </row>
    <row r="474880" spans="8:8">
      <c r="H474880" s="12"/>
    </row>
    <row r="474881" spans="8:8">
      <c r="H474881" s="12"/>
    </row>
    <row r="474882" spans="8:8">
      <c r="H474882" s="12"/>
    </row>
    <row r="474883" spans="8:8">
      <c r="H474883" s="12"/>
    </row>
    <row r="474884" spans="8:8">
      <c r="H474884" s="12"/>
    </row>
    <row r="474885" spans="8:8">
      <c r="H474885" s="12"/>
    </row>
    <row r="474886" spans="8:8">
      <c r="H474886" s="12"/>
    </row>
    <row r="474887" spans="8:8">
      <c r="H474887" s="12"/>
    </row>
    <row r="474888" spans="8:8">
      <c r="H474888" s="12"/>
    </row>
    <row r="474889" spans="8:8">
      <c r="H474889" s="12"/>
    </row>
    <row r="474890" spans="8:8">
      <c r="H474890" s="12"/>
    </row>
    <row r="474891" spans="8:8">
      <c r="H474891" s="12"/>
    </row>
    <row r="474892" spans="8:8">
      <c r="H474892" s="12"/>
    </row>
    <row r="474893" spans="8:8">
      <c r="H474893" s="12"/>
    </row>
    <row r="474894" spans="8:8">
      <c r="H474894" s="12"/>
    </row>
    <row r="474895" spans="8:8">
      <c r="H474895" s="12"/>
    </row>
    <row r="474896" spans="8:8">
      <c r="H474896" s="12"/>
    </row>
    <row r="474897" spans="8:8">
      <c r="H474897" s="12"/>
    </row>
    <row r="474898" spans="8:8">
      <c r="H474898" s="12"/>
    </row>
    <row r="474899" spans="8:8">
      <c r="H474899" s="12"/>
    </row>
    <row r="474900" spans="8:8">
      <c r="H474900" s="12"/>
    </row>
    <row r="474901" spans="8:8">
      <c r="H474901" s="12"/>
    </row>
    <row r="474902" spans="8:8">
      <c r="H474902" s="12"/>
    </row>
    <row r="474903" spans="8:8">
      <c r="H474903" s="12"/>
    </row>
    <row r="474904" spans="8:8">
      <c r="H474904" s="12"/>
    </row>
    <row r="474905" spans="8:8">
      <c r="H474905" s="12"/>
    </row>
    <row r="474906" spans="8:8">
      <c r="H474906" s="12"/>
    </row>
    <row r="474907" spans="8:8">
      <c r="H474907" s="12"/>
    </row>
    <row r="474908" spans="8:8">
      <c r="H474908" s="12"/>
    </row>
    <row r="474909" spans="8:8">
      <c r="H474909" s="12"/>
    </row>
    <row r="474910" spans="8:8">
      <c r="H474910" s="12"/>
    </row>
    <row r="474911" spans="8:8">
      <c r="H474911" s="12"/>
    </row>
    <row r="474912" spans="8:8">
      <c r="H474912" s="12"/>
    </row>
    <row r="474913" spans="8:8">
      <c r="H474913" s="12"/>
    </row>
    <row r="474914" spans="8:8">
      <c r="H474914" s="12"/>
    </row>
    <row r="474915" spans="8:8">
      <c r="H474915" s="12"/>
    </row>
    <row r="474916" spans="8:8">
      <c r="H474916" s="12"/>
    </row>
    <row r="474917" spans="8:8">
      <c r="H474917" s="12"/>
    </row>
    <row r="474918" spans="8:8">
      <c r="H474918" s="12"/>
    </row>
    <row r="474919" spans="8:8">
      <c r="H474919" s="12"/>
    </row>
    <row r="474920" spans="8:8">
      <c r="H474920" s="12"/>
    </row>
    <row r="474921" spans="8:8">
      <c r="H474921" s="12"/>
    </row>
    <row r="474922" spans="8:8">
      <c r="H474922" s="12"/>
    </row>
    <row r="474923" spans="8:8">
      <c r="H474923" s="12"/>
    </row>
    <row r="474924" spans="8:8">
      <c r="H474924" s="12"/>
    </row>
    <row r="474925" spans="8:8">
      <c r="H474925" s="12"/>
    </row>
    <row r="474926" spans="8:8">
      <c r="H474926" s="12"/>
    </row>
    <row r="474927" spans="8:8">
      <c r="H474927" s="12"/>
    </row>
    <row r="474928" spans="8:8">
      <c r="H474928" s="12"/>
    </row>
    <row r="474929" spans="8:8">
      <c r="H474929" s="12"/>
    </row>
    <row r="474930" spans="8:8">
      <c r="H474930" s="12"/>
    </row>
    <row r="474931" spans="8:8">
      <c r="H474931" s="12"/>
    </row>
    <row r="474932" spans="8:8">
      <c r="H474932" s="12"/>
    </row>
    <row r="474933" spans="8:8">
      <c r="H474933" s="12"/>
    </row>
    <row r="474934" spans="8:8">
      <c r="H474934" s="12"/>
    </row>
    <row r="474935" spans="8:8">
      <c r="H474935" s="12"/>
    </row>
    <row r="474936" spans="8:8">
      <c r="H474936" s="12"/>
    </row>
    <row r="474937" spans="8:8">
      <c r="H474937" s="12"/>
    </row>
    <row r="474938" spans="8:8">
      <c r="H474938" s="12"/>
    </row>
    <row r="474939" spans="8:8">
      <c r="H474939" s="12"/>
    </row>
    <row r="474940" spans="8:8">
      <c r="H474940" s="12"/>
    </row>
    <row r="474941" spans="8:8">
      <c r="H474941" s="12"/>
    </row>
    <row r="474942" spans="8:8">
      <c r="H474942" s="12"/>
    </row>
    <row r="474943" spans="8:8">
      <c r="H474943" s="12"/>
    </row>
    <row r="474944" spans="8:8">
      <c r="H474944" s="12"/>
    </row>
    <row r="474945" spans="8:8">
      <c r="H474945" s="12"/>
    </row>
    <row r="474946" spans="8:8">
      <c r="H474946" s="12"/>
    </row>
    <row r="474947" spans="8:8">
      <c r="H474947" s="12"/>
    </row>
    <row r="474948" spans="8:8">
      <c r="H474948" s="12"/>
    </row>
    <row r="474949" spans="8:8">
      <c r="H474949" s="12"/>
    </row>
    <row r="474950" spans="8:8">
      <c r="H474950" s="12"/>
    </row>
    <row r="474951" spans="8:8">
      <c r="H474951" s="12"/>
    </row>
    <row r="474952" spans="8:8">
      <c r="H474952" s="12"/>
    </row>
    <row r="474953" spans="8:8">
      <c r="H474953" s="12"/>
    </row>
    <row r="474954" spans="8:8">
      <c r="H474954" s="12"/>
    </row>
    <row r="474955" spans="8:8">
      <c r="H474955" s="12"/>
    </row>
    <row r="474956" spans="8:8">
      <c r="H474956" s="12"/>
    </row>
    <row r="474957" spans="8:8">
      <c r="H474957" s="12"/>
    </row>
    <row r="474958" spans="8:8">
      <c r="H474958" s="12"/>
    </row>
    <row r="474959" spans="8:8">
      <c r="H474959" s="12"/>
    </row>
    <row r="474960" spans="8:8">
      <c r="H474960" s="12"/>
    </row>
    <row r="474961" spans="8:8">
      <c r="H474961" s="12"/>
    </row>
    <row r="474962" spans="8:8">
      <c r="H474962" s="12"/>
    </row>
    <row r="474963" spans="8:8">
      <c r="H474963" s="12"/>
    </row>
    <row r="474964" spans="8:8">
      <c r="H474964" s="12"/>
    </row>
    <row r="474965" spans="8:8">
      <c r="H474965" s="12"/>
    </row>
    <row r="474966" spans="8:8">
      <c r="H474966" s="12"/>
    </row>
    <row r="474967" spans="8:8">
      <c r="H474967" s="12"/>
    </row>
    <row r="474968" spans="8:8">
      <c r="H474968" s="12"/>
    </row>
    <row r="474969" spans="8:8">
      <c r="H474969" s="12"/>
    </row>
    <row r="474970" spans="8:8">
      <c r="H474970" s="12"/>
    </row>
    <row r="474971" spans="8:8">
      <c r="H474971" s="12"/>
    </row>
    <row r="474972" spans="8:8">
      <c r="H474972" s="12"/>
    </row>
    <row r="474973" spans="8:8">
      <c r="H474973" s="12"/>
    </row>
    <row r="474974" spans="8:8">
      <c r="H474974" s="12"/>
    </row>
    <row r="474975" spans="8:8">
      <c r="H474975" s="12"/>
    </row>
    <row r="474976" spans="8:8">
      <c r="H474976" s="12"/>
    </row>
    <row r="474977" spans="8:8">
      <c r="H474977" s="12"/>
    </row>
    <row r="474978" spans="8:8">
      <c r="H474978" s="12"/>
    </row>
    <row r="474979" spans="8:8">
      <c r="H474979" s="12"/>
    </row>
    <row r="474980" spans="8:8">
      <c r="H474980" s="12"/>
    </row>
    <row r="474981" spans="8:8">
      <c r="H474981" s="12"/>
    </row>
    <row r="474982" spans="8:8">
      <c r="H474982" s="12"/>
    </row>
    <row r="474983" spans="8:8">
      <c r="H474983" s="12"/>
    </row>
    <row r="474984" spans="8:8">
      <c r="H474984" s="12"/>
    </row>
    <row r="474985" spans="8:8">
      <c r="H474985" s="12"/>
    </row>
    <row r="474986" spans="8:8">
      <c r="H474986" s="12"/>
    </row>
    <row r="474987" spans="8:8">
      <c r="H474987" s="12"/>
    </row>
    <row r="474988" spans="8:8">
      <c r="H474988" s="12"/>
    </row>
    <row r="474989" spans="8:8">
      <c r="H474989" s="12"/>
    </row>
    <row r="474990" spans="8:8">
      <c r="H474990" s="12"/>
    </row>
    <row r="474991" spans="8:8">
      <c r="H474991" s="12"/>
    </row>
    <row r="474992" spans="8:8">
      <c r="H474992" s="12"/>
    </row>
    <row r="474993" spans="8:8">
      <c r="H474993" s="12"/>
    </row>
    <row r="474994" spans="8:8">
      <c r="H474994" s="12"/>
    </row>
    <row r="474995" spans="8:8">
      <c r="H474995" s="12"/>
    </row>
    <row r="474996" spans="8:8">
      <c r="H474996" s="12"/>
    </row>
    <row r="474997" spans="8:8">
      <c r="H474997" s="12"/>
    </row>
    <row r="474998" spans="8:8">
      <c r="H474998" s="12"/>
    </row>
    <row r="474999" spans="8:8">
      <c r="H474999" s="12"/>
    </row>
    <row r="475000" spans="8:8">
      <c r="H475000" s="12"/>
    </row>
    <row r="475001" spans="8:8">
      <c r="H475001" s="12"/>
    </row>
    <row r="475002" spans="8:8">
      <c r="H475002" s="12"/>
    </row>
    <row r="475003" spans="8:8">
      <c r="H475003" s="12"/>
    </row>
    <row r="475004" spans="8:8">
      <c r="H475004" s="12"/>
    </row>
    <row r="475005" spans="8:8">
      <c r="H475005" s="12"/>
    </row>
    <row r="475006" spans="8:8">
      <c r="H475006" s="12"/>
    </row>
    <row r="475007" spans="8:8">
      <c r="H475007" s="12"/>
    </row>
    <row r="475008" spans="8:8">
      <c r="H475008" s="12"/>
    </row>
    <row r="475009" spans="8:8">
      <c r="H475009" s="12"/>
    </row>
    <row r="475010" spans="8:8">
      <c r="H475010" s="12"/>
    </row>
    <row r="475011" spans="8:8">
      <c r="H475011" s="12"/>
    </row>
    <row r="475012" spans="8:8">
      <c r="H475012" s="12"/>
    </row>
    <row r="475013" spans="8:8">
      <c r="H475013" s="12"/>
    </row>
    <row r="475014" spans="8:8">
      <c r="H475014" s="12"/>
    </row>
    <row r="475015" spans="8:8">
      <c r="H475015" s="12"/>
    </row>
    <row r="475016" spans="8:8">
      <c r="H475016" s="12"/>
    </row>
    <row r="475017" spans="8:8">
      <c r="H475017" s="12"/>
    </row>
    <row r="475018" spans="8:8">
      <c r="H475018" s="12"/>
    </row>
    <row r="475019" spans="8:8">
      <c r="H475019" s="12"/>
    </row>
    <row r="475020" spans="8:8">
      <c r="H475020" s="12"/>
    </row>
    <row r="475021" spans="8:8">
      <c r="H475021" s="12"/>
    </row>
    <row r="475022" spans="8:8">
      <c r="H475022" s="12"/>
    </row>
    <row r="475023" spans="8:8">
      <c r="H475023" s="12"/>
    </row>
    <row r="475024" spans="8:8">
      <c r="H475024" s="12"/>
    </row>
    <row r="475025" spans="8:8">
      <c r="H475025" s="12"/>
    </row>
    <row r="475026" spans="8:8">
      <c r="H475026" s="12"/>
    </row>
    <row r="475027" spans="8:8">
      <c r="H475027" s="12"/>
    </row>
    <row r="475028" spans="8:8">
      <c r="H475028" s="12"/>
    </row>
    <row r="475029" spans="8:8">
      <c r="H475029" s="12"/>
    </row>
    <row r="475030" spans="8:8">
      <c r="H475030" s="12"/>
    </row>
    <row r="475031" spans="8:8">
      <c r="H475031" s="12"/>
    </row>
    <row r="475032" spans="8:8">
      <c r="H475032" s="12"/>
    </row>
    <row r="475033" spans="8:8">
      <c r="H475033" s="12"/>
    </row>
    <row r="475034" spans="8:8">
      <c r="H475034" s="12"/>
    </row>
    <row r="475035" spans="8:8">
      <c r="H475035" s="12"/>
    </row>
    <row r="475036" spans="8:8">
      <c r="H475036" s="12"/>
    </row>
    <row r="475037" spans="8:8">
      <c r="H475037" s="12"/>
    </row>
    <row r="475038" spans="8:8">
      <c r="H475038" s="12"/>
    </row>
    <row r="475039" spans="8:8">
      <c r="H475039" s="12"/>
    </row>
    <row r="475040" spans="8:8">
      <c r="H475040" s="12"/>
    </row>
    <row r="475041" spans="8:8">
      <c r="H475041" s="12"/>
    </row>
    <row r="475042" spans="8:8">
      <c r="H475042" s="12"/>
    </row>
    <row r="475043" spans="8:8">
      <c r="H475043" s="12"/>
    </row>
    <row r="475044" spans="8:8">
      <c r="H475044" s="12"/>
    </row>
    <row r="475045" spans="8:8">
      <c r="H475045" s="12"/>
    </row>
    <row r="475046" spans="8:8">
      <c r="H475046" s="12"/>
    </row>
    <row r="475047" spans="8:8">
      <c r="H475047" s="12"/>
    </row>
    <row r="475048" spans="8:8">
      <c r="H475048" s="12"/>
    </row>
    <row r="475049" spans="8:8">
      <c r="H475049" s="12"/>
    </row>
    <row r="475050" spans="8:8">
      <c r="H475050" s="12"/>
    </row>
    <row r="475051" spans="8:8">
      <c r="H475051" s="12"/>
    </row>
    <row r="475052" spans="8:8">
      <c r="H475052" s="12"/>
    </row>
    <row r="475053" spans="8:8">
      <c r="H475053" s="12"/>
    </row>
    <row r="475054" spans="8:8">
      <c r="H475054" s="12"/>
    </row>
    <row r="475055" spans="8:8">
      <c r="H475055" s="12"/>
    </row>
    <row r="475056" spans="8:8">
      <c r="H475056" s="12"/>
    </row>
    <row r="475057" spans="8:8">
      <c r="H475057" s="12"/>
    </row>
    <row r="475058" spans="8:8">
      <c r="H475058" s="12"/>
    </row>
    <row r="475059" spans="8:8">
      <c r="H475059" s="12"/>
    </row>
    <row r="475060" spans="8:8">
      <c r="H475060" s="12"/>
    </row>
    <row r="475061" spans="8:8">
      <c r="H475061" s="12"/>
    </row>
    <row r="475062" spans="8:8">
      <c r="H475062" s="12"/>
    </row>
    <row r="475063" spans="8:8">
      <c r="H475063" s="12"/>
    </row>
    <row r="475064" spans="8:8">
      <c r="H475064" s="12"/>
    </row>
    <row r="475065" spans="8:8">
      <c r="H475065" s="12"/>
    </row>
    <row r="475066" spans="8:8">
      <c r="H475066" s="12"/>
    </row>
    <row r="475067" spans="8:8">
      <c r="H475067" s="12"/>
    </row>
    <row r="475068" spans="8:8">
      <c r="H475068" s="12"/>
    </row>
    <row r="475069" spans="8:8">
      <c r="H475069" s="12"/>
    </row>
    <row r="475070" spans="8:8">
      <c r="H475070" s="12"/>
    </row>
    <row r="475071" spans="8:8">
      <c r="H475071" s="12"/>
    </row>
    <row r="475072" spans="8:8">
      <c r="H475072" s="12"/>
    </row>
    <row r="475073" spans="8:8">
      <c r="H475073" s="12"/>
    </row>
    <row r="475074" spans="8:8">
      <c r="H475074" s="12"/>
    </row>
    <row r="475075" spans="8:8">
      <c r="H475075" s="12"/>
    </row>
    <row r="475076" spans="8:8">
      <c r="H475076" s="12"/>
    </row>
    <row r="475077" spans="8:8">
      <c r="H475077" s="12"/>
    </row>
    <row r="475078" spans="8:8">
      <c r="H475078" s="12"/>
    </row>
    <row r="475079" spans="8:8">
      <c r="H475079" s="12"/>
    </row>
    <row r="475080" spans="8:8">
      <c r="H475080" s="12"/>
    </row>
    <row r="475081" spans="8:8">
      <c r="H475081" s="12"/>
    </row>
    <row r="475082" spans="8:8">
      <c r="H475082" s="12"/>
    </row>
    <row r="475083" spans="8:8">
      <c r="H475083" s="12"/>
    </row>
    <row r="475084" spans="8:8">
      <c r="H475084" s="12"/>
    </row>
    <row r="475085" spans="8:8">
      <c r="H475085" s="12"/>
    </row>
    <row r="475086" spans="8:8">
      <c r="H475086" s="12"/>
    </row>
    <row r="475087" spans="8:8">
      <c r="H475087" s="12"/>
    </row>
    <row r="475088" spans="8:8">
      <c r="H475088" s="12"/>
    </row>
    <row r="475089" spans="8:8">
      <c r="H475089" s="12"/>
    </row>
    <row r="475090" spans="8:8">
      <c r="H475090" s="12"/>
    </row>
    <row r="475091" spans="8:8">
      <c r="H475091" s="12"/>
    </row>
    <row r="475092" spans="8:8">
      <c r="H475092" s="12"/>
    </row>
    <row r="475093" spans="8:8">
      <c r="H475093" s="12"/>
    </row>
    <row r="475094" spans="8:8">
      <c r="H475094" s="12"/>
    </row>
    <row r="475095" spans="8:8">
      <c r="H475095" s="12"/>
    </row>
    <row r="475096" spans="8:8">
      <c r="H475096" s="12"/>
    </row>
    <row r="475097" spans="8:8">
      <c r="H475097" s="12"/>
    </row>
    <row r="475098" spans="8:8">
      <c r="H475098" s="12"/>
    </row>
    <row r="475099" spans="8:8">
      <c r="H475099" s="12"/>
    </row>
    <row r="475100" spans="8:8">
      <c r="H475100" s="12"/>
    </row>
    <row r="475101" spans="8:8">
      <c r="H475101" s="12"/>
    </row>
    <row r="475102" spans="8:8">
      <c r="H475102" s="12"/>
    </row>
    <row r="475103" spans="8:8">
      <c r="H475103" s="12"/>
    </row>
    <row r="475104" spans="8:8">
      <c r="H475104" s="12"/>
    </row>
    <row r="475105" spans="8:8">
      <c r="H475105" s="12"/>
    </row>
    <row r="475106" spans="8:8">
      <c r="H475106" s="12"/>
    </row>
    <row r="475107" spans="8:8">
      <c r="H475107" s="12"/>
    </row>
    <row r="475108" spans="8:8">
      <c r="H475108" s="12"/>
    </row>
    <row r="475109" spans="8:8">
      <c r="H475109" s="12"/>
    </row>
    <row r="475110" spans="8:8">
      <c r="H475110" s="12"/>
    </row>
    <row r="475111" spans="8:8">
      <c r="H475111" s="12"/>
    </row>
    <row r="475112" spans="8:8">
      <c r="H475112" s="12"/>
    </row>
    <row r="475113" spans="8:8">
      <c r="H475113" s="12"/>
    </row>
    <row r="475114" spans="8:8">
      <c r="H475114" s="12"/>
    </row>
    <row r="475115" spans="8:8">
      <c r="H475115" s="12"/>
    </row>
    <row r="475116" spans="8:8">
      <c r="H475116" s="12"/>
    </row>
    <row r="475117" spans="8:8">
      <c r="H475117" s="12"/>
    </row>
    <row r="475118" spans="8:8">
      <c r="H475118" s="12"/>
    </row>
    <row r="475119" spans="8:8">
      <c r="H475119" s="12"/>
    </row>
    <row r="475120" spans="8:8">
      <c r="H475120" s="12"/>
    </row>
    <row r="475121" spans="8:8">
      <c r="H475121" s="12"/>
    </row>
    <row r="475122" spans="8:8">
      <c r="H475122" s="12"/>
    </row>
    <row r="475123" spans="8:8">
      <c r="H475123" s="12"/>
    </row>
    <row r="475124" spans="8:8">
      <c r="H475124" s="12"/>
    </row>
    <row r="475125" spans="8:8">
      <c r="H475125" s="12"/>
    </row>
    <row r="475126" spans="8:8">
      <c r="H475126" s="12"/>
    </row>
    <row r="475127" spans="8:8">
      <c r="H475127" s="12"/>
    </row>
    <row r="475128" spans="8:8">
      <c r="H475128" s="12"/>
    </row>
    <row r="475129" spans="8:8">
      <c r="H475129" s="12"/>
    </row>
    <row r="475130" spans="8:8">
      <c r="H475130" s="12"/>
    </row>
    <row r="475131" spans="8:8">
      <c r="H475131" s="12"/>
    </row>
    <row r="475132" spans="8:8">
      <c r="H475132" s="12"/>
    </row>
    <row r="475133" spans="8:8">
      <c r="H475133" s="12"/>
    </row>
    <row r="475134" spans="8:8">
      <c r="H475134" s="12"/>
    </row>
    <row r="475135" spans="8:8">
      <c r="H475135" s="12"/>
    </row>
    <row r="475136" spans="8:8">
      <c r="H475136" s="12"/>
    </row>
    <row r="475137" spans="8:8">
      <c r="H475137" s="12"/>
    </row>
    <row r="475138" spans="8:8">
      <c r="H475138" s="12"/>
    </row>
    <row r="475139" spans="8:8">
      <c r="H475139" s="12"/>
    </row>
    <row r="475140" spans="8:8">
      <c r="H475140" s="12"/>
    </row>
    <row r="475141" spans="8:8">
      <c r="H475141" s="12"/>
    </row>
    <row r="475142" spans="8:8">
      <c r="H475142" s="12"/>
    </row>
    <row r="475143" spans="8:8">
      <c r="H475143" s="12"/>
    </row>
    <row r="475144" spans="8:8">
      <c r="H475144" s="12"/>
    </row>
    <row r="475145" spans="8:8">
      <c r="H475145" s="12"/>
    </row>
    <row r="475146" spans="8:8">
      <c r="H475146" s="12"/>
    </row>
    <row r="475147" spans="8:8">
      <c r="H475147" s="12"/>
    </row>
    <row r="475148" spans="8:8">
      <c r="H475148" s="12"/>
    </row>
    <row r="475149" spans="8:8">
      <c r="H475149" s="12"/>
    </row>
    <row r="475150" spans="8:8">
      <c r="H475150" s="12"/>
    </row>
    <row r="475151" spans="8:8">
      <c r="H475151" s="12"/>
    </row>
    <row r="475152" spans="8:8">
      <c r="H475152" s="12"/>
    </row>
    <row r="475153" spans="8:8">
      <c r="H475153" s="12"/>
    </row>
    <row r="475154" spans="8:8">
      <c r="H475154" s="12"/>
    </row>
    <row r="475155" spans="8:8">
      <c r="H475155" s="12"/>
    </row>
    <row r="475156" spans="8:8">
      <c r="H475156" s="12"/>
    </row>
    <row r="475157" spans="8:8">
      <c r="H475157" s="12"/>
    </row>
    <row r="475158" spans="8:8">
      <c r="H475158" s="12"/>
    </row>
    <row r="475159" spans="8:8">
      <c r="H475159" s="12"/>
    </row>
    <row r="475160" spans="8:8">
      <c r="H475160" s="12"/>
    </row>
    <row r="475161" spans="8:8">
      <c r="H475161" s="12"/>
    </row>
    <row r="475162" spans="8:8">
      <c r="H475162" s="12"/>
    </row>
    <row r="475163" spans="8:8">
      <c r="H475163" s="12"/>
    </row>
    <row r="475164" spans="8:8">
      <c r="H475164" s="12"/>
    </row>
    <row r="475165" spans="8:8">
      <c r="H475165" s="12"/>
    </row>
    <row r="475166" spans="8:8">
      <c r="H475166" s="12"/>
    </row>
    <row r="475167" spans="8:8">
      <c r="H475167" s="12"/>
    </row>
    <row r="475168" spans="8:8">
      <c r="H475168" s="12"/>
    </row>
    <row r="475169" spans="8:8">
      <c r="H475169" s="12"/>
    </row>
    <row r="475170" spans="8:8">
      <c r="H475170" s="12"/>
    </row>
    <row r="475171" spans="8:8">
      <c r="H475171" s="12"/>
    </row>
    <row r="475172" spans="8:8">
      <c r="H475172" s="12"/>
    </row>
    <row r="475173" spans="8:8">
      <c r="H475173" s="12"/>
    </row>
    <row r="475174" spans="8:8">
      <c r="H475174" s="12"/>
    </row>
    <row r="475175" spans="8:8">
      <c r="H475175" s="12"/>
    </row>
    <row r="475176" spans="8:8">
      <c r="H475176" s="12"/>
    </row>
    <row r="475177" spans="8:8">
      <c r="H475177" s="12"/>
    </row>
    <row r="475178" spans="8:8">
      <c r="H475178" s="12"/>
    </row>
    <row r="475179" spans="8:8">
      <c r="H475179" s="12"/>
    </row>
    <row r="475180" spans="8:8">
      <c r="H475180" s="12"/>
    </row>
    <row r="475181" spans="8:8">
      <c r="H475181" s="12"/>
    </row>
    <row r="475182" spans="8:8">
      <c r="H475182" s="12"/>
    </row>
    <row r="475183" spans="8:8">
      <c r="H475183" s="12"/>
    </row>
    <row r="475184" spans="8:8">
      <c r="H475184" s="12"/>
    </row>
    <row r="475185" spans="8:8">
      <c r="H475185" s="12"/>
    </row>
    <row r="475186" spans="8:8">
      <c r="H475186" s="12"/>
    </row>
    <row r="475187" spans="8:8">
      <c r="H475187" s="12"/>
    </row>
    <row r="475188" spans="8:8">
      <c r="H475188" s="12"/>
    </row>
    <row r="475189" spans="8:8">
      <c r="H475189" s="12"/>
    </row>
    <row r="475190" spans="8:8">
      <c r="H475190" s="12"/>
    </row>
    <row r="475191" spans="8:8">
      <c r="H475191" s="12"/>
    </row>
    <row r="475192" spans="8:8">
      <c r="H475192" s="12"/>
    </row>
    <row r="475193" spans="8:8">
      <c r="H475193" s="12"/>
    </row>
    <row r="475194" spans="8:8">
      <c r="H475194" s="12"/>
    </row>
    <row r="475195" spans="8:8">
      <c r="H475195" s="12"/>
    </row>
    <row r="475196" spans="8:8">
      <c r="H475196" s="12"/>
    </row>
    <row r="475197" spans="8:8">
      <c r="H475197" s="12"/>
    </row>
    <row r="475198" spans="8:8">
      <c r="H475198" s="12"/>
    </row>
    <row r="475199" spans="8:8">
      <c r="H475199" s="12"/>
    </row>
    <row r="475200" spans="8:8">
      <c r="H475200" s="12"/>
    </row>
    <row r="475201" spans="8:8">
      <c r="H475201" s="12"/>
    </row>
    <row r="475202" spans="8:8">
      <c r="H475202" s="12"/>
    </row>
    <row r="475203" spans="8:8">
      <c r="H475203" s="12"/>
    </row>
    <row r="475204" spans="8:8">
      <c r="H475204" s="12"/>
    </row>
    <row r="475205" spans="8:8">
      <c r="H475205" s="12"/>
    </row>
    <row r="475206" spans="8:8">
      <c r="H475206" s="12"/>
    </row>
    <row r="475207" spans="8:8">
      <c r="H475207" s="12"/>
    </row>
    <row r="475208" spans="8:8">
      <c r="H475208" s="12"/>
    </row>
    <row r="475209" spans="8:8">
      <c r="H475209" s="12"/>
    </row>
    <row r="475210" spans="8:8">
      <c r="H475210" s="12"/>
    </row>
    <row r="475211" spans="8:8">
      <c r="H475211" s="12"/>
    </row>
    <row r="475212" spans="8:8">
      <c r="H475212" s="12"/>
    </row>
    <row r="475213" spans="8:8">
      <c r="H475213" s="12"/>
    </row>
    <row r="475214" spans="8:8">
      <c r="H475214" s="12"/>
    </row>
    <row r="475215" spans="8:8">
      <c r="H475215" s="12"/>
    </row>
    <row r="475216" spans="8:8">
      <c r="H475216" s="12"/>
    </row>
    <row r="475217" spans="8:8">
      <c r="H475217" s="12"/>
    </row>
    <row r="475218" spans="8:8">
      <c r="H475218" s="12"/>
    </row>
    <row r="475219" spans="8:8">
      <c r="H475219" s="12"/>
    </row>
    <row r="475220" spans="8:8">
      <c r="H475220" s="12"/>
    </row>
    <row r="475221" spans="8:8">
      <c r="H475221" s="12"/>
    </row>
    <row r="475222" spans="8:8">
      <c r="H475222" s="12"/>
    </row>
    <row r="475223" spans="8:8">
      <c r="H475223" s="12"/>
    </row>
    <row r="475224" spans="8:8">
      <c r="H475224" s="12"/>
    </row>
    <row r="475225" spans="8:8">
      <c r="H475225" s="12"/>
    </row>
    <row r="475226" spans="8:8">
      <c r="H475226" s="12"/>
    </row>
    <row r="475227" spans="8:8">
      <c r="H475227" s="12"/>
    </row>
    <row r="475228" spans="8:8">
      <c r="H475228" s="12"/>
    </row>
    <row r="475229" spans="8:8">
      <c r="H475229" s="12"/>
    </row>
    <row r="475230" spans="8:8">
      <c r="H475230" s="12"/>
    </row>
    <row r="475231" spans="8:8">
      <c r="H475231" s="12"/>
    </row>
    <row r="475232" spans="8:8">
      <c r="H475232" s="12"/>
    </row>
    <row r="475233" spans="8:8">
      <c r="H475233" s="12"/>
    </row>
    <row r="475234" spans="8:8">
      <c r="H475234" s="12"/>
    </row>
    <row r="475235" spans="8:8">
      <c r="H475235" s="12"/>
    </row>
    <row r="475236" spans="8:8">
      <c r="H475236" s="12"/>
    </row>
    <row r="475237" spans="8:8">
      <c r="H475237" s="12"/>
    </row>
    <row r="475238" spans="8:8">
      <c r="H475238" s="12"/>
    </row>
    <row r="475239" spans="8:8">
      <c r="H475239" s="12"/>
    </row>
    <row r="475240" spans="8:8">
      <c r="H475240" s="12"/>
    </row>
    <row r="475241" spans="8:8">
      <c r="H475241" s="12"/>
    </row>
    <row r="475242" spans="8:8">
      <c r="H475242" s="12"/>
    </row>
    <row r="475243" spans="8:8">
      <c r="H475243" s="12"/>
    </row>
    <row r="475244" spans="8:8">
      <c r="H475244" s="12"/>
    </row>
    <row r="475245" spans="8:8">
      <c r="H475245" s="12"/>
    </row>
    <row r="475246" spans="8:8">
      <c r="H475246" s="12"/>
    </row>
    <row r="475247" spans="8:8">
      <c r="H475247" s="12"/>
    </row>
    <row r="475248" spans="8:8">
      <c r="H475248" s="12"/>
    </row>
    <row r="475249" spans="8:8">
      <c r="H475249" s="12"/>
    </row>
    <row r="475250" spans="8:8">
      <c r="H475250" s="12"/>
    </row>
    <row r="475251" spans="8:8">
      <c r="H475251" s="12"/>
    </row>
    <row r="475252" spans="8:8">
      <c r="H475252" s="12"/>
    </row>
    <row r="475253" spans="8:8">
      <c r="H475253" s="12"/>
    </row>
    <row r="475254" spans="8:8">
      <c r="H475254" s="12"/>
    </row>
    <row r="475255" spans="8:8">
      <c r="H475255" s="12"/>
    </row>
    <row r="475256" spans="8:8">
      <c r="H475256" s="12"/>
    </row>
    <row r="475257" spans="8:8">
      <c r="H475257" s="12"/>
    </row>
    <row r="475258" spans="8:8">
      <c r="H475258" s="12"/>
    </row>
    <row r="475259" spans="8:8">
      <c r="H475259" s="12"/>
    </row>
    <row r="475260" spans="8:8">
      <c r="H475260" s="12"/>
    </row>
    <row r="475261" spans="8:8">
      <c r="H475261" s="12"/>
    </row>
    <row r="475262" spans="8:8">
      <c r="H475262" s="12"/>
    </row>
    <row r="475263" spans="8:8">
      <c r="H475263" s="12"/>
    </row>
    <row r="475264" spans="8:8">
      <c r="H475264" s="12"/>
    </row>
    <row r="475265" spans="8:8">
      <c r="H475265" s="12"/>
    </row>
    <row r="475266" spans="8:8">
      <c r="H475266" s="12"/>
    </row>
    <row r="475267" spans="8:8">
      <c r="H475267" s="12"/>
    </row>
    <row r="475268" spans="8:8">
      <c r="H475268" s="12"/>
    </row>
    <row r="475269" spans="8:8">
      <c r="H475269" s="12"/>
    </row>
    <row r="475270" spans="8:8">
      <c r="H475270" s="12"/>
    </row>
    <row r="475271" spans="8:8">
      <c r="H475271" s="12"/>
    </row>
    <row r="475272" spans="8:8">
      <c r="H475272" s="12"/>
    </row>
    <row r="475273" spans="8:8">
      <c r="H475273" s="12"/>
    </row>
    <row r="475274" spans="8:8">
      <c r="H475274" s="12"/>
    </row>
    <row r="475275" spans="8:8">
      <c r="H475275" s="12"/>
    </row>
    <row r="475276" spans="8:8">
      <c r="H475276" s="12"/>
    </row>
    <row r="475277" spans="8:8">
      <c r="H475277" s="12"/>
    </row>
    <row r="475278" spans="8:8">
      <c r="H475278" s="12"/>
    </row>
    <row r="475279" spans="8:8">
      <c r="H475279" s="12"/>
    </row>
    <row r="475280" spans="8:8">
      <c r="H475280" s="12"/>
    </row>
    <row r="475281" spans="8:8">
      <c r="H475281" s="12"/>
    </row>
    <row r="475282" spans="8:8">
      <c r="H475282" s="12"/>
    </row>
    <row r="475283" spans="8:8">
      <c r="H475283" s="12"/>
    </row>
    <row r="475284" spans="8:8">
      <c r="H475284" s="12"/>
    </row>
    <row r="475285" spans="8:8">
      <c r="H475285" s="12"/>
    </row>
    <row r="475286" spans="8:8">
      <c r="H475286" s="12"/>
    </row>
    <row r="475287" spans="8:8">
      <c r="H475287" s="12"/>
    </row>
    <row r="475288" spans="8:8">
      <c r="H475288" s="12"/>
    </row>
    <row r="475289" spans="8:8">
      <c r="H475289" s="12"/>
    </row>
    <row r="475290" spans="8:8">
      <c r="H475290" s="12"/>
    </row>
    <row r="475291" spans="8:8">
      <c r="H475291" s="12"/>
    </row>
    <row r="475292" spans="8:8">
      <c r="H475292" s="12"/>
    </row>
    <row r="475293" spans="8:8">
      <c r="H475293" s="12"/>
    </row>
    <row r="475294" spans="8:8">
      <c r="H475294" s="12"/>
    </row>
    <row r="475295" spans="8:8">
      <c r="H475295" s="12"/>
    </row>
    <row r="475296" spans="8:8">
      <c r="H475296" s="12"/>
    </row>
    <row r="475297" spans="8:8">
      <c r="H475297" s="12"/>
    </row>
    <row r="475298" spans="8:8">
      <c r="H475298" s="12"/>
    </row>
    <row r="475299" spans="8:8">
      <c r="H475299" s="12"/>
    </row>
    <row r="475300" spans="8:8">
      <c r="H475300" s="12"/>
    </row>
    <row r="475301" spans="8:8">
      <c r="H475301" s="12"/>
    </row>
    <row r="475302" spans="8:8">
      <c r="H475302" s="12"/>
    </row>
    <row r="475303" spans="8:8">
      <c r="H475303" s="12"/>
    </row>
    <row r="475304" spans="8:8">
      <c r="H475304" s="12"/>
    </row>
    <row r="475305" spans="8:8">
      <c r="H475305" s="12"/>
    </row>
    <row r="475306" spans="8:8">
      <c r="H475306" s="12"/>
    </row>
    <row r="475307" spans="8:8">
      <c r="H475307" s="12"/>
    </row>
    <row r="475308" spans="8:8">
      <c r="H475308" s="12"/>
    </row>
    <row r="475309" spans="8:8">
      <c r="H475309" s="12"/>
    </row>
    <row r="475310" spans="8:8">
      <c r="H475310" s="12"/>
    </row>
    <row r="475311" spans="8:8">
      <c r="H475311" s="12"/>
    </row>
    <row r="475312" spans="8:8">
      <c r="H475312" s="12"/>
    </row>
    <row r="475313" spans="8:8">
      <c r="H475313" s="12"/>
    </row>
    <row r="475314" spans="8:8">
      <c r="H475314" s="12"/>
    </row>
    <row r="475315" spans="8:8">
      <c r="H475315" s="12"/>
    </row>
    <row r="475316" spans="8:8">
      <c r="H475316" s="12"/>
    </row>
    <row r="475317" spans="8:8">
      <c r="H475317" s="12"/>
    </row>
    <row r="475318" spans="8:8">
      <c r="H475318" s="12"/>
    </row>
    <row r="475319" spans="8:8">
      <c r="H475319" s="12"/>
    </row>
    <row r="475320" spans="8:8">
      <c r="H475320" s="12"/>
    </row>
    <row r="475321" spans="8:8">
      <c r="H475321" s="12"/>
    </row>
    <row r="475322" spans="8:8">
      <c r="H475322" s="12"/>
    </row>
    <row r="475323" spans="8:8">
      <c r="H475323" s="12"/>
    </row>
    <row r="475324" spans="8:8">
      <c r="H475324" s="12"/>
    </row>
    <row r="475325" spans="8:8">
      <c r="H475325" s="12"/>
    </row>
    <row r="475326" spans="8:8">
      <c r="H475326" s="12"/>
    </row>
    <row r="475327" spans="8:8">
      <c r="H475327" s="12"/>
    </row>
    <row r="475328" spans="8:8">
      <c r="H475328" s="12"/>
    </row>
    <row r="475329" spans="8:8">
      <c r="H475329" s="12"/>
    </row>
    <row r="475330" spans="8:8">
      <c r="H475330" s="12"/>
    </row>
    <row r="475331" spans="8:8">
      <c r="H475331" s="12"/>
    </row>
    <row r="475332" spans="8:8">
      <c r="H475332" s="12"/>
    </row>
    <row r="475333" spans="8:8">
      <c r="H475333" s="12"/>
    </row>
    <row r="475334" spans="8:8">
      <c r="H475334" s="12"/>
    </row>
    <row r="475335" spans="8:8">
      <c r="H475335" s="12"/>
    </row>
    <row r="475336" spans="8:8">
      <c r="H475336" s="12"/>
    </row>
    <row r="475337" spans="8:8">
      <c r="H475337" s="12"/>
    </row>
    <row r="475338" spans="8:8">
      <c r="H475338" s="12"/>
    </row>
    <row r="475339" spans="8:8">
      <c r="H475339" s="12"/>
    </row>
    <row r="475340" spans="8:8">
      <c r="H475340" s="12"/>
    </row>
    <row r="475341" spans="8:8">
      <c r="H475341" s="12"/>
    </row>
    <row r="475342" spans="8:8">
      <c r="H475342" s="12"/>
    </row>
    <row r="475343" spans="8:8">
      <c r="H475343" s="12"/>
    </row>
    <row r="475344" spans="8:8">
      <c r="H475344" s="12"/>
    </row>
    <row r="475345" spans="8:8">
      <c r="H475345" s="12"/>
    </row>
    <row r="475346" spans="8:8">
      <c r="H475346" s="12"/>
    </row>
    <row r="475347" spans="8:8">
      <c r="H475347" s="12"/>
    </row>
    <row r="475348" spans="8:8">
      <c r="H475348" s="12"/>
    </row>
    <row r="475349" spans="8:8">
      <c r="H475349" s="12"/>
    </row>
    <row r="475350" spans="8:8">
      <c r="H475350" s="12"/>
    </row>
    <row r="475351" spans="8:8">
      <c r="H475351" s="12"/>
    </row>
    <row r="475352" spans="8:8">
      <c r="H475352" s="12"/>
    </row>
    <row r="475353" spans="8:8">
      <c r="H475353" s="12"/>
    </row>
    <row r="475354" spans="8:8">
      <c r="H475354" s="12"/>
    </row>
    <row r="475355" spans="8:8">
      <c r="H475355" s="12"/>
    </row>
    <row r="475356" spans="8:8">
      <c r="H475356" s="12"/>
    </row>
    <row r="475357" spans="8:8">
      <c r="H475357" s="12"/>
    </row>
    <row r="475358" spans="8:8">
      <c r="H475358" s="12"/>
    </row>
    <row r="475359" spans="8:8">
      <c r="H475359" s="12"/>
    </row>
    <row r="475360" spans="8:8">
      <c r="H475360" s="12"/>
    </row>
    <row r="475361" spans="8:8">
      <c r="H475361" s="12"/>
    </row>
    <row r="475362" spans="8:8">
      <c r="H475362" s="12"/>
    </row>
    <row r="475363" spans="8:8">
      <c r="H475363" s="12"/>
    </row>
    <row r="475364" spans="8:8">
      <c r="H475364" s="12"/>
    </row>
    <row r="475365" spans="8:8">
      <c r="H475365" s="12"/>
    </row>
    <row r="475366" spans="8:8">
      <c r="H475366" s="12"/>
    </row>
    <row r="475367" spans="8:8">
      <c r="H475367" s="12"/>
    </row>
    <row r="475368" spans="8:8">
      <c r="H475368" s="12"/>
    </row>
    <row r="475369" spans="8:8">
      <c r="H475369" s="12"/>
    </row>
    <row r="475370" spans="8:8">
      <c r="H475370" s="12"/>
    </row>
    <row r="475371" spans="8:8">
      <c r="H475371" s="12"/>
    </row>
    <row r="475372" spans="8:8">
      <c r="H475372" s="12"/>
    </row>
    <row r="475373" spans="8:8">
      <c r="H475373" s="12"/>
    </row>
    <row r="475374" spans="8:8">
      <c r="H475374" s="12"/>
    </row>
    <row r="475375" spans="8:8">
      <c r="H475375" s="12"/>
    </row>
    <row r="475376" spans="8:8">
      <c r="H475376" s="12"/>
    </row>
    <row r="475377" spans="8:8">
      <c r="H475377" s="12"/>
    </row>
    <row r="475378" spans="8:8">
      <c r="H475378" s="12"/>
    </row>
    <row r="475379" spans="8:8">
      <c r="H475379" s="12"/>
    </row>
    <row r="475380" spans="8:8">
      <c r="H475380" s="12"/>
    </row>
    <row r="475381" spans="8:8">
      <c r="H475381" s="12"/>
    </row>
    <row r="475382" spans="8:8">
      <c r="H475382" s="12"/>
    </row>
    <row r="475383" spans="8:8">
      <c r="H475383" s="12"/>
    </row>
    <row r="475384" spans="8:8">
      <c r="H475384" s="12"/>
    </row>
    <row r="475385" spans="8:8">
      <c r="H475385" s="12"/>
    </row>
    <row r="475386" spans="8:8">
      <c r="H475386" s="12"/>
    </row>
    <row r="475387" spans="8:8">
      <c r="H475387" s="12"/>
    </row>
    <row r="475388" spans="8:8">
      <c r="H475388" s="12"/>
    </row>
    <row r="475389" spans="8:8">
      <c r="H475389" s="12"/>
    </row>
    <row r="475390" spans="8:8">
      <c r="H475390" s="12"/>
    </row>
    <row r="475391" spans="8:8">
      <c r="H475391" s="12"/>
    </row>
    <row r="475392" spans="8:8">
      <c r="H475392" s="12"/>
    </row>
    <row r="475393" spans="8:8">
      <c r="H475393" s="12"/>
    </row>
    <row r="475394" spans="8:8">
      <c r="H475394" s="12"/>
    </row>
    <row r="475395" spans="8:8">
      <c r="H475395" s="12"/>
    </row>
    <row r="475396" spans="8:8">
      <c r="H475396" s="12"/>
    </row>
    <row r="475397" spans="8:8">
      <c r="H475397" s="12"/>
    </row>
    <row r="475398" spans="8:8">
      <c r="H475398" s="12"/>
    </row>
    <row r="475399" spans="8:8">
      <c r="H475399" s="12"/>
    </row>
    <row r="475400" spans="8:8">
      <c r="H475400" s="12"/>
    </row>
    <row r="475401" spans="8:8">
      <c r="H475401" s="12"/>
    </row>
    <row r="475402" spans="8:8">
      <c r="H475402" s="12"/>
    </row>
    <row r="475403" spans="8:8">
      <c r="H475403" s="12"/>
    </row>
    <row r="475404" spans="8:8">
      <c r="H475404" s="12"/>
    </row>
    <row r="475405" spans="8:8">
      <c r="H475405" s="12"/>
    </row>
    <row r="475406" spans="8:8">
      <c r="H475406" s="12"/>
    </row>
    <row r="475407" spans="8:8">
      <c r="H475407" s="12"/>
    </row>
    <row r="475408" spans="8:8">
      <c r="H475408" s="12"/>
    </row>
    <row r="475409" spans="8:8">
      <c r="H475409" s="12"/>
    </row>
    <row r="475410" spans="8:8">
      <c r="H475410" s="12"/>
    </row>
    <row r="475411" spans="8:8">
      <c r="H475411" s="12"/>
    </row>
    <row r="475412" spans="8:8">
      <c r="H475412" s="12"/>
    </row>
    <row r="475413" spans="8:8">
      <c r="H475413" s="12"/>
    </row>
    <row r="475414" spans="8:8">
      <c r="H475414" s="12"/>
    </row>
    <row r="475415" spans="8:8">
      <c r="H475415" s="12"/>
    </row>
    <row r="475416" spans="8:8">
      <c r="H475416" s="12"/>
    </row>
    <row r="475417" spans="8:8">
      <c r="H475417" s="12"/>
    </row>
    <row r="475418" spans="8:8">
      <c r="H475418" s="12"/>
    </row>
    <row r="475419" spans="8:8">
      <c r="H475419" s="12"/>
    </row>
    <row r="475420" spans="8:8">
      <c r="H475420" s="12"/>
    </row>
    <row r="475421" spans="8:8">
      <c r="H475421" s="12"/>
    </row>
    <row r="475422" spans="8:8">
      <c r="H475422" s="12"/>
    </row>
    <row r="475423" spans="8:8">
      <c r="H475423" s="12"/>
    </row>
    <row r="475424" spans="8:8">
      <c r="H475424" s="12"/>
    </row>
    <row r="475425" spans="8:8">
      <c r="H475425" s="12"/>
    </row>
    <row r="475426" spans="8:8">
      <c r="H475426" s="12"/>
    </row>
    <row r="475427" spans="8:8">
      <c r="H475427" s="12"/>
    </row>
    <row r="475428" spans="8:8">
      <c r="H475428" s="12"/>
    </row>
    <row r="475429" spans="8:8">
      <c r="H475429" s="12"/>
    </row>
    <row r="475430" spans="8:8">
      <c r="H475430" s="12"/>
    </row>
    <row r="475431" spans="8:8">
      <c r="H475431" s="12"/>
    </row>
    <row r="475432" spans="8:8">
      <c r="H475432" s="12"/>
    </row>
    <row r="475433" spans="8:8">
      <c r="H475433" s="12"/>
    </row>
    <row r="475434" spans="8:8">
      <c r="H475434" s="12"/>
    </row>
    <row r="475435" spans="8:8">
      <c r="H475435" s="12"/>
    </row>
    <row r="475436" spans="8:8">
      <c r="H475436" s="12"/>
    </row>
    <row r="475437" spans="8:8">
      <c r="H475437" s="12"/>
    </row>
    <row r="475438" spans="8:8">
      <c r="H475438" s="12"/>
    </row>
    <row r="475439" spans="8:8">
      <c r="H475439" s="12"/>
    </row>
    <row r="475440" spans="8:8">
      <c r="H475440" s="12"/>
    </row>
    <row r="475441" spans="8:8">
      <c r="H475441" s="12"/>
    </row>
    <row r="475442" spans="8:8">
      <c r="H475442" s="12"/>
    </row>
    <row r="475443" spans="8:8">
      <c r="H475443" s="12"/>
    </row>
    <row r="475444" spans="8:8">
      <c r="H475444" s="12"/>
    </row>
    <row r="475445" spans="8:8">
      <c r="H475445" s="12"/>
    </row>
    <row r="475446" spans="8:8">
      <c r="H475446" s="12"/>
    </row>
    <row r="475447" spans="8:8">
      <c r="H475447" s="12"/>
    </row>
    <row r="475448" spans="8:8">
      <c r="H475448" s="12"/>
    </row>
    <row r="475449" spans="8:8">
      <c r="H475449" s="12"/>
    </row>
    <row r="475450" spans="8:8">
      <c r="H475450" s="12"/>
    </row>
    <row r="475451" spans="8:8">
      <c r="H475451" s="12"/>
    </row>
    <row r="475452" spans="8:8">
      <c r="H475452" s="12"/>
    </row>
    <row r="475453" spans="8:8">
      <c r="H475453" s="12"/>
    </row>
    <row r="475454" spans="8:8">
      <c r="H475454" s="12"/>
    </row>
    <row r="475455" spans="8:8">
      <c r="H475455" s="12"/>
    </row>
    <row r="475456" spans="8:8">
      <c r="H475456" s="12"/>
    </row>
    <row r="475457" spans="8:8">
      <c r="H475457" s="12"/>
    </row>
    <row r="475458" spans="8:8">
      <c r="H475458" s="12"/>
    </row>
    <row r="475459" spans="8:8">
      <c r="H475459" s="12"/>
    </row>
    <row r="475460" spans="8:8">
      <c r="H475460" s="12"/>
    </row>
    <row r="475461" spans="8:8">
      <c r="H475461" s="12"/>
    </row>
    <row r="475462" spans="8:8">
      <c r="H475462" s="12"/>
    </row>
    <row r="475463" spans="8:8">
      <c r="H475463" s="12"/>
    </row>
    <row r="475464" spans="8:8">
      <c r="H475464" s="12"/>
    </row>
    <row r="475465" spans="8:8">
      <c r="H475465" s="12"/>
    </row>
    <row r="475466" spans="8:8">
      <c r="H475466" s="12"/>
    </row>
    <row r="475467" spans="8:8">
      <c r="H475467" s="12"/>
    </row>
    <row r="475468" spans="8:8">
      <c r="H475468" s="12"/>
    </row>
    <row r="475469" spans="8:8">
      <c r="H475469" s="12"/>
    </row>
    <row r="475470" spans="8:8">
      <c r="H475470" s="12"/>
    </row>
    <row r="475471" spans="8:8">
      <c r="H475471" s="12"/>
    </row>
    <row r="475472" spans="8:8">
      <c r="H475472" s="12"/>
    </row>
    <row r="475473" spans="8:8">
      <c r="H475473" s="12"/>
    </row>
    <row r="475474" spans="8:8">
      <c r="H475474" s="12"/>
    </row>
    <row r="475475" spans="8:8">
      <c r="H475475" s="12"/>
    </row>
    <row r="475476" spans="8:8">
      <c r="H475476" s="12"/>
    </row>
    <row r="475477" spans="8:8">
      <c r="H475477" s="12"/>
    </row>
    <row r="475478" spans="8:8">
      <c r="H475478" s="12"/>
    </row>
    <row r="475479" spans="8:8">
      <c r="H475479" s="12"/>
    </row>
    <row r="475480" spans="8:8">
      <c r="H475480" s="12"/>
    </row>
    <row r="475481" spans="8:8">
      <c r="H475481" s="12"/>
    </row>
    <row r="475482" spans="8:8">
      <c r="H475482" s="12"/>
    </row>
    <row r="475483" spans="8:8">
      <c r="H475483" s="12"/>
    </row>
    <row r="475484" spans="8:8">
      <c r="H475484" s="12"/>
    </row>
    <row r="475485" spans="8:8">
      <c r="H475485" s="12"/>
    </row>
    <row r="475486" spans="8:8">
      <c r="H475486" s="12"/>
    </row>
    <row r="475487" spans="8:8">
      <c r="H475487" s="12"/>
    </row>
    <row r="475488" spans="8:8">
      <c r="H475488" s="12"/>
    </row>
    <row r="475489" spans="8:8">
      <c r="H475489" s="12"/>
    </row>
    <row r="475490" spans="8:8">
      <c r="H475490" s="12"/>
    </row>
    <row r="475491" spans="8:8">
      <c r="H475491" s="12"/>
    </row>
    <row r="475492" spans="8:8">
      <c r="H475492" s="12"/>
    </row>
    <row r="475493" spans="8:8">
      <c r="H475493" s="12"/>
    </row>
    <row r="475494" spans="8:8">
      <c r="H475494" s="12"/>
    </row>
    <row r="475495" spans="8:8">
      <c r="H475495" s="12"/>
    </row>
    <row r="475496" spans="8:8">
      <c r="H475496" s="12"/>
    </row>
    <row r="475497" spans="8:8">
      <c r="H475497" s="12"/>
    </row>
    <row r="475498" spans="8:8">
      <c r="H475498" s="12"/>
    </row>
    <row r="475499" spans="8:8">
      <c r="H475499" s="12"/>
    </row>
    <row r="475500" spans="8:8">
      <c r="H475500" s="12"/>
    </row>
    <row r="475501" spans="8:8">
      <c r="H475501" s="12"/>
    </row>
    <row r="475502" spans="8:8">
      <c r="H475502" s="12"/>
    </row>
    <row r="475503" spans="8:8">
      <c r="H475503" s="12"/>
    </row>
    <row r="475504" spans="8:8">
      <c r="H475504" s="12"/>
    </row>
    <row r="475505" spans="8:8">
      <c r="H475505" s="12"/>
    </row>
    <row r="475506" spans="8:8">
      <c r="H475506" s="12"/>
    </row>
    <row r="475507" spans="8:8">
      <c r="H475507" s="12"/>
    </row>
    <row r="475508" spans="8:8">
      <c r="H475508" s="12"/>
    </row>
    <row r="475509" spans="8:8">
      <c r="H475509" s="12"/>
    </row>
    <row r="475510" spans="8:8">
      <c r="H475510" s="12"/>
    </row>
    <row r="475511" spans="8:8">
      <c r="H475511" s="12"/>
    </row>
    <row r="475512" spans="8:8">
      <c r="H475512" s="12"/>
    </row>
    <row r="475513" spans="8:8">
      <c r="H475513" s="12"/>
    </row>
    <row r="475514" spans="8:8">
      <c r="H475514" s="12"/>
    </row>
    <row r="475515" spans="8:8">
      <c r="H475515" s="12"/>
    </row>
    <row r="475516" spans="8:8">
      <c r="H475516" s="12"/>
    </row>
    <row r="475517" spans="8:8">
      <c r="H475517" s="12"/>
    </row>
    <row r="475518" spans="8:8">
      <c r="H475518" s="12"/>
    </row>
    <row r="475519" spans="8:8">
      <c r="H475519" s="12"/>
    </row>
    <row r="475520" spans="8:8">
      <c r="H475520" s="12"/>
    </row>
    <row r="475521" spans="8:8">
      <c r="H475521" s="12"/>
    </row>
    <row r="475522" spans="8:8">
      <c r="H475522" s="12"/>
    </row>
    <row r="475523" spans="8:8">
      <c r="H475523" s="12"/>
    </row>
    <row r="475524" spans="8:8">
      <c r="H475524" s="12"/>
    </row>
    <row r="475525" spans="8:8">
      <c r="H475525" s="12"/>
    </row>
    <row r="475526" spans="8:8">
      <c r="H475526" s="12"/>
    </row>
    <row r="475527" spans="8:8">
      <c r="H475527" s="12"/>
    </row>
    <row r="475528" spans="8:8">
      <c r="H475528" s="12"/>
    </row>
    <row r="475529" spans="8:8">
      <c r="H475529" s="12"/>
    </row>
    <row r="475530" spans="8:8">
      <c r="H475530" s="12"/>
    </row>
    <row r="475531" spans="8:8">
      <c r="H475531" s="12"/>
    </row>
    <row r="475532" spans="8:8">
      <c r="H475532" s="12"/>
    </row>
    <row r="475533" spans="8:8">
      <c r="H475533" s="12"/>
    </row>
    <row r="475534" spans="8:8">
      <c r="H475534" s="12"/>
    </row>
    <row r="475535" spans="8:8">
      <c r="H475535" s="12"/>
    </row>
    <row r="475536" spans="8:8">
      <c r="H475536" s="12"/>
    </row>
    <row r="475537" spans="8:8">
      <c r="H475537" s="12"/>
    </row>
    <row r="475538" spans="8:8">
      <c r="H475538" s="12"/>
    </row>
    <row r="475539" spans="8:8">
      <c r="H475539" s="12"/>
    </row>
    <row r="475540" spans="8:8">
      <c r="H475540" s="12"/>
    </row>
    <row r="475541" spans="8:8">
      <c r="H475541" s="12"/>
    </row>
    <row r="475542" spans="8:8">
      <c r="H475542" s="12"/>
    </row>
    <row r="475543" spans="8:8">
      <c r="H475543" s="12"/>
    </row>
    <row r="475544" spans="8:8">
      <c r="H475544" s="12"/>
    </row>
    <row r="475545" spans="8:8">
      <c r="H475545" s="12"/>
    </row>
    <row r="475546" spans="8:8">
      <c r="H475546" s="12"/>
    </row>
    <row r="475547" spans="8:8">
      <c r="H475547" s="12"/>
    </row>
    <row r="475548" spans="8:8">
      <c r="H475548" s="12"/>
    </row>
    <row r="475549" spans="8:8">
      <c r="H475549" s="12"/>
    </row>
    <row r="475550" spans="8:8">
      <c r="H475550" s="12"/>
    </row>
    <row r="475551" spans="8:8">
      <c r="H475551" s="12"/>
    </row>
    <row r="475552" spans="8:8">
      <c r="H475552" s="12"/>
    </row>
    <row r="475553" spans="8:8">
      <c r="H475553" s="12"/>
    </row>
    <row r="475554" spans="8:8">
      <c r="H475554" s="12"/>
    </row>
    <row r="475555" spans="8:8">
      <c r="H475555" s="12"/>
    </row>
    <row r="475556" spans="8:8">
      <c r="H475556" s="12"/>
    </row>
    <row r="475557" spans="8:8">
      <c r="H475557" s="12"/>
    </row>
    <row r="475558" spans="8:8">
      <c r="H475558" s="12"/>
    </row>
    <row r="475559" spans="8:8">
      <c r="H475559" s="12"/>
    </row>
    <row r="475560" spans="8:8">
      <c r="H475560" s="12"/>
    </row>
    <row r="475561" spans="8:8">
      <c r="H475561" s="12"/>
    </row>
    <row r="475562" spans="8:8">
      <c r="H475562" s="12"/>
    </row>
    <row r="475563" spans="8:8">
      <c r="H475563" s="12"/>
    </row>
    <row r="475564" spans="8:8">
      <c r="H475564" s="12"/>
    </row>
    <row r="475565" spans="8:8">
      <c r="H475565" s="12"/>
    </row>
    <row r="475566" spans="8:8">
      <c r="H475566" s="12"/>
    </row>
    <row r="475567" spans="8:8">
      <c r="H475567" s="12"/>
    </row>
    <row r="475568" spans="8:8">
      <c r="H475568" s="12"/>
    </row>
    <row r="475569" spans="8:8">
      <c r="H475569" s="12"/>
    </row>
    <row r="475570" spans="8:8">
      <c r="H475570" s="12"/>
    </row>
    <row r="475571" spans="8:8">
      <c r="H475571" s="12"/>
    </row>
    <row r="475572" spans="8:8">
      <c r="H475572" s="12"/>
    </row>
    <row r="475573" spans="8:8">
      <c r="H475573" s="12"/>
    </row>
    <row r="475574" spans="8:8">
      <c r="H475574" s="12"/>
    </row>
    <row r="475575" spans="8:8">
      <c r="H475575" s="12"/>
    </row>
    <row r="475576" spans="8:8">
      <c r="H475576" s="12"/>
    </row>
    <row r="475577" spans="8:8">
      <c r="H475577" s="12"/>
    </row>
    <row r="475578" spans="8:8">
      <c r="H475578" s="12"/>
    </row>
    <row r="475579" spans="8:8">
      <c r="H475579" s="12"/>
    </row>
    <row r="475580" spans="8:8">
      <c r="H475580" s="12"/>
    </row>
    <row r="475581" spans="8:8">
      <c r="H475581" s="12"/>
    </row>
    <row r="475582" spans="8:8">
      <c r="H475582" s="12"/>
    </row>
    <row r="475583" spans="8:8">
      <c r="H475583" s="12"/>
    </row>
    <row r="475584" spans="8:8">
      <c r="H475584" s="12"/>
    </row>
    <row r="475585" spans="8:8">
      <c r="H475585" s="12"/>
    </row>
    <row r="475586" spans="8:8">
      <c r="H475586" s="12"/>
    </row>
    <row r="475587" spans="8:8">
      <c r="H475587" s="12"/>
    </row>
    <row r="475588" spans="8:8">
      <c r="H475588" s="12"/>
    </row>
    <row r="475589" spans="8:8">
      <c r="H475589" s="12"/>
    </row>
    <row r="475590" spans="8:8">
      <c r="H475590" s="12"/>
    </row>
    <row r="475591" spans="8:8">
      <c r="H475591" s="12"/>
    </row>
    <row r="475592" spans="8:8">
      <c r="H475592" s="12"/>
    </row>
    <row r="475593" spans="8:8">
      <c r="H475593" s="12"/>
    </row>
    <row r="475594" spans="8:8">
      <c r="H475594" s="12"/>
    </row>
    <row r="475595" spans="8:8">
      <c r="H475595" s="12"/>
    </row>
    <row r="475596" spans="8:8">
      <c r="H475596" s="12"/>
    </row>
    <row r="475597" spans="8:8">
      <c r="H475597" s="12"/>
    </row>
    <row r="475598" spans="8:8">
      <c r="H475598" s="12"/>
    </row>
    <row r="475599" spans="8:8">
      <c r="H475599" s="12"/>
    </row>
    <row r="475600" spans="8:8">
      <c r="H475600" s="12"/>
    </row>
    <row r="475601" spans="8:8">
      <c r="H475601" s="12"/>
    </row>
    <row r="475602" spans="8:8">
      <c r="H475602" s="12"/>
    </row>
    <row r="475603" spans="8:8">
      <c r="H475603" s="12"/>
    </row>
    <row r="475604" spans="8:8">
      <c r="H475604" s="12"/>
    </row>
    <row r="475605" spans="8:8">
      <c r="H475605" s="12"/>
    </row>
    <row r="475606" spans="8:8">
      <c r="H475606" s="12"/>
    </row>
    <row r="475607" spans="8:8">
      <c r="H475607" s="12"/>
    </row>
    <row r="475608" spans="8:8">
      <c r="H475608" s="12"/>
    </row>
    <row r="475609" spans="8:8">
      <c r="H475609" s="12"/>
    </row>
    <row r="475610" spans="8:8">
      <c r="H475610" s="12"/>
    </row>
    <row r="475611" spans="8:8">
      <c r="H475611" s="12"/>
    </row>
    <row r="475612" spans="8:8">
      <c r="H475612" s="12"/>
    </row>
    <row r="475613" spans="8:8">
      <c r="H475613" s="12"/>
    </row>
    <row r="475614" spans="8:8">
      <c r="H475614" s="12"/>
    </row>
    <row r="475615" spans="8:8">
      <c r="H475615" s="12"/>
    </row>
    <row r="475616" spans="8:8">
      <c r="H475616" s="12"/>
    </row>
    <row r="475617" spans="8:8">
      <c r="H475617" s="12"/>
    </row>
    <row r="475618" spans="8:8">
      <c r="H475618" s="12"/>
    </row>
    <row r="475619" spans="8:8">
      <c r="H475619" s="12"/>
    </row>
    <row r="475620" spans="8:8">
      <c r="H475620" s="12"/>
    </row>
    <row r="475621" spans="8:8">
      <c r="H475621" s="12"/>
    </row>
    <row r="475622" spans="8:8">
      <c r="H475622" s="12"/>
    </row>
    <row r="475623" spans="8:8">
      <c r="H475623" s="12"/>
    </row>
    <row r="475624" spans="8:8">
      <c r="H475624" s="12"/>
    </row>
    <row r="475625" spans="8:8">
      <c r="H475625" s="12"/>
    </row>
    <row r="475626" spans="8:8">
      <c r="H475626" s="12"/>
    </row>
    <row r="475627" spans="8:8">
      <c r="H475627" s="12"/>
    </row>
    <row r="475628" spans="8:8">
      <c r="H475628" s="12"/>
    </row>
    <row r="475629" spans="8:8">
      <c r="H475629" s="12"/>
    </row>
    <row r="475630" spans="8:8">
      <c r="H475630" s="12"/>
    </row>
    <row r="475631" spans="8:8">
      <c r="H475631" s="12"/>
    </row>
    <row r="475632" spans="8:8">
      <c r="H475632" s="12"/>
    </row>
    <row r="475633" spans="8:8">
      <c r="H475633" s="12"/>
    </row>
    <row r="475634" spans="8:8">
      <c r="H475634" s="12"/>
    </row>
    <row r="475635" spans="8:8">
      <c r="H475635" s="12"/>
    </row>
    <row r="475636" spans="8:8">
      <c r="H475636" s="12"/>
    </row>
    <row r="475637" spans="8:8">
      <c r="H475637" s="12"/>
    </row>
    <row r="475638" spans="8:8">
      <c r="H475638" s="12"/>
    </row>
    <row r="475639" spans="8:8">
      <c r="H475639" s="12"/>
    </row>
    <row r="475640" spans="8:8">
      <c r="H475640" s="12"/>
    </row>
    <row r="475641" spans="8:8">
      <c r="H475641" s="12"/>
    </row>
    <row r="475642" spans="8:8">
      <c r="H475642" s="12"/>
    </row>
    <row r="475643" spans="8:8">
      <c r="H475643" s="12"/>
    </row>
    <row r="475644" spans="8:8">
      <c r="H475644" s="12"/>
    </row>
    <row r="475645" spans="8:8">
      <c r="H475645" s="12"/>
    </row>
    <row r="475646" spans="8:8">
      <c r="H475646" s="12"/>
    </row>
    <row r="475647" spans="8:8">
      <c r="H475647" s="12"/>
    </row>
    <row r="475648" spans="8:8">
      <c r="H475648" s="12"/>
    </row>
    <row r="475649" spans="8:8">
      <c r="H475649" s="12"/>
    </row>
    <row r="475650" spans="8:8">
      <c r="H475650" s="12"/>
    </row>
    <row r="475651" spans="8:8">
      <c r="H475651" s="12"/>
    </row>
    <row r="475652" spans="8:8">
      <c r="H475652" s="12"/>
    </row>
    <row r="475653" spans="8:8">
      <c r="H475653" s="12"/>
    </row>
    <row r="475654" spans="8:8">
      <c r="H475654" s="12"/>
    </row>
    <row r="475655" spans="8:8">
      <c r="H475655" s="12"/>
    </row>
    <row r="475656" spans="8:8">
      <c r="H475656" s="12"/>
    </row>
    <row r="475657" spans="8:8">
      <c r="H475657" s="12"/>
    </row>
    <row r="475658" spans="8:8">
      <c r="H475658" s="12"/>
    </row>
    <row r="475659" spans="8:8">
      <c r="H475659" s="12"/>
    </row>
    <row r="475660" spans="8:8">
      <c r="H475660" s="12"/>
    </row>
    <row r="475661" spans="8:8">
      <c r="H475661" s="12"/>
    </row>
    <row r="475662" spans="8:8">
      <c r="H475662" s="12"/>
    </row>
    <row r="475663" spans="8:8">
      <c r="H475663" s="12"/>
    </row>
    <row r="475664" spans="8:8">
      <c r="H475664" s="12"/>
    </row>
    <row r="475665" spans="8:8">
      <c r="H475665" s="12"/>
    </row>
    <row r="475666" spans="8:8">
      <c r="H475666" s="12"/>
    </row>
    <row r="475667" spans="8:8">
      <c r="H475667" s="12"/>
    </row>
    <row r="475668" spans="8:8">
      <c r="H475668" s="12"/>
    </row>
    <row r="475669" spans="8:8">
      <c r="H475669" s="12"/>
    </row>
    <row r="475670" spans="8:8">
      <c r="H475670" s="12"/>
    </row>
    <row r="475671" spans="8:8">
      <c r="H475671" s="12"/>
    </row>
    <row r="475672" spans="8:8">
      <c r="H475672" s="12"/>
    </row>
    <row r="475673" spans="8:8">
      <c r="H475673" s="12"/>
    </row>
    <row r="475674" spans="8:8">
      <c r="H475674" s="12"/>
    </row>
    <row r="475675" spans="8:8">
      <c r="H475675" s="12"/>
    </row>
    <row r="475676" spans="8:8">
      <c r="H475676" s="12"/>
    </row>
    <row r="475677" spans="8:8">
      <c r="H475677" s="12"/>
    </row>
    <row r="475678" spans="8:8">
      <c r="H475678" s="12"/>
    </row>
    <row r="475679" spans="8:8">
      <c r="H475679" s="12"/>
    </row>
    <row r="475680" spans="8:8">
      <c r="H475680" s="12"/>
    </row>
    <row r="475681" spans="8:8">
      <c r="H475681" s="12"/>
    </row>
    <row r="475682" spans="8:8">
      <c r="H475682" s="12"/>
    </row>
    <row r="475683" spans="8:8">
      <c r="H475683" s="12"/>
    </row>
    <row r="475684" spans="8:8">
      <c r="H475684" s="12"/>
    </row>
    <row r="475685" spans="8:8">
      <c r="H475685" s="12"/>
    </row>
    <row r="475686" spans="8:8">
      <c r="H475686" s="12"/>
    </row>
    <row r="475687" spans="8:8">
      <c r="H475687" s="12"/>
    </row>
    <row r="475688" spans="8:8">
      <c r="H475688" s="12"/>
    </row>
    <row r="475689" spans="8:8">
      <c r="H475689" s="12"/>
    </row>
    <row r="475690" spans="8:8">
      <c r="H475690" s="12"/>
    </row>
    <row r="475691" spans="8:8">
      <c r="H475691" s="12"/>
    </row>
    <row r="475692" spans="8:8">
      <c r="H475692" s="12"/>
    </row>
    <row r="475693" spans="8:8">
      <c r="H475693" s="12"/>
    </row>
    <row r="475694" spans="8:8">
      <c r="H475694" s="12"/>
    </row>
    <row r="475695" spans="8:8">
      <c r="H475695" s="12"/>
    </row>
    <row r="475696" spans="8:8">
      <c r="H475696" s="12"/>
    </row>
    <row r="475697" spans="8:8">
      <c r="H475697" s="12"/>
    </row>
    <row r="475698" spans="8:8">
      <c r="H475698" s="12"/>
    </row>
    <row r="475699" spans="8:8">
      <c r="H475699" s="12"/>
    </row>
    <row r="475700" spans="8:8">
      <c r="H475700" s="12"/>
    </row>
    <row r="475701" spans="8:8">
      <c r="H475701" s="12"/>
    </row>
    <row r="475702" spans="8:8">
      <c r="H475702" s="12"/>
    </row>
    <row r="475703" spans="8:8">
      <c r="H475703" s="12"/>
    </row>
    <row r="475704" spans="8:8">
      <c r="H475704" s="12"/>
    </row>
    <row r="475705" spans="8:8">
      <c r="H475705" s="12"/>
    </row>
    <row r="475706" spans="8:8">
      <c r="H475706" s="12"/>
    </row>
    <row r="475707" spans="8:8">
      <c r="H475707" s="12"/>
    </row>
    <row r="475708" spans="8:8">
      <c r="H475708" s="12"/>
    </row>
    <row r="475709" spans="8:8">
      <c r="H475709" s="12"/>
    </row>
    <row r="475710" spans="8:8">
      <c r="H475710" s="12"/>
    </row>
    <row r="475711" spans="8:8">
      <c r="H475711" s="12"/>
    </row>
    <row r="475712" spans="8:8">
      <c r="H475712" s="12"/>
    </row>
    <row r="475713" spans="8:8">
      <c r="H475713" s="12"/>
    </row>
    <row r="475714" spans="8:8">
      <c r="H475714" s="12"/>
    </row>
    <row r="475715" spans="8:8">
      <c r="H475715" s="12"/>
    </row>
    <row r="475716" spans="8:8">
      <c r="H475716" s="12"/>
    </row>
    <row r="475717" spans="8:8">
      <c r="H475717" s="12"/>
    </row>
    <row r="475718" spans="8:8">
      <c r="H475718" s="12"/>
    </row>
    <row r="475719" spans="8:8">
      <c r="H475719" s="12"/>
    </row>
    <row r="475720" spans="8:8">
      <c r="H475720" s="12"/>
    </row>
    <row r="475721" spans="8:8">
      <c r="H475721" s="12"/>
    </row>
    <row r="475722" spans="8:8">
      <c r="H475722" s="12"/>
    </row>
    <row r="475723" spans="8:8">
      <c r="H475723" s="12"/>
    </row>
    <row r="475724" spans="8:8">
      <c r="H475724" s="12"/>
    </row>
    <row r="475725" spans="8:8">
      <c r="H475725" s="12"/>
    </row>
    <row r="475726" spans="8:8">
      <c r="H475726" s="12"/>
    </row>
    <row r="475727" spans="8:8">
      <c r="H475727" s="12"/>
    </row>
    <row r="475728" spans="8:8">
      <c r="H475728" s="12"/>
    </row>
    <row r="475729" spans="8:8">
      <c r="H475729" s="12"/>
    </row>
    <row r="475730" spans="8:8">
      <c r="H475730" s="12"/>
    </row>
    <row r="475731" spans="8:8">
      <c r="H475731" s="12"/>
    </row>
    <row r="475732" spans="8:8">
      <c r="H475732" s="12"/>
    </row>
    <row r="475733" spans="8:8">
      <c r="H475733" s="12"/>
    </row>
    <row r="475734" spans="8:8">
      <c r="H475734" s="12"/>
    </row>
    <row r="475735" spans="8:8">
      <c r="H475735" s="12"/>
    </row>
    <row r="475736" spans="8:8">
      <c r="H475736" s="12"/>
    </row>
    <row r="475737" spans="8:8">
      <c r="H475737" s="12"/>
    </row>
    <row r="475738" spans="8:8">
      <c r="H475738" s="12"/>
    </row>
    <row r="475739" spans="8:8">
      <c r="H475739" s="12"/>
    </row>
    <row r="475740" spans="8:8">
      <c r="H475740" s="12"/>
    </row>
    <row r="475741" spans="8:8">
      <c r="H475741" s="12"/>
    </row>
    <row r="475742" spans="8:8">
      <c r="H475742" s="12"/>
    </row>
    <row r="475743" spans="8:8">
      <c r="H475743" s="12"/>
    </row>
    <row r="475744" spans="8:8">
      <c r="H475744" s="12"/>
    </row>
    <row r="475745" spans="8:8">
      <c r="H475745" s="12"/>
    </row>
    <row r="475746" spans="8:8">
      <c r="H475746" s="12"/>
    </row>
    <row r="475747" spans="8:8">
      <c r="H475747" s="12"/>
    </row>
    <row r="475748" spans="8:8">
      <c r="H475748" s="12"/>
    </row>
    <row r="475749" spans="8:8">
      <c r="H475749" s="12"/>
    </row>
    <row r="475750" spans="8:8">
      <c r="H475750" s="12"/>
    </row>
    <row r="475751" spans="8:8">
      <c r="H475751" s="12"/>
    </row>
    <row r="475752" spans="8:8">
      <c r="H475752" s="12"/>
    </row>
    <row r="475753" spans="8:8">
      <c r="H475753" s="12"/>
    </row>
    <row r="475754" spans="8:8">
      <c r="H475754" s="12"/>
    </row>
    <row r="475755" spans="8:8">
      <c r="H475755" s="12"/>
    </row>
    <row r="475756" spans="8:8">
      <c r="H475756" s="12"/>
    </row>
    <row r="475757" spans="8:8">
      <c r="H475757" s="12"/>
    </row>
    <row r="475758" spans="8:8">
      <c r="H475758" s="12"/>
    </row>
    <row r="475759" spans="8:8">
      <c r="H475759" s="12"/>
    </row>
    <row r="475760" spans="8:8">
      <c r="H475760" s="12"/>
    </row>
    <row r="475761" spans="8:8">
      <c r="H475761" s="12"/>
    </row>
    <row r="475762" spans="8:8">
      <c r="H475762" s="12"/>
    </row>
    <row r="475763" spans="8:8">
      <c r="H475763" s="12"/>
    </row>
    <row r="475764" spans="8:8">
      <c r="H475764" s="12"/>
    </row>
    <row r="475765" spans="8:8">
      <c r="H475765" s="12"/>
    </row>
    <row r="475766" spans="8:8">
      <c r="H475766" s="12"/>
    </row>
    <row r="475767" spans="8:8">
      <c r="H475767" s="12"/>
    </row>
    <row r="475768" spans="8:8">
      <c r="H475768" s="12"/>
    </row>
    <row r="475769" spans="8:8">
      <c r="H475769" s="12"/>
    </row>
    <row r="475770" spans="8:8">
      <c r="H475770" s="12"/>
    </row>
    <row r="475771" spans="8:8">
      <c r="H475771" s="12"/>
    </row>
    <row r="475772" spans="8:8">
      <c r="H475772" s="12"/>
    </row>
    <row r="475773" spans="8:8">
      <c r="H475773" s="12"/>
    </row>
    <row r="475774" spans="8:8">
      <c r="H475774" s="12"/>
    </row>
    <row r="475775" spans="8:8">
      <c r="H475775" s="12"/>
    </row>
    <row r="475776" spans="8:8">
      <c r="H475776" s="12"/>
    </row>
    <row r="475777" spans="8:8">
      <c r="H475777" s="12"/>
    </row>
    <row r="475778" spans="8:8">
      <c r="H475778" s="12"/>
    </row>
    <row r="475779" spans="8:8">
      <c r="H475779" s="12"/>
    </row>
    <row r="475780" spans="8:8">
      <c r="H475780" s="12"/>
    </row>
    <row r="475781" spans="8:8">
      <c r="H475781" s="12"/>
    </row>
    <row r="475782" spans="8:8">
      <c r="H475782" s="12"/>
    </row>
    <row r="475783" spans="8:8">
      <c r="H475783" s="12"/>
    </row>
    <row r="475784" spans="8:8">
      <c r="H475784" s="12"/>
    </row>
    <row r="475785" spans="8:8">
      <c r="H475785" s="12"/>
    </row>
    <row r="475786" spans="8:8">
      <c r="H475786" s="12"/>
    </row>
    <row r="475787" spans="8:8">
      <c r="H475787" s="12"/>
    </row>
    <row r="475788" spans="8:8">
      <c r="H475788" s="12"/>
    </row>
    <row r="475789" spans="8:8">
      <c r="H475789" s="12"/>
    </row>
    <row r="475790" spans="8:8">
      <c r="H475790" s="12"/>
    </row>
    <row r="475791" spans="8:8">
      <c r="H475791" s="12"/>
    </row>
    <row r="475792" spans="8:8">
      <c r="H475792" s="12"/>
    </row>
    <row r="475793" spans="8:8">
      <c r="H475793" s="12"/>
    </row>
    <row r="475794" spans="8:8">
      <c r="H475794" s="12"/>
    </row>
    <row r="475795" spans="8:8">
      <c r="H475795" s="12"/>
    </row>
    <row r="475796" spans="8:8">
      <c r="H475796" s="12"/>
    </row>
    <row r="475797" spans="8:8">
      <c r="H475797" s="12"/>
    </row>
    <row r="475798" spans="8:8">
      <c r="H475798" s="12"/>
    </row>
    <row r="475799" spans="8:8">
      <c r="H475799" s="12"/>
    </row>
    <row r="475800" spans="8:8">
      <c r="H475800" s="12"/>
    </row>
    <row r="475801" spans="8:8">
      <c r="H475801" s="12"/>
    </row>
    <row r="475802" spans="8:8">
      <c r="H475802" s="12"/>
    </row>
    <row r="475803" spans="8:8">
      <c r="H475803" s="12"/>
    </row>
    <row r="475804" spans="8:8">
      <c r="H475804" s="12"/>
    </row>
    <row r="475805" spans="8:8">
      <c r="H475805" s="12"/>
    </row>
    <row r="475806" spans="8:8">
      <c r="H475806" s="12"/>
    </row>
    <row r="475807" spans="8:8">
      <c r="H475807" s="12"/>
    </row>
    <row r="475808" spans="8:8">
      <c r="H475808" s="12"/>
    </row>
    <row r="475809" spans="8:8">
      <c r="H475809" s="12"/>
    </row>
    <row r="475810" spans="8:8">
      <c r="H475810" s="12"/>
    </row>
    <row r="475811" spans="8:8">
      <c r="H475811" s="12"/>
    </row>
    <row r="475812" spans="8:8">
      <c r="H475812" s="12"/>
    </row>
    <row r="475813" spans="8:8">
      <c r="H475813" s="12"/>
    </row>
    <row r="475814" spans="8:8">
      <c r="H475814" s="12"/>
    </row>
    <row r="475815" spans="8:8">
      <c r="H475815" s="12"/>
    </row>
    <row r="475816" spans="8:8">
      <c r="H475816" s="12"/>
    </row>
    <row r="475817" spans="8:8">
      <c r="H475817" s="12"/>
    </row>
    <row r="475818" spans="8:8">
      <c r="H475818" s="12"/>
    </row>
    <row r="475819" spans="8:8">
      <c r="H475819" s="12"/>
    </row>
    <row r="475820" spans="8:8">
      <c r="H475820" s="12"/>
    </row>
    <row r="475821" spans="8:8">
      <c r="H475821" s="12"/>
    </row>
    <row r="475822" spans="8:8">
      <c r="H475822" s="12"/>
    </row>
    <row r="475823" spans="8:8">
      <c r="H475823" s="12"/>
    </row>
    <row r="475824" spans="8:8">
      <c r="H475824" s="12"/>
    </row>
    <row r="475825" spans="8:8">
      <c r="H475825" s="12"/>
    </row>
    <row r="475826" spans="8:8">
      <c r="H475826" s="12"/>
    </row>
    <row r="475827" spans="8:8">
      <c r="H475827" s="12"/>
    </row>
    <row r="475828" spans="8:8">
      <c r="H475828" s="12"/>
    </row>
    <row r="475829" spans="8:8">
      <c r="H475829" s="12"/>
    </row>
    <row r="475830" spans="8:8">
      <c r="H475830" s="12"/>
    </row>
    <row r="475831" spans="8:8">
      <c r="H475831" s="12"/>
    </row>
    <row r="475832" spans="8:8">
      <c r="H475832" s="12"/>
    </row>
    <row r="475833" spans="8:8">
      <c r="H475833" s="12"/>
    </row>
    <row r="475834" spans="8:8">
      <c r="H475834" s="12"/>
    </row>
    <row r="475835" spans="8:8">
      <c r="H475835" s="12"/>
    </row>
    <row r="475836" spans="8:8">
      <c r="H475836" s="12"/>
    </row>
    <row r="475837" spans="8:8">
      <c r="H475837" s="12"/>
    </row>
    <row r="475838" spans="8:8">
      <c r="H475838" s="12"/>
    </row>
    <row r="475839" spans="8:8">
      <c r="H475839" s="12"/>
    </row>
    <row r="475840" spans="8:8">
      <c r="H475840" s="12"/>
    </row>
    <row r="475841" spans="8:8">
      <c r="H475841" s="12"/>
    </row>
    <row r="475842" spans="8:8">
      <c r="H475842" s="12"/>
    </row>
    <row r="475843" spans="8:8">
      <c r="H475843" s="12"/>
    </row>
    <row r="475844" spans="8:8">
      <c r="H475844" s="12"/>
    </row>
    <row r="475845" spans="8:8">
      <c r="H475845" s="12"/>
    </row>
    <row r="475846" spans="8:8">
      <c r="H475846" s="12"/>
    </row>
    <row r="475847" spans="8:8">
      <c r="H475847" s="12"/>
    </row>
    <row r="475848" spans="8:8">
      <c r="H475848" s="12"/>
    </row>
    <row r="475849" spans="8:8">
      <c r="H475849" s="12"/>
    </row>
    <row r="475850" spans="8:8">
      <c r="H475850" s="12"/>
    </row>
    <row r="475851" spans="8:8">
      <c r="H475851" s="12"/>
    </row>
    <row r="475852" spans="8:8">
      <c r="H475852" s="12"/>
    </row>
    <row r="475853" spans="8:8">
      <c r="H475853" s="12"/>
    </row>
    <row r="475854" spans="8:8">
      <c r="H475854" s="12"/>
    </row>
    <row r="475855" spans="8:8">
      <c r="H475855" s="12"/>
    </row>
    <row r="475856" spans="8:8">
      <c r="H475856" s="12"/>
    </row>
    <row r="475857" spans="8:8">
      <c r="H475857" s="12"/>
    </row>
    <row r="475858" spans="8:8">
      <c r="H475858" s="12"/>
    </row>
    <row r="475859" spans="8:8">
      <c r="H475859" s="12"/>
    </row>
    <row r="475860" spans="8:8">
      <c r="H475860" s="12"/>
    </row>
    <row r="475861" spans="8:8">
      <c r="H475861" s="12"/>
    </row>
    <row r="475862" spans="8:8">
      <c r="H475862" s="12"/>
    </row>
    <row r="475863" spans="8:8">
      <c r="H475863" s="12"/>
    </row>
    <row r="475864" spans="8:8">
      <c r="H475864" s="12"/>
    </row>
    <row r="475865" spans="8:8">
      <c r="H475865" s="12"/>
    </row>
    <row r="475866" spans="8:8">
      <c r="H475866" s="12"/>
    </row>
    <row r="475867" spans="8:8">
      <c r="H475867" s="12"/>
    </row>
    <row r="475868" spans="8:8">
      <c r="H475868" s="12"/>
    </row>
    <row r="475869" spans="8:8">
      <c r="H475869" s="12"/>
    </row>
    <row r="475870" spans="8:8">
      <c r="H475870" s="12"/>
    </row>
    <row r="475871" spans="8:8">
      <c r="H475871" s="12"/>
    </row>
    <row r="475872" spans="8:8">
      <c r="H475872" s="12"/>
    </row>
    <row r="475873" spans="8:8">
      <c r="H475873" s="12"/>
    </row>
    <row r="475874" spans="8:8">
      <c r="H475874" s="12"/>
    </row>
    <row r="475875" spans="8:8">
      <c r="H475875" s="12"/>
    </row>
    <row r="475876" spans="8:8">
      <c r="H475876" s="12"/>
    </row>
    <row r="475877" spans="8:8">
      <c r="H475877" s="12"/>
    </row>
    <row r="475878" spans="8:8">
      <c r="H475878" s="12"/>
    </row>
    <row r="475879" spans="8:8">
      <c r="H475879" s="12"/>
    </row>
    <row r="475880" spans="8:8">
      <c r="H475880" s="12"/>
    </row>
    <row r="475881" spans="8:8">
      <c r="H475881" s="12"/>
    </row>
    <row r="475882" spans="8:8">
      <c r="H475882" s="12"/>
    </row>
    <row r="475883" spans="8:8">
      <c r="H475883" s="12"/>
    </row>
    <row r="475884" spans="8:8">
      <c r="H475884" s="12"/>
    </row>
    <row r="475885" spans="8:8">
      <c r="H475885" s="12"/>
    </row>
    <row r="475886" spans="8:8">
      <c r="H475886" s="12"/>
    </row>
    <row r="475887" spans="8:8">
      <c r="H475887" s="12"/>
    </row>
    <row r="475888" spans="8:8">
      <c r="H475888" s="12"/>
    </row>
    <row r="475889" spans="8:8">
      <c r="H475889" s="12"/>
    </row>
    <row r="475890" spans="8:8">
      <c r="H475890" s="12"/>
    </row>
    <row r="475891" spans="8:8">
      <c r="H475891" s="12"/>
    </row>
    <row r="475892" spans="8:8">
      <c r="H475892" s="12"/>
    </row>
    <row r="475893" spans="8:8">
      <c r="H475893" s="12"/>
    </row>
    <row r="475894" spans="8:8">
      <c r="H475894" s="12"/>
    </row>
    <row r="475895" spans="8:8">
      <c r="H475895" s="12"/>
    </row>
    <row r="475896" spans="8:8">
      <c r="H475896" s="12"/>
    </row>
    <row r="475897" spans="8:8">
      <c r="H475897" s="12"/>
    </row>
    <row r="475898" spans="8:8">
      <c r="H475898" s="12"/>
    </row>
    <row r="475899" spans="8:8">
      <c r="H475899" s="12"/>
    </row>
    <row r="475900" spans="8:8">
      <c r="H475900" s="12"/>
    </row>
    <row r="475901" spans="8:8">
      <c r="H475901" s="12"/>
    </row>
    <row r="475902" spans="8:8">
      <c r="H475902" s="12"/>
    </row>
    <row r="475903" spans="8:8">
      <c r="H475903" s="12"/>
    </row>
    <row r="475904" spans="8:8">
      <c r="H475904" s="12"/>
    </row>
    <row r="475905" spans="8:8">
      <c r="H475905" s="12"/>
    </row>
    <row r="475906" spans="8:8">
      <c r="H475906" s="12"/>
    </row>
    <row r="475907" spans="8:8">
      <c r="H475907" s="12"/>
    </row>
    <row r="475908" spans="8:8">
      <c r="H475908" s="12"/>
    </row>
    <row r="475909" spans="8:8">
      <c r="H475909" s="12"/>
    </row>
    <row r="475910" spans="8:8">
      <c r="H475910" s="12"/>
    </row>
    <row r="475911" spans="8:8">
      <c r="H475911" s="12"/>
    </row>
    <row r="475912" spans="8:8">
      <c r="H475912" s="12"/>
    </row>
    <row r="475913" spans="8:8">
      <c r="H475913" s="12"/>
    </row>
    <row r="475914" spans="8:8">
      <c r="H475914" s="12"/>
    </row>
    <row r="475915" spans="8:8">
      <c r="H475915" s="12"/>
    </row>
    <row r="475916" spans="8:8">
      <c r="H475916" s="12"/>
    </row>
    <row r="475917" spans="8:8">
      <c r="H475917" s="12"/>
    </row>
    <row r="475918" spans="8:8">
      <c r="H475918" s="12"/>
    </row>
    <row r="475919" spans="8:8">
      <c r="H475919" s="12"/>
    </row>
    <row r="475920" spans="8:8">
      <c r="H475920" s="12"/>
    </row>
    <row r="475921" spans="8:8">
      <c r="H475921" s="12"/>
    </row>
    <row r="475922" spans="8:8">
      <c r="H475922" s="12"/>
    </row>
    <row r="475923" spans="8:8">
      <c r="H475923" s="12"/>
    </row>
    <row r="475924" spans="8:8">
      <c r="H475924" s="12"/>
    </row>
    <row r="475925" spans="8:8">
      <c r="H475925" s="12"/>
    </row>
    <row r="475926" spans="8:8">
      <c r="H475926" s="12"/>
    </row>
    <row r="475927" spans="8:8">
      <c r="H475927" s="12"/>
    </row>
    <row r="475928" spans="8:8">
      <c r="H475928" s="12"/>
    </row>
    <row r="475929" spans="8:8">
      <c r="H475929" s="12"/>
    </row>
    <row r="475930" spans="8:8">
      <c r="H475930" s="12"/>
    </row>
    <row r="475931" spans="8:8">
      <c r="H475931" s="12"/>
    </row>
    <row r="475932" spans="8:8">
      <c r="H475932" s="12"/>
    </row>
    <row r="475933" spans="8:8">
      <c r="H475933" s="12"/>
    </row>
    <row r="475934" spans="8:8">
      <c r="H475934" s="12"/>
    </row>
    <row r="475935" spans="8:8">
      <c r="H475935" s="12"/>
    </row>
    <row r="475936" spans="8:8">
      <c r="H475936" s="12"/>
    </row>
    <row r="475937" spans="8:8">
      <c r="H475937" s="12"/>
    </row>
    <row r="475938" spans="8:8">
      <c r="H475938" s="12"/>
    </row>
    <row r="475939" spans="8:8">
      <c r="H475939" s="12"/>
    </row>
    <row r="475940" spans="8:8">
      <c r="H475940" s="12"/>
    </row>
    <row r="475941" spans="8:8">
      <c r="H475941" s="12"/>
    </row>
    <row r="475942" spans="8:8">
      <c r="H475942" s="12"/>
    </row>
    <row r="475943" spans="8:8">
      <c r="H475943" s="12"/>
    </row>
    <row r="475944" spans="8:8">
      <c r="H475944" s="12"/>
    </row>
    <row r="475945" spans="8:8">
      <c r="H475945" s="12"/>
    </row>
    <row r="475946" spans="8:8">
      <c r="H475946" s="12"/>
    </row>
    <row r="475947" spans="8:8">
      <c r="H475947" s="12"/>
    </row>
    <row r="475948" spans="8:8">
      <c r="H475948" s="12"/>
    </row>
    <row r="475949" spans="8:8">
      <c r="H475949" s="12"/>
    </row>
    <row r="475950" spans="8:8">
      <c r="H475950" s="12"/>
    </row>
    <row r="475951" spans="8:8">
      <c r="H475951" s="12"/>
    </row>
    <row r="475952" spans="8:8">
      <c r="H475952" s="12"/>
    </row>
    <row r="475953" spans="8:8">
      <c r="H475953" s="12"/>
    </row>
    <row r="475954" spans="8:8">
      <c r="H475954" s="12"/>
    </row>
    <row r="475955" spans="8:8">
      <c r="H475955" s="12"/>
    </row>
    <row r="475956" spans="8:8">
      <c r="H475956" s="12"/>
    </row>
    <row r="475957" spans="8:8">
      <c r="H475957" s="12"/>
    </row>
    <row r="475958" spans="8:8">
      <c r="H475958" s="12"/>
    </row>
    <row r="475959" spans="8:8">
      <c r="H475959" s="12"/>
    </row>
    <row r="475960" spans="8:8">
      <c r="H475960" s="12"/>
    </row>
    <row r="475961" spans="8:8">
      <c r="H475961" s="12"/>
    </row>
    <row r="475962" spans="8:8">
      <c r="H475962" s="12"/>
    </row>
    <row r="475963" spans="8:8">
      <c r="H475963" s="12"/>
    </row>
    <row r="475964" spans="8:8">
      <c r="H475964" s="12"/>
    </row>
    <row r="475965" spans="8:8">
      <c r="H475965" s="12"/>
    </row>
    <row r="475966" spans="8:8">
      <c r="H475966" s="12"/>
    </row>
    <row r="475967" spans="8:8">
      <c r="H475967" s="12"/>
    </row>
    <row r="475968" spans="8:8">
      <c r="H475968" s="12"/>
    </row>
    <row r="475969" spans="8:8">
      <c r="H475969" s="12"/>
    </row>
    <row r="475970" spans="8:8">
      <c r="H475970" s="12"/>
    </row>
    <row r="475971" spans="8:8">
      <c r="H475971" s="12"/>
    </row>
    <row r="475972" spans="8:8">
      <c r="H475972" s="12"/>
    </row>
    <row r="475973" spans="8:8">
      <c r="H475973" s="12"/>
    </row>
    <row r="475974" spans="8:8">
      <c r="H475974" s="12"/>
    </row>
    <row r="475975" spans="8:8">
      <c r="H475975" s="12"/>
    </row>
    <row r="475976" spans="8:8">
      <c r="H475976" s="12"/>
    </row>
    <row r="475977" spans="8:8">
      <c r="H475977" s="12"/>
    </row>
    <row r="475978" spans="8:8">
      <c r="H475978" s="12"/>
    </row>
    <row r="475979" spans="8:8">
      <c r="H475979" s="12"/>
    </row>
    <row r="475980" spans="8:8">
      <c r="H475980" s="12"/>
    </row>
    <row r="475981" spans="8:8">
      <c r="H475981" s="12"/>
    </row>
    <row r="475982" spans="8:8">
      <c r="H475982" s="12"/>
    </row>
    <row r="475983" spans="8:8">
      <c r="H475983" s="12"/>
    </row>
    <row r="475984" spans="8:8">
      <c r="H475984" s="12"/>
    </row>
    <row r="475985" spans="8:8">
      <c r="H475985" s="12"/>
    </row>
    <row r="475986" spans="8:8">
      <c r="H475986" s="12"/>
    </row>
    <row r="475987" spans="8:8">
      <c r="H475987" s="12"/>
    </row>
    <row r="475988" spans="8:8">
      <c r="H475988" s="12"/>
    </row>
    <row r="475989" spans="8:8">
      <c r="H475989" s="12"/>
    </row>
    <row r="475990" spans="8:8">
      <c r="H475990" s="12"/>
    </row>
    <row r="475991" spans="8:8">
      <c r="H475991" s="12"/>
    </row>
    <row r="475992" spans="8:8">
      <c r="H475992" s="12"/>
    </row>
    <row r="475993" spans="8:8">
      <c r="H475993" s="12"/>
    </row>
    <row r="475994" spans="8:8">
      <c r="H475994" s="12"/>
    </row>
    <row r="475995" spans="8:8">
      <c r="H475995" s="12"/>
    </row>
    <row r="475996" spans="8:8">
      <c r="H475996" s="12"/>
    </row>
    <row r="475997" spans="8:8">
      <c r="H475997" s="12"/>
    </row>
    <row r="475998" spans="8:8">
      <c r="H475998" s="12"/>
    </row>
    <row r="475999" spans="8:8">
      <c r="H475999" s="12"/>
    </row>
    <row r="476000" spans="8:8">
      <c r="H476000" s="12"/>
    </row>
    <row r="476001" spans="8:8">
      <c r="H476001" s="12"/>
    </row>
    <row r="476002" spans="8:8">
      <c r="H476002" s="12"/>
    </row>
    <row r="476003" spans="8:8">
      <c r="H476003" s="12"/>
    </row>
    <row r="476004" spans="8:8">
      <c r="H476004" s="12"/>
    </row>
    <row r="476005" spans="8:8">
      <c r="H476005" s="12"/>
    </row>
    <row r="476006" spans="8:8">
      <c r="H476006" s="12"/>
    </row>
    <row r="476007" spans="8:8">
      <c r="H476007" s="12"/>
    </row>
    <row r="476008" spans="8:8">
      <c r="H476008" s="12"/>
    </row>
    <row r="476009" spans="8:8">
      <c r="H476009" s="12"/>
    </row>
    <row r="476010" spans="8:8">
      <c r="H476010" s="12"/>
    </row>
    <row r="476011" spans="8:8">
      <c r="H476011" s="12"/>
    </row>
    <row r="476012" spans="8:8">
      <c r="H476012" s="12"/>
    </row>
    <row r="476013" spans="8:8">
      <c r="H476013" s="12"/>
    </row>
    <row r="476014" spans="8:8">
      <c r="H476014" s="12"/>
    </row>
    <row r="476015" spans="8:8">
      <c r="H476015" s="12"/>
    </row>
    <row r="476016" spans="8:8">
      <c r="H476016" s="12"/>
    </row>
    <row r="476017" spans="8:8">
      <c r="H476017" s="12"/>
    </row>
    <row r="476018" spans="8:8">
      <c r="H476018" s="12"/>
    </row>
    <row r="476019" spans="8:8">
      <c r="H476019" s="12"/>
    </row>
    <row r="476020" spans="8:8">
      <c r="H476020" s="12"/>
    </row>
    <row r="476021" spans="8:8">
      <c r="H476021" s="12"/>
    </row>
    <row r="476022" spans="8:8">
      <c r="H476022" s="12"/>
    </row>
    <row r="476023" spans="8:8">
      <c r="H476023" s="12"/>
    </row>
    <row r="476024" spans="8:8">
      <c r="H476024" s="12"/>
    </row>
    <row r="476025" spans="8:8">
      <c r="H476025" s="12"/>
    </row>
    <row r="476026" spans="8:8">
      <c r="H476026" s="12"/>
    </row>
    <row r="476027" spans="8:8">
      <c r="H476027" s="12"/>
    </row>
    <row r="476028" spans="8:8">
      <c r="H476028" s="12"/>
    </row>
    <row r="476029" spans="8:8">
      <c r="H476029" s="12"/>
    </row>
    <row r="476030" spans="8:8">
      <c r="H476030" s="12"/>
    </row>
    <row r="476031" spans="8:8">
      <c r="H476031" s="12"/>
    </row>
    <row r="476032" spans="8:8">
      <c r="H476032" s="12"/>
    </row>
    <row r="476033" spans="8:8">
      <c r="H476033" s="12"/>
    </row>
    <row r="476034" spans="8:8">
      <c r="H476034" s="12"/>
    </row>
    <row r="476035" spans="8:8">
      <c r="H476035" s="12"/>
    </row>
    <row r="476036" spans="8:8">
      <c r="H476036" s="12"/>
    </row>
    <row r="476037" spans="8:8">
      <c r="H476037" s="12"/>
    </row>
    <row r="476038" spans="8:8">
      <c r="H476038" s="12"/>
    </row>
    <row r="476039" spans="8:8">
      <c r="H476039" s="12"/>
    </row>
    <row r="476040" spans="8:8">
      <c r="H476040" s="12"/>
    </row>
    <row r="476041" spans="8:8">
      <c r="H476041" s="12"/>
    </row>
    <row r="476042" spans="8:8">
      <c r="H476042" s="12"/>
    </row>
    <row r="476043" spans="8:8">
      <c r="H476043" s="12"/>
    </row>
    <row r="476044" spans="8:8">
      <c r="H476044" s="12"/>
    </row>
    <row r="476045" spans="8:8">
      <c r="H476045" s="12"/>
    </row>
    <row r="476046" spans="8:8">
      <c r="H476046" s="12"/>
    </row>
    <row r="476047" spans="8:8">
      <c r="H476047" s="12"/>
    </row>
    <row r="476048" spans="8:8">
      <c r="H476048" s="12"/>
    </row>
    <row r="476049" spans="8:8">
      <c r="H476049" s="12"/>
    </row>
    <row r="476050" spans="8:8">
      <c r="H476050" s="12"/>
    </row>
    <row r="476051" spans="8:8">
      <c r="H476051" s="12"/>
    </row>
    <row r="476052" spans="8:8">
      <c r="H476052" s="12"/>
    </row>
    <row r="476053" spans="8:8">
      <c r="H476053" s="12"/>
    </row>
    <row r="476054" spans="8:8">
      <c r="H476054" s="12"/>
    </row>
    <row r="476055" spans="8:8">
      <c r="H476055" s="12"/>
    </row>
    <row r="476056" spans="8:8">
      <c r="H476056" s="12"/>
    </row>
    <row r="476057" spans="8:8">
      <c r="H476057" s="12"/>
    </row>
    <row r="476058" spans="8:8">
      <c r="H476058" s="12"/>
    </row>
    <row r="476059" spans="8:8">
      <c r="H476059" s="12"/>
    </row>
    <row r="476060" spans="8:8">
      <c r="H476060" s="12"/>
    </row>
    <row r="476061" spans="8:8">
      <c r="H476061" s="12"/>
    </row>
    <row r="476062" spans="8:8">
      <c r="H476062" s="12"/>
    </row>
    <row r="476063" spans="8:8">
      <c r="H476063" s="12"/>
    </row>
    <row r="476064" spans="8:8">
      <c r="H476064" s="12"/>
    </row>
    <row r="476065" spans="8:8">
      <c r="H476065" s="12"/>
    </row>
    <row r="476066" spans="8:8">
      <c r="H476066" s="12"/>
    </row>
    <row r="476067" spans="8:8">
      <c r="H476067" s="12"/>
    </row>
    <row r="476068" spans="8:8">
      <c r="H476068" s="12"/>
    </row>
    <row r="476069" spans="8:8">
      <c r="H476069" s="12"/>
    </row>
    <row r="476070" spans="8:8">
      <c r="H476070" s="12"/>
    </row>
    <row r="476071" spans="8:8">
      <c r="H476071" s="12"/>
    </row>
    <row r="476072" spans="8:8">
      <c r="H476072" s="12"/>
    </row>
    <row r="476073" spans="8:8">
      <c r="H476073" s="12"/>
    </row>
    <row r="476074" spans="8:8">
      <c r="H476074" s="12"/>
    </row>
    <row r="476075" spans="8:8">
      <c r="H476075" s="12"/>
    </row>
    <row r="476076" spans="8:8">
      <c r="H476076" s="12"/>
    </row>
    <row r="476077" spans="8:8">
      <c r="H476077" s="12"/>
    </row>
    <row r="476078" spans="8:8">
      <c r="H476078" s="12"/>
    </row>
    <row r="476079" spans="8:8">
      <c r="H476079" s="12"/>
    </row>
    <row r="476080" spans="8:8">
      <c r="H476080" s="12"/>
    </row>
    <row r="476081" spans="8:8">
      <c r="H476081" s="12"/>
    </row>
    <row r="476082" spans="8:8">
      <c r="H476082" s="12"/>
    </row>
    <row r="476083" spans="8:8">
      <c r="H476083" s="12"/>
    </row>
    <row r="476084" spans="8:8">
      <c r="H476084" s="12"/>
    </row>
    <row r="476085" spans="8:8">
      <c r="H476085" s="12"/>
    </row>
    <row r="476086" spans="8:8">
      <c r="H476086" s="12"/>
    </row>
    <row r="476087" spans="8:8">
      <c r="H476087" s="12"/>
    </row>
    <row r="476088" spans="8:8">
      <c r="H476088" s="12"/>
    </row>
    <row r="476089" spans="8:8">
      <c r="H476089" s="12"/>
    </row>
    <row r="476090" spans="8:8">
      <c r="H476090" s="12"/>
    </row>
    <row r="476091" spans="8:8">
      <c r="H476091" s="12"/>
    </row>
    <row r="476092" spans="8:8">
      <c r="H476092" s="12"/>
    </row>
    <row r="476093" spans="8:8">
      <c r="H476093" s="12"/>
    </row>
    <row r="476094" spans="8:8">
      <c r="H476094" s="12"/>
    </row>
    <row r="476095" spans="8:8">
      <c r="H476095" s="12"/>
    </row>
    <row r="476096" spans="8:8">
      <c r="H476096" s="12"/>
    </row>
    <row r="476097" spans="8:8">
      <c r="H476097" s="12"/>
    </row>
    <row r="476098" spans="8:8">
      <c r="H476098" s="12"/>
    </row>
    <row r="476099" spans="8:8">
      <c r="H476099" s="12"/>
    </row>
    <row r="476100" spans="8:8">
      <c r="H476100" s="12"/>
    </row>
    <row r="476101" spans="8:8">
      <c r="H476101" s="12"/>
    </row>
    <row r="476102" spans="8:8">
      <c r="H476102" s="12"/>
    </row>
    <row r="476103" spans="8:8">
      <c r="H476103" s="12"/>
    </row>
    <row r="476104" spans="8:8">
      <c r="H476104" s="12"/>
    </row>
    <row r="476105" spans="8:8">
      <c r="H476105" s="12"/>
    </row>
    <row r="476106" spans="8:8">
      <c r="H476106" s="12"/>
    </row>
    <row r="476107" spans="8:8">
      <c r="H476107" s="12"/>
    </row>
    <row r="476108" spans="8:8">
      <c r="H476108" s="12"/>
    </row>
    <row r="476109" spans="8:8">
      <c r="H476109" s="12"/>
    </row>
    <row r="476110" spans="8:8">
      <c r="H476110" s="12"/>
    </row>
    <row r="476111" spans="8:8">
      <c r="H476111" s="12"/>
    </row>
    <row r="476112" spans="8:8">
      <c r="H476112" s="12"/>
    </row>
    <row r="476113" spans="8:8">
      <c r="H476113" s="12"/>
    </row>
    <row r="476114" spans="8:8">
      <c r="H476114" s="12"/>
    </row>
    <row r="476115" spans="8:8">
      <c r="H476115" s="12"/>
    </row>
    <row r="476116" spans="8:8">
      <c r="H476116" s="12"/>
    </row>
    <row r="476117" spans="8:8">
      <c r="H476117" s="12"/>
    </row>
    <row r="476118" spans="8:8">
      <c r="H476118" s="12"/>
    </row>
    <row r="476119" spans="8:8">
      <c r="H476119" s="12"/>
    </row>
    <row r="476120" spans="8:8">
      <c r="H476120" s="12"/>
    </row>
    <row r="476121" spans="8:8">
      <c r="H476121" s="12"/>
    </row>
    <row r="476122" spans="8:8">
      <c r="H476122" s="12"/>
    </row>
    <row r="476123" spans="8:8">
      <c r="H476123" s="12"/>
    </row>
    <row r="476124" spans="8:8">
      <c r="H476124" s="12"/>
    </row>
    <row r="476125" spans="8:8">
      <c r="H476125" s="12"/>
    </row>
    <row r="476126" spans="8:8">
      <c r="H476126" s="12"/>
    </row>
    <row r="476127" spans="8:8">
      <c r="H476127" s="12"/>
    </row>
    <row r="476128" spans="8:8">
      <c r="H476128" s="12"/>
    </row>
    <row r="476129" spans="8:8">
      <c r="H476129" s="12"/>
    </row>
    <row r="476130" spans="8:8">
      <c r="H476130" s="12"/>
    </row>
    <row r="476131" spans="8:8">
      <c r="H476131" s="12"/>
    </row>
    <row r="476132" spans="8:8">
      <c r="H476132" s="12"/>
    </row>
    <row r="476133" spans="8:8">
      <c r="H476133" s="12"/>
    </row>
    <row r="476134" spans="8:8">
      <c r="H476134" s="12"/>
    </row>
    <row r="476135" spans="8:8">
      <c r="H476135" s="12"/>
    </row>
    <row r="476136" spans="8:8">
      <c r="H476136" s="12"/>
    </row>
    <row r="476137" spans="8:8">
      <c r="H476137" s="12"/>
    </row>
    <row r="476138" spans="8:8">
      <c r="H476138" s="12"/>
    </row>
    <row r="476139" spans="8:8">
      <c r="H476139" s="12"/>
    </row>
    <row r="476140" spans="8:8">
      <c r="H476140" s="12"/>
    </row>
    <row r="476141" spans="8:8">
      <c r="H476141" s="12"/>
    </row>
    <row r="476142" spans="8:8">
      <c r="H476142" s="12"/>
    </row>
    <row r="476143" spans="8:8">
      <c r="H476143" s="12"/>
    </row>
    <row r="476144" spans="8:8">
      <c r="H476144" s="12"/>
    </row>
    <row r="476145" spans="8:8">
      <c r="H476145" s="12"/>
    </row>
    <row r="476146" spans="8:8">
      <c r="H476146" s="12"/>
    </row>
    <row r="476147" spans="8:8">
      <c r="H476147" s="12"/>
    </row>
    <row r="476148" spans="8:8">
      <c r="H476148" s="12"/>
    </row>
    <row r="476149" spans="8:8">
      <c r="H476149" s="12"/>
    </row>
    <row r="476150" spans="8:8">
      <c r="H476150" s="12"/>
    </row>
    <row r="476151" spans="8:8">
      <c r="H476151" s="12"/>
    </row>
    <row r="476152" spans="8:8">
      <c r="H476152" s="12"/>
    </row>
    <row r="476153" spans="8:8">
      <c r="H476153" s="12"/>
    </row>
    <row r="476154" spans="8:8">
      <c r="H476154" s="12"/>
    </row>
    <row r="476155" spans="8:8">
      <c r="H476155" s="12"/>
    </row>
    <row r="476156" spans="8:8">
      <c r="H476156" s="12"/>
    </row>
    <row r="476157" spans="8:8">
      <c r="H476157" s="12"/>
    </row>
    <row r="476158" spans="8:8">
      <c r="H476158" s="12"/>
    </row>
    <row r="476159" spans="8:8">
      <c r="H476159" s="12"/>
    </row>
    <row r="476160" spans="8:8">
      <c r="H476160" s="12"/>
    </row>
    <row r="476161" spans="8:8">
      <c r="H476161" s="12"/>
    </row>
    <row r="476162" spans="8:8">
      <c r="H476162" s="12"/>
    </row>
    <row r="476163" spans="8:8">
      <c r="H476163" s="12"/>
    </row>
    <row r="476164" spans="8:8">
      <c r="H476164" s="12"/>
    </row>
    <row r="476165" spans="8:8">
      <c r="H476165" s="12"/>
    </row>
    <row r="476166" spans="8:8">
      <c r="H476166" s="12"/>
    </row>
    <row r="476167" spans="8:8">
      <c r="H476167" s="12"/>
    </row>
    <row r="476168" spans="8:8">
      <c r="H476168" s="12"/>
    </row>
    <row r="476169" spans="8:8">
      <c r="H476169" s="12"/>
    </row>
    <row r="476170" spans="8:8">
      <c r="H476170" s="12"/>
    </row>
    <row r="476171" spans="8:8">
      <c r="H476171" s="12"/>
    </row>
    <row r="476172" spans="8:8">
      <c r="H476172" s="12"/>
    </row>
    <row r="476173" spans="8:8">
      <c r="H476173" s="12"/>
    </row>
    <row r="476174" spans="8:8">
      <c r="H476174" s="12"/>
    </row>
    <row r="476175" spans="8:8">
      <c r="H476175" s="12"/>
    </row>
    <row r="476176" spans="8:8">
      <c r="H476176" s="12"/>
    </row>
    <row r="476177" spans="8:8">
      <c r="H476177" s="12"/>
    </row>
    <row r="476178" spans="8:8">
      <c r="H476178" s="12"/>
    </row>
    <row r="476179" spans="8:8">
      <c r="H476179" s="12"/>
    </row>
    <row r="476180" spans="8:8">
      <c r="H476180" s="12"/>
    </row>
    <row r="476181" spans="8:8">
      <c r="H476181" s="12"/>
    </row>
    <row r="476182" spans="8:8">
      <c r="H476182" s="12"/>
    </row>
    <row r="476183" spans="8:8">
      <c r="H476183" s="12"/>
    </row>
    <row r="476184" spans="8:8">
      <c r="H476184" s="12"/>
    </row>
    <row r="476185" spans="8:8">
      <c r="H476185" s="12"/>
    </row>
    <row r="476186" spans="8:8">
      <c r="H476186" s="12"/>
    </row>
    <row r="476187" spans="8:8">
      <c r="H476187" s="12"/>
    </row>
    <row r="476188" spans="8:8">
      <c r="H476188" s="12"/>
    </row>
    <row r="476189" spans="8:8">
      <c r="H476189" s="12"/>
    </row>
    <row r="476190" spans="8:8">
      <c r="H476190" s="12"/>
    </row>
    <row r="476191" spans="8:8">
      <c r="H476191" s="12"/>
    </row>
    <row r="476192" spans="8:8">
      <c r="H476192" s="12"/>
    </row>
    <row r="476193" spans="8:8">
      <c r="H476193" s="12"/>
    </row>
    <row r="476194" spans="8:8">
      <c r="H476194" s="12"/>
    </row>
    <row r="476195" spans="8:8">
      <c r="H476195" s="12"/>
    </row>
    <row r="476196" spans="8:8">
      <c r="H476196" s="12"/>
    </row>
    <row r="476197" spans="8:8">
      <c r="H476197" s="12"/>
    </row>
    <row r="476198" spans="8:8">
      <c r="H476198" s="12"/>
    </row>
    <row r="476199" spans="8:8">
      <c r="H476199" s="12"/>
    </row>
    <row r="476200" spans="8:8">
      <c r="H476200" s="12"/>
    </row>
    <row r="476201" spans="8:8">
      <c r="H476201" s="12"/>
    </row>
    <row r="476202" spans="8:8">
      <c r="H476202" s="12"/>
    </row>
    <row r="476203" spans="8:8">
      <c r="H476203" s="12"/>
    </row>
    <row r="476204" spans="8:8">
      <c r="H476204" s="12"/>
    </row>
    <row r="476205" spans="8:8">
      <c r="H476205" s="12"/>
    </row>
    <row r="476206" spans="8:8">
      <c r="H476206" s="12"/>
    </row>
    <row r="476207" spans="8:8">
      <c r="H476207" s="12"/>
    </row>
    <row r="476208" spans="8:8">
      <c r="H476208" s="12"/>
    </row>
    <row r="476209" spans="8:8">
      <c r="H476209" s="12"/>
    </row>
    <row r="476210" spans="8:8">
      <c r="H476210" s="12"/>
    </row>
    <row r="476211" spans="8:8">
      <c r="H476211" s="12"/>
    </row>
    <row r="476212" spans="8:8">
      <c r="H476212" s="12"/>
    </row>
    <row r="476213" spans="8:8">
      <c r="H476213" s="12"/>
    </row>
    <row r="476214" spans="8:8">
      <c r="H476214" s="12"/>
    </row>
    <row r="476215" spans="8:8">
      <c r="H476215" s="12"/>
    </row>
    <row r="476216" spans="8:8">
      <c r="H476216" s="12"/>
    </row>
    <row r="476217" spans="8:8">
      <c r="H476217" s="12"/>
    </row>
    <row r="476218" spans="8:8">
      <c r="H476218" s="12"/>
    </row>
    <row r="476219" spans="8:8">
      <c r="H476219" s="12"/>
    </row>
    <row r="476220" spans="8:8">
      <c r="H476220" s="12"/>
    </row>
    <row r="476221" spans="8:8">
      <c r="H476221" s="12"/>
    </row>
    <row r="476222" spans="8:8">
      <c r="H476222" s="12"/>
    </row>
    <row r="476223" spans="8:8">
      <c r="H476223" s="12"/>
    </row>
    <row r="476224" spans="8:8">
      <c r="H476224" s="12"/>
    </row>
    <row r="476225" spans="8:8">
      <c r="H476225" s="12"/>
    </row>
    <row r="476226" spans="8:8">
      <c r="H476226" s="12"/>
    </row>
    <row r="476227" spans="8:8">
      <c r="H476227" s="12"/>
    </row>
    <row r="476228" spans="8:8">
      <c r="H476228" s="12"/>
    </row>
    <row r="476229" spans="8:8">
      <c r="H476229" s="12"/>
    </row>
    <row r="476230" spans="8:8">
      <c r="H476230" s="12"/>
    </row>
    <row r="476231" spans="8:8">
      <c r="H476231" s="12"/>
    </row>
    <row r="476232" spans="8:8">
      <c r="H476232" s="12"/>
    </row>
    <row r="476233" spans="8:8">
      <c r="H476233" s="12"/>
    </row>
    <row r="476234" spans="8:8">
      <c r="H476234" s="12"/>
    </row>
    <row r="476235" spans="8:8">
      <c r="H476235" s="12"/>
    </row>
    <row r="476236" spans="8:8">
      <c r="H476236" s="12"/>
    </row>
    <row r="476237" spans="8:8">
      <c r="H476237" s="12"/>
    </row>
    <row r="476238" spans="8:8">
      <c r="H476238" s="12"/>
    </row>
    <row r="476239" spans="8:8">
      <c r="H476239" s="12"/>
    </row>
    <row r="476240" spans="8:8">
      <c r="H476240" s="12"/>
    </row>
    <row r="476241" spans="8:8">
      <c r="H476241" s="12"/>
    </row>
    <row r="476242" spans="8:8">
      <c r="H476242" s="12"/>
    </row>
    <row r="476243" spans="8:8">
      <c r="H476243" s="12"/>
    </row>
    <row r="476244" spans="8:8">
      <c r="H476244" s="12"/>
    </row>
    <row r="476245" spans="8:8">
      <c r="H476245" s="12"/>
    </row>
    <row r="476246" spans="8:8">
      <c r="H476246" s="12"/>
    </row>
    <row r="476247" spans="8:8">
      <c r="H476247" s="12"/>
    </row>
    <row r="476248" spans="8:8">
      <c r="H476248" s="12"/>
    </row>
    <row r="476249" spans="8:8">
      <c r="H476249" s="12"/>
    </row>
    <row r="476250" spans="8:8">
      <c r="H476250" s="12"/>
    </row>
    <row r="476251" spans="8:8">
      <c r="H476251" s="12"/>
    </row>
    <row r="476252" spans="8:8">
      <c r="H476252" s="12"/>
    </row>
    <row r="476253" spans="8:8">
      <c r="H476253" s="12"/>
    </row>
    <row r="476254" spans="8:8">
      <c r="H476254" s="12"/>
    </row>
    <row r="476255" spans="8:8">
      <c r="H476255" s="12"/>
    </row>
    <row r="476256" spans="8:8">
      <c r="H476256" s="12"/>
    </row>
    <row r="476257" spans="8:8">
      <c r="H476257" s="12"/>
    </row>
    <row r="476258" spans="8:8">
      <c r="H476258" s="12"/>
    </row>
    <row r="476259" spans="8:8">
      <c r="H476259" s="12"/>
    </row>
    <row r="476260" spans="8:8">
      <c r="H476260" s="12"/>
    </row>
    <row r="476261" spans="8:8">
      <c r="H476261" s="12"/>
    </row>
    <row r="476262" spans="8:8">
      <c r="H476262" s="12"/>
    </row>
    <row r="476263" spans="8:8">
      <c r="H476263" s="12"/>
    </row>
    <row r="476264" spans="8:8">
      <c r="H476264" s="12"/>
    </row>
    <row r="476265" spans="8:8">
      <c r="H476265" s="12"/>
    </row>
    <row r="476266" spans="8:8">
      <c r="H476266" s="12"/>
    </row>
    <row r="476267" spans="8:8">
      <c r="H476267" s="12"/>
    </row>
    <row r="476268" spans="8:8">
      <c r="H476268" s="12"/>
    </row>
    <row r="476269" spans="8:8">
      <c r="H476269" s="12"/>
    </row>
    <row r="476270" spans="8:8">
      <c r="H476270" s="12"/>
    </row>
    <row r="476271" spans="8:8">
      <c r="H476271" s="12"/>
    </row>
    <row r="476272" spans="8:8">
      <c r="H476272" s="12"/>
    </row>
    <row r="476273" spans="8:8">
      <c r="H476273" s="12"/>
    </row>
    <row r="476274" spans="8:8">
      <c r="H476274" s="12"/>
    </row>
    <row r="476275" spans="8:8">
      <c r="H476275" s="12"/>
    </row>
    <row r="476276" spans="8:8">
      <c r="H476276" s="12"/>
    </row>
    <row r="476277" spans="8:8">
      <c r="H476277" s="12"/>
    </row>
    <row r="476278" spans="8:8">
      <c r="H476278" s="12"/>
    </row>
    <row r="476279" spans="8:8">
      <c r="H476279" s="12"/>
    </row>
    <row r="476280" spans="8:8">
      <c r="H476280" s="12"/>
    </row>
    <row r="476281" spans="8:8">
      <c r="H476281" s="12"/>
    </row>
    <row r="476282" spans="8:8">
      <c r="H476282" s="12"/>
    </row>
    <row r="476283" spans="8:8">
      <c r="H476283" s="12"/>
    </row>
    <row r="476284" spans="8:8">
      <c r="H476284" s="12"/>
    </row>
    <row r="476285" spans="8:8">
      <c r="H476285" s="12"/>
    </row>
    <row r="476286" spans="8:8">
      <c r="H476286" s="12"/>
    </row>
    <row r="476287" spans="8:8">
      <c r="H476287" s="12"/>
    </row>
    <row r="476288" spans="8:8">
      <c r="H476288" s="12"/>
    </row>
    <row r="476289" spans="8:8">
      <c r="H476289" s="12"/>
    </row>
    <row r="476290" spans="8:8">
      <c r="H476290" s="12"/>
    </row>
    <row r="476291" spans="8:8">
      <c r="H476291" s="12"/>
    </row>
    <row r="476292" spans="8:8">
      <c r="H476292" s="12"/>
    </row>
    <row r="476293" spans="8:8">
      <c r="H476293" s="12"/>
    </row>
    <row r="476294" spans="8:8">
      <c r="H476294" s="12"/>
    </row>
    <row r="476295" spans="8:8">
      <c r="H476295" s="12"/>
    </row>
    <row r="476296" spans="8:8">
      <c r="H476296" s="12"/>
    </row>
    <row r="476297" spans="8:8">
      <c r="H476297" s="12"/>
    </row>
    <row r="476298" spans="8:8">
      <c r="H476298" s="12"/>
    </row>
    <row r="476299" spans="8:8">
      <c r="H476299" s="12"/>
    </row>
    <row r="476300" spans="8:8">
      <c r="H476300" s="12"/>
    </row>
    <row r="476301" spans="8:8">
      <c r="H476301" s="12"/>
    </row>
    <row r="476302" spans="8:8">
      <c r="H476302" s="12"/>
    </row>
    <row r="476303" spans="8:8">
      <c r="H476303" s="12"/>
    </row>
    <row r="476304" spans="8:8">
      <c r="H476304" s="12"/>
    </row>
    <row r="476305" spans="8:8">
      <c r="H476305" s="12"/>
    </row>
    <row r="476306" spans="8:8">
      <c r="H476306" s="12"/>
    </row>
    <row r="476307" spans="8:8">
      <c r="H476307" s="12"/>
    </row>
    <row r="476308" spans="8:8">
      <c r="H476308" s="12"/>
    </row>
    <row r="476309" spans="8:8">
      <c r="H476309" s="12"/>
    </row>
    <row r="476310" spans="8:8">
      <c r="H476310" s="12"/>
    </row>
    <row r="476311" spans="8:8">
      <c r="H476311" s="12"/>
    </row>
    <row r="476312" spans="8:8">
      <c r="H476312" s="12"/>
    </row>
    <row r="476313" spans="8:8">
      <c r="H476313" s="12"/>
    </row>
    <row r="476314" spans="8:8">
      <c r="H476314" s="12"/>
    </row>
    <row r="476315" spans="8:8">
      <c r="H476315" s="12"/>
    </row>
    <row r="476316" spans="8:8">
      <c r="H476316" s="12"/>
    </row>
    <row r="476317" spans="8:8">
      <c r="H476317" s="12"/>
    </row>
    <row r="476318" spans="8:8">
      <c r="H476318" s="12"/>
    </row>
    <row r="476319" spans="8:8">
      <c r="H476319" s="12"/>
    </row>
    <row r="476320" spans="8:8">
      <c r="H476320" s="12"/>
    </row>
    <row r="476321" spans="8:8">
      <c r="H476321" s="12"/>
    </row>
    <row r="476322" spans="8:8">
      <c r="H476322" s="12"/>
    </row>
    <row r="476323" spans="8:8">
      <c r="H476323" s="12"/>
    </row>
    <row r="476324" spans="8:8">
      <c r="H476324" s="12"/>
    </row>
    <row r="476325" spans="8:8">
      <c r="H476325" s="12"/>
    </row>
    <row r="476326" spans="8:8">
      <c r="H476326" s="12"/>
    </row>
    <row r="476327" spans="8:8">
      <c r="H476327" s="12"/>
    </row>
    <row r="476328" spans="8:8">
      <c r="H476328" s="12"/>
    </row>
    <row r="476329" spans="8:8">
      <c r="H476329" s="12"/>
    </row>
    <row r="476330" spans="8:8">
      <c r="H476330" s="12"/>
    </row>
    <row r="476331" spans="8:8">
      <c r="H476331" s="12"/>
    </row>
    <row r="476332" spans="8:8">
      <c r="H476332" s="12"/>
    </row>
    <row r="476333" spans="8:8">
      <c r="H476333" s="12"/>
    </row>
    <row r="476334" spans="8:8">
      <c r="H476334" s="12"/>
    </row>
    <row r="476335" spans="8:8">
      <c r="H476335" s="12"/>
    </row>
    <row r="476336" spans="8:8">
      <c r="H476336" s="12"/>
    </row>
    <row r="476337" spans="8:8">
      <c r="H476337" s="12"/>
    </row>
    <row r="476338" spans="8:8">
      <c r="H476338" s="12"/>
    </row>
    <row r="476339" spans="8:8">
      <c r="H476339" s="12"/>
    </row>
    <row r="476340" spans="8:8">
      <c r="H476340" s="12"/>
    </row>
    <row r="476341" spans="8:8">
      <c r="H476341" s="12"/>
    </row>
    <row r="476342" spans="8:8">
      <c r="H476342" s="12"/>
    </row>
    <row r="476343" spans="8:8">
      <c r="H476343" s="12"/>
    </row>
    <row r="476344" spans="8:8">
      <c r="H476344" s="12"/>
    </row>
    <row r="476345" spans="8:8">
      <c r="H476345" s="12"/>
    </row>
    <row r="476346" spans="8:8">
      <c r="H476346" s="12"/>
    </row>
    <row r="476347" spans="8:8">
      <c r="H476347" s="12"/>
    </row>
    <row r="476348" spans="8:8">
      <c r="H476348" s="12"/>
    </row>
    <row r="476349" spans="8:8">
      <c r="H476349" s="12"/>
    </row>
    <row r="476350" spans="8:8">
      <c r="H476350" s="12"/>
    </row>
    <row r="476351" spans="8:8">
      <c r="H476351" s="12"/>
    </row>
    <row r="476352" spans="8:8">
      <c r="H476352" s="12"/>
    </row>
    <row r="476353" spans="8:8">
      <c r="H476353" s="12"/>
    </row>
    <row r="476354" spans="8:8">
      <c r="H476354" s="12"/>
    </row>
    <row r="476355" spans="8:8">
      <c r="H476355" s="12"/>
    </row>
    <row r="476356" spans="8:8">
      <c r="H476356" s="12"/>
    </row>
    <row r="476357" spans="8:8">
      <c r="H476357" s="12"/>
    </row>
    <row r="476358" spans="8:8">
      <c r="H476358" s="12"/>
    </row>
    <row r="476359" spans="8:8">
      <c r="H476359" s="12"/>
    </row>
    <row r="476360" spans="8:8">
      <c r="H476360" s="12"/>
    </row>
    <row r="476361" spans="8:8">
      <c r="H476361" s="12"/>
    </row>
    <row r="476362" spans="8:8">
      <c r="H476362" s="12"/>
    </row>
    <row r="476363" spans="8:8">
      <c r="H476363" s="12"/>
    </row>
    <row r="476364" spans="8:8">
      <c r="H476364" s="12"/>
    </row>
    <row r="476365" spans="8:8">
      <c r="H476365" s="12"/>
    </row>
    <row r="476366" spans="8:8">
      <c r="H476366" s="12"/>
    </row>
    <row r="476367" spans="8:8">
      <c r="H476367" s="12"/>
    </row>
    <row r="476368" spans="8:8">
      <c r="H476368" s="12"/>
    </row>
    <row r="476369" spans="8:8">
      <c r="H476369" s="12"/>
    </row>
    <row r="476370" spans="8:8">
      <c r="H476370" s="12"/>
    </row>
    <row r="476371" spans="8:8">
      <c r="H476371" s="12"/>
    </row>
    <row r="476372" spans="8:8">
      <c r="H476372" s="12"/>
    </row>
    <row r="476373" spans="8:8">
      <c r="H476373" s="12"/>
    </row>
    <row r="476374" spans="8:8">
      <c r="H476374" s="12"/>
    </row>
    <row r="476375" spans="8:8">
      <c r="H476375" s="12"/>
    </row>
    <row r="476376" spans="8:8">
      <c r="H476376" s="12"/>
    </row>
    <row r="476377" spans="8:8">
      <c r="H476377" s="12"/>
    </row>
    <row r="476378" spans="8:8">
      <c r="H476378" s="12"/>
    </row>
    <row r="476379" spans="8:8">
      <c r="H476379" s="12"/>
    </row>
    <row r="476380" spans="8:8">
      <c r="H476380" s="12"/>
    </row>
    <row r="476381" spans="8:8">
      <c r="H476381" s="12"/>
    </row>
    <row r="476382" spans="8:8">
      <c r="H476382" s="12"/>
    </row>
    <row r="476383" spans="8:8">
      <c r="H476383" s="12"/>
    </row>
    <row r="476384" spans="8:8">
      <c r="H476384" s="12"/>
    </row>
    <row r="476385" spans="8:8">
      <c r="H476385" s="12"/>
    </row>
    <row r="476386" spans="8:8">
      <c r="H476386" s="12"/>
    </row>
    <row r="476387" spans="8:8">
      <c r="H476387" s="12"/>
    </row>
    <row r="476388" spans="8:8">
      <c r="H476388" s="12"/>
    </row>
    <row r="476389" spans="8:8">
      <c r="H476389" s="12"/>
    </row>
    <row r="476390" spans="8:8">
      <c r="H476390" s="12"/>
    </row>
    <row r="476391" spans="8:8">
      <c r="H476391" s="12"/>
    </row>
    <row r="476392" spans="8:8">
      <c r="H476392" s="12"/>
    </row>
    <row r="476393" spans="8:8">
      <c r="H476393" s="12"/>
    </row>
    <row r="476394" spans="8:8">
      <c r="H476394" s="12"/>
    </row>
    <row r="476395" spans="8:8">
      <c r="H476395" s="12"/>
    </row>
    <row r="476396" spans="8:8">
      <c r="H476396" s="12"/>
    </row>
    <row r="476397" spans="8:8">
      <c r="H476397" s="12"/>
    </row>
    <row r="476398" spans="8:8">
      <c r="H476398" s="12"/>
    </row>
    <row r="476399" spans="8:8">
      <c r="H476399" s="12"/>
    </row>
    <row r="476400" spans="8:8">
      <c r="H476400" s="12"/>
    </row>
    <row r="476401" spans="8:8">
      <c r="H476401" s="12"/>
    </row>
    <row r="476402" spans="8:8">
      <c r="H476402" s="12"/>
    </row>
    <row r="476403" spans="8:8">
      <c r="H476403" s="12"/>
    </row>
    <row r="476404" spans="8:8">
      <c r="H476404" s="12"/>
    </row>
    <row r="476405" spans="8:8">
      <c r="H476405" s="12"/>
    </row>
    <row r="476406" spans="8:8">
      <c r="H476406" s="12"/>
    </row>
    <row r="476407" spans="8:8">
      <c r="H476407" s="12"/>
    </row>
    <row r="476408" spans="8:8">
      <c r="H476408" s="12"/>
    </row>
    <row r="476409" spans="8:8">
      <c r="H476409" s="12"/>
    </row>
    <row r="476410" spans="8:8">
      <c r="H476410" s="12"/>
    </row>
    <row r="476411" spans="8:8">
      <c r="H476411" s="12"/>
    </row>
    <row r="476412" spans="8:8">
      <c r="H476412" s="12"/>
    </row>
    <row r="476413" spans="8:8">
      <c r="H476413" s="12"/>
    </row>
    <row r="476414" spans="8:8">
      <c r="H476414" s="12"/>
    </row>
    <row r="476415" spans="8:8">
      <c r="H476415" s="12"/>
    </row>
    <row r="476416" spans="8:8">
      <c r="H476416" s="12"/>
    </row>
    <row r="476417" spans="8:8">
      <c r="H476417" s="12"/>
    </row>
    <row r="476418" spans="8:8">
      <c r="H476418" s="12"/>
    </row>
    <row r="476419" spans="8:8">
      <c r="H476419" s="12"/>
    </row>
    <row r="476420" spans="8:8">
      <c r="H476420" s="12"/>
    </row>
    <row r="476421" spans="8:8">
      <c r="H476421" s="12"/>
    </row>
    <row r="476422" spans="8:8">
      <c r="H476422" s="12"/>
    </row>
    <row r="476423" spans="8:8">
      <c r="H476423" s="12"/>
    </row>
    <row r="476424" spans="8:8">
      <c r="H476424" s="12"/>
    </row>
    <row r="476425" spans="8:8">
      <c r="H476425" s="12"/>
    </row>
    <row r="476426" spans="8:8">
      <c r="H476426" s="12"/>
    </row>
    <row r="476427" spans="8:8">
      <c r="H476427" s="12"/>
    </row>
    <row r="476428" spans="8:8">
      <c r="H476428" s="12"/>
    </row>
    <row r="476429" spans="8:8">
      <c r="H476429" s="12"/>
    </row>
    <row r="476430" spans="8:8">
      <c r="H476430" s="12"/>
    </row>
    <row r="476431" spans="8:8">
      <c r="H476431" s="12"/>
    </row>
    <row r="476432" spans="8:8">
      <c r="H476432" s="12"/>
    </row>
    <row r="476433" spans="8:8">
      <c r="H476433" s="12"/>
    </row>
    <row r="476434" spans="8:8">
      <c r="H476434" s="12"/>
    </row>
    <row r="476435" spans="8:8">
      <c r="H476435" s="12"/>
    </row>
    <row r="476436" spans="8:8">
      <c r="H476436" s="12"/>
    </row>
    <row r="476437" spans="8:8">
      <c r="H476437" s="12"/>
    </row>
    <row r="476438" spans="8:8">
      <c r="H476438" s="12"/>
    </row>
    <row r="476439" spans="8:8">
      <c r="H476439" s="12"/>
    </row>
    <row r="476440" spans="8:8">
      <c r="H476440" s="12"/>
    </row>
    <row r="476441" spans="8:8">
      <c r="H476441" s="12"/>
    </row>
    <row r="476442" spans="8:8">
      <c r="H476442" s="12"/>
    </row>
    <row r="476443" spans="8:8">
      <c r="H476443" s="12"/>
    </row>
    <row r="476444" spans="8:8">
      <c r="H476444" s="12"/>
    </row>
    <row r="476445" spans="8:8">
      <c r="H476445" s="12"/>
    </row>
    <row r="476446" spans="8:8">
      <c r="H476446" s="12"/>
    </row>
    <row r="476447" spans="8:8">
      <c r="H476447" s="12"/>
    </row>
    <row r="476448" spans="8:8">
      <c r="H476448" s="12"/>
    </row>
    <row r="476449" spans="8:8">
      <c r="H476449" s="12"/>
    </row>
    <row r="476450" spans="8:8">
      <c r="H476450" s="12"/>
    </row>
    <row r="476451" spans="8:8">
      <c r="H476451" s="12"/>
    </row>
    <row r="476452" spans="8:8">
      <c r="H476452" s="12"/>
    </row>
    <row r="476453" spans="8:8">
      <c r="H476453" s="12"/>
    </row>
    <row r="476454" spans="8:8">
      <c r="H476454" s="12"/>
    </row>
    <row r="476455" spans="8:8">
      <c r="H476455" s="12"/>
    </row>
    <row r="476456" spans="8:8">
      <c r="H476456" s="12"/>
    </row>
    <row r="476457" spans="8:8">
      <c r="H476457" s="12"/>
    </row>
    <row r="476458" spans="8:8">
      <c r="H476458" s="12"/>
    </row>
    <row r="476459" spans="8:8">
      <c r="H476459" s="12"/>
    </row>
    <row r="476460" spans="8:8">
      <c r="H476460" s="12"/>
    </row>
    <row r="476461" spans="8:8">
      <c r="H476461" s="12"/>
    </row>
    <row r="476462" spans="8:8">
      <c r="H476462" s="12"/>
    </row>
    <row r="476463" spans="8:8">
      <c r="H476463" s="12"/>
    </row>
    <row r="476464" spans="8:8">
      <c r="H476464" s="12"/>
    </row>
    <row r="476465" spans="8:8">
      <c r="H476465" s="12"/>
    </row>
    <row r="476466" spans="8:8">
      <c r="H476466" s="12"/>
    </row>
    <row r="476467" spans="8:8">
      <c r="H476467" s="12"/>
    </row>
    <row r="476468" spans="8:8">
      <c r="H476468" s="12"/>
    </row>
    <row r="476469" spans="8:8">
      <c r="H476469" s="12"/>
    </row>
    <row r="476470" spans="8:8">
      <c r="H476470" s="12"/>
    </row>
    <row r="476471" spans="8:8">
      <c r="H476471" s="12"/>
    </row>
    <row r="476472" spans="8:8">
      <c r="H476472" s="12"/>
    </row>
    <row r="476473" spans="8:8">
      <c r="H476473" s="12"/>
    </row>
    <row r="476474" spans="8:8">
      <c r="H476474" s="12"/>
    </row>
    <row r="476475" spans="8:8">
      <c r="H476475" s="12"/>
    </row>
    <row r="476476" spans="8:8">
      <c r="H476476" s="12"/>
    </row>
    <row r="476477" spans="8:8">
      <c r="H476477" s="12"/>
    </row>
    <row r="476478" spans="8:8">
      <c r="H476478" s="12"/>
    </row>
    <row r="476479" spans="8:8">
      <c r="H476479" s="12"/>
    </row>
    <row r="476480" spans="8:8">
      <c r="H476480" s="12"/>
    </row>
    <row r="476481" spans="8:8">
      <c r="H476481" s="12"/>
    </row>
    <row r="476482" spans="8:8">
      <c r="H476482" s="12"/>
    </row>
    <row r="476483" spans="8:8">
      <c r="H476483" s="12"/>
    </row>
    <row r="476484" spans="8:8">
      <c r="H476484" s="12"/>
    </row>
    <row r="476485" spans="8:8">
      <c r="H476485" s="12"/>
    </row>
    <row r="476486" spans="8:8">
      <c r="H476486" s="12"/>
    </row>
    <row r="476487" spans="8:8">
      <c r="H476487" s="12"/>
    </row>
    <row r="476488" spans="8:8">
      <c r="H476488" s="12"/>
    </row>
    <row r="476489" spans="8:8">
      <c r="H476489" s="12"/>
    </row>
    <row r="476490" spans="8:8">
      <c r="H476490" s="12"/>
    </row>
    <row r="476491" spans="8:8">
      <c r="H476491" s="12"/>
    </row>
    <row r="476492" spans="8:8">
      <c r="H476492" s="12"/>
    </row>
    <row r="476493" spans="8:8">
      <c r="H476493" s="12"/>
    </row>
    <row r="476494" spans="8:8">
      <c r="H476494" s="12"/>
    </row>
    <row r="476495" spans="8:8">
      <c r="H476495" s="12"/>
    </row>
    <row r="476496" spans="8:8">
      <c r="H476496" s="12"/>
    </row>
    <row r="476497" spans="8:8">
      <c r="H476497" s="12"/>
    </row>
    <row r="476498" spans="8:8">
      <c r="H476498" s="12"/>
    </row>
    <row r="476499" spans="8:8">
      <c r="H476499" s="12"/>
    </row>
    <row r="476500" spans="8:8">
      <c r="H476500" s="12"/>
    </row>
    <row r="476501" spans="8:8">
      <c r="H476501" s="12"/>
    </row>
    <row r="476502" spans="8:8">
      <c r="H476502" s="12"/>
    </row>
    <row r="476503" spans="8:8">
      <c r="H476503" s="12"/>
    </row>
    <row r="476504" spans="8:8">
      <c r="H476504" s="12"/>
    </row>
    <row r="476505" spans="8:8">
      <c r="H476505" s="12"/>
    </row>
    <row r="476506" spans="8:8">
      <c r="H476506" s="12"/>
    </row>
    <row r="476507" spans="8:8">
      <c r="H476507" s="12"/>
    </row>
    <row r="476508" spans="8:8">
      <c r="H476508" s="12"/>
    </row>
    <row r="476509" spans="8:8">
      <c r="H476509" s="12"/>
    </row>
    <row r="476510" spans="8:8">
      <c r="H476510" s="12"/>
    </row>
    <row r="476511" spans="8:8">
      <c r="H476511" s="12"/>
    </row>
    <row r="476512" spans="8:8">
      <c r="H476512" s="12"/>
    </row>
    <row r="476513" spans="8:8">
      <c r="H476513" s="12"/>
    </row>
    <row r="476514" spans="8:8">
      <c r="H476514" s="12"/>
    </row>
    <row r="476515" spans="8:8">
      <c r="H476515" s="12"/>
    </row>
    <row r="476516" spans="8:8">
      <c r="H476516" s="12"/>
    </row>
    <row r="476517" spans="8:8">
      <c r="H476517" s="12"/>
    </row>
    <row r="476518" spans="8:8">
      <c r="H476518" s="12"/>
    </row>
    <row r="476519" spans="8:8">
      <c r="H476519" s="12"/>
    </row>
    <row r="476520" spans="8:8">
      <c r="H476520" s="12"/>
    </row>
    <row r="476521" spans="8:8">
      <c r="H476521" s="12"/>
    </row>
    <row r="476522" spans="8:8">
      <c r="H476522" s="12"/>
    </row>
    <row r="476523" spans="8:8">
      <c r="H476523" s="12"/>
    </row>
    <row r="476524" spans="8:8">
      <c r="H476524" s="12"/>
    </row>
    <row r="476525" spans="8:8">
      <c r="H476525" s="12"/>
    </row>
    <row r="476526" spans="8:8">
      <c r="H476526" s="12"/>
    </row>
    <row r="476527" spans="8:8">
      <c r="H476527" s="12"/>
    </row>
    <row r="476528" spans="8:8">
      <c r="H476528" s="12"/>
    </row>
    <row r="476529" spans="8:8">
      <c r="H476529" s="12"/>
    </row>
    <row r="476530" spans="8:8">
      <c r="H476530" s="12"/>
    </row>
    <row r="476531" spans="8:8">
      <c r="H476531" s="12"/>
    </row>
    <row r="476532" spans="8:8">
      <c r="H476532" s="12"/>
    </row>
    <row r="476533" spans="8:8">
      <c r="H476533" s="12"/>
    </row>
    <row r="476534" spans="8:8">
      <c r="H476534" s="12"/>
    </row>
    <row r="476535" spans="8:8">
      <c r="H476535" s="12"/>
    </row>
    <row r="476536" spans="8:8">
      <c r="H476536" s="12"/>
    </row>
    <row r="476537" spans="8:8">
      <c r="H476537" s="12"/>
    </row>
    <row r="476538" spans="8:8">
      <c r="H476538" s="12"/>
    </row>
    <row r="476539" spans="8:8">
      <c r="H476539" s="12"/>
    </row>
    <row r="476540" spans="8:8">
      <c r="H476540" s="12"/>
    </row>
    <row r="476541" spans="8:8">
      <c r="H476541" s="12"/>
    </row>
    <row r="476542" spans="8:8">
      <c r="H476542" s="12"/>
    </row>
    <row r="476543" spans="8:8">
      <c r="H476543" s="12"/>
    </row>
    <row r="476544" spans="8:8">
      <c r="H476544" s="12"/>
    </row>
    <row r="476545" spans="8:8">
      <c r="H476545" s="12"/>
    </row>
    <row r="476546" spans="8:8">
      <c r="H476546" s="12"/>
    </row>
    <row r="476547" spans="8:8">
      <c r="H476547" s="12"/>
    </row>
    <row r="476548" spans="8:8">
      <c r="H476548" s="12"/>
    </row>
    <row r="476549" spans="8:8">
      <c r="H476549" s="12"/>
    </row>
    <row r="476550" spans="8:8">
      <c r="H476550" s="12"/>
    </row>
    <row r="476551" spans="8:8">
      <c r="H476551" s="12"/>
    </row>
    <row r="476552" spans="8:8">
      <c r="H476552" s="12"/>
    </row>
    <row r="476553" spans="8:8">
      <c r="H476553" s="12"/>
    </row>
    <row r="476554" spans="8:8">
      <c r="H476554" s="12"/>
    </row>
    <row r="476555" spans="8:8">
      <c r="H476555" s="12"/>
    </row>
    <row r="476556" spans="8:8">
      <c r="H476556" s="12"/>
    </row>
    <row r="476557" spans="8:8">
      <c r="H476557" s="12"/>
    </row>
    <row r="476558" spans="8:8">
      <c r="H476558" s="12"/>
    </row>
    <row r="476559" spans="8:8">
      <c r="H476559" s="12"/>
    </row>
    <row r="476560" spans="8:8">
      <c r="H476560" s="12"/>
    </row>
    <row r="476561" spans="8:8">
      <c r="H476561" s="12"/>
    </row>
    <row r="476562" spans="8:8">
      <c r="H476562" s="12"/>
    </row>
    <row r="476563" spans="8:8">
      <c r="H476563" s="12"/>
    </row>
    <row r="476564" spans="8:8">
      <c r="H476564" s="12"/>
    </row>
    <row r="476565" spans="8:8">
      <c r="H476565" s="12"/>
    </row>
    <row r="476566" spans="8:8">
      <c r="H476566" s="12"/>
    </row>
    <row r="476567" spans="8:8">
      <c r="H476567" s="12"/>
    </row>
    <row r="476568" spans="8:8">
      <c r="H476568" s="12"/>
    </row>
    <row r="476569" spans="8:8">
      <c r="H476569" s="12"/>
    </row>
    <row r="476570" spans="8:8">
      <c r="H476570" s="12"/>
    </row>
    <row r="476571" spans="8:8">
      <c r="H476571" s="12"/>
    </row>
    <row r="476572" spans="8:8">
      <c r="H476572" s="12"/>
    </row>
    <row r="476573" spans="8:8">
      <c r="H476573" s="12"/>
    </row>
    <row r="476574" spans="8:8">
      <c r="H476574" s="12"/>
    </row>
    <row r="476575" spans="8:8">
      <c r="H476575" s="12"/>
    </row>
    <row r="476576" spans="8:8">
      <c r="H476576" s="12"/>
    </row>
    <row r="476577" spans="8:8">
      <c r="H476577" s="12"/>
    </row>
    <row r="476578" spans="8:8">
      <c r="H476578" s="12"/>
    </row>
    <row r="476579" spans="8:8">
      <c r="H476579" s="12"/>
    </row>
    <row r="476580" spans="8:8">
      <c r="H476580" s="12"/>
    </row>
    <row r="476581" spans="8:8">
      <c r="H476581" s="12"/>
    </row>
    <row r="476582" spans="8:8">
      <c r="H476582" s="12"/>
    </row>
    <row r="476583" spans="8:8">
      <c r="H476583" s="12"/>
    </row>
    <row r="476584" spans="8:8">
      <c r="H476584" s="12"/>
    </row>
    <row r="476585" spans="8:8">
      <c r="H476585" s="12"/>
    </row>
    <row r="476586" spans="8:8">
      <c r="H476586" s="12"/>
    </row>
    <row r="476587" spans="8:8">
      <c r="H476587" s="12"/>
    </row>
    <row r="476588" spans="8:8">
      <c r="H476588" s="12"/>
    </row>
    <row r="476589" spans="8:8">
      <c r="H476589" s="12"/>
    </row>
    <row r="476590" spans="8:8">
      <c r="H476590" s="12"/>
    </row>
    <row r="476591" spans="8:8">
      <c r="H476591" s="12"/>
    </row>
    <row r="476592" spans="8:8">
      <c r="H476592" s="12"/>
    </row>
    <row r="476593" spans="8:8">
      <c r="H476593" s="12"/>
    </row>
    <row r="476594" spans="8:8">
      <c r="H476594" s="12"/>
    </row>
    <row r="476595" spans="8:8">
      <c r="H476595" s="12"/>
    </row>
    <row r="476596" spans="8:8">
      <c r="H476596" s="12"/>
    </row>
    <row r="476597" spans="8:8">
      <c r="H476597" s="12"/>
    </row>
    <row r="476598" spans="8:8">
      <c r="H476598" s="12"/>
    </row>
    <row r="476599" spans="8:8">
      <c r="H476599" s="12"/>
    </row>
    <row r="476600" spans="8:8">
      <c r="H476600" s="12"/>
    </row>
    <row r="476601" spans="8:8">
      <c r="H476601" s="12"/>
    </row>
    <row r="476602" spans="8:8">
      <c r="H476602" s="12"/>
    </row>
    <row r="476603" spans="8:8">
      <c r="H476603" s="12"/>
    </row>
    <row r="476604" spans="8:8">
      <c r="H476604" s="12"/>
    </row>
    <row r="476605" spans="8:8">
      <c r="H476605" s="12"/>
    </row>
    <row r="476606" spans="8:8">
      <c r="H476606" s="12"/>
    </row>
    <row r="476607" spans="8:8">
      <c r="H476607" s="12"/>
    </row>
    <row r="476608" spans="8:8">
      <c r="H476608" s="12"/>
    </row>
    <row r="476609" spans="8:8">
      <c r="H476609" s="12"/>
    </row>
    <row r="476610" spans="8:8">
      <c r="H476610" s="12"/>
    </row>
    <row r="476611" spans="8:8">
      <c r="H476611" s="12"/>
    </row>
    <row r="476612" spans="8:8">
      <c r="H476612" s="12"/>
    </row>
    <row r="476613" spans="8:8">
      <c r="H476613" s="12"/>
    </row>
    <row r="476614" spans="8:8">
      <c r="H476614" s="12"/>
    </row>
    <row r="476615" spans="8:8">
      <c r="H476615" s="12"/>
    </row>
    <row r="476616" spans="8:8">
      <c r="H476616" s="12"/>
    </row>
    <row r="476617" spans="8:8">
      <c r="H476617" s="12"/>
    </row>
    <row r="476618" spans="8:8">
      <c r="H476618" s="12"/>
    </row>
    <row r="476619" spans="8:8">
      <c r="H476619" s="12"/>
    </row>
    <row r="476620" spans="8:8">
      <c r="H476620" s="12"/>
    </row>
    <row r="476621" spans="8:8">
      <c r="H476621" s="12"/>
    </row>
    <row r="476622" spans="8:8">
      <c r="H476622" s="12"/>
    </row>
    <row r="476623" spans="8:8">
      <c r="H476623" s="12"/>
    </row>
    <row r="476624" spans="8:8">
      <c r="H476624" s="12"/>
    </row>
    <row r="476625" spans="8:8">
      <c r="H476625" s="12"/>
    </row>
    <row r="476626" spans="8:8">
      <c r="H476626" s="12"/>
    </row>
    <row r="476627" spans="8:8">
      <c r="H476627" s="12"/>
    </row>
    <row r="476628" spans="8:8">
      <c r="H476628" s="12"/>
    </row>
    <row r="476629" spans="8:8">
      <c r="H476629" s="12"/>
    </row>
    <row r="476630" spans="8:8">
      <c r="H476630" s="12"/>
    </row>
    <row r="476631" spans="8:8">
      <c r="H476631" s="12"/>
    </row>
    <row r="476632" spans="8:8">
      <c r="H476632" s="12"/>
    </row>
    <row r="476633" spans="8:8">
      <c r="H476633" s="12"/>
    </row>
    <row r="476634" spans="8:8">
      <c r="H476634" s="12"/>
    </row>
    <row r="476635" spans="8:8">
      <c r="H476635" s="12"/>
    </row>
    <row r="476636" spans="8:8">
      <c r="H476636" s="12"/>
    </row>
    <row r="476637" spans="8:8">
      <c r="H476637" s="12"/>
    </row>
    <row r="476638" spans="8:8">
      <c r="H476638" s="12"/>
    </row>
    <row r="476639" spans="8:8">
      <c r="H476639" s="12"/>
    </row>
    <row r="476640" spans="8:8">
      <c r="H476640" s="12"/>
    </row>
    <row r="476641" spans="8:8">
      <c r="H476641" s="12"/>
    </row>
    <row r="476642" spans="8:8">
      <c r="H476642" s="12"/>
    </row>
    <row r="476643" spans="8:8">
      <c r="H476643" s="12"/>
    </row>
    <row r="476644" spans="8:8">
      <c r="H476644" s="12"/>
    </row>
    <row r="476645" spans="8:8">
      <c r="H476645" s="12"/>
    </row>
    <row r="476646" spans="8:8">
      <c r="H476646" s="12"/>
    </row>
    <row r="476647" spans="8:8">
      <c r="H476647" s="12"/>
    </row>
    <row r="476648" spans="8:8">
      <c r="H476648" s="12"/>
    </row>
    <row r="476649" spans="8:8">
      <c r="H476649" s="12"/>
    </row>
    <row r="476650" spans="8:8">
      <c r="H476650" s="12"/>
    </row>
    <row r="476651" spans="8:8">
      <c r="H476651" s="12"/>
    </row>
    <row r="476652" spans="8:8">
      <c r="H476652" s="12"/>
    </row>
    <row r="476653" spans="8:8">
      <c r="H476653" s="12"/>
    </row>
    <row r="476654" spans="8:8">
      <c r="H476654" s="12"/>
    </row>
    <row r="476655" spans="8:8">
      <c r="H476655" s="12"/>
    </row>
    <row r="476656" spans="8:8">
      <c r="H476656" s="12"/>
    </row>
    <row r="476657" spans="8:8">
      <c r="H476657" s="12"/>
    </row>
    <row r="476658" spans="8:8">
      <c r="H476658" s="12"/>
    </row>
    <row r="476659" spans="8:8">
      <c r="H476659" s="12"/>
    </row>
    <row r="476660" spans="8:8">
      <c r="H476660" s="12"/>
    </row>
    <row r="476661" spans="8:8">
      <c r="H476661" s="12"/>
    </row>
    <row r="476662" spans="8:8">
      <c r="H476662" s="12"/>
    </row>
    <row r="476663" spans="8:8">
      <c r="H476663" s="12"/>
    </row>
    <row r="476664" spans="8:8">
      <c r="H476664" s="12"/>
    </row>
    <row r="476665" spans="8:8">
      <c r="H476665" s="12"/>
    </row>
    <row r="476666" spans="8:8">
      <c r="H476666" s="12"/>
    </row>
    <row r="476667" spans="8:8">
      <c r="H476667" s="12"/>
    </row>
    <row r="476668" spans="8:8">
      <c r="H476668" s="12"/>
    </row>
    <row r="476669" spans="8:8">
      <c r="H476669" s="12"/>
    </row>
    <row r="476670" spans="8:8">
      <c r="H476670" s="12"/>
    </row>
    <row r="476671" spans="8:8">
      <c r="H476671" s="12"/>
    </row>
    <row r="476672" spans="8:8">
      <c r="H476672" s="12"/>
    </row>
    <row r="476673" spans="8:8">
      <c r="H476673" s="12"/>
    </row>
    <row r="476674" spans="8:8">
      <c r="H476674" s="12"/>
    </row>
    <row r="476675" spans="8:8">
      <c r="H476675" s="12"/>
    </row>
    <row r="476676" spans="8:8">
      <c r="H476676" s="12"/>
    </row>
    <row r="476677" spans="8:8">
      <c r="H476677" s="12"/>
    </row>
    <row r="476678" spans="8:8">
      <c r="H476678" s="12"/>
    </row>
    <row r="476679" spans="8:8">
      <c r="H476679" s="12"/>
    </row>
    <row r="476680" spans="8:8">
      <c r="H476680" s="12"/>
    </row>
    <row r="476681" spans="8:8">
      <c r="H476681" s="12"/>
    </row>
    <row r="476682" spans="8:8">
      <c r="H476682" s="12"/>
    </row>
    <row r="476683" spans="8:8">
      <c r="H476683" s="12"/>
    </row>
    <row r="476684" spans="8:8">
      <c r="H476684" s="12"/>
    </row>
    <row r="476685" spans="8:8">
      <c r="H476685" s="12"/>
    </row>
    <row r="476686" spans="8:8">
      <c r="H476686" s="12"/>
    </row>
    <row r="476687" spans="8:8">
      <c r="H476687" s="12"/>
    </row>
    <row r="476688" spans="8:8">
      <c r="H476688" s="12"/>
    </row>
    <row r="476689" spans="8:8">
      <c r="H476689" s="12"/>
    </row>
    <row r="476690" spans="8:8">
      <c r="H476690" s="12"/>
    </row>
    <row r="476691" spans="8:8">
      <c r="H476691" s="12"/>
    </row>
    <row r="476692" spans="8:8">
      <c r="H476692" s="12"/>
    </row>
    <row r="476693" spans="8:8">
      <c r="H476693" s="12"/>
    </row>
    <row r="476694" spans="8:8">
      <c r="H476694" s="12"/>
    </row>
    <row r="476695" spans="8:8">
      <c r="H476695" s="12"/>
    </row>
    <row r="476696" spans="8:8">
      <c r="H476696" s="12"/>
    </row>
    <row r="476697" spans="8:8">
      <c r="H476697" s="12"/>
    </row>
    <row r="476698" spans="8:8">
      <c r="H476698" s="12"/>
    </row>
    <row r="476699" spans="8:8">
      <c r="H476699" s="12"/>
    </row>
    <row r="476700" spans="8:8">
      <c r="H476700" s="12"/>
    </row>
    <row r="476701" spans="8:8">
      <c r="H476701" s="12"/>
    </row>
    <row r="476702" spans="8:8">
      <c r="H476702" s="12"/>
    </row>
    <row r="476703" spans="8:8">
      <c r="H476703" s="12"/>
    </row>
    <row r="476704" spans="8:8">
      <c r="H476704" s="12"/>
    </row>
    <row r="476705" spans="8:8">
      <c r="H476705" s="12"/>
    </row>
    <row r="476706" spans="8:8">
      <c r="H476706" s="12"/>
    </row>
    <row r="476707" spans="8:8">
      <c r="H476707" s="12"/>
    </row>
    <row r="476708" spans="8:8">
      <c r="H476708" s="12"/>
    </row>
    <row r="476709" spans="8:8">
      <c r="H476709" s="12"/>
    </row>
    <row r="476710" spans="8:8">
      <c r="H476710" s="12"/>
    </row>
    <row r="476711" spans="8:8">
      <c r="H476711" s="12"/>
    </row>
    <row r="476712" spans="8:8">
      <c r="H476712" s="12"/>
    </row>
    <row r="476713" spans="8:8">
      <c r="H476713" s="12"/>
    </row>
    <row r="476714" spans="8:8">
      <c r="H476714" s="12"/>
    </row>
    <row r="476715" spans="8:8">
      <c r="H476715" s="12"/>
    </row>
    <row r="476716" spans="8:8">
      <c r="H476716" s="12"/>
    </row>
    <row r="476717" spans="8:8">
      <c r="H476717" s="12"/>
    </row>
    <row r="476718" spans="8:8">
      <c r="H476718" s="12"/>
    </row>
    <row r="476719" spans="8:8">
      <c r="H476719" s="12"/>
    </row>
    <row r="476720" spans="8:8">
      <c r="H476720" s="12"/>
    </row>
    <row r="476721" spans="8:8">
      <c r="H476721" s="12"/>
    </row>
    <row r="476722" spans="8:8">
      <c r="H476722" s="12"/>
    </row>
    <row r="476723" spans="8:8">
      <c r="H476723" s="12"/>
    </row>
    <row r="476724" spans="8:8">
      <c r="H476724" s="12"/>
    </row>
    <row r="476725" spans="8:8">
      <c r="H476725" s="12"/>
    </row>
    <row r="476726" spans="8:8">
      <c r="H476726" s="12"/>
    </row>
    <row r="476727" spans="8:8">
      <c r="H476727" s="12"/>
    </row>
    <row r="476728" spans="8:8">
      <c r="H476728" s="12"/>
    </row>
    <row r="476729" spans="8:8">
      <c r="H476729" s="12"/>
    </row>
    <row r="476730" spans="8:8">
      <c r="H476730" s="12"/>
    </row>
    <row r="476731" spans="8:8">
      <c r="H476731" s="12"/>
    </row>
    <row r="476732" spans="8:8">
      <c r="H476732" s="12"/>
    </row>
    <row r="476733" spans="8:8">
      <c r="H476733" s="12"/>
    </row>
    <row r="476734" spans="8:8">
      <c r="H476734" s="12"/>
    </row>
    <row r="476735" spans="8:8">
      <c r="H476735" s="12"/>
    </row>
    <row r="476736" spans="8:8">
      <c r="H476736" s="12"/>
    </row>
    <row r="476737" spans="8:8">
      <c r="H476737" s="12"/>
    </row>
    <row r="476738" spans="8:8">
      <c r="H476738" s="12"/>
    </row>
    <row r="476739" spans="8:8">
      <c r="H476739" s="12"/>
    </row>
    <row r="476740" spans="8:8">
      <c r="H476740" s="12"/>
    </row>
    <row r="476741" spans="8:8">
      <c r="H476741" s="12"/>
    </row>
    <row r="476742" spans="8:8">
      <c r="H476742" s="12"/>
    </row>
    <row r="476743" spans="8:8">
      <c r="H476743" s="12"/>
    </row>
    <row r="476744" spans="8:8">
      <c r="H476744" s="12"/>
    </row>
    <row r="476745" spans="8:8">
      <c r="H476745" s="12"/>
    </row>
    <row r="476746" spans="8:8">
      <c r="H476746" s="12"/>
    </row>
    <row r="476747" spans="8:8">
      <c r="H476747" s="12"/>
    </row>
    <row r="476748" spans="8:8">
      <c r="H476748" s="12"/>
    </row>
    <row r="476749" spans="8:8">
      <c r="H476749" s="12"/>
    </row>
    <row r="476750" spans="8:8">
      <c r="H476750" s="12"/>
    </row>
    <row r="476751" spans="8:8">
      <c r="H476751" s="12"/>
    </row>
    <row r="476752" spans="8:8">
      <c r="H476752" s="12"/>
    </row>
    <row r="476753" spans="8:8">
      <c r="H476753" s="12"/>
    </row>
    <row r="476754" spans="8:8">
      <c r="H476754" s="12"/>
    </row>
    <row r="476755" spans="8:8">
      <c r="H476755" s="12"/>
    </row>
    <row r="476756" spans="8:8">
      <c r="H476756" s="12"/>
    </row>
    <row r="476757" spans="8:8">
      <c r="H476757" s="12"/>
    </row>
    <row r="476758" spans="8:8">
      <c r="H476758" s="12"/>
    </row>
    <row r="476759" spans="8:8">
      <c r="H476759" s="12"/>
    </row>
    <row r="476760" spans="8:8">
      <c r="H476760" s="12"/>
    </row>
    <row r="476761" spans="8:8">
      <c r="H476761" s="12"/>
    </row>
    <row r="476762" spans="8:8">
      <c r="H476762" s="12"/>
    </row>
    <row r="476763" spans="8:8">
      <c r="H476763" s="12"/>
    </row>
    <row r="476764" spans="8:8">
      <c r="H476764" s="12"/>
    </row>
    <row r="476765" spans="8:8">
      <c r="H476765" s="12"/>
    </row>
    <row r="476766" spans="8:8">
      <c r="H476766" s="12"/>
    </row>
    <row r="476767" spans="8:8">
      <c r="H476767" s="12"/>
    </row>
    <row r="476768" spans="8:8">
      <c r="H476768" s="12"/>
    </row>
    <row r="476769" spans="8:8">
      <c r="H476769" s="12"/>
    </row>
    <row r="476770" spans="8:8">
      <c r="H476770" s="12"/>
    </row>
    <row r="476771" spans="8:8">
      <c r="H476771" s="12"/>
    </row>
    <row r="476772" spans="8:8">
      <c r="H476772" s="12"/>
    </row>
    <row r="476773" spans="8:8">
      <c r="H476773" s="12"/>
    </row>
    <row r="476774" spans="8:8">
      <c r="H476774" s="12"/>
    </row>
    <row r="476775" spans="8:8">
      <c r="H476775" s="12"/>
    </row>
    <row r="476776" spans="8:8">
      <c r="H476776" s="12"/>
    </row>
    <row r="476777" spans="8:8">
      <c r="H476777" s="12"/>
    </row>
    <row r="476778" spans="8:8">
      <c r="H476778" s="12"/>
    </row>
    <row r="476779" spans="8:8">
      <c r="H476779" s="12"/>
    </row>
    <row r="476780" spans="8:8">
      <c r="H476780" s="12"/>
    </row>
    <row r="476781" spans="8:8">
      <c r="H476781" s="12"/>
    </row>
    <row r="476782" spans="8:8">
      <c r="H476782" s="12"/>
    </row>
    <row r="476783" spans="8:8">
      <c r="H476783" s="12"/>
    </row>
    <row r="476784" spans="8:8">
      <c r="H476784" s="12"/>
    </row>
    <row r="476785" spans="8:8">
      <c r="H476785" s="12"/>
    </row>
    <row r="476786" spans="8:8">
      <c r="H476786" s="12"/>
    </row>
    <row r="476787" spans="8:8">
      <c r="H476787" s="12"/>
    </row>
    <row r="476788" spans="8:8">
      <c r="H476788" s="12"/>
    </row>
    <row r="476789" spans="8:8">
      <c r="H476789" s="12"/>
    </row>
    <row r="476790" spans="8:8">
      <c r="H476790" s="12"/>
    </row>
    <row r="476791" spans="8:8">
      <c r="H476791" s="12"/>
    </row>
    <row r="476792" spans="8:8">
      <c r="H476792" s="12"/>
    </row>
    <row r="476793" spans="8:8">
      <c r="H476793" s="12"/>
    </row>
    <row r="476794" spans="8:8">
      <c r="H476794" s="12"/>
    </row>
    <row r="476795" spans="8:8">
      <c r="H476795" s="12"/>
    </row>
    <row r="476796" spans="8:8">
      <c r="H476796" s="12"/>
    </row>
    <row r="476797" spans="8:8">
      <c r="H476797" s="12"/>
    </row>
    <row r="476798" spans="8:8">
      <c r="H476798" s="12"/>
    </row>
    <row r="476799" spans="8:8">
      <c r="H476799" s="12"/>
    </row>
    <row r="476800" spans="8:8">
      <c r="H476800" s="12"/>
    </row>
    <row r="476801" spans="8:8">
      <c r="H476801" s="12"/>
    </row>
    <row r="476802" spans="8:8">
      <c r="H476802" s="12"/>
    </row>
    <row r="476803" spans="8:8">
      <c r="H476803" s="12"/>
    </row>
    <row r="476804" spans="8:8">
      <c r="H476804" s="12"/>
    </row>
    <row r="476805" spans="8:8">
      <c r="H476805" s="12"/>
    </row>
    <row r="476806" spans="8:8">
      <c r="H476806" s="12"/>
    </row>
    <row r="476807" spans="8:8">
      <c r="H476807" s="12"/>
    </row>
    <row r="476808" spans="8:8">
      <c r="H476808" s="12"/>
    </row>
    <row r="476809" spans="8:8">
      <c r="H476809" s="12"/>
    </row>
    <row r="476810" spans="8:8">
      <c r="H476810" s="12"/>
    </row>
    <row r="476811" spans="8:8">
      <c r="H476811" s="12"/>
    </row>
    <row r="476812" spans="8:8">
      <c r="H476812" s="12"/>
    </row>
    <row r="476813" spans="8:8">
      <c r="H476813" s="12"/>
    </row>
    <row r="476814" spans="8:8">
      <c r="H476814" s="12"/>
    </row>
    <row r="476815" spans="8:8">
      <c r="H476815" s="12"/>
    </row>
    <row r="476816" spans="8:8">
      <c r="H476816" s="12"/>
    </row>
    <row r="476817" spans="8:8">
      <c r="H476817" s="12"/>
    </row>
    <row r="476818" spans="8:8">
      <c r="H476818" s="12"/>
    </row>
    <row r="476819" spans="8:8">
      <c r="H476819" s="12"/>
    </row>
    <row r="476820" spans="8:8">
      <c r="H476820" s="12"/>
    </row>
    <row r="476821" spans="8:8">
      <c r="H476821" s="12"/>
    </row>
    <row r="476822" spans="8:8">
      <c r="H476822" s="12"/>
    </row>
    <row r="476823" spans="8:8">
      <c r="H476823" s="12"/>
    </row>
    <row r="476824" spans="8:8">
      <c r="H476824" s="12"/>
    </row>
    <row r="476825" spans="8:8">
      <c r="H476825" s="12"/>
    </row>
    <row r="476826" spans="8:8">
      <c r="H476826" s="12"/>
    </row>
    <row r="476827" spans="8:8">
      <c r="H476827" s="12"/>
    </row>
    <row r="476828" spans="8:8">
      <c r="H476828" s="12"/>
    </row>
    <row r="476829" spans="8:8">
      <c r="H476829" s="12"/>
    </row>
    <row r="476830" spans="8:8">
      <c r="H476830" s="12"/>
    </row>
    <row r="476831" spans="8:8">
      <c r="H476831" s="12"/>
    </row>
    <row r="476832" spans="8:8">
      <c r="H476832" s="12"/>
    </row>
    <row r="476833" spans="8:8">
      <c r="H476833" s="12"/>
    </row>
    <row r="476834" spans="8:8">
      <c r="H476834" s="12"/>
    </row>
    <row r="476835" spans="8:8">
      <c r="H476835" s="12"/>
    </row>
    <row r="476836" spans="8:8">
      <c r="H476836" s="12"/>
    </row>
    <row r="476837" spans="8:8">
      <c r="H476837" s="12"/>
    </row>
    <row r="476838" spans="8:8">
      <c r="H476838" s="12"/>
    </row>
    <row r="476839" spans="8:8">
      <c r="H476839" s="12"/>
    </row>
    <row r="476840" spans="8:8">
      <c r="H476840" s="12"/>
    </row>
    <row r="476841" spans="8:8">
      <c r="H476841" s="12"/>
    </row>
    <row r="476842" spans="8:8">
      <c r="H476842" s="12"/>
    </row>
    <row r="476843" spans="8:8">
      <c r="H476843" s="12"/>
    </row>
    <row r="476844" spans="8:8">
      <c r="H476844" s="12"/>
    </row>
    <row r="476845" spans="8:8">
      <c r="H476845" s="12"/>
    </row>
    <row r="476846" spans="8:8">
      <c r="H476846" s="12"/>
    </row>
    <row r="476847" spans="8:8">
      <c r="H476847" s="12"/>
    </row>
    <row r="476848" spans="8:8">
      <c r="H476848" s="12"/>
    </row>
    <row r="476849" spans="8:8">
      <c r="H476849" s="12"/>
    </row>
    <row r="476850" spans="8:8">
      <c r="H476850" s="12"/>
    </row>
    <row r="476851" spans="8:8">
      <c r="H476851" s="12"/>
    </row>
    <row r="476852" spans="8:8">
      <c r="H476852" s="12"/>
    </row>
    <row r="476853" spans="8:8">
      <c r="H476853" s="12"/>
    </row>
    <row r="476854" spans="8:8">
      <c r="H476854" s="12"/>
    </row>
    <row r="476855" spans="8:8">
      <c r="H476855" s="12"/>
    </row>
    <row r="476856" spans="8:8">
      <c r="H476856" s="12"/>
    </row>
    <row r="476857" spans="8:8">
      <c r="H476857" s="12"/>
    </row>
    <row r="476858" spans="8:8">
      <c r="H476858" s="12"/>
    </row>
    <row r="476859" spans="8:8">
      <c r="H476859" s="12"/>
    </row>
    <row r="476860" spans="8:8">
      <c r="H476860" s="12"/>
    </row>
    <row r="476861" spans="8:8">
      <c r="H476861" s="12"/>
    </row>
    <row r="476862" spans="8:8">
      <c r="H476862" s="12"/>
    </row>
    <row r="476863" spans="8:8">
      <c r="H476863" s="12"/>
    </row>
    <row r="476864" spans="8:8">
      <c r="H476864" s="12"/>
    </row>
    <row r="476865" spans="8:8">
      <c r="H476865" s="12"/>
    </row>
    <row r="476866" spans="8:8">
      <c r="H476866" s="12"/>
    </row>
    <row r="476867" spans="8:8">
      <c r="H476867" s="12"/>
    </row>
    <row r="476868" spans="8:8">
      <c r="H476868" s="12"/>
    </row>
    <row r="476869" spans="8:8">
      <c r="H476869" s="12"/>
    </row>
    <row r="476870" spans="8:8">
      <c r="H476870" s="12"/>
    </row>
    <row r="476871" spans="8:8">
      <c r="H476871" s="12"/>
    </row>
    <row r="476872" spans="8:8">
      <c r="H476872" s="12"/>
    </row>
    <row r="476873" spans="8:8">
      <c r="H476873" s="12"/>
    </row>
    <row r="476874" spans="8:8">
      <c r="H476874" s="12"/>
    </row>
    <row r="476875" spans="8:8">
      <c r="H476875" s="12"/>
    </row>
    <row r="476876" spans="8:8">
      <c r="H476876" s="12"/>
    </row>
    <row r="476877" spans="8:8">
      <c r="H476877" s="12"/>
    </row>
    <row r="476878" spans="8:8">
      <c r="H476878" s="12"/>
    </row>
    <row r="476879" spans="8:8">
      <c r="H476879" s="12"/>
    </row>
    <row r="476880" spans="8:8">
      <c r="H476880" s="12"/>
    </row>
    <row r="476881" spans="8:8">
      <c r="H476881" s="12"/>
    </row>
    <row r="476882" spans="8:8">
      <c r="H476882" s="12"/>
    </row>
    <row r="476883" spans="8:8">
      <c r="H476883" s="12"/>
    </row>
    <row r="476884" spans="8:8">
      <c r="H476884" s="12"/>
    </row>
    <row r="476885" spans="8:8">
      <c r="H476885" s="12"/>
    </row>
    <row r="476886" spans="8:8">
      <c r="H476886" s="12"/>
    </row>
    <row r="476887" spans="8:8">
      <c r="H476887" s="12"/>
    </row>
    <row r="476888" spans="8:8">
      <c r="H476888" s="12"/>
    </row>
    <row r="476889" spans="8:8">
      <c r="H476889" s="12"/>
    </row>
    <row r="476890" spans="8:8">
      <c r="H476890" s="12"/>
    </row>
    <row r="476891" spans="8:8">
      <c r="H476891" s="12"/>
    </row>
    <row r="476892" spans="8:8">
      <c r="H476892" s="12"/>
    </row>
    <row r="476893" spans="8:8">
      <c r="H476893" s="12"/>
    </row>
    <row r="476894" spans="8:8">
      <c r="H476894" s="12"/>
    </row>
    <row r="476895" spans="8:8">
      <c r="H476895" s="12"/>
    </row>
    <row r="476896" spans="8:8">
      <c r="H476896" s="12"/>
    </row>
    <row r="476897" spans="8:8">
      <c r="H476897" s="12"/>
    </row>
    <row r="476898" spans="8:8">
      <c r="H476898" s="12"/>
    </row>
    <row r="476899" spans="8:8">
      <c r="H476899" s="12"/>
    </row>
    <row r="476900" spans="8:8">
      <c r="H476900" s="12"/>
    </row>
    <row r="476901" spans="8:8">
      <c r="H476901" s="12"/>
    </row>
    <row r="476902" spans="8:8">
      <c r="H476902" s="12"/>
    </row>
    <row r="476903" spans="8:8">
      <c r="H476903" s="12"/>
    </row>
    <row r="476904" spans="8:8">
      <c r="H476904" s="12"/>
    </row>
    <row r="476905" spans="8:8">
      <c r="H476905" s="12"/>
    </row>
    <row r="476906" spans="8:8">
      <c r="H476906" s="12"/>
    </row>
    <row r="476907" spans="8:8">
      <c r="H476907" s="12"/>
    </row>
    <row r="476908" spans="8:8">
      <c r="H476908" s="12"/>
    </row>
    <row r="476909" spans="8:8">
      <c r="H476909" s="12"/>
    </row>
    <row r="476910" spans="8:8">
      <c r="H476910" s="12"/>
    </row>
    <row r="476911" spans="8:8">
      <c r="H476911" s="12"/>
    </row>
    <row r="476912" spans="8:8">
      <c r="H476912" s="12"/>
    </row>
    <row r="476913" spans="8:8">
      <c r="H476913" s="12"/>
    </row>
    <row r="476914" spans="8:8">
      <c r="H476914" s="12"/>
    </row>
    <row r="476915" spans="8:8">
      <c r="H476915" s="12"/>
    </row>
    <row r="476916" spans="8:8">
      <c r="H476916" s="12"/>
    </row>
    <row r="476917" spans="8:8">
      <c r="H476917" s="12"/>
    </row>
    <row r="476918" spans="8:8">
      <c r="H476918" s="12"/>
    </row>
    <row r="476919" spans="8:8">
      <c r="H476919" s="12"/>
    </row>
    <row r="476920" spans="8:8">
      <c r="H476920" s="12"/>
    </row>
    <row r="476921" spans="8:8">
      <c r="H476921" s="12"/>
    </row>
    <row r="476922" spans="8:8">
      <c r="H476922" s="12"/>
    </row>
    <row r="476923" spans="8:8">
      <c r="H476923" s="12"/>
    </row>
    <row r="476924" spans="8:8">
      <c r="H476924" s="12"/>
    </row>
    <row r="476925" spans="8:8">
      <c r="H476925" s="12"/>
    </row>
    <row r="476926" spans="8:8">
      <c r="H476926" s="12"/>
    </row>
    <row r="476927" spans="8:8">
      <c r="H476927" s="12"/>
    </row>
    <row r="476928" spans="8:8">
      <c r="H476928" s="12"/>
    </row>
    <row r="476929" spans="8:8">
      <c r="H476929" s="12"/>
    </row>
    <row r="476930" spans="8:8">
      <c r="H476930" s="12"/>
    </row>
    <row r="476931" spans="8:8">
      <c r="H476931" s="12"/>
    </row>
    <row r="476932" spans="8:8">
      <c r="H476932" s="12"/>
    </row>
    <row r="476933" spans="8:8">
      <c r="H476933" s="12"/>
    </row>
    <row r="476934" spans="8:8">
      <c r="H476934" s="12"/>
    </row>
    <row r="476935" spans="8:8">
      <c r="H476935" s="12"/>
    </row>
    <row r="476936" spans="8:8">
      <c r="H476936" s="12"/>
    </row>
    <row r="476937" spans="8:8">
      <c r="H476937" s="12"/>
    </row>
    <row r="476938" spans="8:8">
      <c r="H476938" s="12"/>
    </row>
    <row r="476939" spans="8:8">
      <c r="H476939" s="12"/>
    </row>
    <row r="476940" spans="8:8">
      <c r="H476940" s="12"/>
    </row>
    <row r="476941" spans="8:8">
      <c r="H476941" s="12"/>
    </row>
    <row r="476942" spans="8:8">
      <c r="H476942" s="12"/>
    </row>
    <row r="476943" spans="8:8">
      <c r="H476943" s="12"/>
    </row>
    <row r="476944" spans="8:8">
      <c r="H476944" s="12"/>
    </row>
    <row r="476945" spans="8:8">
      <c r="H476945" s="12"/>
    </row>
    <row r="476946" spans="8:8">
      <c r="H476946" s="12"/>
    </row>
    <row r="476947" spans="8:8">
      <c r="H476947" s="12"/>
    </row>
    <row r="476948" spans="8:8">
      <c r="H476948" s="12"/>
    </row>
    <row r="476949" spans="8:8">
      <c r="H476949" s="12"/>
    </row>
    <row r="476950" spans="8:8">
      <c r="H476950" s="12"/>
    </row>
    <row r="476951" spans="8:8">
      <c r="H476951" s="12"/>
    </row>
    <row r="476952" spans="8:8">
      <c r="H476952" s="12"/>
    </row>
    <row r="476953" spans="8:8">
      <c r="H476953" s="12"/>
    </row>
    <row r="476954" spans="8:8">
      <c r="H476954" s="12"/>
    </row>
    <row r="476955" spans="8:8">
      <c r="H476955" s="12"/>
    </row>
    <row r="476956" spans="8:8">
      <c r="H476956" s="12"/>
    </row>
    <row r="476957" spans="8:8">
      <c r="H476957" s="12"/>
    </row>
    <row r="476958" spans="8:8">
      <c r="H476958" s="12"/>
    </row>
    <row r="476959" spans="8:8">
      <c r="H476959" s="12"/>
    </row>
    <row r="476960" spans="8:8">
      <c r="H476960" s="12"/>
    </row>
    <row r="476961" spans="8:8">
      <c r="H476961" s="12"/>
    </row>
    <row r="476962" spans="8:8">
      <c r="H476962" s="12"/>
    </row>
    <row r="476963" spans="8:8">
      <c r="H476963" s="12"/>
    </row>
    <row r="476964" spans="8:8">
      <c r="H476964" s="12"/>
    </row>
    <row r="476965" spans="8:8">
      <c r="H476965" s="12"/>
    </row>
    <row r="476966" spans="8:8">
      <c r="H476966" s="12"/>
    </row>
    <row r="476967" spans="8:8">
      <c r="H476967" s="12"/>
    </row>
    <row r="476968" spans="8:8">
      <c r="H476968" s="12"/>
    </row>
    <row r="476969" spans="8:8">
      <c r="H476969" s="12"/>
    </row>
    <row r="476970" spans="8:8">
      <c r="H476970" s="12"/>
    </row>
    <row r="476971" spans="8:8">
      <c r="H476971" s="12"/>
    </row>
    <row r="476972" spans="8:8">
      <c r="H476972" s="12"/>
    </row>
    <row r="476973" spans="8:8">
      <c r="H476973" s="12"/>
    </row>
    <row r="476974" spans="8:8">
      <c r="H476974" s="12"/>
    </row>
    <row r="476975" spans="8:8">
      <c r="H476975" s="12"/>
    </row>
    <row r="476976" spans="8:8">
      <c r="H476976" s="12"/>
    </row>
    <row r="476977" spans="8:8">
      <c r="H476977" s="12"/>
    </row>
    <row r="476978" spans="8:8">
      <c r="H476978" s="12"/>
    </row>
    <row r="476979" spans="8:8">
      <c r="H476979" s="12"/>
    </row>
    <row r="476980" spans="8:8">
      <c r="H476980" s="12"/>
    </row>
    <row r="476981" spans="8:8">
      <c r="H476981" s="12"/>
    </row>
    <row r="476982" spans="8:8">
      <c r="H476982" s="12"/>
    </row>
    <row r="476983" spans="8:8">
      <c r="H476983" s="12"/>
    </row>
    <row r="476984" spans="8:8">
      <c r="H476984" s="12"/>
    </row>
    <row r="476985" spans="8:8">
      <c r="H476985" s="12"/>
    </row>
    <row r="476986" spans="8:8">
      <c r="H476986" s="12"/>
    </row>
    <row r="476987" spans="8:8">
      <c r="H476987" s="12"/>
    </row>
    <row r="476988" spans="8:8">
      <c r="H476988" s="12"/>
    </row>
    <row r="476989" spans="8:8">
      <c r="H476989" s="12"/>
    </row>
    <row r="476990" spans="8:8">
      <c r="H476990" s="12"/>
    </row>
    <row r="476991" spans="8:8">
      <c r="H476991" s="12"/>
    </row>
    <row r="476992" spans="8:8">
      <c r="H476992" s="12"/>
    </row>
    <row r="476993" spans="8:8">
      <c r="H476993" s="12"/>
    </row>
    <row r="476994" spans="8:8">
      <c r="H476994" s="12"/>
    </row>
    <row r="476995" spans="8:8">
      <c r="H476995" s="12"/>
    </row>
    <row r="476996" spans="8:8">
      <c r="H476996" s="12"/>
    </row>
    <row r="476997" spans="8:8">
      <c r="H476997" s="12"/>
    </row>
    <row r="476998" spans="8:8">
      <c r="H476998" s="12"/>
    </row>
    <row r="476999" spans="8:8">
      <c r="H476999" s="12"/>
    </row>
    <row r="477000" spans="8:8">
      <c r="H477000" s="12"/>
    </row>
    <row r="477001" spans="8:8">
      <c r="H477001" s="12"/>
    </row>
    <row r="477002" spans="8:8">
      <c r="H477002" s="12"/>
    </row>
    <row r="477003" spans="8:8">
      <c r="H477003" s="12"/>
    </row>
    <row r="477004" spans="8:8">
      <c r="H477004" s="12"/>
    </row>
    <row r="477005" spans="8:8">
      <c r="H477005" s="12"/>
    </row>
    <row r="477006" spans="8:8">
      <c r="H477006" s="12"/>
    </row>
    <row r="477007" spans="8:8">
      <c r="H477007" s="12"/>
    </row>
    <row r="477008" spans="8:8">
      <c r="H477008" s="12"/>
    </row>
    <row r="477009" spans="8:8">
      <c r="H477009" s="12"/>
    </row>
    <row r="477010" spans="8:8">
      <c r="H477010" s="12"/>
    </row>
    <row r="477011" spans="8:8">
      <c r="H477011" s="12"/>
    </row>
    <row r="477012" spans="8:8">
      <c r="H477012" s="12"/>
    </row>
    <row r="477013" spans="8:8">
      <c r="H477013" s="12"/>
    </row>
    <row r="477014" spans="8:8">
      <c r="H477014" s="12"/>
    </row>
    <row r="477015" spans="8:8">
      <c r="H477015" s="12"/>
    </row>
    <row r="477016" spans="8:8">
      <c r="H477016" s="12"/>
    </row>
    <row r="477017" spans="8:8">
      <c r="H477017" s="12"/>
    </row>
    <row r="477018" spans="8:8">
      <c r="H477018" s="12"/>
    </row>
    <row r="477019" spans="8:8">
      <c r="H477019" s="12"/>
    </row>
    <row r="477020" spans="8:8">
      <c r="H477020" s="12"/>
    </row>
    <row r="477021" spans="8:8">
      <c r="H477021" s="12"/>
    </row>
    <row r="477022" spans="8:8">
      <c r="H477022" s="12"/>
    </row>
    <row r="477023" spans="8:8">
      <c r="H477023" s="12"/>
    </row>
    <row r="477024" spans="8:8">
      <c r="H477024" s="12"/>
    </row>
    <row r="477025" spans="8:8">
      <c r="H477025" s="12"/>
    </row>
    <row r="477026" spans="8:8">
      <c r="H477026" s="12"/>
    </row>
    <row r="477027" spans="8:8">
      <c r="H477027" s="12"/>
    </row>
    <row r="477028" spans="8:8">
      <c r="H477028" s="12"/>
    </row>
    <row r="477029" spans="8:8">
      <c r="H477029" s="12"/>
    </row>
    <row r="477030" spans="8:8">
      <c r="H477030" s="12"/>
    </row>
    <row r="477031" spans="8:8">
      <c r="H477031" s="12"/>
    </row>
    <row r="477032" spans="8:8">
      <c r="H477032" s="12"/>
    </row>
    <row r="477033" spans="8:8">
      <c r="H477033" s="12"/>
    </row>
    <row r="477034" spans="8:8">
      <c r="H477034" s="12"/>
    </row>
    <row r="477035" spans="8:8">
      <c r="H477035" s="12"/>
    </row>
    <row r="477036" spans="8:8">
      <c r="H477036" s="12"/>
    </row>
    <row r="477037" spans="8:8">
      <c r="H477037" s="12"/>
    </row>
    <row r="477038" spans="8:8">
      <c r="H477038" s="12"/>
    </row>
    <row r="477039" spans="8:8">
      <c r="H477039" s="12"/>
    </row>
    <row r="477040" spans="8:8">
      <c r="H477040" s="12"/>
    </row>
    <row r="477041" spans="8:8">
      <c r="H477041" s="12"/>
    </row>
    <row r="477042" spans="8:8">
      <c r="H477042" s="12"/>
    </row>
    <row r="477043" spans="8:8">
      <c r="H477043" s="12"/>
    </row>
    <row r="477044" spans="8:8">
      <c r="H477044" s="12"/>
    </row>
    <row r="477045" spans="8:8">
      <c r="H477045" s="12"/>
    </row>
    <row r="477046" spans="8:8">
      <c r="H477046" s="12"/>
    </row>
    <row r="477047" spans="8:8">
      <c r="H477047" s="12"/>
    </row>
    <row r="477048" spans="8:8">
      <c r="H477048" s="12"/>
    </row>
    <row r="477049" spans="8:8">
      <c r="H477049" s="12"/>
    </row>
    <row r="477050" spans="8:8">
      <c r="H477050" s="12"/>
    </row>
    <row r="477051" spans="8:8">
      <c r="H477051" s="12"/>
    </row>
    <row r="477052" spans="8:8">
      <c r="H477052" s="12"/>
    </row>
    <row r="477053" spans="8:8">
      <c r="H477053" s="12"/>
    </row>
    <row r="477054" spans="8:8">
      <c r="H477054" s="12"/>
    </row>
    <row r="477055" spans="8:8">
      <c r="H477055" s="12"/>
    </row>
    <row r="477056" spans="8:8">
      <c r="H477056" s="12"/>
    </row>
    <row r="477057" spans="8:8">
      <c r="H477057" s="12"/>
    </row>
    <row r="477058" spans="8:8">
      <c r="H477058" s="12"/>
    </row>
    <row r="477059" spans="8:8">
      <c r="H477059" s="12"/>
    </row>
    <row r="477060" spans="8:8">
      <c r="H477060" s="12"/>
    </row>
    <row r="477061" spans="8:8">
      <c r="H477061" s="12"/>
    </row>
    <row r="477062" spans="8:8">
      <c r="H477062" s="12"/>
    </row>
    <row r="477063" spans="8:8">
      <c r="H477063" s="12"/>
    </row>
    <row r="477064" spans="8:8">
      <c r="H477064" s="12"/>
    </row>
    <row r="477065" spans="8:8">
      <c r="H477065" s="12"/>
    </row>
    <row r="477066" spans="8:8">
      <c r="H477066" s="12"/>
    </row>
    <row r="477067" spans="8:8">
      <c r="H477067" s="12"/>
    </row>
    <row r="477068" spans="8:8">
      <c r="H477068" s="12"/>
    </row>
    <row r="477069" spans="8:8">
      <c r="H477069" s="12"/>
    </row>
    <row r="477070" spans="8:8">
      <c r="H477070" s="12"/>
    </row>
    <row r="477071" spans="8:8">
      <c r="H477071" s="12"/>
    </row>
    <row r="477072" spans="8:8">
      <c r="H477072" s="12"/>
    </row>
    <row r="477073" spans="8:8">
      <c r="H477073" s="12"/>
    </row>
    <row r="477074" spans="8:8">
      <c r="H477074" s="12"/>
    </row>
    <row r="477075" spans="8:8">
      <c r="H477075" s="12"/>
    </row>
    <row r="477076" spans="8:8">
      <c r="H477076" s="12"/>
    </row>
    <row r="477077" spans="8:8">
      <c r="H477077" s="12"/>
    </row>
    <row r="477078" spans="8:8">
      <c r="H477078" s="12"/>
    </row>
    <row r="477079" spans="8:8">
      <c r="H477079" s="12"/>
    </row>
    <row r="477080" spans="8:8">
      <c r="H477080" s="12"/>
    </row>
    <row r="477081" spans="8:8">
      <c r="H477081" s="12"/>
    </row>
    <row r="477082" spans="8:8">
      <c r="H477082" s="12"/>
    </row>
    <row r="477083" spans="8:8">
      <c r="H477083" s="12"/>
    </row>
    <row r="477084" spans="8:8">
      <c r="H477084" s="12"/>
    </row>
    <row r="477085" spans="8:8">
      <c r="H477085" s="12"/>
    </row>
    <row r="477086" spans="8:8">
      <c r="H477086" s="12"/>
    </row>
    <row r="477087" spans="8:8">
      <c r="H477087" s="12"/>
    </row>
    <row r="477088" spans="8:8">
      <c r="H477088" s="12"/>
    </row>
    <row r="477089" spans="8:8">
      <c r="H477089" s="12"/>
    </row>
    <row r="477090" spans="8:8">
      <c r="H477090" s="12"/>
    </row>
    <row r="477091" spans="8:8">
      <c r="H477091" s="12"/>
    </row>
    <row r="477092" spans="8:8">
      <c r="H477092" s="12"/>
    </row>
    <row r="477093" spans="8:8">
      <c r="H477093" s="12"/>
    </row>
    <row r="477094" spans="8:8">
      <c r="H477094" s="12"/>
    </row>
    <row r="477095" spans="8:8">
      <c r="H477095" s="12"/>
    </row>
    <row r="477096" spans="8:8">
      <c r="H477096" s="12"/>
    </row>
    <row r="477097" spans="8:8">
      <c r="H477097" s="12"/>
    </row>
    <row r="477098" spans="8:8">
      <c r="H477098" s="12"/>
    </row>
    <row r="477099" spans="8:8">
      <c r="H477099" s="12"/>
    </row>
    <row r="477100" spans="8:8">
      <c r="H477100" s="12"/>
    </row>
    <row r="477101" spans="8:8">
      <c r="H477101" s="12"/>
    </row>
    <row r="477102" spans="8:8">
      <c r="H477102" s="12"/>
    </row>
    <row r="477103" spans="8:8">
      <c r="H477103" s="12"/>
    </row>
    <row r="477104" spans="8:8">
      <c r="H477104" s="12"/>
    </row>
    <row r="477105" spans="8:8">
      <c r="H477105" s="12"/>
    </row>
    <row r="477106" spans="8:8">
      <c r="H477106" s="12"/>
    </row>
    <row r="477107" spans="8:8">
      <c r="H477107" s="12"/>
    </row>
    <row r="477108" spans="8:8">
      <c r="H477108" s="12"/>
    </row>
    <row r="477109" spans="8:8">
      <c r="H477109" s="12"/>
    </row>
    <row r="477110" spans="8:8">
      <c r="H477110" s="12"/>
    </row>
    <row r="477111" spans="8:8">
      <c r="H477111" s="12"/>
    </row>
    <row r="477112" spans="8:8">
      <c r="H477112" s="12"/>
    </row>
    <row r="477113" spans="8:8">
      <c r="H477113" s="12"/>
    </row>
    <row r="477114" spans="8:8">
      <c r="H477114" s="12"/>
    </row>
    <row r="477115" spans="8:8">
      <c r="H477115" s="12"/>
    </row>
    <row r="477116" spans="8:8">
      <c r="H477116" s="12"/>
    </row>
    <row r="477117" spans="8:8">
      <c r="H477117" s="12"/>
    </row>
    <row r="477118" spans="8:8">
      <c r="H477118" s="12"/>
    </row>
    <row r="477119" spans="8:8">
      <c r="H477119" s="12"/>
    </row>
    <row r="477120" spans="8:8">
      <c r="H477120" s="12"/>
    </row>
    <row r="477121" spans="8:8">
      <c r="H477121" s="12"/>
    </row>
    <row r="477122" spans="8:8">
      <c r="H477122" s="12"/>
    </row>
    <row r="477123" spans="8:8">
      <c r="H477123" s="12"/>
    </row>
    <row r="477124" spans="8:8">
      <c r="H477124" s="12"/>
    </row>
    <row r="477125" spans="8:8">
      <c r="H477125" s="12"/>
    </row>
    <row r="477126" spans="8:8">
      <c r="H477126" s="12"/>
    </row>
    <row r="477127" spans="8:8">
      <c r="H477127" s="12"/>
    </row>
    <row r="477128" spans="8:8">
      <c r="H477128" s="12"/>
    </row>
    <row r="477129" spans="8:8">
      <c r="H477129" s="12"/>
    </row>
    <row r="477130" spans="8:8">
      <c r="H477130" s="12"/>
    </row>
    <row r="477131" spans="8:8">
      <c r="H477131" s="12"/>
    </row>
    <row r="477132" spans="8:8">
      <c r="H477132" s="12"/>
    </row>
    <row r="477133" spans="8:8">
      <c r="H477133" s="12"/>
    </row>
    <row r="477134" spans="8:8">
      <c r="H477134" s="12"/>
    </row>
    <row r="477135" spans="8:8">
      <c r="H477135" s="12"/>
    </row>
    <row r="477136" spans="8:8">
      <c r="H477136" s="12"/>
    </row>
    <row r="477137" spans="8:8">
      <c r="H477137" s="12"/>
    </row>
    <row r="477138" spans="8:8">
      <c r="H477138" s="12"/>
    </row>
    <row r="477139" spans="8:8">
      <c r="H477139" s="12"/>
    </row>
    <row r="477140" spans="8:8">
      <c r="H477140" s="12"/>
    </row>
    <row r="477141" spans="8:8">
      <c r="H477141" s="12"/>
    </row>
    <row r="477142" spans="8:8">
      <c r="H477142" s="12"/>
    </row>
    <row r="477143" spans="8:8">
      <c r="H477143" s="12"/>
    </row>
    <row r="477144" spans="8:8">
      <c r="H477144" s="12"/>
    </row>
    <row r="477145" spans="8:8">
      <c r="H477145" s="12"/>
    </row>
    <row r="477146" spans="8:8">
      <c r="H477146" s="12"/>
    </row>
    <row r="477147" spans="8:8">
      <c r="H477147" s="12"/>
    </row>
    <row r="477148" spans="8:8">
      <c r="H477148" s="12"/>
    </row>
    <row r="477149" spans="8:8">
      <c r="H477149" s="12"/>
    </row>
    <row r="477150" spans="8:8">
      <c r="H477150" s="12"/>
    </row>
    <row r="477151" spans="8:8">
      <c r="H477151" s="12"/>
    </row>
    <row r="477152" spans="8:8">
      <c r="H477152" s="12"/>
    </row>
    <row r="477153" spans="8:8">
      <c r="H477153" s="12"/>
    </row>
    <row r="477154" spans="8:8">
      <c r="H477154" s="12"/>
    </row>
    <row r="477155" spans="8:8">
      <c r="H477155" s="12"/>
    </row>
    <row r="477156" spans="8:8">
      <c r="H477156" s="12"/>
    </row>
    <row r="477157" spans="8:8">
      <c r="H477157" s="12"/>
    </row>
    <row r="477158" spans="8:8">
      <c r="H477158" s="12"/>
    </row>
    <row r="477159" spans="8:8">
      <c r="H477159" s="12"/>
    </row>
    <row r="477160" spans="8:8">
      <c r="H477160" s="12"/>
    </row>
    <row r="477161" spans="8:8">
      <c r="H477161" s="12"/>
    </row>
    <row r="477162" spans="8:8">
      <c r="H477162" s="12"/>
    </row>
    <row r="477163" spans="8:8">
      <c r="H477163" s="12"/>
    </row>
    <row r="477164" spans="8:8">
      <c r="H477164" s="12"/>
    </row>
    <row r="477165" spans="8:8">
      <c r="H477165" s="12"/>
    </row>
    <row r="477166" spans="8:8">
      <c r="H477166" s="12"/>
    </row>
    <row r="477167" spans="8:8">
      <c r="H477167" s="12"/>
    </row>
    <row r="477168" spans="8:8">
      <c r="H477168" s="12"/>
    </row>
    <row r="477169" spans="8:8">
      <c r="H477169" s="12"/>
    </row>
    <row r="477170" spans="8:8">
      <c r="H477170" s="12"/>
    </row>
    <row r="477171" spans="8:8">
      <c r="H477171" s="12"/>
    </row>
    <row r="477172" spans="8:8">
      <c r="H477172" s="12"/>
    </row>
    <row r="477173" spans="8:8">
      <c r="H477173" s="12"/>
    </row>
    <row r="477174" spans="8:8">
      <c r="H477174" s="12"/>
    </row>
    <row r="477175" spans="8:8">
      <c r="H477175" s="12"/>
    </row>
    <row r="477176" spans="8:8">
      <c r="H477176" s="12"/>
    </row>
    <row r="477177" spans="8:8">
      <c r="H477177" s="12"/>
    </row>
    <row r="477178" spans="8:8">
      <c r="H477178" s="12"/>
    </row>
    <row r="477179" spans="8:8">
      <c r="H477179" s="12"/>
    </row>
    <row r="477180" spans="8:8">
      <c r="H477180" s="12"/>
    </row>
    <row r="477181" spans="8:8">
      <c r="H477181" s="12"/>
    </row>
    <row r="477182" spans="8:8">
      <c r="H477182" s="12"/>
    </row>
    <row r="477183" spans="8:8">
      <c r="H477183" s="12"/>
    </row>
    <row r="477184" spans="8:8">
      <c r="H477184" s="12"/>
    </row>
    <row r="477185" spans="8:8">
      <c r="H477185" s="12"/>
    </row>
    <row r="477186" spans="8:8">
      <c r="H477186" s="12"/>
    </row>
    <row r="477187" spans="8:8">
      <c r="H477187" s="12"/>
    </row>
    <row r="477188" spans="8:8">
      <c r="H477188" s="12"/>
    </row>
    <row r="477189" spans="8:8">
      <c r="H477189" s="12"/>
    </row>
    <row r="477190" spans="8:8">
      <c r="H477190" s="12"/>
    </row>
    <row r="477191" spans="8:8">
      <c r="H477191" s="12"/>
    </row>
    <row r="477192" spans="8:8">
      <c r="H477192" s="12"/>
    </row>
    <row r="477193" spans="8:8">
      <c r="H477193" s="12"/>
    </row>
    <row r="477194" spans="8:8">
      <c r="H477194" s="12"/>
    </row>
    <row r="477195" spans="8:8">
      <c r="H477195" s="12"/>
    </row>
    <row r="477196" spans="8:8">
      <c r="H477196" s="12"/>
    </row>
    <row r="477197" spans="8:8">
      <c r="H477197" s="12"/>
    </row>
    <row r="477198" spans="8:8">
      <c r="H477198" s="12"/>
    </row>
    <row r="477199" spans="8:8">
      <c r="H477199" s="12"/>
    </row>
    <row r="477200" spans="8:8">
      <c r="H477200" s="12"/>
    </row>
    <row r="477201" spans="8:8">
      <c r="H477201" s="12"/>
    </row>
    <row r="477202" spans="8:8">
      <c r="H477202" s="12"/>
    </row>
    <row r="477203" spans="8:8">
      <c r="H477203" s="12"/>
    </row>
    <row r="477204" spans="8:8">
      <c r="H477204" s="12"/>
    </row>
    <row r="477205" spans="8:8">
      <c r="H477205" s="12"/>
    </row>
    <row r="477206" spans="8:8">
      <c r="H477206" s="12"/>
    </row>
    <row r="477207" spans="8:8">
      <c r="H477207" s="12"/>
    </row>
    <row r="477208" spans="8:8">
      <c r="H477208" s="12"/>
    </row>
    <row r="477209" spans="8:8">
      <c r="H477209" s="12"/>
    </row>
    <row r="477210" spans="8:8">
      <c r="H477210" s="12"/>
    </row>
    <row r="477211" spans="8:8">
      <c r="H477211" s="12"/>
    </row>
    <row r="477212" spans="8:8">
      <c r="H477212" s="12"/>
    </row>
    <row r="477213" spans="8:8">
      <c r="H477213" s="12"/>
    </row>
    <row r="477214" spans="8:8">
      <c r="H477214" s="12"/>
    </row>
    <row r="477215" spans="8:8">
      <c r="H477215" s="12"/>
    </row>
    <row r="477216" spans="8:8">
      <c r="H477216" s="12"/>
    </row>
    <row r="477217" spans="8:8">
      <c r="H477217" s="12"/>
    </row>
    <row r="477218" spans="8:8">
      <c r="H477218" s="12"/>
    </row>
    <row r="477219" spans="8:8">
      <c r="H477219" s="12"/>
    </row>
    <row r="477220" spans="8:8">
      <c r="H477220" s="12"/>
    </row>
    <row r="477221" spans="8:8">
      <c r="H477221" s="12"/>
    </row>
    <row r="477222" spans="8:8">
      <c r="H477222" s="12"/>
    </row>
    <row r="477223" spans="8:8">
      <c r="H477223" s="12"/>
    </row>
    <row r="477224" spans="8:8">
      <c r="H477224" s="12"/>
    </row>
    <row r="477225" spans="8:8">
      <c r="H477225" s="12"/>
    </row>
    <row r="477226" spans="8:8">
      <c r="H477226" s="12"/>
    </row>
    <row r="477227" spans="8:8">
      <c r="H477227" s="12"/>
    </row>
    <row r="477228" spans="8:8">
      <c r="H477228" s="12"/>
    </row>
    <row r="477229" spans="8:8">
      <c r="H477229" s="12"/>
    </row>
    <row r="477230" spans="8:8">
      <c r="H477230" s="12"/>
    </row>
    <row r="477231" spans="8:8">
      <c r="H477231" s="12"/>
    </row>
    <row r="477232" spans="8:8">
      <c r="H477232" s="12"/>
    </row>
    <row r="477233" spans="8:8">
      <c r="H477233" s="12"/>
    </row>
    <row r="477234" spans="8:8">
      <c r="H477234" s="12"/>
    </row>
    <row r="477235" spans="8:8">
      <c r="H477235" s="12"/>
    </row>
    <row r="477236" spans="8:8">
      <c r="H477236" s="12"/>
    </row>
    <row r="477237" spans="8:8">
      <c r="H477237" s="12"/>
    </row>
    <row r="477238" spans="8:8">
      <c r="H477238" s="12"/>
    </row>
    <row r="477239" spans="8:8">
      <c r="H477239" s="12"/>
    </row>
    <row r="477240" spans="8:8">
      <c r="H477240" s="12"/>
    </row>
    <row r="477241" spans="8:8">
      <c r="H477241" s="12"/>
    </row>
    <row r="477242" spans="8:8">
      <c r="H477242" s="12"/>
    </row>
    <row r="477243" spans="8:8">
      <c r="H477243" s="12"/>
    </row>
    <row r="477244" spans="8:8">
      <c r="H477244" s="12"/>
    </row>
    <row r="477245" spans="8:8">
      <c r="H477245" s="12"/>
    </row>
    <row r="477246" spans="8:8">
      <c r="H477246" s="12"/>
    </row>
    <row r="477247" spans="8:8">
      <c r="H477247" s="12"/>
    </row>
    <row r="477248" spans="8:8">
      <c r="H477248" s="12"/>
    </row>
    <row r="477249" spans="8:8">
      <c r="H477249" s="12"/>
    </row>
    <row r="477250" spans="8:8">
      <c r="H477250" s="12"/>
    </row>
    <row r="477251" spans="8:8">
      <c r="H477251" s="12"/>
    </row>
    <row r="477252" spans="8:8">
      <c r="H477252" s="12"/>
    </row>
    <row r="477253" spans="8:8">
      <c r="H477253" s="12"/>
    </row>
    <row r="477254" spans="8:8">
      <c r="H477254" s="12"/>
    </row>
    <row r="477255" spans="8:8">
      <c r="H477255" s="12"/>
    </row>
    <row r="477256" spans="8:8">
      <c r="H477256" s="12"/>
    </row>
    <row r="477257" spans="8:8">
      <c r="H477257" s="12"/>
    </row>
    <row r="477258" spans="8:8">
      <c r="H477258" s="12"/>
    </row>
    <row r="477259" spans="8:8">
      <c r="H477259" s="12"/>
    </row>
    <row r="477260" spans="8:8">
      <c r="H477260" s="12"/>
    </row>
    <row r="477261" spans="8:8">
      <c r="H477261" s="12"/>
    </row>
    <row r="477262" spans="8:8">
      <c r="H477262" s="12"/>
    </row>
    <row r="477263" spans="8:8">
      <c r="H477263" s="12"/>
    </row>
    <row r="477264" spans="8:8">
      <c r="H477264" s="12"/>
    </row>
    <row r="477265" spans="8:8">
      <c r="H477265" s="12"/>
    </row>
    <row r="477266" spans="8:8">
      <c r="H477266" s="12"/>
    </row>
    <row r="477267" spans="8:8">
      <c r="H477267" s="12"/>
    </row>
    <row r="477268" spans="8:8">
      <c r="H477268" s="12"/>
    </row>
    <row r="477269" spans="8:8">
      <c r="H477269" s="12"/>
    </row>
    <row r="477270" spans="8:8">
      <c r="H477270" s="12"/>
    </row>
    <row r="477271" spans="8:8">
      <c r="H477271" s="12"/>
    </row>
    <row r="477272" spans="8:8">
      <c r="H477272" s="12"/>
    </row>
    <row r="477273" spans="8:8">
      <c r="H477273" s="12"/>
    </row>
    <row r="477274" spans="8:8">
      <c r="H477274" s="12"/>
    </row>
    <row r="477275" spans="8:8">
      <c r="H477275" s="12"/>
    </row>
    <row r="477276" spans="8:8">
      <c r="H477276" s="12"/>
    </row>
    <row r="477277" spans="8:8">
      <c r="H477277" s="12"/>
    </row>
    <row r="477278" spans="8:8">
      <c r="H477278" s="12"/>
    </row>
    <row r="477279" spans="8:8">
      <c r="H477279" s="12"/>
    </row>
    <row r="477280" spans="8:8">
      <c r="H477280" s="12"/>
    </row>
    <row r="477281" spans="8:8">
      <c r="H477281" s="12"/>
    </row>
    <row r="477282" spans="8:8">
      <c r="H477282" s="12"/>
    </row>
    <row r="477283" spans="8:8">
      <c r="H477283" s="12"/>
    </row>
    <row r="477284" spans="8:8">
      <c r="H477284" s="12"/>
    </row>
    <row r="477285" spans="8:8">
      <c r="H477285" s="12"/>
    </row>
    <row r="477286" spans="8:8">
      <c r="H477286" s="12"/>
    </row>
    <row r="477287" spans="8:8">
      <c r="H477287" s="12"/>
    </row>
    <row r="477288" spans="8:8">
      <c r="H477288" s="12"/>
    </row>
    <row r="477289" spans="8:8">
      <c r="H477289" s="12"/>
    </row>
    <row r="477290" spans="8:8">
      <c r="H477290" s="12"/>
    </row>
    <row r="477291" spans="8:8">
      <c r="H477291" s="12"/>
    </row>
    <row r="477292" spans="8:8">
      <c r="H477292" s="12"/>
    </row>
    <row r="477293" spans="8:8">
      <c r="H477293" s="12"/>
    </row>
    <row r="477294" spans="8:8">
      <c r="H477294" s="12"/>
    </row>
    <row r="477295" spans="8:8">
      <c r="H477295" s="12"/>
    </row>
    <row r="477296" spans="8:8">
      <c r="H477296" s="12"/>
    </row>
    <row r="477297" spans="8:8">
      <c r="H477297" s="12"/>
    </row>
    <row r="477298" spans="8:8">
      <c r="H477298" s="12"/>
    </row>
    <row r="477299" spans="8:8">
      <c r="H477299" s="12"/>
    </row>
    <row r="477300" spans="8:8">
      <c r="H477300" s="12"/>
    </row>
    <row r="477301" spans="8:8">
      <c r="H477301" s="12"/>
    </row>
    <row r="477302" spans="8:8">
      <c r="H477302" s="12"/>
    </row>
    <row r="477303" spans="8:8">
      <c r="H477303" s="12"/>
    </row>
    <row r="477304" spans="8:8">
      <c r="H477304" s="12"/>
    </row>
    <row r="477305" spans="8:8">
      <c r="H477305" s="12"/>
    </row>
    <row r="477306" spans="8:8">
      <c r="H477306" s="12"/>
    </row>
    <row r="477307" spans="8:8">
      <c r="H477307" s="12"/>
    </row>
    <row r="477308" spans="8:8">
      <c r="H477308" s="12"/>
    </row>
    <row r="477309" spans="8:8">
      <c r="H477309" s="12"/>
    </row>
    <row r="477310" spans="8:8">
      <c r="H477310" s="12"/>
    </row>
    <row r="477311" spans="8:8">
      <c r="H477311" s="12"/>
    </row>
    <row r="477312" spans="8:8">
      <c r="H477312" s="12"/>
    </row>
    <row r="477313" spans="8:8">
      <c r="H477313" s="12"/>
    </row>
    <row r="477314" spans="8:8">
      <c r="H477314" s="12"/>
    </row>
    <row r="477315" spans="8:8">
      <c r="H477315" s="12"/>
    </row>
    <row r="477316" spans="8:8">
      <c r="H477316" s="12"/>
    </row>
    <row r="477317" spans="8:8">
      <c r="H477317" s="12"/>
    </row>
    <row r="477318" spans="8:8">
      <c r="H477318" s="12"/>
    </row>
    <row r="477319" spans="8:8">
      <c r="H477319" s="12"/>
    </row>
    <row r="477320" spans="8:8">
      <c r="H477320" s="12"/>
    </row>
    <row r="477321" spans="8:8">
      <c r="H477321" s="12"/>
    </row>
    <row r="477322" spans="8:8">
      <c r="H477322" s="12"/>
    </row>
    <row r="477323" spans="8:8">
      <c r="H477323" s="12"/>
    </row>
    <row r="477324" spans="8:8">
      <c r="H477324" s="12"/>
    </row>
    <row r="477325" spans="8:8">
      <c r="H477325" s="12"/>
    </row>
    <row r="477326" spans="8:8">
      <c r="H477326" s="12"/>
    </row>
    <row r="477327" spans="8:8">
      <c r="H477327" s="12"/>
    </row>
    <row r="477328" spans="8:8">
      <c r="H477328" s="12"/>
    </row>
    <row r="477329" spans="8:8">
      <c r="H477329" s="12"/>
    </row>
    <row r="477330" spans="8:8">
      <c r="H477330" s="12"/>
    </row>
    <row r="477331" spans="8:8">
      <c r="H477331" s="12"/>
    </row>
    <row r="477332" spans="8:8">
      <c r="H477332" s="12"/>
    </row>
    <row r="477333" spans="8:8">
      <c r="H477333" s="12"/>
    </row>
    <row r="477334" spans="8:8">
      <c r="H477334" s="12"/>
    </row>
    <row r="477335" spans="8:8">
      <c r="H477335" s="12"/>
    </row>
    <row r="477336" spans="8:8">
      <c r="H477336" s="12"/>
    </row>
    <row r="477337" spans="8:8">
      <c r="H477337" s="12"/>
    </row>
    <row r="477338" spans="8:8">
      <c r="H477338" s="12"/>
    </row>
    <row r="477339" spans="8:8">
      <c r="H477339" s="12"/>
    </row>
    <row r="477340" spans="8:8">
      <c r="H477340" s="12"/>
    </row>
    <row r="477341" spans="8:8">
      <c r="H477341" s="12"/>
    </row>
    <row r="477342" spans="8:8">
      <c r="H477342" s="12"/>
    </row>
    <row r="477343" spans="8:8">
      <c r="H477343" s="12"/>
    </row>
    <row r="477344" spans="8:8">
      <c r="H477344" s="12"/>
    </row>
    <row r="477345" spans="8:8">
      <c r="H477345" s="12"/>
    </row>
    <row r="477346" spans="8:8">
      <c r="H477346" s="12"/>
    </row>
    <row r="477347" spans="8:8">
      <c r="H477347" s="12"/>
    </row>
    <row r="477348" spans="8:8">
      <c r="H477348" s="12"/>
    </row>
    <row r="477349" spans="8:8">
      <c r="H477349" s="12"/>
    </row>
    <row r="477350" spans="8:8">
      <c r="H477350" s="12"/>
    </row>
    <row r="477351" spans="8:8">
      <c r="H477351" s="12"/>
    </row>
    <row r="477352" spans="8:8">
      <c r="H477352" s="12"/>
    </row>
    <row r="477353" spans="8:8">
      <c r="H477353" s="12"/>
    </row>
    <row r="477354" spans="8:8">
      <c r="H477354" s="12"/>
    </row>
    <row r="477355" spans="8:8">
      <c r="H477355" s="12"/>
    </row>
    <row r="477356" spans="8:8">
      <c r="H477356" s="12"/>
    </row>
    <row r="477357" spans="8:8">
      <c r="H477357" s="12"/>
    </row>
    <row r="477358" spans="8:8">
      <c r="H477358" s="12"/>
    </row>
    <row r="477359" spans="8:8">
      <c r="H477359" s="12"/>
    </row>
    <row r="477360" spans="8:8">
      <c r="H477360" s="12"/>
    </row>
    <row r="477361" spans="8:8">
      <c r="H477361" s="12"/>
    </row>
    <row r="477362" spans="8:8">
      <c r="H477362" s="12"/>
    </row>
    <row r="477363" spans="8:8">
      <c r="H477363" s="12"/>
    </row>
    <row r="477364" spans="8:8">
      <c r="H477364" s="12"/>
    </row>
    <row r="477365" spans="8:8">
      <c r="H477365" s="12"/>
    </row>
    <row r="477366" spans="8:8">
      <c r="H477366" s="12"/>
    </row>
    <row r="477367" spans="8:8">
      <c r="H477367" s="12"/>
    </row>
    <row r="477368" spans="8:8">
      <c r="H477368" s="12"/>
    </row>
    <row r="477369" spans="8:8">
      <c r="H477369" s="12"/>
    </row>
    <row r="477370" spans="8:8">
      <c r="H477370" s="12"/>
    </row>
    <row r="477371" spans="8:8">
      <c r="H477371" s="12"/>
    </row>
    <row r="477372" spans="8:8">
      <c r="H477372" s="12"/>
    </row>
    <row r="477373" spans="8:8">
      <c r="H477373" s="12"/>
    </row>
    <row r="477374" spans="8:8">
      <c r="H477374" s="12"/>
    </row>
    <row r="477375" spans="8:8">
      <c r="H477375" s="12"/>
    </row>
    <row r="477376" spans="8:8">
      <c r="H477376" s="12"/>
    </row>
    <row r="477377" spans="8:8">
      <c r="H477377" s="12"/>
    </row>
    <row r="477378" spans="8:8">
      <c r="H477378" s="12"/>
    </row>
    <row r="477379" spans="8:8">
      <c r="H477379" s="12"/>
    </row>
    <row r="477380" spans="8:8">
      <c r="H477380" s="12"/>
    </row>
    <row r="477381" spans="8:8">
      <c r="H477381" s="12"/>
    </row>
    <row r="477382" spans="8:8">
      <c r="H477382" s="12"/>
    </row>
    <row r="477383" spans="8:8">
      <c r="H477383" s="12"/>
    </row>
    <row r="477384" spans="8:8">
      <c r="H477384" s="12"/>
    </row>
    <row r="477385" spans="8:8">
      <c r="H477385" s="12"/>
    </row>
    <row r="477386" spans="8:8">
      <c r="H477386" s="12"/>
    </row>
    <row r="477387" spans="8:8">
      <c r="H477387" s="12"/>
    </row>
    <row r="477388" spans="8:8">
      <c r="H477388" s="12"/>
    </row>
    <row r="477389" spans="8:8">
      <c r="H477389" s="12"/>
    </row>
    <row r="477390" spans="8:8">
      <c r="H477390" s="12"/>
    </row>
    <row r="477391" spans="8:8">
      <c r="H477391" s="12"/>
    </row>
    <row r="477392" spans="8:8">
      <c r="H477392" s="12"/>
    </row>
    <row r="477393" spans="8:8">
      <c r="H477393" s="12"/>
    </row>
    <row r="477394" spans="8:8">
      <c r="H477394" s="12"/>
    </row>
    <row r="477395" spans="8:8">
      <c r="H477395" s="12"/>
    </row>
    <row r="477396" spans="8:8">
      <c r="H477396" s="12"/>
    </row>
    <row r="477397" spans="8:8">
      <c r="H477397" s="12"/>
    </row>
    <row r="477398" spans="8:8">
      <c r="H477398" s="12"/>
    </row>
    <row r="477399" spans="8:8">
      <c r="H477399" s="12"/>
    </row>
    <row r="477400" spans="8:8">
      <c r="H477400" s="12"/>
    </row>
    <row r="477401" spans="8:8">
      <c r="H477401" s="12"/>
    </row>
    <row r="477402" spans="8:8">
      <c r="H477402" s="12"/>
    </row>
    <row r="477403" spans="8:8">
      <c r="H477403" s="12"/>
    </row>
    <row r="477404" spans="8:8">
      <c r="H477404" s="12"/>
    </row>
    <row r="477405" spans="8:8">
      <c r="H477405" s="12"/>
    </row>
    <row r="477406" spans="8:8">
      <c r="H477406" s="12"/>
    </row>
    <row r="477407" spans="8:8">
      <c r="H477407" s="12"/>
    </row>
    <row r="477408" spans="8:8">
      <c r="H477408" s="12"/>
    </row>
    <row r="477409" spans="8:8">
      <c r="H477409" s="12"/>
    </row>
    <row r="477410" spans="8:8">
      <c r="H477410" s="12"/>
    </row>
    <row r="477411" spans="8:8">
      <c r="H477411" s="12"/>
    </row>
    <row r="477412" spans="8:8">
      <c r="H477412" s="12"/>
    </row>
    <row r="477413" spans="8:8">
      <c r="H477413" s="12"/>
    </row>
    <row r="477414" spans="8:8">
      <c r="H477414" s="12"/>
    </row>
    <row r="477415" spans="8:8">
      <c r="H477415" s="12"/>
    </row>
    <row r="477416" spans="8:8">
      <c r="H477416" s="12"/>
    </row>
    <row r="477417" spans="8:8">
      <c r="H477417" s="12"/>
    </row>
    <row r="477418" spans="8:8">
      <c r="H477418" s="12"/>
    </row>
    <row r="477419" spans="8:8">
      <c r="H477419" s="12"/>
    </row>
    <row r="477420" spans="8:8">
      <c r="H477420" s="12"/>
    </row>
    <row r="477421" spans="8:8">
      <c r="H477421" s="12"/>
    </row>
    <row r="477422" spans="8:8">
      <c r="H477422" s="12"/>
    </row>
    <row r="477423" spans="8:8">
      <c r="H477423" s="12"/>
    </row>
    <row r="477424" spans="8:8">
      <c r="H477424" s="12"/>
    </row>
    <row r="477425" spans="8:8">
      <c r="H477425" s="12"/>
    </row>
    <row r="477426" spans="8:8">
      <c r="H477426" s="12"/>
    </row>
    <row r="477427" spans="8:8">
      <c r="H477427" s="12"/>
    </row>
    <row r="477428" spans="8:8">
      <c r="H477428" s="12"/>
    </row>
    <row r="477429" spans="8:8">
      <c r="H477429" s="12"/>
    </row>
    <row r="477430" spans="8:8">
      <c r="H477430" s="12"/>
    </row>
    <row r="477431" spans="8:8">
      <c r="H477431" s="12"/>
    </row>
    <row r="477432" spans="8:8">
      <c r="H477432" s="12"/>
    </row>
    <row r="477433" spans="8:8">
      <c r="H477433" s="12"/>
    </row>
    <row r="477434" spans="8:8">
      <c r="H477434" s="12"/>
    </row>
    <row r="477435" spans="8:8">
      <c r="H477435" s="12"/>
    </row>
    <row r="477436" spans="8:8">
      <c r="H477436" s="12"/>
    </row>
    <row r="477437" spans="8:8">
      <c r="H477437" s="12"/>
    </row>
    <row r="477438" spans="8:8">
      <c r="H477438" s="12"/>
    </row>
    <row r="477439" spans="8:8">
      <c r="H477439" s="12"/>
    </row>
    <row r="477440" spans="8:8">
      <c r="H477440" s="12"/>
    </row>
    <row r="477441" spans="8:8">
      <c r="H477441" s="12"/>
    </row>
    <row r="477442" spans="8:8">
      <c r="H477442" s="12"/>
    </row>
    <row r="477443" spans="8:8">
      <c r="H477443" s="12"/>
    </row>
    <row r="477444" spans="8:8">
      <c r="H477444" s="12"/>
    </row>
    <row r="477445" spans="8:8">
      <c r="H477445" s="12"/>
    </row>
    <row r="477446" spans="8:8">
      <c r="H477446" s="12"/>
    </row>
    <row r="477447" spans="8:8">
      <c r="H477447" s="12"/>
    </row>
    <row r="477448" spans="8:8">
      <c r="H477448" s="12"/>
    </row>
    <row r="477449" spans="8:8">
      <c r="H477449" s="12"/>
    </row>
    <row r="477450" spans="8:8">
      <c r="H477450" s="12"/>
    </row>
    <row r="477451" spans="8:8">
      <c r="H477451" s="12"/>
    </row>
    <row r="477452" spans="8:8">
      <c r="H477452" s="12"/>
    </row>
    <row r="477453" spans="8:8">
      <c r="H477453" s="12"/>
    </row>
    <row r="477454" spans="8:8">
      <c r="H477454" s="12"/>
    </row>
    <row r="477455" spans="8:8">
      <c r="H477455" s="12"/>
    </row>
    <row r="477456" spans="8:8">
      <c r="H477456" s="12"/>
    </row>
    <row r="477457" spans="8:8">
      <c r="H477457" s="12"/>
    </row>
    <row r="477458" spans="8:8">
      <c r="H477458" s="12"/>
    </row>
    <row r="477459" spans="8:8">
      <c r="H477459" s="12"/>
    </row>
    <row r="477460" spans="8:8">
      <c r="H477460" s="12"/>
    </row>
    <row r="477461" spans="8:8">
      <c r="H477461" s="12"/>
    </row>
    <row r="477462" spans="8:8">
      <c r="H477462" s="12"/>
    </row>
    <row r="477463" spans="8:8">
      <c r="H477463" s="12"/>
    </row>
    <row r="477464" spans="8:8">
      <c r="H477464" s="12"/>
    </row>
    <row r="477465" spans="8:8">
      <c r="H477465" s="12"/>
    </row>
    <row r="477466" spans="8:8">
      <c r="H477466" s="12"/>
    </row>
    <row r="477467" spans="8:8">
      <c r="H477467" s="12"/>
    </row>
    <row r="477468" spans="8:8">
      <c r="H477468" s="12"/>
    </row>
    <row r="477469" spans="8:8">
      <c r="H477469" s="12"/>
    </row>
    <row r="477470" spans="8:8">
      <c r="H477470" s="12"/>
    </row>
    <row r="477471" spans="8:8">
      <c r="H477471" s="12"/>
    </row>
    <row r="477472" spans="8:8">
      <c r="H477472" s="12"/>
    </row>
    <row r="477473" spans="8:8">
      <c r="H477473" s="12"/>
    </row>
    <row r="477474" spans="8:8">
      <c r="H477474" s="12"/>
    </row>
    <row r="477475" spans="8:8">
      <c r="H477475" s="12"/>
    </row>
    <row r="477476" spans="8:8">
      <c r="H477476" s="12"/>
    </row>
    <row r="477477" spans="8:8">
      <c r="H477477" s="12"/>
    </row>
    <row r="477478" spans="8:8">
      <c r="H477478" s="12"/>
    </row>
    <row r="477479" spans="8:8">
      <c r="H477479" s="12"/>
    </row>
    <row r="477480" spans="8:8">
      <c r="H477480" s="12"/>
    </row>
    <row r="477481" spans="8:8">
      <c r="H477481" s="12"/>
    </row>
    <row r="477482" spans="8:8">
      <c r="H477482" s="12"/>
    </row>
    <row r="477483" spans="8:8">
      <c r="H477483" s="12"/>
    </row>
    <row r="477484" spans="8:8">
      <c r="H477484" s="12"/>
    </row>
    <row r="477485" spans="8:8">
      <c r="H477485" s="12"/>
    </row>
    <row r="477486" spans="8:8">
      <c r="H477486" s="12"/>
    </row>
    <row r="477487" spans="8:8">
      <c r="H477487" s="12"/>
    </row>
    <row r="477488" spans="8:8">
      <c r="H477488" s="12"/>
    </row>
    <row r="477489" spans="8:8">
      <c r="H477489" s="12"/>
    </row>
    <row r="477490" spans="8:8">
      <c r="H477490" s="12"/>
    </row>
    <row r="477491" spans="8:8">
      <c r="H477491" s="12"/>
    </row>
    <row r="477492" spans="8:8">
      <c r="H477492" s="12"/>
    </row>
    <row r="477493" spans="8:8">
      <c r="H477493" s="12"/>
    </row>
    <row r="477494" spans="8:8">
      <c r="H477494" s="12"/>
    </row>
    <row r="477495" spans="8:8">
      <c r="H477495" s="12"/>
    </row>
    <row r="477496" spans="8:8">
      <c r="H477496" s="12"/>
    </row>
    <row r="477497" spans="8:8">
      <c r="H477497" s="12"/>
    </row>
    <row r="477498" spans="8:8">
      <c r="H477498" s="12"/>
    </row>
    <row r="477499" spans="8:8">
      <c r="H477499" s="12"/>
    </row>
    <row r="477500" spans="8:8">
      <c r="H477500" s="12"/>
    </row>
    <row r="477501" spans="8:8">
      <c r="H477501" s="12"/>
    </row>
    <row r="477502" spans="8:8">
      <c r="H477502" s="12"/>
    </row>
    <row r="477503" spans="8:8">
      <c r="H477503" s="12"/>
    </row>
    <row r="477504" spans="8:8">
      <c r="H477504" s="12"/>
    </row>
    <row r="477505" spans="8:8">
      <c r="H477505" s="12"/>
    </row>
    <row r="477506" spans="8:8">
      <c r="H477506" s="12"/>
    </row>
    <row r="477507" spans="8:8">
      <c r="H477507" s="12"/>
    </row>
    <row r="477508" spans="8:8">
      <c r="H477508" s="12"/>
    </row>
    <row r="477509" spans="8:8">
      <c r="H477509" s="12"/>
    </row>
    <row r="477510" spans="8:8">
      <c r="H477510" s="12"/>
    </row>
    <row r="477511" spans="8:8">
      <c r="H477511" s="12"/>
    </row>
    <row r="477512" spans="8:8">
      <c r="H477512" s="12"/>
    </row>
    <row r="477513" spans="8:8">
      <c r="H477513" s="12"/>
    </row>
    <row r="477514" spans="8:8">
      <c r="H477514" s="12"/>
    </row>
    <row r="477515" spans="8:8">
      <c r="H477515" s="12"/>
    </row>
    <row r="477516" spans="8:8">
      <c r="H477516" s="12"/>
    </row>
    <row r="477517" spans="8:8">
      <c r="H477517" s="12"/>
    </row>
    <row r="477518" spans="8:8">
      <c r="H477518" s="12"/>
    </row>
    <row r="477519" spans="8:8">
      <c r="H477519" s="12"/>
    </row>
    <row r="477520" spans="8:8">
      <c r="H477520" s="12"/>
    </row>
    <row r="477521" spans="8:8">
      <c r="H477521" s="12"/>
    </row>
    <row r="477522" spans="8:8">
      <c r="H477522" s="12"/>
    </row>
    <row r="477523" spans="8:8">
      <c r="H477523" s="12"/>
    </row>
    <row r="477524" spans="8:8">
      <c r="H477524" s="12"/>
    </row>
    <row r="477525" spans="8:8">
      <c r="H477525" s="12"/>
    </row>
    <row r="477526" spans="8:8">
      <c r="H477526" s="12"/>
    </row>
    <row r="477527" spans="8:8">
      <c r="H477527" s="12"/>
    </row>
    <row r="477528" spans="8:8">
      <c r="H477528" s="12"/>
    </row>
    <row r="477529" spans="8:8">
      <c r="H477529" s="12"/>
    </row>
    <row r="477530" spans="8:8">
      <c r="H477530" s="12"/>
    </row>
    <row r="477531" spans="8:8">
      <c r="H477531" s="12"/>
    </row>
    <row r="477532" spans="8:8">
      <c r="H477532" s="12"/>
    </row>
    <row r="477533" spans="8:8">
      <c r="H477533" s="12"/>
    </row>
    <row r="477534" spans="8:8">
      <c r="H477534" s="12"/>
    </row>
    <row r="477535" spans="8:8">
      <c r="H477535" s="12"/>
    </row>
    <row r="477536" spans="8:8">
      <c r="H477536" s="12"/>
    </row>
    <row r="477537" spans="8:8">
      <c r="H477537" s="12"/>
    </row>
    <row r="477538" spans="8:8">
      <c r="H477538" s="12"/>
    </row>
    <row r="477539" spans="8:8">
      <c r="H477539" s="12"/>
    </row>
    <row r="477540" spans="8:8">
      <c r="H477540" s="12"/>
    </row>
    <row r="477541" spans="8:8">
      <c r="H477541" s="12"/>
    </row>
    <row r="477542" spans="8:8">
      <c r="H477542" s="12"/>
    </row>
    <row r="477543" spans="8:8">
      <c r="H477543" s="12"/>
    </row>
    <row r="477544" spans="8:8">
      <c r="H477544" s="12"/>
    </row>
    <row r="477545" spans="8:8">
      <c r="H477545" s="12"/>
    </row>
    <row r="477546" spans="8:8">
      <c r="H477546" s="12"/>
    </row>
    <row r="477547" spans="8:8">
      <c r="H477547" s="12"/>
    </row>
    <row r="477548" spans="8:8">
      <c r="H477548" s="12"/>
    </row>
    <row r="477549" spans="8:8">
      <c r="H477549" s="12"/>
    </row>
    <row r="477550" spans="8:8">
      <c r="H477550" s="12"/>
    </row>
    <row r="477551" spans="8:8">
      <c r="H477551" s="12"/>
    </row>
    <row r="477552" spans="8:8">
      <c r="H477552" s="12"/>
    </row>
    <row r="477553" spans="8:8">
      <c r="H477553" s="12"/>
    </row>
    <row r="477554" spans="8:8">
      <c r="H477554" s="12"/>
    </row>
    <row r="477555" spans="8:8">
      <c r="H477555" s="12"/>
    </row>
    <row r="477556" spans="8:8">
      <c r="H477556" s="12"/>
    </row>
    <row r="477557" spans="8:8">
      <c r="H477557" s="12"/>
    </row>
    <row r="477558" spans="8:8">
      <c r="H477558" s="12"/>
    </row>
    <row r="477559" spans="8:8">
      <c r="H477559" s="12"/>
    </row>
    <row r="477560" spans="8:8">
      <c r="H477560" s="12"/>
    </row>
    <row r="477561" spans="8:8">
      <c r="H477561" s="12"/>
    </row>
    <row r="477562" spans="8:8">
      <c r="H477562" s="12"/>
    </row>
    <row r="477563" spans="8:8">
      <c r="H477563" s="12"/>
    </row>
    <row r="477564" spans="8:8">
      <c r="H477564" s="12"/>
    </row>
    <row r="477565" spans="8:8">
      <c r="H477565" s="12"/>
    </row>
    <row r="477566" spans="8:8">
      <c r="H477566" s="12"/>
    </row>
    <row r="477567" spans="8:8">
      <c r="H477567" s="12"/>
    </row>
    <row r="477568" spans="8:8">
      <c r="H477568" s="12"/>
    </row>
    <row r="477569" spans="8:8">
      <c r="H477569" s="12"/>
    </row>
    <row r="477570" spans="8:8">
      <c r="H477570" s="12"/>
    </row>
    <row r="477571" spans="8:8">
      <c r="H477571" s="12"/>
    </row>
    <row r="477572" spans="8:8">
      <c r="H477572" s="12"/>
    </row>
    <row r="477573" spans="8:8">
      <c r="H477573" s="12"/>
    </row>
    <row r="477574" spans="8:8">
      <c r="H477574" s="12"/>
    </row>
    <row r="477575" spans="8:8">
      <c r="H477575" s="12"/>
    </row>
    <row r="477576" spans="8:8">
      <c r="H477576" s="12"/>
    </row>
    <row r="477577" spans="8:8">
      <c r="H477577" s="12"/>
    </row>
    <row r="477578" spans="8:8">
      <c r="H477578" s="12"/>
    </row>
    <row r="477579" spans="8:8">
      <c r="H477579" s="12"/>
    </row>
    <row r="477580" spans="8:8">
      <c r="H477580" s="12"/>
    </row>
    <row r="477581" spans="8:8">
      <c r="H477581" s="12"/>
    </row>
    <row r="477582" spans="8:8">
      <c r="H477582" s="12"/>
    </row>
    <row r="477583" spans="8:8">
      <c r="H477583" s="12"/>
    </row>
    <row r="477584" spans="8:8">
      <c r="H477584" s="12"/>
    </row>
    <row r="477585" spans="8:8">
      <c r="H477585" s="12"/>
    </row>
    <row r="477586" spans="8:8">
      <c r="H477586" s="12"/>
    </row>
    <row r="477587" spans="8:8">
      <c r="H477587" s="12"/>
    </row>
    <row r="477588" spans="8:8">
      <c r="H477588" s="12"/>
    </row>
    <row r="477589" spans="8:8">
      <c r="H477589" s="12"/>
    </row>
    <row r="477590" spans="8:8">
      <c r="H477590" s="12"/>
    </row>
    <row r="477591" spans="8:8">
      <c r="H477591" s="12"/>
    </row>
    <row r="477592" spans="8:8">
      <c r="H477592" s="12"/>
    </row>
    <row r="477593" spans="8:8">
      <c r="H477593" s="12"/>
    </row>
    <row r="477594" spans="8:8">
      <c r="H477594" s="12"/>
    </row>
    <row r="477595" spans="8:8">
      <c r="H477595" s="12"/>
    </row>
    <row r="477596" spans="8:8">
      <c r="H477596" s="12"/>
    </row>
    <row r="477597" spans="8:8">
      <c r="H477597" s="12"/>
    </row>
    <row r="477598" spans="8:8">
      <c r="H477598" s="12"/>
    </row>
    <row r="477599" spans="8:8">
      <c r="H477599" s="12"/>
    </row>
    <row r="477600" spans="8:8">
      <c r="H477600" s="12"/>
    </row>
    <row r="477601" spans="8:8">
      <c r="H477601" s="12"/>
    </row>
    <row r="477602" spans="8:8">
      <c r="H477602" s="12"/>
    </row>
    <row r="477603" spans="8:8">
      <c r="H477603" s="12"/>
    </row>
    <row r="477604" spans="8:8">
      <c r="H477604" s="12"/>
    </row>
    <row r="477605" spans="8:8">
      <c r="H477605" s="12"/>
    </row>
    <row r="477606" spans="8:8">
      <c r="H477606" s="12"/>
    </row>
    <row r="477607" spans="8:8">
      <c r="H477607" s="12"/>
    </row>
    <row r="477608" spans="8:8">
      <c r="H477608" s="12"/>
    </row>
    <row r="477609" spans="8:8">
      <c r="H477609" s="12"/>
    </row>
    <row r="477610" spans="8:8">
      <c r="H477610" s="12"/>
    </row>
    <row r="477611" spans="8:8">
      <c r="H477611" s="12"/>
    </row>
    <row r="477612" spans="8:8">
      <c r="H477612" s="12"/>
    </row>
    <row r="477613" spans="8:8">
      <c r="H477613" s="12"/>
    </row>
    <row r="477614" spans="8:8">
      <c r="H477614" s="12"/>
    </row>
    <row r="477615" spans="8:8">
      <c r="H477615" s="12"/>
    </row>
    <row r="477616" spans="8:8">
      <c r="H477616" s="12"/>
    </row>
    <row r="477617" spans="8:8">
      <c r="H477617" s="12"/>
    </row>
    <row r="477618" spans="8:8">
      <c r="H477618" s="12"/>
    </row>
    <row r="477619" spans="8:8">
      <c r="H477619" s="12"/>
    </row>
    <row r="477620" spans="8:8">
      <c r="H477620" s="12"/>
    </row>
    <row r="477621" spans="8:8">
      <c r="H477621" s="12"/>
    </row>
    <row r="477622" spans="8:8">
      <c r="H477622" s="12"/>
    </row>
    <row r="477623" spans="8:8">
      <c r="H477623" s="12"/>
    </row>
    <row r="477624" spans="8:8">
      <c r="H477624" s="12"/>
    </row>
    <row r="477625" spans="8:8">
      <c r="H477625" s="12"/>
    </row>
    <row r="477626" spans="8:8">
      <c r="H477626" s="12"/>
    </row>
    <row r="477627" spans="8:8">
      <c r="H477627" s="12"/>
    </row>
    <row r="477628" spans="8:8">
      <c r="H477628" s="12"/>
    </row>
    <row r="477629" spans="8:8">
      <c r="H477629" s="12"/>
    </row>
    <row r="477630" spans="8:8">
      <c r="H477630" s="12"/>
    </row>
    <row r="477631" spans="8:8">
      <c r="H477631" s="12"/>
    </row>
    <row r="477632" spans="8:8">
      <c r="H477632" s="12"/>
    </row>
    <row r="477633" spans="8:8">
      <c r="H477633" s="12"/>
    </row>
    <row r="477634" spans="8:8">
      <c r="H477634" s="12"/>
    </row>
    <row r="477635" spans="8:8">
      <c r="H477635" s="12"/>
    </row>
    <row r="477636" spans="8:8">
      <c r="H477636" s="12"/>
    </row>
    <row r="477637" spans="8:8">
      <c r="H477637" s="12"/>
    </row>
    <row r="477638" spans="8:8">
      <c r="H477638" s="12"/>
    </row>
    <row r="477639" spans="8:8">
      <c r="H477639" s="12"/>
    </row>
    <row r="477640" spans="8:8">
      <c r="H477640" s="12"/>
    </row>
    <row r="477641" spans="8:8">
      <c r="H477641" s="12"/>
    </row>
    <row r="477642" spans="8:8">
      <c r="H477642" s="12"/>
    </row>
    <row r="477643" spans="8:8">
      <c r="H477643" s="12"/>
    </row>
    <row r="477644" spans="8:8">
      <c r="H477644" s="12"/>
    </row>
    <row r="477645" spans="8:8">
      <c r="H477645" s="12"/>
    </row>
    <row r="477646" spans="8:8">
      <c r="H477646" s="12"/>
    </row>
    <row r="477647" spans="8:8">
      <c r="H477647" s="12"/>
    </row>
    <row r="477648" spans="8:8">
      <c r="H477648" s="12"/>
    </row>
    <row r="477649" spans="8:8">
      <c r="H477649" s="12"/>
    </row>
    <row r="477650" spans="8:8">
      <c r="H477650" s="12"/>
    </row>
    <row r="477651" spans="8:8">
      <c r="H477651" s="12"/>
    </row>
    <row r="477652" spans="8:8">
      <c r="H477652" s="12"/>
    </row>
    <row r="477653" spans="8:8">
      <c r="H477653" s="12"/>
    </row>
    <row r="477654" spans="8:8">
      <c r="H477654" s="12"/>
    </row>
    <row r="477655" spans="8:8">
      <c r="H477655" s="12"/>
    </row>
    <row r="477656" spans="8:8">
      <c r="H477656" s="12"/>
    </row>
    <row r="477657" spans="8:8">
      <c r="H477657" s="12"/>
    </row>
    <row r="477658" spans="8:8">
      <c r="H477658" s="12"/>
    </row>
    <row r="477659" spans="8:8">
      <c r="H477659" s="12"/>
    </row>
    <row r="477660" spans="8:8">
      <c r="H477660" s="12"/>
    </row>
    <row r="477661" spans="8:8">
      <c r="H477661" s="12"/>
    </row>
    <row r="477662" spans="8:8">
      <c r="H477662" s="12"/>
    </row>
    <row r="477663" spans="8:8">
      <c r="H477663" s="12"/>
    </row>
    <row r="477664" spans="8:8">
      <c r="H477664" s="12"/>
    </row>
    <row r="477665" spans="8:8">
      <c r="H477665" s="12"/>
    </row>
    <row r="477666" spans="8:8">
      <c r="H477666" s="12"/>
    </row>
    <row r="477667" spans="8:8">
      <c r="H477667" s="12"/>
    </row>
    <row r="477668" spans="8:8">
      <c r="H477668" s="12"/>
    </row>
    <row r="477669" spans="8:8">
      <c r="H477669" s="12"/>
    </row>
    <row r="477670" spans="8:8">
      <c r="H477670" s="12"/>
    </row>
    <row r="477671" spans="8:8">
      <c r="H477671" s="12"/>
    </row>
    <row r="477672" spans="8:8">
      <c r="H477672" s="12"/>
    </row>
    <row r="477673" spans="8:8">
      <c r="H477673" s="12"/>
    </row>
    <row r="477674" spans="8:8">
      <c r="H477674" s="12"/>
    </row>
    <row r="477675" spans="8:8">
      <c r="H477675" s="12"/>
    </row>
    <row r="477676" spans="8:8">
      <c r="H477676" s="12"/>
    </row>
    <row r="477677" spans="8:8">
      <c r="H477677" s="12"/>
    </row>
    <row r="477678" spans="8:8">
      <c r="H477678" s="12"/>
    </row>
    <row r="477679" spans="8:8">
      <c r="H477679" s="12"/>
    </row>
    <row r="477680" spans="8:8">
      <c r="H477680" s="12"/>
    </row>
    <row r="477681" spans="8:8">
      <c r="H477681" s="12"/>
    </row>
    <row r="477682" spans="8:8">
      <c r="H477682" s="12"/>
    </row>
    <row r="477683" spans="8:8">
      <c r="H477683" s="12"/>
    </row>
    <row r="477684" spans="8:8">
      <c r="H477684" s="12"/>
    </row>
    <row r="477685" spans="8:8">
      <c r="H477685" s="12"/>
    </row>
    <row r="477686" spans="8:8">
      <c r="H477686" s="12"/>
    </row>
    <row r="477687" spans="8:8">
      <c r="H477687" s="12"/>
    </row>
    <row r="477688" spans="8:8">
      <c r="H477688" s="12"/>
    </row>
    <row r="477689" spans="8:8">
      <c r="H477689" s="12"/>
    </row>
    <row r="477690" spans="8:8">
      <c r="H477690" s="12"/>
    </row>
    <row r="477691" spans="8:8">
      <c r="H477691" s="12"/>
    </row>
    <row r="477692" spans="8:8">
      <c r="H477692" s="12"/>
    </row>
    <row r="477693" spans="8:8">
      <c r="H477693" s="12"/>
    </row>
    <row r="477694" spans="8:8">
      <c r="H477694" s="12"/>
    </row>
    <row r="477695" spans="8:8">
      <c r="H477695" s="12"/>
    </row>
    <row r="477696" spans="8:8">
      <c r="H477696" s="12"/>
    </row>
    <row r="477697" spans="8:8">
      <c r="H477697" s="12"/>
    </row>
    <row r="477698" spans="8:8">
      <c r="H477698" s="12"/>
    </row>
    <row r="477699" spans="8:8">
      <c r="H477699" s="12"/>
    </row>
    <row r="477700" spans="8:8">
      <c r="H477700" s="12"/>
    </row>
    <row r="477701" spans="8:8">
      <c r="H477701" s="12"/>
    </row>
    <row r="477702" spans="8:8">
      <c r="H477702" s="12"/>
    </row>
    <row r="477703" spans="8:8">
      <c r="H477703" s="12"/>
    </row>
    <row r="477704" spans="8:8">
      <c r="H477704" s="12"/>
    </row>
    <row r="477705" spans="8:8">
      <c r="H477705" s="12"/>
    </row>
    <row r="477706" spans="8:8">
      <c r="H477706" s="12"/>
    </row>
    <row r="477707" spans="8:8">
      <c r="H477707" s="12"/>
    </row>
    <row r="477708" spans="8:8">
      <c r="H477708" s="12"/>
    </row>
    <row r="477709" spans="8:8">
      <c r="H477709" s="12"/>
    </row>
    <row r="477710" spans="8:8">
      <c r="H477710" s="12"/>
    </row>
    <row r="477711" spans="8:8">
      <c r="H477711" s="12"/>
    </row>
    <row r="477712" spans="8:8">
      <c r="H477712" s="12"/>
    </row>
    <row r="477713" spans="8:8">
      <c r="H477713" s="12"/>
    </row>
    <row r="477714" spans="8:8">
      <c r="H477714" s="12"/>
    </row>
    <row r="477715" spans="8:8">
      <c r="H477715" s="12"/>
    </row>
    <row r="477716" spans="8:8">
      <c r="H477716" s="12"/>
    </row>
    <row r="477717" spans="8:8">
      <c r="H477717" s="12"/>
    </row>
    <row r="477718" spans="8:8">
      <c r="H477718" s="12"/>
    </row>
    <row r="477719" spans="8:8">
      <c r="H477719" s="12"/>
    </row>
    <row r="477720" spans="8:8">
      <c r="H477720" s="12"/>
    </row>
    <row r="477721" spans="8:8">
      <c r="H477721" s="12"/>
    </row>
    <row r="477722" spans="8:8">
      <c r="H477722" s="12"/>
    </row>
    <row r="477723" spans="8:8">
      <c r="H477723" s="12"/>
    </row>
    <row r="477724" spans="8:8">
      <c r="H477724" s="12"/>
    </row>
    <row r="477725" spans="8:8">
      <c r="H477725" s="12"/>
    </row>
    <row r="477726" spans="8:8">
      <c r="H477726" s="12"/>
    </row>
    <row r="477727" spans="8:8">
      <c r="H477727" s="12"/>
    </row>
    <row r="477728" spans="8:8">
      <c r="H477728" s="12"/>
    </row>
    <row r="477729" spans="8:8">
      <c r="H477729" s="12"/>
    </row>
    <row r="477730" spans="8:8">
      <c r="H477730" s="12"/>
    </row>
    <row r="477731" spans="8:8">
      <c r="H477731" s="12"/>
    </row>
    <row r="477732" spans="8:8">
      <c r="H477732" s="12"/>
    </row>
    <row r="477733" spans="8:8">
      <c r="H477733" s="12"/>
    </row>
    <row r="477734" spans="8:8">
      <c r="H477734" s="12"/>
    </row>
    <row r="477735" spans="8:8">
      <c r="H477735" s="12"/>
    </row>
    <row r="477736" spans="8:8">
      <c r="H477736" s="12"/>
    </row>
    <row r="477737" spans="8:8">
      <c r="H477737" s="12"/>
    </row>
    <row r="477738" spans="8:8">
      <c r="H477738" s="12"/>
    </row>
    <row r="477739" spans="8:8">
      <c r="H477739" s="12"/>
    </row>
    <row r="477740" spans="8:8">
      <c r="H477740" s="12"/>
    </row>
    <row r="477741" spans="8:8">
      <c r="H477741" s="12"/>
    </row>
    <row r="477742" spans="8:8">
      <c r="H477742" s="12"/>
    </row>
    <row r="477743" spans="8:8">
      <c r="H477743" s="12"/>
    </row>
    <row r="477744" spans="8:8">
      <c r="H477744" s="12"/>
    </row>
    <row r="477745" spans="8:8">
      <c r="H477745" s="12"/>
    </row>
    <row r="477746" spans="8:8">
      <c r="H477746" s="12"/>
    </row>
    <row r="477747" spans="8:8">
      <c r="H477747" s="12"/>
    </row>
    <row r="477748" spans="8:8">
      <c r="H477748" s="12"/>
    </row>
    <row r="477749" spans="8:8">
      <c r="H477749" s="12"/>
    </row>
    <row r="477750" spans="8:8">
      <c r="H477750" s="12"/>
    </row>
    <row r="477751" spans="8:8">
      <c r="H477751" s="12"/>
    </row>
    <row r="477752" spans="8:8">
      <c r="H477752" s="12"/>
    </row>
    <row r="477753" spans="8:8">
      <c r="H477753" s="12"/>
    </row>
    <row r="477754" spans="8:8">
      <c r="H477754" s="12"/>
    </row>
    <row r="477755" spans="8:8">
      <c r="H477755" s="12"/>
    </row>
    <row r="477756" spans="8:8">
      <c r="H477756" s="12"/>
    </row>
    <row r="477757" spans="8:8">
      <c r="H477757" s="12"/>
    </row>
    <row r="477758" spans="8:8">
      <c r="H477758" s="12"/>
    </row>
    <row r="477759" spans="8:8">
      <c r="H477759" s="12"/>
    </row>
    <row r="477760" spans="8:8">
      <c r="H477760" s="12"/>
    </row>
    <row r="477761" spans="8:8">
      <c r="H477761" s="12"/>
    </row>
    <row r="477762" spans="8:8">
      <c r="H477762" s="12"/>
    </row>
    <row r="477763" spans="8:8">
      <c r="H477763" s="12"/>
    </row>
    <row r="477764" spans="8:8">
      <c r="H477764" s="12"/>
    </row>
    <row r="477765" spans="8:8">
      <c r="H477765" s="12"/>
    </row>
    <row r="477766" spans="8:8">
      <c r="H477766" s="12"/>
    </row>
    <row r="477767" spans="8:8">
      <c r="H477767" s="12"/>
    </row>
    <row r="477768" spans="8:8">
      <c r="H477768" s="12"/>
    </row>
    <row r="477769" spans="8:8">
      <c r="H477769" s="12"/>
    </row>
    <row r="477770" spans="8:8">
      <c r="H477770" s="12"/>
    </row>
    <row r="477771" spans="8:8">
      <c r="H477771" s="12"/>
    </row>
    <row r="477772" spans="8:8">
      <c r="H477772" s="12"/>
    </row>
    <row r="477773" spans="8:8">
      <c r="H477773" s="12"/>
    </row>
    <row r="477774" spans="8:8">
      <c r="H477774" s="12"/>
    </row>
    <row r="477775" spans="8:8">
      <c r="H477775" s="12"/>
    </row>
    <row r="477776" spans="8:8">
      <c r="H477776" s="12"/>
    </row>
    <row r="477777" spans="8:8">
      <c r="H477777" s="12"/>
    </row>
    <row r="477778" spans="8:8">
      <c r="H477778" s="12"/>
    </row>
    <row r="477779" spans="8:8">
      <c r="H477779" s="12"/>
    </row>
    <row r="477780" spans="8:8">
      <c r="H477780" s="12"/>
    </row>
    <row r="477781" spans="8:8">
      <c r="H477781" s="12"/>
    </row>
    <row r="477782" spans="8:8">
      <c r="H477782" s="12"/>
    </row>
    <row r="477783" spans="8:8">
      <c r="H477783" s="12"/>
    </row>
    <row r="477784" spans="8:8">
      <c r="H477784" s="12"/>
    </row>
    <row r="477785" spans="8:8">
      <c r="H477785" s="12"/>
    </row>
    <row r="477786" spans="8:8">
      <c r="H477786" s="12"/>
    </row>
    <row r="477787" spans="8:8">
      <c r="H477787" s="12"/>
    </row>
    <row r="477788" spans="8:8">
      <c r="H477788" s="12"/>
    </row>
    <row r="477789" spans="8:8">
      <c r="H477789" s="12"/>
    </row>
    <row r="477790" spans="8:8">
      <c r="H477790" s="12"/>
    </row>
    <row r="477791" spans="8:8">
      <c r="H477791" s="12"/>
    </row>
    <row r="477792" spans="8:8">
      <c r="H477792" s="12"/>
    </row>
    <row r="477793" spans="8:8">
      <c r="H477793" s="12"/>
    </row>
    <row r="477794" spans="8:8">
      <c r="H477794" s="12"/>
    </row>
    <row r="477795" spans="8:8">
      <c r="H477795" s="12"/>
    </row>
    <row r="477796" spans="8:8">
      <c r="H477796" s="12"/>
    </row>
    <row r="477797" spans="8:8">
      <c r="H477797" s="12"/>
    </row>
    <row r="477798" spans="8:8">
      <c r="H477798" s="12"/>
    </row>
    <row r="477799" spans="8:8">
      <c r="H477799" s="12"/>
    </row>
    <row r="477800" spans="8:8">
      <c r="H477800" s="12"/>
    </row>
    <row r="477801" spans="8:8">
      <c r="H477801" s="12"/>
    </row>
    <row r="477802" spans="8:8">
      <c r="H477802" s="12"/>
    </row>
    <row r="477803" spans="8:8">
      <c r="H477803" s="12"/>
    </row>
    <row r="477804" spans="8:8">
      <c r="H477804" s="12"/>
    </row>
    <row r="477805" spans="8:8">
      <c r="H477805" s="12"/>
    </row>
    <row r="477806" spans="8:8">
      <c r="H477806" s="12"/>
    </row>
    <row r="477807" spans="8:8">
      <c r="H477807" s="12"/>
    </row>
    <row r="477808" spans="8:8">
      <c r="H477808" s="12"/>
    </row>
    <row r="477809" spans="8:8">
      <c r="H477809" s="12"/>
    </row>
    <row r="477810" spans="8:8">
      <c r="H477810" s="12"/>
    </row>
    <row r="477811" spans="8:8">
      <c r="H477811" s="12"/>
    </row>
    <row r="477812" spans="8:8">
      <c r="H477812" s="12"/>
    </row>
    <row r="477813" spans="8:8">
      <c r="H477813" s="12"/>
    </row>
    <row r="477814" spans="8:8">
      <c r="H477814" s="12"/>
    </row>
    <row r="477815" spans="8:8">
      <c r="H477815" s="12"/>
    </row>
    <row r="477816" spans="8:8">
      <c r="H477816" s="12"/>
    </row>
    <row r="477817" spans="8:8">
      <c r="H477817" s="12"/>
    </row>
    <row r="477818" spans="8:8">
      <c r="H477818" s="12"/>
    </row>
    <row r="477819" spans="8:8">
      <c r="H477819" s="12"/>
    </row>
    <row r="477820" spans="8:8">
      <c r="H477820" s="12"/>
    </row>
    <row r="477821" spans="8:8">
      <c r="H477821" s="12"/>
    </row>
    <row r="477822" spans="8:8">
      <c r="H477822" s="12"/>
    </row>
    <row r="477823" spans="8:8">
      <c r="H477823" s="12"/>
    </row>
    <row r="477824" spans="8:8">
      <c r="H477824" s="12"/>
    </row>
    <row r="477825" spans="8:8">
      <c r="H477825" s="12"/>
    </row>
    <row r="477826" spans="8:8">
      <c r="H477826" s="12"/>
    </row>
    <row r="477827" spans="8:8">
      <c r="H477827" s="12"/>
    </row>
    <row r="477828" spans="8:8">
      <c r="H477828" s="12"/>
    </row>
    <row r="477829" spans="8:8">
      <c r="H477829" s="12"/>
    </row>
    <row r="477830" spans="8:8">
      <c r="H477830" s="12"/>
    </row>
    <row r="477831" spans="8:8">
      <c r="H477831" s="12"/>
    </row>
    <row r="477832" spans="8:8">
      <c r="H477832" s="12"/>
    </row>
    <row r="477833" spans="8:8">
      <c r="H477833" s="12"/>
    </row>
    <row r="477834" spans="8:8">
      <c r="H477834" s="12"/>
    </row>
    <row r="477835" spans="8:8">
      <c r="H477835" s="12"/>
    </row>
    <row r="477836" spans="8:8">
      <c r="H477836" s="12"/>
    </row>
    <row r="477837" spans="8:8">
      <c r="H477837" s="12"/>
    </row>
    <row r="477838" spans="8:8">
      <c r="H477838" s="12"/>
    </row>
    <row r="477839" spans="8:8">
      <c r="H477839" s="12"/>
    </row>
    <row r="477840" spans="8:8">
      <c r="H477840" s="12"/>
    </row>
    <row r="477841" spans="8:8">
      <c r="H477841" s="12"/>
    </row>
    <row r="477842" spans="8:8">
      <c r="H477842" s="12"/>
    </row>
    <row r="477843" spans="8:8">
      <c r="H477843" s="12"/>
    </row>
    <row r="477844" spans="8:8">
      <c r="H477844" s="12"/>
    </row>
    <row r="477845" spans="8:8">
      <c r="H477845" s="12"/>
    </row>
    <row r="477846" spans="8:8">
      <c r="H477846" s="12"/>
    </row>
    <row r="477847" spans="8:8">
      <c r="H477847" s="12"/>
    </row>
    <row r="477848" spans="8:8">
      <c r="H477848" s="12"/>
    </row>
    <row r="477849" spans="8:8">
      <c r="H477849" s="12"/>
    </row>
    <row r="477850" spans="8:8">
      <c r="H477850" s="12"/>
    </row>
    <row r="477851" spans="8:8">
      <c r="H477851" s="12"/>
    </row>
    <row r="477852" spans="8:8">
      <c r="H477852" s="12"/>
    </row>
    <row r="477853" spans="8:8">
      <c r="H477853" s="12"/>
    </row>
    <row r="477854" spans="8:8">
      <c r="H477854" s="12"/>
    </row>
    <row r="477855" spans="8:8">
      <c r="H477855" s="12"/>
    </row>
    <row r="477856" spans="8:8">
      <c r="H477856" s="12"/>
    </row>
    <row r="477857" spans="8:8">
      <c r="H477857" s="12"/>
    </row>
    <row r="477858" spans="8:8">
      <c r="H477858" s="12"/>
    </row>
    <row r="477859" spans="8:8">
      <c r="H477859" s="12"/>
    </row>
    <row r="477860" spans="8:8">
      <c r="H477860" s="12"/>
    </row>
    <row r="477861" spans="8:8">
      <c r="H477861" s="12"/>
    </row>
    <row r="477862" spans="8:8">
      <c r="H477862" s="12"/>
    </row>
    <row r="477863" spans="8:8">
      <c r="H477863" s="12"/>
    </row>
    <row r="477864" spans="8:8">
      <c r="H477864" s="12"/>
    </row>
    <row r="477865" spans="8:8">
      <c r="H477865" s="12"/>
    </row>
    <row r="477866" spans="8:8">
      <c r="H477866" s="12"/>
    </row>
    <row r="477867" spans="8:8">
      <c r="H477867" s="12"/>
    </row>
    <row r="477868" spans="8:8">
      <c r="H477868" s="12"/>
    </row>
    <row r="477869" spans="8:8">
      <c r="H477869" s="12"/>
    </row>
    <row r="477870" spans="8:8">
      <c r="H477870" s="12"/>
    </row>
    <row r="477871" spans="8:8">
      <c r="H477871" s="12"/>
    </row>
    <row r="477872" spans="8:8">
      <c r="H477872" s="12"/>
    </row>
    <row r="477873" spans="8:8">
      <c r="H477873" s="12"/>
    </row>
    <row r="477874" spans="8:8">
      <c r="H477874" s="12"/>
    </row>
    <row r="477875" spans="8:8">
      <c r="H477875" s="12"/>
    </row>
    <row r="477876" spans="8:8">
      <c r="H477876" s="12"/>
    </row>
    <row r="477877" spans="8:8">
      <c r="H477877" s="12"/>
    </row>
    <row r="477878" spans="8:8">
      <c r="H477878" s="12"/>
    </row>
    <row r="477879" spans="8:8">
      <c r="H477879" s="12"/>
    </row>
    <row r="477880" spans="8:8">
      <c r="H477880" s="12"/>
    </row>
    <row r="477881" spans="8:8">
      <c r="H477881" s="12"/>
    </row>
    <row r="477882" spans="8:8">
      <c r="H477882" s="12"/>
    </row>
    <row r="477883" spans="8:8">
      <c r="H477883" s="12"/>
    </row>
    <row r="477884" spans="8:8">
      <c r="H477884" s="12"/>
    </row>
    <row r="477885" spans="8:8">
      <c r="H477885" s="12"/>
    </row>
    <row r="477886" spans="8:8">
      <c r="H477886" s="12"/>
    </row>
    <row r="477887" spans="8:8">
      <c r="H477887" s="12"/>
    </row>
    <row r="477888" spans="8:8">
      <c r="H477888" s="12"/>
    </row>
    <row r="477889" spans="8:8">
      <c r="H477889" s="12"/>
    </row>
    <row r="477890" spans="8:8">
      <c r="H477890" s="12"/>
    </row>
    <row r="477891" spans="8:8">
      <c r="H477891" s="12"/>
    </row>
    <row r="477892" spans="8:8">
      <c r="H477892" s="12"/>
    </row>
    <row r="477893" spans="8:8">
      <c r="H477893" s="12"/>
    </row>
    <row r="477894" spans="8:8">
      <c r="H477894" s="12"/>
    </row>
    <row r="477895" spans="8:8">
      <c r="H477895" s="12"/>
    </row>
    <row r="477896" spans="8:8">
      <c r="H477896" s="12"/>
    </row>
    <row r="477897" spans="8:8">
      <c r="H477897" s="12"/>
    </row>
    <row r="477898" spans="8:8">
      <c r="H477898" s="12"/>
    </row>
    <row r="477899" spans="8:8">
      <c r="H477899" s="12"/>
    </row>
    <row r="477900" spans="8:8">
      <c r="H477900" s="12"/>
    </row>
    <row r="477901" spans="8:8">
      <c r="H477901" s="12"/>
    </row>
    <row r="477902" spans="8:8">
      <c r="H477902" s="12"/>
    </row>
    <row r="477903" spans="8:8">
      <c r="H477903" s="12"/>
    </row>
    <row r="477904" spans="8:8">
      <c r="H477904" s="12"/>
    </row>
    <row r="477905" spans="8:8">
      <c r="H477905" s="12"/>
    </row>
    <row r="477906" spans="8:8">
      <c r="H477906" s="12"/>
    </row>
    <row r="477907" spans="8:8">
      <c r="H477907" s="12"/>
    </row>
    <row r="477908" spans="8:8">
      <c r="H477908" s="12"/>
    </row>
    <row r="477909" spans="8:8">
      <c r="H477909" s="12"/>
    </row>
    <row r="477910" spans="8:8">
      <c r="H477910" s="12"/>
    </row>
    <row r="477911" spans="8:8">
      <c r="H477911" s="12"/>
    </row>
    <row r="477912" spans="8:8">
      <c r="H477912" s="12"/>
    </row>
    <row r="477913" spans="8:8">
      <c r="H477913" s="12"/>
    </row>
    <row r="477914" spans="8:8">
      <c r="H477914" s="12"/>
    </row>
    <row r="477915" spans="8:8">
      <c r="H477915" s="12"/>
    </row>
    <row r="477916" spans="8:8">
      <c r="H477916" s="12"/>
    </row>
    <row r="477917" spans="8:8">
      <c r="H477917" s="12"/>
    </row>
    <row r="477918" spans="8:8">
      <c r="H477918" s="12"/>
    </row>
    <row r="477919" spans="8:8">
      <c r="H477919" s="12"/>
    </row>
    <row r="477920" spans="8:8">
      <c r="H477920" s="12"/>
    </row>
    <row r="477921" spans="8:8">
      <c r="H477921" s="12"/>
    </row>
    <row r="477922" spans="8:8">
      <c r="H477922" s="12"/>
    </row>
    <row r="477923" spans="8:8">
      <c r="H477923" s="12"/>
    </row>
    <row r="477924" spans="8:8">
      <c r="H477924" s="12"/>
    </row>
    <row r="477925" spans="8:8">
      <c r="H477925" s="12"/>
    </row>
    <row r="477926" spans="8:8">
      <c r="H477926" s="12"/>
    </row>
    <row r="477927" spans="8:8">
      <c r="H477927" s="12"/>
    </row>
    <row r="477928" spans="8:8">
      <c r="H477928" s="12"/>
    </row>
    <row r="477929" spans="8:8">
      <c r="H477929" s="12"/>
    </row>
    <row r="477930" spans="8:8">
      <c r="H477930" s="12"/>
    </row>
    <row r="477931" spans="8:8">
      <c r="H477931" s="12"/>
    </row>
    <row r="477932" spans="8:8">
      <c r="H477932" s="12"/>
    </row>
    <row r="477933" spans="8:8">
      <c r="H477933" s="12"/>
    </row>
    <row r="477934" spans="8:8">
      <c r="H477934" s="12"/>
    </row>
    <row r="477935" spans="8:8">
      <c r="H477935" s="12"/>
    </row>
    <row r="477936" spans="8:8">
      <c r="H477936" s="12"/>
    </row>
    <row r="477937" spans="8:8">
      <c r="H477937" s="12"/>
    </row>
    <row r="477938" spans="8:8">
      <c r="H477938" s="12"/>
    </row>
    <row r="477939" spans="8:8">
      <c r="H477939" s="12"/>
    </row>
    <row r="477940" spans="8:8">
      <c r="H477940" s="12"/>
    </row>
    <row r="477941" spans="8:8">
      <c r="H477941" s="12"/>
    </row>
    <row r="477942" spans="8:8">
      <c r="H477942" s="12"/>
    </row>
    <row r="477943" spans="8:8">
      <c r="H477943" s="12"/>
    </row>
    <row r="477944" spans="8:8">
      <c r="H477944" s="12"/>
    </row>
    <row r="477945" spans="8:8">
      <c r="H477945" s="12"/>
    </row>
    <row r="477946" spans="8:8">
      <c r="H477946" s="12"/>
    </row>
    <row r="477947" spans="8:8">
      <c r="H477947" s="12"/>
    </row>
    <row r="477948" spans="8:8">
      <c r="H477948" s="12"/>
    </row>
    <row r="477949" spans="8:8">
      <c r="H477949" s="12"/>
    </row>
    <row r="477950" spans="8:8">
      <c r="H477950" s="12"/>
    </row>
    <row r="477951" spans="8:8">
      <c r="H477951" s="12"/>
    </row>
    <row r="477952" spans="8:8">
      <c r="H477952" s="12"/>
    </row>
    <row r="477953" spans="8:8">
      <c r="H477953" s="12"/>
    </row>
    <row r="477954" spans="8:8">
      <c r="H477954" s="12"/>
    </row>
    <row r="477955" spans="8:8">
      <c r="H477955" s="12"/>
    </row>
    <row r="477956" spans="8:8">
      <c r="H477956" s="12"/>
    </row>
    <row r="477957" spans="8:8">
      <c r="H477957" s="12"/>
    </row>
    <row r="477958" spans="8:8">
      <c r="H477958" s="12"/>
    </row>
    <row r="477959" spans="8:8">
      <c r="H477959" s="12"/>
    </row>
    <row r="477960" spans="8:8">
      <c r="H477960" s="12"/>
    </row>
    <row r="477961" spans="8:8">
      <c r="H477961" s="12"/>
    </row>
    <row r="477962" spans="8:8">
      <c r="H477962" s="12"/>
    </row>
    <row r="477963" spans="8:8">
      <c r="H477963" s="12"/>
    </row>
    <row r="477964" spans="8:8">
      <c r="H477964" s="12"/>
    </row>
    <row r="477965" spans="8:8">
      <c r="H477965" s="12"/>
    </row>
    <row r="477966" spans="8:8">
      <c r="H477966" s="12"/>
    </row>
    <row r="477967" spans="8:8">
      <c r="H477967" s="12"/>
    </row>
    <row r="477968" spans="8:8">
      <c r="H477968" s="12"/>
    </row>
    <row r="477969" spans="8:8">
      <c r="H477969" s="12"/>
    </row>
    <row r="477970" spans="8:8">
      <c r="H477970" s="12"/>
    </row>
    <row r="477971" spans="8:8">
      <c r="H477971" s="12"/>
    </row>
    <row r="477972" spans="8:8">
      <c r="H477972" s="12"/>
    </row>
    <row r="477973" spans="8:8">
      <c r="H477973" s="12"/>
    </row>
    <row r="477974" spans="8:8">
      <c r="H477974" s="12"/>
    </row>
    <row r="477975" spans="8:8">
      <c r="H477975" s="12"/>
    </row>
    <row r="477976" spans="8:8">
      <c r="H477976" s="12"/>
    </row>
    <row r="477977" spans="8:8">
      <c r="H477977" s="12"/>
    </row>
    <row r="477978" spans="8:8">
      <c r="H477978" s="12"/>
    </row>
    <row r="477979" spans="8:8">
      <c r="H477979" s="12"/>
    </row>
    <row r="477980" spans="8:8">
      <c r="H477980" s="12"/>
    </row>
    <row r="477981" spans="8:8">
      <c r="H477981" s="12"/>
    </row>
    <row r="477982" spans="8:8">
      <c r="H477982" s="12"/>
    </row>
    <row r="477983" spans="8:8">
      <c r="H477983" s="12"/>
    </row>
    <row r="477984" spans="8:8">
      <c r="H477984" s="12"/>
    </row>
    <row r="477985" spans="8:8">
      <c r="H477985" s="12"/>
    </row>
    <row r="477986" spans="8:8">
      <c r="H477986" s="12"/>
    </row>
    <row r="477987" spans="8:8">
      <c r="H477987" s="12"/>
    </row>
    <row r="477988" spans="8:8">
      <c r="H477988" s="12"/>
    </row>
    <row r="477989" spans="8:8">
      <c r="H477989" s="12"/>
    </row>
    <row r="477990" spans="8:8">
      <c r="H477990" s="12"/>
    </row>
    <row r="477991" spans="8:8">
      <c r="H477991" s="12"/>
    </row>
    <row r="477992" spans="8:8">
      <c r="H477992" s="12"/>
    </row>
    <row r="477993" spans="8:8">
      <c r="H477993" s="12"/>
    </row>
    <row r="477994" spans="8:8">
      <c r="H477994" s="12"/>
    </row>
    <row r="477995" spans="8:8">
      <c r="H477995" s="12"/>
    </row>
    <row r="477996" spans="8:8">
      <c r="H477996" s="12"/>
    </row>
    <row r="477997" spans="8:8">
      <c r="H477997" s="12"/>
    </row>
    <row r="477998" spans="8:8">
      <c r="H477998" s="12"/>
    </row>
    <row r="477999" spans="8:8">
      <c r="H477999" s="12"/>
    </row>
    <row r="478000" spans="8:8">
      <c r="H478000" s="12"/>
    </row>
    <row r="478001" spans="8:8">
      <c r="H478001" s="12"/>
    </row>
    <row r="478002" spans="8:8">
      <c r="H478002" s="12"/>
    </row>
    <row r="478003" spans="8:8">
      <c r="H478003" s="12"/>
    </row>
    <row r="478004" spans="8:8">
      <c r="H478004" s="12"/>
    </row>
    <row r="478005" spans="8:8">
      <c r="H478005" s="12"/>
    </row>
    <row r="478006" spans="8:8">
      <c r="H478006" s="12"/>
    </row>
    <row r="478007" spans="8:8">
      <c r="H478007" s="12"/>
    </row>
    <row r="478008" spans="8:8">
      <c r="H478008" s="12"/>
    </row>
    <row r="478009" spans="8:8">
      <c r="H478009" s="12"/>
    </row>
    <row r="478010" spans="8:8">
      <c r="H478010" s="12"/>
    </row>
    <row r="478011" spans="8:8">
      <c r="H478011" s="12"/>
    </row>
    <row r="478012" spans="8:8">
      <c r="H478012" s="12"/>
    </row>
    <row r="478013" spans="8:8">
      <c r="H478013" s="12"/>
    </row>
    <row r="478014" spans="8:8">
      <c r="H478014" s="12"/>
    </row>
    <row r="478015" spans="8:8">
      <c r="H478015" s="12"/>
    </row>
    <row r="478016" spans="8:8">
      <c r="H478016" s="12"/>
    </row>
    <row r="478017" spans="8:8">
      <c r="H478017" s="12"/>
    </row>
    <row r="478018" spans="8:8">
      <c r="H478018" s="12"/>
    </row>
    <row r="478019" spans="8:8">
      <c r="H478019" s="12"/>
    </row>
    <row r="478020" spans="8:8">
      <c r="H478020" s="12"/>
    </row>
    <row r="478021" spans="8:8">
      <c r="H478021" s="12"/>
    </row>
    <row r="478022" spans="8:8">
      <c r="H478022" s="12"/>
    </row>
    <row r="478023" spans="8:8">
      <c r="H478023" s="12"/>
    </row>
    <row r="478024" spans="8:8">
      <c r="H478024" s="12"/>
    </row>
    <row r="478025" spans="8:8">
      <c r="H478025" s="12"/>
    </row>
    <row r="478026" spans="8:8">
      <c r="H478026" s="12"/>
    </row>
    <row r="478027" spans="8:8">
      <c r="H478027" s="12"/>
    </row>
    <row r="478028" spans="8:8">
      <c r="H478028" s="12"/>
    </row>
    <row r="478029" spans="8:8">
      <c r="H478029" s="12"/>
    </row>
    <row r="478030" spans="8:8">
      <c r="H478030" s="12"/>
    </row>
    <row r="478031" spans="8:8">
      <c r="H478031" s="12"/>
    </row>
    <row r="478032" spans="8:8">
      <c r="H478032" s="12"/>
    </row>
    <row r="478033" spans="8:8">
      <c r="H478033" s="12"/>
    </row>
    <row r="478034" spans="8:8">
      <c r="H478034" s="12"/>
    </row>
    <row r="478035" spans="8:8">
      <c r="H478035" s="12"/>
    </row>
    <row r="478036" spans="8:8">
      <c r="H478036" s="12"/>
    </row>
    <row r="478037" spans="8:8">
      <c r="H478037" s="12"/>
    </row>
    <row r="478038" spans="8:8">
      <c r="H478038" s="12"/>
    </row>
    <row r="478039" spans="8:8">
      <c r="H478039" s="12"/>
    </row>
    <row r="478040" spans="8:8">
      <c r="H478040" s="12"/>
    </row>
    <row r="478041" spans="8:8">
      <c r="H478041" s="12"/>
    </row>
    <row r="478042" spans="8:8">
      <c r="H478042" s="12"/>
    </row>
    <row r="478043" spans="8:8">
      <c r="H478043" s="12"/>
    </row>
    <row r="478044" spans="8:8">
      <c r="H478044" s="12"/>
    </row>
    <row r="478045" spans="8:8">
      <c r="H478045" s="12"/>
    </row>
    <row r="478046" spans="8:8">
      <c r="H478046" s="12"/>
    </row>
    <row r="478047" spans="8:8">
      <c r="H478047" s="12"/>
    </row>
    <row r="478048" spans="8:8">
      <c r="H478048" s="12"/>
    </row>
    <row r="478049" spans="8:8">
      <c r="H478049" s="12"/>
    </row>
    <row r="478050" spans="8:8">
      <c r="H478050" s="12"/>
    </row>
    <row r="478051" spans="8:8">
      <c r="H478051" s="12"/>
    </row>
    <row r="478052" spans="8:8">
      <c r="H478052" s="12"/>
    </row>
    <row r="478053" spans="8:8">
      <c r="H478053" s="12"/>
    </row>
    <row r="478054" spans="8:8">
      <c r="H478054" s="12"/>
    </row>
    <row r="478055" spans="8:8">
      <c r="H478055" s="12"/>
    </row>
    <row r="478056" spans="8:8">
      <c r="H478056" s="12"/>
    </row>
    <row r="478057" spans="8:8">
      <c r="H478057" s="12"/>
    </row>
    <row r="478058" spans="8:8">
      <c r="H478058" s="12"/>
    </row>
    <row r="478059" spans="8:8">
      <c r="H478059" s="12"/>
    </row>
    <row r="478060" spans="8:8">
      <c r="H478060" s="12"/>
    </row>
    <row r="478061" spans="8:8">
      <c r="H478061" s="12"/>
    </row>
    <row r="478062" spans="8:8">
      <c r="H478062" s="12"/>
    </row>
    <row r="478063" spans="8:8">
      <c r="H478063" s="12"/>
    </row>
    <row r="478064" spans="8:8">
      <c r="H478064" s="12"/>
    </row>
    <row r="478065" spans="8:8">
      <c r="H478065" s="12"/>
    </row>
    <row r="478066" spans="8:8">
      <c r="H478066" s="12"/>
    </row>
    <row r="478067" spans="8:8">
      <c r="H478067" s="12"/>
    </row>
    <row r="478068" spans="8:8">
      <c r="H478068" s="12"/>
    </row>
    <row r="478069" spans="8:8">
      <c r="H478069" s="12"/>
    </row>
    <row r="478070" spans="8:8">
      <c r="H478070" s="12"/>
    </row>
    <row r="478071" spans="8:8">
      <c r="H478071" s="12"/>
    </row>
    <row r="478072" spans="8:8">
      <c r="H478072" s="12"/>
    </row>
    <row r="478073" spans="8:8">
      <c r="H478073" s="12"/>
    </row>
    <row r="478074" spans="8:8">
      <c r="H478074" s="12"/>
    </row>
    <row r="478075" spans="8:8">
      <c r="H478075" s="12"/>
    </row>
    <row r="478076" spans="8:8">
      <c r="H478076" s="12"/>
    </row>
    <row r="478077" spans="8:8">
      <c r="H478077" s="12"/>
    </row>
    <row r="478078" spans="8:8">
      <c r="H478078" s="12"/>
    </row>
    <row r="478079" spans="8:8">
      <c r="H478079" s="12"/>
    </row>
    <row r="478080" spans="8:8">
      <c r="H478080" s="12"/>
    </row>
    <row r="478081" spans="8:8">
      <c r="H478081" s="12"/>
    </row>
    <row r="478082" spans="8:8">
      <c r="H478082" s="12"/>
    </row>
    <row r="478083" spans="8:8">
      <c r="H478083" s="12"/>
    </row>
    <row r="478084" spans="8:8">
      <c r="H478084" s="12"/>
    </row>
    <row r="478085" spans="8:8">
      <c r="H478085" s="12"/>
    </row>
    <row r="478086" spans="8:8">
      <c r="H478086" s="12"/>
    </row>
    <row r="478087" spans="8:8">
      <c r="H478087" s="12"/>
    </row>
    <row r="478088" spans="8:8">
      <c r="H478088" s="12"/>
    </row>
    <row r="478089" spans="8:8">
      <c r="H478089" s="12"/>
    </row>
    <row r="478090" spans="8:8">
      <c r="H478090" s="12"/>
    </row>
    <row r="478091" spans="8:8">
      <c r="H478091" s="12"/>
    </row>
    <row r="478092" spans="8:8">
      <c r="H478092" s="12"/>
    </row>
    <row r="478093" spans="8:8">
      <c r="H478093" s="12"/>
    </row>
    <row r="478094" spans="8:8">
      <c r="H478094" s="12"/>
    </row>
    <row r="478095" spans="8:8">
      <c r="H478095" s="12"/>
    </row>
    <row r="478096" spans="8:8">
      <c r="H478096" s="12"/>
    </row>
    <row r="478097" spans="8:8">
      <c r="H478097" s="12"/>
    </row>
    <row r="478098" spans="8:8">
      <c r="H478098" s="12"/>
    </row>
    <row r="478099" spans="8:8">
      <c r="H478099" s="12"/>
    </row>
    <row r="478100" spans="8:8">
      <c r="H478100" s="12"/>
    </row>
    <row r="478101" spans="8:8">
      <c r="H478101" s="12"/>
    </row>
    <row r="478102" spans="8:8">
      <c r="H478102" s="12"/>
    </row>
    <row r="478103" spans="8:8">
      <c r="H478103" s="12"/>
    </row>
    <row r="478104" spans="8:8">
      <c r="H478104" s="12"/>
    </row>
    <row r="478105" spans="8:8">
      <c r="H478105" s="12"/>
    </row>
    <row r="478106" spans="8:8">
      <c r="H478106" s="12"/>
    </row>
    <row r="478107" spans="8:8">
      <c r="H478107" s="12"/>
    </row>
    <row r="478108" spans="8:8">
      <c r="H478108" s="12"/>
    </row>
    <row r="478109" spans="8:8">
      <c r="H478109" s="12"/>
    </row>
    <row r="478110" spans="8:8">
      <c r="H478110" s="12"/>
    </row>
    <row r="478111" spans="8:8">
      <c r="H478111" s="12"/>
    </row>
    <row r="478112" spans="8:8">
      <c r="H478112" s="12"/>
    </row>
    <row r="478113" spans="8:8">
      <c r="H478113" s="12"/>
    </row>
    <row r="478114" spans="8:8">
      <c r="H478114" s="12"/>
    </row>
    <row r="478115" spans="8:8">
      <c r="H478115" s="12"/>
    </row>
    <row r="478116" spans="8:8">
      <c r="H478116" s="12"/>
    </row>
    <row r="478117" spans="8:8">
      <c r="H478117" s="12"/>
    </row>
    <row r="478118" spans="8:8">
      <c r="H478118" s="12"/>
    </row>
    <row r="478119" spans="8:8">
      <c r="H478119" s="12"/>
    </row>
    <row r="478120" spans="8:8">
      <c r="H478120" s="12"/>
    </row>
    <row r="478121" spans="8:8">
      <c r="H478121" s="12"/>
    </row>
    <row r="478122" spans="8:8">
      <c r="H478122" s="12"/>
    </row>
    <row r="478123" spans="8:8">
      <c r="H478123" s="12"/>
    </row>
    <row r="478124" spans="8:8">
      <c r="H478124" s="12"/>
    </row>
    <row r="478125" spans="8:8">
      <c r="H478125" s="12"/>
    </row>
    <row r="478126" spans="8:8">
      <c r="H478126" s="12"/>
    </row>
    <row r="478127" spans="8:8">
      <c r="H478127" s="12"/>
    </row>
    <row r="478128" spans="8:8">
      <c r="H478128" s="12"/>
    </row>
    <row r="478129" spans="8:8">
      <c r="H478129" s="12"/>
    </row>
    <row r="478130" spans="8:8">
      <c r="H478130" s="12"/>
    </row>
    <row r="478131" spans="8:8">
      <c r="H478131" s="12"/>
    </row>
    <row r="478132" spans="8:8">
      <c r="H478132" s="12"/>
    </row>
    <row r="478133" spans="8:8">
      <c r="H478133" s="12"/>
    </row>
    <row r="478134" spans="8:8">
      <c r="H478134" s="12"/>
    </row>
    <row r="478135" spans="8:8">
      <c r="H478135" s="12"/>
    </row>
    <row r="478136" spans="8:8">
      <c r="H478136" s="12"/>
    </row>
    <row r="478137" spans="8:8">
      <c r="H478137" s="12"/>
    </row>
    <row r="478138" spans="8:8">
      <c r="H478138" s="12"/>
    </row>
    <row r="478139" spans="8:8">
      <c r="H478139" s="12"/>
    </row>
    <row r="478140" spans="8:8">
      <c r="H478140" s="12"/>
    </row>
    <row r="478141" spans="8:8">
      <c r="H478141" s="12"/>
    </row>
    <row r="478142" spans="8:8">
      <c r="H478142" s="12"/>
    </row>
    <row r="478143" spans="8:8">
      <c r="H478143" s="12"/>
    </row>
    <row r="478144" spans="8:8">
      <c r="H478144" s="12"/>
    </row>
    <row r="478145" spans="8:8">
      <c r="H478145" s="12"/>
    </row>
    <row r="478146" spans="8:8">
      <c r="H478146" s="12"/>
    </row>
    <row r="478147" spans="8:8">
      <c r="H478147" s="12"/>
    </row>
    <row r="478148" spans="8:8">
      <c r="H478148" s="12"/>
    </row>
    <row r="478149" spans="8:8">
      <c r="H478149" s="12"/>
    </row>
    <row r="478150" spans="8:8">
      <c r="H478150" s="12"/>
    </row>
    <row r="478151" spans="8:8">
      <c r="H478151" s="12"/>
    </row>
    <row r="478152" spans="8:8">
      <c r="H478152" s="12"/>
    </row>
    <row r="478153" spans="8:8">
      <c r="H478153" s="12"/>
    </row>
    <row r="478154" spans="8:8">
      <c r="H478154" s="12"/>
    </row>
    <row r="478155" spans="8:8">
      <c r="H478155" s="12"/>
    </row>
    <row r="478156" spans="8:8">
      <c r="H478156" s="12"/>
    </row>
    <row r="478157" spans="8:8">
      <c r="H478157" s="12"/>
    </row>
    <row r="478158" spans="8:8">
      <c r="H478158" s="12"/>
    </row>
    <row r="478159" spans="8:8">
      <c r="H478159" s="12"/>
    </row>
    <row r="478160" spans="8:8">
      <c r="H478160" s="12"/>
    </row>
    <row r="478161" spans="8:8">
      <c r="H478161" s="12"/>
    </row>
    <row r="478162" spans="8:8">
      <c r="H478162" s="12"/>
    </row>
    <row r="478163" spans="8:8">
      <c r="H478163" s="12"/>
    </row>
    <row r="478164" spans="8:8">
      <c r="H478164" s="12"/>
    </row>
    <row r="478165" spans="8:8">
      <c r="H478165" s="12"/>
    </row>
    <row r="478166" spans="8:8">
      <c r="H478166" s="12"/>
    </row>
    <row r="478167" spans="8:8">
      <c r="H478167" s="12"/>
    </row>
    <row r="478168" spans="8:8">
      <c r="H478168" s="12"/>
    </row>
    <row r="478169" spans="8:8">
      <c r="H478169" s="12"/>
    </row>
    <row r="478170" spans="8:8">
      <c r="H478170" s="12"/>
    </row>
    <row r="478171" spans="8:8">
      <c r="H478171" s="12"/>
    </row>
    <row r="478172" spans="8:8">
      <c r="H478172" s="12"/>
    </row>
    <row r="478173" spans="8:8">
      <c r="H478173" s="12"/>
    </row>
    <row r="478174" spans="8:8">
      <c r="H478174" s="12"/>
    </row>
    <row r="478175" spans="8:8">
      <c r="H478175" s="12"/>
    </row>
    <row r="478176" spans="8:8">
      <c r="H478176" s="12"/>
    </row>
    <row r="478177" spans="8:8">
      <c r="H478177" s="12"/>
    </row>
    <row r="478178" spans="8:8">
      <c r="H478178" s="12"/>
    </row>
    <row r="478179" spans="8:8">
      <c r="H478179" s="12"/>
    </row>
    <row r="478180" spans="8:8">
      <c r="H478180" s="12"/>
    </row>
    <row r="478181" spans="8:8">
      <c r="H478181" s="12"/>
    </row>
    <row r="478182" spans="8:8">
      <c r="H478182" s="12"/>
    </row>
    <row r="478183" spans="8:8">
      <c r="H478183" s="12"/>
    </row>
    <row r="478184" spans="8:8">
      <c r="H478184" s="12"/>
    </row>
    <row r="478185" spans="8:8">
      <c r="H478185" s="12"/>
    </row>
    <row r="478186" spans="8:8">
      <c r="H478186" s="12"/>
    </row>
    <row r="478187" spans="8:8">
      <c r="H478187" s="12"/>
    </row>
    <row r="478188" spans="8:8">
      <c r="H478188" s="12"/>
    </row>
    <row r="478189" spans="8:8">
      <c r="H478189" s="12"/>
    </row>
    <row r="478190" spans="8:8">
      <c r="H478190" s="12"/>
    </row>
    <row r="478191" spans="8:8">
      <c r="H478191" s="12"/>
    </row>
    <row r="478192" spans="8:8">
      <c r="H478192" s="12"/>
    </row>
    <row r="478193" spans="8:8">
      <c r="H478193" s="12"/>
    </row>
    <row r="478194" spans="8:8">
      <c r="H478194" s="12"/>
    </row>
    <row r="478195" spans="8:8">
      <c r="H478195" s="12"/>
    </row>
    <row r="478196" spans="8:8">
      <c r="H478196" s="12"/>
    </row>
    <row r="478197" spans="8:8">
      <c r="H478197" s="12"/>
    </row>
    <row r="478198" spans="8:8">
      <c r="H478198" s="12"/>
    </row>
    <row r="478199" spans="8:8">
      <c r="H478199" s="12"/>
    </row>
    <row r="478200" spans="8:8">
      <c r="H478200" s="12"/>
    </row>
    <row r="478201" spans="8:8">
      <c r="H478201" s="12"/>
    </row>
    <row r="478202" spans="8:8">
      <c r="H478202" s="12"/>
    </row>
    <row r="478203" spans="8:8">
      <c r="H478203" s="12"/>
    </row>
    <row r="478204" spans="8:8">
      <c r="H478204" s="12"/>
    </row>
    <row r="478205" spans="8:8">
      <c r="H478205" s="12"/>
    </row>
    <row r="478206" spans="8:8">
      <c r="H478206" s="12"/>
    </row>
    <row r="478207" spans="8:8">
      <c r="H478207" s="12"/>
    </row>
    <row r="478208" spans="8:8">
      <c r="H478208" s="12"/>
    </row>
    <row r="478209" spans="8:8">
      <c r="H478209" s="12"/>
    </row>
    <row r="478210" spans="8:8">
      <c r="H478210" s="12"/>
    </row>
    <row r="478211" spans="8:8">
      <c r="H478211" s="12"/>
    </row>
    <row r="478212" spans="8:8">
      <c r="H478212" s="12"/>
    </row>
    <row r="478213" spans="8:8">
      <c r="H478213" s="12"/>
    </row>
    <row r="478214" spans="8:8">
      <c r="H478214" s="12"/>
    </row>
    <row r="478215" spans="8:8">
      <c r="H478215" s="12"/>
    </row>
    <row r="478216" spans="8:8">
      <c r="H478216" s="12"/>
    </row>
    <row r="478217" spans="8:8">
      <c r="H478217" s="12"/>
    </row>
    <row r="478218" spans="8:8">
      <c r="H478218" s="12"/>
    </row>
    <row r="478219" spans="8:8">
      <c r="H478219" s="12"/>
    </row>
    <row r="478220" spans="8:8">
      <c r="H478220" s="12"/>
    </row>
    <row r="478221" spans="8:8">
      <c r="H478221" s="12"/>
    </row>
    <row r="478222" spans="8:8">
      <c r="H478222" s="12"/>
    </row>
    <row r="478223" spans="8:8">
      <c r="H478223" s="12"/>
    </row>
    <row r="478224" spans="8:8">
      <c r="H478224" s="12"/>
    </row>
    <row r="478225" spans="8:8">
      <c r="H478225" s="12"/>
    </row>
    <row r="478226" spans="8:8">
      <c r="H478226" s="12"/>
    </row>
    <row r="478227" spans="8:8">
      <c r="H478227" s="12"/>
    </row>
    <row r="478228" spans="8:8">
      <c r="H478228" s="12"/>
    </row>
    <row r="478229" spans="8:8">
      <c r="H478229" s="12"/>
    </row>
    <row r="478230" spans="8:8">
      <c r="H478230" s="12"/>
    </row>
    <row r="478231" spans="8:8">
      <c r="H478231" s="12"/>
    </row>
    <row r="478232" spans="8:8">
      <c r="H478232" s="12"/>
    </row>
    <row r="478233" spans="8:8">
      <c r="H478233" s="12"/>
    </row>
    <row r="478234" spans="8:8">
      <c r="H478234" s="12"/>
    </row>
    <row r="478235" spans="8:8">
      <c r="H478235" s="12"/>
    </row>
    <row r="478236" spans="8:8">
      <c r="H478236" s="12"/>
    </row>
    <row r="478237" spans="8:8">
      <c r="H478237" s="12"/>
    </row>
    <row r="478238" spans="8:8">
      <c r="H478238" s="12"/>
    </row>
    <row r="478239" spans="8:8">
      <c r="H478239" s="12"/>
    </row>
    <row r="478240" spans="8:8">
      <c r="H478240" s="12"/>
    </row>
    <row r="478241" spans="8:8">
      <c r="H478241" s="12"/>
    </row>
    <row r="478242" spans="8:8">
      <c r="H478242" s="12"/>
    </row>
    <row r="478243" spans="8:8">
      <c r="H478243" s="12"/>
    </row>
    <row r="478244" spans="8:8">
      <c r="H478244" s="12"/>
    </row>
    <row r="478245" spans="8:8">
      <c r="H478245" s="12"/>
    </row>
    <row r="478246" spans="8:8">
      <c r="H478246" s="12"/>
    </row>
    <row r="478247" spans="8:8">
      <c r="H478247" s="12"/>
    </row>
    <row r="478248" spans="8:8">
      <c r="H478248" s="12"/>
    </row>
    <row r="478249" spans="8:8">
      <c r="H478249" s="12"/>
    </row>
    <row r="478250" spans="8:8">
      <c r="H478250" s="12"/>
    </row>
    <row r="478251" spans="8:8">
      <c r="H478251" s="12"/>
    </row>
    <row r="478252" spans="8:8">
      <c r="H478252" s="12"/>
    </row>
    <row r="478253" spans="8:8">
      <c r="H478253" s="12"/>
    </row>
    <row r="478254" spans="8:8">
      <c r="H478254" s="12"/>
    </row>
    <row r="478255" spans="8:8">
      <c r="H478255" s="12"/>
    </row>
    <row r="478256" spans="8:8">
      <c r="H478256" s="12"/>
    </row>
    <row r="478257" spans="8:8">
      <c r="H478257" s="12"/>
    </row>
    <row r="478258" spans="8:8">
      <c r="H478258" s="12"/>
    </row>
    <row r="478259" spans="8:8">
      <c r="H478259" s="12"/>
    </row>
    <row r="478260" spans="8:8">
      <c r="H478260" s="12"/>
    </row>
    <row r="478261" spans="8:8">
      <c r="H478261" s="12"/>
    </row>
    <row r="478262" spans="8:8">
      <c r="H478262" s="12"/>
    </row>
    <row r="478263" spans="8:8">
      <c r="H478263" s="12"/>
    </row>
    <row r="478264" spans="8:8">
      <c r="H478264" s="12"/>
    </row>
    <row r="478265" spans="8:8">
      <c r="H478265" s="12"/>
    </row>
    <row r="478266" spans="8:8">
      <c r="H478266" s="12"/>
    </row>
    <row r="478267" spans="8:8">
      <c r="H478267" s="12"/>
    </row>
    <row r="478268" spans="8:8">
      <c r="H478268" s="12"/>
    </row>
    <row r="478269" spans="8:8">
      <c r="H478269" s="12"/>
    </row>
    <row r="478270" spans="8:8">
      <c r="H478270" s="12"/>
    </row>
    <row r="478271" spans="8:8">
      <c r="H478271" s="12"/>
    </row>
    <row r="478272" spans="8:8">
      <c r="H478272" s="12"/>
    </row>
    <row r="478273" spans="8:8">
      <c r="H478273" s="12"/>
    </row>
    <row r="478274" spans="8:8">
      <c r="H478274" s="12"/>
    </row>
    <row r="478275" spans="8:8">
      <c r="H478275" s="12"/>
    </row>
    <row r="478276" spans="8:8">
      <c r="H478276" s="12"/>
    </row>
    <row r="478277" spans="8:8">
      <c r="H478277" s="12"/>
    </row>
    <row r="478278" spans="8:8">
      <c r="H478278" s="12"/>
    </row>
    <row r="478279" spans="8:8">
      <c r="H478279" s="12"/>
    </row>
    <row r="478280" spans="8:8">
      <c r="H478280" s="12"/>
    </row>
    <row r="478281" spans="8:8">
      <c r="H478281" s="12"/>
    </row>
    <row r="478282" spans="8:8">
      <c r="H478282" s="12"/>
    </row>
    <row r="478283" spans="8:8">
      <c r="H478283" s="12"/>
    </row>
    <row r="478284" spans="8:8">
      <c r="H478284" s="12"/>
    </row>
    <row r="478285" spans="8:8">
      <c r="H478285" s="12"/>
    </row>
    <row r="478286" spans="8:8">
      <c r="H478286" s="12"/>
    </row>
    <row r="478287" spans="8:8">
      <c r="H478287" s="12"/>
    </row>
    <row r="478288" spans="8:8">
      <c r="H478288" s="12"/>
    </row>
    <row r="478289" spans="8:8">
      <c r="H478289" s="12"/>
    </row>
    <row r="478290" spans="8:8">
      <c r="H478290" s="12"/>
    </row>
    <row r="478291" spans="8:8">
      <c r="H478291" s="12"/>
    </row>
    <row r="478292" spans="8:8">
      <c r="H478292" s="12"/>
    </row>
    <row r="478293" spans="8:8">
      <c r="H478293" s="12"/>
    </row>
    <row r="478294" spans="8:8">
      <c r="H478294" s="12"/>
    </row>
    <row r="478295" spans="8:8">
      <c r="H478295" s="12"/>
    </row>
    <row r="478296" spans="8:8">
      <c r="H478296" s="12"/>
    </row>
    <row r="478297" spans="8:8">
      <c r="H478297" s="12"/>
    </row>
    <row r="478298" spans="8:8">
      <c r="H478298" s="12"/>
    </row>
    <row r="478299" spans="8:8">
      <c r="H478299" s="12"/>
    </row>
    <row r="478300" spans="8:8">
      <c r="H478300" s="12"/>
    </row>
    <row r="478301" spans="8:8">
      <c r="H478301" s="12"/>
    </row>
    <row r="478302" spans="8:8">
      <c r="H478302" s="12"/>
    </row>
    <row r="478303" spans="8:8">
      <c r="H478303" s="12"/>
    </row>
    <row r="478304" spans="8:8">
      <c r="H478304" s="12"/>
    </row>
    <row r="478305" spans="8:8">
      <c r="H478305" s="12"/>
    </row>
    <row r="478306" spans="8:8">
      <c r="H478306" s="12"/>
    </row>
    <row r="478307" spans="8:8">
      <c r="H478307" s="12"/>
    </row>
    <row r="478308" spans="8:8">
      <c r="H478308" s="12"/>
    </row>
    <row r="478309" spans="8:8">
      <c r="H478309" s="12"/>
    </row>
    <row r="478310" spans="8:8">
      <c r="H478310" s="12"/>
    </row>
    <row r="478311" spans="8:8">
      <c r="H478311" s="12"/>
    </row>
    <row r="478312" spans="8:8">
      <c r="H478312" s="12"/>
    </row>
    <row r="478313" spans="8:8">
      <c r="H478313" s="12"/>
    </row>
    <row r="478314" spans="8:8">
      <c r="H478314" s="12"/>
    </row>
    <row r="478315" spans="8:8">
      <c r="H478315" s="12"/>
    </row>
    <row r="478316" spans="8:8">
      <c r="H478316" s="12"/>
    </row>
    <row r="478317" spans="8:8">
      <c r="H478317" s="12"/>
    </row>
    <row r="478318" spans="8:8">
      <c r="H478318" s="12"/>
    </row>
    <row r="478319" spans="8:8">
      <c r="H478319" s="12"/>
    </row>
    <row r="478320" spans="8:8">
      <c r="H478320" s="12"/>
    </row>
    <row r="478321" spans="8:8">
      <c r="H478321" s="12"/>
    </row>
    <row r="478322" spans="8:8">
      <c r="H478322" s="12"/>
    </row>
    <row r="478323" spans="8:8">
      <c r="H478323" s="12"/>
    </row>
    <row r="478324" spans="8:8">
      <c r="H478324" s="12"/>
    </row>
    <row r="478325" spans="8:8">
      <c r="H478325" s="12"/>
    </row>
    <row r="478326" spans="8:8">
      <c r="H478326" s="12"/>
    </row>
    <row r="478327" spans="8:8">
      <c r="H478327" s="12"/>
    </row>
    <row r="478328" spans="8:8">
      <c r="H478328" s="12"/>
    </row>
    <row r="478329" spans="8:8">
      <c r="H478329" s="12"/>
    </row>
    <row r="478330" spans="8:8">
      <c r="H478330" s="12"/>
    </row>
    <row r="478331" spans="8:8">
      <c r="H478331" s="12"/>
    </row>
    <row r="478332" spans="8:8">
      <c r="H478332" s="12"/>
    </row>
    <row r="478333" spans="8:8">
      <c r="H478333" s="12"/>
    </row>
    <row r="478334" spans="8:8">
      <c r="H478334" s="12"/>
    </row>
    <row r="478335" spans="8:8">
      <c r="H478335" s="12"/>
    </row>
    <row r="478336" spans="8:8">
      <c r="H478336" s="12"/>
    </row>
    <row r="478337" spans="8:8">
      <c r="H478337" s="12"/>
    </row>
    <row r="478338" spans="8:8">
      <c r="H478338" s="12"/>
    </row>
    <row r="478339" spans="8:8">
      <c r="H478339" s="12"/>
    </row>
    <row r="478340" spans="8:8">
      <c r="H478340" s="12"/>
    </row>
    <row r="478341" spans="8:8">
      <c r="H478341" s="12"/>
    </row>
    <row r="478342" spans="8:8">
      <c r="H478342" s="12"/>
    </row>
    <row r="478343" spans="8:8">
      <c r="H478343" s="12"/>
    </row>
    <row r="478344" spans="8:8">
      <c r="H478344" s="12"/>
    </row>
    <row r="478345" spans="8:8">
      <c r="H478345" s="12"/>
    </row>
    <row r="478346" spans="8:8">
      <c r="H478346" s="12"/>
    </row>
    <row r="478347" spans="8:8">
      <c r="H478347" s="12"/>
    </row>
    <row r="478348" spans="8:8">
      <c r="H478348" s="12"/>
    </row>
    <row r="478349" spans="8:8">
      <c r="H478349" s="12"/>
    </row>
    <row r="478350" spans="8:8">
      <c r="H478350" s="12"/>
    </row>
    <row r="478351" spans="8:8">
      <c r="H478351" s="12"/>
    </row>
    <row r="478352" spans="8:8">
      <c r="H478352" s="12"/>
    </row>
    <row r="478353" spans="8:8">
      <c r="H478353" s="12"/>
    </row>
    <row r="478354" spans="8:8">
      <c r="H478354" s="12"/>
    </row>
    <row r="478355" spans="8:8">
      <c r="H478355" s="12"/>
    </row>
    <row r="478356" spans="8:8">
      <c r="H478356" s="12"/>
    </row>
    <row r="478357" spans="8:8">
      <c r="H478357" s="12"/>
    </row>
    <row r="478358" spans="8:8">
      <c r="H478358" s="12"/>
    </row>
    <row r="478359" spans="8:8">
      <c r="H478359" s="12"/>
    </row>
    <row r="478360" spans="8:8">
      <c r="H478360" s="12"/>
    </row>
    <row r="478361" spans="8:8">
      <c r="H478361" s="12"/>
    </row>
    <row r="478362" spans="8:8">
      <c r="H478362" s="12"/>
    </row>
    <row r="478363" spans="8:8">
      <c r="H478363" s="12"/>
    </row>
    <row r="478364" spans="8:8">
      <c r="H478364" s="12"/>
    </row>
    <row r="478365" spans="8:8">
      <c r="H478365" s="12"/>
    </row>
    <row r="478366" spans="8:8">
      <c r="H478366" s="12"/>
    </row>
    <row r="478367" spans="8:8">
      <c r="H478367" s="12"/>
    </row>
    <row r="478368" spans="8:8">
      <c r="H478368" s="12"/>
    </row>
    <row r="478369" spans="8:8">
      <c r="H478369" s="12"/>
    </row>
    <row r="478370" spans="8:8">
      <c r="H478370" s="12"/>
    </row>
    <row r="478371" spans="8:8">
      <c r="H478371" s="12"/>
    </row>
    <row r="478372" spans="8:8">
      <c r="H478372" s="12"/>
    </row>
    <row r="478373" spans="8:8">
      <c r="H478373" s="12"/>
    </row>
    <row r="478374" spans="8:8">
      <c r="H478374" s="12"/>
    </row>
    <row r="478375" spans="8:8">
      <c r="H478375" s="12"/>
    </row>
    <row r="478376" spans="8:8">
      <c r="H478376" s="12"/>
    </row>
    <row r="478377" spans="8:8">
      <c r="H478377" s="12"/>
    </row>
    <row r="478378" spans="8:8">
      <c r="H478378" s="12"/>
    </row>
    <row r="478379" spans="8:8">
      <c r="H478379" s="12"/>
    </row>
    <row r="478380" spans="8:8">
      <c r="H478380" s="12"/>
    </row>
    <row r="478381" spans="8:8">
      <c r="H478381" s="12"/>
    </row>
    <row r="478382" spans="8:8">
      <c r="H478382" s="12"/>
    </row>
    <row r="478383" spans="8:8">
      <c r="H478383" s="12"/>
    </row>
    <row r="478384" spans="8:8">
      <c r="H478384" s="12"/>
    </row>
    <row r="478385" spans="8:8">
      <c r="H478385" s="12"/>
    </row>
    <row r="478386" spans="8:8">
      <c r="H478386" s="12"/>
    </row>
    <row r="478387" spans="8:8">
      <c r="H478387" s="12"/>
    </row>
    <row r="478388" spans="8:8">
      <c r="H478388" s="12"/>
    </row>
    <row r="478389" spans="8:8">
      <c r="H478389" s="12"/>
    </row>
    <row r="478390" spans="8:8">
      <c r="H478390" s="12"/>
    </row>
    <row r="478391" spans="8:8">
      <c r="H478391" s="12"/>
    </row>
    <row r="478392" spans="8:8">
      <c r="H478392" s="12"/>
    </row>
    <row r="478393" spans="8:8">
      <c r="H478393" s="12"/>
    </row>
    <row r="478394" spans="8:8">
      <c r="H478394" s="12"/>
    </row>
    <row r="478395" spans="8:8">
      <c r="H478395" s="12"/>
    </row>
    <row r="478396" spans="8:8">
      <c r="H478396" s="12"/>
    </row>
    <row r="478397" spans="8:8">
      <c r="H478397" s="12"/>
    </row>
    <row r="478398" spans="8:8">
      <c r="H478398" s="12"/>
    </row>
    <row r="478399" spans="8:8">
      <c r="H478399" s="12"/>
    </row>
    <row r="478400" spans="8:8">
      <c r="H478400" s="12"/>
    </row>
    <row r="478401" spans="8:8">
      <c r="H478401" s="12"/>
    </row>
    <row r="478402" spans="8:8">
      <c r="H478402" s="12"/>
    </row>
    <row r="478403" spans="8:8">
      <c r="H478403" s="12"/>
    </row>
    <row r="478404" spans="8:8">
      <c r="H478404" s="12"/>
    </row>
    <row r="478405" spans="8:8">
      <c r="H478405" s="12"/>
    </row>
    <row r="478406" spans="8:8">
      <c r="H478406" s="12"/>
    </row>
    <row r="478407" spans="8:8">
      <c r="H478407" s="12"/>
    </row>
    <row r="478408" spans="8:8">
      <c r="H478408" s="12"/>
    </row>
    <row r="478409" spans="8:8">
      <c r="H478409" s="12"/>
    </row>
    <row r="478410" spans="8:8">
      <c r="H478410" s="12"/>
    </row>
    <row r="478411" spans="8:8">
      <c r="H478411" s="12"/>
    </row>
    <row r="478412" spans="8:8">
      <c r="H478412" s="12"/>
    </row>
    <row r="478413" spans="8:8">
      <c r="H478413" s="12"/>
    </row>
    <row r="478414" spans="8:8">
      <c r="H478414" s="12"/>
    </row>
    <row r="478415" spans="8:8">
      <c r="H478415" s="12"/>
    </row>
    <row r="478416" spans="8:8">
      <c r="H478416" s="12"/>
    </row>
    <row r="478417" spans="8:8">
      <c r="H478417" s="12"/>
    </row>
    <row r="478418" spans="8:8">
      <c r="H478418" s="12"/>
    </row>
    <row r="478419" spans="8:8">
      <c r="H478419" s="12"/>
    </row>
    <row r="478420" spans="8:8">
      <c r="H478420" s="12"/>
    </row>
    <row r="478421" spans="8:8">
      <c r="H478421" s="12"/>
    </row>
    <row r="478422" spans="8:8">
      <c r="H478422" s="12"/>
    </row>
    <row r="478423" spans="8:8">
      <c r="H478423" s="12"/>
    </row>
    <row r="478424" spans="8:8">
      <c r="H478424" s="12"/>
    </row>
    <row r="478425" spans="8:8">
      <c r="H478425" s="12"/>
    </row>
    <row r="478426" spans="8:8">
      <c r="H478426" s="12"/>
    </row>
    <row r="478427" spans="8:8">
      <c r="H478427" s="12"/>
    </row>
    <row r="478428" spans="8:8">
      <c r="H478428" s="12"/>
    </row>
    <row r="478429" spans="8:8">
      <c r="H478429" s="12"/>
    </row>
    <row r="478430" spans="8:8">
      <c r="H478430" s="12"/>
    </row>
    <row r="478431" spans="8:8">
      <c r="H478431" s="12"/>
    </row>
    <row r="478432" spans="8:8">
      <c r="H478432" s="12"/>
    </row>
    <row r="478433" spans="8:8">
      <c r="H478433" s="12"/>
    </row>
    <row r="478434" spans="8:8">
      <c r="H478434" s="12"/>
    </row>
    <row r="478435" spans="8:8">
      <c r="H478435" s="12"/>
    </row>
    <row r="478436" spans="8:8">
      <c r="H478436" s="12"/>
    </row>
    <row r="478437" spans="8:8">
      <c r="H478437" s="12"/>
    </row>
    <row r="478438" spans="8:8">
      <c r="H478438" s="12"/>
    </row>
    <row r="478439" spans="8:8">
      <c r="H478439" s="12"/>
    </row>
    <row r="478440" spans="8:8">
      <c r="H478440" s="12"/>
    </row>
    <row r="478441" spans="8:8">
      <c r="H478441" s="12"/>
    </row>
    <row r="478442" spans="8:8">
      <c r="H478442" s="12"/>
    </row>
    <row r="478443" spans="8:8">
      <c r="H478443" s="12"/>
    </row>
    <row r="478444" spans="8:8">
      <c r="H478444" s="12"/>
    </row>
    <row r="478445" spans="8:8">
      <c r="H478445" s="12"/>
    </row>
    <row r="478446" spans="8:8">
      <c r="H478446" s="12"/>
    </row>
    <row r="478447" spans="8:8">
      <c r="H478447" s="12"/>
    </row>
    <row r="478448" spans="8:8">
      <c r="H478448" s="12"/>
    </row>
    <row r="478449" spans="8:8">
      <c r="H478449" s="12"/>
    </row>
    <row r="478450" spans="8:8">
      <c r="H478450" s="12"/>
    </row>
    <row r="478451" spans="8:8">
      <c r="H478451" s="12"/>
    </row>
    <row r="478452" spans="8:8">
      <c r="H478452" s="12"/>
    </row>
    <row r="478453" spans="8:8">
      <c r="H478453" s="12"/>
    </row>
    <row r="478454" spans="8:8">
      <c r="H478454" s="12"/>
    </row>
    <row r="478455" spans="8:8">
      <c r="H478455" s="12"/>
    </row>
    <row r="478456" spans="8:8">
      <c r="H478456" s="12"/>
    </row>
    <row r="478457" spans="8:8">
      <c r="H478457" s="12"/>
    </row>
    <row r="478458" spans="8:8">
      <c r="H478458" s="12"/>
    </row>
    <row r="478459" spans="8:8">
      <c r="H478459" s="12"/>
    </row>
    <row r="478460" spans="8:8">
      <c r="H478460" s="12"/>
    </row>
    <row r="478461" spans="8:8">
      <c r="H478461" s="12"/>
    </row>
    <row r="478462" spans="8:8">
      <c r="H478462" s="12"/>
    </row>
    <row r="478463" spans="8:8">
      <c r="H478463" s="12"/>
    </row>
    <row r="478464" spans="8:8">
      <c r="H478464" s="12"/>
    </row>
    <row r="478465" spans="8:8">
      <c r="H478465" s="12"/>
    </row>
    <row r="478466" spans="8:8">
      <c r="H478466" s="12"/>
    </row>
    <row r="478467" spans="8:8">
      <c r="H478467" s="12"/>
    </row>
    <row r="478468" spans="8:8">
      <c r="H478468" s="12"/>
    </row>
    <row r="478469" spans="8:8">
      <c r="H478469" s="12"/>
    </row>
    <row r="478470" spans="8:8">
      <c r="H478470" s="12"/>
    </row>
    <row r="478471" spans="8:8">
      <c r="H478471" s="12"/>
    </row>
    <row r="478472" spans="8:8">
      <c r="H478472" s="12"/>
    </row>
    <row r="478473" spans="8:8">
      <c r="H478473" s="12"/>
    </row>
    <row r="478474" spans="8:8">
      <c r="H478474" s="12"/>
    </row>
    <row r="478475" spans="8:8">
      <c r="H478475" s="12"/>
    </row>
    <row r="478476" spans="8:8">
      <c r="H478476" s="12"/>
    </row>
    <row r="478477" spans="8:8">
      <c r="H478477" s="12"/>
    </row>
    <row r="478478" spans="8:8">
      <c r="H478478" s="12"/>
    </row>
    <row r="478479" spans="8:8">
      <c r="H478479" s="12"/>
    </row>
    <row r="478480" spans="8:8">
      <c r="H478480" s="12"/>
    </row>
    <row r="478481" spans="8:8">
      <c r="H478481" s="12"/>
    </row>
    <row r="478482" spans="8:8">
      <c r="H478482" s="12"/>
    </row>
    <row r="478483" spans="8:8">
      <c r="H478483" s="12"/>
    </row>
    <row r="478484" spans="8:8">
      <c r="H478484" s="12"/>
    </row>
    <row r="478485" spans="8:8">
      <c r="H478485" s="12"/>
    </row>
    <row r="478486" spans="8:8">
      <c r="H478486" s="12"/>
    </row>
    <row r="478487" spans="8:8">
      <c r="H478487" s="12"/>
    </row>
    <row r="478488" spans="8:8">
      <c r="H478488" s="12"/>
    </row>
    <row r="478489" spans="8:8">
      <c r="H478489" s="12"/>
    </row>
    <row r="478490" spans="8:8">
      <c r="H478490" s="12"/>
    </row>
    <row r="478491" spans="8:8">
      <c r="H478491" s="12"/>
    </row>
    <row r="478492" spans="8:8">
      <c r="H478492" s="12"/>
    </row>
    <row r="478493" spans="8:8">
      <c r="H478493" s="12"/>
    </row>
    <row r="478494" spans="8:8">
      <c r="H478494" s="12"/>
    </row>
    <row r="478495" spans="8:8">
      <c r="H478495" s="12"/>
    </row>
    <row r="478496" spans="8:8">
      <c r="H478496" s="12"/>
    </row>
    <row r="478497" spans="8:8">
      <c r="H478497" s="12"/>
    </row>
    <row r="478498" spans="8:8">
      <c r="H478498" s="12"/>
    </row>
    <row r="478499" spans="8:8">
      <c r="H478499" s="12"/>
    </row>
    <row r="478500" spans="8:8">
      <c r="H478500" s="12"/>
    </row>
    <row r="478501" spans="8:8">
      <c r="H478501" s="12"/>
    </row>
    <row r="478502" spans="8:8">
      <c r="H478502" s="12"/>
    </row>
    <row r="478503" spans="8:8">
      <c r="H478503" s="12"/>
    </row>
    <row r="478504" spans="8:8">
      <c r="H478504" s="12"/>
    </row>
    <row r="478505" spans="8:8">
      <c r="H478505" s="12"/>
    </row>
    <row r="478506" spans="8:8">
      <c r="H478506" s="12"/>
    </row>
    <row r="478507" spans="8:8">
      <c r="H478507" s="12"/>
    </row>
    <row r="478508" spans="8:8">
      <c r="H478508" s="12"/>
    </row>
    <row r="478509" spans="8:8">
      <c r="H478509" s="12"/>
    </row>
    <row r="478510" spans="8:8">
      <c r="H478510" s="12"/>
    </row>
    <row r="478511" spans="8:8">
      <c r="H478511" s="12"/>
    </row>
    <row r="478512" spans="8:8">
      <c r="H478512" s="12"/>
    </row>
    <row r="478513" spans="8:8">
      <c r="H478513" s="12"/>
    </row>
    <row r="478514" spans="8:8">
      <c r="H478514" s="12"/>
    </row>
    <row r="478515" spans="8:8">
      <c r="H478515" s="12"/>
    </row>
    <row r="478516" spans="8:8">
      <c r="H478516" s="12"/>
    </row>
    <row r="478517" spans="8:8">
      <c r="H478517" s="12"/>
    </row>
    <row r="478518" spans="8:8">
      <c r="H478518" s="12"/>
    </row>
    <row r="478519" spans="8:8">
      <c r="H478519" s="12"/>
    </row>
    <row r="478520" spans="8:8">
      <c r="H478520" s="12"/>
    </row>
    <row r="478521" spans="8:8">
      <c r="H478521" s="12"/>
    </row>
    <row r="478522" spans="8:8">
      <c r="H478522" s="12"/>
    </row>
    <row r="478523" spans="8:8">
      <c r="H478523" s="12"/>
    </row>
    <row r="478524" spans="8:8">
      <c r="H478524" s="12"/>
    </row>
    <row r="478525" spans="8:8">
      <c r="H478525" s="12"/>
    </row>
    <row r="478526" spans="8:8">
      <c r="H478526" s="12"/>
    </row>
    <row r="478527" spans="8:8">
      <c r="H478527" s="12"/>
    </row>
    <row r="478528" spans="8:8">
      <c r="H478528" s="12"/>
    </row>
    <row r="478529" spans="8:8">
      <c r="H478529" s="12"/>
    </row>
    <row r="478530" spans="8:8">
      <c r="H478530" s="12"/>
    </row>
    <row r="478531" spans="8:8">
      <c r="H478531" s="12"/>
    </row>
    <row r="478532" spans="8:8">
      <c r="H478532" s="12"/>
    </row>
    <row r="478533" spans="8:8">
      <c r="H478533" s="12"/>
    </row>
    <row r="478534" spans="8:8">
      <c r="H478534" s="12"/>
    </row>
    <row r="478535" spans="8:8">
      <c r="H478535" s="12"/>
    </row>
    <row r="478536" spans="8:8">
      <c r="H478536" s="12"/>
    </row>
    <row r="478537" spans="8:8">
      <c r="H478537" s="12"/>
    </row>
    <row r="478538" spans="8:8">
      <c r="H478538" s="12"/>
    </row>
    <row r="478539" spans="8:8">
      <c r="H478539" s="12"/>
    </row>
    <row r="478540" spans="8:8">
      <c r="H478540" s="12"/>
    </row>
    <row r="478541" spans="8:8">
      <c r="H478541" s="12"/>
    </row>
    <row r="478542" spans="8:8">
      <c r="H478542" s="12"/>
    </row>
    <row r="478543" spans="8:8">
      <c r="H478543" s="12"/>
    </row>
    <row r="478544" spans="8:8">
      <c r="H478544" s="12"/>
    </row>
    <row r="478545" spans="8:8">
      <c r="H478545" s="12"/>
    </row>
    <row r="478546" spans="8:8">
      <c r="H478546" s="12"/>
    </row>
    <row r="478547" spans="8:8">
      <c r="H478547" s="12"/>
    </row>
    <row r="478548" spans="8:8">
      <c r="H478548" s="12"/>
    </row>
    <row r="478549" spans="8:8">
      <c r="H478549" s="12"/>
    </row>
    <row r="478550" spans="8:8">
      <c r="H478550" s="12"/>
    </row>
    <row r="478551" spans="8:8">
      <c r="H478551" s="12"/>
    </row>
    <row r="478552" spans="8:8">
      <c r="H478552" s="12"/>
    </row>
    <row r="478553" spans="8:8">
      <c r="H478553" s="12"/>
    </row>
    <row r="478554" spans="8:8">
      <c r="H478554" s="12"/>
    </row>
    <row r="478555" spans="8:8">
      <c r="H478555" s="12"/>
    </row>
    <row r="478556" spans="8:8">
      <c r="H478556" s="12"/>
    </row>
    <row r="478557" spans="8:8">
      <c r="H478557" s="12"/>
    </row>
    <row r="478558" spans="8:8">
      <c r="H478558" s="12"/>
    </row>
    <row r="478559" spans="8:8">
      <c r="H478559" s="12"/>
    </row>
    <row r="478560" spans="8:8">
      <c r="H478560" s="12"/>
    </row>
    <row r="478561" spans="8:8">
      <c r="H478561" s="12"/>
    </row>
    <row r="478562" spans="8:8">
      <c r="H478562" s="12"/>
    </row>
    <row r="478563" spans="8:8">
      <c r="H478563" s="12"/>
    </row>
    <row r="478564" spans="8:8">
      <c r="H478564" s="12"/>
    </row>
    <row r="478565" spans="8:8">
      <c r="H478565" s="12"/>
    </row>
    <row r="478566" spans="8:8">
      <c r="H478566" s="12"/>
    </row>
    <row r="478567" spans="8:8">
      <c r="H478567" s="12"/>
    </row>
    <row r="478568" spans="8:8">
      <c r="H478568" s="12"/>
    </row>
    <row r="478569" spans="8:8">
      <c r="H478569" s="12"/>
    </row>
    <row r="478570" spans="8:8">
      <c r="H478570" s="12"/>
    </row>
    <row r="478571" spans="8:8">
      <c r="H478571" s="12"/>
    </row>
    <row r="478572" spans="8:8">
      <c r="H478572" s="12"/>
    </row>
    <row r="478573" spans="8:8">
      <c r="H478573" s="12"/>
    </row>
    <row r="478574" spans="8:8">
      <c r="H478574" s="12"/>
    </row>
    <row r="478575" spans="8:8">
      <c r="H478575" s="12"/>
    </row>
    <row r="478576" spans="8:8">
      <c r="H478576" s="12"/>
    </row>
    <row r="478577" spans="8:8">
      <c r="H478577" s="12"/>
    </row>
    <row r="478578" spans="8:8">
      <c r="H478578" s="12"/>
    </row>
    <row r="478579" spans="8:8">
      <c r="H478579" s="12"/>
    </row>
    <row r="478580" spans="8:8">
      <c r="H478580" s="12"/>
    </row>
    <row r="478581" spans="8:8">
      <c r="H478581" s="12"/>
    </row>
    <row r="478582" spans="8:8">
      <c r="H478582" s="12"/>
    </row>
    <row r="478583" spans="8:8">
      <c r="H478583" s="12"/>
    </row>
    <row r="478584" spans="8:8">
      <c r="H478584" s="12"/>
    </row>
    <row r="478585" spans="8:8">
      <c r="H478585" s="12"/>
    </row>
    <row r="478586" spans="8:8">
      <c r="H478586" s="12"/>
    </row>
    <row r="478587" spans="8:8">
      <c r="H478587" s="12"/>
    </row>
    <row r="478588" spans="8:8">
      <c r="H478588" s="12"/>
    </row>
    <row r="478589" spans="8:8">
      <c r="H478589" s="12"/>
    </row>
    <row r="478590" spans="8:8">
      <c r="H478590" s="12"/>
    </row>
    <row r="478591" spans="8:8">
      <c r="H478591" s="12"/>
    </row>
    <row r="478592" spans="8:8">
      <c r="H478592" s="12"/>
    </row>
    <row r="478593" spans="8:8">
      <c r="H478593" s="12"/>
    </row>
    <row r="478594" spans="8:8">
      <c r="H478594" s="12"/>
    </row>
    <row r="478595" spans="8:8">
      <c r="H478595" s="12"/>
    </row>
    <row r="478596" spans="8:8">
      <c r="H478596" s="12"/>
    </row>
    <row r="478597" spans="8:8">
      <c r="H478597" s="12"/>
    </row>
    <row r="478598" spans="8:8">
      <c r="H478598" s="12"/>
    </row>
    <row r="478599" spans="8:8">
      <c r="H478599" s="12"/>
    </row>
    <row r="478600" spans="8:8">
      <c r="H478600" s="12"/>
    </row>
    <row r="478601" spans="8:8">
      <c r="H478601" s="12"/>
    </row>
    <row r="478602" spans="8:8">
      <c r="H478602" s="12"/>
    </row>
    <row r="478603" spans="8:8">
      <c r="H478603" s="12"/>
    </row>
    <row r="478604" spans="8:8">
      <c r="H478604" s="12"/>
    </row>
    <row r="478605" spans="8:8">
      <c r="H478605" s="12"/>
    </row>
    <row r="478606" spans="8:8">
      <c r="H478606" s="12"/>
    </row>
    <row r="478607" spans="8:8">
      <c r="H478607" s="12"/>
    </row>
    <row r="478608" spans="8:8">
      <c r="H478608" s="12"/>
    </row>
    <row r="478609" spans="8:8">
      <c r="H478609" s="12"/>
    </row>
    <row r="478610" spans="8:8">
      <c r="H478610" s="12"/>
    </row>
    <row r="478611" spans="8:8">
      <c r="H478611" s="12"/>
    </row>
    <row r="478612" spans="8:8">
      <c r="H478612" s="12"/>
    </row>
    <row r="478613" spans="8:8">
      <c r="H478613" s="12"/>
    </row>
    <row r="478614" spans="8:8">
      <c r="H478614" s="12"/>
    </row>
    <row r="478615" spans="8:8">
      <c r="H478615" s="12"/>
    </row>
    <row r="478616" spans="8:8">
      <c r="H478616" s="12"/>
    </row>
    <row r="478617" spans="8:8">
      <c r="H478617" s="12"/>
    </row>
    <row r="478618" spans="8:8">
      <c r="H478618" s="12"/>
    </row>
    <row r="478619" spans="8:8">
      <c r="H478619" s="12"/>
    </row>
    <row r="478620" spans="8:8">
      <c r="H478620" s="12"/>
    </row>
    <row r="478621" spans="8:8">
      <c r="H478621" s="12"/>
    </row>
    <row r="478622" spans="8:8">
      <c r="H478622" s="12"/>
    </row>
    <row r="478623" spans="8:8">
      <c r="H478623" s="12"/>
    </row>
    <row r="478624" spans="8:8">
      <c r="H478624" s="12"/>
    </row>
    <row r="478625" spans="8:8">
      <c r="H478625" s="12"/>
    </row>
    <row r="478626" spans="8:8">
      <c r="H478626" s="12"/>
    </row>
    <row r="478627" spans="8:8">
      <c r="H478627" s="12"/>
    </row>
    <row r="478628" spans="8:8">
      <c r="H478628" s="12"/>
    </row>
    <row r="478629" spans="8:8">
      <c r="H478629" s="12"/>
    </row>
    <row r="478630" spans="8:8">
      <c r="H478630" s="12"/>
    </row>
    <row r="478631" spans="8:8">
      <c r="H478631" s="12"/>
    </row>
    <row r="478632" spans="8:8">
      <c r="H478632" s="12"/>
    </row>
    <row r="478633" spans="8:8">
      <c r="H478633" s="12"/>
    </row>
    <row r="478634" spans="8:8">
      <c r="H478634" s="12"/>
    </row>
    <row r="478635" spans="8:8">
      <c r="H478635" s="12"/>
    </row>
    <row r="478636" spans="8:8">
      <c r="H478636" s="12"/>
    </row>
    <row r="478637" spans="8:8">
      <c r="H478637" s="12"/>
    </row>
    <row r="478638" spans="8:8">
      <c r="H478638" s="12"/>
    </row>
    <row r="478639" spans="8:8">
      <c r="H478639" s="12"/>
    </row>
    <row r="478640" spans="8:8">
      <c r="H478640" s="12"/>
    </row>
    <row r="478641" spans="8:8">
      <c r="H478641" s="12"/>
    </row>
    <row r="478642" spans="8:8">
      <c r="H478642" s="12"/>
    </row>
    <row r="478643" spans="8:8">
      <c r="H478643" s="12"/>
    </row>
    <row r="478644" spans="8:8">
      <c r="H478644" s="12"/>
    </row>
    <row r="478645" spans="8:8">
      <c r="H478645" s="12"/>
    </row>
    <row r="478646" spans="8:8">
      <c r="H478646" s="12"/>
    </row>
    <row r="478647" spans="8:8">
      <c r="H478647" s="12"/>
    </row>
    <row r="478648" spans="8:8">
      <c r="H478648" s="12"/>
    </row>
    <row r="478649" spans="8:8">
      <c r="H478649" s="12"/>
    </row>
    <row r="478650" spans="8:8">
      <c r="H478650" s="12"/>
    </row>
    <row r="478651" spans="8:8">
      <c r="H478651" s="12"/>
    </row>
    <row r="478652" spans="8:8">
      <c r="H478652" s="12"/>
    </row>
    <row r="478653" spans="8:8">
      <c r="H478653" s="12"/>
    </row>
    <row r="478654" spans="8:8">
      <c r="H478654" s="12"/>
    </row>
    <row r="478655" spans="8:8">
      <c r="H478655" s="12"/>
    </row>
    <row r="478656" spans="8:8">
      <c r="H478656" s="12"/>
    </row>
    <row r="478657" spans="8:8">
      <c r="H478657" s="12"/>
    </row>
    <row r="478658" spans="8:8">
      <c r="H478658" s="12"/>
    </row>
    <row r="478659" spans="8:8">
      <c r="H478659" s="12"/>
    </row>
    <row r="478660" spans="8:8">
      <c r="H478660" s="12"/>
    </row>
    <row r="478661" spans="8:8">
      <c r="H478661" s="12"/>
    </row>
    <row r="478662" spans="8:8">
      <c r="H478662" s="12"/>
    </row>
    <row r="478663" spans="8:8">
      <c r="H478663" s="12"/>
    </row>
    <row r="478664" spans="8:8">
      <c r="H478664" s="12"/>
    </row>
    <row r="478665" spans="8:8">
      <c r="H478665" s="12"/>
    </row>
    <row r="478666" spans="8:8">
      <c r="H478666" s="12"/>
    </row>
    <row r="478667" spans="8:8">
      <c r="H478667" s="12"/>
    </row>
    <row r="478668" spans="8:8">
      <c r="H478668" s="12"/>
    </row>
    <row r="478669" spans="8:8">
      <c r="H478669" s="12"/>
    </row>
    <row r="478670" spans="8:8">
      <c r="H478670" s="12"/>
    </row>
    <row r="478671" spans="8:8">
      <c r="H478671" s="12"/>
    </row>
    <row r="478672" spans="8:8">
      <c r="H478672" s="12"/>
    </row>
    <row r="478673" spans="8:8">
      <c r="H478673" s="12"/>
    </row>
    <row r="478674" spans="8:8">
      <c r="H478674" s="12"/>
    </row>
    <row r="478675" spans="8:8">
      <c r="H478675" s="12"/>
    </row>
    <row r="478676" spans="8:8">
      <c r="H478676" s="12"/>
    </row>
    <row r="478677" spans="8:8">
      <c r="H478677" s="12"/>
    </row>
    <row r="478678" spans="8:8">
      <c r="H478678" s="12"/>
    </row>
    <row r="478679" spans="8:8">
      <c r="H478679" s="12"/>
    </row>
    <row r="478680" spans="8:8">
      <c r="H478680" s="12"/>
    </row>
    <row r="478681" spans="8:8">
      <c r="H478681" s="12"/>
    </row>
    <row r="478682" spans="8:8">
      <c r="H478682" s="12"/>
    </row>
    <row r="478683" spans="8:8">
      <c r="H478683" s="12"/>
    </row>
    <row r="478684" spans="8:8">
      <c r="H478684" s="12"/>
    </row>
    <row r="478685" spans="8:8">
      <c r="H478685" s="12"/>
    </row>
    <row r="478686" spans="8:8">
      <c r="H478686" s="12"/>
    </row>
    <row r="478687" spans="8:8">
      <c r="H478687" s="12"/>
    </row>
    <row r="478688" spans="8:8">
      <c r="H478688" s="12"/>
    </row>
    <row r="478689" spans="8:8">
      <c r="H478689" s="12"/>
    </row>
    <row r="478690" spans="8:8">
      <c r="H478690" s="12"/>
    </row>
    <row r="478691" spans="8:8">
      <c r="H478691" s="12"/>
    </row>
    <row r="478692" spans="8:8">
      <c r="H478692" s="12"/>
    </row>
    <row r="478693" spans="8:8">
      <c r="H478693" s="12"/>
    </row>
    <row r="478694" spans="8:8">
      <c r="H478694" s="12"/>
    </row>
    <row r="478695" spans="8:8">
      <c r="H478695" s="12"/>
    </row>
    <row r="478696" spans="8:8">
      <c r="H478696" s="12"/>
    </row>
    <row r="478697" spans="8:8">
      <c r="H478697" s="12"/>
    </row>
    <row r="478698" spans="8:8">
      <c r="H478698" s="12"/>
    </row>
    <row r="478699" spans="8:8">
      <c r="H478699" s="12"/>
    </row>
    <row r="478700" spans="8:8">
      <c r="H478700" s="12"/>
    </row>
    <row r="478701" spans="8:8">
      <c r="H478701" s="12"/>
    </row>
    <row r="478702" spans="8:8">
      <c r="H478702" s="12"/>
    </row>
    <row r="478703" spans="8:8">
      <c r="H478703" s="12"/>
    </row>
    <row r="478704" spans="8:8">
      <c r="H478704" s="12"/>
    </row>
    <row r="478705" spans="8:8">
      <c r="H478705" s="12"/>
    </row>
    <row r="478706" spans="8:8">
      <c r="H478706" s="12"/>
    </row>
    <row r="478707" spans="8:8">
      <c r="H478707" s="12"/>
    </row>
    <row r="478708" spans="8:8">
      <c r="H478708" s="12"/>
    </row>
    <row r="478709" spans="8:8">
      <c r="H478709" s="12"/>
    </row>
    <row r="478710" spans="8:8">
      <c r="H478710" s="12"/>
    </row>
    <row r="478711" spans="8:8">
      <c r="H478711" s="12"/>
    </row>
    <row r="478712" spans="8:8">
      <c r="H478712" s="12"/>
    </row>
    <row r="478713" spans="8:8">
      <c r="H478713" s="12"/>
    </row>
    <row r="478714" spans="8:8">
      <c r="H478714" s="12"/>
    </row>
    <row r="478715" spans="8:8">
      <c r="H478715" s="12"/>
    </row>
    <row r="478716" spans="8:8">
      <c r="H478716" s="12"/>
    </row>
    <row r="478717" spans="8:8">
      <c r="H478717" s="12"/>
    </row>
    <row r="478718" spans="8:8">
      <c r="H478718" s="12"/>
    </row>
    <row r="478719" spans="8:8">
      <c r="H478719" s="12"/>
    </row>
    <row r="478720" spans="8:8">
      <c r="H478720" s="12"/>
    </row>
    <row r="478721" spans="8:8">
      <c r="H478721" s="12"/>
    </row>
    <row r="478722" spans="8:8">
      <c r="H478722" s="12"/>
    </row>
    <row r="478723" spans="8:8">
      <c r="H478723" s="12"/>
    </row>
    <row r="478724" spans="8:8">
      <c r="H478724" s="12"/>
    </row>
    <row r="478725" spans="8:8">
      <c r="H478725" s="12"/>
    </row>
    <row r="478726" spans="8:8">
      <c r="H478726" s="12"/>
    </row>
    <row r="478727" spans="8:8">
      <c r="H478727" s="12"/>
    </row>
    <row r="478728" spans="8:8">
      <c r="H478728" s="12"/>
    </row>
    <row r="478729" spans="8:8">
      <c r="H478729" s="12"/>
    </row>
    <row r="478730" spans="8:8">
      <c r="H478730" s="12"/>
    </row>
    <row r="478731" spans="8:8">
      <c r="H478731" s="12"/>
    </row>
    <row r="478732" spans="8:8">
      <c r="H478732" s="12"/>
    </row>
    <row r="478733" spans="8:8">
      <c r="H478733" s="12"/>
    </row>
    <row r="478734" spans="8:8">
      <c r="H478734" s="12"/>
    </row>
    <row r="478735" spans="8:8">
      <c r="H478735" s="12"/>
    </row>
    <row r="478736" spans="8:8">
      <c r="H478736" s="12"/>
    </row>
    <row r="478737" spans="8:8">
      <c r="H478737" s="12"/>
    </row>
    <row r="478738" spans="8:8">
      <c r="H478738" s="12"/>
    </row>
    <row r="478739" spans="8:8">
      <c r="H478739" s="12"/>
    </row>
    <row r="478740" spans="8:8">
      <c r="H478740" s="12"/>
    </row>
    <row r="478741" spans="8:8">
      <c r="H478741" s="12"/>
    </row>
    <row r="478742" spans="8:8">
      <c r="H478742" s="12"/>
    </row>
    <row r="478743" spans="8:8">
      <c r="H478743" s="12"/>
    </row>
    <row r="478744" spans="8:8">
      <c r="H478744" s="12"/>
    </row>
    <row r="478745" spans="8:8">
      <c r="H478745" s="12"/>
    </row>
    <row r="478746" spans="8:8">
      <c r="H478746" s="12"/>
    </row>
    <row r="478747" spans="8:8">
      <c r="H478747" s="12"/>
    </row>
    <row r="478748" spans="8:8">
      <c r="H478748" s="12"/>
    </row>
    <row r="478749" spans="8:8">
      <c r="H478749" s="12"/>
    </row>
    <row r="478750" spans="8:8">
      <c r="H478750" s="12"/>
    </row>
    <row r="478751" spans="8:8">
      <c r="H478751" s="12"/>
    </row>
    <row r="478752" spans="8:8">
      <c r="H478752" s="12"/>
    </row>
    <row r="478753" spans="8:8">
      <c r="H478753" s="12"/>
    </row>
    <row r="478754" spans="8:8">
      <c r="H478754" s="12"/>
    </row>
    <row r="478755" spans="8:8">
      <c r="H478755" s="12"/>
    </row>
    <row r="478756" spans="8:8">
      <c r="H478756" s="12"/>
    </row>
    <row r="478757" spans="8:8">
      <c r="H478757" s="12"/>
    </row>
    <row r="478758" spans="8:8">
      <c r="H478758" s="12"/>
    </row>
    <row r="478759" spans="8:8">
      <c r="H478759" s="12"/>
    </row>
    <row r="478760" spans="8:8">
      <c r="H478760" s="12"/>
    </row>
    <row r="478761" spans="8:8">
      <c r="H478761" s="12"/>
    </row>
    <row r="478762" spans="8:8">
      <c r="H478762" s="12"/>
    </row>
    <row r="478763" spans="8:8">
      <c r="H478763" s="12"/>
    </row>
    <row r="478764" spans="8:8">
      <c r="H478764" s="12"/>
    </row>
    <row r="478765" spans="8:8">
      <c r="H478765" s="12"/>
    </row>
    <row r="478766" spans="8:8">
      <c r="H478766" s="12"/>
    </row>
    <row r="478767" spans="8:8">
      <c r="H478767" s="12"/>
    </row>
    <row r="478768" spans="8:8">
      <c r="H478768" s="12"/>
    </row>
    <row r="478769" spans="8:8">
      <c r="H478769" s="12"/>
    </row>
    <row r="478770" spans="8:8">
      <c r="H478770" s="12"/>
    </row>
    <row r="478771" spans="8:8">
      <c r="H478771" s="12"/>
    </row>
    <row r="478772" spans="8:8">
      <c r="H478772" s="12"/>
    </row>
    <row r="478773" spans="8:8">
      <c r="H478773" s="12"/>
    </row>
    <row r="478774" spans="8:8">
      <c r="H478774" s="12"/>
    </row>
    <row r="478775" spans="8:8">
      <c r="H478775" s="12"/>
    </row>
    <row r="478776" spans="8:8">
      <c r="H478776" s="12"/>
    </row>
    <row r="478777" spans="8:8">
      <c r="H478777" s="12"/>
    </row>
    <row r="478778" spans="8:8">
      <c r="H478778" s="12"/>
    </row>
    <row r="478779" spans="8:8">
      <c r="H478779" s="12"/>
    </row>
    <row r="478780" spans="8:8">
      <c r="H478780" s="12"/>
    </row>
    <row r="478781" spans="8:8">
      <c r="H478781" s="12"/>
    </row>
    <row r="478782" spans="8:8">
      <c r="H478782" s="12"/>
    </row>
    <row r="478783" spans="8:8">
      <c r="H478783" s="12"/>
    </row>
    <row r="478784" spans="8:8">
      <c r="H478784" s="12"/>
    </row>
    <row r="478785" spans="8:8">
      <c r="H478785" s="12"/>
    </row>
    <row r="478786" spans="8:8">
      <c r="H478786" s="12"/>
    </row>
    <row r="478787" spans="8:8">
      <c r="H478787" s="12"/>
    </row>
    <row r="478788" spans="8:8">
      <c r="H478788" s="12"/>
    </row>
    <row r="478789" spans="8:8">
      <c r="H478789" s="12"/>
    </row>
    <row r="478790" spans="8:8">
      <c r="H478790" s="12"/>
    </row>
    <row r="478791" spans="8:8">
      <c r="H478791" s="12"/>
    </row>
    <row r="478792" spans="8:8">
      <c r="H478792" s="12"/>
    </row>
    <row r="478793" spans="8:8">
      <c r="H478793" s="12"/>
    </row>
    <row r="478794" spans="8:8">
      <c r="H478794" s="12"/>
    </row>
    <row r="478795" spans="8:8">
      <c r="H478795" s="12"/>
    </row>
    <row r="478796" spans="8:8">
      <c r="H478796" s="12"/>
    </row>
    <row r="478797" spans="8:8">
      <c r="H478797" s="12"/>
    </row>
    <row r="478798" spans="8:8">
      <c r="H478798" s="12"/>
    </row>
    <row r="478799" spans="8:8">
      <c r="H478799" s="12"/>
    </row>
    <row r="478800" spans="8:8">
      <c r="H478800" s="12"/>
    </row>
    <row r="478801" spans="8:8">
      <c r="H478801" s="12"/>
    </row>
    <row r="478802" spans="8:8">
      <c r="H478802" s="12"/>
    </row>
    <row r="478803" spans="8:8">
      <c r="H478803" s="12"/>
    </row>
    <row r="478804" spans="8:8">
      <c r="H478804" s="12"/>
    </row>
    <row r="478805" spans="8:8">
      <c r="H478805" s="12"/>
    </row>
    <row r="478806" spans="8:8">
      <c r="H478806" s="12"/>
    </row>
    <row r="478807" spans="8:8">
      <c r="H478807" s="12"/>
    </row>
    <row r="478808" spans="8:8">
      <c r="H478808" s="12"/>
    </row>
    <row r="478809" spans="8:8">
      <c r="H478809" s="12"/>
    </row>
    <row r="478810" spans="8:8">
      <c r="H478810" s="12"/>
    </row>
    <row r="478811" spans="8:8">
      <c r="H478811" s="12"/>
    </row>
    <row r="478812" spans="8:8">
      <c r="H478812" s="12"/>
    </row>
    <row r="478813" spans="8:8">
      <c r="H478813" s="12"/>
    </row>
    <row r="478814" spans="8:8">
      <c r="H478814" s="12"/>
    </row>
    <row r="478815" spans="8:8">
      <c r="H478815" s="12"/>
    </row>
    <row r="478816" spans="8:8">
      <c r="H478816" s="12"/>
    </row>
    <row r="478817" spans="8:8">
      <c r="H478817" s="12"/>
    </row>
    <row r="478818" spans="8:8">
      <c r="H478818" s="12"/>
    </row>
    <row r="478819" spans="8:8">
      <c r="H478819" s="12"/>
    </row>
    <row r="478820" spans="8:8">
      <c r="H478820" s="12"/>
    </row>
    <row r="478821" spans="8:8">
      <c r="H478821" s="12"/>
    </row>
    <row r="478822" spans="8:8">
      <c r="H478822" s="12"/>
    </row>
    <row r="478823" spans="8:8">
      <c r="H478823" s="12"/>
    </row>
    <row r="478824" spans="8:8">
      <c r="H478824" s="12"/>
    </row>
    <row r="478825" spans="8:8">
      <c r="H478825" s="12"/>
    </row>
    <row r="478826" spans="8:8">
      <c r="H478826" s="12"/>
    </row>
    <row r="478827" spans="8:8">
      <c r="H478827" s="12"/>
    </row>
    <row r="478828" spans="8:8">
      <c r="H478828" s="12"/>
    </row>
    <row r="478829" spans="8:8">
      <c r="H478829" s="12"/>
    </row>
    <row r="478830" spans="8:8">
      <c r="H478830" s="12"/>
    </row>
    <row r="478831" spans="8:8">
      <c r="H478831" s="12"/>
    </row>
    <row r="478832" spans="8:8">
      <c r="H478832" s="12"/>
    </row>
    <row r="478833" spans="8:8">
      <c r="H478833" s="12"/>
    </row>
    <row r="478834" spans="8:8">
      <c r="H478834" s="12"/>
    </row>
    <row r="478835" spans="8:8">
      <c r="H478835" s="12"/>
    </row>
    <row r="478836" spans="8:8">
      <c r="H478836" s="12"/>
    </row>
    <row r="478837" spans="8:8">
      <c r="H478837" s="12"/>
    </row>
    <row r="478838" spans="8:8">
      <c r="H478838" s="12"/>
    </row>
    <row r="478839" spans="8:8">
      <c r="H478839" s="12"/>
    </row>
    <row r="478840" spans="8:8">
      <c r="H478840" s="12"/>
    </row>
    <row r="478841" spans="8:8">
      <c r="H478841" s="12"/>
    </row>
    <row r="478842" spans="8:8">
      <c r="H478842" s="12"/>
    </row>
    <row r="478843" spans="8:8">
      <c r="H478843" s="12"/>
    </row>
    <row r="478844" spans="8:8">
      <c r="H478844" s="12"/>
    </row>
    <row r="478845" spans="8:8">
      <c r="H478845" s="12"/>
    </row>
    <row r="478846" spans="8:8">
      <c r="H478846" s="12"/>
    </row>
    <row r="478847" spans="8:8">
      <c r="H478847" s="12"/>
    </row>
    <row r="478848" spans="8:8">
      <c r="H478848" s="12"/>
    </row>
    <row r="478849" spans="8:8">
      <c r="H478849" s="12"/>
    </row>
    <row r="478850" spans="8:8">
      <c r="H478850" s="12"/>
    </row>
    <row r="478851" spans="8:8">
      <c r="H478851" s="12"/>
    </row>
    <row r="478852" spans="8:8">
      <c r="H478852" s="12"/>
    </row>
    <row r="478853" spans="8:8">
      <c r="H478853" s="12"/>
    </row>
    <row r="478854" spans="8:8">
      <c r="H478854" s="12"/>
    </row>
    <row r="478855" spans="8:8">
      <c r="H478855" s="12"/>
    </row>
    <row r="478856" spans="8:8">
      <c r="H478856" s="12"/>
    </row>
    <row r="478857" spans="8:8">
      <c r="H478857" s="12"/>
    </row>
    <row r="478858" spans="8:8">
      <c r="H478858" s="12"/>
    </row>
    <row r="478859" spans="8:8">
      <c r="H478859" s="12"/>
    </row>
    <row r="478860" spans="8:8">
      <c r="H478860" s="12"/>
    </row>
    <row r="478861" spans="8:8">
      <c r="H478861" s="12"/>
    </row>
    <row r="478862" spans="8:8">
      <c r="H478862" s="12"/>
    </row>
    <row r="478863" spans="8:8">
      <c r="H478863" s="12"/>
    </row>
    <row r="478864" spans="8:8">
      <c r="H478864" s="12"/>
    </row>
    <row r="478865" spans="8:8">
      <c r="H478865" s="12"/>
    </row>
    <row r="478866" spans="8:8">
      <c r="H478866" s="12"/>
    </row>
    <row r="478867" spans="8:8">
      <c r="H478867" s="12"/>
    </row>
    <row r="478868" spans="8:8">
      <c r="H478868" s="12"/>
    </row>
    <row r="478869" spans="8:8">
      <c r="H478869" s="12"/>
    </row>
    <row r="478870" spans="8:8">
      <c r="H478870" s="12"/>
    </row>
    <row r="478871" spans="8:8">
      <c r="H478871" s="12"/>
    </row>
    <row r="478872" spans="8:8">
      <c r="H478872" s="12"/>
    </row>
    <row r="478873" spans="8:8">
      <c r="H478873" s="12"/>
    </row>
    <row r="478874" spans="8:8">
      <c r="H478874" s="12"/>
    </row>
    <row r="478875" spans="8:8">
      <c r="H478875" s="12"/>
    </row>
    <row r="478876" spans="8:8">
      <c r="H478876" s="12"/>
    </row>
    <row r="478877" spans="8:8">
      <c r="H478877" s="12"/>
    </row>
    <row r="478878" spans="8:8">
      <c r="H478878" s="12"/>
    </row>
    <row r="478879" spans="8:8">
      <c r="H478879" s="12"/>
    </row>
    <row r="478880" spans="8:8">
      <c r="H478880" s="12"/>
    </row>
    <row r="478881" spans="8:8">
      <c r="H478881" s="12"/>
    </row>
    <row r="478882" spans="8:8">
      <c r="H478882" s="12"/>
    </row>
    <row r="478883" spans="8:8">
      <c r="H478883" s="12"/>
    </row>
    <row r="478884" spans="8:8">
      <c r="H478884" s="12"/>
    </row>
    <row r="478885" spans="8:8">
      <c r="H478885" s="12"/>
    </row>
    <row r="478886" spans="8:8">
      <c r="H478886" s="12"/>
    </row>
    <row r="478887" spans="8:8">
      <c r="H478887" s="12"/>
    </row>
    <row r="478888" spans="8:8">
      <c r="H478888" s="12"/>
    </row>
    <row r="478889" spans="8:8">
      <c r="H478889" s="12"/>
    </row>
    <row r="478890" spans="8:8">
      <c r="H478890" s="12"/>
    </row>
    <row r="478891" spans="8:8">
      <c r="H478891" s="12"/>
    </row>
    <row r="478892" spans="8:8">
      <c r="H478892" s="12"/>
    </row>
    <row r="478893" spans="8:8">
      <c r="H478893" s="12"/>
    </row>
    <row r="478894" spans="8:8">
      <c r="H478894" s="12"/>
    </row>
    <row r="478895" spans="8:8">
      <c r="H478895" s="12"/>
    </row>
    <row r="478896" spans="8:8">
      <c r="H478896" s="12"/>
    </row>
    <row r="478897" spans="8:8">
      <c r="H478897" s="12"/>
    </row>
    <row r="478898" spans="8:8">
      <c r="H478898" s="12"/>
    </row>
    <row r="478899" spans="8:8">
      <c r="H478899" s="12"/>
    </row>
    <row r="478900" spans="8:8">
      <c r="H478900" s="12"/>
    </row>
    <row r="478901" spans="8:8">
      <c r="H478901" s="12"/>
    </row>
    <row r="478902" spans="8:8">
      <c r="H478902" s="12"/>
    </row>
    <row r="478903" spans="8:8">
      <c r="H478903" s="12"/>
    </row>
    <row r="478904" spans="8:8">
      <c r="H478904" s="12"/>
    </row>
    <row r="478905" spans="8:8">
      <c r="H478905" s="12"/>
    </row>
    <row r="478906" spans="8:8">
      <c r="H478906" s="12"/>
    </row>
    <row r="478907" spans="8:8">
      <c r="H478907" s="12"/>
    </row>
    <row r="478908" spans="8:8">
      <c r="H478908" s="12"/>
    </row>
    <row r="478909" spans="8:8">
      <c r="H478909" s="12"/>
    </row>
    <row r="478910" spans="8:8">
      <c r="H478910" s="12"/>
    </row>
    <row r="478911" spans="8:8">
      <c r="H478911" s="12"/>
    </row>
    <row r="478912" spans="8:8">
      <c r="H478912" s="12"/>
    </row>
    <row r="478913" spans="8:8">
      <c r="H478913" s="12"/>
    </row>
    <row r="478914" spans="8:8">
      <c r="H478914" s="12"/>
    </row>
    <row r="478915" spans="8:8">
      <c r="H478915" s="12"/>
    </row>
    <row r="478916" spans="8:8">
      <c r="H478916" s="12"/>
    </row>
    <row r="478917" spans="8:8">
      <c r="H478917" s="12"/>
    </row>
    <row r="478918" spans="8:8">
      <c r="H478918" s="12"/>
    </row>
    <row r="478919" spans="8:8">
      <c r="H478919" s="12"/>
    </row>
    <row r="478920" spans="8:8">
      <c r="H478920" s="12"/>
    </row>
    <row r="478921" spans="8:8">
      <c r="H478921" s="12"/>
    </row>
    <row r="478922" spans="8:8">
      <c r="H478922" s="12"/>
    </row>
    <row r="478923" spans="8:8">
      <c r="H478923" s="12"/>
    </row>
    <row r="478924" spans="8:8">
      <c r="H478924" s="12"/>
    </row>
    <row r="478925" spans="8:8">
      <c r="H478925" s="12"/>
    </row>
    <row r="478926" spans="8:8">
      <c r="H478926" s="12"/>
    </row>
    <row r="478927" spans="8:8">
      <c r="H478927" s="12"/>
    </row>
    <row r="478928" spans="8:8">
      <c r="H478928" s="12"/>
    </row>
    <row r="478929" spans="8:8">
      <c r="H478929" s="12"/>
    </row>
    <row r="478930" spans="8:8">
      <c r="H478930" s="12"/>
    </row>
    <row r="478931" spans="8:8">
      <c r="H478931" s="12"/>
    </row>
    <row r="478932" spans="8:8">
      <c r="H478932" s="12"/>
    </row>
    <row r="478933" spans="8:8">
      <c r="H478933" s="12"/>
    </row>
    <row r="478934" spans="8:8">
      <c r="H478934" s="12"/>
    </row>
    <row r="478935" spans="8:8">
      <c r="H478935" s="12"/>
    </row>
    <row r="478936" spans="8:8">
      <c r="H478936" s="12"/>
    </row>
    <row r="478937" spans="8:8">
      <c r="H478937" s="12"/>
    </row>
    <row r="478938" spans="8:8">
      <c r="H478938" s="12"/>
    </row>
    <row r="478939" spans="8:8">
      <c r="H478939" s="12"/>
    </row>
    <row r="478940" spans="8:8">
      <c r="H478940" s="12"/>
    </row>
    <row r="478941" spans="8:8">
      <c r="H478941" s="12"/>
    </row>
    <row r="478942" spans="8:8">
      <c r="H478942" s="12"/>
    </row>
    <row r="478943" spans="8:8">
      <c r="H478943" s="12"/>
    </row>
    <row r="478944" spans="8:8">
      <c r="H478944" s="12"/>
    </row>
    <row r="478945" spans="8:8">
      <c r="H478945" s="12"/>
    </row>
    <row r="478946" spans="8:8">
      <c r="H478946" s="12"/>
    </row>
    <row r="478947" spans="8:8">
      <c r="H478947" s="12"/>
    </row>
    <row r="478948" spans="8:8">
      <c r="H478948" s="12"/>
    </row>
    <row r="478949" spans="8:8">
      <c r="H478949" s="12"/>
    </row>
    <row r="478950" spans="8:8">
      <c r="H478950" s="12"/>
    </row>
    <row r="478951" spans="8:8">
      <c r="H478951" s="12"/>
    </row>
    <row r="478952" spans="8:8">
      <c r="H478952" s="12"/>
    </row>
    <row r="478953" spans="8:8">
      <c r="H478953" s="12"/>
    </row>
    <row r="478954" spans="8:8">
      <c r="H478954" s="12"/>
    </row>
    <row r="478955" spans="8:8">
      <c r="H478955" s="12"/>
    </row>
    <row r="478956" spans="8:8">
      <c r="H478956" s="12"/>
    </row>
    <row r="478957" spans="8:8">
      <c r="H478957" s="12"/>
    </row>
    <row r="478958" spans="8:8">
      <c r="H478958" s="12"/>
    </row>
    <row r="478959" spans="8:8">
      <c r="H478959" s="12"/>
    </row>
    <row r="478960" spans="8:8">
      <c r="H478960" s="12"/>
    </row>
    <row r="478961" spans="8:8">
      <c r="H478961" s="12"/>
    </row>
    <row r="478962" spans="8:8">
      <c r="H478962" s="12"/>
    </row>
    <row r="478963" spans="8:8">
      <c r="H478963" s="12"/>
    </row>
    <row r="478964" spans="8:8">
      <c r="H478964" s="12"/>
    </row>
    <row r="478965" spans="8:8">
      <c r="H478965" s="12"/>
    </row>
    <row r="478966" spans="8:8">
      <c r="H478966" s="12"/>
    </row>
    <row r="478967" spans="8:8">
      <c r="H478967" s="12"/>
    </row>
    <row r="478968" spans="8:8">
      <c r="H478968" s="12"/>
    </row>
    <row r="478969" spans="8:8">
      <c r="H478969" s="12"/>
    </row>
    <row r="478970" spans="8:8">
      <c r="H478970" s="12"/>
    </row>
    <row r="478971" spans="8:8">
      <c r="H478971" s="12"/>
    </row>
    <row r="478972" spans="8:8">
      <c r="H478972" s="12"/>
    </row>
    <row r="478973" spans="8:8">
      <c r="H478973" s="12"/>
    </row>
    <row r="478974" spans="8:8">
      <c r="H478974" s="12"/>
    </row>
    <row r="478975" spans="8:8">
      <c r="H478975" s="12"/>
    </row>
    <row r="478976" spans="8:8">
      <c r="H478976" s="12"/>
    </row>
    <row r="478977" spans="8:8">
      <c r="H478977" s="12"/>
    </row>
    <row r="478978" spans="8:8">
      <c r="H478978" s="12"/>
    </row>
    <row r="478979" spans="8:8">
      <c r="H478979" s="12"/>
    </row>
    <row r="478980" spans="8:8">
      <c r="H478980" s="12"/>
    </row>
    <row r="478981" spans="8:8">
      <c r="H478981" s="12"/>
    </row>
    <row r="478982" spans="8:8">
      <c r="H478982" s="12"/>
    </row>
    <row r="478983" spans="8:8">
      <c r="H478983" s="12"/>
    </row>
    <row r="478984" spans="8:8">
      <c r="H478984" s="12"/>
    </row>
    <row r="478985" spans="8:8">
      <c r="H478985" s="12"/>
    </row>
    <row r="478986" spans="8:8">
      <c r="H478986" s="12"/>
    </row>
    <row r="478987" spans="8:8">
      <c r="H478987" s="12"/>
    </row>
    <row r="478988" spans="8:8">
      <c r="H478988" s="12"/>
    </row>
    <row r="478989" spans="8:8">
      <c r="H478989" s="12"/>
    </row>
    <row r="478990" spans="8:8">
      <c r="H478990" s="12"/>
    </row>
    <row r="478991" spans="8:8">
      <c r="H478991" s="12"/>
    </row>
    <row r="478992" spans="8:8">
      <c r="H478992" s="12"/>
    </row>
    <row r="478993" spans="8:8">
      <c r="H478993" s="12"/>
    </row>
    <row r="478994" spans="8:8">
      <c r="H478994" s="12"/>
    </row>
    <row r="478995" spans="8:8">
      <c r="H478995" s="12"/>
    </row>
    <row r="478996" spans="8:8">
      <c r="H478996" s="12"/>
    </row>
    <row r="478997" spans="8:8">
      <c r="H478997" s="12"/>
    </row>
    <row r="478998" spans="8:8">
      <c r="H478998" s="12"/>
    </row>
    <row r="478999" spans="8:8">
      <c r="H478999" s="12"/>
    </row>
    <row r="479000" spans="8:8">
      <c r="H479000" s="12"/>
    </row>
    <row r="479001" spans="8:8">
      <c r="H479001" s="12"/>
    </row>
    <row r="479002" spans="8:8">
      <c r="H479002" s="12"/>
    </row>
    <row r="479003" spans="8:8">
      <c r="H479003" s="12"/>
    </row>
    <row r="479004" spans="8:8">
      <c r="H479004" s="12"/>
    </row>
    <row r="479005" spans="8:8">
      <c r="H479005" s="12"/>
    </row>
    <row r="479006" spans="8:8">
      <c r="H479006" s="12"/>
    </row>
    <row r="479007" spans="8:8">
      <c r="H479007" s="12"/>
    </row>
    <row r="479008" spans="8:8">
      <c r="H479008" s="12"/>
    </row>
    <row r="479009" spans="8:8">
      <c r="H479009" s="12"/>
    </row>
    <row r="479010" spans="8:8">
      <c r="H479010" s="12"/>
    </row>
    <row r="479011" spans="8:8">
      <c r="H479011" s="12"/>
    </row>
    <row r="479012" spans="8:8">
      <c r="H479012" s="12"/>
    </row>
    <row r="479013" spans="8:8">
      <c r="H479013" s="12"/>
    </row>
    <row r="479014" spans="8:8">
      <c r="H479014" s="12"/>
    </row>
    <row r="479015" spans="8:8">
      <c r="H479015" s="12"/>
    </row>
    <row r="479016" spans="8:8">
      <c r="H479016" s="12"/>
    </row>
    <row r="479017" spans="8:8">
      <c r="H479017" s="12"/>
    </row>
    <row r="479018" spans="8:8">
      <c r="H479018" s="12"/>
    </row>
    <row r="479019" spans="8:8">
      <c r="H479019" s="12"/>
    </row>
    <row r="479020" spans="8:8">
      <c r="H479020" s="12"/>
    </row>
    <row r="479021" spans="8:8">
      <c r="H479021" s="12"/>
    </row>
    <row r="479022" spans="8:8">
      <c r="H479022" s="12"/>
    </row>
    <row r="479023" spans="8:8">
      <c r="H479023" s="12"/>
    </row>
    <row r="479024" spans="8:8">
      <c r="H479024" s="12"/>
    </row>
    <row r="479025" spans="8:8">
      <c r="H479025" s="12"/>
    </row>
    <row r="479026" spans="8:8">
      <c r="H479026" s="12"/>
    </row>
    <row r="479027" spans="8:8">
      <c r="H479027" s="12"/>
    </row>
    <row r="479028" spans="8:8">
      <c r="H479028" s="12"/>
    </row>
    <row r="479029" spans="8:8">
      <c r="H479029" s="12"/>
    </row>
    <row r="479030" spans="8:8">
      <c r="H479030" s="12"/>
    </row>
    <row r="479031" spans="8:8">
      <c r="H479031" s="12"/>
    </row>
    <row r="479032" spans="8:8">
      <c r="H479032" s="12"/>
    </row>
    <row r="479033" spans="8:8">
      <c r="H479033" s="12"/>
    </row>
    <row r="479034" spans="8:8">
      <c r="H479034" s="12"/>
    </row>
    <row r="479035" spans="8:8">
      <c r="H479035" s="12"/>
    </row>
    <row r="479036" spans="8:8">
      <c r="H479036" s="12"/>
    </row>
    <row r="479037" spans="8:8">
      <c r="H479037" s="12"/>
    </row>
    <row r="479038" spans="8:8">
      <c r="H479038" s="12"/>
    </row>
    <row r="479039" spans="8:8">
      <c r="H479039" s="12"/>
    </row>
    <row r="479040" spans="8:8">
      <c r="H479040" s="12"/>
    </row>
    <row r="479041" spans="8:8">
      <c r="H479041" s="12"/>
    </row>
    <row r="479042" spans="8:8">
      <c r="H479042" s="12"/>
    </row>
    <row r="479043" spans="8:8">
      <c r="H479043" s="12"/>
    </row>
    <row r="479044" spans="8:8">
      <c r="H479044" s="12"/>
    </row>
    <row r="479045" spans="8:8">
      <c r="H479045" s="12"/>
    </row>
    <row r="479046" spans="8:8">
      <c r="H479046" s="12"/>
    </row>
    <row r="479047" spans="8:8">
      <c r="H479047" s="12"/>
    </row>
    <row r="479048" spans="8:8">
      <c r="H479048" s="12"/>
    </row>
    <row r="479049" spans="8:8">
      <c r="H479049" s="12"/>
    </row>
    <row r="479050" spans="8:8">
      <c r="H479050" s="12"/>
    </row>
    <row r="479051" spans="8:8">
      <c r="H479051" s="12"/>
    </row>
    <row r="479052" spans="8:8">
      <c r="H479052" s="12"/>
    </row>
    <row r="479053" spans="8:8">
      <c r="H479053" s="12"/>
    </row>
    <row r="479054" spans="8:8">
      <c r="H479054" s="12"/>
    </row>
    <row r="479055" spans="8:8">
      <c r="H479055" s="12"/>
    </row>
    <row r="479056" spans="8:8">
      <c r="H479056" s="12"/>
    </row>
    <row r="479057" spans="8:8">
      <c r="H479057" s="12"/>
    </row>
    <row r="479058" spans="8:8">
      <c r="H479058" s="12"/>
    </row>
    <row r="479059" spans="8:8">
      <c r="H479059" s="12"/>
    </row>
    <row r="479060" spans="8:8">
      <c r="H479060" s="12"/>
    </row>
    <row r="479061" spans="8:8">
      <c r="H479061" s="12"/>
    </row>
    <row r="479062" spans="8:8">
      <c r="H479062" s="12"/>
    </row>
    <row r="479063" spans="8:8">
      <c r="H479063" s="12"/>
    </row>
    <row r="479064" spans="8:8">
      <c r="H479064" s="12"/>
    </row>
    <row r="479065" spans="8:8">
      <c r="H479065" s="12"/>
    </row>
    <row r="479066" spans="8:8">
      <c r="H479066" s="12"/>
    </row>
    <row r="479067" spans="8:8">
      <c r="H479067" s="12"/>
    </row>
    <row r="479068" spans="8:8">
      <c r="H479068" s="12"/>
    </row>
    <row r="479069" spans="8:8">
      <c r="H479069" s="12"/>
    </row>
    <row r="479070" spans="8:8">
      <c r="H479070" s="12"/>
    </row>
    <row r="479071" spans="8:8">
      <c r="H479071" s="12"/>
    </row>
    <row r="479072" spans="8:8">
      <c r="H479072" s="12"/>
    </row>
    <row r="479073" spans="8:8">
      <c r="H479073" s="12"/>
    </row>
    <row r="479074" spans="8:8">
      <c r="H479074" s="12"/>
    </row>
    <row r="479075" spans="8:8">
      <c r="H479075" s="12"/>
    </row>
    <row r="479076" spans="8:8">
      <c r="H479076" s="12"/>
    </row>
    <row r="479077" spans="8:8">
      <c r="H479077" s="12"/>
    </row>
    <row r="479078" spans="8:8">
      <c r="H479078" s="12"/>
    </row>
    <row r="479079" spans="8:8">
      <c r="H479079" s="12"/>
    </row>
    <row r="479080" spans="8:8">
      <c r="H479080" s="12"/>
    </row>
    <row r="479081" spans="8:8">
      <c r="H479081" s="12"/>
    </row>
    <row r="479082" spans="8:8">
      <c r="H479082" s="12"/>
    </row>
    <row r="479083" spans="8:8">
      <c r="H479083" s="12"/>
    </row>
    <row r="479084" spans="8:8">
      <c r="H479084" s="12"/>
    </row>
    <row r="479085" spans="8:8">
      <c r="H479085" s="12"/>
    </row>
    <row r="479086" spans="8:8">
      <c r="H479086" s="12"/>
    </row>
    <row r="479087" spans="8:8">
      <c r="H479087" s="12"/>
    </row>
    <row r="479088" spans="8:8">
      <c r="H479088" s="12"/>
    </row>
    <row r="479089" spans="8:8">
      <c r="H479089" s="12"/>
    </row>
    <row r="479090" spans="8:8">
      <c r="H479090" s="12"/>
    </row>
    <row r="479091" spans="8:8">
      <c r="H479091" s="12"/>
    </row>
    <row r="479092" spans="8:8">
      <c r="H479092" s="12"/>
    </row>
    <row r="479093" spans="8:8">
      <c r="H479093" s="12"/>
    </row>
    <row r="479094" spans="8:8">
      <c r="H479094" s="12"/>
    </row>
    <row r="479095" spans="8:8">
      <c r="H479095" s="12"/>
    </row>
    <row r="479096" spans="8:8">
      <c r="H479096" s="12"/>
    </row>
    <row r="479097" spans="8:8">
      <c r="H479097" s="12"/>
    </row>
    <row r="479098" spans="8:8">
      <c r="H479098" s="12"/>
    </row>
    <row r="479099" spans="8:8">
      <c r="H479099" s="12"/>
    </row>
    <row r="479100" spans="8:8">
      <c r="H479100" s="12"/>
    </row>
    <row r="479101" spans="8:8">
      <c r="H479101" s="12"/>
    </row>
    <row r="479102" spans="8:8">
      <c r="H479102" s="12"/>
    </row>
    <row r="479103" spans="8:8">
      <c r="H479103" s="12"/>
    </row>
    <row r="479104" spans="8:8">
      <c r="H479104" s="12"/>
    </row>
    <row r="479105" spans="8:8">
      <c r="H479105" s="12"/>
    </row>
    <row r="479106" spans="8:8">
      <c r="H479106" s="12"/>
    </row>
    <row r="479107" spans="8:8">
      <c r="H479107" s="12"/>
    </row>
    <row r="479108" spans="8:8">
      <c r="H479108" s="12"/>
    </row>
    <row r="479109" spans="8:8">
      <c r="H479109" s="12"/>
    </row>
    <row r="479110" spans="8:8">
      <c r="H479110" s="12"/>
    </row>
    <row r="479111" spans="8:8">
      <c r="H479111" s="12"/>
    </row>
    <row r="479112" spans="8:8">
      <c r="H479112" s="12"/>
    </row>
    <row r="479113" spans="8:8">
      <c r="H479113" s="12"/>
    </row>
    <row r="479114" spans="8:8">
      <c r="H479114" s="12"/>
    </row>
    <row r="479115" spans="8:8">
      <c r="H479115" s="12"/>
    </row>
    <row r="479116" spans="8:8">
      <c r="H479116" s="12"/>
    </row>
    <row r="479117" spans="8:8">
      <c r="H479117" s="12"/>
    </row>
    <row r="479118" spans="8:8">
      <c r="H479118" s="12"/>
    </row>
    <row r="479119" spans="8:8">
      <c r="H479119" s="12"/>
    </row>
    <row r="479120" spans="8:8">
      <c r="H479120" s="12"/>
    </row>
    <row r="479121" spans="8:8">
      <c r="H479121" s="12"/>
    </row>
    <row r="479122" spans="8:8">
      <c r="H479122" s="12"/>
    </row>
    <row r="479123" spans="8:8">
      <c r="H479123" s="12"/>
    </row>
    <row r="479124" spans="8:8">
      <c r="H479124" s="12"/>
    </row>
    <row r="479125" spans="8:8">
      <c r="H479125" s="12"/>
    </row>
    <row r="479126" spans="8:8">
      <c r="H479126" s="12"/>
    </row>
    <row r="479127" spans="8:8">
      <c r="H479127" s="12"/>
    </row>
    <row r="479128" spans="8:8">
      <c r="H479128" s="12"/>
    </row>
    <row r="479129" spans="8:8">
      <c r="H479129" s="12"/>
    </row>
    <row r="479130" spans="8:8">
      <c r="H479130" s="12"/>
    </row>
    <row r="479131" spans="8:8">
      <c r="H479131" s="12"/>
    </row>
    <row r="479132" spans="8:8">
      <c r="H479132" s="12"/>
    </row>
    <row r="479133" spans="8:8">
      <c r="H479133" s="12"/>
    </row>
    <row r="479134" spans="8:8">
      <c r="H479134" s="12"/>
    </row>
    <row r="479135" spans="8:8">
      <c r="H479135" s="12"/>
    </row>
    <row r="479136" spans="8:8">
      <c r="H479136" s="12"/>
    </row>
    <row r="479137" spans="8:8">
      <c r="H479137" s="12"/>
    </row>
    <row r="479138" spans="8:8">
      <c r="H479138" s="12"/>
    </row>
    <row r="479139" spans="8:8">
      <c r="H479139" s="12"/>
    </row>
    <row r="479140" spans="8:8">
      <c r="H479140" s="12"/>
    </row>
    <row r="479141" spans="8:8">
      <c r="H479141" s="12"/>
    </row>
    <row r="479142" spans="8:8">
      <c r="H479142" s="12"/>
    </row>
    <row r="479143" spans="8:8">
      <c r="H479143" s="12"/>
    </row>
    <row r="479144" spans="8:8">
      <c r="H479144" s="12"/>
    </row>
    <row r="479145" spans="8:8">
      <c r="H479145" s="12"/>
    </row>
    <row r="479146" spans="8:8">
      <c r="H479146" s="12"/>
    </row>
    <row r="479147" spans="8:8">
      <c r="H479147" s="12"/>
    </row>
    <row r="479148" spans="8:8">
      <c r="H479148" s="12"/>
    </row>
    <row r="479149" spans="8:8">
      <c r="H479149" s="12"/>
    </row>
    <row r="479150" spans="8:8">
      <c r="H479150" s="12"/>
    </row>
    <row r="479151" spans="8:8">
      <c r="H479151" s="12"/>
    </row>
    <row r="479152" spans="8:8">
      <c r="H479152" s="12"/>
    </row>
    <row r="479153" spans="8:8">
      <c r="H479153" s="12"/>
    </row>
    <row r="479154" spans="8:8">
      <c r="H479154" s="12"/>
    </row>
    <row r="479155" spans="8:8">
      <c r="H479155" s="12"/>
    </row>
    <row r="479156" spans="8:8">
      <c r="H479156" s="12"/>
    </row>
    <row r="479157" spans="8:8">
      <c r="H479157" s="12"/>
    </row>
    <row r="479158" spans="8:8">
      <c r="H479158" s="12"/>
    </row>
    <row r="479159" spans="8:8">
      <c r="H479159" s="12"/>
    </row>
    <row r="479160" spans="8:8">
      <c r="H479160" s="12"/>
    </row>
    <row r="479161" spans="8:8">
      <c r="H479161" s="12"/>
    </row>
    <row r="479162" spans="8:8">
      <c r="H479162" s="12"/>
    </row>
    <row r="479163" spans="8:8">
      <c r="H479163" s="12"/>
    </row>
    <row r="479164" spans="8:8">
      <c r="H479164" s="12"/>
    </row>
    <row r="479165" spans="8:8">
      <c r="H479165" s="12"/>
    </row>
    <row r="479166" spans="8:8">
      <c r="H479166" s="12"/>
    </row>
    <row r="479167" spans="8:8">
      <c r="H479167" s="12"/>
    </row>
    <row r="479168" spans="8:8">
      <c r="H479168" s="12"/>
    </row>
    <row r="479169" spans="8:8">
      <c r="H479169" s="12"/>
    </row>
    <row r="479170" spans="8:8">
      <c r="H479170" s="12"/>
    </row>
    <row r="479171" spans="8:8">
      <c r="H479171" s="12"/>
    </row>
    <row r="479172" spans="8:8">
      <c r="H479172" s="12"/>
    </row>
    <row r="479173" spans="8:8">
      <c r="H479173" s="12"/>
    </row>
    <row r="479174" spans="8:8">
      <c r="H479174" s="12"/>
    </row>
    <row r="479175" spans="8:8">
      <c r="H479175" s="12"/>
    </row>
    <row r="479176" spans="8:8">
      <c r="H479176" s="12"/>
    </row>
    <row r="479177" spans="8:8">
      <c r="H479177" s="12"/>
    </row>
    <row r="479178" spans="8:8">
      <c r="H479178" s="12"/>
    </row>
    <row r="479179" spans="8:8">
      <c r="H479179" s="12"/>
    </row>
    <row r="479180" spans="8:8">
      <c r="H479180" s="12"/>
    </row>
    <row r="479181" spans="8:8">
      <c r="H479181" s="12"/>
    </row>
    <row r="479182" spans="8:8">
      <c r="H479182" s="12"/>
    </row>
    <row r="479183" spans="8:8">
      <c r="H479183" s="12"/>
    </row>
    <row r="479184" spans="8:8">
      <c r="H479184" s="12"/>
    </row>
    <row r="479185" spans="8:8">
      <c r="H479185" s="12"/>
    </row>
    <row r="479186" spans="8:8">
      <c r="H479186" s="12"/>
    </row>
    <row r="479187" spans="8:8">
      <c r="H479187" s="12"/>
    </row>
    <row r="479188" spans="8:8">
      <c r="H479188" s="12"/>
    </row>
    <row r="479189" spans="8:8">
      <c r="H479189" s="12"/>
    </row>
    <row r="479190" spans="8:8">
      <c r="H479190" s="12"/>
    </row>
    <row r="479191" spans="8:8">
      <c r="H479191" s="12"/>
    </row>
    <row r="479192" spans="8:8">
      <c r="H479192" s="12"/>
    </row>
    <row r="479193" spans="8:8">
      <c r="H479193" s="12"/>
    </row>
    <row r="479194" spans="8:8">
      <c r="H479194" s="12"/>
    </row>
    <row r="479195" spans="8:8">
      <c r="H479195" s="12"/>
    </row>
    <row r="479196" spans="8:8">
      <c r="H479196" s="12"/>
    </row>
    <row r="479197" spans="8:8">
      <c r="H479197" s="12"/>
    </row>
    <row r="479198" spans="8:8">
      <c r="H479198" s="12"/>
    </row>
    <row r="479199" spans="8:8">
      <c r="H479199" s="12"/>
    </row>
    <row r="479200" spans="8:8">
      <c r="H479200" s="12"/>
    </row>
    <row r="479201" spans="8:8">
      <c r="H479201" s="12"/>
    </row>
    <row r="479202" spans="8:8">
      <c r="H479202" s="12"/>
    </row>
    <row r="479203" spans="8:8">
      <c r="H479203" s="12"/>
    </row>
    <row r="479204" spans="8:8">
      <c r="H479204" s="12"/>
    </row>
    <row r="479205" spans="8:8">
      <c r="H479205" s="12"/>
    </row>
    <row r="479206" spans="8:8">
      <c r="H479206" s="12"/>
    </row>
    <row r="479207" spans="8:8">
      <c r="H479207" s="12"/>
    </row>
    <row r="479208" spans="8:8">
      <c r="H479208" s="12"/>
    </row>
    <row r="479209" spans="8:8">
      <c r="H479209" s="12"/>
    </row>
    <row r="479210" spans="8:8">
      <c r="H479210" s="12"/>
    </row>
    <row r="479211" spans="8:8">
      <c r="H479211" s="12"/>
    </row>
    <row r="479212" spans="8:8">
      <c r="H479212" s="12"/>
    </row>
    <row r="479213" spans="8:8">
      <c r="H479213" s="12"/>
    </row>
    <row r="479214" spans="8:8">
      <c r="H479214" s="12"/>
    </row>
    <row r="479215" spans="8:8">
      <c r="H479215" s="12"/>
    </row>
    <row r="479216" spans="8:8">
      <c r="H479216" s="12"/>
    </row>
    <row r="479217" spans="8:8">
      <c r="H479217" s="12"/>
    </row>
    <row r="479218" spans="8:8">
      <c r="H479218" s="12"/>
    </row>
    <row r="479219" spans="8:8">
      <c r="H479219" s="12"/>
    </row>
    <row r="479220" spans="8:8">
      <c r="H479220" s="12"/>
    </row>
    <row r="479221" spans="8:8">
      <c r="H479221" s="12"/>
    </row>
    <row r="479222" spans="8:8">
      <c r="H479222" s="12"/>
    </row>
    <row r="479223" spans="8:8">
      <c r="H479223" s="12"/>
    </row>
    <row r="479224" spans="8:8">
      <c r="H479224" s="12"/>
    </row>
    <row r="479225" spans="8:8">
      <c r="H479225" s="12"/>
    </row>
    <row r="479226" spans="8:8">
      <c r="H479226" s="12"/>
    </row>
    <row r="479227" spans="8:8">
      <c r="H479227" s="12"/>
    </row>
    <row r="479228" spans="8:8">
      <c r="H479228" s="12"/>
    </row>
    <row r="479229" spans="8:8">
      <c r="H479229" s="12"/>
    </row>
    <row r="479230" spans="8:8">
      <c r="H479230" s="12"/>
    </row>
    <row r="479231" spans="8:8">
      <c r="H479231" s="12"/>
    </row>
    <row r="479232" spans="8:8">
      <c r="H479232" s="12"/>
    </row>
    <row r="479233" spans="8:8">
      <c r="H479233" s="12"/>
    </row>
    <row r="479234" spans="8:8">
      <c r="H479234" s="12"/>
    </row>
    <row r="479235" spans="8:8">
      <c r="H479235" s="12"/>
    </row>
    <row r="479236" spans="8:8">
      <c r="H479236" s="12"/>
    </row>
    <row r="479237" spans="8:8">
      <c r="H479237" s="12"/>
    </row>
    <row r="479238" spans="8:8">
      <c r="H479238" s="12"/>
    </row>
    <row r="479239" spans="8:8">
      <c r="H479239" s="12"/>
    </row>
    <row r="479240" spans="8:8">
      <c r="H479240" s="12"/>
    </row>
    <row r="479241" spans="8:8">
      <c r="H479241" s="12"/>
    </row>
    <row r="479242" spans="8:8">
      <c r="H479242" s="12"/>
    </row>
    <row r="479243" spans="8:8">
      <c r="H479243" s="12"/>
    </row>
    <row r="479244" spans="8:8">
      <c r="H479244" s="12"/>
    </row>
    <row r="479245" spans="8:8">
      <c r="H479245" s="12"/>
    </row>
    <row r="479246" spans="8:8">
      <c r="H479246" s="12"/>
    </row>
    <row r="479247" spans="8:8">
      <c r="H479247" s="12"/>
    </row>
    <row r="479248" spans="8:8">
      <c r="H479248" s="12"/>
    </row>
    <row r="479249" spans="8:8">
      <c r="H479249" s="12"/>
    </row>
    <row r="479250" spans="8:8">
      <c r="H479250" s="12"/>
    </row>
    <row r="479251" spans="8:8">
      <c r="H479251" s="12"/>
    </row>
    <row r="479252" spans="8:8">
      <c r="H479252" s="12"/>
    </row>
    <row r="479253" spans="8:8">
      <c r="H479253" s="12"/>
    </row>
    <row r="479254" spans="8:8">
      <c r="H479254" s="12"/>
    </row>
    <row r="479255" spans="8:8">
      <c r="H479255" s="12"/>
    </row>
    <row r="479256" spans="8:8">
      <c r="H479256" s="12"/>
    </row>
    <row r="479257" spans="8:8">
      <c r="H479257" s="12"/>
    </row>
    <row r="479258" spans="8:8">
      <c r="H479258" s="12"/>
    </row>
    <row r="479259" spans="8:8">
      <c r="H479259" s="12"/>
    </row>
    <row r="479260" spans="8:8">
      <c r="H479260" s="12"/>
    </row>
    <row r="479261" spans="8:8">
      <c r="H479261" s="12"/>
    </row>
    <row r="479262" spans="8:8">
      <c r="H479262" s="12"/>
    </row>
    <row r="479263" spans="8:8">
      <c r="H479263" s="12"/>
    </row>
    <row r="479264" spans="8:8">
      <c r="H479264" s="12"/>
    </row>
    <row r="479265" spans="8:8">
      <c r="H479265" s="12"/>
    </row>
    <row r="479266" spans="8:8">
      <c r="H479266" s="12"/>
    </row>
    <row r="479267" spans="8:8">
      <c r="H479267" s="12"/>
    </row>
    <row r="479268" spans="8:8">
      <c r="H479268" s="12"/>
    </row>
    <row r="479269" spans="8:8">
      <c r="H479269" s="12"/>
    </row>
    <row r="479270" spans="8:8">
      <c r="H479270" s="12"/>
    </row>
    <row r="479271" spans="8:8">
      <c r="H479271" s="12"/>
    </row>
    <row r="479272" spans="8:8">
      <c r="H479272" s="12"/>
    </row>
    <row r="479273" spans="8:8">
      <c r="H479273" s="12"/>
    </row>
    <row r="479274" spans="8:8">
      <c r="H479274" s="12"/>
    </row>
    <row r="479275" spans="8:8">
      <c r="H479275" s="12"/>
    </row>
    <row r="479276" spans="8:8">
      <c r="H479276" s="12"/>
    </row>
    <row r="479277" spans="8:8">
      <c r="H479277" s="12"/>
    </row>
    <row r="479278" spans="8:8">
      <c r="H479278" s="12"/>
    </row>
    <row r="479279" spans="8:8">
      <c r="H479279" s="12"/>
    </row>
    <row r="479280" spans="8:8">
      <c r="H479280" s="12"/>
    </row>
    <row r="479281" spans="8:8">
      <c r="H479281" s="12"/>
    </row>
    <row r="479282" spans="8:8">
      <c r="H479282" s="12"/>
    </row>
    <row r="479283" spans="8:8">
      <c r="H479283" s="12"/>
    </row>
    <row r="479284" spans="8:8">
      <c r="H479284" s="12"/>
    </row>
    <row r="479285" spans="8:8">
      <c r="H479285" s="12"/>
    </row>
    <row r="479286" spans="8:8">
      <c r="H479286" s="12"/>
    </row>
    <row r="479287" spans="8:8">
      <c r="H479287" s="12"/>
    </row>
    <row r="479288" spans="8:8">
      <c r="H479288" s="12"/>
    </row>
    <row r="479289" spans="8:8">
      <c r="H479289" s="12"/>
    </row>
    <row r="479290" spans="8:8">
      <c r="H479290" s="12"/>
    </row>
    <row r="479291" spans="8:8">
      <c r="H479291" s="12"/>
    </row>
    <row r="479292" spans="8:8">
      <c r="H479292" s="12"/>
    </row>
    <row r="479293" spans="8:8">
      <c r="H479293" s="12"/>
    </row>
    <row r="479294" spans="8:8">
      <c r="H479294" s="12"/>
    </row>
    <row r="479295" spans="8:8">
      <c r="H479295" s="12"/>
    </row>
    <row r="479296" spans="8:8">
      <c r="H479296" s="12"/>
    </row>
    <row r="479297" spans="8:8">
      <c r="H479297" s="12"/>
    </row>
    <row r="479298" spans="8:8">
      <c r="H479298" s="12"/>
    </row>
    <row r="479299" spans="8:8">
      <c r="H479299" s="12"/>
    </row>
    <row r="479300" spans="8:8">
      <c r="H479300" s="12"/>
    </row>
    <row r="479301" spans="8:8">
      <c r="H479301" s="12"/>
    </row>
    <row r="479302" spans="8:8">
      <c r="H479302" s="12"/>
    </row>
    <row r="479303" spans="8:8">
      <c r="H479303" s="12"/>
    </row>
    <row r="479304" spans="8:8">
      <c r="H479304" s="12"/>
    </row>
    <row r="479305" spans="8:8">
      <c r="H479305" s="12"/>
    </row>
    <row r="479306" spans="8:8">
      <c r="H479306" s="12"/>
    </row>
    <row r="479307" spans="8:8">
      <c r="H479307" s="12"/>
    </row>
    <row r="479308" spans="8:8">
      <c r="H479308" s="12"/>
    </row>
    <row r="479309" spans="8:8">
      <c r="H479309" s="12"/>
    </row>
    <row r="479310" spans="8:8">
      <c r="H479310" s="12"/>
    </row>
    <row r="479311" spans="8:8">
      <c r="H479311" s="12"/>
    </row>
    <row r="479312" spans="8:8">
      <c r="H479312" s="12"/>
    </row>
    <row r="479313" spans="8:8">
      <c r="H479313" s="12"/>
    </row>
    <row r="479314" spans="8:8">
      <c r="H479314" s="12"/>
    </row>
    <row r="479315" spans="8:8">
      <c r="H479315" s="12"/>
    </row>
    <row r="479316" spans="8:8">
      <c r="H479316" s="12"/>
    </row>
    <row r="479317" spans="8:8">
      <c r="H479317" s="12"/>
    </row>
    <row r="479318" spans="8:8">
      <c r="H479318" s="12"/>
    </row>
    <row r="479319" spans="8:8">
      <c r="H479319" s="12"/>
    </row>
    <row r="479320" spans="8:8">
      <c r="H479320" s="12"/>
    </row>
    <row r="479321" spans="8:8">
      <c r="H479321" s="12"/>
    </row>
    <row r="479322" spans="8:8">
      <c r="H479322" s="12"/>
    </row>
    <row r="479323" spans="8:8">
      <c r="H479323" s="12"/>
    </row>
    <row r="479324" spans="8:8">
      <c r="H479324" s="12"/>
    </row>
    <row r="479325" spans="8:8">
      <c r="H479325" s="12"/>
    </row>
    <row r="479326" spans="8:8">
      <c r="H479326" s="12"/>
    </row>
    <row r="479327" spans="8:8">
      <c r="H479327" s="12"/>
    </row>
    <row r="479328" spans="8:8">
      <c r="H479328" s="12"/>
    </row>
    <row r="479329" spans="8:8">
      <c r="H479329" s="12"/>
    </row>
    <row r="479330" spans="8:8">
      <c r="H479330" s="12"/>
    </row>
    <row r="479331" spans="8:8">
      <c r="H479331" s="12"/>
    </row>
    <row r="479332" spans="8:8">
      <c r="H479332" s="12"/>
    </row>
    <row r="479333" spans="8:8">
      <c r="H479333" s="12"/>
    </row>
    <row r="479334" spans="8:8">
      <c r="H479334" s="12"/>
    </row>
    <row r="479335" spans="8:8">
      <c r="H479335" s="12"/>
    </row>
    <row r="479336" spans="8:8">
      <c r="H479336" s="12"/>
    </row>
    <row r="479337" spans="8:8">
      <c r="H479337" s="12"/>
    </row>
    <row r="479338" spans="8:8">
      <c r="H479338" s="12"/>
    </row>
    <row r="479339" spans="8:8">
      <c r="H479339" s="12"/>
    </row>
    <row r="479340" spans="8:8">
      <c r="H479340" s="12"/>
    </row>
    <row r="479341" spans="8:8">
      <c r="H479341" s="12"/>
    </row>
    <row r="479342" spans="8:8">
      <c r="H479342" s="12"/>
    </row>
    <row r="479343" spans="8:8">
      <c r="H479343" s="12"/>
    </row>
    <row r="479344" spans="8:8">
      <c r="H479344" s="12"/>
    </row>
    <row r="479345" spans="8:8">
      <c r="H479345" s="12"/>
    </row>
    <row r="479346" spans="8:8">
      <c r="H479346" s="12"/>
    </row>
    <row r="479347" spans="8:8">
      <c r="H479347" s="12"/>
    </row>
    <row r="479348" spans="8:8">
      <c r="H479348" s="12"/>
    </row>
    <row r="479349" spans="8:8">
      <c r="H479349" s="12"/>
    </row>
    <row r="479350" spans="8:8">
      <c r="H479350" s="12"/>
    </row>
    <row r="479351" spans="8:8">
      <c r="H479351" s="12"/>
    </row>
    <row r="479352" spans="8:8">
      <c r="H479352" s="12"/>
    </row>
    <row r="479353" spans="8:8">
      <c r="H479353" s="12"/>
    </row>
    <row r="479354" spans="8:8">
      <c r="H479354" s="12"/>
    </row>
    <row r="479355" spans="8:8">
      <c r="H479355" s="12"/>
    </row>
    <row r="479356" spans="8:8">
      <c r="H479356" s="12"/>
    </row>
    <row r="479357" spans="8:8">
      <c r="H479357" s="12"/>
    </row>
    <row r="479358" spans="8:8">
      <c r="H479358" s="12"/>
    </row>
    <row r="479359" spans="8:8">
      <c r="H479359" s="12"/>
    </row>
    <row r="479360" spans="8:8">
      <c r="H479360" s="12"/>
    </row>
    <row r="479361" spans="8:8">
      <c r="H479361" s="12"/>
    </row>
    <row r="479362" spans="8:8">
      <c r="H479362" s="12"/>
    </row>
    <row r="479363" spans="8:8">
      <c r="H479363" s="12"/>
    </row>
    <row r="479364" spans="8:8">
      <c r="H479364" s="12"/>
    </row>
    <row r="479365" spans="8:8">
      <c r="H479365" s="12"/>
    </row>
    <row r="479366" spans="8:8">
      <c r="H479366" s="12"/>
    </row>
    <row r="479367" spans="8:8">
      <c r="H479367" s="12"/>
    </row>
    <row r="479368" spans="8:8">
      <c r="H479368" s="12"/>
    </row>
    <row r="479369" spans="8:8">
      <c r="H479369" s="12"/>
    </row>
    <row r="479370" spans="8:8">
      <c r="H479370" s="12"/>
    </row>
    <row r="479371" spans="8:8">
      <c r="H479371" s="12"/>
    </row>
    <row r="479372" spans="8:8">
      <c r="H479372" s="12"/>
    </row>
    <row r="479373" spans="8:8">
      <c r="H479373" s="12"/>
    </row>
    <row r="479374" spans="8:8">
      <c r="H479374" s="12"/>
    </row>
    <row r="479375" spans="8:8">
      <c r="H479375" s="12"/>
    </row>
    <row r="479376" spans="8:8">
      <c r="H479376" s="12"/>
    </row>
    <row r="479377" spans="8:8">
      <c r="H479377" s="12"/>
    </row>
    <row r="479378" spans="8:8">
      <c r="H479378" s="12"/>
    </row>
    <row r="479379" spans="8:8">
      <c r="H479379" s="12"/>
    </row>
    <row r="479380" spans="8:8">
      <c r="H479380" s="12"/>
    </row>
    <row r="479381" spans="8:8">
      <c r="H479381" s="12"/>
    </row>
    <row r="479382" spans="8:8">
      <c r="H479382" s="12"/>
    </row>
    <row r="479383" spans="8:8">
      <c r="H479383" s="12"/>
    </row>
    <row r="479384" spans="8:8">
      <c r="H479384" s="12"/>
    </row>
    <row r="479385" spans="8:8">
      <c r="H479385" s="12"/>
    </row>
    <row r="479386" spans="8:8">
      <c r="H479386" s="12"/>
    </row>
    <row r="479387" spans="8:8">
      <c r="H479387" s="12"/>
    </row>
    <row r="479388" spans="8:8">
      <c r="H479388" s="12"/>
    </row>
    <row r="479389" spans="8:8">
      <c r="H479389" s="12"/>
    </row>
    <row r="479390" spans="8:8">
      <c r="H479390" s="12"/>
    </row>
    <row r="479391" spans="8:8">
      <c r="H479391" s="12"/>
    </row>
    <row r="479392" spans="8:8">
      <c r="H479392" s="12"/>
    </row>
    <row r="479393" spans="8:8">
      <c r="H479393" s="12"/>
    </row>
    <row r="479394" spans="8:8">
      <c r="H479394" s="12"/>
    </row>
    <row r="479395" spans="8:8">
      <c r="H479395" s="12"/>
    </row>
    <row r="479396" spans="8:8">
      <c r="H479396" s="12"/>
    </row>
    <row r="479397" spans="8:8">
      <c r="H479397" s="12"/>
    </row>
    <row r="479398" spans="8:8">
      <c r="H479398" s="12"/>
    </row>
    <row r="479399" spans="8:8">
      <c r="H479399" s="12"/>
    </row>
    <row r="479400" spans="8:8">
      <c r="H479400" s="12"/>
    </row>
    <row r="479401" spans="8:8">
      <c r="H479401" s="12"/>
    </row>
    <row r="479402" spans="8:8">
      <c r="H479402" s="12"/>
    </row>
    <row r="479403" spans="8:8">
      <c r="H479403" s="12"/>
    </row>
    <row r="479404" spans="8:8">
      <c r="H479404" s="12"/>
    </row>
    <row r="479405" spans="8:8">
      <c r="H479405" s="12"/>
    </row>
    <row r="479406" spans="8:8">
      <c r="H479406" s="12"/>
    </row>
    <row r="479407" spans="8:8">
      <c r="H479407" s="12"/>
    </row>
    <row r="479408" spans="8:8">
      <c r="H479408" s="12"/>
    </row>
    <row r="479409" spans="8:8">
      <c r="H479409" s="12"/>
    </row>
    <row r="479410" spans="8:8">
      <c r="H479410" s="12"/>
    </row>
    <row r="479411" spans="8:8">
      <c r="H479411" s="12"/>
    </row>
    <row r="479412" spans="8:8">
      <c r="H479412" s="12"/>
    </row>
    <row r="479413" spans="8:8">
      <c r="H479413" s="12"/>
    </row>
    <row r="479414" spans="8:8">
      <c r="H479414" s="12"/>
    </row>
    <row r="479415" spans="8:8">
      <c r="H479415" s="12"/>
    </row>
    <row r="479416" spans="8:8">
      <c r="H479416" s="12"/>
    </row>
    <row r="479417" spans="8:8">
      <c r="H479417" s="12"/>
    </row>
    <row r="479418" spans="8:8">
      <c r="H479418" s="12"/>
    </row>
    <row r="479419" spans="8:8">
      <c r="H479419" s="12"/>
    </row>
    <row r="479420" spans="8:8">
      <c r="H479420" s="12"/>
    </row>
    <row r="479421" spans="8:8">
      <c r="H479421" s="12"/>
    </row>
    <row r="479422" spans="8:8">
      <c r="H479422" s="12"/>
    </row>
    <row r="479423" spans="8:8">
      <c r="H479423" s="12"/>
    </row>
    <row r="479424" spans="8:8">
      <c r="H479424" s="12"/>
    </row>
    <row r="479425" spans="8:8">
      <c r="H479425" s="12"/>
    </row>
    <row r="479426" spans="8:8">
      <c r="H479426" s="12"/>
    </row>
    <row r="479427" spans="8:8">
      <c r="H479427" s="12"/>
    </row>
    <row r="479428" spans="8:8">
      <c r="H479428" s="12"/>
    </row>
    <row r="479429" spans="8:8">
      <c r="H479429" s="12"/>
    </row>
    <row r="479430" spans="8:8">
      <c r="H479430" s="12"/>
    </row>
    <row r="479431" spans="8:8">
      <c r="H479431" s="12"/>
    </row>
    <row r="479432" spans="8:8">
      <c r="H479432" s="12"/>
    </row>
    <row r="479433" spans="8:8">
      <c r="H479433" s="12"/>
    </row>
    <row r="479434" spans="8:8">
      <c r="H479434" s="12"/>
    </row>
    <row r="479435" spans="8:8">
      <c r="H479435" s="12"/>
    </row>
    <row r="479436" spans="8:8">
      <c r="H479436" s="12"/>
    </row>
    <row r="479437" spans="8:8">
      <c r="H479437" s="12"/>
    </row>
    <row r="479438" spans="8:8">
      <c r="H479438" s="12"/>
    </row>
    <row r="479439" spans="8:8">
      <c r="H479439" s="12"/>
    </row>
    <row r="479440" spans="8:8">
      <c r="H479440" s="12"/>
    </row>
    <row r="479441" spans="8:8">
      <c r="H479441" s="12"/>
    </row>
    <row r="479442" spans="8:8">
      <c r="H479442" s="12"/>
    </row>
    <row r="479443" spans="8:8">
      <c r="H479443" s="12"/>
    </row>
    <row r="479444" spans="8:8">
      <c r="H479444" s="12"/>
    </row>
    <row r="479445" spans="8:8">
      <c r="H479445" s="12"/>
    </row>
    <row r="479446" spans="8:8">
      <c r="H479446" s="12"/>
    </row>
    <row r="479447" spans="8:8">
      <c r="H479447" s="12"/>
    </row>
    <row r="479448" spans="8:8">
      <c r="H479448" s="12"/>
    </row>
    <row r="479449" spans="8:8">
      <c r="H479449" s="12"/>
    </row>
    <row r="479450" spans="8:8">
      <c r="H479450" s="12"/>
    </row>
    <row r="479451" spans="8:8">
      <c r="H479451" s="12"/>
    </row>
    <row r="479452" spans="8:8">
      <c r="H479452" s="12"/>
    </row>
    <row r="479453" spans="8:8">
      <c r="H479453" s="12"/>
    </row>
    <row r="479454" spans="8:8">
      <c r="H479454" s="12"/>
    </row>
    <row r="479455" spans="8:8">
      <c r="H479455" s="12"/>
    </row>
    <row r="479456" spans="8:8">
      <c r="H479456" s="12"/>
    </row>
    <row r="479457" spans="8:8">
      <c r="H479457" s="12"/>
    </row>
    <row r="479458" spans="8:8">
      <c r="H479458" s="12"/>
    </row>
    <row r="479459" spans="8:8">
      <c r="H479459" s="12"/>
    </row>
    <row r="479460" spans="8:8">
      <c r="H479460" s="12"/>
    </row>
    <row r="479461" spans="8:8">
      <c r="H479461" s="12"/>
    </row>
    <row r="479462" spans="8:8">
      <c r="H479462" s="12"/>
    </row>
    <row r="479463" spans="8:8">
      <c r="H479463" s="12"/>
    </row>
    <row r="479464" spans="8:8">
      <c r="H479464" s="12"/>
    </row>
    <row r="479465" spans="8:8">
      <c r="H479465" s="12"/>
    </row>
    <row r="479466" spans="8:8">
      <c r="H479466" s="12"/>
    </row>
    <row r="479467" spans="8:8">
      <c r="H479467" s="12"/>
    </row>
    <row r="479468" spans="8:8">
      <c r="H479468" s="12"/>
    </row>
    <row r="479469" spans="8:8">
      <c r="H479469" s="12"/>
    </row>
    <row r="479470" spans="8:8">
      <c r="H479470" s="12"/>
    </row>
    <row r="479471" spans="8:8">
      <c r="H479471" s="12"/>
    </row>
    <row r="479472" spans="8:8">
      <c r="H479472" s="12"/>
    </row>
    <row r="479473" spans="8:8">
      <c r="H479473" s="12"/>
    </row>
    <row r="479474" spans="8:8">
      <c r="H479474" s="12"/>
    </row>
    <row r="479475" spans="8:8">
      <c r="H479475" s="12"/>
    </row>
    <row r="479476" spans="8:8">
      <c r="H479476" s="12"/>
    </row>
    <row r="479477" spans="8:8">
      <c r="H479477" s="12"/>
    </row>
    <row r="479478" spans="8:8">
      <c r="H479478" s="12"/>
    </row>
    <row r="479479" spans="8:8">
      <c r="H479479" s="12"/>
    </row>
    <row r="479480" spans="8:8">
      <c r="H479480" s="12"/>
    </row>
    <row r="479481" spans="8:8">
      <c r="H479481" s="12"/>
    </row>
    <row r="479482" spans="8:8">
      <c r="H479482" s="12"/>
    </row>
    <row r="479483" spans="8:8">
      <c r="H479483" s="12"/>
    </row>
    <row r="479484" spans="8:8">
      <c r="H479484" s="12"/>
    </row>
    <row r="479485" spans="8:8">
      <c r="H479485" s="12"/>
    </row>
    <row r="479486" spans="8:8">
      <c r="H479486" s="12"/>
    </row>
    <row r="479487" spans="8:8">
      <c r="H479487" s="12"/>
    </row>
    <row r="479488" spans="8:8">
      <c r="H479488" s="12"/>
    </row>
    <row r="479489" spans="8:8">
      <c r="H479489" s="12"/>
    </row>
    <row r="479490" spans="8:8">
      <c r="H479490" s="12"/>
    </row>
    <row r="479491" spans="8:8">
      <c r="H479491" s="12"/>
    </row>
    <row r="479492" spans="8:8">
      <c r="H479492" s="12"/>
    </row>
    <row r="479493" spans="8:8">
      <c r="H479493" s="12"/>
    </row>
    <row r="479494" spans="8:8">
      <c r="H479494" s="12"/>
    </row>
    <row r="479495" spans="8:8">
      <c r="H479495" s="12"/>
    </row>
    <row r="479496" spans="8:8">
      <c r="H479496" s="12"/>
    </row>
    <row r="479497" spans="8:8">
      <c r="H479497" s="12"/>
    </row>
    <row r="479498" spans="8:8">
      <c r="H479498" s="12"/>
    </row>
    <row r="479499" spans="8:8">
      <c r="H479499" s="12"/>
    </row>
    <row r="479500" spans="8:8">
      <c r="H479500" s="12"/>
    </row>
    <row r="479501" spans="8:8">
      <c r="H479501" s="12"/>
    </row>
    <row r="479502" spans="8:8">
      <c r="H479502" s="12"/>
    </row>
    <row r="479503" spans="8:8">
      <c r="H479503" s="12"/>
    </row>
    <row r="479504" spans="8:8">
      <c r="H479504" s="12"/>
    </row>
    <row r="479505" spans="8:8">
      <c r="H479505" s="12"/>
    </row>
    <row r="479506" spans="8:8">
      <c r="H479506" s="12"/>
    </row>
    <row r="479507" spans="8:8">
      <c r="H479507" s="12"/>
    </row>
    <row r="479508" spans="8:8">
      <c r="H479508" s="12"/>
    </row>
    <row r="479509" spans="8:8">
      <c r="H479509" s="12"/>
    </row>
    <row r="479510" spans="8:8">
      <c r="H479510" s="12"/>
    </row>
    <row r="479511" spans="8:8">
      <c r="H479511" s="12"/>
    </row>
    <row r="479512" spans="8:8">
      <c r="H479512" s="12"/>
    </row>
    <row r="479513" spans="8:8">
      <c r="H479513" s="12"/>
    </row>
    <row r="479514" spans="8:8">
      <c r="H479514" s="12"/>
    </row>
    <row r="479515" spans="8:8">
      <c r="H479515" s="12"/>
    </row>
    <row r="479516" spans="8:8">
      <c r="H479516" s="12"/>
    </row>
    <row r="479517" spans="8:8">
      <c r="H479517" s="12"/>
    </row>
    <row r="479518" spans="8:8">
      <c r="H479518" s="12"/>
    </row>
    <row r="479519" spans="8:8">
      <c r="H479519" s="12"/>
    </row>
    <row r="479520" spans="8:8">
      <c r="H479520" s="12"/>
    </row>
    <row r="479521" spans="8:8">
      <c r="H479521" s="12"/>
    </row>
    <row r="479522" spans="8:8">
      <c r="H479522" s="12"/>
    </row>
    <row r="479523" spans="8:8">
      <c r="H479523" s="12"/>
    </row>
    <row r="479524" spans="8:8">
      <c r="H479524" s="12"/>
    </row>
    <row r="479525" spans="8:8">
      <c r="H479525" s="12"/>
    </row>
    <row r="479526" spans="8:8">
      <c r="H479526" s="12"/>
    </row>
    <row r="479527" spans="8:8">
      <c r="H479527" s="12"/>
    </row>
    <row r="479528" spans="8:8">
      <c r="H479528" s="12"/>
    </row>
    <row r="479529" spans="8:8">
      <c r="H479529" s="12"/>
    </row>
    <row r="479530" spans="8:8">
      <c r="H479530" s="12"/>
    </row>
    <row r="479531" spans="8:8">
      <c r="H479531" s="12"/>
    </row>
    <row r="479532" spans="8:8">
      <c r="H479532" s="12"/>
    </row>
    <row r="479533" spans="8:8">
      <c r="H479533" s="12"/>
    </row>
    <row r="479534" spans="8:8">
      <c r="H479534" s="12"/>
    </row>
    <row r="479535" spans="8:8">
      <c r="H479535" s="12"/>
    </row>
    <row r="479536" spans="8:8">
      <c r="H479536" s="12"/>
    </row>
    <row r="479537" spans="8:8">
      <c r="H479537" s="12"/>
    </row>
    <row r="479538" spans="8:8">
      <c r="H479538" s="12"/>
    </row>
    <row r="479539" spans="8:8">
      <c r="H479539" s="12"/>
    </row>
    <row r="479540" spans="8:8">
      <c r="H479540" s="12"/>
    </row>
    <row r="479541" spans="8:8">
      <c r="H479541" s="12"/>
    </row>
    <row r="479542" spans="8:8">
      <c r="H479542" s="12"/>
    </row>
    <row r="479543" spans="8:8">
      <c r="H479543" s="12"/>
    </row>
    <row r="479544" spans="8:8">
      <c r="H479544" s="12"/>
    </row>
    <row r="479545" spans="8:8">
      <c r="H479545" s="12"/>
    </row>
    <row r="479546" spans="8:8">
      <c r="H479546" s="12"/>
    </row>
    <row r="479547" spans="8:8">
      <c r="H479547" s="12"/>
    </row>
    <row r="479548" spans="8:8">
      <c r="H479548" s="12"/>
    </row>
    <row r="479549" spans="8:8">
      <c r="H479549" s="12"/>
    </row>
    <row r="479550" spans="8:8">
      <c r="H479550" s="12"/>
    </row>
    <row r="479551" spans="8:8">
      <c r="H479551" s="12"/>
    </row>
    <row r="479552" spans="8:8">
      <c r="H479552" s="12"/>
    </row>
    <row r="479553" spans="8:8">
      <c r="H479553" s="12"/>
    </row>
    <row r="479554" spans="8:8">
      <c r="H479554" s="12"/>
    </row>
    <row r="479555" spans="8:8">
      <c r="H479555" s="12"/>
    </row>
    <row r="479556" spans="8:8">
      <c r="H479556" s="12"/>
    </row>
    <row r="479557" spans="8:8">
      <c r="H479557" s="12"/>
    </row>
    <row r="479558" spans="8:8">
      <c r="H479558" s="12"/>
    </row>
    <row r="479559" spans="8:8">
      <c r="H479559" s="12"/>
    </row>
    <row r="479560" spans="8:8">
      <c r="H479560" s="12"/>
    </row>
    <row r="479561" spans="8:8">
      <c r="H479561" s="12"/>
    </row>
    <row r="479562" spans="8:8">
      <c r="H479562" s="12"/>
    </row>
    <row r="479563" spans="8:8">
      <c r="H479563" s="12"/>
    </row>
    <row r="479564" spans="8:8">
      <c r="H479564" s="12"/>
    </row>
    <row r="479565" spans="8:8">
      <c r="H479565" s="12"/>
    </row>
    <row r="479566" spans="8:8">
      <c r="H479566" s="12"/>
    </row>
    <row r="479567" spans="8:8">
      <c r="H479567" s="12"/>
    </row>
    <row r="479568" spans="8:8">
      <c r="H479568" s="12"/>
    </row>
    <row r="479569" spans="8:8">
      <c r="H479569" s="12"/>
    </row>
    <row r="479570" spans="8:8">
      <c r="H479570" s="12"/>
    </row>
    <row r="479571" spans="8:8">
      <c r="H479571" s="12"/>
    </row>
    <row r="479572" spans="8:8">
      <c r="H479572" s="12"/>
    </row>
    <row r="479573" spans="8:8">
      <c r="H479573" s="12"/>
    </row>
    <row r="479574" spans="8:8">
      <c r="H479574" s="12"/>
    </row>
    <row r="479575" spans="8:8">
      <c r="H479575" s="12"/>
    </row>
    <row r="479576" spans="8:8">
      <c r="H479576" s="12"/>
    </row>
    <row r="479577" spans="8:8">
      <c r="H479577" s="12"/>
    </row>
    <row r="479578" spans="8:8">
      <c r="H479578" s="12"/>
    </row>
    <row r="479579" spans="8:8">
      <c r="H479579" s="12"/>
    </row>
    <row r="479580" spans="8:8">
      <c r="H479580" s="12"/>
    </row>
    <row r="479581" spans="8:8">
      <c r="H479581" s="12"/>
    </row>
    <row r="479582" spans="8:8">
      <c r="H479582" s="12"/>
    </row>
    <row r="479583" spans="8:8">
      <c r="H479583" s="12"/>
    </row>
    <row r="479584" spans="8:8">
      <c r="H479584" s="12"/>
    </row>
    <row r="479585" spans="8:8">
      <c r="H479585" s="12"/>
    </row>
    <row r="479586" spans="8:8">
      <c r="H479586" s="12"/>
    </row>
    <row r="479587" spans="8:8">
      <c r="H479587" s="12"/>
    </row>
    <row r="479588" spans="8:8">
      <c r="H479588" s="12"/>
    </row>
    <row r="479589" spans="8:8">
      <c r="H479589" s="12"/>
    </row>
    <row r="479590" spans="8:8">
      <c r="H479590" s="12"/>
    </row>
    <row r="479591" spans="8:8">
      <c r="H479591" s="12"/>
    </row>
    <row r="479592" spans="8:8">
      <c r="H479592" s="12"/>
    </row>
    <row r="479593" spans="8:8">
      <c r="H479593" s="12"/>
    </row>
    <row r="479594" spans="8:8">
      <c r="H479594" s="12"/>
    </row>
    <row r="479595" spans="8:8">
      <c r="H479595" s="12"/>
    </row>
    <row r="479596" spans="8:8">
      <c r="H479596" s="12"/>
    </row>
    <row r="479597" spans="8:8">
      <c r="H479597" s="12"/>
    </row>
    <row r="479598" spans="8:8">
      <c r="H479598" s="12"/>
    </row>
    <row r="479599" spans="8:8">
      <c r="H479599" s="12"/>
    </row>
    <row r="479600" spans="8:8">
      <c r="H479600" s="12"/>
    </row>
    <row r="479601" spans="8:8">
      <c r="H479601" s="12"/>
    </row>
    <row r="479602" spans="8:8">
      <c r="H479602" s="12"/>
    </row>
    <row r="479603" spans="8:8">
      <c r="H479603" s="12"/>
    </row>
    <row r="479604" spans="8:8">
      <c r="H479604" s="12"/>
    </row>
    <row r="479605" spans="8:8">
      <c r="H479605" s="12"/>
    </row>
    <row r="479606" spans="8:8">
      <c r="H479606" s="12"/>
    </row>
    <row r="479607" spans="8:8">
      <c r="H479607" s="12"/>
    </row>
    <row r="479608" spans="8:8">
      <c r="H479608" s="12"/>
    </row>
    <row r="479609" spans="8:8">
      <c r="H479609" s="12"/>
    </row>
    <row r="479610" spans="8:8">
      <c r="H479610" s="12"/>
    </row>
    <row r="479611" spans="8:8">
      <c r="H479611" s="12"/>
    </row>
    <row r="479612" spans="8:8">
      <c r="H479612" s="12"/>
    </row>
    <row r="479613" spans="8:8">
      <c r="H479613" s="12"/>
    </row>
    <row r="479614" spans="8:8">
      <c r="H479614" s="12"/>
    </row>
    <row r="479615" spans="8:8">
      <c r="H479615" s="12"/>
    </row>
    <row r="479616" spans="8:8">
      <c r="H479616" s="12"/>
    </row>
    <row r="479617" spans="8:8">
      <c r="H479617" s="12"/>
    </row>
    <row r="479618" spans="8:8">
      <c r="H479618" s="12"/>
    </row>
    <row r="479619" spans="8:8">
      <c r="H479619" s="12"/>
    </row>
    <row r="479620" spans="8:8">
      <c r="H479620" s="12"/>
    </row>
    <row r="479621" spans="8:8">
      <c r="H479621" s="12"/>
    </row>
    <row r="479622" spans="8:8">
      <c r="H479622" s="12"/>
    </row>
    <row r="479623" spans="8:8">
      <c r="H479623" s="12"/>
    </row>
    <row r="479624" spans="8:8">
      <c r="H479624" s="12"/>
    </row>
    <row r="479625" spans="8:8">
      <c r="H479625" s="12"/>
    </row>
    <row r="479626" spans="8:8">
      <c r="H479626" s="12"/>
    </row>
    <row r="479627" spans="8:8">
      <c r="H479627" s="12"/>
    </row>
    <row r="479628" spans="8:8">
      <c r="H479628" s="12"/>
    </row>
    <row r="479629" spans="8:8">
      <c r="H479629" s="12"/>
    </row>
    <row r="479630" spans="8:8">
      <c r="H479630" s="12"/>
    </row>
    <row r="479631" spans="8:8">
      <c r="H479631" s="12"/>
    </row>
    <row r="479632" spans="8:8">
      <c r="H479632" s="12"/>
    </row>
    <row r="479633" spans="8:8">
      <c r="H479633" s="12"/>
    </row>
    <row r="479634" spans="8:8">
      <c r="H479634" s="12"/>
    </row>
    <row r="479635" spans="8:8">
      <c r="H479635" s="12"/>
    </row>
    <row r="479636" spans="8:8">
      <c r="H479636" s="12"/>
    </row>
    <row r="479637" spans="8:8">
      <c r="H479637" s="12"/>
    </row>
    <row r="479638" spans="8:8">
      <c r="H479638" s="12"/>
    </row>
    <row r="479639" spans="8:8">
      <c r="H479639" s="12"/>
    </row>
    <row r="479640" spans="8:8">
      <c r="H479640" s="12"/>
    </row>
    <row r="479641" spans="8:8">
      <c r="H479641" s="12"/>
    </row>
    <row r="479642" spans="8:8">
      <c r="H479642" s="12"/>
    </row>
    <row r="479643" spans="8:8">
      <c r="H479643" s="12"/>
    </row>
    <row r="479644" spans="8:8">
      <c r="H479644" s="12"/>
    </row>
    <row r="479645" spans="8:8">
      <c r="H479645" s="12"/>
    </row>
    <row r="479646" spans="8:8">
      <c r="H479646" s="12"/>
    </row>
    <row r="479647" spans="8:8">
      <c r="H479647" s="12"/>
    </row>
    <row r="479648" spans="8:8">
      <c r="H479648" s="12"/>
    </row>
    <row r="479649" spans="8:8">
      <c r="H479649" s="12"/>
    </row>
    <row r="479650" spans="8:8">
      <c r="H479650" s="12"/>
    </row>
    <row r="479651" spans="8:8">
      <c r="H479651" s="12"/>
    </row>
    <row r="479652" spans="8:8">
      <c r="H479652" s="12"/>
    </row>
    <row r="479653" spans="8:8">
      <c r="H479653" s="12"/>
    </row>
    <row r="479654" spans="8:8">
      <c r="H479654" s="12"/>
    </row>
    <row r="479655" spans="8:8">
      <c r="H479655" s="12"/>
    </row>
    <row r="479656" spans="8:8">
      <c r="H479656" s="12"/>
    </row>
    <row r="479657" spans="8:8">
      <c r="H479657" s="12"/>
    </row>
    <row r="479658" spans="8:8">
      <c r="H479658" s="12"/>
    </row>
    <row r="479659" spans="8:8">
      <c r="H479659" s="12"/>
    </row>
    <row r="479660" spans="8:8">
      <c r="H479660" s="12"/>
    </row>
    <row r="479661" spans="8:8">
      <c r="H479661" s="12"/>
    </row>
    <row r="479662" spans="8:8">
      <c r="H479662" s="12"/>
    </row>
    <row r="479663" spans="8:8">
      <c r="H479663" s="12"/>
    </row>
    <row r="479664" spans="8:8">
      <c r="H479664" s="12"/>
    </row>
    <row r="479665" spans="8:8">
      <c r="H479665" s="12"/>
    </row>
    <row r="479666" spans="8:8">
      <c r="H479666" s="12"/>
    </row>
    <row r="479667" spans="8:8">
      <c r="H479667" s="12"/>
    </row>
    <row r="479668" spans="8:8">
      <c r="H479668" s="12"/>
    </row>
    <row r="479669" spans="8:8">
      <c r="H479669" s="12"/>
    </row>
    <row r="479670" spans="8:8">
      <c r="H479670" s="12"/>
    </row>
    <row r="479671" spans="8:8">
      <c r="H479671" s="12"/>
    </row>
    <row r="479672" spans="8:8">
      <c r="H479672" s="12"/>
    </row>
    <row r="479673" spans="8:8">
      <c r="H479673" s="12"/>
    </row>
    <row r="479674" spans="8:8">
      <c r="H479674" s="12"/>
    </row>
    <row r="479675" spans="8:8">
      <c r="H479675" s="12"/>
    </row>
    <row r="479676" spans="8:8">
      <c r="H479676" s="12"/>
    </row>
    <row r="479677" spans="8:8">
      <c r="H479677" s="12"/>
    </row>
    <row r="479678" spans="8:8">
      <c r="H479678" s="12"/>
    </row>
    <row r="479679" spans="8:8">
      <c r="H479679" s="12"/>
    </row>
    <row r="479680" spans="8:8">
      <c r="H479680" s="12"/>
    </row>
    <row r="479681" spans="8:8">
      <c r="H479681" s="12"/>
    </row>
    <row r="479682" spans="8:8">
      <c r="H479682" s="12"/>
    </row>
    <row r="479683" spans="8:8">
      <c r="H479683" s="12"/>
    </row>
    <row r="479684" spans="8:8">
      <c r="H479684" s="12"/>
    </row>
    <row r="479685" spans="8:8">
      <c r="H479685" s="12"/>
    </row>
    <row r="479686" spans="8:8">
      <c r="H479686" s="12"/>
    </row>
    <row r="479687" spans="8:8">
      <c r="H479687" s="12"/>
    </row>
    <row r="479688" spans="8:8">
      <c r="H479688" s="12"/>
    </row>
    <row r="479689" spans="8:8">
      <c r="H479689" s="12"/>
    </row>
    <row r="479690" spans="8:8">
      <c r="H479690" s="12"/>
    </row>
    <row r="479691" spans="8:8">
      <c r="H479691" s="12"/>
    </row>
    <row r="479692" spans="8:8">
      <c r="H479692" s="12"/>
    </row>
    <row r="479693" spans="8:8">
      <c r="H479693" s="12"/>
    </row>
    <row r="479694" spans="8:8">
      <c r="H479694" s="12"/>
    </row>
    <row r="479695" spans="8:8">
      <c r="H479695" s="12"/>
    </row>
    <row r="479696" spans="8:8">
      <c r="H479696" s="12"/>
    </row>
    <row r="479697" spans="8:8">
      <c r="H479697" s="12"/>
    </row>
    <row r="479698" spans="8:8">
      <c r="H479698" s="12"/>
    </row>
    <row r="479699" spans="8:8">
      <c r="H479699" s="12"/>
    </row>
    <row r="479700" spans="8:8">
      <c r="H479700" s="12"/>
    </row>
    <row r="479701" spans="8:8">
      <c r="H479701" s="12"/>
    </row>
    <row r="479702" spans="8:8">
      <c r="H479702" s="12"/>
    </row>
    <row r="479703" spans="8:8">
      <c r="H479703" s="12"/>
    </row>
    <row r="479704" spans="8:8">
      <c r="H479704" s="12"/>
    </row>
    <row r="479705" spans="8:8">
      <c r="H479705" s="12"/>
    </row>
    <row r="479706" spans="8:8">
      <c r="H479706" s="12"/>
    </row>
    <row r="479707" spans="8:8">
      <c r="H479707" s="12"/>
    </row>
    <row r="479708" spans="8:8">
      <c r="H479708" s="12"/>
    </row>
    <row r="479709" spans="8:8">
      <c r="H479709" s="12"/>
    </row>
    <row r="479710" spans="8:8">
      <c r="H479710" s="12"/>
    </row>
    <row r="479711" spans="8:8">
      <c r="H479711" s="12"/>
    </row>
    <row r="479712" spans="8:8">
      <c r="H479712" s="12"/>
    </row>
    <row r="479713" spans="8:8">
      <c r="H479713" s="12"/>
    </row>
    <row r="479714" spans="8:8">
      <c r="H479714" s="12"/>
    </row>
    <row r="479715" spans="8:8">
      <c r="H479715" s="12"/>
    </row>
    <row r="479716" spans="8:8">
      <c r="H479716" s="12"/>
    </row>
    <row r="479717" spans="8:8">
      <c r="H479717" s="12"/>
    </row>
    <row r="479718" spans="8:8">
      <c r="H479718" s="12"/>
    </row>
    <row r="479719" spans="8:8">
      <c r="H479719" s="12"/>
    </row>
    <row r="479720" spans="8:8">
      <c r="H479720" s="12"/>
    </row>
    <row r="479721" spans="8:8">
      <c r="H479721" s="12"/>
    </row>
    <row r="479722" spans="8:8">
      <c r="H479722" s="12"/>
    </row>
    <row r="479723" spans="8:8">
      <c r="H479723" s="12"/>
    </row>
    <row r="479724" spans="8:8">
      <c r="H479724" s="12"/>
    </row>
    <row r="479725" spans="8:8">
      <c r="H479725" s="12"/>
    </row>
    <row r="479726" spans="8:8">
      <c r="H479726" s="12"/>
    </row>
    <row r="479727" spans="8:8">
      <c r="H479727" s="12"/>
    </row>
    <row r="479728" spans="8:8">
      <c r="H479728" s="12"/>
    </row>
    <row r="479729" spans="8:8">
      <c r="H479729" s="12"/>
    </row>
    <row r="479730" spans="8:8">
      <c r="H479730" s="12"/>
    </row>
    <row r="479731" spans="8:8">
      <c r="H479731" s="12"/>
    </row>
    <row r="479732" spans="8:8">
      <c r="H479732" s="12"/>
    </row>
    <row r="479733" spans="8:8">
      <c r="H479733" s="12"/>
    </row>
    <row r="479734" spans="8:8">
      <c r="H479734" s="12"/>
    </row>
    <row r="479735" spans="8:8">
      <c r="H479735" s="12"/>
    </row>
    <row r="479736" spans="8:8">
      <c r="H479736" s="12"/>
    </row>
    <row r="479737" spans="8:8">
      <c r="H479737" s="12"/>
    </row>
    <row r="479738" spans="8:8">
      <c r="H479738" s="12"/>
    </row>
    <row r="479739" spans="8:8">
      <c r="H479739" s="12"/>
    </row>
    <row r="479740" spans="8:8">
      <c r="H479740" s="12"/>
    </row>
    <row r="479741" spans="8:8">
      <c r="H479741" s="12"/>
    </row>
    <row r="479742" spans="8:8">
      <c r="H479742" s="12"/>
    </row>
    <row r="479743" spans="8:8">
      <c r="H479743" s="12"/>
    </row>
    <row r="479744" spans="8:8">
      <c r="H479744" s="12"/>
    </row>
    <row r="479745" spans="8:8">
      <c r="H479745" s="12"/>
    </row>
    <row r="479746" spans="8:8">
      <c r="H479746" s="12"/>
    </row>
    <row r="479747" spans="8:8">
      <c r="H479747" s="12"/>
    </row>
    <row r="479748" spans="8:8">
      <c r="H479748" s="12"/>
    </row>
    <row r="479749" spans="8:8">
      <c r="H479749" s="12"/>
    </row>
    <row r="479750" spans="8:8">
      <c r="H479750" s="12"/>
    </row>
    <row r="479751" spans="8:8">
      <c r="H479751" s="12"/>
    </row>
    <row r="479752" spans="8:8">
      <c r="H479752" s="12"/>
    </row>
    <row r="479753" spans="8:8">
      <c r="H479753" s="12"/>
    </row>
    <row r="479754" spans="8:8">
      <c r="H479754" s="12"/>
    </row>
    <row r="479755" spans="8:8">
      <c r="H479755" s="12"/>
    </row>
    <row r="479756" spans="8:8">
      <c r="H479756" s="12"/>
    </row>
    <row r="479757" spans="8:8">
      <c r="H479757" s="12"/>
    </row>
    <row r="479758" spans="8:8">
      <c r="H479758" s="12"/>
    </row>
    <row r="479759" spans="8:8">
      <c r="H479759" s="12"/>
    </row>
    <row r="479760" spans="8:8">
      <c r="H479760" s="12"/>
    </row>
    <row r="479761" spans="8:8">
      <c r="H479761" s="12"/>
    </row>
    <row r="479762" spans="8:8">
      <c r="H479762" s="12"/>
    </row>
    <row r="479763" spans="8:8">
      <c r="H479763" s="12"/>
    </row>
    <row r="479764" spans="8:8">
      <c r="H479764" s="12"/>
    </row>
    <row r="479765" spans="8:8">
      <c r="H479765" s="12"/>
    </row>
    <row r="479766" spans="8:8">
      <c r="H479766" s="12"/>
    </row>
    <row r="479767" spans="8:8">
      <c r="H479767" s="12"/>
    </row>
    <row r="479768" spans="8:8">
      <c r="H479768" s="12"/>
    </row>
    <row r="479769" spans="8:8">
      <c r="H479769" s="12"/>
    </row>
    <row r="479770" spans="8:8">
      <c r="H479770" s="12"/>
    </row>
    <row r="479771" spans="8:8">
      <c r="H479771" s="12"/>
    </row>
    <row r="479772" spans="8:8">
      <c r="H479772" s="12"/>
    </row>
    <row r="479773" spans="8:8">
      <c r="H479773" s="12"/>
    </row>
    <row r="479774" spans="8:8">
      <c r="H479774" s="12"/>
    </row>
    <row r="479775" spans="8:8">
      <c r="H479775" s="12"/>
    </row>
    <row r="479776" spans="8:8">
      <c r="H479776" s="12"/>
    </row>
    <row r="479777" spans="8:8">
      <c r="H479777" s="12"/>
    </row>
    <row r="479778" spans="8:8">
      <c r="H479778" s="12"/>
    </row>
    <row r="479779" spans="8:8">
      <c r="H479779" s="12"/>
    </row>
    <row r="479780" spans="8:8">
      <c r="H479780" s="12"/>
    </row>
    <row r="479781" spans="8:8">
      <c r="H479781" s="12"/>
    </row>
    <row r="479782" spans="8:8">
      <c r="H479782" s="12"/>
    </row>
    <row r="479783" spans="8:8">
      <c r="H479783" s="12"/>
    </row>
    <row r="479784" spans="8:8">
      <c r="H479784" s="12"/>
    </row>
    <row r="479785" spans="8:8">
      <c r="H479785" s="12"/>
    </row>
    <row r="479786" spans="8:8">
      <c r="H479786" s="12"/>
    </row>
    <row r="479787" spans="8:8">
      <c r="H479787" s="12"/>
    </row>
    <row r="479788" spans="8:8">
      <c r="H479788" s="12"/>
    </row>
    <row r="479789" spans="8:8">
      <c r="H479789" s="12"/>
    </row>
    <row r="479790" spans="8:8">
      <c r="H479790" s="12"/>
    </row>
    <row r="479791" spans="8:8">
      <c r="H479791" s="12"/>
    </row>
    <row r="479792" spans="8:8">
      <c r="H479792" s="12"/>
    </row>
    <row r="479793" spans="8:8">
      <c r="H479793" s="12"/>
    </row>
    <row r="479794" spans="8:8">
      <c r="H479794" s="12"/>
    </row>
    <row r="479795" spans="8:8">
      <c r="H479795" s="12"/>
    </row>
    <row r="479796" spans="8:8">
      <c r="H479796" s="12"/>
    </row>
    <row r="479797" spans="8:8">
      <c r="H479797" s="12"/>
    </row>
    <row r="479798" spans="8:8">
      <c r="H479798" s="12"/>
    </row>
    <row r="479799" spans="8:8">
      <c r="H479799" s="12"/>
    </row>
    <row r="479800" spans="8:8">
      <c r="H479800" s="12"/>
    </row>
    <row r="479801" spans="8:8">
      <c r="H479801" s="12"/>
    </row>
    <row r="479802" spans="8:8">
      <c r="H479802" s="12"/>
    </row>
    <row r="479803" spans="8:8">
      <c r="H479803" s="12"/>
    </row>
    <row r="479804" spans="8:8">
      <c r="H479804" s="12"/>
    </row>
    <row r="479805" spans="8:8">
      <c r="H479805" s="12"/>
    </row>
    <row r="479806" spans="8:8">
      <c r="H479806" s="12"/>
    </row>
    <row r="479807" spans="8:8">
      <c r="H479807" s="12"/>
    </row>
    <row r="479808" spans="8:8">
      <c r="H479808" s="12"/>
    </row>
    <row r="479809" spans="8:8">
      <c r="H479809" s="12"/>
    </row>
    <row r="479810" spans="8:8">
      <c r="H479810" s="12"/>
    </row>
    <row r="479811" spans="8:8">
      <c r="H479811" s="12"/>
    </row>
    <row r="479812" spans="8:8">
      <c r="H479812" s="12"/>
    </row>
    <row r="479813" spans="8:8">
      <c r="H479813" s="12"/>
    </row>
    <row r="479814" spans="8:8">
      <c r="H479814" s="12"/>
    </row>
    <row r="479815" spans="8:8">
      <c r="H479815" s="12"/>
    </row>
    <row r="479816" spans="8:8">
      <c r="H479816" s="12"/>
    </row>
    <row r="479817" spans="8:8">
      <c r="H479817" s="12"/>
    </row>
    <row r="479818" spans="8:8">
      <c r="H479818" s="12"/>
    </row>
    <row r="479819" spans="8:8">
      <c r="H479819" s="12"/>
    </row>
    <row r="479820" spans="8:8">
      <c r="H479820" s="12"/>
    </row>
    <row r="479821" spans="8:8">
      <c r="H479821" s="12"/>
    </row>
    <row r="479822" spans="8:8">
      <c r="H479822" s="12"/>
    </row>
    <row r="479823" spans="8:8">
      <c r="H479823" s="12"/>
    </row>
    <row r="479824" spans="8:8">
      <c r="H479824" s="12"/>
    </row>
    <row r="479825" spans="8:8">
      <c r="H479825" s="12"/>
    </row>
    <row r="479826" spans="8:8">
      <c r="H479826" s="12"/>
    </row>
    <row r="479827" spans="8:8">
      <c r="H479827" s="12"/>
    </row>
    <row r="479828" spans="8:8">
      <c r="H479828" s="12"/>
    </row>
    <row r="479829" spans="8:8">
      <c r="H479829" s="12"/>
    </row>
    <row r="479830" spans="8:8">
      <c r="H479830" s="12"/>
    </row>
    <row r="479831" spans="8:8">
      <c r="H479831" s="12"/>
    </row>
    <row r="479832" spans="8:8">
      <c r="H479832" s="12"/>
    </row>
    <row r="479833" spans="8:8">
      <c r="H479833" s="12"/>
    </row>
    <row r="479834" spans="8:8">
      <c r="H479834" s="12"/>
    </row>
    <row r="479835" spans="8:8">
      <c r="H479835" s="12"/>
    </row>
    <row r="479836" spans="8:8">
      <c r="H479836" s="12"/>
    </row>
    <row r="479837" spans="8:8">
      <c r="H479837" s="12"/>
    </row>
    <row r="479838" spans="8:8">
      <c r="H479838" s="12"/>
    </row>
    <row r="479839" spans="8:8">
      <c r="H479839" s="12"/>
    </row>
    <row r="479840" spans="8:8">
      <c r="H479840" s="12"/>
    </row>
    <row r="479841" spans="8:8">
      <c r="H479841" s="12"/>
    </row>
    <row r="479842" spans="8:8">
      <c r="H479842" s="12"/>
    </row>
    <row r="479843" spans="8:8">
      <c r="H479843" s="12"/>
    </row>
    <row r="479844" spans="8:8">
      <c r="H479844" s="12"/>
    </row>
    <row r="479845" spans="8:8">
      <c r="H479845" s="12"/>
    </row>
    <row r="479846" spans="8:8">
      <c r="H479846" s="12"/>
    </row>
    <row r="479847" spans="8:8">
      <c r="H479847" s="12"/>
    </row>
    <row r="479848" spans="8:8">
      <c r="H479848" s="12"/>
    </row>
    <row r="479849" spans="8:8">
      <c r="H479849" s="12"/>
    </row>
    <row r="479850" spans="8:8">
      <c r="H479850" s="12"/>
    </row>
    <row r="479851" spans="8:8">
      <c r="H479851" s="12"/>
    </row>
    <row r="479852" spans="8:8">
      <c r="H479852" s="12"/>
    </row>
    <row r="479853" spans="8:8">
      <c r="H479853" s="12"/>
    </row>
    <row r="479854" spans="8:8">
      <c r="H479854" s="12"/>
    </row>
    <row r="479855" spans="8:8">
      <c r="H479855" s="12"/>
    </row>
    <row r="479856" spans="8:8">
      <c r="H479856" s="12"/>
    </row>
    <row r="479857" spans="8:8">
      <c r="H479857" s="12"/>
    </row>
    <row r="479858" spans="8:8">
      <c r="H479858" s="12"/>
    </row>
    <row r="479859" spans="8:8">
      <c r="H479859" s="12"/>
    </row>
    <row r="479860" spans="8:8">
      <c r="H479860" s="12"/>
    </row>
    <row r="479861" spans="8:8">
      <c r="H479861" s="12"/>
    </row>
    <row r="479862" spans="8:8">
      <c r="H479862" s="12"/>
    </row>
    <row r="479863" spans="8:8">
      <c r="H479863" s="12"/>
    </row>
    <row r="479864" spans="8:8">
      <c r="H479864" s="12"/>
    </row>
    <row r="479865" spans="8:8">
      <c r="H479865" s="12"/>
    </row>
    <row r="479866" spans="8:8">
      <c r="H479866" s="12"/>
    </row>
    <row r="479867" spans="8:8">
      <c r="H479867" s="12"/>
    </row>
    <row r="479868" spans="8:8">
      <c r="H479868" s="12"/>
    </row>
    <row r="479869" spans="8:8">
      <c r="H479869" s="12"/>
    </row>
    <row r="479870" spans="8:8">
      <c r="H479870" s="12"/>
    </row>
    <row r="479871" spans="8:8">
      <c r="H479871" s="12"/>
    </row>
    <row r="479872" spans="8:8">
      <c r="H479872" s="12"/>
    </row>
    <row r="479873" spans="8:8">
      <c r="H479873" s="12"/>
    </row>
    <row r="479874" spans="8:8">
      <c r="H479874" s="12"/>
    </row>
    <row r="479875" spans="8:8">
      <c r="H479875" s="12"/>
    </row>
    <row r="479876" spans="8:8">
      <c r="H479876" s="12"/>
    </row>
    <row r="479877" spans="8:8">
      <c r="H479877" s="12"/>
    </row>
    <row r="479878" spans="8:8">
      <c r="H479878" s="12"/>
    </row>
    <row r="479879" spans="8:8">
      <c r="H479879" s="12"/>
    </row>
    <row r="479880" spans="8:8">
      <c r="H479880" s="12"/>
    </row>
    <row r="479881" spans="8:8">
      <c r="H479881" s="12"/>
    </row>
    <row r="479882" spans="8:8">
      <c r="H479882" s="12"/>
    </row>
    <row r="479883" spans="8:8">
      <c r="H479883" s="12"/>
    </row>
    <row r="479884" spans="8:8">
      <c r="H479884" s="12"/>
    </row>
    <row r="479885" spans="8:8">
      <c r="H479885" s="12"/>
    </row>
    <row r="479886" spans="8:8">
      <c r="H479886" s="12"/>
    </row>
    <row r="479887" spans="8:8">
      <c r="H479887" s="12"/>
    </row>
    <row r="479888" spans="8:8">
      <c r="H479888" s="12"/>
    </row>
    <row r="479889" spans="8:8">
      <c r="H479889" s="12"/>
    </row>
    <row r="479890" spans="8:8">
      <c r="H479890" s="12"/>
    </row>
    <row r="479891" spans="8:8">
      <c r="H479891" s="12"/>
    </row>
    <row r="479892" spans="8:8">
      <c r="H479892" s="12"/>
    </row>
    <row r="479893" spans="8:8">
      <c r="H479893" s="12"/>
    </row>
    <row r="479894" spans="8:8">
      <c r="H479894" s="12"/>
    </row>
    <row r="479895" spans="8:8">
      <c r="H479895" s="12"/>
    </row>
    <row r="479896" spans="8:8">
      <c r="H479896" s="12"/>
    </row>
    <row r="479897" spans="8:8">
      <c r="H479897" s="12"/>
    </row>
    <row r="479898" spans="8:8">
      <c r="H479898" s="12"/>
    </row>
    <row r="479899" spans="8:8">
      <c r="H479899" s="12"/>
    </row>
    <row r="479900" spans="8:8">
      <c r="H479900" s="12"/>
    </row>
    <row r="479901" spans="8:8">
      <c r="H479901" s="12"/>
    </row>
    <row r="479902" spans="8:8">
      <c r="H479902" s="12"/>
    </row>
    <row r="479903" spans="8:8">
      <c r="H479903" s="12"/>
    </row>
    <row r="479904" spans="8:8">
      <c r="H479904" s="12"/>
    </row>
    <row r="479905" spans="8:8">
      <c r="H479905" s="12"/>
    </row>
    <row r="479906" spans="8:8">
      <c r="H479906" s="12"/>
    </row>
    <row r="479907" spans="8:8">
      <c r="H479907" s="12"/>
    </row>
    <row r="479908" spans="8:8">
      <c r="H479908" s="12"/>
    </row>
    <row r="479909" spans="8:8">
      <c r="H479909" s="12"/>
    </row>
    <row r="479910" spans="8:8">
      <c r="H479910" s="12"/>
    </row>
    <row r="479911" spans="8:8">
      <c r="H479911" s="12"/>
    </row>
    <row r="479912" spans="8:8">
      <c r="H479912" s="12"/>
    </row>
    <row r="479913" spans="8:8">
      <c r="H479913" s="12"/>
    </row>
    <row r="479914" spans="8:8">
      <c r="H479914" s="12"/>
    </row>
    <row r="479915" spans="8:8">
      <c r="H479915" s="12"/>
    </row>
    <row r="479916" spans="8:8">
      <c r="H479916" s="12"/>
    </row>
    <row r="479917" spans="8:8">
      <c r="H479917" s="12"/>
    </row>
    <row r="479918" spans="8:8">
      <c r="H479918" s="12"/>
    </row>
    <row r="479919" spans="8:8">
      <c r="H479919" s="12"/>
    </row>
    <row r="479920" spans="8:8">
      <c r="H479920" s="12"/>
    </row>
    <row r="479921" spans="8:8">
      <c r="H479921" s="12"/>
    </row>
    <row r="479922" spans="8:8">
      <c r="H479922" s="12"/>
    </row>
    <row r="479923" spans="8:8">
      <c r="H479923" s="12"/>
    </row>
    <row r="479924" spans="8:8">
      <c r="H479924" s="12"/>
    </row>
    <row r="479925" spans="8:8">
      <c r="H479925" s="12"/>
    </row>
    <row r="479926" spans="8:8">
      <c r="H479926" s="12"/>
    </row>
    <row r="479927" spans="8:8">
      <c r="H479927" s="12"/>
    </row>
    <row r="479928" spans="8:8">
      <c r="H479928" s="12"/>
    </row>
    <row r="479929" spans="8:8">
      <c r="H479929" s="12"/>
    </row>
    <row r="479930" spans="8:8">
      <c r="H479930" s="12"/>
    </row>
    <row r="479931" spans="8:8">
      <c r="H479931" s="12"/>
    </row>
    <row r="479932" spans="8:8">
      <c r="H479932" s="12"/>
    </row>
    <row r="479933" spans="8:8">
      <c r="H479933" s="12"/>
    </row>
    <row r="479934" spans="8:8">
      <c r="H479934" s="12"/>
    </row>
    <row r="479935" spans="8:8">
      <c r="H479935" s="12"/>
    </row>
    <row r="479936" spans="8:8">
      <c r="H479936" s="12"/>
    </row>
    <row r="479937" spans="8:8">
      <c r="H479937" s="12"/>
    </row>
    <row r="479938" spans="8:8">
      <c r="H479938" s="12"/>
    </row>
    <row r="479939" spans="8:8">
      <c r="H479939" s="12"/>
    </row>
    <row r="479940" spans="8:8">
      <c r="H479940" s="12"/>
    </row>
    <row r="479941" spans="8:8">
      <c r="H479941" s="12"/>
    </row>
    <row r="479942" spans="8:8">
      <c r="H479942" s="12"/>
    </row>
    <row r="479943" spans="8:8">
      <c r="H479943" s="12"/>
    </row>
    <row r="479944" spans="8:8">
      <c r="H479944" s="12"/>
    </row>
    <row r="479945" spans="8:8">
      <c r="H479945" s="12"/>
    </row>
    <row r="479946" spans="8:8">
      <c r="H479946" s="12"/>
    </row>
    <row r="479947" spans="8:8">
      <c r="H479947" s="12"/>
    </row>
    <row r="479948" spans="8:8">
      <c r="H479948" s="12"/>
    </row>
    <row r="479949" spans="8:8">
      <c r="H479949" s="12"/>
    </row>
    <row r="479950" spans="8:8">
      <c r="H479950" s="12"/>
    </row>
    <row r="479951" spans="8:8">
      <c r="H479951" s="12"/>
    </row>
    <row r="479952" spans="8:8">
      <c r="H479952" s="12"/>
    </row>
    <row r="479953" spans="8:8">
      <c r="H479953" s="12"/>
    </row>
    <row r="479954" spans="8:8">
      <c r="H479954" s="12"/>
    </row>
    <row r="479955" spans="8:8">
      <c r="H479955" s="12"/>
    </row>
    <row r="479956" spans="8:8">
      <c r="H479956" s="12"/>
    </row>
    <row r="479957" spans="8:8">
      <c r="H479957" s="12"/>
    </row>
    <row r="479958" spans="8:8">
      <c r="H479958" s="12"/>
    </row>
    <row r="479959" spans="8:8">
      <c r="H479959" s="12"/>
    </row>
    <row r="479960" spans="8:8">
      <c r="H479960" s="12"/>
    </row>
    <row r="479961" spans="8:8">
      <c r="H479961" s="12"/>
    </row>
    <row r="479962" spans="8:8">
      <c r="H479962" s="12"/>
    </row>
    <row r="479963" spans="8:8">
      <c r="H479963" s="12"/>
    </row>
    <row r="479964" spans="8:8">
      <c r="H479964" s="12"/>
    </row>
    <row r="479965" spans="8:8">
      <c r="H479965" s="12"/>
    </row>
    <row r="479966" spans="8:8">
      <c r="H479966" s="12"/>
    </row>
    <row r="479967" spans="8:8">
      <c r="H479967" s="12"/>
    </row>
    <row r="479968" spans="8:8">
      <c r="H479968" s="12"/>
    </row>
    <row r="479969" spans="8:8">
      <c r="H479969" s="12"/>
    </row>
    <row r="479970" spans="8:8">
      <c r="H479970" s="12"/>
    </row>
    <row r="479971" spans="8:8">
      <c r="H479971" s="12"/>
    </row>
    <row r="479972" spans="8:8">
      <c r="H479972" s="12"/>
    </row>
    <row r="479973" spans="8:8">
      <c r="H479973" s="12"/>
    </row>
    <row r="479974" spans="8:8">
      <c r="H479974" s="12"/>
    </row>
    <row r="479975" spans="8:8">
      <c r="H479975" s="12"/>
    </row>
    <row r="479976" spans="8:8">
      <c r="H479976" s="12"/>
    </row>
    <row r="479977" spans="8:8">
      <c r="H479977" s="12"/>
    </row>
    <row r="479978" spans="8:8">
      <c r="H479978" s="12"/>
    </row>
    <row r="479979" spans="8:8">
      <c r="H479979" s="12"/>
    </row>
    <row r="479980" spans="8:8">
      <c r="H479980" s="12"/>
    </row>
    <row r="479981" spans="8:8">
      <c r="H479981" s="12"/>
    </row>
    <row r="479982" spans="8:8">
      <c r="H479982" s="12"/>
    </row>
    <row r="479983" spans="8:8">
      <c r="H479983" s="12"/>
    </row>
    <row r="479984" spans="8:8">
      <c r="H479984" s="12"/>
    </row>
    <row r="479985" spans="8:8">
      <c r="H479985" s="12"/>
    </row>
    <row r="479986" spans="8:8">
      <c r="H479986" s="12"/>
    </row>
    <row r="479987" spans="8:8">
      <c r="H479987" s="12"/>
    </row>
    <row r="479988" spans="8:8">
      <c r="H479988" s="12"/>
    </row>
    <row r="479989" spans="8:8">
      <c r="H479989" s="12"/>
    </row>
    <row r="479990" spans="8:8">
      <c r="H479990" s="12"/>
    </row>
    <row r="479991" spans="8:8">
      <c r="H479991" s="12"/>
    </row>
    <row r="479992" spans="8:8">
      <c r="H479992" s="12"/>
    </row>
    <row r="479993" spans="8:8">
      <c r="H479993" s="12"/>
    </row>
    <row r="479994" spans="8:8">
      <c r="H479994" s="12"/>
    </row>
    <row r="479995" spans="8:8">
      <c r="H479995" s="12"/>
    </row>
    <row r="479996" spans="8:8">
      <c r="H479996" s="12"/>
    </row>
    <row r="479997" spans="8:8">
      <c r="H479997" s="12"/>
    </row>
    <row r="479998" spans="8:8">
      <c r="H479998" s="12"/>
    </row>
    <row r="479999" spans="8:8">
      <c r="H479999" s="12"/>
    </row>
    <row r="480000" spans="8:8">
      <c r="H480000" s="12"/>
    </row>
    <row r="480001" spans="8:8">
      <c r="H480001" s="12"/>
    </row>
    <row r="480002" spans="8:8">
      <c r="H480002" s="12"/>
    </row>
    <row r="480003" spans="8:8">
      <c r="H480003" s="12"/>
    </row>
    <row r="480004" spans="8:8">
      <c r="H480004" s="12"/>
    </row>
    <row r="480005" spans="8:8">
      <c r="H480005" s="12"/>
    </row>
    <row r="480006" spans="8:8">
      <c r="H480006" s="12"/>
    </row>
    <row r="480007" spans="8:8">
      <c r="H480007" s="12"/>
    </row>
    <row r="480008" spans="8:8">
      <c r="H480008" s="12"/>
    </row>
    <row r="480009" spans="8:8">
      <c r="H480009" s="12"/>
    </row>
    <row r="480010" spans="8:8">
      <c r="H480010" s="12"/>
    </row>
    <row r="480011" spans="8:8">
      <c r="H480011" s="12"/>
    </row>
    <row r="480012" spans="8:8">
      <c r="H480012" s="12"/>
    </row>
    <row r="480013" spans="8:8">
      <c r="H480013" s="12"/>
    </row>
    <row r="480014" spans="8:8">
      <c r="H480014" s="12"/>
    </row>
    <row r="480015" spans="8:8">
      <c r="H480015" s="12"/>
    </row>
    <row r="480016" spans="8:8">
      <c r="H480016" s="12"/>
    </row>
    <row r="480017" spans="8:8">
      <c r="H480017" s="12"/>
    </row>
    <row r="480018" spans="8:8">
      <c r="H480018" s="12"/>
    </row>
    <row r="480019" spans="8:8">
      <c r="H480019" s="12"/>
    </row>
    <row r="480020" spans="8:8">
      <c r="H480020" s="12"/>
    </row>
    <row r="480021" spans="8:8">
      <c r="H480021" s="12"/>
    </row>
    <row r="480022" spans="8:8">
      <c r="H480022" s="12"/>
    </row>
    <row r="480023" spans="8:8">
      <c r="H480023" s="12"/>
    </row>
    <row r="480024" spans="8:8">
      <c r="H480024" s="12"/>
    </row>
    <row r="480025" spans="8:8">
      <c r="H480025" s="12"/>
    </row>
    <row r="480026" spans="8:8">
      <c r="H480026" s="12"/>
    </row>
    <row r="480027" spans="8:8">
      <c r="H480027" s="12"/>
    </row>
    <row r="480028" spans="8:8">
      <c r="H480028" s="12"/>
    </row>
    <row r="480029" spans="8:8">
      <c r="H480029" s="12"/>
    </row>
    <row r="480030" spans="8:8">
      <c r="H480030" s="12"/>
    </row>
    <row r="480031" spans="8:8">
      <c r="H480031" s="12"/>
    </row>
    <row r="480032" spans="8:8">
      <c r="H480032" s="12"/>
    </row>
    <row r="480033" spans="8:8">
      <c r="H480033" s="12"/>
    </row>
    <row r="480034" spans="8:8">
      <c r="H480034" s="12"/>
    </row>
    <row r="480035" spans="8:8">
      <c r="H480035" s="12"/>
    </row>
    <row r="480036" spans="8:8">
      <c r="H480036" s="12"/>
    </row>
    <row r="480037" spans="8:8">
      <c r="H480037" s="12"/>
    </row>
    <row r="480038" spans="8:8">
      <c r="H480038" s="12"/>
    </row>
    <row r="480039" spans="8:8">
      <c r="H480039" s="12"/>
    </row>
    <row r="480040" spans="8:8">
      <c r="H480040" s="12"/>
    </row>
    <row r="480041" spans="8:8">
      <c r="H480041" s="12"/>
    </row>
    <row r="480042" spans="8:8">
      <c r="H480042" s="12"/>
    </row>
    <row r="480043" spans="8:8">
      <c r="H480043" s="12"/>
    </row>
    <row r="480044" spans="8:8">
      <c r="H480044" s="12"/>
    </row>
    <row r="480045" spans="8:8">
      <c r="H480045" s="12"/>
    </row>
    <row r="480046" spans="8:8">
      <c r="H480046" s="12"/>
    </row>
    <row r="480047" spans="8:8">
      <c r="H480047" s="12"/>
    </row>
    <row r="480048" spans="8:8">
      <c r="H480048" s="12"/>
    </row>
    <row r="480049" spans="8:8">
      <c r="H480049" s="12"/>
    </row>
    <row r="480050" spans="8:8">
      <c r="H480050" s="12"/>
    </row>
    <row r="480051" spans="8:8">
      <c r="H480051" s="12"/>
    </row>
    <row r="480052" spans="8:8">
      <c r="H480052" s="12"/>
    </row>
    <row r="480053" spans="8:8">
      <c r="H480053" s="12"/>
    </row>
    <row r="480054" spans="8:8">
      <c r="H480054" s="12"/>
    </row>
    <row r="480055" spans="8:8">
      <c r="H480055" s="12"/>
    </row>
    <row r="480056" spans="8:8">
      <c r="H480056" s="12"/>
    </row>
    <row r="480057" spans="8:8">
      <c r="H480057" s="12"/>
    </row>
    <row r="480058" spans="8:8">
      <c r="H480058" s="12"/>
    </row>
    <row r="480059" spans="8:8">
      <c r="H480059" s="12"/>
    </row>
    <row r="480060" spans="8:8">
      <c r="H480060" s="12"/>
    </row>
    <row r="480061" spans="8:8">
      <c r="H480061" s="12"/>
    </row>
    <row r="480062" spans="8:8">
      <c r="H480062" s="12"/>
    </row>
    <row r="480063" spans="8:8">
      <c r="H480063" s="12"/>
    </row>
    <row r="480064" spans="8:8">
      <c r="H480064" s="12"/>
    </row>
    <row r="480065" spans="8:8">
      <c r="H480065" s="12"/>
    </row>
    <row r="480066" spans="8:8">
      <c r="H480066" s="12"/>
    </row>
    <row r="480067" spans="8:8">
      <c r="H480067" s="12"/>
    </row>
    <row r="480068" spans="8:8">
      <c r="H480068" s="12"/>
    </row>
    <row r="480069" spans="8:8">
      <c r="H480069" s="12"/>
    </row>
    <row r="480070" spans="8:8">
      <c r="H480070" s="12"/>
    </row>
    <row r="480071" spans="8:8">
      <c r="H480071" s="12"/>
    </row>
    <row r="480072" spans="8:8">
      <c r="H480072" s="12"/>
    </row>
    <row r="480073" spans="8:8">
      <c r="H480073" s="12"/>
    </row>
    <row r="480074" spans="8:8">
      <c r="H480074" s="12"/>
    </row>
    <row r="480075" spans="8:8">
      <c r="H480075" s="12"/>
    </row>
    <row r="480076" spans="8:8">
      <c r="H480076" s="12"/>
    </row>
    <row r="480077" spans="8:8">
      <c r="H480077" s="12"/>
    </row>
    <row r="480078" spans="8:8">
      <c r="H480078" s="12"/>
    </row>
    <row r="480079" spans="8:8">
      <c r="H480079" s="12"/>
    </row>
    <row r="480080" spans="8:8">
      <c r="H480080" s="12"/>
    </row>
    <row r="480081" spans="8:8">
      <c r="H480081" s="12"/>
    </row>
    <row r="480082" spans="8:8">
      <c r="H480082" s="12"/>
    </row>
    <row r="480083" spans="8:8">
      <c r="H480083" s="12"/>
    </row>
    <row r="480084" spans="8:8">
      <c r="H480084" s="12"/>
    </row>
    <row r="480085" spans="8:8">
      <c r="H480085" s="12"/>
    </row>
    <row r="480086" spans="8:8">
      <c r="H480086" s="12"/>
    </row>
    <row r="480087" spans="8:8">
      <c r="H480087" s="12"/>
    </row>
    <row r="480088" spans="8:8">
      <c r="H480088" s="12"/>
    </row>
    <row r="480089" spans="8:8">
      <c r="H480089" s="12"/>
    </row>
    <row r="480090" spans="8:8">
      <c r="H480090" s="12"/>
    </row>
    <row r="480091" spans="8:8">
      <c r="H480091" s="12"/>
    </row>
    <row r="480092" spans="8:8">
      <c r="H480092" s="12"/>
    </row>
    <row r="480093" spans="8:8">
      <c r="H480093" s="12"/>
    </row>
    <row r="480094" spans="8:8">
      <c r="H480094" s="12"/>
    </row>
    <row r="480095" spans="8:8">
      <c r="H480095" s="12"/>
    </row>
    <row r="480096" spans="8:8">
      <c r="H480096" s="12"/>
    </row>
    <row r="480097" spans="8:8">
      <c r="H480097" s="12"/>
    </row>
    <row r="480098" spans="8:8">
      <c r="H480098" s="12"/>
    </row>
    <row r="480099" spans="8:8">
      <c r="H480099" s="12"/>
    </row>
    <row r="480100" spans="8:8">
      <c r="H480100" s="12"/>
    </row>
    <row r="480101" spans="8:8">
      <c r="H480101" s="12"/>
    </row>
    <row r="480102" spans="8:8">
      <c r="H480102" s="12"/>
    </row>
    <row r="480103" spans="8:8">
      <c r="H480103" s="12"/>
    </row>
    <row r="480104" spans="8:8">
      <c r="H480104" s="12"/>
    </row>
    <row r="480105" spans="8:8">
      <c r="H480105" s="12"/>
    </row>
    <row r="480106" spans="8:8">
      <c r="H480106" s="12"/>
    </row>
    <row r="480107" spans="8:8">
      <c r="H480107" s="12"/>
    </row>
    <row r="480108" spans="8:8">
      <c r="H480108" s="12"/>
    </row>
    <row r="480109" spans="8:8">
      <c r="H480109" s="12"/>
    </row>
    <row r="480110" spans="8:8">
      <c r="H480110" s="12"/>
    </row>
    <row r="480111" spans="8:8">
      <c r="H480111" s="12"/>
    </row>
    <row r="480112" spans="8:8">
      <c r="H480112" s="12"/>
    </row>
    <row r="480113" spans="8:8">
      <c r="H480113" s="12"/>
    </row>
    <row r="480114" spans="8:8">
      <c r="H480114" s="12"/>
    </row>
    <row r="480115" spans="8:8">
      <c r="H480115" s="12"/>
    </row>
    <row r="480116" spans="8:8">
      <c r="H480116" s="12"/>
    </row>
    <row r="480117" spans="8:8">
      <c r="H480117" s="12"/>
    </row>
    <row r="480118" spans="8:8">
      <c r="H480118" s="12"/>
    </row>
    <row r="480119" spans="8:8">
      <c r="H480119" s="12"/>
    </row>
    <row r="480120" spans="8:8">
      <c r="H480120" s="12"/>
    </row>
    <row r="480121" spans="8:8">
      <c r="H480121" s="12"/>
    </row>
    <row r="480122" spans="8:8">
      <c r="H480122" s="12"/>
    </row>
    <row r="480123" spans="8:8">
      <c r="H480123" s="12"/>
    </row>
    <row r="480124" spans="8:8">
      <c r="H480124" s="12"/>
    </row>
    <row r="480125" spans="8:8">
      <c r="H480125" s="12"/>
    </row>
    <row r="480126" spans="8:8">
      <c r="H480126" s="12"/>
    </row>
    <row r="480127" spans="8:8">
      <c r="H480127" s="12"/>
    </row>
    <row r="480128" spans="8:8">
      <c r="H480128" s="12"/>
    </row>
    <row r="480129" spans="8:8">
      <c r="H480129" s="12"/>
    </row>
    <row r="480130" spans="8:8">
      <c r="H480130" s="12"/>
    </row>
    <row r="480131" spans="8:8">
      <c r="H480131" s="12"/>
    </row>
    <row r="480132" spans="8:8">
      <c r="H480132" s="12"/>
    </row>
    <row r="480133" spans="8:8">
      <c r="H480133" s="12"/>
    </row>
    <row r="480134" spans="8:8">
      <c r="H480134" s="12"/>
    </row>
    <row r="480135" spans="8:8">
      <c r="H480135" s="12"/>
    </row>
    <row r="480136" spans="8:8">
      <c r="H480136" s="12"/>
    </row>
    <row r="480137" spans="8:8">
      <c r="H480137" s="12"/>
    </row>
    <row r="480138" spans="8:8">
      <c r="H480138" s="12"/>
    </row>
    <row r="480139" spans="8:8">
      <c r="H480139" s="12"/>
    </row>
    <row r="480140" spans="8:8">
      <c r="H480140" s="12"/>
    </row>
    <row r="480141" spans="8:8">
      <c r="H480141" s="12"/>
    </row>
    <row r="480142" spans="8:8">
      <c r="H480142" s="12"/>
    </row>
    <row r="480143" spans="8:8">
      <c r="H480143" s="12"/>
    </row>
    <row r="480144" spans="8:8">
      <c r="H480144" s="12"/>
    </row>
    <row r="480145" spans="8:8">
      <c r="H480145" s="12"/>
    </row>
    <row r="480146" spans="8:8">
      <c r="H480146" s="12"/>
    </row>
    <row r="480147" spans="8:8">
      <c r="H480147" s="12"/>
    </row>
    <row r="480148" spans="8:8">
      <c r="H480148" s="12"/>
    </row>
    <row r="480149" spans="8:8">
      <c r="H480149" s="12"/>
    </row>
    <row r="480150" spans="8:8">
      <c r="H480150" s="12"/>
    </row>
    <row r="480151" spans="8:8">
      <c r="H480151" s="12"/>
    </row>
    <row r="480152" spans="8:8">
      <c r="H480152" s="12"/>
    </row>
    <row r="480153" spans="8:8">
      <c r="H480153" s="12"/>
    </row>
    <row r="480154" spans="8:8">
      <c r="H480154" s="12"/>
    </row>
    <row r="480155" spans="8:8">
      <c r="H480155" s="12"/>
    </row>
    <row r="480156" spans="8:8">
      <c r="H480156" s="12"/>
    </row>
    <row r="480157" spans="8:8">
      <c r="H480157" s="12"/>
    </row>
    <row r="480158" spans="8:8">
      <c r="H480158" s="12"/>
    </row>
    <row r="480159" spans="8:8">
      <c r="H480159" s="12"/>
    </row>
    <row r="480160" spans="8:8">
      <c r="H480160" s="12"/>
    </row>
    <row r="480161" spans="8:8">
      <c r="H480161" s="12"/>
    </row>
    <row r="480162" spans="8:8">
      <c r="H480162" s="12"/>
    </row>
    <row r="480163" spans="8:8">
      <c r="H480163" s="12"/>
    </row>
    <row r="480164" spans="8:8">
      <c r="H480164" s="12"/>
    </row>
    <row r="480165" spans="8:8">
      <c r="H480165" s="12"/>
    </row>
    <row r="480166" spans="8:8">
      <c r="H480166" s="12"/>
    </row>
    <row r="480167" spans="8:8">
      <c r="H480167" s="12"/>
    </row>
    <row r="480168" spans="8:8">
      <c r="H480168" s="12"/>
    </row>
    <row r="480169" spans="8:8">
      <c r="H480169" s="12"/>
    </row>
    <row r="480170" spans="8:8">
      <c r="H480170" s="12"/>
    </row>
    <row r="480171" spans="8:8">
      <c r="H480171" s="12"/>
    </row>
    <row r="480172" spans="8:8">
      <c r="H480172" s="12"/>
    </row>
    <row r="480173" spans="8:8">
      <c r="H480173" s="12"/>
    </row>
    <row r="480174" spans="8:8">
      <c r="H480174" s="12"/>
    </row>
    <row r="480175" spans="8:8">
      <c r="H480175" s="12"/>
    </row>
    <row r="480176" spans="8:8">
      <c r="H480176" s="12"/>
    </row>
    <row r="480177" spans="8:8">
      <c r="H480177" s="12"/>
    </row>
    <row r="480178" spans="8:8">
      <c r="H480178" s="12"/>
    </row>
    <row r="480179" spans="8:8">
      <c r="H480179" s="12"/>
    </row>
    <row r="480180" spans="8:8">
      <c r="H480180" s="12"/>
    </row>
    <row r="480181" spans="8:8">
      <c r="H480181" s="12"/>
    </row>
    <row r="480182" spans="8:8">
      <c r="H480182" s="12"/>
    </row>
    <row r="480183" spans="8:8">
      <c r="H480183" s="12"/>
    </row>
    <row r="480184" spans="8:8">
      <c r="H480184" s="12"/>
    </row>
    <row r="480185" spans="8:8">
      <c r="H480185" s="12"/>
    </row>
    <row r="480186" spans="8:8">
      <c r="H480186" s="12"/>
    </row>
    <row r="480187" spans="8:8">
      <c r="H480187" s="12"/>
    </row>
    <row r="480188" spans="8:8">
      <c r="H480188" s="12"/>
    </row>
    <row r="480189" spans="8:8">
      <c r="H480189" s="12"/>
    </row>
    <row r="480190" spans="8:8">
      <c r="H480190" s="12"/>
    </row>
    <row r="480191" spans="8:8">
      <c r="H480191" s="12"/>
    </row>
    <row r="480192" spans="8:8">
      <c r="H480192" s="12"/>
    </row>
    <row r="480193" spans="8:8">
      <c r="H480193" s="12"/>
    </row>
    <row r="480194" spans="8:8">
      <c r="H480194" s="12"/>
    </row>
    <row r="480195" spans="8:8">
      <c r="H480195" s="12"/>
    </row>
    <row r="480196" spans="8:8">
      <c r="H480196" s="12"/>
    </row>
    <row r="480197" spans="8:8">
      <c r="H480197" s="12"/>
    </row>
    <row r="480198" spans="8:8">
      <c r="H480198" s="12"/>
    </row>
    <row r="480199" spans="8:8">
      <c r="H480199" s="12"/>
    </row>
    <row r="480200" spans="8:8">
      <c r="H480200" s="12"/>
    </row>
    <row r="480201" spans="8:8">
      <c r="H480201" s="12"/>
    </row>
    <row r="480202" spans="8:8">
      <c r="H480202" s="12"/>
    </row>
    <row r="480203" spans="8:8">
      <c r="H480203" s="12"/>
    </row>
    <row r="480204" spans="8:8">
      <c r="H480204" s="12"/>
    </row>
    <row r="480205" spans="8:8">
      <c r="H480205" s="12"/>
    </row>
    <row r="480206" spans="8:8">
      <c r="H480206" s="12"/>
    </row>
    <row r="480207" spans="8:8">
      <c r="H480207" s="12"/>
    </row>
    <row r="480208" spans="8:8">
      <c r="H480208" s="12"/>
    </row>
    <row r="480209" spans="8:8">
      <c r="H480209" s="12"/>
    </row>
    <row r="480210" spans="8:8">
      <c r="H480210" s="12"/>
    </row>
    <row r="480211" spans="8:8">
      <c r="H480211" s="12"/>
    </row>
    <row r="480212" spans="8:8">
      <c r="H480212" s="12"/>
    </row>
    <row r="480213" spans="8:8">
      <c r="H480213" s="12"/>
    </row>
    <row r="480214" spans="8:8">
      <c r="H480214" s="12"/>
    </row>
    <row r="480215" spans="8:8">
      <c r="H480215" s="12"/>
    </row>
    <row r="480216" spans="8:8">
      <c r="H480216" s="12"/>
    </row>
    <row r="480217" spans="8:8">
      <c r="H480217" s="12"/>
    </row>
    <row r="480218" spans="8:8">
      <c r="H480218" s="12"/>
    </row>
    <row r="480219" spans="8:8">
      <c r="H480219" s="12"/>
    </row>
    <row r="480220" spans="8:8">
      <c r="H480220" s="12"/>
    </row>
    <row r="480221" spans="8:8">
      <c r="H480221" s="12"/>
    </row>
    <row r="480222" spans="8:8">
      <c r="H480222" s="12"/>
    </row>
    <row r="480223" spans="8:8">
      <c r="H480223" s="12"/>
    </row>
    <row r="480224" spans="8:8">
      <c r="H480224" s="12"/>
    </row>
    <row r="480225" spans="8:8">
      <c r="H480225" s="12"/>
    </row>
    <row r="480226" spans="8:8">
      <c r="H480226" s="12"/>
    </row>
    <row r="480227" spans="8:8">
      <c r="H480227" s="12"/>
    </row>
    <row r="480228" spans="8:8">
      <c r="H480228" s="12"/>
    </row>
    <row r="480229" spans="8:8">
      <c r="H480229" s="12"/>
    </row>
    <row r="480230" spans="8:8">
      <c r="H480230" s="12"/>
    </row>
    <row r="480231" spans="8:8">
      <c r="H480231" s="12"/>
    </row>
    <row r="480232" spans="8:8">
      <c r="H480232" s="12"/>
    </row>
    <row r="480233" spans="8:8">
      <c r="H480233" s="12"/>
    </row>
    <row r="480234" spans="8:8">
      <c r="H480234" s="12"/>
    </row>
    <row r="480235" spans="8:8">
      <c r="H480235" s="12"/>
    </row>
    <row r="480236" spans="8:8">
      <c r="H480236" s="12"/>
    </row>
    <row r="480237" spans="8:8">
      <c r="H480237" s="12"/>
    </row>
    <row r="480238" spans="8:8">
      <c r="H480238" s="12"/>
    </row>
    <row r="480239" spans="8:8">
      <c r="H480239" s="12"/>
    </row>
    <row r="480240" spans="8:8">
      <c r="H480240" s="12"/>
    </row>
    <row r="480241" spans="8:8">
      <c r="H480241" s="12"/>
    </row>
    <row r="480242" spans="8:8">
      <c r="H480242" s="12"/>
    </row>
    <row r="480243" spans="8:8">
      <c r="H480243" s="12"/>
    </row>
    <row r="480244" spans="8:8">
      <c r="H480244" s="12"/>
    </row>
    <row r="480245" spans="8:8">
      <c r="H480245" s="12"/>
    </row>
    <row r="480246" spans="8:8">
      <c r="H480246" s="12"/>
    </row>
    <row r="480247" spans="8:8">
      <c r="H480247" s="12"/>
    </row>
    <row r="480248" spans="8:8">
      <c r="H480248" s="12"/>
    </row>
    <row r="480249" spans="8:8">
      <c r="H480249" s="12"/>
    </row>
    <row r="480250" spans="8:8">
      <c r="H480250" s="12"/>
    </row>
    <row r="480251" spans="8:8">
      <c r="H480251" s="12"/>
    </row>
    <row r="480252" spans="8:8">
      <c r="H480252" s="12"/>
    </row>
    <row r="480253" spans="8:8">
      <c r="H480253" s="12"/>
    </row>
    <row r="480254" spans="8:8">
      <c r="H480254" s="12"/>
    </row>
    <row r="480255" spans="8:8">
      <c r="H480255" s="12"/>
    </row>
    <row r="480256" spans="8:8">
      <c r="H480256" s="12"/>
    </row>
    <row r="480257" spans="8:8">
      <c r="H480257" s="12"/>
    </row>
    <row r="480258" spans="8:8">
      <c r="H480258" s="12"/>
    </row>
    <row r="480259" spans="8:8">
      <c r="H480259" s="12"/>
    </row>
    <row r="480260" spans="8:8">
      <c r="H480260" s="12"/>
    </row>
    <row r="480261" spans="8:8">
      <c r="H480261" s="12"/>
    </row>
    <row r="480262" spans="8:8">
      <c r="H480262" s="12"/>
    </row>
    <row r="480263" spans="8:8">
      <c r="H480263" s="12"/>
    </row>
    <row r="480264" spans="8:8">
      <c r="H480264" s="12"/>
    </row>
    <row r="480265" spans="8:8">
      <c r="H480265" s="12"/>
    </row>
    <row r="480266" spans="8:8">
      <c r="H480266" s="12"/>
    </row>
    <row r="480267" spans="8:8">
      <c r="H480267" s="12"/>
    </row>
    <row r="480268" spans="8:8">
      <c r="H480268" s="12"/>
    </row>
    <row r="480269" spans="8:8">
      <c r="H480269" s="12"/>
    </row>
    <row r="480270" spans="8:8">
      <c r="H480270" s="12"/>
    </row>
    <row r="480271" spans="8:8">
      <c r="H480271" s="12"/>
    </row>
    <row r="480272" spans="8:8">
      <c r="H480272" s="12"/>
    </row>
    <row r="480273" spans="8:8">
      <c r="H480273" s="12"/>
    </row>
    <row r="480274" spans="8:8">
      <c r="H480274" s="12"/>
    </row>
    <row r="480275" spans="8:8">
      <c r="H480275" s="12"/>
    </row>
    <row r="480276" spans="8:8">
      <c r="H480276" s="12"/>
    </row>
    <row r="480277" spans="8:8">
      <c r="H480277" s="12"/>
    </row>
    <row r="480278" spans="8:8">
      <c r="H480278" s="12"/>
    </row>
    <row r="480279" spans="8:8">
      <c r="H480279" s="12"/>
    </row>
    <row r="480280" spans="8:8">
      <c r="H480280" s="12"/>
    </row>
    <row r="480281" spans="8:8">
      <c r="H480281" s="12"/>
    </row>
    <row r="480282" spans="8:8">
      <c r="H480282" s="12"/>
    </row>
    <row r="480283" spans="8:8">
      <c r="H480283" s="12"/>
    </row>
    <row r="480284" spans="8:8">
      <c r="H480284" s="12"/>
    </row>
    <row r="480285" spans="8:8">
      <c r="H480285" s="12"/>
    </row>
    <row r="480286" spans="8:8">
      <c r="H480286" s="12"/>
    </row>
    <row r="480287" spans="8:8">
      <c r="H480287" s="12"/>
    </row>
    <row r="480288" spans="8:8">
      <c r="H480288" s="12"/>
    </row>
    <row r="480289" spans="8:8">
      <c r="H480289" s="12"/>
    </row>
    <row r="480290" spans="8:8">
      <c r="H480290" s="12"/>
    </row>
    <row r="480291" spans="8:8">
      <c r="H480291" s="12"/>
    </row>
    <row r="480292" spans="8:8">
      <c r="H480292" s="12"/>
    </row>
    <row r="480293" spans="8:8">
      <c r="H480293" s="12"/>
    </row>
    <row r="480294" spans="8:8">
      <c r="H480294" s="12"/>
    </row>
    <row r="480295" spans="8:8">
      <c r="H480295" s="12"/>
    </row>
    <row r="480296" spans="8:8">
      <c r="H480296" s="12"/>
    </row>
    <row r="480297" spans="8:8">
      <c r="H480297" s="12"/>
    </row>
    <row r="480298" spans="8:8">
      <c r="H480298" s="12"/>
    </row>
    <row r="480299" spans="8:8">
      <c r="H480299" s="12"/>
    </row>
    <row r="480300" spans="8:8">
      <c r="H480300" s="12"/>
    </row>
    <row r="480301" spans="8:8">
      <c r="H480301" s="12"/>
    </row>
    <row r="480302" spans="8:8">
      <c r="H480302" s="12"/>
    </row>
    <row r="480303" spans="8:8">
      <c r="H480303" s="12"/>
    </row>
    <row r="480304" spans="8:8">
      <c r="H480304" s="12"/>
    </row>
    <row r="480305" spans="8:8">
      <c r="H480305" s="12"/>
    </row>
    <row r="480306" spans="8:8">
      <c r="H480306" s="12"/>
    </row>
    <row r="480307" spans="8:8">
      <c r="H480307" s="12"/>
    </row>
    <row r="480308" spans="8:8">
      <c r="H480308" s="12"/>
    </row>
    <row r="480309" spans="8:8">
      <c r="H480309" s="12"/>
    </row>
    <row r="480310" spans="8:8">
      <c r="H480310" s="12"/>
    </row>
    <row r="480311" spans="8:8">
      <c r="H480311" s="12"/>
    </row>
    <row r="480312" spans="8:8">
      <c r="H480312" s="12"/>
    </row>
    <row r="480313" spans="8:8">
      <c r="H480313" s="12"/>
    </row>
    <row r="480314" spans="8:8">
      <c r="H480314" s="12"/>
    </row>
    <row r="480315" spans="8:8">
      <c r="H480315" s="12"/>
    </row>
    <row r="480316" spans="8:8">
      <c r="H480316" s="12"/>
    </row>
    <row r="480317" spans="8:8">
      <c r="H480317" s="12"/>
    </row>
    <row r="480318" spans="8:8">
      <c r="H480318" s="12"/>
    </row>
    <row r="480319" spans="8:8">
      <c r="H480319" s="12"/>
    </row>
    <row r="480320" spans="8:8">
      <c r="H480320" s="12"/>
    </row>
    <row r="480321" spans="8:8">
      <c r="H480321" s="12"/>
    </row>
    <row r="480322" spans="8:8">
      <c r="H480322" s="12"/>
    </row>
    <row r="480323" spans="8:8">
      <c r="H480323" s="12"/>
    </row>
    <row r="480324" spans="8:8">
      <c r="H480324" s="12"/>
    </row>
    <row r="480325" spans="8:8">
      <c r="H480325" s="12"/>
    </row>
    <row r="480326" spans="8:8">
      <c r="H480326" s="12"/>
    </row>
    <row r="480327" spans="8:8">
      <c r="H480327" s="12"/>
    </row>
    <row r="480328" spans="8:8">
      <c r="H480328" s="12"/>
    </row>
    <row r="480329" spans="8:8">
      <c r="H480329" s="12"/>
    </row>
    <row r="480330" spans="8:8">
      <c r="H480330" s="12"/>
    </row>
    <row r="480331" spans="8:8">
      <c r="H480331" s="12"/>
    </row>
    <row r="480332" spans="8:8">
      <c r="H480332" s="12"/>
    </row>
    <row r="480333" spans="8:8">
      <c r="H480333" s="12"/>
    </row>
    <row r="480334" spans="8:8">
      <c r="H480334" s="12"/>
    </row>
    <row r="480335" spans="8:8">
      <c r="H480335" s="12"/>
    </row>
    <row r="480336" spans="8:8">
      <c r="H480336" s="12"/>
    </row>
    <row r="480337" spans="8:8">
      <c r="H480337" s="12"/>
    </row>
    <row r="480338" spans="8:8">
      <c r="H480338" s="12"/>
    </row>
    <row r="480339" spans="8:8">
      <c r="H480339" s="12"/>
    </row>
    <row r="480340" spans="8:8">
      <c r="H480340" s="12"/>
    </row>
    <row r="480341" spans="8:8">
      <c r="H480341" s="12"/>
    </row>
    <row r="480342" spans="8:8">
      <c r="H480342" s="12"/>
    </row>
    <row r="480343" spans="8:8">
      <c r="H480343" s="12"/>
    </row>
    <row r="480344" spans="8:8">
      <c r="H480344" s="12"/>
    </row>
    <row r="480345" spans="8:8">
      <c r="H480345" s="12"/>
    </row>
    <row r="480346" spans="8:8">
      <c r="H480346" s="12"/>
    </row>
    <row r="480347" spans="8:8">
      <c r="H480347" s="12"/>
    </row>
    <row r="480348" spans="8:8">
      <c r="H480348" s="12"/>
    </row>
    <row r="480349" spans="8:8">
      <c r="H480349" s="12"/>
    </row>
    <row r="480350" spans="8:8">
      <c r="H480350" s="12"/>
    </row>
    <row r="480351" spans="8:8">
      <c r="H480351" s="12"/>
    </row>
    <row r="480352" spans="8:8">
      <c r="H480352" s="12"/>
    </row>
    <row r="480353" spans="8:8">
      <c r="H480353" s="12"/>
    </row>
    <row r="480354" spans="8:8">
      <c r="H480354" s="12"/>
    </row>
    <row r="480355" spans="8:8">
      <c r="H480355" s="12"/>
    </row>
    <row r="480356" spans="8:8">
      <c r="H480356" s="12"/>
    </row>
    <row r="480357" spans="8:8">
      <c r="H480357" s="12"/>
    </row>
    <row r="480358" spans="8:8">
      <c r="H480358" s="12"/>
    </row>
    <row r="480359" spans="8:8">
      <c r="H480359" s="12"/>
    </row>
    <row r="480360" spans="8:8">
      <c r="H480360" s="12"/>
    </row>
    <row r="480361" spans="8:8">
      <c r="H480361" s="12"/>
    </row>
    <row r="480362" spans="8:8">
      <c r="H480362" s="12"/>
    </row>
    <row r="480363" spans="8:8">
      <c r="H480363" s="12"/>
    </row>
    <row r="480364" spans="8:8">
      <c r="H480364" s="12"/>
    </row>
    <row r="480365" spans="8:8">
      <c r="H480365" s="12"/>
    </row>
    <row r="480366" spans="8:8">
      <c r="H480366" s="12"/>
    </row>
    <row r="480367" spans="8:8">
      <c r="H480367" s="12"/>
    </row>
    <row r="480368" spans="8:8">
      <c r="H480368" s="12"/>
    </row>
    <row r="480369" spans="8:8">
      <c r="H480369" s="12"/>
    </row>
    <row r="480370" spans="8:8">
      <c r="H480370" s="12"/>
    </row>
    <row r="480371" spans="8:8">
      <c r="H480371" s="12"/>
    </row>
    <row r="480372" spans="8:8">
      <c r="H480372" s="12"/>
    </row>
    <row r="480373" spans="8:8">
      <c r="H480373" s="12"/>
    </row>
    <row r="480374" spans="8:8">
      <c r="H480374" s="12"/>
    </row>
    <row r="480375" spans="8:8">
      <c r="H480375" s="12"/>
    </row>
    <row r="480376" spans="8:8">
      <c r="H480376" s="12"/>
    </row>
    <row r="480377" spans="8:8">
      <c r="H480377" s="12"/>
    </row>
    <row r="480378" spans="8:8">
      <c r="H480378" s="12"/>
    </row>
    <row r="480379" spans="8:8">
      <c r="H480379" s="12"/>
    </row>
    <row r="480380" spans="8:8">
      <c r="H480380" s="12"/>
    </row>
    <row r="480381" spans="8:8">
      <c r="H480381" s="12"/>
    </row>
    <row r="480382" spans="8:8">
      <c r="H480382" s="12"/>
    </row>
    <row r="480383" spans="8:8">
      <c r="H480383" s="12"/>
    </row>
    <row r="480384" spans="8:8">
      <c r="H480384" s="12"/>
    </row>
    <row r="480385" spans="8:8">
      <c r="H480385" s="12"/>
    </row>
    <row r="480386" spans="8:8">
      <c r="H480386" s="12"/>
    </row>
    <row r="480387" spans="8:8">
      <c r="H480387" s="12"/>
    </row>
    <row r="480388" spans="8:8">
      <c r="H480388" s="12"/>
    </row>
    <row r="480389" spans="8:8">
      <c r="H480389" s="12"/>
    </row>
    <row r="480390" spans="8:8">
      <c r="H480390" s="12"/>
    </row>
    <row r="480391" spans="8:8">
      <c r="H480391" s="12"/>
    </row>
    <row r="480392" spans="8:8">
      <c r="H480392" s="12"/>
    </row>
    <row r="480393" spans="8:8">
      <c r="H480393" s="12"/>
    </row>
    <row r="480394" spans="8:8">
      <c r="H480394" s="12"/>
    </row>
    <row r="480395" spans="8:8">
      <c r="H480395" s="12"/>
    </row>
    <row r="480396" spans="8:8">
      <c r="H480396" s="12"/>
    </row>
    <row r="480397" spans="8:8">
      <c r="H480397" s="12"/>
    </row>
    <row r="480398" spans="8:8">
      <c r="H480398" s="12"/>
    </row>
    <row r="480399" spans="8:8">
      <c r="H480399" s="12"/>
    </row>
    <row r="480400" spans="8:8">
      <c r="H480400" s="12"/>
    </row>
    <row r="480401" spans="8:8">
      <c r="H480401" s="12"/>
    </row>
    <row r="480402" spans="8:8">
      <c r="H480402" s="12"/>
    </row>
    <row r="480403" spans="8:8">
      <c r="H480403" s="12"/>
    </row>
    <row r="480404" spans="8:8">
      <c r="H480404" s="12"/>
    </row>
    <row r="480405" spans="8:8">
      <c r="H480405" s="12"/>
    </row>
    <row r="480406" spans="8:8">
      <c r="H480406" s="12"/>
    </row>
    <row r="480407" spans="8:8">
      <c r="H480407" s="12"/>
    </row>
    <row r="480408" spans="8:8">
      <c r="H480408" s="12"/>
    </row>
    <row r="480409" spans="8:8">
      <c r="H480409" s="12"/>
    </row>
    <row r="480410" spans="8:8">
      <c r="H480410" s="12"/>
    </row>
    <row r="480411" spans="8:8">
      <c r="H480411" s="12"/>
    </row>
    <row r="480412" spans="8:8">
      <c r="H480412" s="12"/>
    </row>
    <row r="480413" spans="8:8">
      <c r="H480413" s="12"/>
    </row>
    <row r="480414" spans="8:8">
      <c r="H480414" s="12"/>
    </row>
    <row r="480415" spans="8:8">
      <c r="H480415" s="12"/>
    </row>
    <row r="480416" spans="8:8">
      <c r="H480416" s="12"/>
    </row>
    <row r="480417" spans="8:8">
      <c r="H480417" s="12"/>
    </row>
    <row r="480418" spans="8:8">
      <c r="H480418" s="12"/>
    </row>
    <row r="480419" spans="8:8">
      <c r="H480419" s="12"/>
    </row>
    <row r="480420" spans="8:8">
      <c r="H480420" s="12"/>
    </row>
    <row r="480421" spans="8:8">
      <c r="H480421" s="12"/>
    </row>
    <row r="480422" spans="8:8">
      <c r="H480422" s="12"/>
    </row>
    <row r="480423" spans="8:8">
      <c r="H480423" s="12"/>
    </row>
    <row r="480424" spans="8:8">
      <c r="H480424" s="12"/>
    </row>
    <row r="480425" spans="8:8">
      <c r="H480425" s="12"/>
    </row>
    <row r="480426" spans="8:8">
      <c r="H480426" s="12"/>
    </row>
    <row r="480427" spans="8:8">
      <c r="H480427" s="12"/>
    </row>
    <row r="480428" spans="8:8">
      <c r="H480428" s="12"/>
    </row>
    <row r="480429" spans="8:8">
      <c r="H480429" s="12"/>
    </row>
    <row r="480430" spans="8:8">
      <c r="H480430" s="12"/>
    </row>
    <row r="480431" spans="8:8">
      <c r="H480431" s="12"/>
    </row>
    <row r="480432" spans="8:8">
      <c r="H480432" s="12"/>
    </row>
    <row r="480433" spans="8:8">
      <c r="H480433" s="12"/>
    </row>
    <row r="480434" spans="8:8">
      <c r="H480434" s="12"/>
    </row>
    <row r="480435" spans="8:8">
      <c r="H480435" s="12"/>
    </row>
    <row r="480436" spans="8:8">
      <c r="H480436" s="12"/>
    </row>
    <row r="480437" spans="8:8">
      <c r="H480437" s="12"/>
    </row>
    <row r="480438" spans="8:8">
      <c r="H480438" s="12"/>
    </row>
    <row r="480439" spans="8:8">
      <c r="H480439" s="12"/>
    </row>
    <row r="480440" spans="8:8">
      <c r="H480440" s="12"/>
    </row>
    <row r="480441" spans="8:8">
      <c r="H480441" s="12"/>
    </row>
    <row r="480442" spans="8:8">
      <c r="H480442" s="12"/>
    </row>
    <row r="480443" spans="8:8">
      <c r="H480443" s="12"/>
    </row>
    <row r="480444" spans="8:8">
      <c r="H480444" s="12"/>
    </row>
    <row r="480445" spans="8:8">
      <c r="H480445" s="12"/>
    </row>
    <row r="480446" spans="8:8">
      <c r="H480446" s="12"/>
    </row>
    <row r="480447" spans="8:8">
      <c r="H480447" s="12"/>
    </row>
    <row r="480448" spans="8:8">
      <c r="H480448" s="12"/>
    </row>
    <row r="480449" spans="8:8">
      <c r="H480449" s="12"/>
    </row>
    <row r="480450" spans="8:8">
      <c r="H480450" s="12"/>
    </row>
    <row r="480451" spans="8:8">
      <c r="H480451" s="12"/>
    </row>
    <row r="480452" spans="8:8">
      <c r="H480452" s="12"/>
    </row>
    <row r="480453" spans="8:8">
      <c r="H480453" s="12"/>
    </row>
    <row r="480454" spans="8:8">
      <c r="H480454" s="12"/>
    </row>
    <row r="480455" spans="8:8">
      <c r="H480455" s="12"/>
    </row>
    <row r="480456" spans="8:8">
      <c r="H480456" s="12"/>
    </row>
    <row r="480457" spans="8:8">
      <c r="H480457" s="12"/>
    </row>
    <row r="480458" spans="8:8">
      <c r="H480458" s="12"/>
    </row>
    <row r="480459" spans="8:8">
      <c r="H480459" s="12"/>
    </row>
    <row r="480460" spans="8:8">
      <c r="H480460" s="12"/>
    </row>
    <row r="480461" spans="8:8">
      <c r="H480461" s="12"/>
    </row>
    <row r="480462" spans="8:8">
      <c r="H480462" s="12"/>
    </row>
    <row r="480463" spans="8:8">
      <c r="H480463" s="12"/>
    </row>
    <row r="480464" spans="8:8">
      <c r="H480464" s="12"/>
    </row>
    <row r="480465" spans="8:8">
      <c r="H480465" s="12"/>
    </row>
    <row r="480466" spans="8:8">
      <c r="H480466" s="12"/>
    </row>
    <row r="480467" spans="8:8">
      <c r="H480467" s="12"/>
    </row>
    <row r="480468" spans="8:8">
      <c r="H480468" s="12"/>
    </row>
    <row r="480469" spans="8:8">
      <c r="H480469" s="12"/>
    </row>
    <row r="480470" spans="8:8">
      <c r="H480470" s="12"/>
    </row>
    <row r="480471" spans="8:8">
      <c r="H480471" s="12"/>
    </row>
    <row r="480472" spans="8:8">
      <c r="H480472" s="12"/>
    </row>
    <row r="480473" spans="8:8">
      <c r="H480473" s="12"/>
    </row>
    <row r="480474" spans="8:8">
      <c r="H480474" s="12"/>
    </row>
    <row r="480475" spans="8:8">
      <c r="H480475" s="12"/>
    </row>
    <row r="480476" spans="8:8">
      <c r="H480476" s="12"/>
    </row>
    <row r="480477" spans="8:8">
      <c r="H480477" s="12"/>
    </row>
    <row r="480478" spans="8:8">
      <c r="H480478" s="12"/>
    </row>
    <row r="480479" spans="8:8">
      <c r="H480479" s="12"/>
    </row>
    <row r="480480" spans="8:8">
      <c r="H480480" s="12"/>
    </row>
    <row r="480481" spans="8:8">
      <c r="H480481" s="12"/>
    </row>
    <row r="480482" spans="8:8">
      <c r="H480482" s="12"/>
    </row>
    <row r="480483" spans="8:8">
      <c r="H480483" s="12"/>
    </row>
    <row r="480484" spans="8:8">
      <c r="H480484" s="12"/>
    </row>
    <row r="480485" spans="8:8">
      <c r="H480485" s="12"/>
    </row>
    <row r="480486" spans="8:8">
      <c r="H480486" s="12"/>
    </row>
    <row r="480487" spans="8:8">
      <c r="H480487" s="12"/>
    </row>
    <row r="480488" spans="8:8">
      <c r="H480488" s="12"/>
    </row>
    <row r="480489" spans="8:8">
      <c r="H480489" s="12"/>
    </row>
    <row r="480490" spans="8:8">
      <c r="H480490" s="12"/>
    </row>
    <row r="480491" spans="8:8">
      <c r="H480491" s="12"/>
    </row>
    <row r="480492" spans="8:8">
      <c r="H480492" s="12"/>
    </row>
    <row r="480493" spans="8:8">
      <c r="H480493" s="12"/>
    </row>
    <row r="480494" spans="8:8">
      <c r="H480494" s="12"/>
    </row>
    <row r="480495" spans="8:8">
      <c r="H480495" s="12"/>
    </row>
    <row r="480496" spans="8:8">
      <c r="H480496" s="12"/>
    </row>
    <row r="480497" spans="8:8">
      <c r="H480497" s="12"/>
    </row>
    <row r="480498" spans="8:8">
      <c r="H480498" s="12"/>
    </row>
    <row r="480499" spans="8:8">
      <c r="H480499" s="12"/>
    </row>
    <row r="480500" spans="8:8">
      <c r="H480500" s="12"/>
    </row>
    <row r="480501" spans="8:8">
      <c r="H480501" s="12"/>
    </row>
    <row r="480502" spans="8:8">
      <c r="H480502" s="12"/>
    </row>
    <row r="480503" spans="8:8">
      <c r="H480503" s="12"/>
    </row>
    <row r="480504" spans="8:8">
      <c r="H480504" s="12"/>
    </row>
    <row r="480505" spans="8:8">
      <c r="H480505" s="12"/>
    </row>
    <row r="480506" spans="8:8">
      <c r="H480506" s="12"/>
    </row>
    <row r="480507" spans="8:8">
      <c r="H480507" s="12"/>
    </row>
    <row r="480508" spans="8:8">
      <c r="H480508" s="12"/>
    </row>
    <row r="480509" spans="8:8">
      <c r="H480509" s="12"/>
    </row>
    <row r="480510" spans="8:8">
      <c r="H480510" s="12"/>
    </row>
    <row r="480511" spans="8:8">
      <c r="H480511" s="12"/>
    </row>
    <row r="480512" spans="8:8">
      <c r="H480512" s="12"/>
    </row>
    <row r="480513" spans="8:8">
      <c r="H480513" s="12"/>
    </row>
    <row r="480514" spans="8:8">
      <c r="H480514" s="12"/>
    </row>
    <row r="480515" spans="8:8">
      <c r="H480515" s="12"/>
    </row>
    <row r="480516" spans="8:8">
      <c r="H480516" s="12"/>
    </row>
    <row r="480517" spans="8:8">
      <c r="H480517" s="12"/>
    </row>
    <row r="480518" spans="8:8">
      <c r="H480518" s="12"/>
    </row>
    <row r="480519" spans="8:8">
      <c r="H480519" s="12"/>
    </row>
    <row r="480520" spans="8:8">
      <c r="H480520" s="12"/>
    </row>
    <row r="480521" spans="8:8">
      <c r="H480521" s="12"/>
    </row>
    <row r="480522" spans="8:8">
      <c r="H480522" s="12"/>
    </row>
    <row r="480523" spans="8:8">
      <c r="H480523" s="12"/>
    </row>
    <row r="480524" spans="8:8">
      <c r="H480524" s="12"/>
    </row>
    <row r="480525" spans="8:8">
      <c r="H480525" s="12"/>
    </row>
    <row r="480526" spans="8:8">
      <c r="H480526" s="12"/>
    </row>
    <row r="480527" spans="8:8">
      <c r="H480527" s="12"/>
    </row>
    <row r="480528" spans="8:8">
      <c r="H480528" s="12"/>
    </row>
    <row r="480529" spans="8:8">
      <c r="H480529" s="12"/>
    </row>
    <row r="480530" spans="8:8">
      <c r="H480530" s="12"/>
    </row>
    <row r="480531" spans="8:8">
      <c r="H480531" s="12"/>
    </row>
    <row r="480532" spans="8:8">
      <c r="H480532" s="12"/>
    </row>
    <row r="480533" spans="8:8">
      <c r="H480533" s="12"/>
    </row>
    <row r="480534" spans="8:8">
      <c r="H480534" s="12"/>
    </row>
    <row r="480535" spans="8:8">
      <c r="H480535" s="12"/>
    </row>
    <row r="480536" spans="8:8">
      <c r="H480536" s="12"/>
    </row>
    <row r="480537" spans="8:8">
      <c r="H480537" s="12"/>
    </row>
    <row r="480538" spans="8:8">
      <c r="H480538" s="12"/>
    </row>
    <row r="480539" spans="8:8">
      <c r="H480539" s="12"/>
    </row>
    <row r="480540" spans="8:8">
      <c r="H480540" s="12"/>
    </row>
    <row r="480541" spans="8:8">
      <c r="H480541" s="12"/>
    </row>
    <row r="480542" spans="8:8">
      <c r="H480542" s="12"/>
    </row>
    <row r="480543" spans="8:8">
      <c r="H480543" s="12"/>
    </row>
    <row r="480544" spans="8:8">
      <c r="H480544" s="12"/>
    </row>
    <row r="480545" spans="8:8">
      <c r="H480545" s="12"/>
    </row>
    <row r="480546" spans="8:8">
      <c r="H480546" s="12"/>
    </row>
    <row r="480547" spans="8:8">
      <c r="H480547" s="12"/>
    </row>
    <row r="480548" spans="8:8">
      <c r="H480548" s="12"/>
    </row>
    <row r="480549" spans="8:8">
      <c r="H480549" s="12"/>
    </row>
    <row r="480550" spans="8:8">
      <c r="H480550" s="12"/>
    </row>
    <row r="480551" spans="8:8">
      <c r="H480551" s="12"/>
    </row>
    <row r="480552" spans="8:8">
      <c r="H480552" s="12"/>
    </row>
    <row r="480553" spans="8:8">
      <c r="H480553" s="12"/>
    </row>
    <row r="480554" spans="8:8">
      <c r="H480554" s="12"/>
    </row>
    <row r="480555" spans="8:8">
      <c r="H480555" s="12"/>
    </row>
    <row r="480556" spans="8:8">
      <c r="H480556" s="12"/>
    </row>
    <row r="480557" spans="8:8">
      <c r="H480557" s="12"/>
    </row>
    <row r="480558" spans="8:8">
      <c r="H480558" s="12"/>
    </row>
    <row r="480559" spans="8:8">
      <c r="H480559" s="12"/>
    </row>
    <row r="480560" spans="8:8">
      <c r="H480560" s="12"/>
    </row>
    <row r="480561" spans="8:8">
      <c r="H480561" s="12"/>
    </row>
    <row r="480562" spans="8:8">
      <c r="H480562" s="12"/>
    </row>
    <row r="480563" spans="8:8">
      <c r="H480563" s="12"/>
    </row>
    <row r="480564" spans="8:8">
      <c r="H480564" s="12"/>
    </row>
    <row r="480565" spans="8:8">
      <c r="H480565" s="12"/>
    </row>
    <row r="480566" spans="8:8">
      <c r="H480566" s="12"/>
    </row>
    <row r="480567" spans="8:8">
      <c r="H480567" s="12"/>
    </row>
    <row r="480568" spans="8:8">
      <c r="H480568" s="12"/>
    </row>
    <row r="480569" spans="8:8">
      <c r="H480569" s="12"/>
    </row>
    <row r="480570" spans="8:8">
      <c r="H480570" s="12"/>
    </row>
    <row r="480571" spans="8:8">
      <c r="H480571" s="12"/>
    </row>
    <row r="480572" spans="8:8">
      <c r="H480572" s="12"/>
    </row>
    <row r="480573" spans="8:8">
      <c r="H480573" s="12"/>
    </row>
    <row r="480574" spans="8:8">
      <c r="H480574" s="12"/>
    </row>
    <row r="480575" spans="8:8">
      <c r="H480575" s="12"/>
    </row>
    <row r="480576" spans="8:8">
      <c r="H480576" s="12"/>
    </row>
    <row r="480577" spans="8:8">
      <c r="H480577" s="12"/>
    </row>
    <row r="480578" spans="8:8">
      <c r="H480578" s="12"/>
    </row>
    <row r="480579" spans="8:8">
      <c r="H480579" s="12"/>
    </row>
    <row r="480580" spans="8:8">
      <c r="H480580" s="12"/>
    </row>
    <row r="480581" spans="8:8">
      <c r="H480581" s="12"/>
    </row>
    <row r="480582" spans="8:8">
      <c r="H480582" s="12"/>
    </row>
    <row r="480583" spans="8:8">
      <c r="H480583" s="12"/>
    </row>
    <row r="480584" spans="8:8">
      <c r="H480584" s="12"/>
    </row>
    <row r="480585" spans="8:8">
      <c r="H480585" s="12"/>
    </row>
    <row r="480586" spans="8:8">
      <c r="H480586" s="12"/>
    </row>
    <row r="480587" spans="8:8">
      <c r="H480587" s="12"/>
    </row>
    <row r="480588" spans="8:8">
      <c r="H480588" s="12"/>
    </row>
    <row r="480589" spans="8:8">
      <c r="H480589" s="12"/>
    </row>
    <row r="480590" spans="8:8">
      <c r="H480590" s="12"/>
    </row>
    <row r="480591" spans="8:8">
      <c r="H480591" s="12"/>
    </row>
    <row r="480592" spans="8:8">
      <c r="H480592" s="12"/>
    </row>
    <row r="480593" spans="8:8">
      <c r="H480593" s="12"/>
    </row>
    <row r="480594" spans="8:8">
      <c r="H480594" s="12"/>
    </row>
    <row r="480595" spans="8:8">
      <c r="H480595" s="12"/>
    </row>
    <row r="480596" spans="8:8">
      <c r="H480596" s="12"/>
    </row>
    <row r="480597" spans="8:8">
      <c r="H480597" s="12"/>
    </row>
    <row r="480598" spans="8:8">
      <c r="H480598" s="12"/>
    </row>
    <row r="480599" spans="8:8">
      <c r="H480599" s="12"/>
    </row>
    <row r="480600" spans="8:8">
      <c r="H480600" s="12"/>
    </row>
    <row r="480601" spans="8:8">
      <c r="H480601" s="12"/>
    </row>
    <row r="480602" spans="8:8">
      <c r="H480602" s="12"/>
    </row>
    <row r="480603" spans="8:8">
      <c r="H480603" s="12"/>
    </row>
    <row r="480604" spans="8:8">
      <c r="H480604" s="12"/>
    </row>
    <row r="480605" spans="8:8">
      <c r="H480605" s="12"/>
    </row>
    <row r="480606" spans="8:8">
      <c r="H480606" s="12"/>
    </row>
    <row r="480607" spans="8:8">
      <c r="H480607" s="12"/>
    </row>
    <row r="480608" spans="8:8">
      <c r="H480608" s="12"/>
    </row>
    <row r="480609" spans="8:8">
      <c r="H480609" s="12"/>
    </row>
    <row r="480610" spans="8:8">
      <c r="H480610" s="12"/>
    </row>
    <row r="480611" spans="8:8">
      <c r="H480611" s="12"/>
    </row>
    <row r="480612" spans="8:8">
      <c r="H480612" s="12"/>
    </row>
    <row r="480613" spans="8:8">
      <c r="H480613" s="12"/>
    </row>
    <row r="480614" spans="8:8">
      <c r="H480614" s="12"/>
    </row>
    <row r="480615" spans="8:8">
      <c r="H480615" s="12"/>
    </row>
    <row r="480616" spans="8:8">
      <c r="H480616" s="12"/>
    </row>
    <row r="480617" spans="8:8">
      <c r="H480617" s="12"/>
    </row>
    <row r="480618" spans="8:8">
      <c r="H480618" s="12"/>
    </row>
    <row r="480619" spans="8:8">
      <c r="H480619" s="12"/>
    </row>
    <row r="480620" spans="8:8">
      <c r="H480620" s="12"/>
    </row>
    <row r="480621" spans="8:8">
      <c r="H480621" s="12"/>
    </row>
    <row r="480622" spans="8:8">
      <c r="H480622" s="12"/>
    </row>
    <row r="480623" spans="8:8">
      <c r="H480623" s="12"/>
    </row>
    <row r="480624" spans="8:8">
      <c r="H480624" s="12"/>
    </row>
    <row r="480625" spans="8:8">
      <c r="H480625" s="12"/>
    </row>
    <row r="480626" spans="8:8">
      <c r="H480626" s="12"/>
    </row>
    <row r="480627" spans="8:8">
      <c r="H480627" s="12"/>
    </row>
    <row r="480628" spans="8:8">
      <c r="H480628" s="12"/>
    </row>
    <row r="480629" spans="8:8">
      <c r="H480629" s="12"/>
    </row>
    <row r="480630" spans="8:8">
      <c r="H480630" s="12"/>
    </row>
    <row r="480631" spans="8:8">
      <c r="H480631" s="12"/>
    </row>
    <row r="480632" spans="8:8">
      <c r="H480632" s="12"/>
    </row>
    <row r="480633" spans="8:8">
      <c r="H480633" s="12"/>
    </row>
    <row r="480634" spans="8:8">
      <c r="H480634" s="12"/>
    </row>
    <row r="480635" spans="8:8">
      <c r="H480635" s="12"/>
    </row>
    <row r="480636" spans="8:8">
      <c r="H480636" s="12"/>
    </row>
    <row r="480637" spans="8:8">
      <c r="H480637" s="12"/>
    </row>
    <row r="480638" spans="8:8">
      <c r="H480638" s="12"/>
    </row>
    <row r="480639" spans="8:8">
      <c r="H480639" s="12"/>
    </row>
    <row r="480640" spans="8:8">
      <c r="H480640" s="12"/>
    </row>
    <row r="480641" spans="8:8">
      <c r="H480641" s="12"/>
    </row>
    <row r="480642" spans="8:8">
      <c r="H480642" s="12"/>
    </row>
    <row r="480643" spans="8:8">
      <c r="H480643" s="12"/>
    </row>
    <row r="480644" spans="8:8">
      <c r="H480644" s="12"/>
    </row>
    <row r="480645" spans="8:8">
      <c r="H480645" s="12"/>
    </row>
    <row r="480646" spans="8:8">
      <c r="H480646" s="12"/>
    </row>
    <row r="480647" spans="8:8">
      <c r="H480647" s="12"/>
    </row>
    <row r="480648" spans="8:8">
      <c r="H480648" s="12"/>
    </row>
    <row r="480649" spans="8:8">
      <c r="H480649" s="12"/>
    </row>
    <row r="480650" spans="8:8">
      <c r="H480650" s="12"/>
    </row>
    <row r="480651" spans="8:8">
      <c r="H480651" s="12"/>
    </row>
    <row r="480652" spans="8:8">
      <c r="H480652" s="12"/>
    </row>
    <row r="480653" spans="8:8">
      <c r="H480653" s="12"/>
    </row>
    <row r="480654" spans="8:8">
      <c r="H480654" s="12"/>
    </row>
    <row r="480655" spans="8:8">
      <c r="H480655" s="12"/>
    </row>
    <row r="480656" spans="8:8">
      <c r="H480656" s="12"/>
    </row>
    <row r="480657" spans="8:8">
      <c r="H480657" s="12"/>
    </row>
    <row r="480658" spans="8:8">
      <c r="H480658" s="12"/>
    </row>
    <row r="480659" spans="8:8">
      <c r="H480659" s="12"/>
    </row>
    <row r="480660" spans="8:8">
      <c r="H480660" s="12"/>
    </row>
    <row r="480661" spans="8:8">
      <c r="H480661" s="12"/>
    </row>
    <row r="480662" spans="8:8">
      <c r="H480662" s="12"/>
    </row>
    <row r="480663" spans="8:8">
      <c r="H480663" s="12"/>
    </row>
    <row r="480664" spans="8:8">
      <c r="H480664" s="12"/>
    </row>
    <row r="480665" spans="8:8">
      <c r="H480665" s="12"/>
    </row>
    <row r="480666" spans="8:8">
      <c r="H480666" s="12"/>
    </row>
    <row r="480667" spans="8:8">
      <c r="H480667" s="12"/>
    </row>
    <row r="480668" spans="8:8">
      <c r="H480668" s="12"/>
    </row>
    <row r="480669" spans="8:8">
      <c r="H480669" s="12"/>
    </row>
    <row r="480670" spans="8:8">
      <c r="H480670" s="12"/>
    </row>
    <row r="480671" spans="8:8">
      <c r="H480671" s="12"/>
    </row>
    <row r="480672" spans="8:8">
      <c r="H480672" s="12"/>
    </row>
    <row r="480673" spans="8:8">
      <c r="H480673" s="12"/>
    </row>
    <row r="480674" spans="8:8">
      <c r="H480674" s="12"/>
    </row>
    <row r="480675" spans="8:8">
      <c r="H480675" s="12"/>
    </row>
    <row r="480676" spans="8:8">
      <c r="H480676" s="12"/>
    </row>
    <row r="480677" spans="8:8">
      <c r="H480677" s="12"/>
    </row>
    <row r="480678" spans="8:8">
      <c r="H480678" s="12"/>
    </row>
    <row r="480679" spans="8:8">
      <c r="H480679" s="12"/>
    </row>
    <row r="480680" spans="8:8">
      <c r="H480680" s="12"/>
    </row>
    <row r="480681" spans="8:8">
      <c r="H480681" s="12"/>
    </row>
    <row r="480682" spans="8:8">
      <c r="H480682" s="12"/>
    </row>
    <row r="480683" spans="8:8">
      <c r="H480683" s="12"/>
    </row>
    <row r="480684" spans="8:8">
      <c r="H480684" s="12"/>
    </row>
    <row r="480685" spans="8:8">
      <c r="H480685" s="12"/>
    </row>
    <row r="480686" spans="8:8">
      <c r="H480686" s="12"/>
    </row>
    <row r="480687" spans="8:8">
      <c r="H480687" s="12"/>
    </row>
    <row r="480688" spans="8:8">
      <c r="H480688" s="12"/>
    </row>
    <row r="480689" spans="8:8">
      <c r="H480689" s="12"/>
    </row>
    <row r="480690" spans="8:8">
      <c r="H480690" s="12"/>
    </row>
    <row r="480691" spans="8:8">
      <c r="H480691" s="12"/>
    </row>
    <row r="480692" spans="8:8">
      <c r="H480692" s="12"/>
    </row>
    <row r="480693" spans="8:8">
      <c r="H480693" s="12"/>
    </row>
    <row r="480694" spans="8:8">
      <c r="H480694" s="12"/>
    </row>
    <row r="480695" spans="8:8">
      <c r="H480695" s="12"/>
    </row>
    <row r="480696" spans="8:8">
      <c r="H480696" s="12"/>
    </row>
    <row r="480697" spans="8:8">
      <c r="H480697" s="12"/>
    </row>
    <row r="480698" spans="8:8">
      <c r="H480698" s="12"/>
    </row>
    <row r="480699" spans="8:8">
      <c r="H480699" s="12"/>
    </row>
    <row r="480700" spans="8:8">
      <c r="H480700" s="12"/>
    </row>
    <row r="480701" spans="8:8">
      <c r="H480701" s="12"/>
    </row>
    <row r="480702" spans="8:8">
      <c r="H480702" s="12"/>
    </row>
    <row r="480703" spans="8:8">
      <c r="H480703" s="12"/>
    </row>
    <row r="480704" spans="8:8">
      <c r="H480704" s="12"/>
    </row>
    <row r="480705" spans="8:8">
      <c r="H480705" s="12"/>
    </row>
    <row r="480706" spans="8:8">
      <c r="H480706" s="12"/>
    </row>
    <row r="480707" spans="8:8">
      <c r="H480707" s="12"/>
    </row>
    <row r="480708" spans="8:8">
      <c r="H480708" s="12"/>
    </row>
    <row r="480709" spans="8:8">
      <c r="H480709" s="12"/>
    </row>
    <row r="480710" spans="8:8">
      <c r="H480710" s="12"/>
    </row>
    <row r="480711" spans="8:8">
      <c r="H480711" s="12"/>
    </row>
    <row r="480712" spans="8:8">
      <c r="H480712" s="12"/>
    </row>
    <row r="480713" spans="8:8">
      <c r="H480713" s="12"/>
    </row>
    <row r="480714" spans="8:8">
      <c r="H480714" s="12"/>
    </row>
    <row r="480715" spans="8:8">
      <c r="H480715" s="12"/>
    </row>
    <row r="480716" spans="8:8">
      <c r="H480716" s="12"/>
    </row>
    <row r="480717" spans="8:8">
      <c r="H480717" s="12"/>
    </row>
    <row r="480718" spans="8:8">
      <c r="H480718" s="12"/>
    </row>
    <row r="480719" spans="8:8">
      <c r="H480719" s="12"/>
    </row>
    <row r="480720" spans="8:8">
      <c r="H480720" s="12"/>
    </row>
    <row r="480721" spans="8:8">
      <c r="H480721" s="12"/>
    </row>
    <row r="480722" spans="8:8">
      <c r="H480722" s="12"/>
    </row>
    <row r="480723" spans="8:8">
      <c r="H480723" s="12"/>
    </row>
    <row r="480724" spans="8:8">
      <c r="H480724" s="12"/>
    </row>
    <row r="480725" spans="8:8">
      <c r="H480725" s="12"/>
    </row>
    <row r="480726" spans="8:8">
      <c r="H480726" s="12"/>
    </row>
    <row r="480727" spans="8:8">
      <c r="H480727" s="12"/>
    </row>
    <row r="480728" spans="8:8">
      <c r="H480728" s="12"/>
    </row>
    <row r="480729" spans="8:8">
      <c r="H480729" s="12"/>
    </row>
    <row r="480730" spans="8:8">
      <c r="H480730" s="12"/>
    </row>
    <row r="480731" spans="8:8">
      <c r="H480731" s="12"/>
    </row>
    <row r="480732" spans="8:8">
      <c r="H480732" s="12"/>
    </row>
    <row r="480733" spans="8:8">
      <c r="H480733" s="12"/>
    </row>
    <row r="480734" spans="8:8">
      <c r="H480734" s="12"/>
    </row>
    <row r="480735" spans="8:8">
      <c r="H480735" s="12"/>
    </row>
    <row r="480736" spans="8:8">
      <c r="H480736" s="12"/>
    </row>
    <row r="480737" spans="8:8">
      <c r="H480737" s="12"/>
    </row>
    <row r="480738" spans="8:8">
      <c r="H480738" s="12"/>
    </row>
    <row r="480739" spans="8:8">
      <c r="H480739" s="12"/>
    </row>
    <row r="480740" spans="8:8">
      <c r="H480740" s="12"/>
    </row>
    <row r="480741" spans="8:8">
      <c r="H480741" s="12"/>
    </row>
    <row r="480742" spans="8:8">
      <c r="H480742" s="12"/>
    </row>
    <row r="480743" spans="8:8">
      <c r="H480743" s="12"/>
    </row>
    <row r="480744" spans="8:8">
      <c r="H480744" s="12"/>
    </row>
    <row r="480745" spans="8:8">
      <c r="H480745" s="12"/>
    </row>
    <row r="480746" spans="8:8">
      <c r="H480746" s="12"/>
    </row>
    <row r="480747" spans="8:8">
      <c r="H480747" s="12"/>
    </row>
    <row r="480748" spans="8:8">
      <c r="H480748" s="12"/>
    </row>
    <row r="480749" spans="8:8">
      <c r="H480749" s="12"/>
    </row>
    <row r="480750" spans="8:8">
      <c r="H480750" s="12"/>
    </row>
    <row r="480751" spans="8:8">
      <c r="H480751" s="12"/>
    </row>
    <row r="480752" spans="8:8">
      <c r="H480752" s="12"/>
    </row>
    <row r="480753" spans="8:8">
      <c r="H480753" s="12"/>
    </row>
    <row r="480754" spans="8:8">
      <c r="H480754" s="12"/>
    </row>
    <row r="480755" spans="8:8">
      <c r="H480755" s="12"/>
    </row>
    <row r="480756" spans="8:8">
      <c r="H480756" s="12"/>
    </row>
    <row r="480757" spans="8:8">
      <c r="H480757" s="12"/>
    </row>
    <row r="480758" spans="8:8">
      <c r="H480758" s="12"/>
    </row>
    <row r="480759" spans="8:8">
      <c r="H480759" s="12"/>
    </row>
    <row r="480760" spans="8:8">
      <c r="H480760" s="12"/>
    </row>
    <row r="480761" spans="8:8">
      <c r="H480761" s="12"/>
    </row>
    <row r="480762" spans="8:8">
      <c r="H480762" s="12"/>
    </row>
    <row r="480763" spans="8:8">
      <c r="H480763" s="12"/>
    </row>
    <row r="480764" spans="8:8">
      <c r="H480764" s="12"/>
    </row>
    <row r="480765" spans="8:8">
      <c r="H480765" s="12"/>
    </row>
    <row r="480766" spans="8:8">
      <c r="H480766" s="12"/>
    </row>
    <row r="480767" spans="8:8">
      <c r="H480767" s="12"/>
    </row>
    <row r="480768" spans="8:8">
      <c r="H480768" s="12"/>
    </row>
    <row r="480769" spans="8:8">
      <c r="H480769" s="12"/>
    </row>
    <row r="480770" spans="8:8">
      <c r="H480770" s="12"/>
    </row>
    <row r="480771" spans="8:8">
      <c r="H480771" s="12"/>
    </row>
    <row r="480772" spans="8:8">
      <c r="H480772" s="12"/>
    </row>
    <row r="480773" spans="8:8">
      <c r="H480773" s="12"/>
    </row>
    <row r="480774" spans="8:8">
      <c r="H480774" s="12"/>
    </row>
    <row r="480775" spans="8:8">
      <c r="H480775" s="12"/>
    </row>
    <row r="480776" spans="8:8">
      <c r="H480776" s="12"/>
    </row>
    <row r="480777" spans="8:8">
      <c r="H480777" s="12"/>
    </row>
    <row r="480778" spans="8:8">
      <c r="H480778" s="12"/>
    </row>
    <row r="480779" spans="8:8">
      <c r="H480779" s="12"/>
    </row>
    <row r="480780" spans="8:8">
      <c r="H480780" s="12"/>
    </row>
    <row r="480781" spans="8:8">
      <c r="H480781" s="12"/>
    </row>
    <row r="480782" spans="8:8">
      <c r="H480782" s="12"/>
    </row>
    <row r="480783" spans="8:8">
      <c r="H480783" s="12"/>
    </row>
    <row r="480784" spans="8:8">
      <c r="H480784" s="12"/>
    </row>
    <row r="480785" spans="8:8">
      <c r="H480785" s="12"/>
    </row>
    <row r="480786" spans="8:8">
      <c r="H480786" s="12"/>
    </row>
    <row r="480787" spans="8:8">
      <c r="H480787" s="12"/>
    </row>
    <row r="480788" spans="8:8">
      <c r="H480788" s="12"/>
    </row>
    <row r="480789" spans="8:8">
      <c r="H480789" s="12"/>
    </row>
    <row r="480790" spans="8:8">
      <c r="H480790" s="12"/>
    </row>
    <row r="480791" spans="8:8">
      <c r="H480791" s="12"/>
    </row>
    <row r="480792" spans="8:8">
      <c r="H480792" s="12"/>
    </row>
    <row r="480793" spans="8:8">
      <c r="H480793" s="12"/>
    </row>
    <row r="480794" spans="8:8">
      <c r="H480794" s="12"/>
    </row>
    <row r="480795" spans="8:8">
      <c r="H480795" s="12"/>
    </row>
    <row r="480796" spans="8:8">
      <c r="H480796" s="12"/>
    </row>
    <row r="480797" spans="8:8">
      <c r="H480797" s="12"/>
    </row>
    <row r="480798" spans="8:8">
      <c r="H480798" s="12"/>
    </row>
    <row r="480799" spans="8:8">
      <c r="H480799" s="12"/>
    </row>
    <row r="480800" spans="8:8">
      <c r="H480800" s="12"/>
    </row>
    <row r="480801" spans="8:8">
      <c r="H480801" s="12"/>
    </row>
    <row r="480802" spans="8:8">
      <c r="H480802" s="12"/>
    </row>
    <row r="480803" spans="8:8">
      <c r="H480803" s="12"/>
    </row>
    <row r="480804" spans="8:8">
      <c r="H480804" s="12"/>
    </row>
    <row r="480805" spans="8:8">
      <c r="H480805" s="12"/>
    </row>
    <row r="480806" spans="8:8">
      <c r="H480806" s="12"/>
    </row>
    <row r="480807" spans="8:8">
      <c r="H480807" s="12"/>
    </row>
    <row r="480808" spans="8:8">
      <c r="H480808" s="12"/>
    </row>
    <row r="480809" spans="8:8">
      <c r="H480809" s="12"/>
    </row>
    <row r="480810" spans="8:8">
      <c r="H480810" s="12"/>
    </row>
    <row r="480811" spans="8:8">
      <c r="H480811" s="12"/>
    </row>
    <row r="480812" spans="8:8">
      <c r="H480812" s="12"/>
    </row>
    <row r="480813" spans="8:8">
      <c r="H480813" s="12"/>
    </row>
    <row r="480814" spans="8:8">
      <c r="H480814" s="12"/>
    </row>
    <row r="480815" spans="8:8">
      <c r="H480815" s="12"/>
    </row>
    <row r="480816" spans="8:8">
      <c r="H480816" s="12"/>
    </row>
    <row r="480817" spans="8:8">
      <c r="H480817" s="12"/>
    </row>
    <row r="480818" spans="8:8">
      <c r="H480818" s="12"/>
    </row>
    <row r="480819" spans="8:8">
      <c r="H480819" s="12"/>
    </row>
    <row r="480820" spans="8:8">
      <c r="H480820" s="12"/>
    </row>
    <row r="480821" spans="8:8">
      <c r="H480821" s="12"/>
    </row>
    <row r="480822" spans="8:8">
      <c r="H480822" s="12"/>
    </row>
    <row r="480823" spans="8:8">
      <c r="H480823" s="12"/>
    </row>
    <row r="480824" spans="8:8">
      <c r="H480824" s="12"/>
    </row>
    <row r="480825" spans="8:8">
      <c r="H480825" s="12"/>
    </row>
    <row r="480826" spans="8:8">
      <c r="H480826" s="12"/>
    </row>
    <row r="480827" spans="8:8">
      <c r="H480827" s="12"/>
    </row>
    <row r="480828" spans="8:8">
      <c r="H480828" s="12"/>
    </row>
    <row r="480829" spans="8:8">
      <c r="H480829" s="12"/>
    </row>
    <row r="480830" spans="8:8">
      <c r="H480830" s="12"/>
    </row>
    <row r="480831" spans="8:8">
      <c r="H480831" s="12"/>
    </row>
    <row r="480832" spans="8:8">
      <c r="H480832" s="12"/>
    </row>
    <row r="480833" spans="8:8">
      <c r="H480833" s="12"/>
    </row>
    <row r="480834" spans="8:8">
      <c r="H480834" s="12"/>
    </row>
    <row r="480835" spans="8:8">
      <c r="H480835" s="12"/>
    </row>
    <row r="480836" spans="8:8">
      <c r="H480836" s="12"/>
    </row>
    <row r="480837" spans="8:8">
      <c r="H480837" s="12"/>
    </row>
    <row r="480838" spans="8:8">
      <c r="H480838" s="12"/>
    </row>
    <row r="480839" spans="8:8">
      <c r="H480839" s="12"/>
    </row>
    <row r="480840" spans="8:8">
      <c r="H480840" s="12"/>
    </row>
    <row r="480841" spans="8:8">
      <c r="H480841" s="12"/>
    </row>
    <row r="480842" spans="8:8">
      <c r="H480842" s="12"/>
    </row>
    <row r="480843" spans="8:8">
      <c r="H480843" s="12"/>
    </row>
    <row r="480844" spans="8:8">
      <c r="H480844" s="12"/>
    </row>
    <row r="480845" spans="8:8">
      <c r="H480845" s="12"/>
    </row>
    <row r="480846" spans="8:8">
      <c r="H480846" s="12"/>
    </row>
    <row r="480847" spans="8:8">
      <c r="H480847" s="12"/>
    </row>
    <row r="480848" spans="8:8">
      <c r="H480848" s="12"/>
    </row>
    <row r="480849" spans="8:8">
      <c r="H480849" s="12"/>
    </row>
    <row r="480850" spans="8:8">
      <c r="H480850" s="12"/>
    </row>
    <row r="480851" spans="8:8">
      <c r="H480851" s="12"/>
    </row>
    <row r="480852" spans="8:8">
      <c r="H480852" s="12"/>
    </row>
    <row r="480853" spans="8:8">
      <c r="H480853" s="12"/>
    </row>
    <row r="480854" spans="8:8">
      <c r="H480854" s="12"/>
    </row>
    <row r="480855" spans="8:8">
      <c r="H480855" s="12"/>
    </row>
    <row r="480856" spans="8:8">
      <c r="H480856" s="12"/>
    </row>
    <row r="480857" spans="8:8">
      <c r="H480857" s="12"/>
    </row>
    <row r="480858" spans="8:8">
      <c r="H480858" s="12"/>
    </row>
    <row r="480859" spans="8:8">
      <c r="H480859" s="12"/>
    </row>
    <row r="480860" spans="8:8">
      <c r="H480860" s="12"/>
    </row>
    <row r="480861" spans="8:8">
      <c r="H480861" s="12"/>
    </row>
    <row r="480862" spans="8:8">
      <c r="H480862" s="12"/>
    </row>
    <row r="480863" spans="8:8">
      <c r="H480863" s="12"/>
    </row>
    <row r="480864" spans="8:8">
      <c r="H480864" s="12"/>
    </row>
    <row r="480865" spans="8:8">
      <c r="H480865" s="12"/>
    </row>
    <row r="480866" spans="8:8">
      <c r="H480866" s="12"/>
    </row>
    <row r="480867" spans="8:8">
      <c r="H480867" s="12"/>
    </row>
    <row r="480868" spans="8:8">
      <c r="H480868" s="12"/>
    </row>
    <row r="480869" spans="8:8">
      <c r="H480869" s="12"/>
    </row>
    <row r="480870" spans="8:8">
      <c r="H480870" s="12"/>
    </row>
    <row r="480871" spans="8:8">
      <c r="H480871" s="12"/>
    </row>
    <row r="480872" spans="8:8">
      <c r="H480872" s="12"/>
    </row>
    <row r="480873" spans="8:8">
      <c r="H480873" s="12"/>
    </row>
    <row r="480874" spans="8:8">
      <c r="H480874" s="12"/>
    </row>
    <row r="480875" spans="8:8">
      <c r="H480875" s="12"/>
    </row>
    <row r="480876" spans="8:8">
      <c r="H480876" s="12"/>
    </row>
    <row r="480877" spans="8:8">
      <c r="H480877" s="12"/>
    </row>
    <row r="480878" spans="8:8">
      <c r="H480878" s="12"/>
    </row>
    <row r="480879" spans="8:8">
      <c r="H480879" s="12"/>
    </row>
    <row r="480880" spans="8:8">
      <c r="H480880" s="12"/>
    </row>
    <row r="480881" spans="8:8">
      <c r="H480881" s="12"/>
    </row>
    <row r="480882" spans="8:8">
      <c r="H480882" s="12"/>
    </row>
    <row r="480883" spans="8:8">
      <c r="H480883" s="12"/>
    </row>
    <row r="480884" spans="8:8">
      <c r="H480884" s="12"/>
    </row>
    <row r="480885" spans="8:8">
      <c r="H480885" s="12"/>
    </row>
    <row r="480886" spans="8:8">
      <c r="H480886" s="12"/>
    </row>
    <row r="480887" spans="8:8">
      <c r="H480887" s="12"/>
    </row>
    <row r="480888" spans="8:8">
      <c r="H480888" s="12"/>
    </row>
    <row r="480889" spans="8:8">
      <c r="H480889" s="12"/>
    </row>
    <row r="480890" spans="8:8">
      <c r="H480890" s="12"/>
    </row>
    <row r="480891" spans="8:8">
      <c r="H480891" s="12"/>
    </row>
    <row r="480892" spans="8:8">
      <c r="H480892" s="12"/>
    </row>
    <row r="480893" spans="8:8">
      <c r="H480893" s="12"/>
    </row>
    <row r="480894" spans="8:8">
      <c r="H480894" s="12"/>
    </row>
    <row r="480895" spans="8:8">
      <c r="H480895" s="12"/>
    </row>
    <row r="480896" spans="8:8">
      <c r="H480896" s="12"/>
    </row>
    <row r="480897" spans="8:8">
      <c r="H480897" s="12"/>
    </row>
    <row r="480898" spans="8:8">
      <c r="H480898" s="12"/>
    </row>
    <row r="480899" spans="8:8">
      <c r="H480899" s="12"/>
    </row>
    <row r="480900" spans="8:8">
      <c r="H480900" s="12"/>
    </row>
    <row r="480901" spans="8:8">
      <c r="H480901" s="12"/>
    </row>
    <row r="480902" spans="8:8">
      <c r="H480902" s="12"/>
    </row>
    <row r="480903" spans="8:8">
      <c r="H480903" s="12"/>
    </row>
    <row r="480904" spans="8:8">
      <c r="H480904" s="12"/>
    </row>
    <row r="480905" spans="8:8">
      <c r="H480905" s="12"/>
    </row>
    <row r="480906" spans="8:8">
      <c r="H480906" s="12"/>
    </row>
    <row r="480907" spans="8:8">
      <c r="H480907" s="12"/>
    </row>
    <row r="480908" spans="8:8">
      <c r="H480908" s="12"/>
    </row>
    <row r="480909" spans="8:8">
      <c r="H480909" s="12"/>
    </row>
    <row r="480910" spans="8:8">
      <c r="H480910" s="12"/>
    </row>
    <row r="480911" spans="8:8">
      <c r="H480911" s="12"/>
    </row>
    <row r="480912" spans="8:8">
      <c r="H480912" s="12"/>
    </row>
    <row r="480913" spans="8:8">
      <c r="H480913" s="12"/>
    </row>
    <row r="480914" spans="8:8">
      <c r="H480914" s="12"/>
    </row>
    <row r="480915" spans="8:8">
      <c r="H480915" s="12"/>
    </row>
    <row r="480916" spans="8:8">
      <c r="H480916" s="12"/>
    </row>
    <row r="480917" spans="8:8">
      <c r="H480917" s="12"/>
    </row>
    <row r="480918" spans="8:8">
      <c r="H480918" s="12"/>
    </row>
    <row r="480919" spans="8:8">
      <c r="H480919" s="12"/>
    </row>
    <row r="480920" spans="8:8">
      <c r="H480920" s="12"/>
    </row>
    <row r="480921" spans="8:8">
      <c r="H480921" s="12"/>
    </row>
    <row r="480922" spans="8:8">
      <c r="H480922" s="12"/>
    </row>
    <row r="480923" spans="8:8">
      <c r="H480923" s="12"/>
    </row>
    <row r="480924" spans="8:8">
      <c r="H480924" s="12"/>
    </row>
    <row r="480925" spans="8:8">
      <c r="H480925" s="12"/>
    </row>
    <row r="480926" spans="8:8">
      <c r="H480926" s="12"/>
    </row>
    <row r="480927" spans="8:8">
      <c r="H480927" s="12"/>
    </row>
    <row r="480928" spans="8:8">
      <c r="H480928" s="12"/>
    </row>
    <row r="480929" spans="8:8">
      <c r="H480929" s="12"/>
    </row>
    <row r="480930" spans="8:8">
      <c r="H480930" s="12"/>
    </row>
    <row r="480931" spans="8:8">
      <c r="H480931" s="12"/>
    </row>
    <row r="480932" spans="8:8">
      <c r="H480932" s="12"/>
    </row>
    <row r="480933" spans="8:8">
      <c r="H480933" s="12"/>
    </row>
    <row r="480934" spans="8:8">
      <c r="H480934" s="12"/>
    </row>
    <row r="480935" spans="8:8">
      <c r="H480935" s="12"/>
    </row>
    <row r="480936" spans="8:8">
      <c r="H480936" s="12"/>
    </row>
    <row r="480937" spans="8:8">
      <c r="H480937" s="12"/>
    </row>
    <row r="480938" spans="8:8">
      <c r="H480938" s="12"/>
    </row>
    <row r="480939" spans="8:8">
      <c r="H480939" s="12"/>
    </row>
    <row r="480940" spans="8:8">
      <c r="H480940" s="12"/>
    </row>
    <row r="480941" spans="8:8">
      <c r="H480941" s="12"/>
    </row>
    <row r="480942" spans="8:8">
      <c r="H480942" s="12"/>
    </row>
    <row r="480943" spans="8:8">
      <c r="H480943" s="12"/>
    </row>
    <row r="480944" spans="8:8">
      <c r="H480944" s="12"/>
    </row>
    <row r="480945" spans="8:8">
      <c r="H480945" s="12"/>
    </row>
    <row r="480946" spans="8:8">
      <c r="H480946" s="12"/>
    </row>
    <row r="480947" spans="8:8">
      <c r="H480947" s="12"/>
    </row>
    <row r="480948" spans="8:8">
      <c r="H480948" s="12"/>
    </row>
    <row r="480949" spans="8:8">
      <c r="H480949" s="12"/>
    </row>
    <row r="480950" spans="8:8">
      <c r="H480950" s="12"/>
    </row>
    <row r="480951" spans="8:8">
      <c r="H480951" s="12"/>
    </row>
    <row r="480952" spans="8:8">
      <c r="H480952" s="12"/>
    </row>
    <row r="480953" spans="8:8">
      <c r="H480953" s="12"/>
    </row>
    <row r="480954" spans="8:8">
      <c r="H480954" s="12"/>
    </row>
    <row r="480955" spans="8:8">
      <c r="H480955" s="12"/>
    </row>
    <row r="480956" spans="8:8">
      <c r="H480956" s="12"/>
    </row>
    <row r="480957" spans="8:8">
      <c r="H480957" s="12"/>
    </row>
    <row r="480958" spans="8:8">
      <c r="H480958" s="12"/>
    </row>
    <row r="480959" spans="8:8">
      <c r="H480959" s="12"/>
    </row>
    <row r="480960" spans="8:8">
      <c r="H480960" s="12"/>
    </row>
    <row r="480961" spans="8:8">
      <c r="H480961" s="12"/>
    </row>
    <row r="480962" spans="8:8">
      <c r="H480962" s="12"/>
    </row>
    <row r="480963" spans="8:8">
      <c r="H480963" s="12"/>
    </row>
    <row r="480964" spans="8:8">
      <c r="H480964" s="12"/>
    </row>
    <row r="480965" spans="8:8">
      <c r="H480965" s="12"/>
    </row>
    <row r="480966" spans="8:8">
      <c r="H480966" s="12"/>
    </row>
    <row r="480967" spans="8:8">
      <c r="H480967" s="12"/>
    </row>
    <row r="480968" spans="8:8">
      <c r="H480968" s="12"/>
    </row>
    <row r="480969" spans="8:8">
      <c r="H480969" s="12"/>
    </row>
    <row r="480970" spans="8:8">
      <c r="H480970" s="12"/>
    </row>
    <row r="480971" spans="8:8">
      <c r="H480971" s="12"/>
    </row>
    <row r="480972" spans="8:8">
      <c r="H480972" s="12"/>
    </row>
    <row r="480973" spans="8:8">
      <c r="H480973" s="12"/>
    </row>
    <row r="480974" spans="8:8">
      <c r="H480974" s="12"/>
    </row>
    <row r="480975" spans="8:8">
      <c r="H480975" s="12"/>
    </row>
    <row r="480976" spans="8:8">
      <c r="H480976" s="12"/>
    </row>
    <row r="480977" spans="8:8">
      <c r="H480977" s="12"/>
    </row>
    <row r="480978" spans="8:8">
      <c r="H480978" s="12"/>
    </row>
    <row r="480979" spans="8:8">
      <c r="H480979" s="12"/>
    </row>
    <row r="480980" spans="8:8">
      <c r="H480980" s="12"/>
    </row>
    <row r="480981" spans="8:8">
      <c r="H480981" s="12"/>
    </row>
    <row r="480982" spans="8:8">
      <c r="H480982" s="12"/>
    </row>
    <row r="480983" spans="8:8">
      <c r="H480983" s="12"/>
    </row>
    <row r="480984" spans="8:8">
      <c r="H480984" s="12"/>
    </row>
    <row r="480985" spans="8:8">
      <c r="H480985" s="12"/>
    </row>
    <row r="480986" spans="8:8">
      <c r="H480986" s="12"/>
    </row>
    <row r="480987" spans="8:8">
      <c r="H480987" s="12"/>
    </row>
    <row r="480988" spans="8:8">
      <c r="H480988" s="12"/>
    </row>
    <row r="480989" spans="8:8">
      <c r="H480989" s="12"/>
    </row>
    <row r="480990" spans="8:8">
      <c r="H480990" s="12"/>
    </row>
    <row r="480991" spans="8:8">
      <c r="H480991" s="12"/>
    </row>
    <row r="480992" spans="8:8">
      <c r="H480992" s="12"/>
    </row>
    <row r="480993" spans="8:8">
      <c r="H480993" s="12"/>
    </row>
    <row r="480994" spans="8:8">
      <c r="H480994" s="12"/>
    </row>
    <row r="480995" spans="8:8">
      <c r="H480995" s="12"/>
    </row>
    <row r="480996" spans="8:8">
      <c r="H480996" s="12"/>
    </row>
    <row r="480997" spans="8:8">
      <c r="H480997" s="12"/>
    </row>
    <row r="480998" spans="8:8">
      <c r="H480998" s="12"/>
    </row>
    <row r="480999" spans="8:8">
      <c r="H480999" s="12"/>
    </row>
    <row r="481000" spans="8:8">
      <c r="H481000" s="12"/>
    </row>
    <row r="481001" spans="8:8">
      <c r="H481001" s="12"/>
    </row>
    <row r="481002" spans="8:8">
      <c r="H481002" s="12"/>
    </row>
    <row r="481003" spans="8:8">
      <c r="H481003" s="12"/>
    </row>
    <row r="481004" spans="8:8">
      <c r="H481004" s="12"/>
    </row>
    <row r="481005" spans="8:8">
      <c r="H481005" s="12"/>
    </row>
    <row r="481006" spans="8:8">
      <c r="H481006" s="12"/>
    </row>
    <row r="481007" spans="8:8">
      <c r="H481007" s="12"/>
    </row>
    <row r="481008" spans="8:8">
      <c r="H481008" s="12"/>
    </row>
    <row r="481009" spans="8:8">
      <c r="H481009" s="12"/>
    </row>
    <row r="481010" spans="8:8">
      <c r="H481010" s="12"/>
    </row>
    <row r="481011" spans="8:8">
      <c r="H481011" s="12"/>
    </row>
    <row r="481012" spans="8:8">
      <c r="H481012" s="12"/>
    </row>
    <row r="481013" spans="8:8">
      <c r="H481013" s="12"/>
    </row>
    <row r="481014" spans="8:8">
      <c r="H481014" s="12"/>
    </row>
    <row r="481015" spans="8:8">
      <c r="H481015" s="12"/>
    </row>
    <row r="481016" spans="8:8">
      <c r="H481016" s="12"/>
    </row>
    <row r="481017" spans="8:8">
      <c r="H481017" s="12"/>
    </row>
    <row r="481018" spans="8:8">
      <c r="H481018" s="12"/>
    </row>
    <row r="481019" spans="8:8">
      <c r="H481019" s="12"/>
    </row>
    <row r="481020" spans="8:8">
      <c r="H481020" s="12"/>
    </row>
    <row r="481021" spans="8:8">
      <c r="H481021" s="12"/>
    </row>
    <row r="481022" spans="8:8">
      <c r="H481022" s="12"/>
    </row>
    <row r="481023" spans="8:8">
      <c r="H481023" s="12"/>
    </row>
    <row r="481024" spans="8:8">
      <c r="H481024" s="12"/>
    </row>
    <row r="481025" spans="8:8">
      <c r="H481025" s="12"/>
    </row>
    <row r="481026" spans="8:8">
      <c r="H481026" s="12"/>
    </row>
    <row r="481027" spans="8:8">
      <c r="H481027" s="12"/>
    </row>
    <row r="481028" spans="8:8">
      <c r="H481028" s="12"/>
    </row>
    <row r="481029" spans="8:8">
      <c r="H481029" s="12"/>
    </row>
    <row r="481030" spans="8:8">
      <c r="H481030" s="12"/>
    </row>
    <row r="481031" spans="8:8">
      <c r="H481031" s="12"/>
    </row>
    <row r="481032" spans="8:8">
      <c r="H481032" s="12"/>
    </row>
    <row r="481033" spans="8:8">
      <c r="H481033" s="12"/>
    </row>
    <row r="481034" spans="8:8">
      <c r="H481034" s="12"/>
    </row>
    <row r="481035" spans="8:8">
      <c r="H481035" s="12"/>
    </row>
    <row r="481036" spans="8:8">
      <c r="H481036" s="12"/>
    </row>
    <row r="481037" spans="8:8">
      <c r="H481037" s="12"/>
    </row>
    <row r="481038" spans="8:8">
      <c r="H481038" s="12"/>
    </row>
    <row r="481039" spans="8:8">
      <c r="H481039" s="12"/>
    </row>
    <row r="481040" spans="8:8">
      <c r="H481040" s="12"/>
    </row>
    <row r="481041" spans="8:8">
      <c r="H481041" s="12"/>
    </row>
    <row r="481042" spans="8:8">
      <c r="H481042" s="12"/>
    </row>
    <row r="481043" spans="8:8">
      <c r="H481043" s="12"/>
    </row>
    <row r="481044" spans="8:8">
      <c r="H481044" s="12"/>
    </row>
    <row r="481045" spans="8:8">
      <c r="H481045" s="12"/>
    </row>
    <row r="481046" spans="8:8">
      <c r="H481046" s="12"/>
    </row>
    <row r="481047" spans="8:8">
      <c r="H481047" s="12"/>
    </row>
    <row r="481048" spans="8:8">
      <c r="H481048" s="12"/>
    </row>
    <row r="481049" spans="8:8">
      <c r="H481049" s="12"/>
    </row>
    <row r="481050" spans="8:8">
      <c r="H481050" s="12"/>
    </row>
    <row r="481051" spans="8:8">
      <c r="H481051" s="12"/>
    </row>
    <row r="481052" spans="8:8">
      <c r="H481052" s="12"/>
    </row>
    <row r="481053" spans="8:8">
      <c r="H481053" s="12"/>
    </row>
    <row r="481054" spans="8:8">
      <c r="H481054" s="12"/>
    </row>
    <row r="481055" spans="8:8">
      <c r="H481055" s="12"/>
    </row>
    <row r="481056" spans="8:8">
      <c r="H481056" s="12"/>
    </row>
    <row r="481057" spans="8:8">
      <c r="H481057" s="12"/>
    </row>
    <row r="481058" spans="8:8">
      <c r="H481058" s="12"/>
    </row>
    <row r="481059" spans="8:8">
      <c r="H481059" s="12"/>
    </row>
    <row r="481060" spans="8:8">
      <c r="H481060" s="12"/>
    </row>
    <row r="481061" spans="8:8">
      <c r="H481061" s="12"/>
    </row>
    <row r="481062" spans="8:8">
      <c r="H481062" s="12"/>
    </row>
    <row r="481063" spans="8:8">
      <c r="H481063" s="12"/>
    </row>
    <row r="481064" spans="8:8">
      <c r="H481064" s="12"/>
    </row>
    <row r="481065" spans="8:8">
      <c r="H481065" s="12"/>
    </row>
    <row r="481066" spans="8:8">
      <c r="H481066" s="12"/>
    </row>
    <row r="481067" spans="8:8">
      <c r="H481067" s="12"/>
    </row>
    <row r="481068" spans="8:8">
      <c r="H481068" s="12"/>
    </row>
    <row r="481069" spans="8:8">
      <c r="H481069" s="12"/>
    </row>
    <row r="481070" spans="8:8">
      <c r="H481070" s="12"/>
    </row>
    <row r="481071" spans="8:8">
      <c r="H481071" s="12"/>
    </row>
    <row r="481072" spans="8:8">
      <c r="H481072" s="12"/>
    </row>
    <row r="481073" spans="8:8">
      <c r="H481073" s="12"/>
    </row>
    <row r="481074" spans="8:8">
      <c r="H481074" s="12"/>
    </row>
    <row r="481075" spans="8:8">
      <c r="H481075" s="12"/>
    </row>
    <row r="481076" spans="8:8">
      <c r="H481076" s="12"/>
    </row>
    <row r="481077" spans="8:8">
      <c r="H481077" s="12"/>
    </row>
    <row r="481078" spans="8:8">
      <c r="H481078" s="12"/>
    </row>
    <row r="481079" spans="8:8">
      <c r="H481079" s="12"/>
    </row>
    <row r="481080" spans="8:8">
      <c r="H481080" s="12"/>
    </row>
    <row r="481081" spans="8:8">
      <c r="H481081" s="12"/>
    </row>
    <row r="481082" spans="8:8">
      <c r="H481082" s="12"/>
    </row>
    <row r="481083" spans="8:8">
      <c r="H481083" s="12"/>
    </row>
    <row r="481084" spans="8:8">
      <c r="H481084" s="12"/>
    </row>
    <row r="481085" spans="8:8">
      <c r="H481085" s="12"/>
    </row>
    <row r="481086" spans="8:8">
      <c r="H481086" s="12"/>
    </row>
    <row r="481087" spans="8:8">
      <c r="H481087" s="12"/>
    </row>
    <row r="481088" spans="8:8">
      <c r="H481088" s="12"/>
    </row>
    <row r="481089" spans="8:8">
      <c r="H481089" s="12"/>
    </row>
    <row r="481090" spans="8:8">
      <c r="H481090" s="12"/>
    </row>
    <row r="481091" spans="8:8">
      <c r="H481091" s="12"/>
    </row>
    <row r="481092" spans="8:8">
      <c r="H481092" s="12"/>
    </row>
    <row r="481093" spans="8:8">
      <c r="H481093" s="12"/>
    </row>
    <row r="481094" spans="8:8">
      <c r="H481094" s="12"/>
    </row>
    <row r="481095" spans="8:8">
      <c r="H481095" s="12"/>
    </row>
    <row r="481096" spans="8:8">
      <c r="H481096" s="12"/>
    </row>
    <row r="481097" spans="8:8">
      <c r="H481097" s="12"/>
    </row>
    <row r="481098" spans="8:8">
      <c r="H481098" s="12"/>
    </row>
    <row r="481099" spans="8:8">
      <c r="H481099" s="12"/>
    </row>
    <row r="481100" spans="8:8">
      <c r="H481100" s="12"/>
    </row>
    <row r="481101" spans="8:8">
      <c r="H481101" s="12"/>
    </row>
    <row r="481102" spans="8:8">
      <c r="H481102" s="12"/>
    </row>
    <row r="481103" spans="8:8">
      <c r="H481103" s="12"/>
    </row>
    <row r="481104" spans="8:8">
      <c r="H481104" s="12"/>
    </row>
    <row r="481105" spans="8:8">
      <c r="H481105" s="12"/>
    </row>
    <row r="481106" spans="8:8">
      <c r="H481106" s="12"/>
    </row>
    <row r="481107" spans="8:8">
      <c r="H481107" s="12"/>
    </row>
    <row r="481108" spans="8:8">
      <c r="H481108" s="12"/>
    </row>
    <row r="481109" spans="8:8">
      <c r="H481109" s="12"/>
    </row>
    <row r="481110" spans="8:8">
      <c r="H481110" s="12"/>
    </row>
    <row r="481111" spans="8:8">
      <c r="H481111" s="12"/>
    </row>
    <row r="481112" spans="8:8">
      <c r="H481112" s="12"/>
    </row>
    <row r="481113" spans="8:8">
      <c r="H481113" s="12"/>
    </row>
    <row r="481114" spans="8:8">
      <c r="H481114" s="12"/>
    </row>
    <row r="481115" spans="8:8">
      <c r="H481115" s="12"/>
    </row>
    <row r="481116" spans="8:8">
      <c r="H481116" s="12"/>
    </row>
    <row r="481117" spans="8:8">
      <c r="H481117" s="12"/>
    </row>
    <row r="481118" spans="8:8">
      <c r="H481118" s="12"/>
    </row>
    <row r="481119" spans="8:8">
      <c r="H481119" s="12"/>
    </row>
    <row r="481120" spans="8:8">
      <c r="H481120" s="12"/>
    </row>
    <row r="481121" spans="8:8">
      <c r="H481121" s="12"/>
    </row>
    <row r="481122" spans="8:8">
      <c r="H481122" s="12"/>
    </row>
    <row r="481123" spans="8:8">
      <c r="H481123" s="12"/>
    </row>
    <row r="481124" spans="8:8">
      <c r="H481124" s="12"/>
    </row>
    <row r="481125" spans="8:8">
      <c r="H481125" s="12"/>
    </row>
    <row r="481126" spans="8:8">
      <c r="H481126" s="12"/>
    </row>
    <row r="481127" spans="8:8">
      <c r="H481127" s="12"/>
    </row>
    <row r="481128" spans="8:8">
      <c r="H481128" s="12"/>
    </row>
    <row r="481129" spans="8:8">
      <c r="H481129" s="12"/>
    </row>
    <row r="481130" spans="8:8">
      <c r="H481130" s="12"/>
    </row>
    <row r="481131" spans="8:8">
      <c r="H481131" s="12"/>
    </row>
    <row r="481132" spans="8:8">
      <c r="H481132" s="12"/>
    </row>
    <row r="481133" spans="8:8">
      <c r="H481133" s="12"/>
    </row>
    <row r="481134" spans="8:8">
      <c r="H481134" s="12"/>
    </row>
    <row r="481135" spans="8:8">
      <c r="H481135" s="12"/>
    </row>
    <row r="481136" spans="8:8">
      <c r="H481136" s="12"/>
    </row>
    <row r="481137" spans="8:8">
      <c r="H481137" s="12"/>
    </row>
    <row r="481138" spans="8:8">
      <c r="H481138" s="12"/>
    </row>
    <row r="481139" spans="8:8">
      <c r="H481139" s="12"/>
    </row>
    <row r="481140" spans="8:8">
      <c r="H481140" s="12"/>
    </row>
    <row r="481141" spans="8:8">
      <c r="H481141" s="12"/>
    </row>
    <row r="481142" spans="8:8">
      <c r="H481142" s="12"/>
    </row>
    <row r="481143" spans="8:8">
      <c r="H481143" s="12"/>
    </row>
    <row r="481144" spans="8:8">
      <c r="H481144" s="12"/>
    </row>
    <row r="481145" spans="8:8">
      <c r="H481145" s="12"/>
    </row>
    <row r="481146" spans="8:8">
      <c r="H481146" s="12"/>
    </row>
    <row r="481147" spans="8:8">
      <c r="H481147" s="12"/>
    </row>
    <row r="481148" spans="8:8">
      <c r="H481148" s="12"/>
    </row>
    <row r="481149" spans="8:8">
      <c r="H481149" s="12"/>
    </row>
    <row r="481150" spans="8:8">
      <c r="H481150" s="12"/>
    </row>
    <row r="481151" spans="8:8">
      <c r="H481151" s="12"/>
    </row>
    <row r="481152" spans="8:8">
      <c r="H481152" s="12"/>
    </row>
    <row r="481153" spans="8:8">
      <c r="H481153" s="12"/>
    </row>
    <row r="481154" spans="8:8">
      <c r="H481154" s="12"/>
    </row>
    <row r="481155" spans="8:8">
      <c r="H481155" s="12"/>
    </row>
    <row r="481156" spans="8:8">
      <c r="H481156" s="12"/>
    </row>
    <row r="481157" spans="8:8">
      <c r="H481157" s="12"/>
    </row>
    <row r="481158" spans="8:8">
      <c r="H481158" s="12"/>
    </row>
    <row r="481159" spans="8:8">
      <c r="H481159" s="12"/>
    </row>
    <row r="481160" spans="8:8">
      <c r="H481160" s="12"/>
    </row>
    <row r="481161" spans="8:8">
      <c r="H481161" s="12"/>
    </row>
    <row r="481162" spans="8:8">
      <c r="H481162" s="12"/>
    </row>
    <row r="481163" spans="8:8">
      <c r="H481163" s="12"/>
    </row>
    <row r="481164" spans="8:8">
      <c r="H481164" s="12"/>
    </row>
    <row r="481165" spans="8:8">
      <c r="H481165" s="12"/>
    </row>
    <row r="481166" spans="8:8">
      <c r="H481166" s="12"/>
    </row>
    <row r="481167" spans="8:8">
      <c r="H481167" s="12"/>
    </row>
    <row r="481168" spans="8:8">
      <c r="H481168" s="12"/>
    </row>
    <row r="481169" spans="8:8">
      <c r="H481169" s="12"/>
    </row>
    <row r="481170" spans="8:8">
      <c r="H481170" s="12"/>
    </row>
    <row r="481171" spans="8:8">
      <c r="H481171" s="12"/>
    </row>
    <row r="481172" spans="8:8">
      <c r="H481172" s="12"/>
    </row>
    <row r="481173" spans="8:8">
      <c r="H481173" s="12"/>
    </row>
    <row r="481174" spans="8:8">
      <c r="H481174" s="12"/>
    </row>
    <row r="481175" spans="8:8">
      <c r="H481175" s="12"/>
    </row>
    <row r="481176" spans="8:8">
      <c r="H481176" s="12"/>
    </row>
    <row r="481177" spans="8:8">
      <c r="H481177" s="12"/>
    </row>
    <row r="481178" spans="8:8">
      <c r="H481178" s="12"/>
    </row>
    <row r="481179" spans="8:8">
      <c r="H481179" s="12"/>
    </row>
    <row r="481180" spans="8:8">
      <c r="H481180" s="12"/>
    </row>
    <row r="481181" spans="8:8">
      <c r="H481181" s="12"/>
    </row>
    <row r="481182" spans="8:8">
      <c r="H481182" s="12"/>
    </row>
    <row r="481183" spans="8:8">
      <c r="H481183" s="12"/>
    </row>
    <row r="481184" spans="8:8">
      <c r="H481184" s="12"/>
    </row>
    <row r="481185" spans="8:8">
      <c r="H481185" s="12"/>
    </row>
    <row r="481186" spans="8:8">
      <c r="H481186" s="12"/>
    </row>
    <row r="481187" spans="8:8">
      <c r="H481187" s="12"/>
    </row>
    <row r="481188" spans="8:8">
      <c r="H481188" s="12"/>
    </row>
    <row r="481189" spans="8:8">
      <c r="H481189" s="12"/>
    </row>
    <row r="481190" spans="8:8">
      <c r="H481190" s="12"/>
    </row>
    <row r="481191" spans="8:8">
      <c r="H481191" s="12"/>
    </row>
    <row r="481192" spans="8:8">
      <c r="H481192" s="12"/>
    </row>
    <row r="481193" spans="8:8">
      <c r="H481193" s="12"/>
    </row>
    <row r="481194" spans="8:8">
      <c r="H481194" s="12"/>
    </row>
    <row r="481195" spans="8:8">
      <c r="H481195" s="12"/>
    </row>
    <row r="481196" spans="8:8">
      <c r="H481196" s="12"/>
    </row>
    <row r="481197" spans="8:8">
      <c r="H481197" s="12"/>
    </row>
    <row r="481198" spans="8:8">
      <c r="H481198" s="12"/>
    </row>
    <row r="481199" spans="8:8">
      <c r="H481199" s="12"/>
    </row>
    <row r="481200" spans="8:8">
      <c r="H481200" s="12"/>
    </row>
    <row r="481201" spans="8:8">
      <c r="H481201" s="12"/>
    </row>
    <row r="481202" spans="8:8">
      <c r="H481202" s="12"/>
    </row>
    <row r="481203" spans="8:8">
      <c r="H481203" s="12"/>
    </row>
    <row r="481204" spans="8:8">
      <c r="H481204" s="12"/>
    </row>
    <row r="481205" spans="8:8">
      <c r="H481205" s="12"/>
    </row>
    <row r="481206" spans="8:8">
      <c r="H481206" s="12"/>
    </row>
    <row r="481207" spans="8:8">
      <c r="H481207" s="12"/>
    </row>
    <row r="481208" spans="8:8">
      <c r="H481208" s="12"/>
    </row>
    <row r="481209" spans="8:8">
      <c r="H481209" s="12"/>
    </row>
    <row r="481210" spans="8:8">
      <c r="H481210" s="12"/>
    </row>
    <row r="481211" spans="8:8">
      <c r="H481211" s="12"/>
    </row>
    <row r="481212" spans="8:8">
      <c r="H481212" s="12"/>
    </row>
    <row r="481213" spans="8:8">
      <c r="H481213" s="12"/>
    </row>
    <row r="481214" spans="8:8">
      <c r="H481214" s="12"/>
    </row>
    <row r="481215" spans="8:8">
      <c r="H481215" s="12"/>
    </row>
    <row r="481216" spans="8:8">
      <c r="H481216" s="12"/>
    </row>
    <row r="481217" spans="8:8">
      <c r="H481217" s="12"/>
    </row>
    <row r="481218" spans="8:8">
      <c r="H481218" s="12"/>
    </row>
    <row r="481219" spans="8:8">
      <c r="H481219" s="12"/>
    </row>
    <row r="481220" spans="8:8">
      <c r="H481220" s="12"/>
    </row>
    <row r="481221" spans="8:8">
      <c r="H481221" s="12"/>
    </row>
    <row r="481222" spans="8:8">
      <c r="H481222" s="12"/>
    </row>
    <row r="481223" spans="8:8">
      <c r="H481223" s="12"/>
    </row>
    <row r="481224" spans="8:8">
      <c r="H481224" s="12"/>
    </row>
    <row r="481225" spans="8:8">
      <c r="H481225" s="12"/>
    </row>
    <row r="481226" spans="8:8">
      <c r="H481226" s="12"/>
    </row>
    <row r="481227" spans="8:8">
      <c r="H481227" s="12"/>
    </row>
    <row r="481228" spans="8:8">
      <c r="H481228" s="12"/>
    </row>
    <row r="481229" spans="8:8">
      <c r="H481229" s="12"/>
    </row>
    <row r="481230" spans="8:8">
      <c r="H481230" s="12"/>
    </row>
    <row r="481231" spans="8:8">
      <c r="H481231" s="12"/>
    </row>
    <row r="481232" spans="8:8">
      <c r="H481232" s="12"/>
    </row>
    <row r="481233" spans="8:8">
      <c r="H481233" s="12"/>
    </row>
    <row r="481234" spans="8:8">
      <c r="H481234" s="12"/>
    </row>
    <row r="481235" spans="8:8">
      <c r="H481235" s="12"/>
    </row>
    <row r="481236" spans="8:8">
      <c r="H481236" s="12"/>
    </row>
    <row r="481237" spans="8:8">
      <c r="H481237" s="12"/>
    </row>
    <row r="481238" spans="8:8">
      <c r="H481238" s="12"/>
    </row>
    <row r="481239" spans="8:8">
      <c r="H481239" s="12"/>
    </row>
    <row r="481240" spans="8:8">
      <c r="H481240" s="12"/>
    </row>
    <row r="481241" spans="8:8">
      <c r="H481241" s="12"/>
    </row>
    <row r="481242" spans="8:8">
      <c r="H481242" s="12"/>
    </row>
    <row r="481243" spans="8:8">
      <c r="H481243" s="12"/>
    </row>
    <row r="481244" spans="8:8">
      <c r="H481244" s="12"/>
    </row>
    <row r="481245" spans="8:8">
      <c r="H481245" s="12"/>
    </row>
    <row r="481246" spans="8:8">
      <c r="H481246" s="12"/>
    </row>
    <row r="481247" spans="8:8">
      <c r="H481247" s="12"/>
    </row>
    <row r="481248" spans="8:8">
      <c r="H481248" s="12"/>
    </row>
    <row r="481249" spans="8:8">
      <c r="H481249" s="12"/>
    </row>
    <row r="481250" spans="8:8">
      <c r="H481250" s="12"/>
    </row>
    <row r="481251" spans="8:8">
      <c r="H481251" s="12"/>
    </row>
    <row r="481252" spans="8:8">
      <c r="H481252" s="12"/>
    </row>
    <row r="481253" spans="8:8">
      <c r="H481253" s="12"/>
    </row>
    <row r="481254" spans="8:8">
      <c r="H481254" s="12"/>
    </row>
    <row r="481255" spans="8:8">
      <c r="H481255" s="12"/>
    </row>
    <row r="481256" spans="8:8">
      <c r="H481256" s="12"/>
    </row>
    <row r="481257" spans="8:8">
      <c r="H481257" s="12"/>
    </row>
    <row r="481258" spans="8:8">
      <c r="H481258" s="12"/>
    </row>
    <row r="481259" spans="8:8">
      <c r="H481259" s="12"/>
    </row>
    <row r="481260" spans="8:8">
      <c r="H481260" s="12"/>
    </row>
    <row r="481261" spans="8:8">
      <c r="H481261" s="12"/>
    </row>
    <row r="481262" spans="8:8">
      <c r="H481262" s="12"/>
    </row>
    <row r="481263" spans="8:8">
      <c r="H481263" s="12"/>
    </row>
    <row r="481264" spans="8:8">
      <c r="H481264" s="12"/>
    </row>
    <row r="481265" spans="8:8">
      <c r="H481265" s="12"/>
    </row>
    <row r="481266" spans="8:8">
      <c r="H481266" s="12"/>
    </row>
    <row r="481267" spans="8:8">
      <c r="H481267" s="12"/>
    </row>
    <row r="481268" spans="8:8">
      <c r="H481268" s="12"/>
    </row>
    <row r="481269" spans="8:8">
      <c r="H481269" s="12"/>
    </row>
    <row r="481270" spans="8:8">
      <c r="H481270" s="12"/>
    </row>
    <row r="481271" spans="8:8">
      <c r="H481271" s="12"/>
    </row>
    <row r="481272" spans="8:8">
      <c r="H481272" s="12"/>
    </row>
    <row r="481273" spans="8:8">
      <c r="H481273" s="12"/>
    </row>
    <row r="481274" spans="8:8">
      <c r="H481274" s="12"/>
    </row>
    <row r="481275" spans="8:8">
      <c r="H481275" s="12"/>
    </row>
    <row r="481276" spans="8:8">
      <c r="H481276" s="12"/>
    </row>
    <row r="481277" spans="8:8">
      <c r="H481277" s="12"/>
    </row>
    <row r="481278" spans="8:8">
      <c r="H481278" s="12"/>
    </row>
    <row r="481279" spans="8:8">
      <c r="H481279" s="12"/>
    </row>
    <row r="481280" spans="8:8">
      <c r="H481280" s="12"/>
    </row>
    <row r="481281" spans="8:8">
      <c r="H481281" s="12"/>
    </row>
    <row r="481282" spans="8:8">
      <c r="H481282" s="12"/>
    </row>
    <row r="481283" spans="8:8">
      <c r="H481283" s="12"/>
    </row>
    <row r="481284" spans="8:8">
      <c r="H481284" s="12"/>
    </row>
    <row r="481285" spans="8:8">
      <c r="H481285" s="12"/>
    </row>
    <row r="481286" spans="8:8">
      <c r="H481286" s="12"/>
    </row>
    <row r="481287" spans="8:8">
      <c r="H481287" s="12"/>
    </row>
    <row r="481288" spans="8:8">
      <c r="H481288" s="12"/>
    </row>
    <row r="481289" spans="8:8">
      <c r="H481289" s="12"/>
    </row>
    <row r="481290" spans="8:8">
      <c r="H481290" s="12"/>
    </row>
    <row r="481291" spans="8:8">
      <c r="H481291" s="12"/>
    </row>
    <row r="481292" spans="8:8">
      <c r="H481292" s="12"/>
    </row>
    <row r="481293" spans="8:8">
      <c r="H481293" s="12"/>
    </row>
    <row r="481294" spans="8:8">
      <c r="H481294" s="12"/>
    </row>
    <row r="481295" spans="8:8">
      <c r="H481295" s="12"/>
    </row>
    <row r="481296" spans="8:8">
      <c r="H481296" s="12"/>
    </row>
    <row r="481297" spans="8:8">
      <c r="H481297" s="12"/>
    </row>
    <row r="481298" spans="8:8">
      <c r="H481298" s="12"/>
    </row>
    <row r="481299" spans="8:8">
      <c r="H481299" s="12"/>
    </row>
    <row r="481300" spans="8:8">
      <c r="H481300" s="12"/>
    </row>
    <row r="481301" spans="8:8">
      <c r="H481301" s="12"/>
    </row>
    <row r="481302" spans="8:8">
      <c r="H481302" s="12"/>
    </row>
    <row r="481303" spans="8:8">
      <c r="H481303" s="12"/>
    </row>
    <row r="481304" spans="8:8">
      <c r="H481304" s="12"/>
    </row>
    <row r="481305" spans="8:8">
      <c r="H481305" s="12"/>
    </row>
    <row r="481306" spans="8:8">
      <c r="H481306" s="12"/>
    </row>
    <row r="481307" spans="8:8">
      <c r="H481307" s="12"/>
    </row>
    <row r="481308" spans="8:8">
      <c r="H481308" s="12"/>
    </row>
    <row r="481309" spans="8:8">
      <c r="H481309" s="12"/>
    </row>
    <row r="481310" spans="8:8">
      <c r="H481310" s="12"/>
    </row>
    <row r="481311" spans="8:8">
      <c r="H481311" s="12"/>
    </row>
    <row r="481312" spans="8:8">
      <c r="H481312" s="12"/>
    </row>
    <row r="481313" spans="8:8">
      <c r="H481313" s="12"/>
    </row>
    <row r="481314" spans="8:8">
      <c r="H481314" s="12"/>
    </row>
    <row r="481315" spans="8:8">
      <c r="H481315" s="12"/>
    </row>
    <row r="481316" spans="8:8">
      <c r="H481316" s="12"/>
    </row>
    <row r="481317" spans="8:8">
      <c r="H481317" s="12"/>
    </row>
    <row r="481318" spans="8:8">
      <c r="H481318" s="12"/>
    </row>
    <row r="481319" spans="8:8">
      <c r="H481319" s="12"/>
    </row>
    <row r="481320" spans="8:8">
      <c r="H481320" s="12"/>
    </row>
    <row r="481321" spans="8:8">
      <c r="H481321" s="12"/>
    </row>
    <row r="481322" spans="8:8">
      <c r="H481322" s="12"/>
    </row>
    <row r="481323" spans="8:8">
      <c r="H481323" s="12"/>
    </row>
    <row r="481324" spans="8:8">
      <c r="H481324" s="12"/>
    </row>
    <row r="481325" spans="8:8">
      <c r="H481325" s="12"/>
    </row>
    <row r="481326" spans="8:8">
      <c r="H481326" s="12"/>
    </row>
    <row r="481327" spans="8:8">
      <c r="H481327" s="12"/>
    </row>
    <row r="481328" spans="8:8">
      <c r="H481328" s="12"/>
    </row>
    <row r="481329" spans="8:8">
      <c r="H481329" s="12"/>
    </row>
    <row r="481330" spans="8:8">
      <c r="H481330" s="12"/>
    </row>
    <row r="481331" spans="8:8">
      <c r="H481331" s="12"/>
    </row>
    <row r="481332" spans="8:8">
      <c r="H481332" s="12"/>
    </row>
    <row r="481333" spans="8:8">
      <c r="H481333" s="12"/>
    </row>
    <row r="481334" spans="8:8">
      <c r="H481334" s="12"/>
    </row>
    <row r="481335" spans="8:8">
      <c r="H481335" s="12"/>
    </row>
    <row r="481336" spans="8:8">
      <c r="H481336" s="12"/>
    </row>
    <row r="481337" spans="8:8">
      <c r="H481337" s="12"/>
    </row>
    <row r="481338" spans="8:8">
      <c r="H481338" s="12"/>
    </row>
    <row r="481339" spans="8:8">
      <c r="H481339" s="12"/>
    </row>
    <row r="481340" spans="8:8">
      <c r="H481340" s="12"/>
    </row>
    <row r="481341" spans="8:8">
      <c r="H481341" s="12"/>
    </row>
    <row r="481342" spans="8:8">
      <c r="H481342" s="12"/>
    </row>
    <row r="481343" spans="8:8">
      <c r="H481343" s="12"/>
    </row>
    <row r="481344" spans="8:8">
      <c r="H481344" s="12"/>
    </row>
    <row r="481345" spans="8:8">
      <c r="H481345" s="12"/>
    </row>
    <row r="481346" spans="8:8">
      <c r="H481346" s="12"/>
    </row>
    <row r="481347" spans="8:8">
      <c r="H481347" s="12"/>
    </row>
    <row r="481348" spans="8:8">
      <c r="H481348" s="12"/>
    </row>
    <row r="481349" spans="8:8">
      <c r="H481349" s="12"/>
    </row>
    <row r="481350" spans="8:8">
      <c r="H481350" s="12"/>
    </row>
    <row r="481351" spans="8:8">
      <c r="H481351" s="12"/>
    </row>
    <row r="481352" spans="8:8">
      <c r="H481352" s="12"/>
    </row>
    <row r="481353" spans="8:8">
      <c r="H481353" s="12"/>
    </row>
    <row r="481354" spans="8:8">
      <c r="H481354" s="12"/>
    </row>
    <row r="481355" spans="8:8">
      <c r="H481355" s="12"/>
    </row>
    <row r="481356" spans="8:8">
      <c r="H481356" s="12"/>
    </row>
    <row r="481357" spans="8:8">
      <c r="H481357" s="12"/>
    </row>
    <row r="481358" spans="8:8">
      <c r="H481358" s="12"/>
    </row>
    <row r="481359" spans="8:8">
      <c r="H481359" s="12"/>
    </row>
    <row r="481360" spans="8:8">
      <c r="H481360" s="12"/>
    </row>
    <row r="481361" spans="8:8">
      <c r="H481361" s="12"/>
    </row>
    <row r="481362" spans="8:8">
      <c r="H481362" s="12"/>
    </row>
    <row r="481363" spans="8:8">
      <c r="H481363" s="12"/>
    </row>
    <row r="481364" spans="8:8">
      <c r="H481364" s="12"/>
    </row>
    <row r="481365" spans="8:8">
      <c r="H481365" s="12"/>
    </row>
    <row r="481366" spans="8:8">
      <c r="H481366" s="12"/>
    </row>
    <row r="481367" spans="8:8">
      <c r="H481367" s="12"/>
    </row>
    <row r="481368" spans="8:8">
      <c r="H481368" s="12"/>
    </row>
    <row r="481369" spans="8:8">
      <c r="H481369" s="12"/>
    </row>
    <row r="481370" spans="8:8">
      <c r="H481370" s="12"/>
    </row>
    <row r="481371" spans="8:8">
      <c r="H481371" s="12"/>
    </row>
    <row r="481372" spans="8:8">
      <c r="H481372" s="12"/>
    </row>
    <row r="481373" spans="8:8">
      <c r="H481373" s="12"/>
    </row>
    <row r="481374" spans="8:8">
      <c r="H481374" s="12"/>
    </row>
    <row r="481375" spans="8:8">
      <c r="H481375" s="12"/>
    </row>
    <row r="481376" spans="8:8">
      <c r="H481376" s="12"/>
    </row>
    <row r="481377" spans="8:8">
      <c r="H481377" s="12"/>
    </row>
    <row r="481378" spans="8:8">
      <c r="H481378" s="12"/>
    </row>
    <row r="481379" spans="8:8">
      <c r="H481379" s="12"/>
    </row>
    <row r="481380" spans="8:8">
      <c r="H481380" s="12"/>
    </row>
    <row r="481381" spans="8:8">
      <c r="H481381" s="12"/>
    </row>
    <row r="481382" spans="8:8">
      <c r="H481382" s="12"/>
    </row>
    <row r="481383" spans="8:8">
      <c r="H481383" s="12"/>
    </row>
    <row r="481384" spans="8:8">
      <c r="H481384" s="12"/>
    </row>
    <row r="481385" spans="8:8">
      <c r="H481385" s="12"/>
    </row>
    <row r="481386" spans="8:8">
      <c r="H481386" s="12"/>
    </row>
    <row r="481387" spans="8:8">
      <c r="H481387" s="12"/>
    </row>
    <row r="481388" spans="8:8">
      <c r="H481388" s="12"/>
    </row>
    <row r="481389" spans="8:8">
      <c r="H481389" s="12"/>
    </row>
    <row r="481390" spans="8:8">
      <c r="H481390" s="12"/>
    </row>
    <row r="481391" spans="8:8">
      <c r="H481391" s="12"/>
    </row>
    <row r="481392" spans="8:8">
      <c r="H481392" s="12"/>
    </row>
    <row r="481393" spans="8:8">
      <c r="H481393" s="12"/>
    </row>
    <row r="481394" spans="8:8">
      <c r="H481394" s="12"/>
    </row>
    <row r="481395" spans="8:8">
      <c r="H481395" s="12"/>
    </row>
    <row r="481396" spans="8:8">
      <c r="H481396" s="12"/>
    </row>
    <row r="481397" spans="8:8">
      <c r="H481397" s="12"/>
    </row>
    <row r="481398" spans="8:8">
      <c r="H481398" s="12"/>
    </row>
    <row r="481399" spans="8:8">
      <c r="H481399" s="12"/>
    </row>
    <row r="481400" spans="8:8">
      <c r="H481400" s="12"/>
    </row>
    <row r="481401" spans="8:8">
      <c r="H481401" s="12"/>
    </row>
    <row r="481402" spans="8:8">
      <c r="H481402" s="12"/>
    </row>
    <row r="481403" spans="8:8">
      <c r="H481403" s="12"/>
    </row>
    <row r="481404" spans="8:8">
      <c r="H481404" s="12"/>
    </row>
    <row r="481405" spans="8:8">
      <c r="H481405" s="12"/>
    </row>
    <row r="481406" spans="8:8">
      <c r="H481406" s="12"/>
    </row>
    <row r="481407" spans="8:8">
      <c r="H481407" s="12"/>
    </row>
    <row r="481408" spans="8:8">
      <c r="H481408" s="12"/>
    </row>
    <row r="481409" spans="8:8">
      <c r="H481409" s="12"/>
    </row>
    <row r="481410" spans="8:8">
      <c r="H481410" s="12"/>
    </row>
    <row r="481411" spans="8:8">
      <c r="H481411" s="12"/>
    </row>
    <row r="481412" spans="8:8">
      <c r="H481412" s="12"/>
    </row>
    <row r="481413" spans="8:8">
      <c r="H481413" s="12"/>
    </row>
    <row r="481414" spans="8:8">
      <c r="H481414" s="12"/>
    </row>
    <row r="481415" spans="8:8">
      <c r="H481415" s="12"/>
    </row>
    <row r="481416" spans="8:8">
      <c r="H481416" s="12"/>
    </row>
    <row r="481417" spans="8:8">
      <c r="H481417" s="12"/>
    </row>
    <row r="481418" spans="8:8">
      <c r="H481418" s="12"/>
    </row>
    <row r="481419" spans="8:8">
      <c r="H481419" s="12"/>
    </row>
    <row r="481420" spans="8:8">
      <c r="H481420" s="12"/>
    </row>
    <row r="481421" spans="8:8">
      <c r="H481421" s="12"/>
    </row>
    <row r="481422" spans="8:8">
      <c r="H481422" s="12"/>
    </row>
    <row r="481423" spans="8:8">
      <c r="H481423" s="12"/>
    </row>
    <row r="481424" spans="8:8">
      <c r="H481424" s="12"/>
    </row>
    <row r="481425" spans="8:8">
      <c r="H481425" s="12"/>
    </row>
    <row r="481426" spans="8:8">
      <c r="H481426" s="12"/>
    </row>
    <row r="481427" spans="8:8">
      <c r="H481427" s="12"/>
    </row>
    <row r="481428" spans="8:8">
      <c r="H481428" s="12"/>
    </row>
    <row r="481429" spans="8:8">
      <c r="H481429" s="12"/>
    </row>
    <row r="481430" spans="8:8">
      <c r="H481430" s="12"/>
    </row>
    <row r="481431" spans="8:8">
      <c r="H481431" s="12"/>
    </row>
    <row r="481432" spans="8:8">
      <c r="H481432" s="12"/>
    </row>
    <row r="481433" spans="8:8">
      <c r="H481433" s="12"/>
    </row>
    <row r="481434" spans="8:8">
      <c r="H481434" s="12"/>
    </row>
    <row r="481435" spans="8:8">
      <c r="H481435" s="12"/>
    </row>
    <row r="481436" spans="8:8">
      <c r="H481436" s="12"/>
    </row>
    <row r="481437" spans="8:8">
      <c r="H481437" s="12"/>
    </row>
    <row r="481438" spans="8:8">
      <c r="H481438" s="12"/>
    </row>
    <row r="481439" spans="8:8">
      <c r="H481439" s="12"/>
    </row>
    <row r="481440" spans="8:8">
      <c r="H481440" s="12"/>
    </row>
    <row r="481441" spans="8:8">
      <c r="H481441" s="12"/>
    </row>
    <row r="481442" spans="8:8">
      <c r="H481442" s="12"/>
    </row>
    <row r="481443" spans="8:8">
      <c r="H481443" s="12"/>
    </row>
    <row r="481444" spans="8:8">
      <c r="H481444" s="12"/>
    </row>
    <row r="481445" spans="8:8">
      <c r="H481445" s="12"/>
    </row>
    <row r="481446" spans="8:8">
      <c r="H481446" s="12"/>
    </row>
    <row r="481447" spans="8:8">
      <c r="H481447" s="12"/>
    </row>
    <row r="481448" spans="8:8">
      <c r="H481448" s="12"/>
    </row>
    <row r="481449" spans="8:8">
      <c r="H481449" s="12"/>
    </row>
    <row r="481450" spans="8:8">
      <c r="H481450" s="12"/>
    </row>
    <row r="481451" spans="8:8">
      <c r="H481451" s="12"/>
    </row>
    <row r="481452" spans="8:8">
      <c r="H481452" s="12"/>
    </row>
    <row r="481453" spans="8:8">
      <c r="H481453" s="12"/>
    </row>
    <row r="481454" spans="8:8">
      <c r="H481454" s="12"/>
    </row>
    <row r="481455" spans="8:8">
      <c r="H481455" s="12"/>
    </row>
    <row r="481456" spans="8:8">
      <c r="H481456" s="12"/>
    </row>
    <row r="481457" spans="8:8">
      <c r="H481457" s="12"/>
    </row>
    <row r="481458" spans="8:8">
      <c r="H481458" s="12"/>
    </row>
    <row r="481459" spans="8:8">
      <c r="H481459" s="12"/>
    </row>
    <row r="481460" spans="8:8">
      <c r="H481460" s="12"/>
    </row>
    <row r="481461" spans="8:8">
      <c r="H481461" s="12"/>
    </row>
    <row r="481462" spans="8:8">
      <c r="H481462" s="12"/>
    </row>
    <row r="481463" spans="8:8">
      <c r="H481463" s="12"/>
    </row>
    <row r="481464" spans="8:8">
      <c r="H481464" s="12"/>
    </row>
    <row r="481465" spans="8:8">
      <c r="H481465" s="12"/>
    </row>
    <row r="481466" spans="8:8">
      <c r="H481466" s="12"/>
    </row>
    <row r="481467" spans="8:8">
      <c r="H481467" s="12"/>
    </row>
    <row r="481468" spans="8:8">
      <c r="H481468" s="12"/>
    </row>
    <row r="481469" spans="8:8">
      <c r="H481469" s="12"/>
    </row>
    <row r="481470" spans="8:8">
      <c r="H481470" s="12"/>
    </row>
    <row r="481471" spans="8:8">
      <c r="H481471" s="12"/>
    </row>
    <row r="481472" spans="8:8">
      <c r="H481472" s="12"/>
    </row>
    <row r="481473" spans="8:8">
      <c r="H481473" s="12"/>
    </row>
    <row r="481474" spans="8:8">
      <c r="H481474" s="12"/>
    </row>
    <row r="481475" spans="8:8">
      <c r="H481475" s="12"/>
    </row>
    <row r="481476" spans="8:8">
      <c r="H481476" s="12"/>
    </row>
    <row r="481477" spans="8:8">
      <c r="H481477" s="12"/>
    </row>
    <row r="481478" spans="8:8">
      <c r="H481478" s="12"/>
    </row>
    <row r="481479" spans="8:8">
      <c r="H481479" s="12"/>
    </row>
    <row r="481480" spans="8:8">
      <c r="H481480" s="12"/>
    </row>
    <row r="481481" spans="8:8">
      <c r="H481481" s="12"/>
    </row>
    <row r="481482" spans="8:8">
      <c r="H481482" s="12"/>
    </row>
    <row r="481483" spans="8:8">
      <c r="H481483" s="12"/>
    </row>
    <row r="481484" spans="8:8">
      <c r="H481484" s="12"/>
    </row>
    <row r="481485" spans="8:8">
      <c r="H481485" s="12"/>
    </row>
    <row r="481486" spans="8:8">
      <c r="H481486" s="12"/>
    </row>
    <row r="481487" spans="8:8">
      <c r="H481487" s="12"/>
    </row>
    <row r="481488" spans="8:8">
      <c r="H481488" s="12"/>
    </row>
    <row r="481489" spans="8:8">
      <c r="H481489" s="12"/>
    </row>
    <row r="481490" spans="8:8">
      <c r="H481490" s="12"/>
    </row>
    <row r="481491" spans="8:8">
      <c r="H481491" s="12"/>
    </row>
    <row r="481492" spans="8:8">
      <c r="H481492" s="12"/>
    </row>
    <row r="481493" spans="8:8">
      <c r="H481493" s="12"/>
    </row>
    <row r="481494" spans="8:8">
      <c r="H481494" s="12"/>
    </row>
    <row r="481495" spans="8:8">
      <c r="H481495" s="12"/>
    </row>
    <row r="481496" spans="8:8">
      <c r="H481496" s="12"/>
    </row>
    <row r="481497" spans="8:8">
      <c r="H481497" s="12"/>
    </row>
    <row r="481498" spans="8:8">
      <c r="H481498" s="12"/>
    </row>
    <row r="481499" spans="8:8">
      <c r="H481499" s="12"/>
    </row>
    <row r="481500" spans="8:8">
      <c r="H481500" s="12"/>
    </row>
    <row r="481501" spans="8:8">
      <c r="H481501" s="12"/>
    </row>
    <row r="481502" spans="8:8">
      <c r="H481502" s="12"/>
    </row>
    <row r="481503" spans="8:8">
      <c r="H481503" s="12"/>
    </row>
    <row r="481504" spans="8:8">
      <c r="H481504" s="12"/>
    </row>
    <row r="481505" spans="8:8">
      <c r="H481505" s="12"/>
    </row>
    <row r="481506" spans="8:8">
      <c r="H481506" s="12"/>
    </row>
    <row r="481507" spans="8:8">
      <c r="H481507" s="12"/>
    </row>
    <row r="481508" spans="8:8">
      <c r="H481508" s="12"/>
    </row>
    <row r="481509" spans="8:8">
      <c r="H481509" s="12"/>
    </row>
    <row r="481510" spans="8:8">
      <c r="H481510" s="12"/>
    </row>
    <row r="481511" spans="8:8">
      <c r="H481511" s="12"/>
    </row>
    <row r="481512" spans="8:8">
      <c r="H481512" s="12"/>
    </row>
    <row r="481513" spans="8:8">
      <c r="H481513" s="12"/>
    </row>
    <row r="481514" spans="8:8">
      <c r="H481514" s="12"/>
    </row>
    <row r="481515" spans="8:8">
      <c r="H481515" s="12"/>
    </row>
    <row r="481516" spans="8:8">
      <c r="H481516" s="12"/>
    </row>
    <row r="481517" spans="8:8">
      <c r="H481517" s="12"/>
    </row>
    <row r="481518" spans="8:8">
      <c r="H481518" s="12"/>
    </row>
    <row r="481519" spans="8:8">
      <c r="H481519" s="12"/>
    </row>
    <row r="481520" spans="8:8">
      <c r="H481520" s="12"/>
    </row>
    <row r="481521" spans="8:8">
      <c r="H481521" s="12"/>
    </row>
    <row r="481522" spans="8:8">
      <c r="H481522" s="12"/>
    </row>
    <row r="481523" spans="8:8">
      <c r="H481523" s="12"/>
    </row>
    <row r="481524" spans="8:8">
      <c r="H481524" s="12"/>
    </row>
    <row r="481525" spans="8:8">
      <c r="H481525" s="12"/>
    </row>
    <row r="481526" spans="8:8">
      <c r="H481526" s="12"/>
    </row>
    <row r="481527" spans="8:8">
      <c r="H481527" s="12"/>
    </row>
    <row r="481528" spans="8:8">
      <c r="H481528" s="12"/>
    </row>
    <row r="481529" spans="8:8">
      <c r="H481529" s="12"/>
    </row>
    <row r="481530" spans="8:8">
      <c r="H481530" s="12"/>
    </row>
    <row r="481531" spans="8:8">
      <c r="H481531" s="12"/>
    </row>
    <row r="481532" spans="8:8">
      <c r="H481532" s="12"/>
    </row>
    <row r="481533" spans="8:8">
      <c r="H481533" s="12"/>
    </row>
    <row r="481534" spans="8:8">
      <c r="H481534" s="12"/>
    </row>
    <row r="481535" spans="8:8">
      <c r="H481535" s="12"/>
    </row>
    <row r="481536" spans="8:8">
      <c r="H481536" s="12"/>
    </row>
    <row r="481537" spans="8:8">
      <c r="H481537" s="12"/>
    </row>
    <row r="481538" spans="8:8">
      <c r="H481538" s="12"/>
    </row>
    <row r="481539" spans="8:8">
      <c r="H481539" s="12"/>
    </row>
    <row r="481540" spans="8:8">
      <c r="H481540" s="12"/>
    </row>
    <row r="481541" spans="8:8">
      <c r="H481541" s="12"/>
    </row>
    <row r="481542" spans="8:8">
      <c r="H481542" s="12"/>
    </row>
    <row r="481543" spans="8:8">
      <c r="H481543" s="12"/>
    </row>
    <row r="481544" spans="8:8">
      <c r="H481544" s="12"/>
    </row>
    <row r="481545" spans="8:8">
      <c r="H481545" s="12"/>
    </row>
    <row r="481546" spans="8:8">
      <c r="H481546" s="12"/>
    </row>
    <row r="481547" spans="8:8">
      <c r="H481547" s="12"/>
    </row>
    <row r="481548" spans="8:8">
      <c r="H481548" s="12"/>
    </row>
    <row r="481549" spans="8:8">
      <c r="H481549" s="12"/>
    </row>
    <row r="481550" spans="8:8">
      <c r="H481550" s="12"/>
    </row>
    <row r="481551" spans="8:8">
      <c r="H481551" s="12"/>
    </row>
    <row r="481552" spans="8:8">
      <c r="H481552" s="12"/>
    </row>
    <row r="481553" spans="8:8">
      <c r="H481553" s="12"/>
    </row>
    <row r="481554" spans="8:8">
      <c r="H481554" s="12"/>
    </row>
    <row r="481555" spans="8:8">
      <c r="H481555" s="12"/>
    </row>
    <row r="481556" spans="8:8">
      <c r="H481556" s="12"/>
    </row>
    <row r="481557" spans="8:8">
      <c r="H481557" s="12"/>
    </row>
    <row r="481558" spans="8:8">
      <c r="H481558" s="12"/>
    </row>
    <row r="481559" spans="8:8">
      <c r="H481559" s="12"/>
    </row>
    <row r="481560" spans="8:8">
      <c r="H481560" s="12"/>
    </row>
    <row r="481561" spans="8:8">
      <c r="H481561" s="12"/>
    </row>
    <row r="481562" spans="8:8">
      <c r="H481562" s="12"/>
    </row>
    <row r="481563" spans="8:8">
      <c r="H481563" s="12"/>
    </row>
    <row r="481564" spans="8:8">
      <c r="H481564" s="12"/>
    </row>
    <row r="481565" spans="8:8">
      <c r="H481565" s="12"/>
    </row>
    <row r="481566" spans="8:8">
      <c r="H481566" s="12"/>
    </row>
    <row r="481567" spans="8:8">
      <c r="H481567" s="12"/>
    </row>
    <row r="481568" spans="8:8">
      <c r="H481568" s="12"/>
    </row>
    <row r="481569" spans="8:8">
      <c r="H481569" s="12"/>
    </row>
    <row r="481570" spans="8:8">
      <c r="H481570" s="12"/>
    </row>
    <row r="481571" spans="8:8">
      <c r="H481571" s="12"/>
    </row>
    <row r="481572" spans="8:8">
      <c r="H481572" s="12"/>
    </row>
    <row r="481573" spans="8:8">
      <c r="H481573" s="12"/>
    </row>
    <row r="481574" spans="8:8">
      <c r="H481574" s="12"/>
    </row>
    <row r="481575" spans="8:8">
      <c r="H481575" s="12"/>
    </row>
    <row r="481576" spans="8:8">
      <c r="H481576" s="12"/>
    </row>
    <row r="481577" spans="8:8">
      <c r="H481577" s="12"/>
    </row>
    <row r="481578" spans="8:8">
      <c r="H481578" s="12"/>
    </row>
    <row r="481579" spans="8:8">
      <c r="H481579" s="12"/>
    </row>
    <row r="481580" spans="8:8">
      <c r="H481580" s="12"/>
    </row>
    <row r="481581" spans="8:8">
      <c r="H481581" s="12"/>
    </row>
    <row r="481582" spans="8:8">
      <c r="H481582" s="12"/>
    </row>
    <row r="481583" spans="8:8">
      <c r="H481583" s="12"/>
    </row>
    <row r="481584" spans="8:8">
      <c r="H481584" s="12"/>
    </row>
    <row r="481585" spans="8:8">
      <c r="H481585" s="12"/>
    </row>
    <row r="481586" spans="8:8">
      <c r="H481586" s="12"/>
    </row>
    <row r="481587" spans="8:8">
      <c r="H481587" s="12"/>
    </row>
    <row r="481588" spans="8:8">
      <c r="H481588" s="12"/>
    </row>
    <row r="481589" spans="8:8">
      <c r="H481589" s="12"/>
    </row>
    <row r="481590" spans="8:8">
      <c r="H481590" s="12"/>
    </row>
    <row r="481591" spans="8:8">
      <c r="H481591" s="12"/>
    </row>
    <row r="481592" spans="8:8">
      <c r="H481592" s="12"/>
    </row>
    <row r="481593" spans="8:8">
      <c r="H481593" s="12"/>
    </row>
    <row r="481594" spans="8:8">
      <c r="H481594" s="12"/>
    </row>
    <row r="481595" spans="8:8">
      <c r="H481595" s="12"/>
    </row>
    <row r="481596" spans="8:8">
      <c r="H481596" s="12"/>
    </row>
    <row r="481597" spans="8:8">
      <c r="H481597" s="12"/>
    </row>
    <row r="481598" spans="8:8">
      <c r="H481598" s="12"/>
    </row>
    <row r="481599" spans="8:8">
      <c r="H481599" s="12"/>
    </row>
    <row r="481600" spans="8:8">
      <c r="H481600" s="12"/>
    </row>
    <row r="481601" spans="8:8">
      <c r="H481601" s="12"/>
    </row>
    <row r="481602" spans="8:8">
      <c r="H481602" s="12"/>
    </row>
    <row r="481603" spans="8:8">
      <c r="H481603" s="12"/>
    </row>
    <row r="481604" spans="8:8">
      <c r="H481604" s="12"/>
    </row>
    <row r="481605" spans="8:8">
      <c r="H481605" s="12"/>
    </row>
    <row r="481606" spans="8:8">
      <c r="H481606" s="12"/>
    </row>
    <row r="481607" spans="8:8">
      <c r="H481607" s="12"/>
    </row>
    <row r="481608" spans="8:8">
      <c r="H481608" s="12"/>
    </row>
    <row r="481609" spans="8:8">
      <c r="H481609" s="12"/>
    </row>
    <row r="481610" spans="8:8">
      <c r="H481610" s="12"/>
    </row>
    <row r="481611" spans="8:8">
      <c r="H481611" s="12"/>
    </row>
    <row r="481612" spans="8:8">
      <c r="H481612" s="12"/>
    </row>
    <row r="481613" spans="8:8">
      <c r="H481613" s="12"/>
    </row>
    <row r="481614" spans="8:8">
      <c r="H481614" s="12"/>
    </row>
    <row r="481615" spans="8:8">
      <c r="H481615" s="12"/>
    </row>
    <row r="481616" spans="8:8">
      <c r="H481616" s="12"/>
    </row>
    <row r="481617" spans="8:8">
      <c r="H481617" s="12"/>
    </row>
    <row r="481618" spans="8:8">
      <c r="H481618" s="12"/>
    </row>
    <row r="481619" spans="8:8">
      <c r="H481619" s="12"/>
    </row>
    <row r="481620" spans="8:8">
      <c r="H481620" s="12"/>
    </row>
    <row r="481621" spans="8:8">
      <c r="H481621" s="12"/>
    </row>
    <row r="481622" spans="8:8">
      <c r="H481622" s="12"/>
    </row>
    <row r="481623" spans="8:8">
      <c r="H481623" s="12"/>
    </row>
    <row r="481624" spans="8:8">
      <c r="H481624" s="12"/>
    </row>
    <row r="481625" spans="8:8">
      <c r="H481625" s="12"/>
    </row>
    <row r="481626" spans="8:8">
      <c r="H481626" s="12"/>
    </row>
    <row r="481627" spans="8:8">
      <c r="H481627" s="12"/>
    </row>
    <row r="481628" spans="8:8">
      <c r="H481628" s="12"/>
    </row>
    <row r="481629" spans="8:8">
      <c r="H481629" s="12"/>
    </row>
    <row r="481630" spans="8:8">
      <c r="H481630" s="12"/>
    </row>
    <row r="481631" spans="8:8">
      <c r="H481631" s="12"/>
    </row>
    <row r="481632" spans="8:8">
      <c r="H481632" s="12"/>
    </row>
    <row r="481633" spans="8:8">
      <c r="H481633" s="12"/>
    </row>
    <row r="481634" spans="8:8">
      <c r="H481634" s="12"/>
    </row>
    <row r="481635" spans="8:8">
      <c r="H481635" s="12"/>
    </row>
    <row r="481636" spans="8:8">
      <c r="H481636" s="12"/>
    </row>
    <row r="481637" spans="8:8">
      <c r="H481637" s="12"/>
    </row>
    <row r="481638" spans="8:8">
      <c r="H481638" s="12"/>
    </row>
    <row r="481639" spans="8:8">
      <c r="H481639" s="12"/>
    </row>
    <row r="481640" spans="8:8">
      <c r="H481640" s="12"/>
    </row>
    <row r="481641" spans="8:8">
      <c r="H481641" s="12"/>
    </row>
    <row r="481642" spans="8:8">
      <c r="H481642" s="12"/>
    </row>
    <row r="481643" spans="8:8">
      <c r="H481643" s="12"/>
    </row>
    <row r="481644" spans="8:8">
      <c r="H481644" s="12"/>
    </row>
    <row r="481645" spans="8:8">
      <c r="H481645" s="12"/>
    </row>
    <row r="481646" spans="8:8">
      <c r="H481646" s="12"/>
    </row>
    <row r="481647" spans="8:8">
      <c r="H481647" s="12"/>
    </row>
    <row r="481648" spans="8:8">
      <c r="H481648" s="12"/>
    </row>
    <row r="481649" spans="8:8">
      <c r="H481649" s="12"/>
    </row>
    <row r="481650" spans="8:8">
      <c r="H481650" s="12"/>
    </row>
    <row r="481651" spans="8:8">
      <c r="H481651" s="12"/>
    </row>
    <row r="481652" spans="8:8">
      <c r="H481652" s="12"/>
    </row>
    <row r="481653" spans="8:8">
      <c r="H481653" s="12"/>
    </row>
    <row r="481654" spans="8:8">
      <c r="H481654" s="12"/>
    </row>
    <row r="481655" spans="8:8">
      <c r="H481655" s="12"/>
    </row>
    <row r="481656" spans="8:8">
      <c r="H481656" s="12"/>
    </row>
    <row r="481657" spans="8:8">
      <c r="H481657" s="12"/>
    </row>
    <row r="481658" spans="8:8">
      <c r="H481658" s="12"/>
    </row>
    <row r="481659" spans="8:8">
      <c r="H481659" s="12"/>
    </row>
    <row r="481660" spans="8:8">
      <c r="H481660" s="12"/>
    </row>
    <row r="481661" spans="8:8">
      <c r="H481661" s="12"/>
    </row>
    <row r="481662" spans="8:8">
      <c r="H481662" s="12"/>
    </row>
    <row r="481663" spans="8:8">
      <c r="H481663" s="12"/>
    </row>
    <row r="481664" spans="8:8">
      <c r="H481664" s="12"/>
    </row>
    <row r="481665" spans="8:8">
      <c r="H481665" s="12"/>
    </row>
    <row r="481666" spans="8:8">
      <c r="H481666" s="12"/>
    </row>
    <row r="481667" spans="8:8">
      <c r="H481667" s="12"/>
    </row>
    <row r="481668" spans="8:8">
      <c r="H481668" s="12"/>
    </row>
    <row r="481669" spans="8:8">
      <c r="H481669" s="12"/>
    </row>
    <row r="481670" spans="8:8">
      <c r="H481670" s="12"/>
    </row>
    <row r="481671" spans="8:8">
      <c r="H481671" s="12"/>
    </row>
    <row r="481672" spans="8:8">
      <c r="H481672" s="12"/>
    </row>
    <row r="481673" spans="8:8">
      <c r="H481673" s="12"/>
    </row>
    <row r="481674" spans="8:8">
      <c r="H481674" s="12"/>
    </row>
    <row r="481675" spans="8:8">
      <c r="H481675" s="12"/>
    </row>
    <row r="481676" spans="8:8">
      <c r="H481676" s="12"/>
    </row>
    <row r="481677" spans="8:8">
      <c r="H481677" s="12"/>
    </row>
    <row r="481678" spans="8:8">
      <c r="H481678" s="12"/>
    </row>
    <row r="481679" spans="8:8">
      <c r="H481679" s="12"/>
    </row>
    <row r="481680" spans="8:8">
      <c r="H481680" s="12"/>
    </row>
    <row r="481681" spans="8:8">
      <c r="H481681" s="12"/>
    </row>
    <row r="481682" spans="8:8">
      <c r="H481682" s="12"/>
    </row>
    <row r="481683" spans="8:8">
      <c r="H481683" s="12"/>
    </row>
    <row r="481684" spans="8:8">
      <c r="H481684" s="12"/>
    </row>
    <row r="481685" spans="8:8">
      <c r="H481685" s="12"/>
    </row>
    <row r="481686" spans="8:8">
      <c r="H481686" s="12"/>
    </row>
    <row r="481687" spans="8:8">
      <c r="H481687" s="12"/>
    </row>
    <row r="481688" spans="8:8">
      <c r="H481688" s="12"/>
    </row>
    <row r="481689" spans="8:8">
      <c r="H481689" s="12"/>
    </row>
    <row r="481690" spans="8:8">
      <c r="H481690" s="12"/>
    </row>
    <row r="481691" spans="8:8">
      <c r="H481691" s="12"/>
    </row>
    <row r="481692" spans="8:8">
      <c r="H481692" s="12"/>
    </row>
    <row r="481693" spans="8:8">
      <c r="H481693" s="12"/>
    </row>
    <row r="481694" spans="8:8">
      <c r="H481694" s="12"/>
    </row>
    <row r="481695" spans="8:8">
      <c r="H481695" s="12"/>
    </row>
    <row r="481696" spans="8:8">
      <c r="H481696" s="12"/>
    </row>
    <row r="481697" spans="8:8">
      <c r="H481697" s="12"/>
    </row>
    <row r="481698" spans="8:8">
      <c r="H481698" s="12"/>
    </row>
    <row r="481699" spans="8:8">
      <c r="H481699" s="12"/>
    </row>
    <row r="481700" spans="8:8">
      <c r="H481700" s="12"/>
    </row>
    <row r="481701" spans="8:8">
      <c r="H481701" s="12"/>
    </row>
    <row r="481702" spans="8:8">
      <c r="H481702" s="12"/>
    </row>
    <row r="481703" spans="8:8">
      <c r="H481703" s="12"/>
    </row>
    <row r="481704" spans="8:8">
      <c r="H481704" s="12"/>
    </row>
    <row r="481705" spans="8:8">
      <c r="H481705" s="12"/>
    </row>
    <row r="481706" spans="8:8">
      <c r="H481706" s="12"/>
    </row>
    <row r="481707" spans="8:8">
      <c r="H481707" s="12"/>
    </row>
    <row r="481708" spans="8:8">
      <c r="H481708" s="12"/>
    </row>
    <row r="481709" spans="8:8">
      <c r="H481709" s="12"/>
    </row>
    <row r="481710" spans="8:8">
      <c r="H481710" s="12"/>
    </row>
    <row r="481711" spans="8:8">
      <c r="H481711" s="12"/>
    </row>
    <row r="481712" spans="8:8">
      <c r="H481712" s="12"/>
    </row>
    <row r="481713" spans="8:8">
      <c r="H481713" s="12"/>
    </row>
    <row r="481714" spans="8:8">
      <c r="H481714" s="12"/>
    </row>
    <row r="481715" spans="8:8">
      <c r="H481715" s="12"/>
    </row>
    <row r="481716" spans="8:8">
      <c r="H481716" s="12"/>
    </row>
    <row r="481717" spans="8:8">
      <c r="H481717" s="12"/>
    </row>
    <row r="481718" spans="8:8">
      <c r="H481718" s="12"/>
    </row>
    <row r="481719" spans="8:8">
      <c r="H481719" s="12"/>
    </row>
    <row r="481720" spans="8:8">
      <c r="H481720" s="12"/>
    </row>
    <row r="481721" spans="8:8">
      <c r="H481721" s="12"/>
    </row>
    <row r="481722" spans="8:8">
      <c r="H481722" s="12"/>
    </row>
    <row r="481723" spans="8:8">
      <c r="H481723" s="12"/>
    </row>
    <row r="481724" spans="8:8">
      <c r="H481724" s="12"/>
    </row>
    <row r="481725" spans="8:8">
      <c r="H481725" s="12"/>
    </row>
    <row r="481726" spans="8:8">
      <c r="H481726" s="12"/>
    </row>
    <row r="481727" spans="8:8">
      <c r="H481727" s="12"/>
    </row>
    <row r="481728" spans="8:8">
      <c r="H481728" s="12"/>
    </row>
    <row r="481729" spans="8:8">
      <c r="H481729" s="12"/>
    </row>
    <row r="481730" spans="8:8">
      <c r="H481730" s="12"/>
    </row>
    <row r="481731" spans="8:8">
      <c r="H481731" s="12"/>
    </row>
    <row r="481732" spans="8:8">
      <c r="H481732" s="12"/>
    </row>
    <row r="481733" spans="8:8">
      <c r="H481733" s="12"/>
    </row>
    <row r="481734" spans="8:8">
      <c r="H481734" s="12"/>
    </row>
    <row r="481735" spans="8:8">
      <c r="H481735" s="12"/>
    </row>
    <row r="481736" spans="8:8">
      <c r="H481736" s="12"/>
    </row>
    <row r="481737" spans="8:8">
      <c r="H481737" s="12"/>
    </row>
    <row r="481738" spans="8:8">
      <c r="H481738" s="12"/>
    </row>
    <row r="481739" spans="8:8">
      <c r="H481739" s="12"/>
    </row>
    <row r="481740" spans="8:8">
      <c r="H481740" s="12"/>
    </row>
    <row r="481741" spans="8:8">
      <c r="H481741" s="12"/>
    </row>
    <row r="481742" spans="8:8">
      <c r="H481742" s="12"/>
    </row>
    <row r="481743" spans="8:8">
      <c r="H481743" s="12"/>
    </row>
    <row r="481744" spans="8:8">
      <c r="H481744" s="12"/>
    </row>
    <row r="481745" spans="8:8">
      <c r="H481745" s="12"/>
    </row>
    <row r="481746" spans="8:8">
      <c r="H481746" s="12"/>
    </row>
    <row r="481747" spans="8:8">
      <c r="H481747" s="12"/>
    </row>
    <row r="481748" spans="8:8">
      <c r="H481748" s="12"/>
    </row>
    <row r="481749" spans="8:8">
      <c r="H481749" s="12"/>
    </row>
    <row r="481750" spans="8:8">
      <c r="H481750" s="12"/>
    </row>
    <row r="481751" spans="8:8">
      <c r="H481751" s="12"/>
    </row>
    <row r="481752" spans="8:8">
      <c r="H481752" s="12"/>
    </row>
    <row r="481753" spans="8:8">
      <c r="H481753" s="12"/>
    </row>
    <row r="481754" spans="8:8">
      <c r="H481754" s="12"/>
    </row>
    <row r="481755" spans="8:8">
      <c r="H481755" s="12"/>
    </row>
    <row r="481756" spans="8:8">
      <c r="H481756" s="12"/>
    </row>
    <row r="481757" spans="8:8">
      <c r="H481757" s="12"/>
    </row>
    <row r="481758" spans="8:8">
      <c r="H481758" s="12"/>
    </row>
    <row r="481759" spans="8:8">
      <c r="H481759" s="12"/>
    </row>
    <row r="481760" spans="8:8">
      <c r="H481760" s="12"/>
    </row>
    <row r="481761" spans="8:8">
      <c r="H481761" s="12"/>
    </row>
    <row r="481762" spans="8:8">
      <c r="H481762" s="12"/>
    </row>
    <row r="481763" spans="8:8">
      <c r="H481763" s="12"/>
    </row>
    <row r="481764" spans="8:8">
      <c r="H481764" s="12"/>
    </row>
    <row r="481765" spans="8:8">
      <c r="H481765" s="12"/>
    </row>
    <row r="481766" spans="8:8">
      <c r="H481766" s="12"/>
    </row>
    <row r="481767" spans="8:8">
      <c r="H481767" s="12"/>
    </row>
    <row r="481768" spans="8:8">
      <c r="H481768" s="12"/>
    </row>
    <row r="481769" spans="8:8">
      <c r="H481769" s="12"/>
    </row>
    <row r="481770" spans="8:8">
      <c r="H481770" s="12"/>
    </row>
    <row r="481771" spans="8:8">
      <c r="H481771" s="12"/>
    </row>
    <row r="481772" spans="8:8">
      <c r="H481772" s="12"/>
    </row>
    <row r="481773" spans="8:8">
      <c r="H481773" s="12"/>
    </row>
    <row r="481774" spans="8:8">
      <c r="H481774" s="12"/>
    </row>
    <row r="481775" spans="8:8">
      <c r="H481775" s="12"/>
    </row>
    <row r="481776" spans="8:8">
      <c r="H481776" s="12"/>
    </row>
    <row r="481777" spans="8:8">
      <c r="H481777" s="12"/>
    </row>
    <row r="481778" spans="8:8">
      <c r="H481778" s="12"/>
    </row>
    <row r="481779" spans="8:8">
      <c r="H481779" s="12"/>
    </row>
    <row r="481780" spans="8:8">
      <c r="H481780" s="12"/>
    </row>
    <row r="481781" spans="8:8">
      <c r="H481781" s="12"/>
    </row>
    <row r="481782" spans="8:8">
      <c r="H481782" s="12"/>
    </row>
    <row r="481783" spans="8:8">
      <c r="H481783" s="12"/>
    </row>
    <row r="481784" spans="8:8">
      <c r="H481784" s="12"/>
    </row>
    <row r="481785" spans="8:8">
      <c r="H481785" s="12"/>
    </row>
    <row r="481786" spans="8:8">
      <c r="H481786" s="12"/>
    </row>
    <row r="481787" spans="8:8">
      <c r="H481787" s="12"/>
    </row>
    <row r="481788" spans="8:8">
      <c r="H481788" s="12"/>
    </row>
    <row r="481789" spans="8:8">
      <c r="H481789" s="12"/>
    </row>
    <row r="481790" spans="8:8">
      <c r="H481790" s="12"/>
    </row>
    <row r="481791" spans="8:8">
      <c r="H481791" s="12"/>
    </row>
    <row r="481792" spans="8:8">
      <c r="H481792" s="12"/>
    </row>
    <row r="481793" spans="8:8">
      <c r="H481793" s="12"/>
    </row>
    <row r="481794" spans="8:8">
      <c r="H481794" s="12"/>
    </row>
    <row r="481795" spans="8:8">
      <c r="H481795" s="12"/>
    </row>
    <row r="481796" spans="8:8">
      <c r="H481796" s="12"/>
    </row>
    <row r="481797" spans="8:8">
      <c r="H481797" s="12"/>
    </row>
    <row r="481798" spans="8:8">
      <c r="H481798" s="12"/>
    </row>
    <row r="481799" spans="8:8">
      <c r="H481799" s="12"/>
    </row>
    <row r="481800" spans="8:8">
      <c r="H481800" s="12"/>
    </row>
    <row r="481801" spans="8:8">
      <c r="H481801" s="12"/>
    </row>
    <row r="481802" spans="8:8">
      <c r="H481802" s="12"/>
    </row>
    <row r="481803" spans="8:8">
      <c r="H481803" s="12"/>
    </row>
    <row r="481804" spans="8:8">
      <c r="H481804" s="12"/>
    </row>
    <row r="481805" spans="8:8">
      <c r="H481805" s="12"/>
    </row>
    <row r="481806" spans="8:8">
      <c r="H481806" s="12"/>
    </row>
    <row r="481807" spans="8:8">
      <c r="H481807" s="12"/>
    </row>
    <row r="481808" spans="8:8">
      <c r="H481808" s="12"/>
    </row>
    <row r="481809" spans="8:8">
      <c r="H481809" s="12"/>
    </row>
    <row r="481810" spans="8:8">
      <c r="H481810" s="12"/>
    </row>
    <row r="481811" spans="8:8">
      <c r="H481811" s="12"/>
    </row>
    <row r="481812" spans="8:8">
      <c r="H481812" s="12"/>
    </row>
    <row r="481813" spans="8:8">
      <c r="H481813" s="12"/>
    </row>
    <row r="481814" spans="8:8">
      <c r="H481814" s="12"/>
    </row>
    <row r="481815" spans="8:8">
      <c r="H481815" s="12"/>
    </row>
    <row r="481816" spans="8:8">
      <c r="H481816" s="12"/>
    </row>
    <row r="481817" spans="8:8">
      <c r="H481817" s="12"/>
    </row>
    <row r="481818" spans="8:8">
      <c r="H481818" s="12"/>
    </row>
    <row r="481819" spans="8:8">
      <c r="H481819" s="12"/>
    </row>
    <row r="481820" spans="8:8">
      <c r="H481820" s="12"/>
    </row>
    <row r="481821" spans="8:8">
      <c r="H481821" s="12"/>
    </row>
    <row r="481822" spans="8:8">
      <c r="H481822" s="12"/>
    </row>
    <row r="481823" spans="8:8">
      <c r="H481823" s="12"/>
    </row>
    <row r="481824" spans="8:8">
      <c r="H481824" s="12"/>
    </row>
    <row r="481825" spans="8:8">
      <c r="H481825" s="12"/>
    </row>
    <row r="481826" spans="8:8">
      <c r="H481826" s="12"/>
    </row>
    <row r="481827" spans="8:8">
      <c r="H481827" s="12"/>
    </row>
    <row r="481828" spans="8:8">
      <c r="H481828" s="12"/>
    </row>
    <row r="481829" spans="8:8">
      <c r="H481829" s="12"/>
    </row>
    <row r="481830" spans="8:8">
      <c r="H481830" s="12"/>
    </row>
    <row r="481831" spans="8:8">
      <c r="H481831" s="12"/>
    </row>
    <row r="481832" spans="8:8">
      <c r="H481832" s="12"/>
    </row>
    <row r="481833" spans="8:8">
      <c r="H481833" s="12"/>
    </row>
    <row r="481834" spans="8:8">
      <c r="H481834" s="12"/>
    </row>
    <row r="481835" spans="8:8">
      <c r="H481835" s="12"/>
    </row>
    <row r="481836" spans="8:8">
      <c r="H481836" s="12"/>
    </row>
    <row r="481837" spans="8:8">
      <c r="H481837" s="12"/>
    </row>
    <row r="481838" spans="8:8">
      <c r="H481838" s="12"/>
    </row>
    <row r="481839" spans="8:8">
      <c r="H481839" s="12"/>
    </row>
    <row r="481840" spans="8:8">
      <c r="H481840" s="12"/>
    </row>
    <row r="481841" spans="8:8">
      <c r="H481841" s="12"/>
    </row>
    <row r="481842" spans="8:8">
      <c r="H481842" s="12"/>
    </row>
    <row r="481843" spans="8:8">
      <c r="H481843" s="12"/>
    </row>
    <row r="481844" spans="8:8">
      <c r="H481844" s="12"/>
    </row>
    <row r="481845" spans="8:8">
      <c r="H481845" s="12"/>
    </row>
    <row r="481846" spans="8:8">
      <c r="H481846" s="12"/>
    </row>
    <row r="481847" spans="8:8">
      <c r="H481847" s="12"/>
    </row>
    <row r="481848" spans="8:8">
      <c r="H481848" s="12"/>
    </row>
    <row r="481849" spans="8:8">
      <c r="H481849" s="12"/>
    </row>
    <row r="481850" spans="8:8">
      <c r="H481850" s="12"/>
    </row>
    <row r="481851" spans="8:8">
      <c r="H481851" s="12"/>
    </row>
    <row r="481852" spans="8:8">
      <c r="H481852" s="12"/>
    </row>
    <row r="481853" spans="8:8">
      <c r="H481853" s="12"/>
    </row>
    <row r="481854" spans="8:8">
      <c r="H481854" s="12"/>
    </row>
    <row r="481855" spans="8:8">
      <c r="H481855" s="12"/>
    </row>
    <row r="481856" spans="8:8">
      <c r="H481856" s="12"/>
    </row>
    <row r="481857" spans="8:8">
      <c r="H481857" s="12"/>
    </row>
    <row r="481858" spans="8:8">
      <c r="H481858" s="12"/>
    </row>
    <row r="481859" spans="8:8">
      <c r="H481859" s="12"/>
    </row>
    <row r="481860" spans="8:8">
      <c r="H481860" s="12"/>
    </row>
    <row r="481861" spans="8:8">
      <c r="H481861" s="12"/>
    </row>
    <row r="481862" spans="8:8">
      <c r="H481862" s="12"/>
    </row>
    <row r="481863" spans="8:8">
      <c r="H481863" s="12"/>
    </row>
    <row r="481864" spans="8:8">
      <c r="H481864" s="12"/>
    </row>
    <row r="481865" spans="8:8">
      <c r="H481865" s="12"/>
    </row>
    <row r="481866" spans="8:8">
      <c r="H481866" s="12"/>
    </row>
    <row r="481867" spans="8:8">
      <c r="H481867" s="12"/>
    </row>
    <row r="481868" spans="8:8">
      <c r="H481868" s="12"/>
    </row>
    <row r="481869" spans="8:8">
      <c r="H481869" s="12"/>
    </row>
    <row r="481870" spans="8:8">
      <c r="H481870" s="12"/>
    </row>
    <row r="481871" spans="8:8">
      <c r="H481871" s="12"/>
    </row>
    <row r="481872" spans="8:8">
      <c r="H481872" s="12"/>
    </row>
    <row r="481873" spans="8:8">
      <c r="H481873" s="12"/>
    </row>
    <row r="481874" spans="8:8">
      <c r="H481874" s="12"/>
    </row>
    <row r="481875" spans="8:8">
      <c r="H481875" s="12"/>
    </row>
    <row r="481876" spans="8:8">
      <c r="H481876" s="12"/>
    </row>
    <row r="481877" spans="8:8">
      <c r="H481877" s="12"/>
    </row>
    <row r="481878" spans="8:8">
      <c r="H481878" s="12"/>
    </row>
    <row r="481879" spans="8:8">
      <c r="H481879" s="12"/>
    </row>
    <row r="481880" spans="8:8">
      <c r="H481880" s="12"/>
    </row>
    <row r="481881" spans="8:8">
      <c r="H481881" s="12"/>
    </row>
    <row r="481882" spans="8:8">
      <c r="H481882" s="12"/>
    </row>
    <row r="481883" spans="8:8">
      <c r="H481883" s="12"/>
    </row>
    <row r="481884" spans="8:8">
      <c r="H481884" s="12"/>
    </row>
    <row r="481885" spans="8:8">
      <c r="H481885" s="12"/>
    </row>
    <row r="481886" spans="8:8">
      <c r="H481886" s="12"/>
    </row>
    <row r="481887" spans="8:8">
      <c r="H481887" s="12"/>
    </row>
    <row r="481888" spans="8:8">
      <c r="H481888" s="12"/>
    </row>
    <row r="481889" spans="8:8">
      <c r="H481889" s="12"/>
    </row>
    <row r="481890" spans="8:8">
      <c r="H481890" s="12"/>
    </row>
    <row r="481891" spans="8:8">
      <c r="H481891" s="12"/>
    </row>
    <row r="481892" spans="8:8">
      <c r="H481892" s="12"/>
    </row>
    <row r="481893" spans="8:8">
      <c r="H481893" s="12"/>
    </row>
    <row r="481894" spans="8:8">
      <c r="H481894" s="12"/>
    </row>
    <row r="481895" spans="8:8">
      <c r="H481895" s="12"/>
    </row>
    <row r="481896" spans="8:8">
      <c r="H481896" s="12"/>
    </row>
    <row r="481897" spans="8:8">
      <c r="H481897" s="12"/>
    </row>
    <row r="481898" spans="8:8">
      <c r="H481898" s="12"/>
    </row>
    <row r="481899" spans="8:8">
      <c r="H481899" s="12"/>
    </row>
    <row r="481900" spans="8:8">
      <c r="H481900" s="12"/>
    </row>
    <row r="481901" spans="8:8">
      <c r="H481901" s="12"/>
    </row>
    <row r="481902" spans="8:8">
      <c r="H481902" s="12"/>
    </row>
    <row r="481903" spans="8:8">
      <c r="H481903" s="12"/>
    </row>
    <row r="481904" spans="8:8">
      <c r="H481904" s="12"/>
    </row>
    <row r="481905" spans="8:8">
      <c r="H481905" s="12"/>
    </row>
    <row r="481906" spans="8:8">
      <c r="H481906" s="12"/>
    </row>
    <row r="481907" spans="8:8">
      <c r="H481907" s="12"/>
    </row>
    <row r="481908" spans="8:8">
      <c r="H481908" s="12"/>
    </row>
    <row r="481909" spans="8:8">
      <c r="H481909" s="12"/>
    </row>
    <row r="481910" spans="8:8">
      <c r="H481910" s="12"/>
    </row>
    <row r="481911" spans="8:8">
      <c r="H481911" s="12"/>
    </row>
    <row r="481912" spans="8:8">
      <c r="H481912" s="12"/>
    </row>
    <row r="481913" spans="8:8">
      <c r="H481913" s="12"/>
    </row>
    <row r="481914" spans="8:8">
      <c r="H481914" s="12"/>
    </row>
    <row r="481915" spans="8:8">
      <c r="H481915" s="12"/>
    </row>
    <row r="481916" spans="8:8">
      <c r="H481916" s="12"/>
    </row>
    <row r="481917" spans="8:8">
      <c r="H481917" s="12"/>
    </row>
    <row r="481918" spans="8:8">
      <c r="H481918" s="12"/>
    </row>
    <row r="481919" spans="8:8">
      <c r="H481919" s="12"/>
    </row>
    <row r="481920" spans="8:8">
      <c r="H481920" s="12"/>
    </row>
    <row r="481921" spans="8:8">
      <c r="H481921" s="12"/>
    </row>
    <row r="481922" spans="8:8">
      <c r="H481922" s="12"/>
    </row>
    <row r="481923" spans="8:8">
      <c r="H481923" s="12"/>
    </row>
    <row r="481924" spans="8:8">
      <c r="H481924" s="12"/>
    </row>
    <row r="481925" spans="8:8">
      <c r="H481925" s="12"/>
    </row>
    <row r="481926" spans="8:8">
      <c r="H481926" s="12"/>
    </row>
    <row r="481927" spans="8:8">
      <c r="H481927" s="12"/>
    </row>
    <row r="481928" spans="8:8">
      <c r="H481928" s="12"/>
    </row>
    <row r="481929" spans="8:8">
      <c r="H481929" s="12"/>
    </row>
    <row r="481930" spans="8:8">
      <c r="H481930" s="12"/>
    </row>
    <row r="481931" spans="8:8">
      <c r="H481931" s="12"/>
    </row>
    <row r="481932" spans="8:8">
      <c r="H481932" s="12"/>
    </row>
    <row r="481933" spans="8:8">
      <c r="H481933" s="12"/>
    </row>
    <row r="481934" spans="8:8">
      <c r="H481934" s="12"/>
    </row>
    <row r="481935" spans="8:8">
      <c r="H481935" s="12"/>
    </row>
    <row r="481936" spans="8:8">
      <c r="H481936" s="12"/>
    </row>
    <row r="481937" spans="8:8">
      <c r="H481937" s="12"/>
    </row>
    <row r="481938" spans="8:8">
      <c r="H481938" s="12"/>
    </row>
    <row r="481939" spans="8:8">
      <c r="H481939" s="12"/>
    </row>
    <row r="481940" spans="8:8">
      <c r="H481940" s="12"/>
    </row>
    <row r="481941" spans="8:8">
      <c r="H481941" s="12"/>
    </row>
    <row r="481942" spans="8:8">
      <c r="H481942" s="12"/>
    </row>
    <row r="481943" spans="8:8">
      <c r="H481943" s="12"/>
    </row>
    <row r="481944" spans="8:8">
      <c r="H481944" s="12"/>
    </row>
    <row r="481945" spans="8:8">
      <c r="H481945" s="12"/>
    </row>
    <row r="481946" spans="8:8">
      <c r="H481946" s="12"/>
    </row>
    <row r="481947" spans="8:8">
      <c r="H481947" s="12"/>
    </row>
    <row r="481948" spans="8:8">
      <c r="H481948" s="12"/>
    </row>
    <row r="481949" spans="8:8">
      <c r="H481949" s="12"/>
    </row>
    <row r="481950" spans="8:8">
      <c r="H481950" s="12"/>
    </row>
    <row r="481951" spans="8:8">
      <c r="H481951" s="12"/>
    </row>
    <row r="481952" spans="8:8">
      <c r="H481952" s="12"/>
    </row>
    <row r="481953" spans="8:8">
      <c r="H481953" s="12"/>
    </row>
    <row r="481954" spans="8:8">
      <c r="H481954" s="12"/>
    </row>
    <row r="481955" spans="8:8">
      <c r="H481955" s="12"/>
    </row>
    <row r="481956" spans="8:8">
      <c r="H481956" s="12"/>
    </row>
    <row r="481957" spans="8:8">
      <c r="H481957" s="12"/>
    </row>
    <row r="481958" spans="8:8">
      <c r="H481958" s="12"/>
    </row>
    <row r="481959" spans="8:8">
      <c r="H481959" s="12"/>
    </row>
    <row r="481960" spans="8:8">
      <c r="H481960" s="12"/>
    </row>
    <row r="481961" spans="8:8">
      <c r="H481961" s="12"/>
    </row>
    <row r="481962" spans="8:8">
      <c r="H481962" s="12"/>
    </row>
    <row r="481963" spans="8:8">
      <c r="H481963" s="12"/>
    </row>
    <row r="481964" spans="8:8">
      <c r="H481964" s="12"/>
    </row>
    <row r="481965" spans="8:8">
      <c r="H481965" s="12"/>
    </row>
    <row r="481966" spans="8:8">
      <c r="H481966" s="12"/>
    </row>
    <row r="481967" spans="8:8">
      <c r="H481967" s="12"/>
    </row>
    <row r="481968" spans="8:8">
      <c r="H481968" s="12"/>
    </row>
    <row r="481969" spans="8:8">
      <c r="H481969" s="12"/>
    </row>
    <row r="481970" spans="8:8">
      <c r="H481970" s="12"/>
    </row>
    <row r="481971" spans="8:8">
      <c r="H481971" s="12"/>
    </row>
    <row r="481972" spans="8:8">
      <c r="H481972" s="12"/>
    </row>
    <row r="481973" spans="8:8">
      <c r="H481973" s="12"/>
    </row>
    <row r="481974" spans="8:8">
      <c r="H481974" s="12"/>
    </row>
    <row r="481975" spans="8:8">
      <c r="H481975" s="12"/>
    </row>
    <row r="481976" spans="8:8">
      <c r="H481976" s="12"/>
    </row>
    <row r="481977" spans="8:8">
      <c r="H481977" s="12"/>
    </row>
    <row r="481978" spans="8:8">
      <c r="H481978" s="12"/>
    </row>
    <row r="481979" spans="8:8">
      <c r="H481979" s="12"/>
    </row>
    <row r="481980" spans="8:8">
      <c r="H481980" s="12"/>
    </row>
    <row r="481981" spans="8:8">
      <c r="H481981" s="12"/>
    </row>
    <row r="481982" spans="8:8">
      <c r="H481982" s="12"/>
    </row>
    <row r="481983" spans="8:8">
      <c r="H481983" s="12"/>
    </row>
    <row r="481984" spans="8:8">
      <c r="H481984" s="12"/>
    </row>
    <row r="481985" spans="8:8">
      <c r="H481985" s="12"/>
    </row>
    <row r="481986" spans="8:8">
      <c r="H481986" s="12"/>
    </row>
    <row r="481987" spans="8:8">
      <c r="H481987" s="12"/>
    </row>
    <row r="481988" spans="8:8">
      <c r="H481988" s="12"/>
    </row>
    <row r="481989" spans="8:8">
      <c r="H481989" s="12"/>
    </row>
    <row r="481990" spans="8:8">
      <c r="H481990" s="12"/>
    </row>
    <row r="481991" spans="8:8">
      <c r="H481991" s="12"/>
    </row>
    <row r="481992" spans="8:8">
      <c r="H481992" s="12"/>
    </row>
    <row r="481993" spans="8:8">
      <c r="H481993" s="12"/>
    </row>
    <row r="481994" spans="8:8">
      <c r="H481994" s="12"/>
    </row>
    <row r="481995" spans="8:8">
      <c r="H481995" s="12"/>
    </row>
    <row r="481996" spans="8:8">
      <c r="H481996" s="12"/>
    </row>
    <row r="481997" spans="8:8">
      <c r="H481997" s="12"/>
    </row>
    <row r="481998" spans="8:8">
      <c r="H481998" s="12"/>
    </row>
    <row r="481999" spans="8:8">
      <c r="H481999" s="12"/>
    </row>
    <row r="482000" spans="8:8">
      <c r="H482000" s="12"/>
    </row>
    <row r="482001" spans="8:8">
      <c r="H482001" s="12"/>
    </row>
    <row r="482002" spans="8:8">
      <c r="H482002" s="12"/>
    </row>
    <row r="482003" spans="8:8">
      <c r="H482003" s="12"/>
    </row>
    <row r="482004" spans="8:8">
      <c r="H482004" s="12"/>
    </row>
    <row r="482005" spans="8:8">
      <c r="H482005" s="12"/>
    </row>
    <row r="482006" spans="8:8">
      <c r="H482006" s="12"/>
    </row>
    <row r="482007" spans="8:8">
      <c r="H482007" s="12"/>
    </row>
    <row r="482008" spans="8:8">
      <c r="H482008" s="12"/>
    </row>
    <row r="482009" spans="8:8">
      <c r="H482009" s="12"/>
    </row>
    <row r="482010" spans="8:8">
      <c r="H482010" s="12"/>
    </row>
    <row r="482011" spans="8:8">
      <c r="H482011" s="12"/>
    </row>
    <row r="482012" spans="8:8">
      <c r="H482012" s="12"/>
    </row>
    <row r="482013" spans="8:8">
      <c r="H482013" s="12"/>
    </row>
    <row r="482014" spans="8:8">
      <c r="H482014" s="12"/>
    </row>
    <row r="482015" spans="8:8">
      <c r="H482015" s="12"/>
    </row>
    <row r="482016" spans="8:8">
      <c r="H482016" s="12"/>
    </row>
    <row r="482017" spans="8:8">
      <c r="H482017" s="12"/>
    </row>
    <row r="482018" spans="8:8">
      <c r="H482018" s="12"/>
    </row>
    <row r="482019" spans="8:8">
      <c r="H482019" s="12"/>
    </row>
    <row r="482020" spans="8:8">
      <c r="H482020" s="12"/>
    </row>
    <row r="482021" spans="8:8">
      <c r="H482021" s="12"/>
    </row>
    <row r="482022" spans="8:8">
      <c r="H482022" s="12"/>
    </row>
    <row r="482023" spans="8:8">
      <c r="H482023" s="12"/>
    </row>
    <row r="482024" spans="8:8">
      <c r="H482024" s="12"/>
    </row>
    <row r="482025" spans="8:8">
      <c r="H482025" s="12"/>
    </row>
    <row r="482026" spans="8:8">
      <c r="H482026" s="12"/>
    </row>
    <row r="482027" spans="8:8">
      <c r="H482027" s="12"/>
    </row>
    <row r="482028" spans="8:8">
      <c r="H482028" s="12"/>
    </row>
    <row r="482029" spans="8:8">
      <c r="H482029" s="12"/>
    </row>
    <row r="482030" spans="8:8">
      <c r="H482030" s="12"/>
    </row>
    <row r="482031" spans="8:8">
      <c r="H482031" s="12"/>
    </row>
    <row r="482032" spans="8:8">
      <c r="H482032" s="12"/>
    </row>
    <row r="482033" spans="8:8">
      <c r="H482033" s="12"/>
    </row>
    <row r="482034" spans="8:8">
      <c r="H482034" s="12"/>
    </row>
    <row r="482035" spans="8:8">
      <c r="H482035" s="12"/>
    </row>
    <row r="482036" spans="8:8">
      <c r="H482036" s="12"/>
    </row>
    <row r="482037" spans="8:8">
      <c r="H482037" s="12"/>
    </row>
    <row r="482038" spans="8:8">
      <c r="H482038" s="12"/>
    </row>
    <row r="482039" spans="8:8">
      <c r="H482039" s="12"/>
    </row>
    <row r="482040" spans="8:8">
      <c r="H482040" s="12"/>
    </row>
    <row r="482041" spans="8:8">
      <c r="H482041" s="12"/>
    </row>
    <row r="482042" spans="8:8">
      <c r="H482042" s="12"/>
    </row>
    <row r="482043" spans="8:8">
      <c r="H482043" s="12"/>
    </row>
    <row r="482044" spans="8:8">
      <c r="H482044" s="12"/>
    </row>
    <row r="482045" spans="8:8">
      <c r="H482045" s="12"/>
    </row>
    <row r="482046" spans="8:8">
      <c r="H482046" s="12"/>
    </row>
    <row r="482047" spans="8:8">
      <c r="H482047" s="12"/>
    </row>
    <row r="482048" spans="8:8">
      <c r="H482048" s="12"/>
    </row>
    <row r="482049" spans="8:8">
      <c r="H482049" s="12"/>
    </row>
    <row r="482050" spans="8:8">
      <c r="H482050" s="12"/>
    </row>
    <row r="482051" spans="8:8">
      <c r="H482051" s="12"/>
    </row>
    <row r="482052" spans="8:8">
      <c r="H482052" s="12"/>
    </row>
    <row r="482053" spans="8:8">
      <c r="H482053" s="12"/>
    </row>
    <row r="482054" spans="8:8">
      <c r="H482054" s="12"/>
    </row>
    <row r="482055" spans="8:8">
      <c r="H482055" s="12"/>
    </row>
    <row r="482056" spans="8:8">
      <c r="H482056" s="12"/>
    </row>
    <row r="482057" spans="8:8">
      <c r="H482057" s="12"/>
    </row>
    <row r="482058" spans="8:8">
      <c r="H482058" s="12"/>
    </row>
    <row r="482059" spans="8:8">
      <c r="H482059" s="12"/>
    </row>
    <row r="482060" spans="8:8">
      <c r="H482060" s="12"/>
    </row>
    <row r="482061" spans="8:8">
      <c r="H482061" s="12"/>
    </row>
    <row r="482062" spans="8:8">
      <c r="H482062" s="12"/>
    </row>
    <row r="482063" spans="8:8">
      <c r="H482063" s="12"/>
    </row>
    <row r="482064" spans="8:8">
      <c r="H482064" s="12"/>
    </row>
    <row r="482065" spans="8:8">
      <c r="H482065" s="12"/>
    </row>
    <row r="482066" spans="8:8">
      <c r="H482066" s="12"/>
    </row>
    <row r="482067" spans="8:8">
      <c r="H482067" s="12"/>
    </row>
    <row r="482068" spans="8:8">
      <c r="H482068" s="12"/>
    </row>
    <row r="482069" spans="8:8">
      <c r="H482069" s="12"/>
    </row>
    <row r="482070" spans="8:8">
      <c r="H482070" s="12"/>
    </row>
    <row r="482071" spans="8:8">
      <c r="H482071" s="12"/>
    </row>
    <row r="482072" spans="8:8">
      <c r="H482072" s="12"/>
    </row>
    <row r="482073" spans="8:8">
      <c r="H482073" s="12"/>
    </row>
    <row r="482074" spans="8:8">
      <c r="H482074" s="12"/>
    </row>
    <row r="482075" spans="8:8">
      <c r="H482075" s="12"/>
    </row>
    <row r="482076" spans="8:8">
      <c r="H482076" s="12"/>
    </row>
    <row r="482077" spans="8:8">
      <c r="H482077" s="12"/>
    </row>
    <row r="482078" spans="8:8">
      <c r="H482078" s="12"/>
    </row>
    <row r="482079" spans="8:8">
      <c r="H482079" s="12"/>
    </row>
    <row r="482080" spans="8:8">
      <c r="H482080" s="12"/>
    </row>
    <row r="482081" spans="8:8">
      <c r="H482081" s="12"/>
    </row>
    <row r="482082" spans="8:8">
      <c r="H482082" s="12"/>
    </row>
    <row r="482083" spans="8:8">
      <c r="H482083" s="12"/>
    </row>
    <row r="482084" spans="8:8">
      <c r="H482084" s="12"/>
    </row>
    <row r="482085" spans="8:8">
      <c r="H482085" s="12"/>
    </row>
    <row r="482086" spans="8:8">
      <c r="H482086" s="12"/>
    </row>
    <row r="482087" spans="8:8">
      <c r="H482087" s="12"/>
    </row>
    <row r="482088" spans="8:8">
      <c r="H482088" s="12"/>
    </row>
    <row r="482089" spans="8:8">
      <c r="H482089" s="12"/>
    </row>
    <row r="482090" spans="8:8">
      <c r="H482090" s="12"/>
    </row>
    <row r="482091" spans="8:8">
      <c r="H482091" s="12"/>
    </row>
    <row r="482092" spans="8:8">
      <c r="H482092" s="12"/>
    </row>
    <row r="482093" spans="8:8">
      <c r="H482093" s="12"/>
    </row>
    <row r="482094" spans="8:8">
      <c r="H482094" s="12"/>
    </row>
    <row r="482095" spans="8:8">
      <c r="H482095" s="12"/>
    </row>
    <row r="482096" spans="8:8">
      <c r="H482096" s="12"/>
    </row>
    <row r="482097" spans="8:8">
      <c r="H482097" s="12"/>
    </row>
    <row r="482098" spans="8:8">
      <c r="H482098" s="12"/>
    </row>
    <row r="482099" spans="8:8">
      <c r="H482099" s="12"/>
    </row>
    <row r="482100" spans="8:8">
      <c r="H482100" s="12"/>
    </row>
    <row r="482101" spans="8:8">
      <c r="H482101" s="12"/>
    </row>
    <row r="482102" spans="8:8">
      <c r="H482102" s="12"/>
    </row>
    <row r="482103" spans="8:8">
      <c r="H482103" s="12"/>
    </row>
    <row r="482104" spans="8:8">
      <c r="H482104" s="12"/>
    </row>
    <row r="482105" spans="8:8">
      <c r="H482105" s="12"/>
    </row>
    <row r="482106" spans="8:8">
      <c r="H482106" s="12"/>
    </row>
    <row r="482107" spans="8:8">
      <c r="H482107" s="12"/>
    </row>
    <row r="482108" spans="8:8">
      <c r="H482108" s="12"/>
    </row>
    <row r="482109" spans="8:8">
      <c r="H482109" s="12"/>
    </row>
    <row r="482110" spans="8:8">
      <c r="H482110" s="12"/>
    </row>
    <row r="482111" spans="8:8">
      <c r="H482111" s="12"/>
    </row>
    <row r="482112" spans="8:8">
      <c r="H482112" s="12"/>
    </row>
    <row r="482113" spans="8:8">
      <c r="H482113" s="12"/>
    </row>
    <row r="482114" spans="8:8">
      <c r="H482114" s="12"/>
    </row>
    <row r="482115" spans="8:8">
      <c r="H482115" s="12"/>
    </row>
    <row r="482116" spans="8:8">
      <c r="H482116" s="12"/>
    </row>
    <row r="482117" spans="8:8">
      <c r="H482117" s="12"/>
    </row>
    <row r="482118" spans="8:8">
      <c r="H482118" s="12"/>
    </row>
    <row r="482119" spans="8:8">
      <c r="H482119" s="12"/>
    </row>
    <row r="482120" spans="8:8">
      <c r="H482120" s="12"/>
    </row>
    <row r="482121" spans="8:8">
      <c r="H482121" s="12"/>
    </row>
    <row r="482122" spans="8:8">
      <c r="H482122" s="12"/>
    </row>
    <row r="482123" spans="8:8">
      <c r="H482123" s="12"/>
    </row>
    <row r="482124" spans="8:8">
      <c r="H482124" s="12"/>
    </row>
    <row r="482125" spans="8:8">
      <c r="H482125" s="12"/>
    </row>
    <row r="482126" spans="8:8">
      <c r="H482126" s="12"/>
    </row>
    <row r="482127" spans="8:8">
      <c r="H482127" s="12"/>
    </row>
    <row r="482128" spans="8:8">
      <c r="H482128" s="12"/>
    </row>
    <row r="482129" spans="8:8">
      <c r="H482129" s="12"/>
    </row>
    <row r="482130" spans="8:8">
      <c r="H482130" s="12"/>
    </row>
    <row r="482131" spans="8:8">
      <c r="H482131" s="12"/>
    </row>
    <row r="482132" spans="8:8">
      <c r="H482132" s="12"/>
    </row>
    <row r="482133" spans="8:8">
      <c r="H482133" s="12"/>
    </row>
    <row r="482134" spans="8:8">
      <c r="H482134" s="12"/>
    </row>
    <row r="482135" spans="8:8">
      <c r="H482135" s="12"/>
    </row>
    <row r="482136" spans="8:8">
      <c r="H482136" s="12"/>
    </row>
    <row r="482137" spans="8:8">
      <c r="H482137" s="12"/>
    </row>
    <row r="482138" spans="8:8">
      <c r="H482138" s="12"/>
    </row>
    <row r="482139" spans="8:8">
      <c r="H482139" s="12"/>
    </row>
    <row r="482140" spans="8:8">
      <c r="H482140" s="12"/>
    </row>
    <row r="482141" spans="8:8">
      <c r="H482141" s="12"/>
    </row>
    <row r="482142" spans="8:8">
      <c r="H482142" s="12"/>
    </row>
    <row r="482143" spans="8:8">
      <c r="H482143" s="12"/>
    </row>
    <row r="482144" spans="8:8">
      <c r="H482144" s="12"/>
    </row>
    <row r="482145" spans="8:8">
      <c r="H482145" s="12"/>
    </row>
    <row r="482146" spans="8:8">
      <c r="H482146" s="12"/>
    </row>
    <row r="482147" spans="8:8">
      <c r="H482147" s="12"/>
    </row>
    <row r="482148" spans="8:8">
      <c r="H482148" s="12"/>
    </row>
    <row r="482149" spans="8:8">
      <c r="H482149" s="12"/>
    </row>
    <row r="482150" spans="8:8">
      <c r="H482150" s="12"/>
    </row>
    <row r="482151" spans="8:8">
      <c r="H482151" s="12"/>
    </row>
    <row r="482152" spans="8:8">
      <c r="H482152" s="12"/>
    </row>
    <row r="482153" spans="8:8">
      <c r="H482153" s="12"/>
    </row>
    <row r="482154" spans="8:8">
      <c r="H482154" s="12"/>
    </row>
    <row r="482155" spans="8:8">
      <c r="H482155" s="12"/>
    </row>
    <row r="482156" spans="8:8">
      <c r="H482156" s="12"/>
    </row>
    <row r="482157" spans="8:8">
      <c r="H482157" s="12"/>
    </row>
    <row r="482158" spans="8:8">
      <c r="H482158" s="12"/>
    </row>
    <row r="482159" spans="8:8">
      <c r="H482159" s="12"/>
    </row>
    <row r="482160" spans="8:8">
      <c r="H482160" s="12"/>
    </row>
    <row r="482161" spans="8:8">
      <c r="H482161" s="12"/>
    </row>
    <row r="482162" spans="8:8">
      <c r="H482162" s="12"/>
    </row>
    <row r="482163" spans="8:8">
      <c r="H482163" s="12"/>
    </row>
    <row r="482164" spans="8:8">
      <c r="H482164" s="12"/>
    </row>
    <row r="482165" spans="8:8">
      <c r="H482165" s="12"/>
    </row>
    <row r="482166" spans="8:8">
      <c r="H482166" s="12"/>
    </row>
    <row r="482167" spans="8:8">
      <c r="H482167" s="12"/>
    </row>
    <row r="482168" spans="8:8">
      <c r="H482168" s="12"/>
    </row>
    <row r="482169" spans="8:8">
      <c r="H482169" s="12"/>
    </row>
    <row r="482170" spans="8:8">
      <c r="H482170" s="12"/>
    </row>
    <row r="482171" spans="8:8">
      <c r="H482171" s="12"/>
    </row>
    <row r="482172" spans="8:8">
      <c r="H482172" s="12"/>
    </row>
    <row r="482173" spans="8:8">
      <c r="H482173" s="12"/>
    </row>
    <row r="482174" spans="8:8">
      <c r="H482174" s="12"/>
    </row>
    <row r="482175" spans="8:8">
      <c r="H482175" s="12"/>
    </row>
    <row r="482176" spans="8:8">
      <c r="H482176" s="12"/>
    </row>
    <row r="482177" spans="8:8">
      <c r="H482177" s="12"/>
    </row>
    <row r="482178" spans="8:8">
      <c r="H482178" s="12"/>
    </row>
    <row r="482179" spans="8:8">
      <c r="H482179" s="12"/>
    </row>
    <row r="482180" spans="8:8">
      <c r="H482180" s="12"/>
    </row>
    <row r="482181" spans="8:8">
      <c r="H482181" s="12"/>
    </row>
    <row r="482182" spans="8:8">
      <c r="H482182" s="12"/>
    </row>
    <row r="482183" spans="8:8">
      <c r="H482183" s="12"/>
    </row>
    <row r="482184" spans="8:8">
      <c r="H482184" s="12"/>
    </row>
    <row r="482185" spans="8:8">
      <c r="H482185" s="12"/>
    </row>
    <row r="482186" spans="8:8">
      <c r="H482186" s="12"/>
    </row>
    <row r="482187" spans="8:8">
      <c r="H482187" s="12"/>
    </row>
    <row r="482188" spans="8:8">
      <c r="H482188" s="12"/>
    </row>
    <row r="482189" spans="8:8">
      <c r="H482189" s="12"/>
    </row>
    <row r="482190" spans="8:8">
      <c r="H482190" s="12"/>
    </row>
    <row r="482191" spans="8:8">
      <c r="H482191" s="12"/>
    </row>
    <row r="482192" spans="8:8">
      <c r="H482192" s="12"/>
    </row>
    <row r="482193" spans="8:8">
      <c r="H482193" s="12"/>
    </row>
    <row r="482194" spans="8:8">
      <c r="H482194" s="12"/>
    </row>
    <row r="482195" spans="8:8">
      <c r="H482195" s="12"/>
    </row>
    <row r="482196" spans="8:8">
      <c r="H482196" s="12"/>
    </row>
    <row r="482197" spans="8:8">
      <c r="H482197" s="12"/>
    </row>
    <row r="482198" spans="8:8">
      <c r="H482198" s="12"/>
    </row>
    <row r="482199" spans="8:8">
      <c r="H482199" s="12"/>
    </row>
    <row r="482200" spans="8:8">
      <c r="H482200" s="12"/>
    </row>
    <row r="482201" spans="8:8">
      <c r="H482201" s="12"/>
    </row>
    <row r="482202" spans="8:8">
      <c r="H482202" s="12"/>
    </row>
    <row r="482203" spans="8:8">
      <c r="H482203" s="12"/>
    </row>
    <row r="482204" spans="8:8">
      <c r="H482204" s="12"/>
    </row>
    <row r="482205" spans="8:8">
      <c r="H482205" s="12"/>
    </row>
    <row r="482206" spans="8:8">
      <c r="H482206" s="12"/>
    </row>
    <row r="482207" spans="8:8">
      <c r="H482207" s="12"/>
    </row>
    <row r="482208" spans="8:8">
      <c r="H482208" s="12"/>
    </row>
    <row r="482209" spans="8:8">
      <c r="H482209" s="12"/>
    </row>
    <row r="482210" spans="8:8">
      <c r="H482210" s="12"/>
    </row>
    <row r="482211" spans="8:8">
      <c r="H482211" s="12"/>
    </row>
    <row r="482212" spans="8:8">
      <c r="H482212" s="12"/>
    </row>
    <row r="482213" spans="8:8">
      <c r="H482213" s="12"/>
    </row>
    <row r="482214" spans="8:8">
      <c r="H482214" s="12"/>
    </row>
    <row r="482215" spans="8:8">
      <c r="H482215" s="12"/>
    </row>
    <row r="482216" spans="8:8">
      <c r="H482216" s="12"/>
    </row>
    <row r="482217" spans="8:8">
      <c r="H482217" s="12"/>
    </row>
    <row r="482218" spans="8:8">
      <c r="H482218" s="12"/>
    </row>
    <row r="482219" spans="8:8">
      <c r="H482219" s="12"/>
    </row>
    <row r="482220" spans="8:8">
      <c r="H482220" s="12"/>
    </row>
    <row r="482221" spans="8:8">
      <c r="H482221" s="12"/>
    </row>
    <row r="482222" spans="8:8">
      <c r="H482222" s="12"/>
    </row>
    <row r="482223" spans="8:8">
      <c r="H482223" s="12"/>
    </row>
    <row r="482224" spans="8:8">
      <c r="H482224" s="12"/>
    </row>
    <row r="482225" spans="8:8">
      <c r="H482225" s="12"/>
    </row>
    <row r="482226" spans="8:8">
      <c r="H482226" s="12"/>
    </row>
    <row r="482227" spans="8:8">
      <c r="H482227" s="12"/>
    </row>
    <row r="482228" spans="8:8">
      <c r="H482228" s="12"/>
    </row>
    <row r="482229" spans="8:8">
      <c r="H482229" s="12"/>
    </row>
    <row r="482230" spans="8:8">
      <c r="H482230" s="12"/>
    </row>
    <row r="482231" spans="8:8">
      <c r="H482231" s="12"/>
    </row>
    <row r="482232" spans="8:8">
      <c r="H482232" s="12"/>
    </row>
    <row r="482233" spans="8:8">
      <c r="H482233" s="12"/>
    </row>
    <row r="482234" spans="8:8">
      <c r="H482234" s="12"/>
    </row>
    <row r="482235" spans="8:8">
      <c r="H482235" s="12"/>
    </row>
    <row r="482236" spans="8:8">
      <c r="H482236" s="12"/>
    </row>
    <row r="482237" spans="8:8">
      <c r="H482237" s="12"/>
    </row>
    <row r="482238" spans="8:8">
      <c r="H482238" s="12"/>
    </row>
    <row r="482239" spans="8:8">
      <c r="H482239" s="12"/>
    </row>
    <row r="482240" spans="8:8">
      <c r="H482240" s="12"/>
    </row>
    <row r="482241" spans="8:8">
      <c r="H482241" s="12"/>
    </row>
    <row r="482242" spans="8:8">
      <c r="H482242" s="12"/>
    </row>
    <row r="482243" spans="8:8">
      <c r="H482243" s="12"/>
    </row>
    <row r="482244" spans="8:8">
      <c r="H482244" s="12"/>
    </row>
    <row r="482245" spans="8:8">
      <c r="H482245" s="12"/>
    </row>
    <row r="482246" spans="8:8">
      <c r="H482246" s="12"/>
    </row>
    <row r="482247" spans="8:8">
      <c r="H482247" s="12"/>
    </row>
    <row r="482248" spans="8:8">
      <c r="H482248" s="12"/>
    </row>
    <row r="482249" spans="8:8">
      <c r="H482249" s="12"/>
    </row>
    <row r="482250" spans="8:8">
      <c r="H482250" s="12"/>
    </row>
    <row r="482251" spans="8:8">
      <c r="H482251" s="12"/>
    </row>
    <row r="482252" spans="8:8">
      <c r="H482252" s="12"/>
    </row>
    <row r="482253" spans="8:8">
      <c r="H482253" s="12"/>
    </row>
    <row r="482254" spans="8:8">
      <c r="H482254" s="12"/>
    </row>
    <row r="482255" spans="8:8">
      <c r="H482255" s="12"/>
    </row>
    <row r="482256" spans="8:8">
      <c r="H482256" s="12"/>
    </row>
    <row r="482257" spans="8:8">
      <c r="H482257" s="12"/>
    </row>
    <row r="482258" spans="8:8">
      <c r="H482258" s="12"/>
    </row>
    <row r="482259" spans="8:8">
      <c r="H482259" s="12"/>
    </row>
    <row r="482260" spans="8:8">
      <c r="H482260" s="12"/>
    </row>
    <row r="482261" spans="8:8">
      <c r="H482261" s="12"/>
    </row>
    <row r="482262" spans="8:8">
      <c r="H482262" s="12"/>
    </row>
    <row r="482263" spans="8:8">
      <c r="H482263" s="12"/>
    </row>
    <row r="482264" spans="8:8">
      <c r="H482264" s="12"/>
    </row>
    <row r="482265" spans="8:8">
      <c r="H482265" s="12"/>
    </row>
    <row r="482266" spans="8:8">
      <c r="H482266" s="12"/>
    </row>
    <row r="482267" spans="8:8">
      <c r="H482267" s="12"/>
    </row>
    <row r="482268" spans="8:8">
      <c r="H482268" s="12"/>
    </row>
    <row r="482269" spans="8:8">
      <c r="H482269" s="12"/>
    </row>
    <row r="482270" spans="8:8">
      <c r="H482270" s="12"/>
    </row>
    <row r="482271" spans="8:8">
      <c r="H482271" s="12"/>
    </row>
    <row r="482272" spans="8:8">
      <c r="H482272" s="12"/>
    </row>
    <row r="482273" spans="8:8">
      <c r="H482273" s="12"/>
    </row>
    <row r="482274" spans="8:8">
      <c r="H482274" s="12"/>
    </row>
    <row r="482275" spans="8:8">
      <c r="H482275" s="12"/>
    </row>
    <row r="482276" spans="8:8">
      <c r="H482276" s="12"/>
    </row>
    <row r="482277" spans="8:8">
      <c r="H482277" s="12"/>
    </row>
    <row r="482278" spans="8:8">
      <c r="H482278" s="12"/>
    </row>
    <row r="482279" spans="8:8">
      <c r="H482279" s="12"/>
    </row>
    <row r="482280" spans="8:8">
      <c r="H482280" s="12"/>
    </row>
    <row r="482281" spans="8:8">
      <c r="H482281" s="12"/>
    </row>
    <row r="482282" spans="8:8">
      <c r="H482282" s="12"/>
    </row>
    <row r="482283" spans="8:8">
      <c r="H482283" s="12"/>
    </row>
    <row r="482284" spans="8:8">
      <c r="H482284" s="12"/>
    </row>
    <row r="482285" spans="8:8">
      <c r="H482285" s="12"/>
    </row>
    <row r="482286" spans="8:8">
      <c r="H482286" s="12"/>
    </row>
    <row r="482287" spans="8:8">
      <c r="H482287" s="12"/>
    </row>
    <row r="482288" spans="8:8">
      <c r="H482288" s="12"/>
    </row>
    <row r="482289" spans="8:8">
      <c r="H482289" s="12"/>
    </row>
    <row r="482290" spans="8:8">
      <c r="H482290" s="12"/>
    </row>
    <row r="482291" spans="8:8">
      <c r="H482291" s="12"/>
    </row>
    <row r="482292" spans="8:8">
      <c r="H482292" s="12"/>
    </row>
    <row r="482293" spans="8:8">
      <c r="H482293" s="12"/>
    </row>
    <row r="482294" spans="8:8">
      <c r="H482294" s="12"/>
    </row>
    <row r="482295" spans="8:8">
      <c r="H482295" s="12"/>
    </row>
    <row r="482296" spans="8:8">
      <c r="H482296" s="12"/>
    </row>
    <row r="482297" spans="8:8">
      <c r="H482297" s="12"/>
    </row>
    <row r="482298" spans="8:8">
      <c r="H482298" s="12"/>
    </row>
    <row r="482299" spans="8:8">
      <c r="H482299" s="12"/>
    </row>
    <row r="482300" spans="8:8">
      <c r="H482300" s="12"/>
    </row>
    <row r="482301" spans="8:8">
      <c r="H482301" s="12"/>
    </row>
    <row r="482302" spans="8:8">
      <c r="H482302" s="12"/>
    </row>
    <row r="482303" spans="8:8">
      <c r="H482303" s="12"/>
    </row>
    <row r="482304" spans="8:8">
      <c r="H482304" s="12"/>
    </row>
    <row r="482305" spans="8:8">
      <c r="H482305" s="12"/>
    </row>
    <row r="482306" spans="8:8">
      <c r="H482306" s="12"/>
    </row>
    <row r="482307" spans="8:8">
      <c r="H482307" s="12"/>
    </row>
    <row r="482308" spans="8:8">
      <c r="H482308" s="12"/>
    </row>
    <row r="482309" spans="8:8">
      <c r="H482309" s="12"/>
    </row>
    <row r="482310" spans="8:8">
      <c r="H482310" s="12"/>
    </row>
    <row r="482311" spans="8:8">
      <c r="H482311" s="12"/>
    </row>
    <row r="482312" spans="8:8">
      <c r="H482312" s="12"/>
    </row>
    <row r="482313" spans="8:8">
      <c r="H482313" s="12"/>
    </row>
    <row r="482314" spans="8:8">
      <c r="H482314" s="12"/>
    </row>
    <row r="482315" spans="8:8">
      <c r="H482315" s="12"/>
    </row>
    <row r="482316" spans="8:8">
      <c r="H482316" s="12"/>
    </row>
    <row r="482317" spans="8:8">
      <c r="H482317" s="12"/>
    </row>
    <row r="482318" spans="8:8">
      <c r="H482318" s="12"/>
    </row>
    <row r="482319" spans="8:8">
      <c r="H482319" s="12"/>
    </row>
    <row r="482320" spans="8:8">
      <c r="H482320" s="12"/>
    </row>
    <row r="482321" spans="8:8">
      <c r="H482321" s="12"/>
    </row>
    <row r="482322" spans="8:8">
      <c r="H482322" s="12"/>
    </row>
    <row r="482323" spans="8:8">
      <c r="H482323" s="12"/>
    </row>
    <row r="482324" spans="8:8">
      <c r="H482324" s="12"/>
    </row>
    <row r="482325" spans="8:8">
      <c r="H482325" s="12"/>
    </row>
    <row r="482326" spans="8:8">
      <c r="H482326" s="12"/>
    </row>
    <row r="482327" spans="8:8">
      <c r="H482327" s="12"/>
    </row>
    <row r="482328" spans="8:8">
      <c r="H482328" s="12"/>
    </row>
    <row r="482329" spans="8:8">
      <c r="H482329" s="12"/>
    </row>
    <row r="482330" spans="8:8">
      <c r="H482330" s="12"/>
    </row>
    <row r="482331" spans="8:8">
      <c r="H482331" s="12"/>
    </row>
    <row r="482332" spans="8:8">
      <c r="H482332" s="12"/>
    </row>
    <row r="482333" spans="8:8">
      <c r="H482333" s="12"/>
    </row>
    <row r="482334" spans="8:8">
      <c r="H482334" s="12"/>
    </row>
    <row r="482335" spans="8:8">
      <c r="H482335" s="12"/>
    </row>
    <row r="482336" spans="8:8">
      <c r="H482336" s="12"/>
    </row>
    <row r="482337" spans="8:8">
      <c r="H482337" s="12"/>
    </row>
    <row r="482338" spans="8:8">
      <c r="H482338" s="12"/>
    </row>
    <row r="482339" spans="8:8">
      <c r="H482339" s="12"/>
    </row>
    <row r="482340" spans="8:8">
      <c r="H482340" s="12"/>
    </row>
    <row r="482341" spans="8:8">
      <c r="H482341" s="12"/>
    </row>
    <row r="482342" spans="8:8">
      <c r="H482342" s="12"/>
    </row>
    <row r="482343" spans="8:8">
      <c r="H482343" s="12"/>
    </row>
    <row r="482344" spans="8:8">
      <c r="H482344" s="12"/>
    </row>
    <row r="482345" spans="8:8">
      <c r="H482345" s="12"/>
    </row>
    <row r="482346" spans="8:8">
      <c r="H482346" s="12"/>
    </row>
    <row r="482347" spans="8:8">
      <c r="H482347" s="12"/>
    </row>
    <row r="482348" spans="8:8">
      <c r="H482348" s="12"/>
    </row>
    <row r="482349" spans="8:8">
      <c r="H482349" s="12"/>
    </row>
    <row r="482350" spans="8:8">
      <c r="H482350" s="12"/>
    </row>
    <row r="482351" spans="8:8">
      <c r="H482351" s="12"/>
    </row>
    <row r="482352" spans="8:8">
      <c r="H482352" s="12"/>
    </row>
    <row r="482353" spans="8:8">
      <c r="H482353" s="12"/>
    </row>
    <row r="482354" spans="8:8">
      <c r="H482354" s="12"/>
    </row>
    <row r="482355" spans="8:8">
      <c r="H482355" s="12"/>
    </row>
    <row r="482356" spans="8:8">
      <c r="H482356" s="12"/>
    </row>
    <row r="482357" spans="8:8">
      <c r="H482357" s="12"/>
    </row>
    <row r="482358" spans="8:8">
      <c r="H482358" s="12"/>
    </row>
    <row r="482359" spans="8:8">
      <c r="H482359" s="12"/>
    </row>
    <row r="482360" spans="8:8">
      <c r="H482360" s="12"/>
    </row>
    <row r="482361" spans="8:8">
      <c r="H482361" s="12"/>
    </row>
    <row r="482362" spans="8:8">
      <c r="H482362" s="12"/>
    </row>
    <row r="482363" spans="8:8">
      <c r="H482363" s="12"/>
    </row>
    <row r="482364" spans="8:8">
      <c r="H482364" s="12"/>
    </row>
    <row r="482365" spans="8:8">
      <c r="H482365" s="12"/>
    </row>
    <row r="482366" spans="8:8">
      <c r="H482366" s="12"/>
    </row>
    <row r="482367" spans="8:8">
      <c r="H482367" s="12"/>
    </row>
    <row r="482368" spans="8:8">
      <c r="H482368" s="12"/>
    </row>
    <row r="482369" spans="8:8">
      <c r="H482369" s="12"/>
    </row>
    <row r="482370" spans="8:8">
      <c r="H482370" s="12"/>
    </row>
    <row r="482371" spans="8:8">
      <c r="H482371" s="12"/>
    </row>
    <row r="482372" spans="8:8">
      <c r="H482372" s="12"/>
    </row>
    <row r="482373" spans="8:8">
      <c r="H482373" s="12"/>
    </row>
    <row r="482374" spans="8:8">
      <c r="H482374" s="12"/>
    </row>
    <row r="482375" spans="8:8">
      <c r="H482375" s="12"/>
    </row>
    <row r="482376" spans="8:8">
      <c r="H482376" s="12"/>
    </row>
    <row r="482377" spans="8:8">
      <c r="H482377" s="12"/>
    </row>
    <row r="482378" spans="8:8">
      <c r="H482378" s="12"/>
    </row>
    <row r="482379" spans="8:8">
      <c r="H482379" s="12"/>
    </row>
    <row r="482380" spans="8:8">
      <c r="H482380" s="12"/>
    </row>
    <row r="482381" spans="8:8">
      <c r="H482381" s="12"/>
    </row>
    <row r="482382" spans="8:8">
      <c r="H482382" s="12"/>
    </row>
    <row r="482383" spans="8:8">
      <c r="H482383" s="12"/>
    </row>
    <row r="482384" spans="8:8">
      <c r="H482384" s="12"/>
    </row>
    <row r="482385" spans="8:8">
      <c r="H482385" s="12"/>
    </row>
    <row r="482386" spans="8:8">
      <c r="H482386" s="12"/>
    </row>
    <row r="482387" spans="8:8">
      <c r="H482387" s="12"/>
    </row>
    <row r="482388" spans="8:8">
      <c r="H482388" s="12"/>
    </row>
    <row r="482389" spans="8:8">
      <c r="H482389" s="12"/>
    </row>
    <row r="482390" spans="8:8">
      <c r="H482390" s="12"/>
    </row>
    <row r="482391" spans="8:8">
      <c r="H482391" s="12"/>
    </row>
    <row r="482392" spans="8:8">
      <c r="H482392" s="12"/>
    </row>
    <row r="482393" spans="8:8">
      <c r="H482393" s="12"/>
    </row>
    <row r="482394" spans="8:8">
      <c r="H482394" s="12"/>
    </row>
    <row r="482395" spans="8:8">
      <c r="H482395" s="12"/>
    </row>
    <row r="482396" spans="8:8">
      <c r="H482396" s="12"/>
    </row>
    <row r="482397" spans="8:8">
      <c r="H482397" s="12"/>
    </row>
    <row r="482398" spans="8:8">
      <c r="H482398" s="12"/>
    </row>
    <row r="482399" spans="8:8">
      <c r="H482399" s="12"/>
    </row>
    <row r="482400" spans="8:8">
      <c r="H482400" s="12"/>
    </row>
    <row r="482401" spans="8:8">
      <c r="H482401" s="12"/>
    </row>
    <row r="482402" spans="8:8">
      <c r="H482402" s="12"/>
    </row>
    <row r="482403" spans="8:8">
      <c r="H482403" s="12"/>
    </row>
    <row r="482404" spans="8:8">
      <c r="H482404" s="12"/>
    </row>
    <row r="482405" spans="8:8">
      <c r="H482405" s="12"/>
    </row>
    <row r="482406" spans="8:8">
      <c r="H482406" s="12"/>
    </row>
    <row r="482407" spans="8:8">
      <c r="H482407" s="12"/>
    </row>
    <row r="482408" spans="8:8">
      <c r="H482408" s="12"/>
    </row>
    <row r="482409" spans="8:8">
      <c r="H482409" s="12"/>
    </row>
    <row r="482410" spans="8:8">
      <c r="H482410" s="12"/>
    </row>
    <row r="482411" spans="8:8">
      <c r="H482411" s="12"/>
    </row>
    <row r="482412" spans="8:8">
      <c r="H482412" s="12"/>
    </row>
    <row r="482413" spans="8:8">
      <c r="H482413" s="12"/>
    </row>
    <row r="482414" spans="8:8">
      <c r="H482414" s="12"/>
    </row>
    <row r="482415" spans="8:8">
      <c r="H482415" s="12"/>
    </row>
    <row r="482416" spans="8:8">
      <c r="H482416" s="12"/>
    </row>
    <row r="482417" spans="8:8">
      <c r="H482417" s="12"/>
    </row>
    <row r="482418" spans="8:8">
      <c r="H482418" s="12"/>
    </row>
    <row r="482419" spans="8:8">
      <c r="H482419" s="12"/>
    </row>
    <row r="482420" spans="8:8">
      <c r="H482420" s="12"/>
    </row>
    <row r="482421" spans="8:8">
      <c r="H482421" s="12"/>
    </row>
    <row r="482422" spans="8:8">
      <c r="H482422" s="12"/>
    </row>
    <row r="482423" spans="8:8">
      <c r="H482423" s="12"/>
    </row>
    <row r="482424" spans="8:8">
      <c r="H482424" s="12"/>
    </row>
    <row r="482425" spans="8:8">
      <c r="H482425" s="12"/>
    </row>
    <row r="482426" spans="8:8">
      <c r="H482426" s="12"/>
    </row>
    <row r="482427" spans="8:8">
      <c r="H482427" s="12"/>
    </row>
    <row r="482428" spans="8:8">
      <c r="H482428" s="12"/>
    </row>
    <row r="482429" spans="8:8">
      <c r="H482429" s="12"/>
    </row>
    <row r="482430" spans="8:8">
      <c r="H482430" s="12"/>
    </row>
    <row r="482431" spans="8:8">
      <c r="H482431" s="12"/>
    </row>
    <row r="482432" spans="8:8">
      <c r="H482432" s="12"/>
    </row>
    <row r="482433" spans="8:8">
      <c r="H482433" s="12"/>
    </row>
    <row r="482434" spans="8:8">
      <c r="H482434" s="12"/>
    </row>
    <row r="482435" spans="8:8">
      <c r="H482435" s="12"/>
    </row>
    <row r="482436" spans="8:8">
      <c r="H482436" s="12"/>
    </row>
    <row r="482437" spans="8:8">
      <c r="H482437" s="12"/>
    </row>
    <row r="482438" spans="8:8">
      <c r="H482438" s="12"/>
    </row>
    <row r="482439" spans="8:8">
      <c r="H482439" s="12"/>
    </row>
    <row r="482440" spans="8:8">
      <c r="H482440" s="12"/>
    </row>
    <row r="482441" spans="8:8">
      <c r="H482441" s="12"/>
    </row>
    <row r="482442" spans="8:8">
      <c r="H482442" s="12"/>
    </row>
    <row r="482443" spans="8:8">
      <c r="H482443" s="12"/>
    </row>
    <row r="482444" spans="8:8">
      <c r="H482444" s="12"/>
    </row>
    <row r="482445" spans="8:8">
      <c r="H482445" s="12"/>
    </row>
    <row r="482446" spans="8:8">
      <c r="H482446" s="12"/>
    </row>
    <row r="482447" spans="8:8">
      <c r="H482447" s="12"/>
    </row>
    <row r="482448" spans="8:8">
      <c r="H482448" s="12"/>
    </row>
    <row r="482449" spans="8:8">
      <c r="H482449" s="12"/>
    </row>
    <row r="482450" spans="8:8">
      <c r="H482450" s="12"/>
    </row>
    <row r="482451" spans="8:8">
      <c r="H482451" s="12"/>
    </row>
    <row r="482452" spans="8:8">
      <c r="H482452" s="12"/>
    </row>
    <row r="482453" spans="8:8">
      <c r="H482453" s="12"/>
    </row>
    <row r="482454" spans="8:8">
      <c r="H482454" s="12"/>
    </row>
    <row r="482455" spans="8:8">
      <c r="H482455" s="12"/>
    </row>
    <row r="482456" spans="8:8">
      <c r="H482456" s="12"/>
    </row>
    <row r="482457" spans="8:8">
      <c r="H482457" s="12"/>
    </row>
    <row r="482458" spans="8:8">
      <c r="H482458" s="12"/>
    </row>
    <row r="482459" spans="8:8">
      <c r="H482459" s="12"/>
    </row>
    <row r="482460" spans="8:8">
      <c r="H482460" s="12"/>
    </row>
    <row r="482461" spans="8:8">
      <c r="H482461" s="12"/>
    </row>
    <row r="482462" spans="8:8">
      <c r="H482462" s="12"/>
    </row>
    <row r="482463" spans="8:8">
      <c r="H482463" s="12"/>
    </row>
    <row r="482464" spans="8:8">
      <c r="H482464" s="12"/>
    </row>
    <row r="482465" spans="8:8">
      <c r="H482465" s="12"/>
    </row>
    <row r="482466" spans="8:8">
      <c r="H482466" s="12"/>
    </row>
    <row r="482467" spans="8:8">
      <c r="H482467" s="12"/>
    </row>
    <row r="482468" spans="8:8">
      <c r="H482468" s="12"/>
    </row>
    <row r="482469" spans="8:8">
      <c r="H482469" s="12"/>
    </row>
    <row r="482470" spans="8:8">
      <c r="H482470" s="12"/>
    </row>
    <row r="482471" spans="8:8">
      <c r="H482471" s="12"/>
    </row>
    <row r="482472" spans="8:8">
      <c r="H482472" s="12"/>
    </row>
    <row r="482473" spans="8:8">
      <c r="H482473" s="12"/>
    </row>
    <row r="482474" spans="8:8">
      <c r="H482474" s="12"/>
    </row>
    <row r="482475" spans="8:8">
      <c r="H482475" s="12"/>
    </row>
    <row r="482476" spans="8:8">
      <c r="H482476" s="12"/>
    </row>
    <row r="482477" spans="8:8">
      <c r="H482477" s="12"/>
    </row>
    <row r="482478" spans="8:8">
      <c r="H482478" s="12"/>
    </row>
    <row r="482479" spans="8:8">
      <c r="H482479" s="12"/>
    </row>
    <row r="482480" spans="8:8">
      <c r="H482480" s="12"/>
    </row>
    <row r="482481" spans="8:8">
      <c r="H482481" s="12"/>
    </row>
    <row r="482482" spans="8:8">
      <c r="H482482" s="12"/>
    </row>
    <row r="482483" spans="8:8">
      <c r="H482483" s="12"/>
    </row>
    <row r="482484" spans="8:8">
      <c r="H482484" s="12"/>
    </row>
    <row r="482485" spans="8:8">
      <c r="H482485" s="12"/>
    </row>
    <row r="482486" spans="8:8">
      <c r="H482486" s="12"/>
    </row>
    <row r="482487" spans="8:8">
      <c r="H482487" s="12"/>
    </row>
    <row r="482488" spans="8:8">
      <c r="H482488" s="12"/>
    </row>
    <row r="482489" spans="8:8">
      <c r="H482489" s="12"/>
    </row>
    <row r="482490" spans="8:8">
      <c r="H482490" s="12"/>
    </row>
    <row r="482491" spans="8:8">
      <c r="H482491" s="12"/>
    </row>
    <row r="482492" spans="8:8">
      <c r="H482492" s="12"/>
    </row>
    <row r="482493" spans="8:8">
      <c r="H482493" s="12"/>
    </row>
    <row r="482494" spans="8:8">
      <c r="H482494" s="12"/>
    </row>
    <row r="482495" spans="8:8">
      <c r="H482495" s="12"/>
    </row>
    <row r="482496" spans="8:8">
      <c r="H482496" s="12"/>
    </row>
    <row r="482497" spans="8:8">
      <c r="H482497" s="12"/>
    </row>
    <row r="482498" spans="8:8">
      <c r="H482498" s="12"/>
    </row>
    <row r="482499" spans="8:8">
      <c r="H482499" s="12"/>
    </row>
    <row r="482500" spans="8:8">
      <c r="H482500" s="12"/>
    </row>
    <row r="482501" spans="8:8">
      <c r="H482501" s="12"/>
    </row>
    <row r="482502" spans="8:8">
      <c r="H482502" s="12"/>
    </row>
    <row r="482503" spans="8:8">
      <c r="H482503" s="12"/>
    </row>
    <row r="482504" spans="8:8">
      <c r="H482504" s="12"/>
    </row>
    <row r="482505" spans="8:8">
      <c r="H482505" s="12"/>
    </row>
    <row r="482506" spans="8:8">
      <c r="H482506" s="12"/>
    </row>
    <row r="482507" spans="8:8">
      <c r="H482507" s="12"/>
    </row>
    <row r="482508" spans="8:8">
      <c r="H482508" s="12"/>
    </row>
    <row r="482509" spans="8:8">
      <c r="H482509" s="12"/>
    </row>
    <row r="482510" spans="8:8">
      <c r="H482510" s="12"/>
    </row>
    <row r="482511" spans="8:8">
      <c r="H482511" s="12"/>
    </row>
    <row r="482512" spans="8:8">
      <c r="H482512" s="12"/>
    </row>
    <row r="482513" spans="8:8">
      <c r="H482513" s="12"/>
    </row>
    <row r="482514" spans="8:8">
      <c r="H482514" s="12"/>
    </row>
    <row r="482515" spans="8:8">
      <c r="H482515" s="12"/>
    </row>
    <row r="482516" spans="8:8">
      <c r="H482516" s="12"/>
    </row>
    <row r="482517" spans="8:8">
      <c r="H482517" s="12"/>
    </row>
    <row r="482518" spans="8:8">
      <c r="H482518" s="12"/>
    </row>
    <row r="482519" spans="8:8">
      <c r="H482519" s="12"/>
    </row>
    <row r="482520" spans="8:8">
      <c r="H482520" s="12"/>
    </row>
    <row r="482521" spans="8:8">
      <c r="H482521" s="12"/>
    </row>
    <row r="482522" spans="8:8">
      <c r="H482522" s="12"/>
    </row>
    <row r="482523" spans="8:8">
      <c r="H482523" s="12"/>
    </row>
    <row r="482524" spans="8:8">
      <c r="H482524" s="12"/>
    </row>
    <row r="482525" spans="8:8">
      <c r="H482525" s="12"/>
    </row>
    <row r="482526" spans="8:8">
      <c r="H482526" s="12"/>
    </row>
    <row r="482527" spans="8:8">
      <c r="H482527" s="12"/>
    </row>
    <row r="482528" spans="8:8">
      <c r="H482528" s="12"/>
    </row>
    <row r="482529" spans="8:8">
      <c r="H482529" s="12"/>
    </row>
    <row r="482530" spans="8:8">
      <c r="H482530" s="12"/>
    </row>
    <row r="482531" spans="8:8">
      <c r="H482531" s="12"/>
    </row>
    <row r="482532" spans="8:8">
      <c r="H482532" s="12"/>
    </row>
    <row r="482533" spans="8:8">
      <c r="H482533" s="12"/>
    </row>
    <row r="482534" spans="8:8">
      <c r="H482534" s="12"/>
    </row>
    <row r="482535" spans="8:8">
      <c r="H482535" s="12"/>
    </row>
    <row r="482536" spans="8:8">
      <c r="H482536" s="12"/>
    </row>
    <row r="482537" spans="8:8">
      <c r="H482537" s="12"/>
    </row>
    <row r="482538" spans="8:8">
      <c r="H482538" s="12"/>
    </row>
    <row r="482539" spans="8:8">
      <c r="H482539" s="12"/>
    </row>
    <row r="482540" spans="8:8">
      <c r="H482540" s="12"/>
    </row>
    <row r="482541" spans="8:8">
      <c r="H482541" s="12"/>
    </row>
    <row r="482542" spans="8:8">
      <c r="H482542" s="12"/>
    </row>
    <row r="482543" spans="8:8">
      <c r="H482543" s="12"/>
    </row>
    <row r="482544" spans="8:8">
      <c r="H482544" s="12"/>
    </row>
    <row r="482545" spans="8:8">
      <c r="H482545" s="12"/>
    </row>
    <row r="482546" spans="8:8">
      <c r="H482546" s="12"/>
    </row>
    <row r="482547" spans="8:8">
      <c r="H482547" s="12"/>
    </row>
    <row r="482548" spans="8:8">
      <c r="H482548" s="12"/>
    </row>
    <row r="482549" spans="8:8">
      <c r="H482549" s="12"/>
    </row>
    <row r="482550" spans="8:8">
      <c r="H482550" s="12"/>
    </row>
    <row r="482551" spans="8:8">
      <c r="H482551" s="12"/>
    </row>
    <row r="482552" spans="8:8">
      <c r="H482552" s="12"/>
    </row>
    <row r="482553" spans="8:8">
      <c r="H482553" s="12"/>
    </row>
    <row r="482554" spans="8:8">
      <c r="H482554" s="12"/>
    </row>
    <row r="482555" spans="8:8">
      <c r="H482555" s="12"/>
    </row>
    <row r="482556" spans="8:8">
      <c r="H482556" s="12"/>
    </row>
    <row r="482557" spans="8:8">
      <c r="H482557" s="12"/>
    </row>
    <row r="482558" spans="8:8">
      <c r="H482558" s="12"/>
    </row>
    <row r="482559" spans="8:8">
      <c r="H482559" s="12"/>
    </row>
    <row r="482560" spans="8:8">
      <c r="H482560" s="12"/>
    </row>
    <row r="482561" spans="8:8">
      <c r="H482561" s="12"/>
    </row>
    <row r="482562" spans="8:8">
      <c r="H482562" s="12"/>
    </row>
    <row r="482563" spans="8:8">
      <c r="H482563" s="12"/>
    </row>
    <row r="482564" spans="8:8">
      <c r="H482564" s="12"/>
    </row>
    <row r="482565" spans="8:8">
      <c r="H482565" s="12"/>
    </row>
    <row r="482566" spans="8:8">
      <c r="H482566" s="12"/>
    </row>
    <row r="482567" spans="8:8">
      <c r="H482567" s="12"/>
    </row>
    <row r="482568" spans="8:8">
      <c r="H482568" s="12"/>
    </row>
    <row r="482569" spans="8:8">
      <c r="H482569" s="12"/>
    </row>
    <row r="482570" spans="8:8">
      <c r="H482570" s="12"/>
    </row>
    <row r="482571" spans="8:8">
      <c r="H482571" s="12"/>
    </row>
    <row r="482572" spans="8:8">
      <c r="H482572" s="12"/>
    </row>
    <row r="482573" spans="8:8">
      <c r="H482573" s="12"/>
    </row>
    <row r="482574" spans="8:8">
      <c r="H482574" s="12"/>
    </row>
    <row r="482575" spans="8:8">
      <c r="H482575" s="12"/>
    </row>
    <row r="482576" spans="8:8">
      <c r="H482576" s="12"/>
    </row>
    <row r="482577" spans="8:8">
      <c r="H482577" s="12"/>
    </row>
    <row r="482578" spans="8:8">
      <c r="H482578" s="12"/>
    </row>
    <row r="482579" spans="8:8">
      <c r="H482579" s="12"/>
    </row>
    <row r="482580" spans="8:8">
      <c r="H482580" s="12"/>
    </row>
    <row r="482581" spans="8:8">
      <c r="H482581" s="12"/>
    </row>
    <row r="482582" spans="8:8">
      <c r="H482582" s="12"/>
    </row>
    <row r="482583" spans="8:8">
      <c r="H482583" s="12"/>
    </row>
    <row r="482584" spans="8:8">
      <c r="H482584" s="12"/>
    </row>
    <row r="482585" spans="8:8">
      <c r="H482585" s="12"/>
    </row>
    <row r="482586" spans="8:8">
      <c r="H482586" s="12"/>
    </row>
    <row r="482587" spans="8:8">
      <c r="H482587" s="12"/>
    </row>
    <row r="482588" spans="8:8">
      <c r="H482588" s="12"/>
    </row>
    <row r="482589" spans="8:8">
      <c r="H482589" s="12"/>
    </row>
    <row r="482590" spans="8:8">
      <c r="H482590" s="12"/>
    </row>
    <row r="482591" spans="8:8">
      <c r="H482591" s="12"/>
    </row>
    <row r="482592" spans="8:8">
      <c r="H482592" s="12"/>
    </row>
    <row r="482593" spans="8:8">
      <c r="H482593" s="12"/>
    </row>
    <row r="482594" spans="8:8">
      <c r="H482594" s="12"/>
    </row>
    <row r="482595" spans="8:8">
      <c r="H482595" s="12"/>
    </row>
    <row r="482596" spans="8:8">
      <c r="H482596" s="12"/>
    </row>
    <row r="482597" spans="8:8">
      <c r="H482597" s="12"/>
    </row>
    <row r="482598" spans="8:8">
      <c r="H482598" s="12"/>
    </row>
    <row r="482599" spans="8:8">
      <c r="H482599" s="12"/>
    </row>
    <row r="482600" spans="8:8">
      <c r="H482600" s="12"/>
    </row>
    <row r="482601" spans="8:8">
      <c r="H482601" s="12"/>
    </row>
    <row r="482602" spans="8:8">
      <c r="H482602" s="12"/>
    </row>
    <row r="482603" spans="8:8">
      <c r="H482603" s="12"/>
    </row>
    <row r="482604" spans="8:8">
      <c r="H482604" s="12"/>
    </row>
    <row r="482605" spans="8:8">
      <c r="H482605" s="12"/>
    </row>
    <row r="482606" spans="8:8">
      <c r="H482606" s="12"/>
    </row>
    <row r="482607" spans="8:8">
      <c r="H482607" s="12"/>
    </row>
    <row r="482608" spans="8:8">
      <c r="H482608" s="12"/>
    </row>
    <row r="482609" spans="8:8">
      <c r="H482609" s="12"/>
    </row>
    <row r="482610" spans="8:8">
      <c r="H482610" s="12"/>
    </row>
    <row r="482611" spans="8:8">
      <c r="H482611" s="12"/>
    </row>
    <row r="482612" spans="8:8">
      <c r="H482612" s="12"/>
    </row>
    <row r="482613" spans="8:8">
      <c r="H482613" s="12"/>
    </row>
    <row r="482614" spans="8:8">
      <c r="H482614" s="12"/>
    </row>
    <row r="482615" spans="8:8">
      <c r="H482615" s="12"/>
    </row>
    <row r="482616" spans="8:8">
      <c r="H482616" s="12"/>
    </row>
    <row r="482617" spans="8:8">
      <c r="H482617" s="12"/>
    </row>
    <row r="482618" spans="8:8">
      <c r="H482618" s="12"/>
    </row>
    <row r="482619" spans="8:8">
      <c r="H482619" s="12"/>
    </row>
    <row r="482620" spans="8:8">
      <c r="H482620" s="12"/>
    </row>
    <row r="482621" spans="8:8">
      <c r="H482621" s="12"/>
    </row>
    <row r="482622" spans="8:8">
      <c r="H482622" s="12"/>
    </row>
    <row r="482623" spans="8:8">
      <c r="H482623" s="12"/>
    </row>
    <row r="482624" spans="8:8">
      <c r="H482624" s="12"/>
    </row>
    <row r="482625" spans="8:8">
      <c r="H482625" s="12"/>
    </row>
    <row r="482626" spans="8:8">
      <c r="H482626" s="12"/>
    </row>
    <row r="482627" spans="8:8">
      <c r="H482627" s="12"/>
    </row>
    <row r="482628" spans="8:8">
      <c r="H482628" s="12"/>
    </row>
    <row r="482629" spans="8:8">
      <c r="H482629" s="12"/>
    </row>
    <row r="482630" spans="8:8">
      <c r="H482630" s="12"/>
    </row>
    <row r="482631" spans="8:8">
      <c r="H482631" s="12"/>
    </row>
    <row r="482632" spans="8:8">
      <c r="H482632" s="12"/>
    </row>
    <row r="482633" spans="8:8">
      <c r="H482633" s="12"/>
    </row>
    <row r="482634" spans="8:8">
      <c r="H482634" s="12"/>
    </row>
    <row r="482635" spans="8:8">
      <c r="H482635" s="12"/>
    </row>
    <row r="482636" spans="8:8">
      <c r="H482636" s="12"/>
    </row>
    <row r="482637" spans="8:8">
      <c r="H482637" s="12"/>
    </row>
    <row r="482638" spans="8:8">
      <c r="H482638" s="12"/>
    </row>
    <row r="482639" spans="8:8">
      <c r="H482639" s="12"/>
    </row>
    <row r="482640" spans="8:8">
      <c r="H482640" s="12"/>
    </row>
    <row r="482641" spans="8:8">
      <c r="H482641" s="12"/>
    </row>
    <row r="482642" spans="8:8">
      <c r="H482642" s="12"/>
    </row>
    <row r="482643" spans="8:8">
      <c r="H482643" s="12"/>
    </row>
    <row r="482644" spans="8:8">
      <c r="H482644" s="12"/>
    </row>
    <row r="482645" spans="8:8">
      <c r="H482645" s="12"/>
    </row>
    <row r="482646" spans="8:8">
      <c r="H482646" s="12"/>
    </row>
    <row r="482647" spans="8:8">
      <c r="H482647" s="12"/>
    </row>
    <row r="482648" spans="8:8">
      <c r="H482648" s="12"/>
    </row>
    <row r="482649" spans="8:8">
      <c r="H482649" s="12"/>
    </row>
    <row r="482650" spans="8:8">
      <c r="H482650" s="12"/>
    </row>
    <row r="482651" spans="8:8">
      <c r="H482651" s="12"/>
    </row>
    <row r="482652" spans="8:8">
      <c r="H482652" s="12"/>
    </row>
    <row r="482653" spans="8:8">
      <c r="H482653" s="12"/>
    </row>
    <row r="482654" spans="8:8">
      <c r="H482654" s="12"/>
    </row>
    <row r="482655" spans="8:8">
      <c r="H482655" s="12"/>
    </row>
    <row r="482656" spans="8:8">
      <c r="H482656" s="12"/>
    </row>
    <row r="482657" spans="8:8">
      <c r="H482657" s="12"/>
    </row>
    <row r="482658" spans="8:8">
      <c r="H482658" s="12"/>
    </row>
    <row r="482659" spans="8:8">
      <c r="H482659" s="12"/>
    </row>
    <row r="482660" spans="8:8">
      <c r="H482660" s="12"/>
    </row>
    <row r="482661" spans="8:8">
      <c r="H482661" s="12"/>
    </row>
    <row r="482662" spans="8:8">
      <c r="H482662" s="12"/>
    </row>
    <row r="482663" spans="8:8">
      <c r="H482663" s="12"/>
    </row>
    <row r="482664" spans="8:8">
      <c r="H482664" s="12"/>
    </row>
    <row r="482665" spans="8:8">
      <c r="H482665" s="12"/>
    </row>
    <row r="482666" spans="8:8">
      <c r="H482666" s="12"/>
    </row>
    <row r="482667" spans="8:8">
      <c r="H482667" s="12"/>
    </row>
    <row r="482668" spans="8:8">
      <c r="H482668" s="12"/>
    </row>
    <row r="482669" spans="8:8">
      <c r="H482669" s="12"/>
    </row>
    <row r="482670" spans="8:8">
      <c r="H482670" s="12"/>
    </row>
    <row r="482671" spans="8:8">
      <c r="H482671" s="12"/>
    </row>
    <row r="482672" spans="8:8">
      <c r="H482672" s="12"/>
    </row>
    <row r="482673" spans="8:8">
      <c r="H482673" s="12"/>
    </row>
    <row r="482674" spans="8:8">
      <c r="H482674" s="12"/>
    </row>
    <row r="482675" spans="8:8">
      <c r="H482675" s="12"/>
    </row>
    <row r="482676" spans="8:8">
      <c r="H482676" s="12"/>
    </row>
    <row r="482677" spans="8:8">
      <c r="H482677" s="12"/>
    </row>
    <row r="482678" spans="8:8">
      <c r="H482678" s="12"/>
    </row>
    <row r="482679" spans="8:8">
      <c r="H482679" s="12"/>
    </row>
    <row r="482680" spans="8:8">
      <c r="H482680" s="12"/>
    </row>
    <row r="482681" spans="8:8">
      <c r="H482681" s="12"/>
    </row>
    <row r="482682" spans="8:8">
      <c r="H482682" s="12"/>
    </row>
    <row r="482683" spans="8:8">
      <c r="H482683" s="12"/>
    </row>
    <row r="482684" spans="8:8">
      <c r="H482684" s="12"/>
    </row>
    <row r="482685" spans="8:8">
      <c r="H482685" s="12"/>
    </row>
    <row r="482686" spans="8:8">
      <c r="H482686" s="12"/>
    </row>
    <row r="482687" spans="8:8">
      <c r="H482687" s="12"/>
    </row>
    <row r="482688" spans="8:8">
      <c r="H482688" s="12"/>
    </row>
    <row r="482689" spans="8:8">
      <c r="H482689" s="12"/>
    </row>
    <row r="482690" spans="8:8">
      <c r="H482690" s="12"/>
    </row>
    <row r="482691" spans="8:8">
      <c r="H482691" s="12"/>
    </row>
    <row r="482692" spans="8:8">
      <c r="H482692" s="12"/>
    </row>
    <row r="482693" spans="8:8">
      <c r="H482693" s="12"/>
    </row>
    <row r="482694" spans="8:8">
      <c r="H482694" s="12"/>
    </row>
    <row r="482695" spans="8:8">
      <c r="H482695" s="12"/>
    </row>
    <row r="482696" spans="8:8">
      <c r="H482696" s="12"/>
    </row>
    <row r="482697" spans="8:8">
      <c r="H482697" s="12"/>
    </row>
    <row r="482698" spans="8:8">
      <c r="H482698" s="12"/>
    </row>
    <row r="482699" spans="8:8">
      <c r="H482699" s="12"/>
    </row>
    <row r="482700" spans="8:8">
      <c r="H482700" s="12"/>
    </row>
    <row r="482701" spans="8:8">
      <c r="H482701" s="12"/>
    </row>
    <row r="482702" spans="8:8">
      <c r="H482702" s="12"/>
    </row>
    <row r="482703" spans="8:8">
      <c r="H482703" s="12"/>
    </row>
    <row r="482704" spans="8:8">
      <c r="H482704" s="12"/>
    </row>
    <row r="482705" spans="8:8">
      <c r="H482705" s="12"/>
    </row>
    <row r="482706" spans="8:8">
      <c r="H482706" s="12"/>
    </row>
    <row r="482707" spans="8:8">
      <c r="H482707" s="12"/>
    </row>
    <row r="482708" spans="8:8">
      <c r="H482708" s="12"/>
    </row>
    <row r="482709" spans="8:8">
      <c r="H482709" s="12"/>
    </row>
    <row r="482710" spans="8:8">
      <c r="H482710" s="12"/>
    </row>
    <row r="482711" spans="8:8">
      <c r="H482711" s="12"/>
    </row>
    <row r="482712" spans="8:8">
      <c r="H482712" s="12"/>
    </row>
    <row r="482713" spans="8:8">
      <c r="H482713" s="12"/>
    </row>
    <row r="482714" spans="8:8">
      <c r="H482714" s="12"/>
    </row>
    <row r="482715" spans="8:8">
      <c r="H482715" s="12"/>
    </row>
    <row r="482716" spans="8:8">
      <c r="H482716" s="12"/>
    </row>
    <row r="482717" spans="8:8">
      <c r="H482717" s="12"/>
    </row>
    <row r="482718" spans="8:8">
      <c r="H482718" s="12"/>
    </row>
    <row r="482719" spans="8:8">
      <c r="H482719" s="12"/>
    </row>
    <row r="482720" spans="8:8">
      <c r="H482720" s="12"/>
    </row>
    <row r="482721" spans="8:8">
      <c r="H482721" s="12"/>
    </row>
    <row r="482722" spans="8:8">
      <c r="H482722" s="12"/>
    </row>
    <row r="482723" spans="8:8">
      <c r="H482723" s="12"/>
    </row>
    <row r="482724" spans="8:8">
      <c r="H482724" s="12"/>
    </row>
    <row r="482725" spans="8:8">
      <c r="H482725" s="12"/>
    </row>
    <row r="482726" spans="8:8">
      <c r="H482726" s="12"/>
    </row>
    <row r="482727" spans="8:8">
      <c r="H482727" s="12"/>
    </row>
    <row r="482728" spans="8:8">
      <c r="H482728" s="12"/>
    </row>
    <row r="482729" spans="8:8">
      <c r="H482729" s="12"/>
    </row>
    <row r="482730" spans="8:8">
      <c r="H482730" s="12"/>
    </row>
    <row r="482731" spans="8:8">
      <c r="H482731" s="12"/>
    </row>
    <row r="482732" spans="8:8">
      <c r="H482732" s="12"/>
    </row>
    <row r="482733" spans="8:8">
      <c r="H482733" s="12"/>
    </row>
    <row r="482734" spans="8:8">
      <c r="H482734" s="12"/>
    </row>
    <row r="482735" spans="8:8">
      <c r="H482735" s="12"/>
    </row>
    <row r="482736" spans="8:8">
      <c r="H482736" s="12"/>
    </row>
    <row r="482737" spans="8:8">
      <c r="H482737" s="12"/>
    </row>
    <row r="482738" spans="8:8">
      <c r="H482738" s="12"/>
    </row>
    <row r="482739" spans="8:8">
      <c r="H482739" s="12"/>
    </row>
    <row r="482740" spans="8:8">
      <c r="H482740" s="12"/>
    </row>
    <row r="482741" spans="8:8">
      <c r="H482741" s="12"/>
    </row>
    <row r="482742" spans="8:8">
      <c r="H482742" s="12"/>
    </row>
    <row r="482743" spans="8:8">
      <c r="H482743" s="12"/>
    </row>
    <row r="482744" spans="8:8">
      <c r="H482744" s="12"/>
    </row>
    <row r="482745" spans="8:8">
      <c r="H482745" s="12"/>
    </row>
    <row r="482746" spans="8:8">
      <c r="H482746" s="12"/>
    </row>
    <row r="482747" spans="8:8">
      <c r="H482747" s="12"/>
    </row>
    <row r="482748" spans="8:8">
      <c r="H482748" s="12"/>
    </row>
    <row r="482749" spans="8:8">
      <c r="H482749" s="12"/>
    </row>
    <row r="482750" spans="8:8">
      <c r="H482750" s="12"/>
    </row>
    <row r="482751" spans="8:8">
      <c r="H482751" s="12"/>
    </row>
    <row r="482752" spans="8:8">
      <c r="H482752" s="12"/>
    </row>
    <row r="482753" spans="8:8">
      <c r="H482753" s="12"/>
    </row>
    <row r="482754" spans="8:8">
      <c r="H482754" s="12"/>
    </row>
    <row r="482755" spans="8:8">
      <c r="H482755" s="12"/>
    </row>
    <row r="482756" spans="8:8">
      <c r="H482756" s="12"/>
    </row>
    <row r="482757" spans="8:8">
      <c r="H482757" s="12"/>
    </row>
    <row r="482758" spans="8:8">
      <c r="H482758" s="12"/>
    </row>
    <row r="482759" spans="8:8">
      <c r="H482759" s="12"/>
    </row>
    <row r="482760" spans="8:8">
      <c r="H482760" s="12"/>
    </row>
    <row r="482761" spans="8:8">
      <c r="H482761" s="12"/>
    </row>
    <row r="482762" spans="8:8">
      <c r="H482762" s="12"/>
    </row>
    <row r="482763" spans="8:8">
      <c r="H482763" s="12"/>
    </row>
    <row r="482764" spans="8:8">
      <c r="H482764" s="12"/>
    </row>
    <row r="482765" spans="8:8">
      <c r="H482765" s="12"/>
    </row>
    <row r="482766" spans="8:8">
      <c r="H482766" s="12"/>
    </row>
    <row r="482767" spans="8:8">
      <c r="H482767" s="12"/>
    </row>
    <row r="482768" spans="8:8">
      <c r="H482768" s="12"/>
    </row>
    <row r="482769" spans="8:8">
      <c r="H482769" s="12"/>
    </row>
    <row r="482770" spans="8:8">
      <c r="H482770" s="12"/>
    </row>
    <row r="482771" spans="8:8">
      <c r="H482771" s="12"/>
    </row>
    <row r="482772" spans="8:8">
      <c r="H482772" s="12"/>
    </row>
    <row r="482773" spans="8:8">
      <c r="H482773" s="12"/>
    </row>
    <row r="482774" spans="8:8">
      <c r="H482774" s="12"/>
    </row>
    <row r="482775" spans="8:8">
      <c r="H482775" s="12"/>
    </row>
    <row r="482776" spans="8:8">
      <c r="H482776" s="12"/>
    </row>
    <row r="482777" spans="8:8">
      <c r="H482777" s="12"/>
    </row>
    <row r="482778" spans="8:8">
      <c r="H482778" s="12"/>
    </row>
    <row r="482779" spans="8:8">
      <c r="H482779" s="12"/>
    </row>
    <row r="482780" spans="8:8">
      <c r="H482780" s="12"/>
    </row>
    <row r="482781" spans="8:8">
      <c r="H482781" s="12"/>
    </row>
    <row r="482782" spans="8:8">
      <c r="H482782" s="12"/>
    </row>
    <row r="482783" spans="8:8">
      <c r="H482783" s="12"/>
    </row>
    <row r="482784" spans="8:8">
      <c r="H482784" s="12"/>
    </row>
    <row r="482785" spans="8:8">
      <c r="H482785" s="12"/>
    </row>
    <row r="482786" spans="8:8">
      <c r="H482786" s="12"/>
    </row>
    <row r="482787" spans="8:8">
      <c r="H482787" s="12"/>
    </row>
    <row r="482788" spans="8:8">
      <c r="H482788" s="12"/>
    </row>
    <row r="482789" spans="8:8">
      <c r="H482789" s="12"/>
    </row>
    <row r="482790" spans="8:8">
      <c r="H482790" s="12"/>
    </row>
    <row r="482791" spans="8:8">
      <c r="H482791" s="12"/>
    </row>
    <row r="482792" spans="8:8">
      <c r="H482792" s="12"/>
    </row>
    <row r="482793" spans="8:8">
      <c r="H482793" s="12"/>
    </row>
    <row r="482794" spans="8:8">
      <c r="H482794" s="12"/>
    </row>
    <row r="482795" spans="8:8">
      <c r="H482795" s="12"/>
    </row>
    <row r="482796" spans="8:8">
      <c r="H482796" s="12"/>
    </row>
    <row r="482797" spans="8:8">
      <c r="H482797" s="12"/>
    </row>
    <row r="482798" spans="8:8">
      <c r="H482798" s="12"/>
    </row>
    <row r="482799" spans="8:8">
      <c r="H482799" s="12"/>
    </row>
    <row r="482800" spans="8:8">
      <c r="H482800" s="12"/>
    </row>
    <row r="482801" spans="8:8">
      <c r="H482801" s="12"/>
    </row>
    <row r="482802" spans="8:8">
      <c r="H482802" s="12"/>
    </row>
    <row r="482803" spans="8:8">
      <c r="H482803" s="12"/>
    </row>
    <row r="482804" spans="8:8">
      <c r="H482804" s="12"/>
    </row>
    <row r="482805" spans="8:8">
      <c r="H482805" s="12"/>
    </row>
    <row r="482806" spans="8:8">
      <c r="H482806" s="12"/>
    </row>
    <row r="482807" spans="8:8">
      <c r="H482807" s="12"/>
    </row>
    <row r="482808" spans="8:8">
      <c r="H482808" s="12"/>
    </row>
    <row r="482809" spans="8:8">
      <c r="H482809" s="12"/>
    </row>
    <row r="482810" spans="8:8">
      <c r="H482810" s="12"/>
    </row>
    <row r="482811" spans="8:8">
      <c r="H482811" s="12"/>
    </row>
    <row r="482812" spans="8:8">
      <c r="H482812" s="12"/>
    </row>
    <row r="482813" spans="8:8">
      <c r="H482813" s="12"/>
    </row>
    <row r="482814" spans="8:8">
      <c r="H482814" s="12"/>
    </row>
    <row r="482815" spans="8:8">
      <c r="H482815" s="12"/>
    </row>
    <row r="482816" spans="8:8">
      <c r="H482816" s="12"/>
    </row>
    <row r="482817" spans="8:8">
      <c r="H482817" s="12"/>
    </row>
    <row r="482818" spans="8:8">
      <c r="H482818" s="12"/>
    </row>
    <row r="482819" spans="8:8">
      <c r="H482819" s="12"/>
    </row>
    <row r="482820" spans="8:8">
      <c r="H482820" s="12"/>
    </row>
    <row r="482821" spans="8:8">
      <c r="H482821" s="12"/>
    </row>
    <row r="482822" spans="8:8">
      <c r="H482822" s="12"/>
    </row>
    <row r="482823" spans="8:8">
      <c r="H482823" s="12"/>
    </row>
    <row r="482824" spans="8:8">
      <c r="H482824" s="12"/>
    </row>
    <row r="482825" spans="8:8">
      <c r="H482825" s="12"/>
    </row>
    <row r="482826" spans="8:8">
      <c r="H482826" s="12"/>
    </row>
    <row r="482827" spans="8:8">
      <c r="H482827" s="12"/>
    </row>
    <row r="482828" spans="8:8">
      <c r="H482828" s="12"/>
    </row>
    <row r="482829" spans="8:8">
      <c r="H482829" s="12"/>
    </row>
    <row r="482830" spans="8:8">
      <c r="H482830" s="12"/>
    </row>
    <row r="482831" spans="8:8">
      <c r="H482831" s="12"/>
    </row>
    <row r="482832" spans="8:8">
      <c r="H482832" s="12"/>
    </row>
    <row r="482833" spans="8:8">
      <c r="H482833" s="12"/>
    </row>
    <row r="482834" spans="8:8">
      <c r="H482834" s="12"/>
    </row>
    <row r="482835" spans="8:8">
      <c r="H482835" s="12"/>
    </row>
    <row r="482836" spans="8:8">
      <c r="H482836" s="12"/>
    </row>
    <row r="482837" spans="8:8">
      <c r="H482837" s="12"/>
    </row>
    <row r="482838" spans="8:8">
      <c r="H482838" s="12"/>
    </row>
    <row r="482839" spans="8:8">
      <c r="H482839" s="12"/>
    </row>
    <row r="482840" spans="8:8">
      <c r="H482840" s="12"/>
    </row>
    <row r="482841" spans="8:8">
      <c r="H482841" s="12"/>
    </row>
    <row r="482842" spans="8:8">
      <c r="H482842" s="12"/>
    </row>
    <row r="482843" spans="8:8">
      <c r="H482843" s="12"/>
    </row>
    <row r="482844" spans="8:8">
      <c r="H482844" s="12"/>
    </row>
    <row r="482845" spans="8:8">
      <c r="H482845" s="12"/>
    </row>
    <row r="482846" spans="8:8">
      <c r="H482846" s="12"/>
    </row>
    <row r="482847" spans="8:8">
      <c r="H482847" s="12"/>
    </row>
    <row r="482848" spans="8:8">
      <c r="H482848" s="12"/>
    </row>
    <row r="482849" spans="8:8">
      <c r="H482849" s="12"/>
    </row>
    <row r="482850" spans="8:8">
      <c r="H482850" s="12"/>
    </row>
    <row r="482851" spans="8:8">
      <c r="H482851" s="12"/>
    </row>
    <row r="482852" spans="8:8">
      <c r="H482852" s="12"/>
    </row>
    <row r="482853" spans="8:8">
      <c r="H482853" s="12"/>
    </row>
    <row r="482854" spans="8:8">
      <c r="H482854" s="12"/>
    </row>
    <row r="482855" spans="8:8">
      <c r="H482855" s="12"/>
    </row>
    <row r="482856" spans="8:8">
      <c r="H482856" s="12"/>
    </row>
    <row r="482857" spans="8:8">
      <c r="H482857" s="12"/>
    </row>
    <row r="482858" spans="8:8">
      <c r="H482858" s="12"/>
    </row>
    <row r="482859" spans="8:8">
      <c r="H482859" s="12"/>
    </row>
    <row r="482860" spans="8:8">
      <c r="H482860" s="12"/>
    </row>
    <row r="482861" spans="8:8">
      <c r="H482861" s="12"/>
    </row>
    <row r="482862" spans="8:8">
      <c r="H482862" s="12"/>
    </row>
    <row r="482863" spans="8:8">
      <c r="H482863" s="12"/>
    </row>
    <row r="482864" spans="8:8">
      <c r="H482864" s="12"/>
    </row>
    <row r="482865" spans="8:8">
      <c r="H482865" s="12"/>
    </row>
    <row r="482866" spans="8:8">
      <c r="H482866" s="12"/>
    </row>
    <row r="482867" spans="8:8">
      <c r="H482867" s="12"/>
    </row>
    <row r="482868" spans="8:8">
      <c r="H482868" s="12"/>
    </row>
    <row r="482869" spans="8:8">
      <c r="H482869" s="12"/>
    </row>
    <row r="482870" spans="8:8">
      <c r="H482870" s="12"/>
    </row>
    <row r="482871" spans="8:8">
      <c r="H482871" s="12"/>
    </row>
    <row r="482872" spans="8:8">
      <c r="H482872" s="12"/>
    </row>
    <row r="482873" spans="8:8">
      <c r="H482873" s="12"/>
    </row>
    <row r="482874" spans="8:8">
      <c r="H482874" s="12"/>
    </row>
    <row r="482875" spans="8:8">
      <c r="H482875" s="12"/>
    </row>
    <row r="482876" spans="8:8">
      <c r="H482876" s="12"/>
    </row>
    <row r="482877" spans="8:8">
      <c r="H482877" s="12"/>
    </row>
    <row r="482878" spans="8:8">
      <c r="H482878" s="12"/>
    </row>
    <row r="482879" spans="8:8">
      <c r="H482879" s="12"/>
    </row>
    <row r="482880" spans="8:8">
      <c r="H482880" s="12"/>
    </row>
    <row r="482881" spans="8:8">
      <c r="H482881" s="12"/>
    </row>
    <row r="482882" spans="8:8">
      <c r="H482882" s="12"/>
    </row>
    <row r="482883" spans="8:8">
      <c r="H482883" s="12"/>
    </row>
    <row r="482884" spans="8:8">
      <c r="H482884" s="12"/>
    </row>
    <row r="482885" spans="8:8">
      <c r="H482885" s="12"/>
    </row>
    <row r="482886" spans="8:8">
      <c r="H482886" s="12"/>
    </row>
    <row r="482887" spans="8:8">
      <c r="H482887" s="12"/>
    </row>
    <row r="482888" spans="8:8">
      <c r="H482888" s="12"/>
    </row>
    <row r="482889" spans="8:8">
      <c r="H482889" s="12"/>
    </row>
    <row r="482890" spans="8:8">
      <c r="H482890" s="12"/>
    </row>
    <row r="482891" spans="8:8">
      <c r="H482891" s="12"/>
    </row>
    <row r="482892" spans="8:8">
      <c r="H482892" s="12"/>
    </row>
    <row r="482893" spans="8:8">
      <c r="H482893" s="12"/>
    </row>
    <row r="482894" spans="8:8">
      <c r="H482894" s="12"/>
    </row>
    <row r="482895" spans="8:8">
      <c r="H482895" s="12"/>
    </row>
    <row r="482896" spans="8:8">
      <c r="H482896" s="12"/>
    </row>
    <row r="482897" spans="8:8">
      <c r="H482897" s="12"/>
    </row>
    <row r="482898" spans="8:8">
      <c r="H482898" s="12"/>
    </row>
    <row r="482899" spans="8:8">
      <c r="H482899" s="12"/>
    </row>
    <row r="482900" spans="8:8">
      <c r="H482900" s="12"/>
    </row>
    <row r="482901" spans="8:8">
      <c r="H482901" s="12"/>
    </row>
    <row r="482902" spans="8:8">
      <c r="H482902" s="12"/>
    </row>
    <row r="482903" spans="8:8">
      <c r="H482903" s="12"/>
    </row>
    <row r="482904" spans="8:8">
      <c r="H482904" s="12"/>
    </row>
    <row r="482905" spans="8:8">
      <c r="H482905" s="12"/>
    </row>
    <row r="482906" spans="8:8">
      <c r="H482906" s="12"/>
    </row>
    <row r="482907" spans="8:8">
      <c r="H482907" s="12"/>
    </row>
    <row r="482908" spans="8:8">
      <c r="H482908" s="12"/>
    </row>
    <row r="482909" spans="8:8">
      <c r="H482909" s="12"/>
    </row>
    <row r="482910" spans="8:8">
      <c r="H482910" s="12"/>
    </row>
    <row r="482911" spans="8:8">
      <c r="H482911" s="12"/>
    </row>
    <row r="482912" spans="8:8">
      <c r="H482912" s="12"/>
    </row>
    <row r="482913" spans="8:8">
      <c r="H482913" s="12"/>
    </row>
    <row r="482914" spans="8:8">
      <c r="H482914" s="12"/>
    </row>
    <row r="482915" spans="8:8">
      <c r="H482915" s="12"/>
    </row>
    <row r="482916" spans="8:8">
      <c r="H482916" s="12"/>
    </row>
    <row r="482917" spans="8:8">
      <c r="H482917" s="12"/>
    </row>
    <row r="482918" spans="8:8">
      <c r="H482918" s="12"/>
    </row>
    <row r="482919" spans="8:8">
      <c r="H482919" s="12"/>
    </row>
    <row r="482920" spans="8:8">
      <c r="H482920" s="12"/>
    </row>
    <row r="482921" spans="8:8">
      <c r="H482921" s="12"/>
    </row>
    <row r="482922" spans="8:8">
      <c r="H482922" s="12"/>
    </row>
    <row r="482923" spans="8:8">
      <c r="H482923" s="12"/>
    </row>
    <row r="482924" spans="8:8">
      <c r="H482924" s="12"/>
    </row>
    <row r="482925" spans="8:8">
      <c r="H482925" s="12"/>
    </row>
    <row r="482926" spans="8:8">
      <c r="H482926" s="12"/>
    </row>
    <row r="482927" spans="8:8">
      <c r="H482927" s="12"/>
    </row>
    <row r="482928" spans="8:8">
      <c r="H482928" s="12"/>
    </row>
    <row r="482929" spans="8:8">
      <c r="H482929" s="12"/>
    </row>
    <row r="482930" spans="8:8">
      <c r="H482930" s="12"/>
    </row>
    <row r="482931" spans="8:8">
      <c r="H482931" s="12"/>
    </row>
    <row r="482932" spans="8:8">
      <c r="H482932" s="12"/>
    </row>
    <row r="482933" spans="8:8">
      <c r="H482933" s="12"/>
    </row>
    <row r="482934" spans="8:8">
      <c r="H482934" s="12"/>
    </row>
    <row r="482935" spans="8:8">
      <c r="H482935" s="12"/>
    </row>
    <row r="482936" spans="8:8">
      <c r="H482936" s="12"/>
    </row>
    <row r="482937" spans="8:8">
      <c r="H482937" s="12"/>
    </row>
    <row r="482938" spans="8:8">
      <c r="H482938" s="12"/>
    </row>
    <row r="482939" spans="8:8">
      <c r="H482939" s="12"/>
    </row>
    <row r="482940" spans="8:8">
      <c r="H482940" s="12"/>
    </row>
    <row r="482941" spans="8:8">
      <c r="H482941" s="12"/>
    </row>
    <row r="482942" spans="8:8">
      <c r="H482942" s="12"/>
    </row>
    <row r="482943" spans="8:8">
      <c r="H482943" s="12"/>
    </row>
    <row r="482944" spans="8:8">
      <c r="H482944" s="12"/>
    </row>
    <row r="482945" spans="8:8">
      <c r="H482945" s="12"/>
    </row>
    <row r="482946" spans="8:8">
      <c r="H482946" s="12"/>
    </row>
    <row r="482947" spans="8:8">
      <c r="H482947" s="12"/>
    </row>
    <row r="482948" spans="8:8">
      <c r="H482948" s="12"/>
    </row>
    <row r="482949" spans="8:8">
      <c r="H482949" s="12"/>
    </row>
    <row r="482950" spans="8:8">
      <c r="H482950" s="12"/>
    </row>
    <row r="482951" spans="8:8">
      <c r="H482951" s="12"/>
    </row>
    <row r="482952" spans="8:8">
      <c r="H482952" s="12"/>
    </row>
    <row r="482953" spans="8:8">
      <c r="H482953" s="12"/>
    </row>
    <row r="482954" spans="8:8">
      <c r="H482954" s="12"/>
    </row>
    <row r="482955" spans="8:8">
      <c r="H482955" s="12"/>
    </row>
    <row r="482956" spans="8:8">
      <c r="H482956" s="12"/>
    </row>
    <row r="482957" spans="8:8">
      <c r="H482957" s="12"/>
    </row>
    <row r="482958" spans="8:8">
      <c r="H482958" s="12"/>
    </row>
    <row r="482959" spans="8:8">
      <c r="H482959" s="12"/>
    </row>
    <row r="482960" spans="8:8">
      <c r="H482960" s="12"/>
    </row>
    <row r="482961" spans="8:8">
      <c r="H482961" s="12"/>
    </row>
    <row r="482962" spans="8:8">
      <c r="H482962" s="12"/>
    </row>
    <row r="482963" spans="8:8">
      <c r="H482963" s="12"/>
    </row>
    <row r="482964" spans="8:8">
      <c r="H482964" s="12"/>
    </row>
    <row r="482965" spans="8:8">
      <c r="H482965" s="12"/>
    </row>
    <row r="482966" spans="8:8">
      <c r="H482966" s="12"/>
    </row>
    <row r="482967" spans="8:8">
      <c r="H482967" s="12"/>
    </row>
    <row r="482968" spans="8:8">
      <c r="H482968" s="12"/>
    </row>
    <row r="482969" spans="8:8">
      <c r="H482969" s="12"/>
    </row>
    <row r="482970" spans="8:8">
      <c r="H482970" s="12"/>
    </row>
    <row r="482971" spans="8:8">
      <c r="H482971" s="12"/>
    </row>
    <row r="482972" spans="8:8">
      <c r="H482972" s="12"/>
    </row>
    <row r="482973" spans="8:8">
      <c r="H482973" s="12"/>
    </row>
    <row r="482974" spans="8:8">
      <c r="H482974" s="12"/>
    </row>
    <row r="482975" spans="8:8">
      <c r="H482975" s="12"/>
    </row>
    <row r="482976" spans="8:8">
      <c r="H482976" s="12"/>
    </row>
    <row r="482977" spans="8:8">
      <c r="H482977" s="12"/>
    </row>
    <row r="482978" spans="8:8">
      <c r="H482978" s="12"/>
    </row>
    <row r="482979" spans="8:8">
      <c r="H482979" s="12"/>
    </row>
    <row r="482980" spans="8:8">
      <c r="H482980" s="12"/>
    </row>
    <row r="482981" spans="8:8">
      <c r="H482981" s="12"/>
    </row>
    <row r="482982" spans="8:8">
      <c r="H482982" s="12"/>
    </row>
    <row r="482983" spans="8:8">
      <c r="H482983" s="12"/>
    </row>
    <row r="482984" spans="8:8">
      <c r="H482984" s="12"/>
    </row>
    <row r="482985" spans="8:8">
      <c r="H482985" s="12"/>
    </row>
    <row r="482986" spans="8:8">
      <c r="H482986" s="12"/>
    </row>
    <row r="482987" spans="8:8">
      <c r="H482987" s="12"/>
    </row>
    <row r="482988" spans="8:8">
      <c r="H482988" s="12"/>
    </row>
    <row r="482989" spans="8:8">
      <c r="H482989" s="12"/>
    </row>
    <row r="482990" spans="8:8">
      <c r="H482990" s="12"/>
    </row>
    <row r="482991" spans="8:8">
      <c r="H482991" s="12"/>
    </row>
    <row r="482992" spans="8:8">
      <c r="H482992" s="12"/>
    </row>
    <row r="482993" spans="8:8">
      <c r="H482993" s="12"/>
    </row>
    <row r="482994" spans="8:8">
      <c r="H482994" s="12"/>
    </row>
    <row r="482995" spans="8:8">
      <c r="H482995" s="12"/>
    </row>
    <row r="482996" spans="8:8">
      <c r="H482996" s="12"/>
    </row>
    <row r="482997" spans="8:8">
      <c r="H482997" s="12"/>
    </row>
    <row r="482998" spans="8:8">
      <c r="H482998" s="12"/>
    </row>
    <row r="482999" spans="8:8">
      <c r="H482999" s="12"/>
    </row>
    <row r="483000" spans="8:8">
      <c r="H483000" s="12"/>
    </row>
    <row r="483001" spans="8:8">
      <c r="H483001" s="12"/>
    </row>
    <row r="483002" spans="8:8">
      <c r="H483002" s="12"/>
    </row>
    <row r="483003" spans="8:8">
      <c r="H483003" s="12"/>
    </row>
    <row r="483004" spans="8:8">
      <c r="H483004" s="12"/>
    </row>
    <row r="483005" spans="8:8">
      <c r="H483005" s="12"/>
    </row>
    <row r="483006" spans="8:8">
      <c r="H483006" s="12"/>
    </row>
    <row r="483007" spans="8:8">
      <c r="H483007" s="12"/>
    </row>
    <row r="483008" spans="8:8">
      <c r="H483008" s="12"/>
    </row>
    <row r="483009" spans="8:8">
      <c r="H483009" s="12"/>
    </row>
    <row r="483010" spans="8:8">
      <c r="H483010" s="12"/>
    </row>
    <row r="483011" spans="8:8">
      <c r="H483011" s="12"/>
    </row>
    <row r="483012" spans="8:8">
      <c r="H483012" s="12"/>
    </row>
    <row r="483013" spans="8:8">
      <c r="H483013" s="12"/>
    </row>
    <row r="483014" spans="8:8">
      <c r="H483014" s="12"/>
    </row>
    <row r="483015" spans="8:8">
      <c r="H483015" s="12"/>
    </row>
    <row r="483016" spans="8:8">
      <c r="H483016" s="12"/>
    </row>
    <row r="483017" spans="8:8">
      <c r="H483017" s="12"/>
    </row>
    <row r="483018" spans="8:8">
      <c r="H483018" s="12"/>
    </row>
    <row r="483019" spans="8:8">
      <c r="H483019" s="12"/>
    </row>
    <row r="483020" spans="8:8">
      <c r="H483020" s="12"/>
    </row>
    <row r="483021" spans="8:8">
      <c r="H483021" s="12"/>
    </row>
    <row r="483022" spans="8:8">
      <c r="H483022" s="12"/>
    </row>
    <row r="483023" spans="8:8">
      <c r="H483023" s="12"/>
    </row>
    <row r="483024" spans="8:8">
      <c r="H483024" s="12"/>
    </row>
    <row r="483025" spans="8:8">
      <c r="H483025" s="12"/>
    </row>
    <row r="483026" spans="8:8">
      <c r="H483026" s="12"/>
    </row>
    <row r="483027" spans="8:8">
      <c r="H483027" s="12"/>
    </row>
    <row r="483028" spans="8:8">
      <c r="H483028" s="12"/>
    </row>
    <row r="483029" spans="8:8">
      <c r="H483029" s="12"/>
    </row>
    <row r="483030" spans="8:8">
      <c r="H483030" s="12"/>
    </row>
    <row r="483031" spans="8:8">
      <c r="H483031" s="12"/>
    </row>
    <row r="483032" spans="8:8">
      <c r="H483032" s="12"/>
    </row>
    <row r="483033" spans="8:8">
      <c r="H483033" s="12"/>
    </row>
    <row r="483034" spans="8:8">
      <c r="H483034" s="12"/>
    </row>
    <row r="483035" spans="8:8">
      <c r="H483035" s="12"/>
    </row>
    <row r="483036" spans="8:8">
      <c r="H483036" s="12"/>
    </row>
    <row r="483037" spans="8:8">
      <c r="H483037" s="12"/>
    </row>
    <row r="483038" spans="8:8">
      <c r="H483038" s="12"/>
    </row>
    <row r="483039" spans="8:8">
      <c r="H483039" s="12"/>
    </row>
    <row r="483040" spans="8:8">
      <c r="H483040" s="12"/>
    </row>
    <row r="483041" spans="8:8">
      <c r="H483041" s="12"/>
    </row>
    <row r="483042" spans="8:8">
      <c r="H483042" s="12"/>
    </row>
    <row r="483043" spans="8:8">
      <c r="H483043" s="12"/>
    </row>
    <row r="483044" spans="8:8">
      <c r="H483044" s="12"/>
    </row>
    <row r="483045" spans="8:8">
      <c r="H483045" s="12"/>
    </row>
    <row r="483046" spans="8:8">
      <c r="H483046" s="12"/>
    </row>
    <row r="483047" spans="8:8">
      <c r="H483047" s="12"/>
    </row>
    <row r="483048" spans="8:8">
      <c r="H483048" s="12"/>
    </row>
    <row r="483049" spans="8:8">
      <c r="H483049" s="12"/>
    </row>
    <row r="483050" spans="8:8">
      <c r="H483050" s="12"/>
    </row>
    <row r="483051" spans="8:8">
      <c r="H483051" s="12"/>
    </row>
    <row r="483052" spans="8:8">
      <c r="H483052" s="12"/>
    </row>
    <row r="483053" spans="8:8">
      <c r="H483053" s="12"/>
    </row>
    <row r="483054" spans="8:8">
      <c r="H483054" s="12"/>
    </row>
    <row r="483055" spans="8:8">
      <c r="H483055" s="12"/>
    </row>
    <row r="483056" spans="8:8">
      <c r="H483056" s="12"/>
    </row>
    <row r="483057" spans="8:8">
      <c r="H483057" s="12"/>
    </row>
    <row r="483058" spans="8:8">
      <c r="H483058" s="12"/>
    </row>
    <row r="483059" spans="8:8">
      <c r="H483059" s="12"/>
    </row>
    <row r="483060" spans="8:8">
      <c r="H483060" s="12"/>
    </row>
    <row r="483061" spans="8:8">
      <c r="H483061" s="12"/>
    </row>
    <row r="483062" spans="8:8">
      <c r="H483062" s="12"/>
    </row>
    <row r="483063" spans="8:8">
      <c r="H483063" s="12"/>
    </row>
    <row r="483064" spans="8:8">
      <c r="H483064" s="12"/>
    </row>
    <row r="483065" spans="8:8">
      <c r="H483065" s="12"/>
    </row>
    <row r="483066" spans="8:8">
      <c r="H483066" s="12"/>
    </row>
    <row r="483067" spans="8:8">
      <c r="H483067" s="12"/>
    </row>
    <row r="483068" spans="8:8">
      <c r="H483068" s="12"/>
    </row>
    <row r="483069" spans="8:8">
      <c r="H483069" s="12"/>
    </row>
    <row r="483070" spans="8:8">
      <c r="H483070" s="12"/>
    </row>
    <row r="483071" spans="8:8">
      <c r="H483071" s="12"/>
    </row>
    <row r="483072" spans="8:8">
      <c r="H483072" s="12"/>
    </row>
    <row r="483073" spans="8:8">
      <c r="H483073" s="12"/>
    </row>
    <row r="483074" spans="8:8">
      <c r="H483074" s="12"/>
    </row>
    <row r="483075" spans="8:8">
      <c r="H483075" s="12"/>
    </row>
    <row r="483076" spans="8:8">
      <c r="H483076" s="12"/>
    </row>
    <row r="483077" spans="8:8">
      <c r="H483077" s="12"/>
    </row>
    <row r="483078" spans="8:8">
      <c r="H483078" s="12"/>
    </row>
    <row r="483079" spans="8:8">
      <c r="H483079" s="12"/>
    </row>
    <row r="483080" spans="8:8">
      <c r="H483080" s="12"/>
    </row>
    <row r="483081" spans="8:8">
      <c r="H483081" s="12"/>
    </row>
    <row r="483082" spans="8:8">
      <c r="H483082" s="12"/>
    </row>
    <row r="483083" spans="8:8">
      <c r="H483083" s="12"/>
    </row>
    <row r="483084" spans="8:8">
      <c r="H483084" s="12"/>
    </row>
    <row r="483085" spans="8:8">
      <c r="H483085" s="12"/>
    </row>
    <row r="483086" spans="8:8">
      <c r="H483086" s="12"/>
    </row>
    <row r="483087" spans="8:8">
      <c r="H483087" s="12"/>
    </row>
    <row r="483088" spans="8:8">
      <c r="H483088" s="12"/>
    </row>
    <row r="483089" spans="8:8">
      <c r="H483089" s="12"/>
    </row>
    <row r="483090" spans="8:8">
      <c r="H483090" s="12"/>
    </row>
    <row r="483091" spans="8:8">
      <c r="H483091" s="12"/>
    </row>
    <row r="483092" spans="8:8">
      <c r="H483092" s="12"/>
    </row>
    <row r="483093" spans="8:8">
      <c r="H483093" s="12"/>
    </row>
    <row r="483094" spans="8:8">
      <c r="H483094" s="12"/>
    </row>
    <row r="483095" spans="8:8">
      <c r="H483095" s="12"/>
    </row>
    <row r="483096" spans="8:8">
      <c r="H483096" s="12"/>
    </row>
    <row r="483097" spans="8:8">
      <c r="H483097" s="12"/>
    </row>
    <row r="483098" spans="8:8">
      <c r="H483098" s="12"/>
    </row>
    <row r="483099" spans="8:8">
      <c r="H483099" s="12"/>
    </row>
    <row r="483100" spans="8:8">
      <c r="H483100" s="12"/>
    </row>
    <row r="483101" spans="8:8">
      <c r="H483101" s="12"/>
    </row>
    <row r="483102" spans="8:8">
      <c r="H483102" s="12"/>
    </row>
    <row r="483103" spans="8:8">
      <c r="H483103" s="12"/>
    </row>
    <row r="483104" spans="8:8">
      <c r="H483104" s="12"/>
    </row>
    <row r="483105" spans="8:8">
      <c r="H483105" s="12"/>
    </row>
    <row r="483106" spans="8:8">
      <c r="H483106" s="12"/>
    </row>
    <row r="483107" spans="8:8">
      <c r="H483107" s="12"/>
    </row>
    <row r="483108" spans="8:8">
      <c r="H483108" s="12"/>
    </row>
    <row r="483109" spans="8:8">
      <c r="H483109" s="12"/>
    </row>
    <row r="483110" spans="8:8">
      <c r="H483110" s="12"/>
    </row>
    <row r="483111" spans="8:8">
      <c r="H483111" s="12"/>
    </row>
    <row r="483112" spans="8:8">
      <c r="H483112" s="12"/>
    </row>
    <row r="483113" spans="8:8">
      <c r="H483113" s="12"/>
    </row>
    <row r="483114" spans="8:8">
      <c r="H483114" s="12"/>
    </row>
    <row r="483115" spans="8:8">
      <c r="H483115" s="12"/>
    </row>
    <row r="483116" spans="8:8">
      <c r="H483116" s="12"/>
    </row>
    <row r="483117" spans="8:8">
      <c r="H483117" s="12"/>
    </row>
    <row r="483118" spans="8:8">
      <c r="H483118" s="12"/>
    </row>
    <row r="483119" spans="8:8">
      <c r="H483119" s="12"/>
    </row>
    <row r="483120" spans="8:8">
      <c r="H483120" s="12"/>
    </row>
    <row r="483121" spans="8:8">
      <c r="H483121" s="12"/>
    </row>
    <row r="483122" spans="8:8">
      <c r="H483122" s="12"/>
    </row>
    <row r="483123" spans="8:8">
      <c r="H483123" s="12"/>
    </row>
    <row r="483124" spans="8:8">
      <c r="H483124" s="12"/>
    </row>
    <row r="483125" spans="8:8">
      <c r="H483125" s="12"/>
    </row>
    <row r="483126" spans="8:8">
      <c r="H483126" s="12"/>
    </row>
    <row r="483127" spans="8:8">
      <c r="H483127" s="12"/>
    </row>
    <row r="483128" spans="8:8">
      <c r="H483128" s="12"/>
    </row>
    <row r="483129" spans="8:8">
      <c r="H483129" s="12"/>
    </row>
    <row r="483130" spans="8:8">
      <c r="H483130" s="12"/>
    </row>
    <row r="483131" spans="8:8">
      <c r="H483131" s="12"/>
    </row>
    <row r="483132" spans="8:8">
      <c r="H483132" s="12"/>
    </row>
    <row r="483133" spans="8:8">
      <c r="H483133" s="12"/>
    </row>
    <row r="483134" spans="8:8">
      <c r="H483134" s="12"/>
    </row>
    <row r="483135" spans="8:8">
      <c r="H483135" s="12"/>
    </row>
    <row r="483136" spans="8:8">
      <c r="H483136" s="12"/>
    </row>
    <row r="483137" spans="8:8">
      <c r="H483137" s="12"/>
    </row>
    <row r="483138" spans="8:8">
      <c r="H483138" s="12"/>
    </row>
    <row r="483139" spans="8:8">
      <c r="H483139" s="12"/>
    </row>
    <row r="483140" spans="8:8">
      <c r="H483140" s="12"/>
    </row>
    <row r="483141" spans="8:8">
      <c r="H483141" s="12"/>
    </row>
    <row r="483142" spans="8:8">
      <c r="H483142" s="12"/>
    </row>
    <row r="483143" spans="8:8">
      <c r="H483143" s="12"/>
    </row>
    <row r="483144" spans="8:8">
      <c r="H483144" s="12"/>
    </row>
    <row r="483145" spans="8:8">
      <c r="H483145" s="12"/>
    </row>
    <row r="483146" spans="8:8">
      <c r="H483146" s="12"/>
    </row>
    <row r="483147" spans="8:8">
      <c r="H483147" s="12"/>
    </row>
    <row r="483148" spans="8:8">
      <c r="H483148" s="12"/>
    </row>
    <row r="483149" spans="8:8">
      <c r="H483149" s="12"/>
    </row>
    <row r="483150" spans="8:8">
      <c r="H483150" s="12"/>
    </row>
    <row r="483151" spans="8:8">
      <c r="H483151" s="12"/>
    </row>
    <row r="483152" spans="8:8">
      <c r="H483152" s="12"/>
    </row>
    <row r="483153" spans="8:8">
      <c r="H483153" s="12"/>
    </row>
    <row r="483154" spans="8:8">
      <c r="H483154" s="12"/>
    </row>
    <row r="483155" spans="8:8">
      <c r="H483155" s="12"/>
    </row>
    <row r="483156" spans="8:8">
      <c r="H483156" s="12"/>
    </row>
    <row r="483157" spans="8:8">
      <c r="H483157" s="12"/>
    </row>
    <row r="483158" spans="8:8">
      <c r="H483158" s="12"/>
    </row>
    <row r="483159" spans="8:8">
      <c r="H483159" s="12"/>
    </row>
    <row r="483160" spans="8:8">
      <c r="H483160" s="12"/>
    </row>
    <row r="483161" spans="8:8">
      <c r="H483161" s="12"/>
    </row>
    <row r="483162" spans="8:8">
      <c r="H483162" s="12"/>
    </row>
    <row r="483163" spans="8:8">
      <c r="H483163" s="12"/>
    </row>
    <row r="483164" spans="8:8">
      <c r="H483164" s="12"/>
    </row>
    <row r="483165" spans="8:8">
      <c r="H483165" s="12"/>
    </row>
    <row r="483166" spans="8:8">
      <c r="H483166" s="12"/>
    </row>
    <row r="483167" spans="8:8">
      <c r="H483167" s="12"/>
    </row>
    <row r="483168" spans="8:8">
      <c r="H483168" s="12"/>
    </row>
    <row r="483169" spans="8:8">
      <c r="H483169" s="12"/>
    </row>
    <row r="483170" spans="8:8">
      <c r="H483170" s="12"/>
    </row>
    <row r="483171" spans="8:8">
      <c r="H483171" s="12"/>
    </row>
    <row r="483172" spans="8:8">
      <c r="H483172" s="12"/>
    </row>
    <row r="483173" spans="8:8">
      <c r="H483173" s="12"/>
    </row>
    <row r="483174" spans="8:8">
      <c r="H483174" s="12"/>
    </row>
    <row r="483175" spans="8:8">
      <c r="H483175" s="12"/>
    </row>
    <row r="483176" spans="8:8">
      <c r="H483176" s="12"/>
    </row>
    <row r="483177" spans="8:8">
      <c r="H483177" s="12"/>
    </row>
    <row r="483178" spans="8:8">
      <c r="H483178" s="12"/>
    </row>
    <row r="483179" spans="8:8">
      <c r="H483179" s="12"/>
    </row>
    <row r="483180" spans="8:8">
      <c r="H483180" s="12"/>
    </row>
    <row r="483181" spans="8:8">
      <c r="H483181" s="12"/>
    </row>
    <row r="483182" spans="8:8">
      <c r="H483182" s="12"/>
    </row>
    <row r="483183" spans="8:8">
      <c r="H483183" s="12"/>
    </row>
    <row r="483184" spans="8:8">
      <c r="H483184" s="12"/>
    </row>
    <row r="483185" spans="8:8">
      <c r="H483185" s="12"/>
    </row>
    <row r="483186" spans="8:8">
      <c r="H483186" s="12"/>
    </row>
    <row r="483187" spans="8:8">
      <c r="H483187" s="12"/>
    </row>
    <row r="483188" spans="8:8">
      <c r="H483188" s="12"/>
    </row>
    <row r="483189" spans="8:8">
      <c r="H483189" s="12"/>
    </row>
    <row r="483190" spans="8:8">
      <c r="H483190" s="12"/>
    </row>
    <row r="483191" spans="8:8">
      <c r="H483191" s="12"/>
    </row>
    <row r="483192" spans="8:8">
      <c r="H483192" s="12"/>
    </row>
    <row r="483193" spans="8:8">
      <c r="H483193" s="12"/>
    </row>
    <row r="483194" spans="8:8">
      <c r="H483194" s="12"/>
    </row>
    <row r="483195" spans="8:8">
      <c r="H483195" s="12"/>
    </row>
    <row r="483196" spans="8:8">
      <c r="H483196" s="12"/>
    </row>
    <row r="483197" spans="8:8">
      <c r="H483197" s="12"/>
    </row>
    <row r="483198" spans="8:8">
      <c r="H483198" s="12"/>
    </row>
    <row r="483199" spans="8:8">
      <c r="H483199" s="12"/>
    </row>
    <row r="483200" spans="8:8">
      <c r="H483200" s="12"/>
    </row>
    <row r="483201" spans="8:8">
      <c r="H483201" s="12"/>
    </row>
    <row r="483202" spans="8:8">
      <c r="H483202" s="12"/>
    </row>
    <row r="483203" spans="8:8">
      <c r="H483203" s="12"/>
    </row>
    <row r="483204" spans="8:8">
      <c r="H483204" s="12"/>
    </row>
    <row r="483205" spans="8:8">
      <c r="H483205" s="12"/>
    </row>
    <row r="483206" spans="8:8">
      <c r="H483206" s="12"/>
    </row>
    <row r="483207" spans="8:8">
      <c r="H483207" s="12"/>
    </row>
    <row r="483208" spans="8:8">
      <c r="H483208" s="12"/>
    </row>
    <row r="483209" spans="8:8">
      <c r="H483209" s="12"/>
    </row>
    <row r="483210" spans="8:8">
      <c r="H483210" s="12"/>
    </row>
    <row r="483211" spans="8:8">
      <c r="H483211" s="12"/>
    </row>
    <row r="483212" spans="8:8">
      <c r="H483212" s="12"/>
    </row>
    <row r="483213" spans="8:8">
      <c r="H483213" s="12"/>
    </row>
    <row r="483214" spans="8:8">
      <c r="H483214" s="12"/>
    </row>
    <row r="483215" spans="8:8">
      <c r="H483215" s="12"/>
    </row>
    <row r="483216" spans="8:8">
      <c r="H483216" s="12"/>
    </row>
    <row r="483217" spans="8:8">
      <c r="H483217" s="12"/>
    </row>
    <row r="483218" spans="8:8">
      <c r="H483218" s="12"/>
    </row>
    <row r="483219" spans="8:8">
      <c r="H483219" s="12"/>
    </row>
    <row r="483220" spans="8:8">
      <c r="H483220" s="12"/>
    </row>
    <row r="483221" spans="8:8">
      <c r="H483221" s="12"/>
    </row>
    <row r="483222" spans="8:8">
      <c r="H483222" s="12"/>
    </row>
    <row r="483223" spans="8:8">
      <c r="H483223" s="12"/>
    </row>
    <row r="483224" spans="8:8">
      <c r="H483224" s="12"/>
    </row>
    <row r="483225" spans="8:8">
      <c r="H483225" s="12"/>
    </row>
    <row r="483226" spans="8:8">
      <c r="H483226" s="12"/>
    </row>
    <row r="483227" spans="8:8">
      <c r="H483227" s="12"/>
    </row>
    <row r="483228" spans="8:8">
      <c r="H483228" s="12"/>
    </row>
    <row r="483229" spans="8:8">
      <c r="H483229" s="12"/>
    </row>
    <row r="483230" spans="8:8">
      <c r="H483230" s="12"/>
    </row>
    <row r="483231" spans="8:8">
      <c r="H483231" s="12"/>
    </row>
    <row r="483232" spans="8:8">
      <c r="H483232" s="12"/>
    </row>
    <row r="483233" spans="8:8">
      <c r="H483233" s="12"/>
    </row>
    <row r="483234" spans="8:8">
      <c r="H483234" s="12"/>
    </row>
    <row r="483235" spans="8:8">
      <c r="H483235" s="12"/>
    </row>
    <row r="483236" spans="8:8">
      <c r="H483236" s="12"/>
    </row>
    <row r="483237" spans="8:8">
      <c r="H483237" s="12"/>
    </row>
    <row r="483238" spans="8:8">
      <c r="H483238" s="12"/>
    </row>
    <row r="483239" spans="8:8">
      <c r="H483239" s="12"/>
    </row>
    <row r="483240" spans="8:8">
      <c r="H483240" s="12"/>
    </row>
    <row r="483241" spans="8:8">
      <c r="H483241" s="12"/>
    </row>
    <row r="483242" spans="8:8">
      <c r="H483242" s="12"/>
    </row>
    <row r="483243" spans="8:8">
      <c r="H483243" s="12"/>
    </row>
    <row r="483244" spans="8:8">
      <c r="H483244" s="12"/>
    </row>
    <row r="483245" spans="8:8">
      <c r="H483245" s="12"/>
    </row>
    <row r="483246" spans="8:8">
      <c r="H483246" s="12"/>
    </row>
    <row r="483247" spans="8:8">
      <c r="H483247" s="12"/>
    </row>
    <row r="483248" spans="8:8">
      <c r="H483248" s="12"/>
    </row>
    <row r="483249" spans="8:8">
      <c r="H483249" s="12"/>
    </row>
    <row r="483250" spans="8:8">
      <c r="H483250" s="12"/>
    </row>
    <row r="483251" spans="8:8">
      <c r="H483251" s="12"/>
    </row>
    <row r="483252" spans="8:8">
      <c r="H483252" s="12"/>
    </row>
    <row r="483253" spans="8:8">
      <c r="H483253" s="12"/>
    </row>
    <row r="483254" spans="8:8">
      <c r="H483254" s="12"/>
    </row>
    <row r="483255" spans="8:8">
      <c r="H483255" s="12"/>
    </row>
    <row r="483256" spans="8:8">
      <c r="H483256" s="12"/>
    </row>
    <row r="483257" spans="8:8">
      <c r="H483257" s="12"/>
    </row>
    <row r="483258" spans="8:8">
      <c r="H483258" s="12"/>
    </row>
    <row r="483259" spans="8:8">
      <c r="H483259" s="12"/>
    </row>
    <row r="483260" spans="8:8">
      <c r="H483260" s="12"/>
    </row>
    <row r="483261" spans="8:8">
      <c r="H483261" s="12"/>
    </row>
    <row r="483262" spans="8:8">
      <c r="H483262" s="12"/>
    </row>
    <row r="483263" spans="8:8">
      <c r="H483263" s="12"/>
    </row>
    <row r="483264" spans="8:8">
      <c r="H483264" s="12"/>
    </row>
    <row r="483265" spans="8:8">
      <c r="H483265" s="12"/>
    </row>
    <row r="483266" spans="8:8">
      <c r="H483266" s="12"/>
    </row>
    <row r="483267" spans="8:8">
      <c r="H483267" s="12"/>
    </row>
    <row r="483268" spans="8:8">
      <c r="H483268" s="12"/>
    </row>
    <row r="483269" spans="8:8">
      <c r="H483269" s="12"/>
    </row>
    <row r="483270" spans="8:8">
      <c r="H483270" s="12"/>
    </row>
    <row r="483271" spans="8:8">
      <c r="H483271" s="12"/>
    </row>
    <row r="483272" spans="8:8">
      <c r="H483272" s="12"/>
    </row>
    <row r="483273" spans="8:8">
      <c r="H483273" s="12"/>
    </row>
    <row r="483274" spans="8:8">
      <c r="H483274" s="12"/>
    </row>
    <row r="483275" spans="8:8">
      <c r="H483275" s="12"/>
    </row>
    <row r="483276" spans="8:8">
      <c r="H483276" s="12"/>
    </row>
    <row r="483277" spans="8:8">
      <c r="H483277" s="12"/>
    </row>
    <row r="483278" spans="8:8">
      <c r="H483278" s="12"/>
    </row>
    <row r="483279" spans="8:8">
      <c r="H483279" s="12"/>
    </row>
    <row r="483280" spans="8:8">
      <c r="H483280" s="12"/>
    </row>
    <row r="483281" spans="8:8">
      <c r="H483281" s="12"/>
    </row>
    <row r="483282" spans="8:8">
      <c r="H483282" s="12"/>
    </row>
    <row r="483283" spans="8:8">
      <c r="H483283" s="12"/>
    </row>
    <row r="483284" spans="8:8">
      <c r="H483284" s="12"/>
    </row>
    <row r="483285" spans="8:8">
      <c r="H483285" s="12"/>
    </row>
    <row r="483286" spans="8:8">
      <c r="H483286" s="12"/>
    </row>
    <row r="483287" spans="8:8">
      <c r="H483287" s="12"/>
    </row>
    <row r="483288" spans="8:8">
      <c r="H483288" s="12"/>
    </row>
    <row r="483289" spans="8:8">
      <c r="H483289" s="12"/>
    </row>
    <row r="483290" spans="8:8">
      <c r="H483290" s="12"/>
    </row>
    <row r="483291" spans="8:8">
      <c r="H483291" s="12"/>
    </row>
    <row r="483292" spans="8:8">
      <c r="H483292" s="12"/>
    </row>
    <row r="483293" spans="8:8">
      <c r="H483293" s="12"/>
    </row>
    <row r="483294" spans="8:8">
      <c r="H483294" s="12"/>
    </row>
    <row r="483295" spans="8:8">
      <c r="H483295" s="12"/>
    </row>
    <row r="483296" spans="8:8">
      <c r="H483296" s="12"/>
    </row>
    <row r="483297" spans="8:8">
      <c r="H483297" s="12"/>
    </row>
    <row r="483298" spans="8:8">
      <c r="H483298" s="12"/>
    </row>
    <row r="483299" spans="8:8">
      <c r="H483299" s="12"/>
    </row>
    <row r="483300" spans="8:8">
      <c r="H483300" s="12"/>
    </row>
    <row r="483301" spans="8:8">
      <c r="H483301" s="12"/>
    </row>
    <row r="483302" spans="8:8">
      <c r="H483302" s="12"/>
    </row>
    <row r="483303" spans="8:8">
      <c r="H483303" s="12"/>
    </row>
    <row r="483304" spans="8:8">
      <c r="H483304" s="12"/>
    </row>
    <row r="483305" spans="8:8">
      <c r="H483305" s="12"/>
    </row>
    <row r="483306" spans="8:8">
      <c r="H483306" s="12"/>
    </row>
    <row r="483307" spans="8:8">
      <c r="H483307" s="12"/>
    </row>
    <row r="483308" spans="8:8">
      <c r="H483308" s="12"/>
    </row>
    <row r="483309" spans="8:8">
      <c r="H483309" s="12"/>
    </row>
    <row r="483310" spans="8:8">
      <c r="H483310" s="12"/>
    </row>
    <row r="483311" spans="8:8">
      <c r="H483311" s="12"/>
    </row>
    <row r="483312" spans="8:8">
      <c r="H483312" s="12"/>
    </row>
    <row r="483313" spans="8:8">
      <c r="H483313" s="12"/>
    </row>
    <row r="483314" spans="8:8">
      <c r="H483314" s="12"/>
    </row>
    <row r="483315" spans="8:8">
      <c r="H483315" s="12"/>
    </row>
    <row r="483316" spans="8:8">
      <c r="H483316" s="12"/>
    </row>
    <row r="483317" spans="8:8">
      <c r="H483317" s="12"/>
    </row>
    <row r="483318" spans="8:8">
      <c r="H483318" s="12"/>
    </row>
    <row r="483319" spans="8:8">
      <c r="H483319" s="12"/>
    </row>
    <row r="483320" spans="8:8">
      <c r="H483320" s="12"/>
    </row>
    <row r="483321" spans="8:8">
      <c r="H483321" s="12"/>
    </row>
    <row r="483322" spans="8:8">
      <c r="H483322" s="12"/>
    </row>
    <row r="483323" spans="8:8">
      <c r="H483323" s="12"/>
    </row>
    <row r="483324" spans="8:8">
      <c r="H483324" s="12"/>
    </row>
    <row r="483325" spans="8:8">
      <c r="H483325" s="12"/>
    </row>
    <row r="483326" spans="8:8">
      <c r="H483326" s="12"/>
    </row>
    <row r="483327" spans="8:8">
      <c r="H483327" s="12"/>
    </row>
    <row r="483328" spans="8:8">
      <c r="H483328" s="12"/>
    </row>
    <row r="483329" spans="8:8">
      <c r="H483329" s="12"/>
    </row>
    <row r="483330" spans="8:8">
      <c r="H483330" s="12"/>
    </row>
    <row r="483331" spans="8:8">
      <c r="H483331" s="12"/>
    </row>
    <row r="483332" spans="8:8">
      <c r="H483332" s="12"/>
    </row>
    <row r="483333" spans="8:8">
      <c r="H483333" s="12"/>
    </row>
    <row r="483334" spans="8:8">
      <c r="H483334" s="12"/>
    </row>
    <row r="483335" spans="8:8">
      <c r="H483335" s="12"/>
    </row>
    <row r="483336" spans="8:8">
      <c r="H483336" s="12"/>
    </row>
    <row r="483337" spans="8:8">
      <c r="H483337" s="12"/>
    </row>
    <row r="483338" spans="8:8">
      <c r="H483338" s="12"/>
    </row>
    <row r="483339" spans="8:8">
      <c r="H483339" s="12"/>
    </row>
    <row r="483340" spans="8:8">
      <c r="H483340" s="12"/>
    </row>
    <row r="483341" spans="8:8">
      <c r="H483341" s="12"/>
    </row>
    <row r="483342" spans="8:8">
      <c r="H483342" s="12"/>
    </row>
    <row r="483343" spans="8:8">
      <c r="H483343" s="12"/>
    </row>
    <row r="483344" spans="8:8">
      <c r="H483344" s="12"/>
    </row>
    <row r="483345" spans="8:8">
      <c r="H483345" s="12"/>
    </row>
    <row r="483346" spans="8:8">
      <c r="H483346" s="12"/>
    </row>
    <row r="483347" spans="8:8">
      <c r="H483347" s="12"/>
    </row>
    <row r="483348" spans="8:8">
      <c r="H483348" s="12"/>
    </row>
    <row r="483349" spans="8:8">
      <c r="H483349" s="12"/>
    </row>
    <row r="483350" spans="8:8">
      <c r="H483350" s="12"/>
    </row>
    <row r="483351" spans="8:8">
      <c r="H483351" s="12"/>
    </row>
    <row r="483352" spans="8:8">
      <c r="H483352" s="12"/>
    </row>
    <row r="483353" spans="8:8">
      <c r="H483353" s="12"/>
    </row>
    <row r="483354" spans="8:8">
      <c r="H483354" s="12"/>
    </row>
    <row r="483355" spans="8:8">
      <c r="H483355" s="12"/>
    </row>
    <row r="483356" spans="8:8">
      <c r="H483356" s="12"/>
    </row>
    <row r="483357" spans="8:8">
      <c r="H483357" s="12"/>
    </row>
    <row r="483358" spans="8:8">
      <c r="H483358" s="12"/>
    </row>
    <row r="483359" spans="8:8">
      <c r="H483359" s="12"/>
    </row>
    <row r="483360" spans="8:8">
      <c r="H483360" s="12"/>
    </row>
    <row r="483361" spans="8:8">
      <c r="H483361" s="12"/>
    </row>
    <row r="483362" spans="8:8">
      <c r="H483362" s="12"/>
    </row>
    <row r="483363" spans="8:8">
      <c r="H483363" s="12"/>
    </row>
    <row r="483364" spans="8:8">
      <c r="H483364" s="12"/>
    </row>
    <row r="483365" spans="8:8">
      <c r="H483365" s="12"/>
    </row>
    <row r="483366" spans="8:8">
      <c r="H483366" s="12"/>
    </row>
    <row r="483367" spans="8:8">
      <c r="H483367" s="12"/>
    </row>
    <row r="483368" spans="8:8">
      <c r="H483368" s="12"/>
    </row>
    <row r="483369" spans="8:8">
      <c r="H483369" s="12"/>
    </row>
    <row r="483370" spans="8:8">
      <c r="H483370" s="12"/>
    </row>
    <row r="483371" spans="8:8">
      <c r="H483371" s="12"/>
    </row>
    <row r="483372" spans="8:8">
      <c r="H483372" s="12"/>
    </row>
    <row r="483373" spans="8:8">
      <c r="H483373" s="12"/>
    </row>
    <row r="483374" spans="8:8">
      <c r="H483374" s="12"/>
    </row>
    <row r="483375" spans="8:8">
      <c r="H483375" s="12"/>
    </row>
    <row r="483376" spans="8:8">
      <c r="H483376" s="12"/>
    </row>
    <row r="483377" spans="8:8">
      <c r="H483377" s="12"/>
    </row>
    <row r="483378" spans="8:8">
      <c r="H483378" s="12"/>
    </row>
    <row r="483379" spans="8:8">
      <c r="H483379" s="12"/>
    </row>
    <row r="483380" spans="8:8">
      <c r="H483380" s="12"/>
    </row>
    <row r="483381" spans="8:8">
      <c r="H483381" s="12"/>
    </row>
    <row r="483382" spans="8:8">
      <c r="H483382" s="12"/>
    </row>
    <row r="483383" spans="8:8">
      <c r="H483383" s="12"/>
    </row>
    <row r="483384" spans="8:8">
      <c r="H483384" s="12"/>
    </row>
    <row r="483385" spans="8:8">
      <c r="H483385" s="12"/>
    </row>
    <row r="483386" spans="8:8">
      <c r="H483386" s="12"/>
    </row>
    <row r="483387" spans="8:8">
      <c r="H483387" s="12"/>
    </row>
    <row r="483388" spans="8:8">
      <c r="H483388" s="12"/>
    </row>
    <row r="483389" spans="8:8">
      <c r="H483389" s="12"/>
    </row>
    <row r="483390" spans="8:8">
      <c r="H483390" s="12"/>
    </row>
    <row r="483391" spans="8:8">
      <c r="H483391" s="12"/>
    </row>
    <row r="483392" spans="8:8">
      <c r="H483392" s="12"/>
    </row>
    <row r="483393" spans="8:8">
      <c r="H483393" s="12"/>
    </row>
    <row r="483394" spans="8:8">
      <c r="H483394" s="12"/>
    </row>
    <row r="483395" spans="8:8">
      <c r="H483395" s="12"/>
    </row>
    <row r="483396" spans="8:8">
      <c r="H483396" s="12"/>
    </row>
    <row r="483397" spans="8:8">
      <c r="H483397" s="12"/>
    </row>
    <row r="483398" spans="8:8">
      <c r="H483398" s="12"/>
    </row>
    <row r="483399" spans="8:8">
      <c r="H483399" s="12"/>
    </row>
    <row r="483400" spans="8:8">
      <c r="H483400" s="12"/>
    </row>
    <row r="483401" spans="8:8">
      <c r="H483401" s="12"/>
    </row>
    <row r="483402" spans="8:8">
      <c r="H483402" s="12"/>
    </row>
    <row r="483403" spans="8:8">
      <c r="H483403" s="12"/>
    </row>
    <row r="483404" spans="8:8">
      <c r="H483404" s="12"/>
    </row>
    <row r="483405" spans="8:8">
      <c r="H483405" s="12"/>
    </row>
    <row r="483406" spans="8:8">
      <c r="H483406" s="12"/>
    </row>
    <row r="483407" spans="8:8">
      <c r="H483407" s="12"/>
    </row>
    <row r="483408" spans="8:8">
      <c r="H483408" s="12"/>
    </row>
    <row r="483409" spans="8:8">
      <c r="H483409" s="12"/>
    </row>
    <row r="483410" spans="8:8">
      <c r="H483410" s="12"/>
    </row>
    <row r="483411" spans="8:8">
      <c r="H483411" s="12"/>
    </row>
    <row r="483412" spans="8:8">
      <c r="H483412" s="12"/>
    </row>
    <row r="483413" spans="8:8">
      <c r="H483413" s="12"/>
    </row>
    <row r="483414" spans="8:8">
      <c r="H483414" s="12"/>
    </row>
    <row r="483415" spans="8:8">
      <c r="H483415" s="12"/>
    </row>
    <row r="483416" spans="8:8">
      <c r="H483416" s="12"/>
    </row>
    <row r="483417" spans="8:8">
      <c r="H483417" s="12"/>
    </row>
    <row r="483418" spans="8:8">
      <c r="H483418" s="12"/>
    </row>
    <row r="483419" spans="8:8">
      <c r="H483419" s="12"/>
    </row>
    <row r="483420" spans="8:8">
      <c r="H483420" s="12"/>
    </row>
    <row r="483421" spans="8:8">
      <c r="H483421" s="12"/>
    </row>
    <row r="483422" spans="8:8">
      <c r="H483422" s="12"/>
    </row>
    <row r="483423" spans="8:8">
      <c r="H483423" s="12"/>
    </row>
    <row r="483424" spans="8:8">
      <c r="H483424" s="12"/>
    </row>
    <row r="483425" spans="8:8">
      <c r="H483425" s="12"/>
    </row>
    <row r="483426" spans="8:8">
      <c r="H483426" s="12"/>
    </row>
    <row r="483427" spans="8:8">
      <c r="H483427" s="12"/>
    </row>
    <row r="483428" spans="8:8">
      <c r="H483428" s="12"/>
    </row>
    <row r="483429" spans="8:8">
      <c r="H483429" s="12"/>
    </row>
    <row r="483430" spans="8:8">
      <c r="H483430" s="12"/>
    </row>
    <row r="483431" spans="8:8">
      <c r="H483431" s="12"/>
    </row>
    <row r="483432" spans="8:8">
      <c r="H483432" s="12"/>
    </row>
    <row r="483433" spans="8:8">
      <c r="H483433" s="12"/>
    </row>
    <row r="483434" spans="8:8">
      <c r="H483434" s="12"/>
    </row>
    <row r="483435" spans="8:8">
      <c r="H483435" s="12"/>
    </row>
    <row r="483436" spans="8:8">
      <c r="H483436" s="12"/>
    </row>
    <row r="483437" spans="8:8">
      <c r="H483437" s="12"/>
    </row>
    <row r="483438" spans="8:8">
      <c r="H483438" s="12"/>
    </row>
    <row r="483439" spans="8:8">
      <c r="H483439" s="12"/>
    </row>
    <row r="483440" spans="8:8">
      <c r="H483440" s="12"/>
    </row>
    <row r="483441" spans="8:8">
      <c r="H483441" s="12"/>
    </row>
    <row r="483442" spans="8:8">
      <c r="H483442" s="12"/>
    </row>
    <row r="483443" spans="8:8">
      <c r="H483443" s="12"/>
    </row>
    <row r="483444" spans="8:8">
      <c r="H483444" s="12"/>
    </row>
    <row r="483445" spans="8:8">
      <c r="H483445" s="12"/>
    </row>
    <row r="483446" spans="8:8">
      <c r="H483446" s="12"/>
    </row>
    <row r="483447" spans="8:8">
      <c r="H483447" s="12"/>
    </row>
    <row r="483448" spans="8:8">
      <c r="H483448" s="12"/>
    </row>
    <row r="483449" spans="8:8">
      <c r="H483449" s="12"/>
    </row>
    <row r="483450" spans="8:8">
      <c r="H483450" s="12"/>
    </row>
    <row r="483451" spans="8:8">
      <c r="H483451" s="12"/>
    </row>
    <row r="483452" spans="8:8">
      <c r="H483452" s="12"/>
    </row>
    <row r="483453" spans="8:8">
      <c r="H483453" s="12"/>
    </row>
    <row r="483454" spans="8:8">
      <c r="H483454" s="12"/>
    </row>
    <row r="483455" spans="8:8">
      <c r="H483455" s="12"/>
    </row>
    <row r="483456" spans="8:8">
      <c r="H483456" s="12"/>
    </row>
    <row r="483457" spans="8:8">
      <c r="H483457" s="12"/>
    </row>
    <row r="483458" spans="8:8">
      <c r="H483458" s="12"/>
    </row>
    <row r="483459" spans="8:8">
      <c r="H483459" s="12"/>
    </row>
    <row r="483460" spans="8:8">
      <c r="H483460" s="12"/>
    </row>
    <row r="483461" spans="8:8">
      <c r="H483461" s="12"/>
    </row>
    <row r="483462" spans="8:8">
      <c r="H483462" s="12"/>
    </row>
    <row r="483463" spans="8:8">
      <c r="H483463" s="12"/>
    </row>
    <row r="483464" spans="8:8">
      <c r="H483464" s="12"/>
    </row>
    <row r="483465" spans="8:8">
      <c r="H483465" s="12"/>
    </row>
    <row r="483466" spans="8:8">
      <c r="H483466" s="12"/>
    </row>
    <row r="483467" spans="8:8">
      <c r="H483467" s="12"/>
    </row>
    <row r="483468" spans="8:8">
      <c r="H483468" s="12"/>
    </row>
    <row r="483469" spans="8:8">
      <c r="H483469" s="12"/>
    </row>
    <row r="483470" spans="8:8">
      <c r="H483470" s="12"/>
    </row>
    <row r="483471" spans="8:8">
      <c r="H483471" s="12"/>
    </row>
    <row r="483472" spans="8:8">
      <c r="H483472" s="12"/>
    </row>
    <row r="483473" spans="8:8">
      <c r="H483473" s="12"/>
    </row>
    <row r="483474" spans="8:8">
      <c r="H483474" s="12"/>
    </row>
    <row r="483475" spans="8:8">
      <c r="H483475" s="12"/>
    </row>
    <row r="483476" spans="8:8">
      <c r="H483476" s="12"/>
    </row>
    <row r="483477" spans="8:8">
      <c r="H483477" s="12"/>
    </row>
    <row r="483478" spans="8:8">
      <c r="H483478" s="12"/>
    </row>
    <row r="483479" spans="8:8">
      <c r="H483479" s="12"/>
    </row>
    <row r="483480" spans="8:8">
      <c r="H483480" s="12"/>
    </row>
    <row r="483481" spans="8:8">
      <c r="H483481" s="12"/>
    </row>
    <row r="483482" spans="8:8">
      <c r="H483482" s="12"/>
    </row>
    <row r="483483" spans="8:8">
      <c r="H483483" s="12"/>
    </row>
    <row r="483484" spans="8:8">
      <c r="H483484" s="12"/>
    </row>
    <row r="483485" spans="8:8">
      <c r="H483485" s="12"/>
    </row>
    <row r="483486" spans="8:8">
      <c r="H483486" s="12"/>
    </row>
    <row r="483487" spans="8:8">
      <c r="H483487" s="12"/>
    </row>
    <row r="483488" spans="8:8">
      <c r="H483488" s="12"/>
    </row>
    <row r="483489" spans="8:8">
      <c r="H483489" s="12"/>
    </row>
    <row r="483490" spans="8:8">
      <c r="H483490" s="12"/>
    </row>
    <row r="483491" spans="8:8">
      <c r="H483491" s="12"/>
    </row>
    <row r="483492" spans="8:8">
      <c r="H483492" s="12"/>
    </row>
    <row r="483493" spans="8:8">
      <c r="H483493" s="12"/>
    </row>
    <row r="483494" spans="8:8">
      <c r="H483494" s="12"/>
    </row>
    <row r="483495" spans="8:8">
      <c r="H483495" s="12"/>
    </row>
    <row r="483496" spans="8:8">
      <c r="H483496" s="12"/>
    </row>
    <row r="483497" spans="8:8">
      <c r="H483497" s="12"/>
    </row>
    <row r="483498" spans="8:8">
      <c r="H483498" s="12"/>
    </row>
    <row r="483499" spans="8:8">
      <c r="H483499" s="12"/>
    </row>
    <row r="483500" spans="8:8">
      <c r="H483500" s="12"/>
    </row>
    <row r="483501" spans="8:8">
      <c r="H483501" s="12"/>
    </row>
    <row r="483502" spans="8:8">
      <c r="H483502" s="12"/>
    </row>
    <row r="483503" spans="8:8">
      <c r="H483503" s="12"/>
    </row>
    <row r="483504" spans="8:8">
      <c r="H483504" s="12"/>
    </row>
    <row r="483505" spans="8:8">
      <c r="H483505" s="12"/>
    </row>
    <row r="483506" spans="8:8">
      <c r="H483506" s="12"/>
    </row>
    <row r="483507" spans="8:8">
      <c r="H483507" s="12"/>
    </row>
    <row r="483508" spans="8:8">
      <c r="H483508" s="12"/>
    </row>
    <row r="483509" spans="8:8">
      <c r="H483509" s="12"/>
    </row>
    <row r="483510" spans="8:8">
      <c r="H483510" s="12"/>
    </row>
    <row r="483511" spans="8:8">
      <c r="H483511" s="12"/>
    </row>
    <row r="483512" spans="8:8">
      <c r="H483512" s="12"/>
    </row>
    <row r="483513" spans="8:8">
      <c r="H483513" s="12"/>
    </row>
    <row r="483514" spans="8:8">
      <c r="H483514" s="12"/>
    </row>
    <row r="483515" spans="8:8">
      <c r="H483515" s="12"/>
    </row>
    <row r="483516" spans="8:8">
      <c r="H483516" s="12"/>
    </row>
    <row r="483517" spans="8:8">
      <c r="H483517" s="12"/>
    </row>
    <row r="483518" spans="8:8">
      <c r="H483518" s="12"/>
    </row>
    <row r="483519" spans="8:8">
      <c r="H483519" s="12"/>
    </row>
    <row r="483520" spans="8:8">
      <c r="H483520" s="12"/>
    </row>
    <row r="483521" spans="8:8">
      <c r="H483521" s="12"/>
    </row>
    <row r="483522" spans="8:8">
      <c r="H483522" s="12"/>
    </row>
    <row r="483523" spans="8:8">
      <c r="H483523" s="12"/>
    </row>
    <row r="483524" spans="8:8">
      <c r="H483524" s="12"/>
    </row>
    <row r="483525" spans="8:8">
      <c r="H483525" s="12"/>
    </row>
    <row r="483526" spans="8:8">
      <c r="H483526" s="12"/>
    </row>
    <row r="483527" spans="8:8">
      <c r="H483527" s="12"/>
    </row>
    <row r="483528" spans="8:8">
      <c r="H483528" s="12"/>
    </row>
    <row r="483529" spans="8:8">
      <c r="H483529" s="12"/>
    </row>
    <row r="483530" spans="8:8">
      <c r="H483530" s="12"/>
    </row>
    <row r="483531" spans="8:8">
      <c r="H483531" s="12"/>
    </row>
    <row r="483532" spans="8:8">
      <c r="H483532" s="12"/>
    </row>
    <row r="483533" spans="8:8">
      <c r="H483533" s="12"/>
    </row>
    <row r="483534" spans="8:8">
      <c r="H483534" s="12"/>
    </row>
    <row r="483535" spans="8:8">
      <c r="H483535" s="12"/>
    </row>
    <row r="483536" spans="8:8">
      <c r="H483536" s="12"/>
    </row>
    <row r="483537" spans="8:8">
      <c r="H483537" s="12"/>
    </row>
    <row r="483538" spans="8:8">
      <c r="H483538" s="12"/>
    </row>
    <row r="483539" spans="8:8">
      <c r="H483539" s="12"/>
    </row>
    <row r="483540" spans="8:8">
      <c r="H483540" s="12"/>
    </row>
    <row r="483541" spans="8:8">
      <c r="H483541" s="12"/>
    </row>
    <row r="483542" spans="8:8">
      <c r="H483542" s="12"/>
    </row>
    <row r="483543" spans="8:8">
      <c r="H483543" s="12"/>
    </row>
    <row r="483544" spans="8:8">
      <c r="H483544" s="12"/>
    </row>
    <row r="483545" spans="8:8">
      <c r="H483545" s="12"/>
    </row>
    <row r="483546" spans="8:8">
      <c r="H483546" s="12"/>
    </row>
    <row r="483547" spans="8:8">
      <c r="H483547" s="12"/>
    </row>
    <row r="483548" spans="8:8">
      <c r="H483548" s="12"/>
    </row>
    <row r="483549" spans="8:8">
      <c r="H483549" s="12"/>
    </row>
    <row r="483550" spans="8:8">
      <c r="H483550" s="12"/>
    </row>
    <row r="483551" spans="8:8">
      <c r="H483551" s="12"/>
    </row>
    <row r="483552" spans="8:8">
      <c r="H483552" s="12"/>
    </row>
    <row r="483553" spans="8:8">
      <c r="H483553" s="12"/>
    </row>
    <row r="483554" spans="8:8">
      <c r="H483554" s="12"/>
    </row>
    <row r="483555" spans="8:8">
      <c r="H483555" s="12"/>
    </row>
    <row r="483556" spans="8:8">
      <c r="H483556" s="12"/>
    </row>
    <row r="483557" spans="8:8">
      <c r="H483557" s="12"/>
    </row>
    <row r="483558" spans="8:8">
      <c r="H483558" s="12"/>
    </row>
    <row r="483559" spans="8:8">
      <c r="H483559" s="12"/>
    </row>
    <row r="483560" spans="8:8">
      <c r="H483560" s="12"/>
    </row>
    <row r="483561" spans="8:8">
      <c r="H483561" s="12"/>
    </row>
    <row r="483562" spans="8:8">
      <c r="H483562" s="12"/>
    </row>
    <row r="483563" spans="8:8">
      <c r="H483563" s="12"/>
    </row>
    <row r="483564" spans="8:8">
      <c r="H483564" s="12"/>
    </row>
    <row r="483565" spans="8:8">
      <c r="H483565" s="12"/>
    </row>
    <row r="483566" spans="8:8">
      <c r="H483566" s="12"/>
    </row>
    <row r="483567" spans="8:8">
      <c r="H483567" s="12"/>
    </row>
    <row r="483568" spans="8:8">
      <c r="H483568" s="12"/>
    </row>
    <row r="483569" spans="8:8">
      <c r="H483569" s="12"/>
    </row>
    <row r="483570" spans="8:8">
      <c r="H483570" s="12"/>
    </row>
    <row r="483571" spans="8:8">
      <c r="H483571" s="12"/>
    </row>
    <row r="483572" spans="8:8">
      <c r="H483572" s="12"/>
    </row>
    <row r="483573" spans="8:8">
      <c r="H483573" s="12"/>
    </row>
    <row r="483574" spans="8:8">
      <c r="H483574" s="12"/>
    </row>
    <row r="483575" spans="8:8">
      <c r="H483575" s="12"/>
    </row>
    <row r="483576" spans="8:8">
      <c r="H483576" s="12"/>
    </row>
    <row r="483577" spans="8:8">
      <c r="H483577" s="12"/>
    </row>
    <row r="483578" spans="8:8">
      <c r="H483578" s="12"/>
    </row>
    <row r="483579" spans="8:8">
      <c r="H483579" s="12"/>
    </row>
    <row r="483580" spans="8:8">
      <c r="H483580" s="12"/>
    </row>
    <row r="483581" spans="8:8">
      <c r="H483581" s="12"/>
    </row>
    <row r="483582" spans="8:8">
      <c r="H483582" s="12"/>
    </row>
    <row r="483583" spans="8:8">
      <c r="H483583" s="12"/>
    </row>
    <row r="483584" spans="8:8">
      <c r="H483584" s="12"/>
    </row>
    <row r="483585" spans="8:8">
      <c r="H483585" s="12"/>
    </row>
    <row r="483586" spans="8:8">
      <c r="H483586" s="12"/>
    </row>
    <row r="483587" spans="8:8">
      <c r="H483587" s="12"/>
    </row>
    <row r="483588" spans="8:8">
      <c r="H483588" s="12"/>
    </row>
    <row r="483589" spans="8:8">
      <c r="H483589" s="12"/>
    </row>
    <row r="483590" spans="8:8">
      <c r="H483590" s="12"/>
    </row>
    <row r="483591" spans="8:8">
      <c r="H483591" s="12"/>
    </row>
    <row r="483592" spans="8:8">
      <c r="H483592" s="12"/>
    </row>
    <row r="483593" spans="8:8">
      <c r="H483593" s="12"/>
    </row>
    <row r="483594" spans="8:8">
      <c r="H483594" s="12"/>
    </row>
    <row r="483595" spans="8:8">
      <c r="H483595" s="12"/>
    </row>
    <row r="483596" spans="8:8">
      <c r="H483596" s="12"/>
    </row>
    <row r="483597" spans="8:8">
      <c r="H483597" s="12"/>
    </row>
    <row r="483598" spans="8:8">
      <c r="H483598" s="12"/>
    </row>
    <row r="483599" spans="8:8">
      <c r="H483599" s="12"/>
    </row>
    <row r="483600" spans="8:8">
      <c r="H483600" s="12"/>
    </row>
    <row r="483601" spans="8:8">
      <c r="H483601" s="12"/>
    </row>
    <row r="483602" spans="8:8">
      <c r="H483602" s="12"/>
    </row>
    <row r="483603" spans="8:8">
      <c r="H483603" s="12"/>
    </row>
    <row r="483604" spans="8:8">
      <c r="H483604" s="12"/>
    </row>
    <row r="483605" spans="8:8">
      <c r="H483605" s="12"/>
    </row>
    <row r="483606" spans="8:8">
      <c r="H483606" s="12"/>
    </row>
    <row r="483607" spans="8:8">
      <c r="H483607" s="12"/>
    </row>
    <row r="483608" spans="8:8">
      <c r="H483608" s="12"/>
    </row>
    <row r="483609" spans="8:8">
      <c r="H483609" s="12"/>
    </row>
    <row r="483610" spans="8:8">
      <c r="H483610" s="12"/>
    </row>
    <row r="483611" spans="8:8">
      <c r="H483611" s="12"/>
    </row>
    <row r="483612" spans="8:8">
      <c r="H483612" s="12"/>
    </row>
    <row r="483613" spans="8:8">
      <c r="H483613" s="12"/>
    </row>
    <row r="483614" spans="8:8">
      <c r="H483614" s="12"/>
    </row>
    <row r="483615" spans="8:8">
      <c r="H483615" s="12"/>
    </row>
    <row r="483616" spans="8:8">
      <c r="H483616" s="12"/>
    </row>
    <row r="483617" spans="8:8">
      <c r="H483617" s="12"/>
    </row>
    <row r="483618" spans="8:8">
      <c r="H483618" s="12"/>
    </row>
    <row r="483619" spans="8:8">
      <c r="H483619" s="12"/>
    </row>
    <row r="483620" spans="8:8">
      <c r="H483620" s="12"/>
    </row>
    <row r="483621" spans="8:8">
      <c r="H483621" s="12"/>
    </row>
    <row r="483622" spans="8:8">
      <c r="H483622" s="12"/>
    </row>
    <row r="483623" spans="8:8">
      <c r="H483623" s="12"/>
    </row>
    <row r="483624" spans="8:8">
      <c r="H483624" s="12"/>
    </row>
    <row r="483625" spans="8:8">
      <c r="H483625" s="12"/>
    </row>
    <row r="483626" spans="8:8">
      <c r="H483626" s="12"/>
    </row>
    <row r="483627" spans="8:8">
      <c r="H483627" s="12"/>
    </row>
    <row r="483628" spans="8:8">
      <c r="H483628" s="12"/>
    </row>
    <row r="483629" spans="8:8">
      <c r="H483629" s="12"/>
    </row>
    <row r="483630" spans="8:8">
      <c r="H483630" s="12"/>
    </row>
    <row r="483631" spans="8:8">
      <c r="H483631" s="12"/>
    </row>
    <row r="483632" spans="8:8">
      <c r="H483632" s="12"/>
    </row>
    <row r="483633" spans="8:8">
      <c r="H483633" s="12"/>
    </row>
    <row r="483634" spans="8:8">
      <c r="H483634" s="12"/>
    </row>
    <row r="483635" spans="8:8">
      <c r="H483635" s="12"/>
    </row>
    <row r="483636" spans="8:8">
      <c r="H483636" s="12"/>
    </row>
    <row r="483637" spans="8:8">
      <c r="H483637" s="12"/>
    </row>
    <row r="483638" spans="8:8">
      <c r="H483638" s="12"/>
    </row>
    <row r="483639" spans="8:8">
      <c r="H483639" s="12"/>
    </row>
    <row r="483640" spans="8:8">
      <c r="H483640" s="12"/>
    </row>
    <row r="483641" spans="8:8">
      <c r="H483641" s="12"/>
    </row>
    <row r="483642" spans="8:8">
      <c r="H483642" s="12"/>
    </row>
    <row r="483643" spans="8:8">
      <c r="H483643" s="12"/>
    </row>
    <row r="483644" spans="8:8">
      <c r="H483644" s="12"/>
    </row>
    <row r="483645" spans="8:8">
      <c r="H483645" s="12"/>
    </row>
    <row r="483646" spans="8:8">
      <c r="H483646" s="12"/>
    </row>
    <row r="483647" spans="8:8">
      <c r="H483647" s="12"/>
    </row>
    <row r="483648" spans="8:8">
      <c r="H483648" s="12"/>
    </row>
    <row r="483649" spans="8:8">
      <c r="H483649" s="12"/>
    </row>
    <row r="483650" spans="8:8">
      <c r="H483650" s="12"/>
    </row>
    <row r="483651" spans="8:8">
      <c r="H483651" s="12"/>
    </row>
    <row r="483652" spans="8:8">
      <c r="H483652" s="12"/>
    </row>
    <row r="483653" spans="8:8">
      <c r="H483653" s="12"/>
    </row>
    <row r="483654" spans="8:8">
      <c r="H483654" s="12"/>
    </row>
    <row r="483655" spans="8:8">
      <c r="H483655" s="12"/>
    </row>
    <row r="483656" spans="8:8">
      <c r="H483656" s="12"/>
    </row>
    <row r="483657" spans="8:8">
      <c r="H483657" s="12"/>
    </row>
    <row r="483658" spans="8:8">
      <c r="H483658" s="12"/>
    </row>
    <row r="483659" spans="8:8">
      <c r="H483659" s="12"/>
    </row>
    <row r="483660" spans="8:8">
      <c r="H483660" s="12"/>
    </row>
    <row r="483661" spans="8:8">
      <c r="H483661" s="12"/>
    </row>
    <row r="483662" spans="8:8">
      <c r="H483662" s="12"/>
    </row>
    <row r="483663" spans="8:8">
      <c r="H483663" s="12"/>
    </row>
    <row r="483664" spans="8:8">
      <c r="H483664" s="12"/>
    </row>
    <row r="483665" spans="8:8">
      <c r="H483665" s="12"/>
    </row>
    <row r="483666" spans="8:8">
      <c r="H483666" s="12"/>
    </row>
    <row r="483667" spans="8:8">
      <c r="H483667" s="12"/>
    </row>
    <row r="483668" spans="8:8">
      <c r="H483668" s="12"/>
    </row>
    <row r="483669" spans="8:8">
      <c r="H483669" s="12"/>
    </row>
    <row r="483670" spans="8:8">
      <c r="H483670" s="12"/>
    </row>
    <row r="483671" spans="8:8">
      <c r="H483671" s="12"/>
    </row>
    <row r="483672" spans="8:8">
      <c r="H483672" s="12"/>
    </row>
    <row r="483673" spans="8:8">
      <c r="H483673" s="12"/>
    </row>
    <row r="483674" spans="8:8">
      <c r="H483674" s="12"/>
    </row>
    <row r="483675" spans="8:8">
      <c r="H483675" s="12"/>
    </row>
    <row r="483676" spans="8:8">
      <c r="H483676" s="12"/>
    </row>
    <row r="483677" spans="8:8">
      <c r="H483677" s="12"/>
    </row>
    <row r="483678" spans="8:8">
      <c r="H483678" s="12"/>
    </row>
    <row r="483679" spans="8:8">
      <c r="H483679" s="12"/>
    </row>
    <row r="483680" spans="8:8">
      <c r="H483680" s="12"/>
    </row>
    <row r="483681" spans="8:8">
      <c r="H483681" s="12"/>
    </row>
    <row r="483682" spans="8:8">
      <c r="H483682" s="12"/>
    </row>
    <row r="483683" spans="8:8">
      <c r="H483683" s="12"/>
    </row>
    <row r="483684" spans="8:8">
      <c r="H483684" s="12"/>
    </row>
    <row r="483685" spans="8:8">
      <c r="H483685" s="12"/>
    </row>
    <row r="483686" spans="8:8">
      <c r="H483686" s="12"/>
    </row>
    <row r="483687" spans="8:8">
      <c r="H483687" s="12"/>
    </row>
    <row r="483688" spans="8:8">
      <c r="H483688" s="12"/>
    </row>
    <row r="483689" spans="8:8">
      <c r="H483689" s="12"/>
    </row>
    <row r="483690" spans="8:8">
      <c r="H483690" s="12"/>
    </row>
    <row r="483691" spans="8:8">
      <c r="H483691" s="12"/>
    </row>
    <row r="483692" spans="8:8">
      <c r="H483692" s="12"/>
    </row>
    <row r="483693" spans="8:8">
      <c r="H483693" s="12"/>
    </row>
    <row r="483694" spans="8:8">
      <c r="H483694" s="12"/>
    </row>
    <row r="483695" spans="8:8">
      <c r="H483695" s="12"/>
    </row>
    <row r="483696" spans="8:8">
      <c r="H483696" s="12"/>
    </row>
    <row r="483697" spans="8:8">
      <c r="H483697" s="12"/>
    </row>
    <row r="483698" spans="8:8">
      <c r="H483698" s="12"/>
    </row>
    <row r="483699" spans="8:8">
      <c r="H483699" s="12"/>
    </row>
    <row r="483700" spans="8:8">
      <c r="H483700" s="12"/>
    </row>
    <row r="483701" spans="8:8">
      <c r="H483701" s="12"/>
    </row>
    <row r="483702" spans="8:8">
      <c r="H483702" s="12"/>
    </row>
    <row r="483703" spans="8:8">
      <c r="H483703" s="12"/>
    </row>
    <row r="483704" spans="8:8">
      <c r="H483704" s="12"/>
    </row>
    <row r="483705" spans="8:8">
      <c r="H483705" s="12"/>
    </row>
    <row r="483706" spans="8:8">
      <c r="H483706" s="12"/>
    </row>
    <row r="483707" spans="8:8">
      <c r="H483707" s="12"/>
    </row>
    <row r="483708" spans="8:8">
      <c r="H483708" s="12"/>
    </row>
    <row r="483709" spans="8:8">
      <c r="H483709" s="12"/>
    </row>
    <row r="483710" spans="8:8">
      <c r="H483710" s="12"/>
    </row>
    <row r="483711" spans="8:8">
      <c r="H483711" s="12"/>
    </row>
    <row r="483712" spans="8:8">
      <c r="H483712" s="12"/>
    </row>
    <row r="483713" spans="8:8">
      <c r="H483713" s="12"/>
    </row>
    <row r="483714" spans="8:8">
      <c r="H483714" s="12"/>
    </row>
    <row r="483715" spans="8:8">
      <c r="H483715" s="12"/>
    </row>
    <row r="483716" spans="8:8">
      <c r="H483716" s="12"/>
    </row>
    <row r="483717" spans="8:8">
      <c r="H483717" s="12"/>
    </row>
    <row r="483718" spans="8:8">
      <c r="H483718" s="12"/>
    </row>
    <row r="483719" spans="8:8">
      <c r="H483719" s="12"/>
    </row>
    <row r="483720" spans="8:8">
      <c r="H483720" s="12"/>
    </row>
    <row r="483721" spans="8:8">
      <c r="H483721" s="12"/>
    </row>
    <row r="483722" spans="8:8">
      <c r="H483722" s="12"/>
    </row>
    <row r="483723" spans="8:8">
      <c r="H483723" s="12"/>
    </row>
    <row r="483724" spans="8:8">
      <c r="H483724" s="12"/>
    </row>
    <row r="483725" spans="8:8">
      <c r="H483725" s="12"/>
    </row>
    <row r="483726" spans="8:8">
      <c r="H483726" s="12"/>
    </row>
    <row r="483727" spans="8:8">
      <c r="H483727" s="12"/>
    </row>
    <row r="483728" spans="8:8">
      <c r="H483728" s="12"/>
    </row>
    <row r="483729" spans="8:8">
      <c r="H483729" s="12"/>
    </row>
    <row r="483730" spans="8:8">
      <c r="H483730" s="12"/>
    </row>
    <row r="483731" spans="8:8">
      <c r="H483731" s="12"/>
    </row>
    <row r="483732" spans="8:8">
      <c r="H483732" s="12"/>
    </row>
    <row r="483733" spans="8:8">
      <c r="H483733" s="12"/>
    </row>
    <row r="483734" spans="8:8">
      <c r="H483734" s="12"/>
    </row>
    <row r="483735" spans="8:8">
      <c r="H483735" s="12"/>
    </row>
    <row r="483736" spans="8:8">
      <c r="H483736" s="12"/>
    </row>
    <row r="483737" spans="8:8">
      <c r="H483737" s="12"/>
    </row>
    <row r="483738" spans="8:8">
      <c r="H483738" s="12"/>
    </row>
    <row r="483739" spans="8:8">
      <c r="H483739" s="12"/>
    </row>
    <row r="483740" spans="8:8">
      <c r="H483740" s="12"/>
    </row>
    <row r="483741" spans="8:8">
      <c r="H483741" s="12"/>
    </row>
    <row r="483742" spans="8:8">
      <c r="H483742" s="12"/>
    </row>
    <row r="483743" spans="8:8">
      <c r="H483743" s="12"/>
    </row>
    <row r="483744" spans="8:8">
      <c r="H483744" s="12"/>
    </row>
    <row r="483745" spans="8:8">
      <c r="H483745" s="12"/>
    </row>
    <row r="483746" spans="8:8">
      <c r="H483746" s="12"/>
    </row>
    <row r="483747" spans="8:8">
      <c r="H483747" s="12"/>
    </row>
    <row r="483748" spans="8:8">
      <c r="H483748" s="12"/>
    </row>
    <row r="483749" spans="8:8">
      <c r="H483749" s="12"/>
    </row>
    <row r="483750" spans="8:8">
      <c r="H483750" s="12"/>
    </row>
    <row r="483751" spans="8:8">
      <c r="H483751" s="12"/>
    </row>
    <row r="483752" spans="8:8">
      <c r="H483752" s="12"/>
    </row>
    <row r="483753" spans="8:8">
      <c r="H483753" s="12"/>
    </row>
    <row r="483754" spans="8:8">
      <c r="H483754" s="12"/>
    </row>
    <row r="483755" spans="8:8">
      <c r="H483755" s="12"/>
    </row>
    <row r="483756" spans="8:8">
      <c r="H483756" s="12"/>
    </row>
    <row r="483757" spans="8:8">
      <c r="H483757" s="12"/>
    </row>
    <row r="483758" spans="8:8">
      <c r="H483758" s="12"/>
    </row>
    <row r="483759" spans="8:8">
      <c r="H483759" s="12"/>
    </row>
    <row r="483760" spans="8:8">
      <c r="H483760" s="12"/>
    </row>
    <row r="483761" spans="8:8">
      <c r="H483761" s="12"/>
    </row>
    <row r="483762" spans="8:8">
      <c r="H483762" s="12"/>
    </row>
    <row r="483763" spans="8:8">
      <c r="H483763" s="12"/>
    </row>
    <row r="483764" spans="8:8">
      <c r="H483764" s="12"/>
    </row>
    <row r="483765" spans="8:8">
      <c r="H483765" s="12"/>
    </row>
    <row r="483766" spans="8:8">
      <c r="H483766" s="12"/>
    </row>
    <row r="483767" spans="8:8">
      <c r="H483767" s="12"/>
    </row>
    <row r="483768" spans="8:8">
      <c r="H483768" s="12"/>
    </row>
    <row r="483769" spans="8:8">
      <c r="H483769" s="12"/>
    </row>
    <row r="483770" spans="8:8">
      <c r="H483770" s="12"/>
    </row>
    <row r="483771" spans="8:8">
      <c r="H483771" s="12"/>
    </row>
    <row r="483772" spans="8:8">
      <c r="H483772" s="12"/>
    </row>
    <row r="483773" spans="8:8">
      <c r="H483773" s="12"/>
    </row>
    <row r="483774" spans="8:8">
      <c r="H483774" s="12"/>
    </row>
    <row r="483775" spans="8:8">
      <c r="H483775" s="12"/>
    </row>
    <row r="483776" spans="8:8">
      <c r="H483776" s="12"/>
    </row>
    <row r="483777" spans="8:8">
      <c r="H483777" s="12"/>
    </row>
    <row r="483778" spans="8:8">
      <c r="H483778" s="12"/>
    </row>
    <row r="483779" spans="8:8">
      <c r="H483779" s="12"/>
    </row>
    <row r="483780" spans="8:8">
      <c r="H483780" s="12"/>
    </row>
    <row r="483781" spans="8:8">
      <c r="H483781" s="12"/>
    </row>
    <row r="483782" spans="8:8">
      <c r="H483782" s="12"/>
    </row>
    <row r="483783" spans="8:8">
      <c r="H483783" s="12"/>
    </row>
    <row r="483784" spans="8:8">
      <c r="H483784" s="12"/>
    </row>
    <row r="483785" spans="8:8">
      <c r="H483785" s="12"/>
    </row>
    <row r="483786" spans="8:8">
      <c r="H483786" s="12"/>
    </row>
    <row r="483787" spans="8:8">
      <c r="H483787" s="12"/>
    </row>
    <row r="483788" spans="8:8">
      <c r="H483788" s="12"/>
    </row>
    <row r="483789" spans="8:8">
      <c r="H483789" s="12"/>
    </row>
    <row r="483790" spans="8:8">
      <c r="H483790" s="12"/>
    </row>
    <row r="483791" spans="8:8">
      <c r="H483791" s="12"/>
    </row>
    <row r="483792" spans="8:8">
      <c r="H483792" s="12"/>
    </row>
    <row r="483793" spans="8:8">
      <c r="H483793" s="12"/>
    </row>
    <row r="483794" spans="8:8">
      <c r="H483794" s="12"/>
    </row>
    <row r="483795" spans="8:8">
      <c r="H483795" s="12"/>
    </row>
    <row r="483796" spans="8:8">
      <c r="H483796" s="12"/>
    </row>
    <row r="483797" spans="8:8">
      <c r="H483797" s="12"/>
    </row>
    <row r="483798" spans="8:8">
      <c r="H483798" s="12"/>
    </row>
    <row r="483799" spans="8:8">
      <c r="H483799" s="12"/>
    </row>
    <row r="483800" spans="8:8">
      <c r="H483800" s="12"/>
    </row>
    <row r="483801" spans="8:8">
      <c r="H483801" s="12"/>
    </row>
    <row r="483802" spans="8:8">
      <c r="H483802" s="12"/>
    </row>
    <row r="483803" spans="8:8">
      <c r="H483803" s="12"/>
    </row>
    <row r="483804" spans="8:8">
      <c r="H483804" s="12"/>
    </row>
    <row r="483805" spans="8:8">
      <c r="H483805" s="12"/>
    </row>
    <row r="483806" spans="8:8">
      <c r="H483806" s="12"/>
    </row>
    <row r="483807" spans="8:8">
      <c r="H483807" s="12"/>
    </row>
    <row r="483808" spans="8:8">
      <c r="H483808" s="12"/>
    </row>
    <row r="483809" spans="8:8">
      <c r="H483809" s="12"/>
    </row>
    <row r="483810" spans="8:8">
      <c r="H483810" s="12"/>
    </row>
    <row r="483811" spans="8:8">
      <c r="H483811" s="12"/>
    </row>
    <row r="483812" spans="8:8">
      <c r="H483812" s="12"/>
    </row>
    <row r="483813" spans="8:8">
      <c r="H483813" s="12"/>
    </row>
    <row r="483814" spans="8:8">
      <c r="H483814" s="12"/>
    </row>
    <row r="483815" spans="8:8">
      <c r="H483815" s="12"/>
    </row>
    <row r="483816" spans="8:8">
      <c r="H483816" s="12"/>
    </row>
    <row r="483817" spans="8:8">
      <c r="H483817" s="12"/>
    </row>
    <row r="483818" spans="8:8">
      <c r="H483818" s="12"/>
    </row>
    <row r="483819" spans="8:8">
      <c r="H483819" s="12"/>
    </row>
    <row r="483820" spans="8:8">
      <c r="H483820" s="12"/>
    </row>
    <row r="483821" spans="8:8">
      <c r="H483821" s="12"/>
    </row>
    <row r="483822" spans="8:8">
      <c r="H483822" s="12"/>
    </row>
    <row r="483823" spans="8:8">
      <c r="H483823" s="12"/>
    </row>
    <row r="483824" spans="8:8">
      <c r="H483824" s="12"/>
    </row>
    <row r="483825" spans="8:8">
      <c r="H483825" s="12"/>
    </row>
    <row r="483826" spans="8:8">
      <c r="H483826" s="12"/>
    </row>
    <row r="483827" spans="8:8">
      <c r="H483827" s="12"/>
    </row>
    <row r="483828" spans="8:8">
      <c r="H483828" s="12"/>
    </row>
    <row r="483829" spans="8:8">
      <c r="H483829" s="12"/>
    </row>
    <row r="483830" spans="8:8">
      <c r="H483830" s="12"/>
    </row>
    <row r="483831" spans="8:8">
      <c r="H483831" s="12"/>
    </row>
    <row r="483832" spans="8:8">
      <c r="H483832" s="12"/>
    </row>
    <row r="483833" spans="8:8">
      <c r="H483833" s="12"/>
    </row>
    <row r="483834" spans="8:8">
      <c r="H483834" s="12"/>
    </row>
    <row r="483835" spans="8:8">
      <c r="H483835" s="12"/>
    </row>
    <row r="483836" spans="8:8">
      <c r="H483836" s="12"/>
    </row>
    <row r="483837" spans="8:8">
      <c r="H483837" s="12"/>
    </row>
    <row r="483838" spans="8:8">
      <c r="H483838" s="12"/>
    </row>
    <row r="483839" spans="8:8">
      <c r="H483839" s="12"/>
    </row>
    <row r="483840" spans="8:8">
      <c r="H483840" s="12"/>
    </row>
    <row r="483841" spans="8:8">
      <c r="H483841" s="12"/>
    </row>
    <row r="483842" spans="8:8">
      <c r="H483842" s="12"/>
    </row>
    <row r="483843" spans="8:8">
      <c r="H483843" s="12"/>
    </row>
    <row r="483844" spans="8:8">
      <c r="H483844" s="12"/>
    </row>
    <row r="483845" spans="8:8">
      <c r="H483845" s="12"/>
    </row>
    <row r="483846" spans="8:8">
      <c r="H483846" s="12"/>
    </row>
    <row r="483847" spans="8:8">
      <c r="H483847" s="12"/>
    </row>
    <row r="483848" spans="8:8">
      <c r="H483848" s="12"/>
    </row>
    <row r="483849" spans="8:8">
      <c r="H483849" s="12"/>
    </row>
    <row r="483850" spans="8:8">
      <c r="H483850" s="12"/>
    </row>
    <row r="483851" spans="8:8">
      <c r="H483851" s="12"/>
    </row>
    <row r="483852" spans="8:8">
      <c r="H483852" s="12"/>
    </row>
    <row r="483853" spans="8:8">
      <c r="H483853" s="12"/>
    </row>
    <row r="483854" spans="8:8">
      <c r="H483854" s="12"/>
    </row>
    <row r="483855" spans="8:8">
      <c r="H483855" s="12"/>
    </row>
    <row r="483856" spans="8:8">
      <c r="H483856" s="12"/>
    </row>
    <row r="483857" spans="8:8">
      <c r="H483857" s="12"/>
    </row>
    <row r="483858" spans="8:8">
      <c r="H483858" s="12"/>
    </row>
    <row r="483859" spans="8:8">
      <c r="H483859" s="12"/>
    </row>
    <row r="483860" spans="8:8">
      <c r="H483860" s="12"/>
    </row>
    <row r="483861" spans="8:8">
      <c r="H483861" s="12"/>
    </row>
    <row r="483862" spans="8:8">
      <c r="H483862" s="12"/>
    </row>
    <row r="483863" spans="8:8">
      <c r="H483863" s="12"/>
    </row>
    <row r="483864" spans="8:8">
      <c r="H483864" s="12"/>
    </row>
    <row r="483865" spans="8:8">
      <c r="H483865" s="12"/>
    </row>
    <row r="483866" spans="8:8">
      <c r="H483866" s="12"/>
    </row>
    <row r="483867" spans="8:8">
      <c r="H483867" s="12"/>
    </row>
    <row r="483868" spans="8:8">
      <c r="H483868" s="12"/>
    </row>
    <row r="483869" spans="8:8">
      <c r="H483869" s="12"/>
    </row>
    <row r="483870" spans="8:8">
      <c r="H483870" s="12"/>
    </row>
    <row r="483871" spans="8:8">
      <c r="H483871" s="12"/>
    </row>
    <row r="483872" spans="8:8">
      <c r="H483872" s="12"/>
    </row>
    <row r="483873" spans="8:8">
      <c r="H483873" s="12"/>
    </row>
    <row r="483874" spans="8:8">
      <c r="H483874" s="12"/>
    </row>
    <row r="483875" spans="8:8">
      <c r="H483875" s="12"/>
    </row>
    <row r="483876" spans="8:8">
      <c r="H483876" s="12"/>
    </row>
    <row r="483877" spans="8:8">
      <c r="H483877" s="12"/>
    </row>
    <row r="483878" spans="8:8">
      <c r="H483878" s="12"/>
    </row>
    <row r="483879" spans="8:8">
      <c r="H483879" s="12"/>
    </row>
    <row r="483880" spans="8:8">
      <c r="H483880" s="12"/>
    </row>
    <row r="483881" spans="8:8">
      <c r="H483881" s="12"/>
    </row>
    <row r="483882" spans="8:8">
      <c r="H483882" s="12"/>
    </row>
    <row r="483883" spans="8:8">
      <c r="H483883" s="12"/>
    </row>
    <row r="483884" spans="8:8">
      <c r="H483884" s="12"/>
    </row>
    <row r="483885" spans="8:8">
      <c r="H483885" s="12"/>
    </row>
    <row r="483886" spans="8:8">
      <c r="H483886" s="12"/>
    </row>
    <row r="483887" spans="8:8">
      <c r="H483887" s="12"/>
    </row>
    <row r="483888" spans="8:8">
      <c r="H483888" s="12"/>
    </row>
    <row r="483889" spans="8:8">
      <c r="H483889" s="12"/>
    </row>
    <row r="483890" spans="8:8">
      <c r="H483890" s="12"/>
    </row>
    <row r="483891" spans="8:8">
      <c r="H483891" s="12"/>
    </row>
    <row r="483892" spans="8:8">
      <c r="H483892" s="12"/>
    </row>
    <row r="483893" spans="8:8">
      <c r="H483893" s="12"/>
    </row>
    <row r="483894" spans="8:8">
      <c r="H483894" s="12"/>
    </row>
    <row r="483895" spans="8:8">
      <c r="H483895" s="12"/>
    </row>
    <row r="483896" spans="8:8">
      <c r="H483896" s="12"/>
    </row>
    <row r="483897" spans="8:8">
      <c r="H483897" s="12"/>
    </row>
    <row r="483898" spans="8:8">
      <c r="H483898" s="12"/>
    </row>
    <row r="483899" spans="8:8">
      <c r="H483899" s="12"/>
    </row>
    <row r="483900" spans="8:8">
      <c r="H483900" s="12"/>
    </row>
    <row r="483901" spans="8:8">
      <c r="H483901" s="12"/>
    </row>
    <row r="483902" spans="8:8">
      <c r="H483902" s="12"/>
    </row>
    <row r="483903" spans="8:8">
      <c r="H483903" s="12"/>
    </row>
    <row r="483904" spans="8:8">
      <c r="H483904" s="12"/>
    </row>
    <row r="483905" spans="8:8">
      <c r="H483905" s="12"/>
    </row>
    <row r="483906" spans="8:8">
      <c r="H483906" s="12"/>
    </row>
    <row r="483907" spans="8:8">
      <c r="H483907" s="12"/>
    </row>
    <row r="483908" spans="8:8">
      <c r="H483908" s="12"/>
    </row>
    <row r="483909" spans="8:8">
      <c r="H483909" s="12"/>
    </row>
    <row r="483910" spans="8:8">
      <c r="H483910" s="12"/>
    </row>
    <row r="483911" spans="8:8">
      <c r="H483911" s="12"/>
    </row>
    <row r="483912" spans="8:8">
      <c r="H483912" s="12"/>
    </row>
    <row r="483913" spans="8:8">
      <c r="H483913" s="12"/>
    </row>
    <row r="483914" spans="8:8">
      <c r="H483914" s="12"/>
    </row>
    <row r="483915" spans="8:8">
      <c r="H483915" s="12"/>
    </row>
    <row r="483916" spans="8:8">
      <c r="H483916" s="12"/>
    </row>
    <row r="483917" spans="8:8">
      <c r="H483917" s="12"/>
    </row>
    <row r="483918" spans="8:8">
      <c r="H483918" s="12"/>
    </row>
    <row r="483919" spans="8:8">
      <c r="H483919" s="12"/>
    </row>
    <row r="483920" spans="8:8">
      <c r="H483920" s="12"/>
    </row>
    <row r="483921" spans="8:8">
      <c r="H483921" s="12"/>
    </row>
    <row r="483922" spans="8:8">
      <c r="H483922" s="12"/>
    </row>
    <row r="483923" spans="8:8">
      <c r="H483923" s="12"/>
    </row>
    <row r="483924" spans="8:8">
      <c r="H483924" s="12"/>
    </row>
    <row r="483925" spans="8:8">
      <c r="H483925" s="12"/>
    </row>
    <row r="483926" spans="8:8">
      <c r="H483926" s="12"/>
    </row>
    <row r="483927" spans="8:8">
      <c r="H483927" s="12"/>
    </row>
    <row r="483928" spans="8:8">
      <c r="H483928" s="12"/>
    </row>
    <row r="483929" spans="8:8">
      <c r="H483929" s="12"/>
    </row>
    <row r="483930" spans="8:8">
      <c r="H483930" s="12"/>
    </row>
    <row r="483931" spans="8:8">
      <c r="H483931" s="12"/>
    </row>
    <row r="483932" spans="8:8">
      <c r="H483932" s="12"/>
    </row>
    <row r="483933" spans="8:8">
      <c r="H483933" s="12"/>
    </row>
    <row r="483934" spans="8:8">
      <c r="H483934" s="12"/>
    </row>
    <row r="483935" spans="8:8">
      <c r="H483935" s="12"/>
    </row>
    <row r="483936" spans="8:8">
      <c r="H483936" s="12"/>
    </row>
    <row r="483937" spans="8:8">
      <c r="H483937" s="12"/>
    </row>
    <row r="483938" spans="8:8">
      <c r="H483938" s="12"/>
    </row>
    <row r="483939" spans="8:8">
      <c r="H483939" s="12"/>
    </row>
    <row r="483940" spans="8:8">
      <c r="H483940" s="12"/>
    </row>
    <row r="483941" spans="8:8">
      <c r="H483941" s="12"/>
    </row>
    <row r="483942" spans="8:8">
      <c r="H483942" s="12"/>
    </row>
    <row r="483943" spans="8:8">
      <c r="H483943" s="12"/>
    </row>
    <row r="483944" spans="8:8">
      <c r="H483944" s="12"/>
    </row>
    <row r="483945" spans="8:8">
      <c r="H483945" s="12"/>
    </row>
    <row r="483946" spans="8:8">
      <c r="H483946" s="12"/>
    </row>
    <row r="483947" spans="8:8">
      <c r="H483947" s="12"/>
    </row>
    <row r="483948" spans="8:8">
      <c r="H483948" s="12"/>
    </row>
    <row r="483949" spans="8:8">
      <c r="H483949" s="12"/>
    </row>
    <row r="483950" spans="8:8">
      <c r="H483950" s="12"/>
    </row>
    <row r="483951" spans="8:8">
      <c r="H483951" s="12"/>
    </row>
    <row r="483952" spans="8:8">
      <c r="H483952" s="12"/>
    </row>
    <row r="483953" spans="8:8">
      <c r="H483953" s="12"/>
    </row>
    <row r="483954" spans="8:8">
      <c r="H483954" s="12"/>
    </row>
    <row r="483955" spans="8:8">
      <c r="H483955" s="12"/>
    </row>
    <row r="483956" spans="8:8">
      <c r="H483956" s="12"/>
    </row>
    <row r="483957" spans="8:8">
      <c r="H483957" s="12"/>
    </row>
    <row r="483958" spans="8:8">
      <c r="H483958" s="12"/>
    </row>
    <row r="483959" spans="8:8">
      <c r="H483959" s="12"/>
    </row>
    <row r="483960" spans="8:8">
      <c r="H483960" s="12"/>
    </row>
    <row r="483961" spans="8:8">
      <c r="H483961" s="12"/>
    </row>
    <row r="483962" spans="8:8">
      <c r="H483962" s="12"/>
    </row>
    <row r="483963" spans="8:8">
      <c r="H483963" s="12"/>
    </row>
    <row r="483964" spans="8:8">
      <c r="H483964" s="12"/>
    </row>
    <row r="483965" spans="8:8">
      <c r="H483965" s="12"/>
    </row>
    <row r="483966" spans="8:8">
      <c r="H483966" s="12"/>
    </row>
    <row r="483967" spans="8:8">
      <c r="H483967" s="12"/>
    </row>
    <row r="483968" spans="8:8">
      <c r="H483968" s="12"/>
    </row>
    <row r="483969" spans="8:8">
      <c r="H483969" s="12"/>
    </row>
    <row r="483970" spans="8:8">
      <c r="H483970" s="12"/>
    </row>
    <row r="483971" spans="8:8">
      <c r="H483971" s="12"/>
    </row>
    <row r="483972" spans="8:8">
      <c r="H483972" s="12"/>
    </row>
    <row r="483973" spans="8:8">
      <c r="H483973" s="12"/>
    </row>
    <row r="483974" spans="8:8">
      <c r="H483974" s="12"/>
    </row>
    <row r="483975" spans="8:8">
      <c r="H483975" s="12"/>
    </row>
    <row r="483976" spans="8:8">
      <c r="H483976" s="12"/>
    </row>
    <row r="483977" spans="8:8">
      <c r="H483977" s="12"/>
    </row>
    <row r="483978" spans="8:8">
      <c r="H483978" s="12"/>
    </row>
    <row r="483979" spans="8:8">
      <c r="H483979" s="12"/>
    </row>
    <row r="483980" spans="8:8">
      <c r="H483980" s="12"/>
    </row>
    <row r="483981" spans="8:8">
      <c r="H483981" s="12"/>
    </row>
    <row r="483982" spans="8:8">
      <c r="H483982" s="12"/>
    </row>
    <row r="483983" spans="8:8">
      <c r="H483983" s="12"/>
    </row>
    <row r="483984" spans="8:8">
      <c r="H483984" s="12"/>
    </row>
    <row r="483985" spans="8:8">
      <c r="H483985" s="12"/>
    </row>
    <row r="483986" spans="8:8">
      <c r="H483986" s="12"/>
    </row>
    <row r="483987" spans="8:8">
      <c r="H483987" s="12"/>
    </row>
    <row r="483988" spans="8:8">
      <c r="H483988" s="12"/>
    </row>
    <row r="483989" spans="8:8">
      <c r="H483989" s="12"/>
    </row>
    <row r="483990" spans="8:8">
      <c r="H483990" s="12"/>
    </row>
    <row r="483991" spans="8:8">
      <c r="H483991" s="12"/>
    </row>
    <row r="483992" spans="8:8">
      <c r="H483992" s="12"/>
    </row>
    <row r="483993" spans="8:8">
      <c r="H483993" s="12"/>
    </row>
    <row r="483994" spans="8:8">
      <c r="H483994" s="12"/>
    </row>
    <row r="483995" spans="8:8">
      <c r="H483995" s="12"/>
    </row>
    <row r="483996" spans="8:8">
      <c r="H483996" s="12"/>
    </row>
    <row r="483997" spans="8:8">
      <c r="H483997" s="12"/>
    </row>
    <row r="483998" spans="8:8">
      <c r="H483998" s="12"/>
    </row>
    <row r="483999" spans="8:8">
      <c r="H483999" s="12"/>
    </row>
    <row r="484000" spans="8:8">
      <c r="H484000" s="12"/>
    </row>
    <row r="484001" spans="8:8">
      <c r="H484001" s="12"/>
    </row>
    <row r="484002" spans="8:8">
      <c r="H484002" s="12"/>
    </row>
    <row r="484003" spans="8:8">
      <c r="H484003" s="12"/>
    </row>
    <row r="484004" spans="8:8">
      <c r="H484004" s="12"/>
    </row>
    <row r="484005" spans="8:8">
      <c r="H484005" s="12"/>
    </row>
    <row r="484006" spans="8:8">
      <c r="H484006" s="12"/>
    </row>
    <row r="484007" spans="8:8">
      <c r="H484007" s="12"/>
    </row>
    <row r="484008" spans="8:8">
      <c r="H484008" s="12"/>
    </row>
    <row r="484009" spans="8:8">
      <c r="H484009" s="12"/>
    </row>
    <row r="484010" spans="8:8">
      <c r="H484010" s="12"/>
    </row>
    <row r="484011" spans="8:8">
      <c r="H484011" s="12"/>
    </row>
    <row r="484012" spans="8:8">
      <c r="H484012" s="12"/>
    </row>
    <row r="484013" spans="8:8">
      <c r="H484013" s="12"/>
    </row>
    <row r="484014" spans="8:8">
      <c r="H484014" s="12"/>
    </row>
    <row r="484015" spans="8:8">
      <c r="H484015" s="12"/>
    </row>
    <row r="484016" spans="8:8">
      <c r="H484016" s="12"/>
    </row>
    <row r="484017" spans="8:8">
      <c r="H484017" s="12"/>
    </row>
    <row r="484018" spans="8:8">
      <c r="H484018" s="12"/>
    </row>
    <row r="484019" spans="8:8">
      <c r="H484019" s="12"/>
    </row>
    <row r="484020" spans="8:8">
      <c r="H484020" s="12"/>
    </row>
    <row r="484021" spans="8:8">
      <c r="H484021" s="12"/>
    </row>
    <row r="484022" spans="8:8">
      <c r="H484022" s="12"/>
    </row>
    <row r="484023" spans="8:8">
      <c r="H484023" s="12"/>
    </row>
    <row r="484024" spans="8:8">
      <c r="H484024" s="12"/>
    </row>
    <row r="484025" spans="8:8">
      <c r="H484025" s="12"/>
    </row>
    <row r="484026" spans="8:8">
      <c r="H484026" s="12"/>
    </row>
    <row r="484027" spans="8:8">
      <c r="H484027" s="12"/>
    </row>
    <row r="484028" spans="8:8">
      <c r="H484028" s="12"/>
    </row>
    <row r="484029" spans="8:8">
      <c r="H484029" s="12"/>
    </row>
    <row r="484030" spans="8:8">
      <c r="H484030" s="12"/>
    </row>
    <row r="484031" spans="8:8">
      <c r="H484031" s="12"/>
    </row>
    <row r="484032" spans="8:8">
      <c r="H484032" s="12"/>
    </row>
    <row r="484033" spans="8:8">
      <c r="H484033" s="12"/>
    </row>
    <row r="484034" spans="8:8">
      <c r="H484034" s="12"/>
    </row>
    <row r="484035" spans="8:8">
      <c r="H484035" s="12"/>
    </row>
    <row r="484036" spans="8:8">
      <c r="H484036" s="12"/>
    </row>
    <row r="484037" spans="8:8">
      <c r="H484037" s="12"/>
    </row>
    <row r="484038" spans="8:8">
      <c r="H484038" s="12"/>
    </row>
    <row r="484039" spans="8:8">
      <c r="H484039" s="12"/>
    </row>
    <row r="484040" spans="8:8">
      <c r="H484040" s="12"/>
    </row>
    <row r="484041" spans="8:8">
      <c r="H484041" s="12"/>
    </row>
    <row r="484042" spans="8:8">
      <c r="H484042" s="12"/>
    </row>
    <row r="484043" spans="8:8">
      <c r="H484043" s="12"/>
    </row>
    <row r="484044" spans="8:8">
      <c r="H484044" s="12"/>
    </row>
    <row r="484045" spans="8:8">
      <c r="H484045" s="12"/>
    </row>
    <row r="484046" spans="8:8">
      <c r="H484046" s="12"/>
    </row>
    <row r="484047" spans="8:8">
      <c r="H484047" s="12"/>
    </row>
    <row r="484048" spans="8:8">
      <c r="H484048" s="12"/>
    </row>
    <row r="484049" spans="8:8">
      <c r="H484049" s="12"/>
    </row>
    <row r="484050" spans="8:8">
      <c r="H484050" s="12"/>
    </row>
    <row r="484051" spans="8:8">
      <c r="H484051" s="12"/>
    </row>
    <row r="484052" spans="8:8">
      <c r="H484052" s="12"/>
    </row>
    <row r="484053" spans="8:8">
      <c r="H484053" s="12"/>
    </row>
    <row r="484054" spans="8:8">
      <c r="H484054" s="12"/>
    </row>
    <row r="484055" spans="8:8">
      <c r="H484055" s="12"/>
    </row>
    <row r="484056" spans="8:8">
      <c r="H484056" s="12"/>
    </row>
    <row r="484057" spans="8:8">
      <c r="H484057" s="12"/>
    </row>
    <row r="484058" spans="8:8">
      <c r="H484058" s="12"/>
    </row>
    <row r="484059" spans="8:8">
      <c r="H484059" s="12"/>
    </row>
    <row r="484060" spans="8:8">
      <c r="H484060" s="12"/>
    </row>
    <row r="484061" spans="8:8">
      <c r="H484061" s="12"/>
    </row>
    <row r="484062" spans="8:8">
      <c r="H484062" s="12"/>
    </row>
    <row r="484063" spans="8:8">
      <c r="H484063" s="12"/>
    </row>
    <row r="484064" spans="8:8">
      <c r="H484064" s="12"/>
    </row>
    <row r="484065" spans="8:8">
      <c r="H484065" s="12"/>
    </row>
    <row r="484066" spans="8:8">
      <c r="H484066" s="12"/>
    </row>
    <row r="484067" spans="8:8">
      <c r="H484067" s="12"/>
    </row>
    <row r="484068" spans="8:8">
      <c r="H484068" s="12"/>
    </row>
    <row r="484069" spans="8:8">
      <c r="H484069" s="12"/>
    </row>
    <row r="484070" spans="8:8">
      <c r="H484070" s="12"/>
    </row>
    <row r="484071" spans="8:8">
      <c r="H484071" s="12"/>
    </row>
    <row r="484072" spans="8:8">
      <c r="H484072" s="12"/>
    </row>
    <row r="484073" spans="8:8">
      <c r="H484073" s="12"/>
    </row>
    <row r="484074" spans="8:8">
      <c r="H484074" s="12"/>
    </row>
    <row r="484075" spans="8:8">
      <c r="H484075" s="12"/>
    </row>
    <row r="484076" spans="8:8">
      <c r="H484076" s="12"/>
    </row>
    <row r="484077" spans="8:8">
      <c r="H484077" s="12"/>
    </row>
    <row r="484078" spans="8:8">
      <c r="H484078" s="12"/>
    </row>
    <row r="484079" spans="8:8">
      <c r="H484079" s="12"/>
    </row>
    <row r="484080" spans="8:8">
      <c r="H484080" s="12"/>
    </row>
    <row r="484081" spans="8:8">
      <c r="H484081" s="12"/>
    </row>
    <row r="484082" spans="8:8">
      <c r="H484082" s="12"/>
    </row>
    <row r="484083" spans="8:8">
      <c r="H484083" s="12"/>
    </row>
    <row r="484084" spans="8:8">
      <c r="H484084" s="12"/>
    </row>
    <row r="484085" spans="8:8">
      <c r="H484085" s="12"/>
    </row>
    <row r="484086" spans="8:8">
      <c r="H484086" s="12"/>
    </row>
    <row r="484087" spans="8:8">
      <c r="H484087" s="12"/>
    </row>
    <row r="484088" spans="8:8">
      <c r="H484088" s="12"/>
    </row>
    <row r="484089" spans="8:8">
      <c r="H484089" s="12"/>
    </row>
    <row r="484090" spans="8:8">
      <c r="H484090" s="12"/>
    </row>
    <row r="484091" spans="8:8">
      <c r="H484091" s="12"/>
    </row>
    <row r="484092" spans="8:8">
      <c r="H484092" s="12"/>
    </row>
    <row r="484093" spans="8:8">
      <c r="H484093" s="12"/>
    </row>
    <row r="484094" spans="8:8">
      <c r="H484094" s="12"/>
    </row>
    <row r="484095" spans="8:8">
      <c r="H484095" s="12"/>
    </row>
    <row r="484096" spans="8:8">
      <c r="H484096" s="12"/>
    </row>
    <row r="484097" spans="8:8">
      <c r="H484097" s="12"/>
    </row>
    <row r="484098" spans="8:8">
      <c r="H484098" s="12"/>
    </row>
    <row r="484099" spans="8:8">
      <c r="H484099" s="12"/>
    </row>
    <row r="484100" spans="8:8">
      <c r="H484100" s="12"/>
    </row>
    <row r="484101" spans="8:8">
      <c r="H484101" s="12"/>
    </row>
    <row r="484102" spans="8:8">
      <c r="H484102" s="12"/>
    </row>
    <row r="484103" spans="8:8">
      <c r="H484103" s="12"/>
    </row>
    <row r="484104" spans="8:8">
      <c r="H484104" s="12"/>
    </row>
    <row r="484105" spans="8:8">
      <c r="H484105" s="12"/>
    </row>
    <row r="484106" spans="8:8">
      <c r="H484106" s="12"/>
    </row>
    <row r="484107" spans="8:8">
      <c r="H484107" s="12"/>
    </row>
    <row r="484108" spans="8:8">
      <c r="H484108" s="12"/>
    </row>
    <row r="484109" spans="8:8">
      <c r="H484109" s="12"/>
    </row>
    <row r="484110" spans="8:8">
      <c r="H484110" s="12"/>
    </row>
    <row r="484111" spans="8:8">
      <c r="H484111" s="12"/>
    </row>
    <row r="484112" spans="8:8">
      <c r="H484112" s="12"/>
    </row>
    <row r="484113" spans="8:8">
      <c r="H484113" s="12"/>
    </row>
    <row r="484114" spans="8:8">
      <c r="H484114" s="12"/>
    </row>
    <row r="484115" spans="8:8">
      <c r="H484115" s="12"/>
    </row>
    <row r="484116" spans="8:8">
      <c r="H484116" s="12"/>
    </row>
    <row r="484117" spans="8:8">
      <c r="H484117" s="12"/>
    </row>
    <row r="484118" spans="8:8">
      <c r="H484118" s="12"/>
    </row>
    <row r="484119" spans="8:8">
      <c r="H484119" s="12"/>
    </row>
    <row r="484120" spans="8:8">
      <c r="H484120" s="12"/>
    </row>
    <row r="484121" spans="8:8">
      <c r="H484121" s="12"/>
    </row>
    <row r="484122" spans="8:8">
      <c r="H484122" s="12"/>
    </row>
    <row r="484123" spans="8:8">
      <c r="H484123" s="12"/>
    </row>
    <row r="484124" spans="8:8">
      <c r="H484124" s="12"/>
    </row>
    <row r="484125" spans="8:8">
      <c r="H484125" s="12"/>
    </row>
    <row r="484126" spans="8:8">
      <c r="H484126" s="12"/>
    </row>
    <row r="484127" spans="8:8">
      <c r="H484127" s="12"/>
    </row>
    <row r="484128" spans="8:8">
      <c r="H484128" s="12"/>
    </row>
    <row r="484129" spans="8:8">
      <c r="H484129" s="12"/>
    </row>
    <row r="484130" spans="8:8">
      <c r="H484130" s="12"/>
    </row>
    <row r="484131" spans="8:8">
      <c r="H484131" s="12"/>
    </row>
    <row r="484132" spans="8:8">
      <c r="H484132" s="12"/>
    </row>
    <row r="484133" spans="8:8">
      <c r="H484133" s="12"/>
    </row>
    <row r="484134" spans="8:8">
      <c r="H484134" s="12"/>
    </row>
    <row r="484135" spans="8:8">
      <c r="H484135" s="12"/>
    </row>
    <row r="484136" spans="8:8">
      <c r="H484136" s="12"/>
    </row>
    <row r="484137" spans="8:8">
      <c r="H484137" s="12"/>
    </row>
    <row r="484138" spans="8:8">
      <c r="H484138" s="12"/>
    </row>
    <row r="484139" spans="8:8">
      <c r="H484139" s="12"/>
    </row>
    <row r="484140" spans="8:8">
      <c r="H484140" s="12"/>
    </row>
    <row r="484141" spans="8:8">
      <c r="H484141" s="12"/>
    </row>
    <row r="484142" spans="8:8">
      <c r="H484142" s="12"/>
    </row>
    <row r="484143" spans="8:8">
      <c r="H484143" s="12"/>
    </row>
    <row r="484144" spans="8:8">
      <c r="H484144" s="12"/>
    </row>
    <row r="484145" spans="8:8">
      <c r="H484145" s="12"/>
    </row>
    <row r="484146" spans="8:8">
      <c r="H484146" s="12"/>
    </row>
    <row r="484147" spans="8:8">
      <c r="H484147" s="12"/>
    </row>
    <row r="484148" spans="8:8">
      <c r="H484148" s="12"/>
    </row>
    <row r="484149" spans="8:8">
      <c r="H484149" s="12"/>
    </row>
    <row r="484150" spans="8:8">
      <c r="H484150" s="12"/>
    </row>
    <row r="484151" spans="8:8">
      <c r="H484151" s="12"/>
    </row>
    <row r="484152" spans="8:8">
      <c r="H484152" s="12"/>
    </row>
    <row r="484153" spans="8:8">
      <c r="H484153" s="12"/>
    </row>
    <row r="484154" spans="8:8">
      <c r="H484154" s="12"/>
    </row>
    <row r="484155" spans="8:8">
      <c r="H484155" s="12"/>
    </row>
    <row r="484156" spans="8:8">
      <c r="H484156" s="12"/>
    </row>
    <row r="484157" spans="8:8">
      <c r="H484157" s="12"/>
    </row>
    <row r="484158" spans="8:8">
      <c r="H484158" s="12"/>
    </row>
    <row r="484159" spans="8:8">
      <c r="H484159" s="12"/>
    </row>
    <row r="484160" spans="8:8">
      <c r="H484160" s="12"/>
    </row>
    <row r="484161" spans="8:8">
      <c r="H484161" s="12"/>
    </row>
    <row r="484162" spans="8:8">
      <c r="H484162" s="12"/>
    </row>
    <row r="484163" spans="8:8">
      <c r="H484163" s="12"/>
    </row>
    <row r="484164" spans="8:8">
      <c r="H484164" s="12"/>
    </row>
    <row r="484165" spans="8:8">
      <c r="H484165" s="12"/>
    </row>
    <row r="484166" spans="8:8">
      <c r="H484166" s="12"/>
    </row>
    <row r="484167" spans="8:8">
      <c r="H484167" s="12"/>
    </row>
    <row r="484168" spans="8:8">
      <c r="H484168" s="12"/>
    </row>
    <row r="484169" spans="8:8">
      <c r="H484169" s="12"/>
    </row>
    <row r="484170" spans="8:8">
      <c r="H484170" s="12"/>
    </row>
    <row r="484171" spans="8:8">
      <c r="H484171" s="12"/>
    </row>
    <row r="484172" spans="8:8">
      <c r="H484172" s="12"/>
    </row>
    <row r="484173" spans="8:8">
      <c r="H484173" s="12"/>
    </row>
    <row r="484174" spans="8:8">
      <c r="H484174" s="12"/>
    </row>
    <row r="484175" spans="8:8">
      <c r="H484175" s="12"/>
    </row>
    <row r="484176" spans="8:8">
      <c r="H484176" s="12"/>
    </row>
    <row r="484177" spans="8:8">
      <c r="H484177" s="12"/>
    </row>
    <row r="484178" spans="8:8">
      <c r="H484178" s="12"/>
    </row>
    <row r="484179" spans="8:8">
      <c r="H484179" s="12"/>
    </row>
    <row r="484180" spans="8:8">
      <c r="H484180" s="12"/>
    </row>
    <row r="484181" spans="8:8">
      <c r="H484181" s="12"/>
    </row>
    <row r="484182" spans="8:8">
      <c r="H484182" s="12"/>
    </row>
    <row r="484183" spans="8:8">
      <c r="H484183" s="12"/>
    </row>
    <row r="484184" spans="8:8">
      <c r="H484184" s="12"/>
    </row>
    <row r="484185" spans="8:8">
      <c r="H484185" s="12"/>
    </row>
    <row r="484186" spans="8:8">
      <c r="H484186" s="12"/>
    </row>
    <row r="484187" spans="8:8">
      <c r="H484187" s="12"/>
    </row>
    <row r="484188" spans="8:8">
      <c r="H484188" s="12"/>
    </row>
    <row r="484189" spans="8:8">
      <c r="H484189" s="12"/>
    </row>
    <row r="484190" spans="8:8">
      <c r="H484190" s="12"/>
    </row>
    <row r="484191" spans="8:8">
      <c r="H484191" s="12"/>
    </row>
    <row r="484192" spans="8:8">
      <c r="H484192" s="12"/>
    </row>
    <row r="484193" spans="8:8">
      <c r="H484193" s="12"/>
    </row>
    <row r="484194" spans="8:8">
      <c r="H484194" s="12"/>
    </row>
    <row r="484195" spans="8:8">
      <c r="H484195" s="12"/>
    </row>
    <row r="484196" spans="8:8">
      <c r="H484196" s="12"/>
    </row>
    <row r="484197" spans="8:8">
      <c r="H484197" s="12"/>
    </row>
    <row r="484198" spans="8:8">
      <c r="H484198" s="12"/>
    </row>
    <row r="484199" spans="8:8">
      <c r="H484199" s="12"/>
    </row>
    <row r="484200" spans="8:8">
      <c r="H484200" s="12"/>
    </row>
    <row r="484201" spans="8:8">
      <c r="H484201" s="12"/>
    </row>
    <row r="484202" spans="8:8">
      <c r="H484202" s="12"/>
    </row>
    <row r="484203" spans="8:8">
      <c r="H484203" s="12"/>
    </row>
    <row r="484204" spans="8:8">
      <c r="H484204" s="12"/>
    </row>
    <row r="484205" spans="8:8">
      <c r="H484205" s="12"/>
    </row>
    <row r="484206" spans="8:8">
      <c r="H484206" s="12"/>
    </row>
    <row r="484207" spans="8:8">
      <c r="H484207" s="12"/>
    </row>
    <row r="484208" spans="8:8">
      <c r="H484208" s="12"/>
    </row>
    <row r="484209" spans="8:8">
      <c r="H484209" s="12"/>
    </row>
    <row r="484210" spans="8:8">
      <c r="H484210" s="12"/>
    </row>
    <row r="484211" spans="8:8">
      <c r="H484211" s="12"/>
    </row>
    <row r="484212" spans="8:8">
      <c r="H484212" s="12"/>
    </row>
    <row r="484213" spans="8:8">
      <c r="H484213" s="12"/>
    </row>
    <row r="484214" spans="8:8">
      <c r="H484214" s="12"/>
    </row>
    <row r="484215" spans="8:8">
      <c r="H484215" s="12"/>
    </row>
    <row r="484216" spans="8:8">
      <c r="H484216" s="12"/>
    </row>
    <row r="484217" spans="8:8">
      <c r="H484217" s="12"/>
    </row>
    <row r="484218" spans="8:8">
      <c r="H484218" s="12"/>
    </row>
    <row r="484219" spans="8:8">
      <c r="H484219" s="12"/>
    </row>
    <row r="484220" spans="8:8">
      <c r="H484220" s="12"/>
    </row>
    <row r="484221" spans="8:8">
      <c r="H484221" s="12"/>
    </row>
    <row r="484222" spans="8:8">
      <c r="H484222" s="12"/>
    </row>
    <row r="484223" spans="8:8">
      <c r="H484223" s="12"/>
    </row>
    <row r="484224" spans="8:8">
      <c r="H484224" s="12"/>
    </row>
    <row r="484225" spans="8:8">
      <c r="H484225" s="12"/>
    </row>
    <row r="484226" spans="8:8">
      <c r="H484226" s="12"/>
    </row>
    <row r="484227" spans="8:8">
      <c r="H484227" s="12"/>
    </row>
    <row r="484228" spans="8:8">
      <c r="H484228" s="12"/>
    </row>
    <row r="484229" spans="8:8">
      <c r="H484229" s="12"/>
    </row>
    <row r="484230" spans="8:8">
      <c r="H484230" s="12"/>
    </row>
    <row r="484231" spans="8:8">
      <c r="H484231" s="12"/>
    </row>
    <row r="484232" spans="8:8">
      <c r="H484232" s="12"/>
    </row>
    <row r="484233" spans="8:8">
      <c r="H484233" s="12"/>
    </row>
    <row r="484234" spans="8:8">
      <c r="H484234" s="12"/>
    </row>
    <row r="484235" spans="8:8">
      <c r="H484235" s="12"/>
    </row>
    <row r="484236" spans="8:8">
      <c r="H484236" s="12"/>
    </row>
    <row r="484237" spans="8:8">
      <c r="H484237" s="12"/>
    </row>
    <row r="484238" spans="8:8">
      <c r="H484238" s="12"/>
    </row>
    <row r="484239" spans="8:8">
      <c r="H484239" s="12"/>
    </row>
    <row r="484240" spans="8:8">
      <c r="H484240" s="12"/>
    </row>
    <row r="484241" spans="8:8">
      <c r="H484241" s="12"/>
    </row>
    <row r="484242" spans="8:8">
      <c r="H484242" s="12"/>
    </row>
    <row r="484243" spans="8:8">
      <c r="H484243" s="12"/>
    </row>
    <row r="484244" spans="8:8">
      <c r="H484244" s="12"/>
    </row>
    <row r="484245" spans="8:8">
      <c r="H484245" s="12"/>
    </row>
    <row r="484246" spans="8:8">
      <c r="H484246" s="12"/>
    </row>
    <row r="484247" spans="8:8">
      <c r="H484247" s="12"/>
    </row>
    <row r="484248" spans="8:8">
      <c r="H484248" s="12"/>
    </row>
    <row r="484249" spans="8:8">
      <c r="H484249" s="12"/>
    </row>
    <row r="484250" spans="8:8">
      <c r="H484250" s="12"/>
    </row>
    <row r="484251" spans="8:8">
      <c r="H484251" s="12"/>
    </row>
    <row r="484252" spans="8:8">
      <c r="H484252" s="12"/>
    </row>
    <row r="484253" spans="8:8">
      <c r="H484253" s="12"/>
    </row>
    <row r="484254" spans="8:8">
      <c r="H484254" s="12"/>
    </row>
    <row r="484255" spans="8:8">
      <c r="H484255" s="12"/>
    </row>
    <row r="484256" spans="8:8">
      <c r="H484256" s="12"/>
    </row>
    <row r="484257" spans="8:8">
      <c r="H484257" s="12"/>
    </row>
    <row r="484258" spans="8:8">
      <c r="H484258" s="12"/>
    </row>
    <row r="484259" spans="8:8">
      <c r="H484259" s="12"/>
    </row>
    <row r="484260" spans="8:8">
      <c r="H484260" s="12"/>
    </row>
    <row r="484261" spans="8:8">
      <c r="H484261" s="12"/>
    </row>
    <row r="484262" spans="8:8">
      <c r="H484262" s="12"/>
    </row>
    <row r="484263" spans="8:8">
      <c r="H484263" s="12"/>
    </row>
    <row r="484264" spans="8:8">
      <c r="H484264" s="12"/>
    </row>
    <row r="484265" spans="8:8">
      <c r="H484265" s="12"/>
    </row>
    <row r="484266" spans="8:8">
      <c r="H484266" s="12"/>
    </row>
    <row r="484267" spans="8:8">
      <c r="H484267" s="12"/>
    </row>
    <row r="484268" spans="8:8">
      <c r="H484268" s="12"/>
    </row>
    <row r="484269" spans="8:8">
      <c r="H484269" s="12"/>
    </row>
    <row r="484270" spans="8:8">
      <c r="H484270" s="12"/>
    </row>
    <row r="484271" spans="8:8">
      <c r="H484271" s="12"/>
    </row>
    <row r="484272" spans="8:8">
      <c r="H484272" s="12"/>
    </row>
    <row r="484273" spans="8:8">
      <c r="H484273" s="12"/>
    </row>
    <row r="484274" spans="8:8">
      <c r="H484274" s="12"/>
    </row>
    <row r="484275" spans="8:8">
      <c r="H484275" s="12"/>
    </row>
    <row r="484276" spans="8:8">
      <c r="H484276" s="12"/>
    </row>
    <row r="484277" spans="8:8">
      <c r="H484277" s="12"/>
    </row>
    <row r="484278" spans="8:8">
      <c r="H484278" s="12"/>
    </row>
    <row r="484279" spans="8:8">
      <c r="H484279" s="12"/>
    </row>
    <row r="484280" spans="8:8">
      <c r="H484280" s="12"/>
    </row>
    <row r="484281" spans="8:8">
      <c r="H484281" s="12"/>
    </row>
    <row r="484282" spans="8:8">
      <c r="H484282" s="12"/>
    </row>
    <row r="484283" spans="8:8">
      <c r="H484283" s="12"/>
    </row>
    <row r="484284" spans="8:8">
      <c r="H484284" s="12"/>
    </row>
    <row r="484285" spans="8:8">
      <c r="H484285" s="12"/>
    </row>
    <row r="484286" spans="8:8">
      <c r="H484286" s="12"/>
    </row>
    <row r="484287" spans="8:8">
      <c r="H484287" s="12"/>
    </row>
    <row r="484288" spans="8:8">
      <c r="H484288" s="12"/>
    </row>
    <row r="484289" spans="8:8">
      <c r="H484289" s="12"/>
    </row>
    <row r="484290" spans="8:8">
      <c r="H484290" s="12"/>
    </row>
    <row r="484291" spans="8:8">
      <c r="H484291" s="12"/>
    </row>
    <row r="484292" spans="8:8">
      <c r="H484292" s="12"/>
    </row>
    <row r="484293" spans="8:8">
      <c r="H484293" s="12"/>
    </row>
    <row r="484294" spans="8:8">
      <c r="H484294" s="12"/>
    </row>
    <row r="484295" spans="8:8">
      <c r="H484295" s="12"/>
    </row>
    <row r="484296" spans="8:8">
      <c r="H484296" s="12"/>
    </row>
    <row r="484297" spans="8:8">
      <c r="H484297" s="12"/>
    </row>
    <row r="484298" spans="8:8">
      <c r="H484298" s="12"/>
    </row>
    <row r="484299" spans="8:8">
      <c r="H484299" s="12"/>
    </row>
    <row r="484300" spans="8:8">
      <c r="H484300" s="12"/>
    </row>
    <row r="484301" spans="8:8">
      <c r="H484301" s="12"/>
    </row>
    <row r="484302" spans="8:8">
      <c r="H484302" s="12"/>
    </row>
    <row r="484303" spans="8:8">
      <c r="H484303" s="12"/>
    </row>
    <row r="484304" spans="8:8">
      <c r="H484304" s="12"/>
    </row>
    <row r="484305" spans="8:8">
      <c r="H484305" s="12"/>
    </row>
    <row r="484306" spans="8:8">
      <c r="H484306" s="12"/>
    </row>
    <row r="484307" spans="8:8">
      <c r="H484307" s="12"/>
    </row>
    <row r="484308" spans="8:8">
      <c r="H484308" s="12"/>
    </row>
    <row r="484309" spans="8:8">
      <c r="H484309" s="12"/>
    </row>
    <row r="484310" spans="8:8">
      <c r="H484310" s="12"/>
    </row>
    <row r="484311" spans="8:8">
      <c r="H484311" s="12"/>
    </row>
    <row r="484312" spans="8:8">
      <c r="H484312" s="12"/>
    </row>
    <row r="484313" spans="8:8">
      <c r="H484313" s="12"/>
    </row>
    <row r="484314" spans="8:8">
      <c r="H484314" s="12"/>
    </row>
    <row r="484315" spans="8:8">
      <c r="H484315" s="12"/>
    </row>
    <row r="484316" spans="8:8">
      <c r="H484316" s="12"/>
    </row>
    <row r="484317" spans="8:8">
      <c r="H484317" s="12"/>
    </row>
    <row r="484318" spans="8:8">
      <c r="H484318" s="12"/>
    </row>
    <row r="484319" spans="8:8">
      <c r="H484319" s="12"/>
    </row>
    <row r="484320" spans="8:8">
      <c r="H484320" s="12"/>
    </row>
    <row r="484321" spans="8:8">
      <c r="H484321" s="12"/>
    </row>
    <row r="484322" spans="8:8">
      <c r="H484322" s="12"/>
    </row>
    <row r="484323" spans="8:8">
      <c r="H484323" s="12"/>
    </row>
    <row r="484324" spans="8:8">
      <c r="H484324" s="12"/>
    </row>
    <row r="484325" spans="8:8">
      <c r="H484325" s="12"/>
    </row>
    <row r="484326" spans="8:8">
      <c r="H484326" s="12"/>
    </row>
    <row r="484327" spans="8:8">
      <c r="H484327" s="12"/>
    </row>
    <row r="484328" spans="8:8">
      <c r="H484328" s="12"/>
    </row>
    <row r="484329" spans="8:8">
      <c r="H484329" s="12"/>
    </row>
    <row r="484330" spans="8:8">
      <c r="H484330" s="12"/>
    </row>
    <row r="484331" spans="8:8">
      <c r="H484331" s="12"/>
    </row>
    <row r="484332" spans="8:8">
      <c r="H484332" s="12"/>
    </row>
    <row r="484333" spans="8:8">
      <c r="H484333" s="12"/>
    </row>
    <row r="484334" spans="8:8">
      <c r="H484334" s="12"/>
    </row>
    <row r="484335" spans="8:8">
      <c r="H484335" s="12"/>
    </row>
    <row r="484336" spans="8:8">
      <c r="H484336" s="12"/>
    </row>
    <row r="484337" spans="8:8">
      <c r="H484337" s="12"/>
    </row>
    <row r="484338" spans="8:8">
      <c r="H484338" s="12"/>
    </row>
    <row r="484339" spans="8:8">
      <c r="H484339" s="12"/>
    </row>
    <row r="484340" spans="8:8">
      <c r="H484340" s="12"/>
    </row>
    <row r="484341" spans="8:8">
      <c r="H484341" s="12"/>
    </row>
    <row r="484342" spans="8:8">
      <c r="H484342" s="12"/>
    </row>
    <row r="484343" spans="8:8">
      <c r="H484343" s="12"/>
    </row>
    <row r="484344" spans="8:8">
      <c r="H484344" s="12"/>
    </row>
    <row r="484345" spans="8:8">
      <c r="H484345" s="12"/>
    </row>
    <row r="484346" spans="8:8">
      <c r="H484346" s="12"/>
    </row>
    <row r="484347" spans="8:8">
      <c r="H484347" s="12"/>
    </row>
    <row r="484348" spans="8:8">
      <c r="H484348" s="12"/>
    </row>
    <row r="484349" spans="8:8">
      <c r="H484349" s="12"/>
    </row>
    <row r="484350" spans="8:8">
      <c r="H484350" s="12"/>
    </row>
    <row r="484351" spans="8:8">
      <c r="H484351" s="12"/>
    </row>
    <row r="484352" spans="8:8">
      <c r="H484352" s="12"/>
    </row>
    <row r="484353" spans="8:8">
      <c r="H484353" s="12"/>
    </row>
    <row r="484354" spans="8:8">
      <c r="H484354" s="12"/>
    </row>
    <row r="484355" spans="8:8">
      <c r="H484355" s="12"/>
    </row>
    <row r="484356" spans="8:8">
      <c r="H484356" s="12"/>
    </row>
    <row r="484357" spans="8:8">
      <c r="H484357" s="12"/>
    </row>
    <row r="484358" spans="8:8">
      <c r="H484358" s="12"/>
    </row>
    <row r="484359" spans="8:8">
      <c r="H484359" s="12"/>
    </row>
    <row r="484360" spans="8:8">
      <c r="H484360" s="12"/>
    </row>
    <row r="484361" spans="8:8">
      <c r="H484361" s="12"/>
    </row>
    <row r="484362" spans="8:8">
      <c r="H484362" s="12"/>
    </row>
    <row r="484363" spans="8:8">
      <c r="H484363" s="12"/>
    </row>
    <row r="484364" spans="8:8">
      <c r="H484364" s="12"/>
    </row>
    <row r="484365" spans="8:8">
      <c r="H484365" s="12"/>
    </row>
    <row r="484366" spans="8:8">
      <c r="H484366" s="12"/>
    </row>
    <row r="484367" spans="8:8">
      <c r="H484367" s="12"/>
    </row>
    <row r="484368" spans="8:8">
      <c r="H484368" s="12"/>
    </row>
    <row r="484369" spans="8:8">
      <c r="H484369" s="12"/>
    </row>
    <row r="484370" spans="8:8">
      <c r="H484370" s="12"/>
    </row>
    <row r="484371" spans="8:8">
      <c r="H484371" s="12"/>
    </row>
    <row r="484372" spans="8:8">
      <c r="H484372" s="12"/>
    </row>
    <row r="484373" spans="8:8">
      <c r="H484373" s="12"/>
    </row>
    <row r="484374" spans="8:8">
      <c r="H484374" s="12"/>
    </row>
    <row r="484375" spans="8:8">
      <c r="H484375" s="12"/>
    </row>
    <row r="484376" spans="8:8">
      <c r="H484376" s="12"/>
    </row>
    <row r="484377" spans="8:8">
      <c r="H484377" s="12"/>
    </row>
    <row r="484378" spans="8:8">
      <c r="H484378" s="12"/>
    </row>
    <row r="484379" spans="8:8">
      <c r="H484379" s="12"/>
    </row>
    <row r="484380" spans="8:8">
      <c r="H484380" s="12"/>
    </row>
    <row r="484381" spans="8:8">
      <c r="H484381" s="12"/>
    </row>
    <row r="484382" spans="8:8">
      <c r="H484382" s="12"/>
    </row>
    <row r="484383" spans="8:8">
      <c r="H484383" s="12"/>
    </row>
    <row r="484384" spans="8:8">
      <c r="H484384" s="12"/>
    </row>
    <row r="484385" spans="8:8">
      <c r="H484385" s="12"/>
    </row>
    <row r="484386" spans="8:8">
      <c r="H484386" s="12"/>
    </row>
    <row r="484387" spans="8:8">
      <c r="H484387" s="12"/>
    </row>
    <row r="484388" spans="8:8">
      <c r="H484388" s="12"/>
    </row>
    <row r="484389" spans="8:8">
      <c r="H484389" s="12"/>
    </row>
    <row r="484390" spans="8:8">
      <c r="H484390" s="12"/>
    </row>
    <row r="484391" spans="8:8">
      <c r="H484391" s="12"/>
    </row>
    <row r="484392" spans="8:8">
      <c r="H484392" s="12"/>
    </row>
    <row r="484393" spans="8:8">
      <c r="H484393" s="12"/>
    </row>
    <row r="484394" spans="8:8">
      <c r="H484394" s="12"/>
    </row>
    <row r="484395" spans="8:8">
      <c r="H484395" s="12"/>
    </row>
    <row r="484396" spans="8:8">
      <c r="H484396" s="12"/>
    </row>
    <row r="484397" spans="8:8">
      <c r="H484397" s="12"/>
    </row>
    <row r="484398" spans="8:8">
      <c r="H484398" s="12"/>
    </row>
    <row r="484399" spans="8:8">
      <c r="H484399" s="12"/>
    </row>
    <row r="484400" spans="8:8">
      <c r="H484400" s="12"/>
    </row>
    <row r="484401" spans="8:8">
      <c r="H484401" s="12"/>
    </row>
    <row r="484402" spans="8:8">
      <c r="H484402" s="12"/>
    </row>
    <row r="484403" spans="8:8">
      <c r="H484403" s="12"/>
    </row>
    <row r="484404" spans="8:8">
      <c r="H484404" s="12"/>
    </row>
    <row r="484405" spans="8:8">
      <c r="H484405" s="12"/>
    </row>
    <row r="484406" spans="8:8">
      <c r="H484406" s="12"/>
    </row>
    <row r="484407" spans="8:8">
      <c r="H484407" s="12"/>
    </row>
    <row r="484408" spans="8:8">
      <c r="H484408" s="12"/>
    </row>
    <row r="484409" spans="8:8">
      <c r="H484409" s="12"/>
    </row>
    <row r="484410" spans="8:8">
      <c r="H484410" s="12"/>
    </row>
    <row r="484411" spans="8:8">
      <c r="H484411" s="12"/>
    </row>
    <row r="484412" spans="8:8">
      <c r="H484412" s="12"/>
    </row>
    <row r="484413" spans="8:8">
      <c r="H484413" s="12"/>
    </row>
    <row r="484414" spans="8:8">
      <c r="H484414" s="12"/>
    </row>
    <row r="484415" spans="8:8">
      <c r="H484415" s="12"/>
    </row>
    <row r="484416" spans="8:8">
      <c r="H484416" s="12"/>
    </row>
    <row r="484417" spans="8:8">
      <c r="H484417" s="12"/>
    </row>
    <row r="484418" spans="8:8">
      <c r="H484418" s="12"/>
    </row>
    <row r="484419" spans="8:8">
      <c r="H484419" s="12"/>
    </row>
    <row r="484420" spans="8:8">
      <c r="H484420" s="12"/>
    </row>
    <row r="484421" spans="8:8">
      <c r="H484421" s="12"/>
    </row>
    <row r="484422" spans="8:8">
      <c r="H484422" s="12"/>
    </row>
    <row r="484423" spans="8:8">
      <c r="H484423" s="12"/>
    </row>
    <row r="484424" spans="8:8">
      <c r="H484424" s="12"/>
    </row>
    <row r="484425" spans="8:8">
      <c r="H484425" s="12"/>
    </row>
    <row r="484426" spans="8:8">
      <c r="H484426" s="12"/>
    </row>
    <row r="484427" spans="8:8">
      <c r="H484427" s="12"/>
    </row>
    <row r="484428" spans="8:8">
      <c r="H484428" s="12"/>
    </row>
    <row r="484429" spans="8:8">
      <c r="H484429" s="12"/>
    </row>
    <row r="484430" spans="8:8">
      <c r="H484430" s="12"/>
    </row>
    <row r="484431" spans="8:8">
      <c r="H484431" s="12"/>
    </row>
    <row r="484432" spans="8:8">
      <c r="H484432" s="12"/>
    </row>
    <row r="484433" spans="8:8">
      <c r="H484433" s="12"/>
    </row>
    <row r="484434" spans="8:8">
      <c r="H484434" s="12"/>
    </row>
    <row r="484435" spans="8:8">
      <c r="H484435" s="12"/>
    </row>
    <row r="484436" spans="8:8">
      <c r="H484436" s="12"/>
    </row>
    <row r="484437" spans="8:8">
      <c r="H484437" s="12"/>
    </row>
    <row r="484438" spans="8:8">
      <c r="H484438" s="12"/>
    </row>
    <row r="484439" spans="8:8">
      <c r="H484439" s="12"/>
    </row>
    <row r="484440" spans="8:8">
      <c r="H484440" s="12"/>
    </row>
    <row r="484441" spans="8:8">
      <c r="H484441" s="12"/>
    </row>
    <row r="484442" spans="8:8">
      <c r="H484442" s="12"/>
    </row>
    <row r="484443" spans="8:8">
      <c r="H484443" s="12"/>
    </row>
    <row r="484444" spans="8:8">
      <c r="H484444" s="12"/>
    </row>
    <row r="484445" spans="8:8">
      <c r="H484445" s="12"/>
    </row>
    <row r="484446" spans="8:8">
      <c r="H484446" s="12"/>
    </row>
    <row r="484447" spans="8:8">
      <c r="H484447" s="12"/>
    </row>
    <row r="484448" spans="8:8">
      <c r="H484448" s="12"/>
    </row>
    <row r="484449" spans="8:8">
      <c r="H484449" s="12"/>
    </row>
    <row r="484450" spans="8:8">
      <c r="H484450" s="12"/>
    </row>
    <row r="484451" spans="8:8">
      <c r="H484451" s="12"/>
    </row>
    <row r="484452" spans="8:8">
      <c r="H484452" s="12"/>
    </row>
    <row r="484453" spans="8:8">
      <c r="H484453" s="12"/>
    </row>
    <row r="484454" spans="8:8">
      <c r="H484454" s="12"/>
    </row>
    <row r="484455" spans="8:8">
      <c r="H484455" s="12"/>
    </row>
    <row r="484456" spans="8:8">
      <c r="H484456" s="12"/>
    </row>
    <row r="484457" spans="8:8">
      <c r="H484457" s="12"/>
    </row>
    <row r="484458" spans="8:8">
      <c r="H484458" s="12"/>
    </row>
    <row r="484459" spans="8:8">
      <c r="H484459" s="12"/>
    </row>
    <row r="484460" spans="8:8">
      <c r="H484460" s="12"/>
    </row>
    <row r="484461" spans="8:8">
      <c r="H484461" s="12"/>
    </row>
    <row r="484462" spans="8:8">
      <c r="H484462" s="12"/>
    </row>
    <row r="484463" spans="8:8">
      <c r="H484463" s="12"/>
    </row>
    <row r="484464" spans="8:8">
      <c r="H484464" s="12"/>
    </row>
    <row r="484465" spans="8:8">
      <c r="H484465" s="12"/>
    </row>
    <row r="484466" spans="8:8">
      <c r="H484466" s="12"/>
    </row>
    <row r="484467" spans="8:8">
      <c r="H484467" s="12"/>
    </row>
    <row r="484468" spans="8:8">
      <c r="H484468" s="12"/>
    </row>
    <row r="484469" spans="8:8">
      <c r="H484469" s="12"/>
    </row>
    <row r="484470" spans="8:8">
      <c r="H484470" s="12"/>
    </row>
    <row r="484471" spans="8:8">
      <c r="H484471" s="12"/>
    </row>
    <row r="484472" spans="8:8">
      <c r="H484472" s="12"/>
    </row>
    <row r="484473" spans="8:8">
      <c r="H484473" s="12"/>
    </row>
    <row r="484474" spans="8:8">
      <c r="H484474" s="12"/>
    </row>
    <row r="484475" spans="8:8">
      <c r="H484475" s="12"/>
    </row>
    <row r="484476" spans="8:8">
      <c r="H484476" s="12"/>
    </row>
    <row r="484477" spans="8:8">
      <c r="H484477" s="12"/>
    </row>
    <row r="484478" spans="8:8">
      <c r="H484478" s="12"/>
    </row>
    <row r="484479" spans="8:8">
      <c r="H484479" s="12"/>
    </row>
    <row r="484480" spans="8:8">
      <c r="H484480" s="12"/>
    </row>
    <row r="484481" spans="8:8">
      <c r="H484481" s="12"/>
    </row>
    <row r="484482" spans="8:8">
      <c r="H484482" s="12"/>
    </row>
    <row r="484483" spans="8:8">
      <c r="H484483" s="12"/>
    </row>
    <row r="484484" spans="8:8">
      <c r="H484484" s="12"/>
    </row>
    <row r="484485" spans="8:8">
      <c r="H484485" s="12"/>
    </row>
    <row r="484486" spans="8:8">
      <c r="H484486" s="12"/>
    </row>
    <row r="484487" spans="8:8">
      <c r="H484487" s="12"/>
    </row>
    <row r="484488" spans="8:8">
      <c r="H484488" s="12"/>
    </row>
    <row r="484489" spans="8:8">
      <c r="H484489" s="12"/>
    </row>
    <row r="484490" spans="8:8">
      <c r="H484490" s="12"/>
    </row>
    <row r="484491" spans="8:8">
      <c r="H484491" s="12"/>
    </row>
    <row r="484492" spans="8:8">
      <c r="H484492" s="12"/>
    </row>
    <row r="484493" spans="8:8">
      <c r="H484493" s="12"/>
    </row>
    <row r="484494" spans="8:8">
      <c r="H484494" s="12"/>
    </row>
    <row r="484495" spans="8:8">
      <c r="H484495" s="12"/>
    </row>
    <row r="484496" spans="8:8">
      <c r="H484496" s="12"/>
    </row>
    <row r="484497" spans="8:8">
      <c r="H484497" s="12"/>
    </row>
    <row r="484498" spans="8:8">
      <c r="H484498" s="12"/>
    </row>
    <row r="484499" spans="8:8">
      <c r="H484499" s="12"/>
    </row>
    <row r="484500" spans="8:8">
      <c r="H484500" s="12"/>
    </row>
    <row r="484501" spans="8:8">
      <c r="H484501" s="12"/>
    </row>
    <row r="484502" spans="8:8">
      <c r="H484502" s="12"/>
    </row>
    <row r="484503" spans="8:8">
      <c r="H484503" s="12"/>
    </row>
    <row r="484504" spans="8:8">
      <c r="H484504" s="12"/>
    </row>
    <row r="484505" spans="8:8">
      <c r="H484505" s="12"/>
    </row>
    <row r="484506" spans="8:8">
      <c r="H484506" s="12"/>
    </row>
    <row r="484507" spans="8:8">
      <c r="H484507" s="12"/>
    </row>
    <row r="484508" spans="8:8">
      <c r="H484508" s="12"/>
    </row>
    <row r="484509" spans="8:8">
      <c r="H484509" s="12"/>
    </row>
    <row r="484510" spans="8:8">
      <c r="H484510" s="12"/>
    </row>
    <row r="484511" spans="8:8">
      <c r="H484511" s="12"/>
    </row>
    <row r="484512" spans="8:8">
      <c r="H484512" s="12"/>
    </row>
    <row r="484513" spans="8:8">
      <c r="H484513" s="12"/>
    </row>
    <row r="484514" spans="8:8">
      <c r="H484514" s="12"/>
    </row>
    <row r="484515" spans="8:8">
      <c r="H484515" s="12"/>
    </row>
    <row r="484516" spans="8:8">
      <c r="H484516" s="12"/>
    </row>
    <row r="484517" spans="8:8">
      <c r="H484517" s="12"/>
    </row>
    <row r="484518" spans="8:8">
      <c r="H484518" s="12"/>
    </row>
    <row r="484519" spans="8:8">
      <c r="H484519" s="12"/>
    </row>
    <row r="484520" spans="8:8">
      <c r="H484520" s="12"/>
    </row>
    <row r="484521" spans="8:8">
      <c r="H484521" s="12"/>
    </row>
    <row r="484522" spans="8:8">
      <c r="H484522" s="12"/>
    </row>
    <row r="484523" spans="8:8">
      <c r="H484523" s="12"/>
    </row>
    <row r="484524" spans="8:8">
      <c r="H484524" s="12"/>
    </row>
    <row r="484525" spans="8:8">
      <c r="H484525" s="12"/>
    </row>
    <row r="484526" spans="8:8">
      <c r="H484526" s="12"/>
    </row>
    <row r="484527" spans="8:8">
      <c r="H484527" s="12"/>
    </row>
    <row r="484528" spans="8:8">
      <c r="H484528" s="12"/>
    </row>
    <row r="484529" spans="8:8">
      <c r="H484529" s="12"/>
    </row>
    <row r="484530" spans="8:8">
      <c r="H484530" s="12"/>
    </row>
    <row r="484531" spans="8:8">
      <c r="H484531" s="12"/>
    </row>
    <row r="484532" spans="8:8">
      <c r="H484532" s="12"/>
    </row>
    <row r="484533" spans="8:8">
      <c r="H484533" s="12"/>
    </row>
    <row r="484534" spans="8:8">
      <c r="H484534" s="12"/>
    </row>
    <row r="484535" spans="8:8">
      <c r="H484535" s="12"/>
    </row>
    <row r="484536" spans="8:8">
      <c r="H484536" s="12"/>
    </row>
    <row r="484537" spans="8:8">
      <c r="H484537" s="12"/>
    </row>
    <row r="484538" spans="8:8">
      <c r="H484538" s="12"/>
    </row>
    <row r="484539" spans="8:8">
      <c r="H484539" s="12"/>
    </row>
    <row r="484540" spans="8:8">
      <c r="H484540" s="12"/>
    </row>
    <row r="484541" spans="8:8">
      <c r="H484541" s="12"/>
    </row>
    <row r="484542" spans="8:8">
      <c r="H484542" s="12"/>
    </row>
    <row r="484543" spans="8:8">
      <c r="H484543" s="12"/>
    </row>
    <row r="484544" spans="8:8">
      <c r="H484544" s="12"/>
    </row>
    <row r="484545" spans="8:8">
      <c r="H484545" s="12"/>
    </row>
    <row r="484546" spans="8:8">
      <c r="H484546" s="12"/>
    </row>
    <row r="484547" spans="8:8">
      <c r="H484547" s="12"/>
    </row>
    <row r="484548" spans="8:8">
      <c r="H484548" s="12"/>
    </row>
    <row r="484549" spans="8:8">
      <c r="H484549" s="12"/>
    </row>
    <row r="484550" spans="8:8">
      <c r="H484550" s="12"/>
    </row>
    <row r="484551" spans="8:8">
      <c r="H484551" s="12"/>
    </row>
    <row r="484552" spans="8:8">
      <c r="H484552" s="12"/>
    </row>
    <row r="484553" spans="8:8">
      <c r="H484553" s="12"/>
    </row>
    <row r="484554" spans="8:8">
      <c r="H484554" s="12"/>
    </row>
    <row r="484555" spans="8:8">
      <c r="H484555" s="12"/>
    </row>
    <row r="484556" spans="8:8">
      <c r="H484556" s="12"/>
    </row>
    <row r="484557" spans="8:8">
      <c r="H484557" s="12"/>
    </row>
    <row r="484558" spans="8:8">
      <c r="H484558" s="12"/>
    </row>
    <row r="484559" spans="8:8">
      <c r="H484559" s="12"/>
    </row>
    <row r="484560" spans="8:8">
      <c r="H484560" s="12"/>
    </row>
    <row r="484561" spans="8:8">
      <c r="H484561" s="12"/>
    </row>
    <row r="484562" spans="8:8">
      <c r="H484562" s="12"/>
    </row>
    <row r="484563" spans="8:8">
      <c r="H484563" s="12"/>
    </row>
    <row r="484564" spans="8:8">
      <c r="H484564" s="12"/>
    </row>
    <row r="484565" spans="8:8">
      <c r="H484565" s="12"/>
    </row>
    <row r="484566" spans="8:8">
      <c r="H484566" s="12"/>
    </row>
    <row r="484567" spans="8:8">
      <c r="H484567" s="12"/>
    </row>
    <row r="484568" spans="8:8">
      <c r="H484568" s="12"/>
    </row>
    <row r="484569" spans="8:8">
      <c r="H484569" s="12"/>
    </row>
    <row r="484570" spans="8:8">
      <c r="H484570" s="12"/>
    </row>
    <row r="484571" spans="8:8">
      <c r="H484571" s="12"/>
    </row>
    <row r="484572" spans="8:8">
      <c r="H484572" s="12"/>
    </row>
    <row r="484573" spans="8:8">
      <c r="H484573" s="12"/>
    </row>
    <row r="484574" spans="8:8">
      <c r="H484574" s="12"/>
    </row>
    <row r="484575" spans="8:8">
      <c r="H484575" s="12"/>
    </row>
    <row r="484576" spans="8:8">
      <c r="H484576" s="12"/>
    </row>
    <row r="484577" spans="8:8">
      <c r="H484577" s="12"/>
    </row>
    <row r="484578" spans="8:8">
      <c r="H484578" s="12"/>
    </row>
    <row r="484579" spans="8:8">
      <c r="H484579" s="12"/>
    </row>
    <row r="484580" spans="8:8">
      <c r="H484580" s="12"/>
    </row>
    <row r="484581" spans="8:8">
      <c r="H484581" s="12"/>
    </row>
    <row r="484582" spans="8:8">
      <c r="H484582" s="12"/>
    </row>
    <row r="484583" spans="8:8">
      <c r="H484583" s="12"/>
    </row>
    <row r="484584" spans="8:8">
      <c r="H484584" s="12"/>
    </row>
    <row r="484585" spans="8:8">
      <c r="H484585" s="12"/>
    </row>
    <row r="484586" spans="8:8">
      <c r="H484586" s="12"/>
    </row>
    <row r="484587" spans="8:8">
      <c r="H484587" s="12"/>
    </row>
    <row r="484588" spans="8:8">
      <c r="H484588" s="12"/>
    </row>
    <row r="484589" spans="8:8">
      <c r="H484589" s="12"/>
    </row>
    <row r="484590" spans="8:8">
      <c r="H484590" s="12"/>
    </row>
    <row r="484591" spans="8:8">
      <c r="H484591" s="12"/>
    </row>
    <row r="484592" spans="8:8">
      <c r="H484592" s="12"/>
    </row>
    <row r="484593" spans="8:8">
      <c r="H484593" s="12"/>
    </row>
    <row r="484594" spans="8:8">
      <c r="H484594" s="12"/>
    </row>
    <row r="484595" spans="8:8">
      <c r="H484595" s="12"/>
    </row>
    <row r="484596" spans="8:8">
      <c r="H484596" s="12"/>
    </row>
    <row r="484597" spans="8:8">
      <c r="H484597" s="12"/>
    </row>
    <row r="484598" spans="8:8">
      <c r="H484598" s="12"/>
    </row>
    <row r="484599" spans="8:8">
      <c r="H484599" s="12"/>
    </row>
    <row r="484600" spans="8:8">
      <c r="H484600" s="12"/>
    </row>
    <row r="484601" spans="8:8">
      <c r="H484601" s="12"/>
    </row>
    <row r="484602" spans="8:8">
      <c r="H484602" s="12"/>
    </row>
    <row r="484603" spans="8:8">
      <c r="H484603" s="12"/>
    </row>
    <row r="484604" spans="8:8">
      <c r="H484604" s="12"/>
    </row>
    <row r="484605" spans="8:8">
      <c r="H484605" s="12"/>
    </row>
    <row r="484606" spans="8:8">
      <c r="H484606" s="12"/>
    </row>
    <row r="484607" spans="8:8">
      <c r="H484607" s="12"/>
    </row>
    <row r="484608" spans="8:8">
      <c r="H484608" s="12"/>
    </row>
    <row r="484609" spans="8:8">
      <c r="H484609" s="12"/>
    </row>
    <row r="484610" spans="8:8">
      <c r="H484610" s="12"/>
    </row>
    <row r="484611" spans="8:8">
      <c r="H484611" s="12"/>
    </row>
    <row r="484612" spans="8:8">
      <c r="H484612" s="12"/>
    </row>
    <row r="484613" spans="8:8">
      <c r="H484613" s="12"/>
    </row>
    <row r="484614" spans="8:8">
      <c r="H484614" s="12"/>
    </row>
    <row r="484615" spans="8:8">
      <c r="H484615" s="12"/>
    </row>
    <row r="484616" spans="8:8">
      <c r="H484616" s="12"/>
    </row>
    <row r="484617" spans="8:8">
      <c r="H484617" s="12"/>
    </row>
    <row r="484618" spans="8:8">
      <c r="H484618" s="12"/>
    </row>
    <row r="484619" spans="8:8">
      <c r="H484619" s="12"/>
    </row>
    <row r="484620" spans="8:8">
      <c r="H484620" s="12"/>
    </row>
    <row r="484621" spans="8:8">
      <c r="H484621" s="12"/>
    </row>
    <row r="484622" spans="8:8">
      <c r="H484622" s="12"/>
    </row>
    <row r="484623" spans="8:8">
      <c r="H484623" s="12"/>
    </row>
    <row r="484624" spans="8:8">
      <c r="H484624" s="12"/>
    </row>
    <row r="484625" spans="8:8">
      <c r="H484625" s="12"/>
    </row>
    <row r="484626" spans="8:8">
      <c r="H484626" s="12"/>
    </row>
    <row r="484627" spans="8:8">
      <c r="H484627" s="12"/>
    </row>
    <row r="484628" spans="8:8">
      <c r="H484628" s="12"/>
    </row>
    <row r="484629" spans="8:8">
      <c r="H484629" s="12"/>
    </row>
    <row r="484630" spans="8:8">
      <c r="H484630" s="12"/>
    </row>
    <row r="484631" spans="8:8">
      <c r="H484631" s="12"/>
    </row>
    <row r="484632" spans="8:8">
      <c r="H484632" s="12"/>
    </row>
    <row r="484633" spans="8:8">
      <c r="H484633" s="12"/>
    </row>
    <row r="484634" spans="8:8">
      <c r="H484634" s="12"/>
    </row>
    <row r="484635" spans="8:8">
      <c r="H484635" s="12"/>
    </row>
    <row r="484636" spans="8:8">
      <c r="H484636" s="12"/>
    </row>
    <row r="484637" spans="8:8">
      <c r="H484637" s="12"/>
    </row>
    <row r="484638" spans="8:8">
      <c r="H484638" s="12"/>
    </row>
    <row r="484639" spans="8:8">
      <c r="H484639" s="12"/>
    </row>
    <row r="484640" spans="8:8">
      <c r="H484640" s="12"/>
    </row>
    <row r="484641" spans="8:8">
      <c r="H484641" s="12"/>
    </row>
    <row r="484642" spans="8:8">
      <c r="H484642" s="12"/>
    </row>
    <row r="484643" spans="8:8">
      <c r="H484643" s="12"/>
    </row>
    <row r="484644" spans="8:8">
      <c r="H484644" s="12"/>
    </row>
    <row r="484645" spans="8:8">
      <c r="H484645" s="12"/>
    </row>
    <row r="484646" spans="8:8">
      <c r="H484646" s="12"/>
    </row>
    <row r="484647" spans="8:8">
      <c r="H484647" s="12"/>
    </row>
    <row r="484648" spans="8:8">
      <c r="H484648" s="12"/>
    </row>
    <row r="484649" spans="8:8">
      <c r="H484649" s="12"/>
    </row>
    <row r="484650" spans="8:8">
      <c r="H484650" s="12"/>
    </row>
    <row r="484651" spans="8:8">
      <c r="H484651" s="12"/>
    </row>
    <row r="484652" spans="8:8">
      <c r="H484652" s="12"/>
    </row>
    <row r="484653" spans="8:8">
      <c r="H484653" s="12"/>
    </row>
    <row r="484654" spans="8:8">
      <c r="H484654" s="12"/>
    </row>
    <row r="484655" spans="8:8">
      <c r="H484655" s="12"/>
    </row>
    <row r="484656" spans="8:8">
      <c r="H484656" s="12"/>
    </row>
    <row r="484657" spans="8:8">
      <c r="H484657" s="12"/>
    </row>
    <row r="484658" spans="8:8">
      <c r="H484658" s="12"/>
    </row>
    <row r="484659" spans="8:8">
      <c r="H484659" s="12"/>
    </row>
    <row r="484660" spans="8:8">
      <c r="H484660" s="12"/>
    </row>
    <row r="484661" spans="8:8">
      <c r="H484661" s="12"/>
    </row>
    <row r="484662" spans="8:8">
      <c r="H484662" s="12"/>
    </row>
    <row r="484663" spans="8:8">
      <c r="H484663" s="12"/>
    </row>
    <row r="484664" spans="8:8">
      <c r="H484664" s="12"/>
    </row>
    <row r="484665" spans="8:8">
      <c r="H484665" s="12"/>
    </row>
    <row r="484666" spans="8:8">
      <c r="H484666" s="12"/>
    </row>
    <row r="484667" spans="8:8">
      <c r="H484667" s="12"/>
    </row>
    <row r="484668" spans="8:8">
      <c r="H484668" s="12"/>
    </row>
    <row r="484669" spans="8:8">
      <c r="H484669" s="12"/>
    </row>
    <row r="484670" spans="8:8">
      <c r="H484670" s="12"/>
    </row>
    <row r="484671" spans="8:8">
      <c r="H484671" s="12"/>
    </row>
    <row r="484672" spans="8:8">
      <c r="H484672" s="12"/>
    </row>
    <row r="484673" spans="8:8">
      <c r="H484673" s="12"/>
    </row>
    <row r="484674" spans="8:8">
      <c r="H484674" s="12"/>
    </row>
    <row r="484675" spans="8:8">
      <c r="H484675" s="12"/>
    </row>
    <row r="484676" spans="8:8">
      <c r="H484676" s="12"/>
    </row>
    <row r="484677" spans="8:8">
      <c r="H484677" s="12"/>
    </row>
    <row r="484678" spans="8:8">
      <c r="H484678" s="12"/>
    </row>
    <row r="484679" spans="8:8">
      <c r="H484679" s="12"/>
    </row>
    <row r="484680" spans="8:8">
      <c r="H484680" s="12"/>
    </row>
    <row r="484681" spans="8:8">
      <c r="H484681" s="12"/>
    </row>
    <row r="484682" spans="8:8">
      <c r="H484682" s="12"/>
    </row>
    <row r="484683" spans="8:8">
      <c r="H484683" s="12"/>
    </row>
    <row r="484684" spans="8:8">
      <c r="H484684" s="12"/>
    </row>
    <row r="484685" spans="8:8">
      <c r="H484685" s="12"/>
    </row>
    <row r="484686" spans="8:8">
      <c r="H484686" s="12"/>
    </row>
    <row r="484687" spans="8:8">
      <c r="H484687" s="12"/>
    </row>
    <row r="484688" spans="8:8">
      <c r="H484688" s="12"/>
    </row>
    <row r="484689" spans="8:8">
      <c r="H484689" s="12"/>
    </row>
    <row r="484690" spans="8:8">
      <c r="H484690" s="12"/>
    </row>
    <row r="484691" spans="8:8">
      <c r="H484691" s="12"/>
    </row>
    <row r="484692" spans="8:8">
      <c r="H484692" s="12"/>
    </row>
    <row r="484693" spans="8:8">
      <c r="H484693" s="12"/>
    </row>
    <row r="484694" spans="8:8">
      <c r="H484694" s="12"/>
    </row>
    <row r="484695" spans="8:8">
      <c r="H484695" s="12"/>
    </row>
    <row r="484696" spans="8:8">
      <c r="H484696" s="12"/>
    </row>
    <row r="484697" spans="8:8">
      <c r="H484697" s="12"/>
    </row>
    <row r="484698" spans="8:8">
      <c r="H484698" s="12"/>
    </row>
    <row r="484699" spans="8:8">
      <c r="H484699" s="12"/>
    </row>
    <row r="484700" spans="8:8">
      <c r="H484700" s="12"/>
    </row>
    <row r="484701" spans="8:8">
      <c r="H484701" s="12"/>
    </row>
    <row r="484702" spans="8:8">
      <c r="H484702" s="12"/>
    </row>
    <row r="484703" spans="8:8">
      <c r="H484703" s="12"/>
    </row>
    <row r="484704" spans="8:8">
      <c r="H484704" s="12"/>
    </row>
    <row r="484705" spans="8:8">
      <c r="H484705" s="12"/>
    </row>
    <row r="484706" spans="8:8">
      <c r="H484706" s="12"/>
    </row>
    <row r="484707" spans="8:8">
      <c r="H484707" s="12"/>
    </row>
    <row r="484708" spans="8:8">
      <c r="H484708" s="12"/>
    </row>
    <row r="484709" spans="8:8">
      <c r="H484709" s="12"/>
    </row>
    <row r="484710" spans="8:8">
      <c r="H484710" s="12"/>
    </row>
    <row r="484711" spans="8:8">
      <c r="H484711" s="12"/>
    </row>
    <row r="484712" spans="8:8">
      <c r="H484712" s="12"/>
    </row>
    <row r="484713" spans="8:8">
      <c r="H484713" s="12"/>
    </row>
    <row r="484714" spans="8:8">
      <c r="H484714" s="12"/>
    </row>
    <row r="484715" spans="8:8">
      <c r="H484715" s="12"/>
    </row>
    <row r="484716" spans="8:8">
      <c r="H484716" s="12"/>
    </row>
    <row r="484717" spans="8:8">
      <c r="H484717" s="12"/>
    </row>
    <row r="484718" spans="8:8">
      <c r="H484718" s="12"/>
    </row>
    <row r="484719" spans="8:8">
      <c r="H484719" s="12"/>
    </row>
    <row r="484720" spans="8:8">
      <c r="H484720" s="12"/>
    </row>
    <row r="484721" spans="8:8">
      <c r="H484721" s="12"/>
    </row>
    <row r="484722" spans="8:8">
      <c r="H484722" s="12"/>
    </row>
    <row r="484723" spans="8:8">
      <c r="H484723" s="12"/>
    </row>
    <row r="484724" spans="8:8">
      <c r="H484724" s="12"/>
    </row>
    <row r="484725" spans="8:8">
      <c r="H484725" s="12"/>
    </row>
    <row r="484726" spans="8:8">
      <c r="H484726" s="12"/>
    </row>
    <row r="484727" spans="8:8">
      <c r="H484727" s="12"/>
    </row>
    <row r="484728" spans="8:8">
      <c r="H484728" s="12"/>
    </row>
    <row r="484729" spans="8:8">
      <c r="H484729" s="12"/>
    </row>
    <row r="484730" spans="8:8">
      <c r="H484730" s="12"/>
    </row>
    <row r="484731" spans="8:8">
      <c r="H484731" s="12"/>
    </row>
    <row r="484732" spans="8:8">
      <c r="H484732" s="12"/>
    </row>
    <row r="484733" spans="8:8">
      <c r="H484733" s="12"/>
    </row>
    <row r="484734" spans="8:8">
      <c r="H484734" s="12"/>
    </row>
    <row r="484735" spans="8:8">
      <c r="H484735" s="12"/>
    </row>
    <row r="484736" spans="8:8">
      <c r="H484736" s="12"/>
    </row>
    <row r="484737" spans="8:8">
      <c r="H484737" s="12"/>
    </row>
    <row r="484738" spans="8:8">
      <c r="H484738" s="12"/>
    </row>
    <row r="484739" spans="8:8">
      <c r="H484739" s="12"/>
    </row>
    <row r="484740" spans="8:8">
      <c r="H484740" s="12"/>
    </row>
    <row r="484741" spans="8:8">
      <c r="H484741" s="12"/>
    </row>
    <row r="484742" spans="8:8">
      <c r="H484742" s="12"/>
    </row>
    <row r="484743" spans="8:8">
      <c r="H484743" s="12"/>
    </row>
    <row r="484744" spans="8:8">
      <c r="H484744" s="12"/>
    </row>
    <row r="484745" spans="8:8">
      <c r="H484745" s="12"/>
    </row>
    <row r="484746" spans="8:8">
      <c r="H484746" s="12"/>
    </row>
    <row r="484747" spans="8:8">
      <c r="H484747" s="12"/>
    </row>
    <row r="484748" spans="8:8">
      <c r="H484748" s="12"/>
    </row>
    <row r="484749" spans="8:8">
      <c r="H484749" s="12"/>
    </row>
    <row r="484750" spans="8:8">
      <c r="H484750" s="12"/>
    </row>
    <row r="484751" spans="8:8">
      <c r="H484751" s="12"/>
    </row>
    <row r="484752" spans="8:8">
      <c r="H484752" s="12"/>
    </row>
    <row r="484753" spans="8:8">
      <c r="H484753" s="12"/>
    </row>
    <row r="484754" spans="8:8">
      <c r="H484754" s="12"/>
    </row>
    <row r="484755" spans="8:8">
      <c r="H484755" s="12"/>
    </row>
    <row r="484756" spans="8:8">
      <c r="H484756" s="12"/>
    </row>
    <row r="484757" spans="8:8">
      <c r="H484757" s="12"/>
    </row>
    <row r="484758" spans="8:8">
      <c r="H484758" s="12"/>
    </row>
    <row r="484759" spans="8:8">
      <c r="H484759" s="12"/>
    </row>
    <row r="484760" spans="8:8">
      <c r="H484760" s="12"/>
    </row>
    <row r="484761" spans="8:8">
      <c r="H484761" s="12"/>
    </row>
    <row r="484762" spans="8:8">
      <c r="H484762" s="12"/>
    </row>
    <row r="484763" spans="8:8">
      <c r="H484763" s="12"/>
    </row>
    <row r="484764" spans="8:8">
      <c r="H484764" s="12"/>
    </row>
    <row r="484765" spans="8:8">
      <c r="H484765" s="12"/>
    </row>
    <row r="484766" spans="8:8">
      <c r="H484766" s="12"/>
    </row>
    <row r="484767" spans="8:8">
      <c r="H484767" s="12"/>
    </row>
    <row r="484768" spans="8:8">
      <c r="H484768" s="12"/>
    </row>
    <row r="484769" spans="8:8">
      <c r="H484769" s="12"/>
    </row>
    <row r="484770" spans="8:8">
      <c r="H484770" s="12"/>
    </row>
    <row r="484771" spans="8:8">
      <c r="H484771" s="12"/>
    </row>
    <row r="484772" spans="8:8">
      <c r="H484772" s="12"/>
    </row>
    <row r="484773" spans="8:8">
      <c r="H484773" s="12"/>
    </row>
    <row r="484774" spans="8:8">
      <c r="H484774" s="12"/>
    </row>
    <row r="484775" spans="8:8">
      <c r="H484775" s="12"/>
    </row>
    <row r="484776" spans="8:8">
      <c r="H484776" s="12"/>
    </row>
    <row r="484777" spans="8:8">
      <c r="H484777" s="12"/>
    </row>
    <row r="484778" spans="8:8">
      <c r="H484778" s="12"/>
    </row>
    <row r="484779" spans="8:8">
      <c r="H484779" s="12"/>
    </row>
    <row r="484780" spans="8:8">
      <c r="H484780" s="12"/>
    </row>
    <row r="484781" spans="8:8">
      <c r="H484781" s="12"/>
    </row>
    <row r="484782" spans="8:8">
      <c r="H484782" s="12"/>
    </row>
    <row r="484783" spans="8:8">
      <c r="H484783" s="12"/>
    </row>
    <row r="484784" spans="8:8">
      <c r="H484784" s="12"/>
    </row>
    <row r="484785" spans="8:8">
      <c r="H484785" s="12"/>
    </row>
    <row r="484786" spans="8:8">
      <c r="H484786" s="12"/>
    </row>
    <row r="484787" spans="8:8">
      <c r="H484787" s="12"/>
    </row>
    <row r="484788" spans="8:8">
      <c r="H484788" s="12"/>
    </row>
    <row r="484789" spans="8:8">
      <c r="H484789" s="12"/>
    </row>
    <row r="484790" spans="8:8">
      <c r="H484790" s="12"/>
    </row>
    <row r="484791" spans="8:8">
      <c r="H484791" s="12"/>
    </row>
    <row r="484792" spans="8:8">
      <c r="H484792" s="12"/>
    </row>
    <row r="484793" spans="8:8">
      <c r="H484793" s="12"/>
    </row>
    <row r="484794" spans="8:8">
      <c r="H484794" s="12"/>
    </row>
    <row r="484795" spans="8:8">
      <c r="H484795" s="12"/>
    </row>
    <row r="484796" spans="8:8">
      <c r="H484796" s="12"/>
    </row>
    <row r="484797" spans="8:8">
      <c r="H484797" s="12"/>
    </row>
    <row r="484798" spans="8:8">
      <c r="H484798" s="12"/>
    </row>
    <row r="484799" spans="8:8">
      <c r="H484799" s="12"/>
    </row>
    <row r="484800" spans="8:8">
      <c r="H484800" s="12"/>
    </row>
    <row r="484801" spans="8:8">
      <c r="H484801" s="12"/>
    </row>
    <row r="484802" spans="8:8">
      <c r="H484802" s="12"/>
    </row>
    <row r="484803" spans="8:8">
      <c r="H484803" s="12"/>
    </row>
    <row r="484804" spans="8:8">
      <c r="H484804" s="12"/>
    </row>
    <row r="484805" spans="8:8">
      <c r="H484805" s="12"/>
    </row>
    <row r="484806" spans="8:8">
      <c r="H484806" s="12"/>
    </row>
    <row r="484807" spans="8:8">
      <c r="H484807" s="12"/>
    </row>
    <row r="484808" spans="8:8">
      <c r="H484808" s="12"/>
    </row>
    <row r="484809" spans="8:8">
      <c r="H484809" s="12"/>
    </row>
    <row r="484810" spans="8:8">
      <c r="H484810" s="12"/>
    </row>
    <row r="484811" spans="8:8">
      <c r="H484811" s="12"/>
    </row>
    <row r="484812" spans="8:8">
      <c r="H484812" s="12"/>
    </row>
    <row r="484813" spans="8:8">
      <c r="H484813" s="12"/>
    </row>
    <row r="484814" spans="8:8">
      <c r="H484814" s="12"/>
    </row>
    <row r="484815" spans="8:8">
      <c r="H484815" s="12"/>
    </row>
    <row r="484816" spans="8:8">
      <c r="H484816" s="12"/>
    </row>
    <row r="484817" spans="8:8">
      <c r="H484817" s="12"/>
    </row>
    <row r="484818" spans="8:8">
      <c r="H484818" s="12"/>
    </row>
    <row r="484819" spans="8:8">
      <c r="H484819" s="12"/>
    </row>
    <row r="484820" spans="8:8">
      <c r="H484820" s="12"/>
    </row>
    <row r="484821" spans="8:8">
      <c r="H484821" s="12"/>
    </row>
    <row r="484822" spans="8:8">
      <c r="H484822" s="12"/>
    </row>
    <row r="484823" spans="8:8">
      <c r="H484823" s="12"/>
    </row>
    <row r="484824" spans="8:8">
      <c r="H484824" s="12"/>
    </row>
    <row r="484825" spans="8:8">
      <c r="H484825" s="12"/>
    </row>
    <row r="484826" spans="8:8">
      <c r="H484826" s="12"/>
    </row>
    <row r="484827" spans="8:8">
      <c r="H484827" s="12"/>
    </row>
    <row r="484828" spans="8:8">
      <c r="H484828" s="12"/>
    </row>
    <row r="484829" spans="8:8">
      <c r="H484829" s="12"/>
    </row>
    <row r="484830" spans="8:8">
      <c r="H484830" s="12"/>
    </row>
    <row r="484831" spans="8:8">
      <c r="H484831" s="12"/>
    </row>
    <row r="484832" spans="8:8">
      <c r="H484832" s="12"/>
    </row>
    <row r="484833" spans="8:8">
      <c r="H484833" s="12"/>
    </row>
    <row r="484834" spans="8:8">
      <c r="H484834" s="12"/>
    </row>
    <row r="484835" spans="8:8">
      <c r="H484835" s="12"/>
    </row>
    <row r="484836" spans="8:8">
      <c r="H484836" s="12"/>
    </row>
    <row r="484837" spans="8:8">
      <c r="H484837" s="12"/>
    </row>
    <row r="484838" spans="8:8">
      <c r="H484838" s="12"/>
    </row>
    <row r="484839" spans="8:8">
      <c r="H484839" s="12"/>
    </row>
    <row r="484840" spans="8:8">
      <c r="H484840" s="12"/>
    </row>
    <row r="484841" spans="8:8">
      <c r="H484841" s="12"/>
    </row>
    <row r="484842" spans="8:8">
      <c r="H484842" s="12"/>
    </row>
    <row r="484843" spans="8:8">
      <c r="H484843" s="12"/>
    </row>
    <row r="484844" spans="8:8">
      <c r="H484844" s="12"/>
    </row>
    <row r="484845" spans="8:8">
      <c r="H484845" s="12"/>
    </row>
    <row r="484846" spans="8:8">
      <c r="H484846" s="12"/>
    </row>
    <row r="484847" spans="8:8">
      <c r="H484847" s="12"/>
    </row>
    <row r="484848" spans="8:8">
      <c r="H484848" s="12"/>
    </row>
    <row r="484849" spans="8:8">
      <c r="H484849" s="12"/>
    </row>
    <row r="484850" spans="8:8">
      <c r="H484850" s="12"/>
    </row>
    <row r="484851" spans="8:8">
      <c r="H484851" s="12"/>
    </row>
    <row r="484852" spans="8:8">
      <c r="H484852" s="12"/>
    </row>
    <row r="484853" spans="8:8">
      <c r="H484853" s="12"/>
    </row>
    <row r="484854" spans="8:8">
      <c r="H484854" s="12"/>
    </row>
    <row r="484855" spans="8:8">
      <c r="H484855" s="12"/>
    </row>
    <row r="484856" spans="8:8">
      <c r="H484856" s="12"/>
    </row>
    <row r="484857" spans="8:8">
      <c r="H484857" s="12"/>
    </row>
    <row r="484858" spans="8:8">
      <c r="H484858" s="12"/>
    </row>
    <row r="484859" spans="8:8">
      <c r="H484859" s="12"/>
    </row>
    <row r="484860" spans="8:8">
      <c r="H484860" s="12"/>
    </row>
    <row r="484861" spans="8:8">
      <c r="H484861" s="12"/>
    </row>
    <row r="484862" spans="8:8">
      <c r="H484862" s="12"/>
    </row>
    <row r="484863" spans="8:8">
      <c r="H484863" s="12"/>
    </row>
    <row r="484864" spans="8:8">
      <c r="H484864" s="12"/>
    </row>
    <row r="484865" spans="8:8">
      <c r="H484865" s="12"/>
    </row>
    <row r="484866" spans="8:8">
      <c r="H484866" s="12"/>
    </row>
    <row r="484867" spans="8:8">
      <c r="H484867" s="12"/>
    </row>
    <row r="484868" spans="8:8">
      <c r="H484868" s="12"/>
    </row>
    <row r="484869" spans="8:8">
      <c r="H484869" s="12"/>
    </row>
    <row r="484870" spans="8:8">
      <c r="H484870" s="12"/>
    </row>
    <row r="484871" spans="8:8">
      <c r="H484871" s="12"/>
    </row>
    <row r="484872" spans="8:8">
      <c r="H484872" s="12"/>
    </row>
    <row r="484873" spans="8:8">
      <c r="H484873" s="12"/>
    </row>
    <row r="484874" spans="8:8">
      <c r="H484874" s="12"/>
    </row>
    <row r="484875" spans="8:8">
      <c r="H484875" s="12"/>
    </row>
    <row r="484876" spans="8:8">
      <c r="H484876" s="12"/>
    </row>
    <row r="484877" spans="8:8">
      <c r="H484877" s="12"/>
    </row>
    <row r="484878" spans="8:8">
      <c r="H484878" s="12"/>
    </row>
    <row r="484879" spans="8:8">
      <c r="H484879" s="12"/>
    </row>
    <row r="484880" spans="8:8">
      <c r="H484880" s="12"/>
    </row>
    <row r="484881" spans="8:8">
      <c r="H484881" s="12"/>
    </row>
    <row r="484882" spans="8:8">
      <c r="H484882" s="12"/>
    </row>
    <row r="484883" spans="8:8">
      <c r="H484883" s="12"/>
    </row>
    <row r="484884" spans="8:8">
      <c r="H484884" s="12"/>
    </row>
    <row r="484885" spans="8:8">
      <c r="H484885" s="12"/>
    </row>
    <row r="484886" spans="8:8">
      <c r="H484886" s="12"/>
    </row>
    <row r="484887" spans="8:8">
      <c r="H484887" s="12"/>
    </row>
    <row r="484888" spans="8:8">
      <c r="H484888" s="12"/>
    </row>
    <row r="484889" spans="8:8">
      <c r="H484889" s="12"/>
    </row>
    <row r="484890" spans="8:8">
      <c r="H484890" s="12"/>
    </row>
    <row r="484891" spans="8:8">
      <c r="H484891" s="12"/>
    </row>
    <row r="484892" spans="8:8">
      <c r="H484892" s="12"/>
    </row>
    <row r="484893" spans="8:8">
      <c r="H484893" s="12"/>
    </row>
    <row r="484894" spans="8:8">
      <c r="H484894" s="12"/>
    </row>
    <row r="484895" spans="8:8">
      <c r="H484895" s="12"/>
    </row>
    <row r="484896" spans="8:8">
      <c r="H484896" s="12"/>
    </row>
    <row r="484897" spans="8:8">
      <c r="H484897" s="12"/>
    </row>
    <row r="484898" spans="8:8">
      <c r="H484898" s="12"/>
    </row>
    <row r="484899" spans="8:8">
      <c r="H484899" s="12"/>
    </row>
    <row r="484900" spans="8:8">
      <c r="H484900" s="12"/>
    </row>
    <row r="484901" spans="8:8">
      <c r="H484901" s="12"/>
    </row>
    <row r="484902" spans="8:8">
      <c r="H484902" s="12"/>
    </row>
    <row r="484903" spans="8:8">
      <c r="H484903" s="12"/>
    </row>
    <row r="484904" spans="8:8">
      <c r="H484904" s="12"/>
    </row>
    <row r="484905" spans="8:8">
      <c r="H484905" s="12"/>
    </row>
    <row r="484906" spans="8:8">
      <c r="H484906" s="12"/>
    </row>
    <row r="484907" spans="8:8">
      <c r="H484907" s="12"/>
    </row>
    <row r="484908" spans="8:8">
      <c r="H484908" s="12"/>
    </row>
    <row r="484909" spans="8:8">
      <c r="H484909" s="12"/>
    </row>
    <row r="484910" spans="8:8">
      <c r="H484910" s="12"/>
    </row>
    <row r="484911" spans="8:8">
      <c r="H484911" s="12"/>
    </row>
    <row r="484912" spans="8:8">
      <c r="H484912" s="12"/>
    </row>
    <row r="484913" spans="8:8">
      <c r="H484913" s="12"/>
    </row>
    <row r="484914" spans="8:8">
      <c r="H484914" s="12"/>
    </row>
    <row r="484915" spans="8:8">
      <c r="H484915" s="12"/>
    </row>
    <row r="484916" spans="8:8">
      <c r="H484916" s="12"/>
    </row>
    <row r="484917" spans="8:8">
      <c r="H484917" s="12"/>
    </row>
    <row r="484918" spans="8:8">
      <c r="H484918" s="12"/>
    </row>
    <row r="484919" spans="8:8">
      <c r="H484919" s="12"/>
    </row>
    <row r="484920" spans="8:8">
      <c r="H484920" s="12"/>
    </row>
    <row r="484921" spans="8:8">
      <c r="H484921" s="12"/>
    </row>
    <row r="484922" spans="8:8">
      <c r="H484922" s="12"/>
    </row>
    <row r="484923" spans="8:8">
      <c r="H484923" s="12"/>
    </row>
    <row r="484924" spans="8:8">
      <c r="H484924" s="12"/>
    </row>
    <row r="484925" spans="8:8">
      <c r="H484925" s="12"/>
    </row>
    <row r="484926" spans="8:8">
      <c r="H484926" s="12"/>
    </row>
    <row r="484927" spans="8:8">
      <c r="H484927" s="12"/>
    </row>
    <row r="484928" spans="8:8">
      <c r="H484928" s="12"/>
    </row>
    <row r="484929" spans="8:8">
      <c r="H484929" s="12"/>
    </row>
    <row r="484930" spans="8:8">
      <c r="H484930" s="12"/>
    </row>
    <row r="484931" spans="8:8">
      <c r="H484931" s="12"/>
    </row>
    <row r="484932" spans="8:8">
      <c r="H484932" s="12"/>
    </row>
    <row r="484933" spans="8:8">
      <c r="H484933" s="12"/>
    </row>
    <row r="484934" spans="8:8">
      <c r="H484934" s="12"/>
    </row>
    <row r="484935" spans="8:8">
      <c r="H484935" s="12"/>
    </row>
    <row r="484936" spans="8:8">
      <c r="H484936" s="12"/>
    </row>
    <row r="484937" spans="8:8">
      <c r="H484937" s="12"/>
    </row>
    <row r="484938" spans="8:8">
      <c r="H484938" s="12"/>
    </row>
    <row r="484939" spans="8:8">
      <c r="H484939" s="12"/>
    </row>
    <row r="484940" spans="8:8">
      <c r="H484940" s="12"/>
    </row>
    <row r="484941" spans="8:8">
      <c r="H484941" s="12"/>
    </row>
    <row r="484942" spans="8:8">
      <c r="H484942" s="12"/>
    </row>
    <row r="484943" spans="8:8">
      <c r="H484943" s="12"/>
    </row>
    <row r="484944" spans="8:8">
      <c r="H484944" s="12"/>
    </row>
    <row r="484945" spans="8:8">
      <c r="H484945" s="12"/>
    </row>
    <row r="484946" spans="8:8">
      <c r="H484946" s="12"/>
    </row>
    <row r="484947" spans="8:8">
      <c r="H484947" s="12"/>
    </row>
    <row r="484948" spans="8:8">
      <c r="H484948" s="12"/>
    </row>
    <row r="484949" spans="8:8">
      <c r="H484949" s="12"/>
    </row>
    <row r="484950" spans="8:8">
      <c r="H484950" s="12"/>
    </row>
    <row r="484951" spans="8:8">
      <c r="H484951" s="12"/>
    </row>
    <row r="484952" spans="8:8">
      <c r="H484952" s="12"/>
    </row>
    <row r="484953" spans="8:8">
      <c r="H484953" s="12"/>
    </row>
    <row r="484954" spans="8:8">
      <c r="H484954" s="12"/>
    </row>
    <row r="484955" spans="8:8">
      <c r="H484955" s="12"/>
    </row>
    <row r="484956" spans="8:8">
      <c r="H484956" s="12"/>
    </row>
    <row r="484957" spans="8:8">
      <c r="H484957" s="12"/>
    </row>
    <row r="484958" spans="8:8">
      <c r="H484958" s="12"/>
    </row>
    <row r="484959" spans="8:8">
      <c r="H484959" s="12"/>
    </row>
    <row r="484960" spans="8:8">
      <c r="H484960" s="12"/>
    </row>
    <row r="484961" spans="8:8">
      <c r="H484961" s="12"/>
    </row>
    <row r="484962" spans="8:8">
      <c r="H484962" s="12"/>
    </row>
    <row r="484963" spans="8:8">
      <c r="H484963" s="12"/>
    </row>
    <row r="484964" spans="8:8">
      <c r="H484964" s="12"/>
    </row>
    <row r="484965" spans="8:8">
      <c r="H484965" s="12"/>
    </row>
    <row r="484966" spans="8:8">
      <c r="H484966" s="12"/>
    </row>
    <row r="484967" spans="8:8">
      <c r="H484967" s="12"/>
    </row>
    <row r="484968" spans="8:8">
      <c r="H484968" s="12"/>
    </row>
    <row r="484969" spans="8:8">
      <c r="H484969" s="12"/>
    </row>
    <row r="484970" spans="8:8">
      <c r="H484970" s="12"/>
    </row>
    <row r="484971" spans="8:8">
      <c r="H484971" s="12"/>
    </row>
    <row r="484972" spans="8:8">
      <c r="H484972" s="12"/>
    </row>
    <row r="484973" spans="8:8">
      <c r="H484973" s="12"/>
    </row>
    <row r="484974" spans="8:8">
      <c r="H484974" s="12"/>
    </row>
    <row r="484975" spans="8:8">
      <c r="H484975" s="12"/>
    </row>
    <row r="484976" spans="8:8">
      <c r="H484976" s="12"/>
    </row>
    <row r="484977" spans="8:8">
      <c r="H484977" s="12"/>
    </row>
    <row r="484978" spans="8:8">
      <c r="H484978" s="12"/>
    </row>
    <row r="484979" spans="8:8">
      <c r="H484979" s="12"/>
    </row>
    <row r="484980" spans="8:8">
      <c r="H484980" s="12"/>
    </row>
    <row r="484981" spans="8:8">
      <c r="H484981" s="12"/>
    </row>
    <row r="484982" spans="8:8">
      <c r="H484982" s="12"/>
    </row>
    <row r="484983" spans="8:8">
      <c r="H484983" s="12"/>
    </row>
    <row r="484984" spans="8:8">
      <c r="H484984" s="12"/>
    </row>
    <row r="484985" spans="8:8">
      <c r="H484985" s="12"/>
    </row>
    <row r="484986" spans="8:8">
      <c r="H484986" s="12"/>
    </row>
    <row r="484987" spans="8:8">
      <c r="H484987" s="12"/>
    </row>
    <row r="484988" spans="8:8">
      <c r="H484988" s="12"/>
    </row>
    <row r="484989" spans="8:8">
      <c r="H484989" s="12"/>
    </row>
    <row r="484990" spans="8:8">
      <c r="H484990" s="12"/>
    </row>
    <row r="484991" spans="8:8">
      <c r="H484991" s="12"/>
    </row>
    <row r="484992" spans="8:8">
      <c r="H484992" s="12"/>
    </row>
    <row r="484993" spans="8:8">
      <c r="H484993" s="12"/>
    </row>
    <row r="484994" spans="8:8">
      <c r="H484994" s="12"/>
    </row>
    <row r="484995" spans="8:8">
      <c r="H484995" s="12"/>
    </row>
    <row r="484996" spans="8:8">
      <c r="H484996" s="12"/>
    </row>
    <row r="484997" spans="8:8">
      <c r="H484997" s="12"/>
    </row>
    <row r="484998" spans="8:8">
      <c r="H484998" s="12"/>
    </row>
    <row r="484999" spans="8:8">
      <c r="H484999" s="12"/>
    </row>
    <row r="485000" spans="8:8">
      <c r="H485000" s="12"/>
    </row>
    <row r="485001" spans="8:8">
      <c r="H485001" s="12"/>
    </row>
    <row r="485002" spans="8:8">
      <c r="H485002" s="12"/>
    </row>
    <row r="485003" spans="8:8">
      <c r="H485003" s="12"/>
    </row>
    <row r="485004" spans="8:8">
      <c r="H485004" s="12"/>
    </row>
    <row r="485005" spans="8:8">
      <c r="H485005" s="12"/>
    </row>
    <row r="485006" spans="8:8">
      <c r="H485006" s="12"/>
    </row>
    <row r="485007" spans="8:8">
      <c r="H485007" s="12"/>
    </row>
    <row r="485008" spans="8:8">
      <c r="H485008" s="12"/>
    </row>
    <row r="485009" spans="8:8">
      <c r="H485009" s="12"/>
    </row>
    <row r="485010" spans="8:8">
      <c r="H485010" s="12"/>
    </row>
    <row r="485011" spans="8:8">
      <c r="H485011" s="12"/>
    </row>
    <row r="485012" spans="8:8">
      <c r="H485012" s="12"/>
    </row>
    <row r="485013" spans="8:8">
      <c r="H485013" s="12"/>
    </row>
    <row r="485014" spans="8:8">
      <c r="H485014" s="12"/>
    </row>
    <row r="485015" spans="8:8">
      <c r="H485015" s="12"/>
    </row>
    <row r="485016" spans="8:8">
      <c r="H485016" s="12"/>
    </row>
    <row r="485017" spans="8:8">
      <c r="H485017" s="12"/>
    </row>
    <row r="485018" spans="8:8">
      <c r="H485018" s="12"/>
    </row>
    <row r="485019" spans="8:8">
      <c r="H485019" s="12"/>
    </row>
    <row r="485020" spans="8:8">
      <c r="H485020" s="12"/>
    </row>
    <row r="485021" spans="8:8">
      <c r="H485021" s="12"/>
    </row>
    <row r="485022" spans="8:8">
      <c r="H485022" s="12"/>
    </row>
    <row r="485023" spans="8:8">
      <c r="H485023" s="12"/>
    </row>
    <row r="485024" spans="8:8">
      <c r="H485024" s="12"/>
    </row>
    <row r="485025" spans="8:8">
      <c r="H485025" s="12"/>
    </row>
    <row r="485026" spans="8:8">
      <c r="H485026" s="12"/>
    </row>
    <row r="485027" spans="8:8">
      <c r="H485027" s="12"/>
    </row>
    <row r="485028" spans="8:8">
      <c r="H485028" s="12"/>
    </row>
    <row r="485029" spans="8:8">
      <c r="H485029" s="12"/>
    </row>
    <row r="485030" spans="8:8">
      <c r="H485030" s="12"/>
    </row>
    <row r="485031" spans="8:8">
      <c r="H485031" s="12"/>
    </row>
    <row r="485032" spans="8:8">
      <c r="H485032" s="12"/>
    </row>
    <row r="485033" spans="8:8">
      <c r="H485033" s="12"/>
    </row>
    <row r="485034" spans="8:8">
      <c r="H485034" s="12"/>
    </row>
    <row r="485035" spans="8:8">
      <c r="H485035" s="12"/>
    </row>
    <row r="485036" spans="8:8">
      <c r="H485036" s="12"/>
    </row>
    <row r="485037" spans="8:8">
      <c r="H485037" s="12"/>
    </row>
    <row r="485038" spans="8:8">
      <c r="H485038" s="12"/>
    </row>
    <row r="485039" spans="8:8">
      <c r="H485039" s="12"/>
    </row>
    <row r="485040" spans="8:8">
      <c r="H485040" s="12"/>
    </row>
    <row r="485041" spans="8:8">
      <c r="H485041" s="12"/>
    </row>
    <row r="485042" spans="8:8">
      <c r="H485042" s="12"/>
    </row>
    <row r="485043" spans="8:8">
      <c r="H485043" s="12"/>
    </row>
    <row r="485044" spans="8:8">
      <c r="H485044" s="12"/>
    </row>
    <row r="485045" spans="8:8">
      <c r="H485045" s="12"/>
    </row>
    <row r="485046" spans="8:8">
      <c r="H485046" s="12"/>
    </row>
    <row r="485047" spans="8:8">
      <c r="H485047" s="12"/>
    </row>
    <row r="485048" spans="8:8">
      <c r="H485048" s="12"/>
    </row>
    <row r="485049" spans="8:8">
      <c r="H485049" s="12"/>
    </row>
    <row r="485050" spans="8:8">
      <c r="H485050" s="12"/>
    </row>
    <row r="485051" spans="8:8">
      <c r="H485051" s="12"/>
    </row>
    <row r="485052" spans="8:8">
      <c r="H485052" s="12"/>
    </row>
    <row r="485053" spans="8:8">
      <c r="H485053" s="12"/>
    </row>
    <row r="485054" spans="8:8">
      <c r="H485054" s="12"/>
    </row>
    <row r="485055" spans="8:8">
      <c r="H485055" s="12"/>
    </row>
    <row r="485056" spans="8:8">
      <c r="H485056" s="12"/>
    </row>
    <row r="485057" spans="8:8">
      <c r="H485057" s="12"/>
    </row>
    <row r="485058" spans="8:8">
      <c r="H485058" s="12"/>
    </row>
    <row r="485059" spans="8:8">
      <c r="H485059" s="12"/>
    </row>
    <row r="485060" spans="8:8">
      <c r="H485060" s="12"/>
    </row>
    <row r="485061" spans="8:8">
      <c r="H485061" s="12"/>
    </row>
    <row r="485062" spans="8:8">
      <c r="H485062" s="12"/>
    </row>
    <row r="485063" spans="8:8">
      <c r="H485063" s="12"/>
    </row>
    <row r="485064" spans="8:8">
      <c r="H485064" s="12"/>
    </row>
    <row r="485065" spans="8:8">
      <c r="H485065" s="12"/>
    </row>
    <row r="485066" spans="8:8">
      <c r="H485066" s="12"/>
    </row>
    <row r="485067" spans="8:8">
      <c r="H485067" s="12"/>
    </row>
    <row r="485068" spans="8:8">
      <c r="H485068" s="12"/>
    </row>
    <row r="485069" spans="8:8">
      <c r="H485069" s="12"/>
    </row>
    <row r="485070" spans="8:8">
      <c r="H485070" s="12"/>
    </row>
    <row r="485071" spans="8:8">
      <c r="H485071" s="12"/>
    </row>
    <row r="485072" spans="8:8">
      <c r="H485072" s="12"/>
    </row>
    <row r="485073" spans="8:8">
      <c r="H485073" s="12"/>
    </row>
    <row r="485074" spans="8:8">
      <c r="H485074" s="12"/>
    </row>
    <row r="485075" spans="8:8">
      <c r="H485075" s="12"/>
    </row>
    <row r="485076" spans="8:8">
      <c r="H485076" s="12"/>
    </row>
    <row r="485077" spans="8:8">
      <c r="H485077" s="12"/>
    </row>
    <row r="485078" spans="8:8">
      <c r="H485078" s="12"/>
    </row>
    <row r="485079" spans="8:8">
      <c r="H485079" s="12"/>
    </row>
    <row r="485080" spans="8:8">
      <c r="H485080" s="12"/>
    </row>
    <row r="485081" spans="8:8">
      <c r="H485081" s="12"/>
    </row>
    <row r="485082" spans="8:8">
      <c r="H485082" s="12"/>
    </row>
    <row r="485083" spans="8:8">
      <c r="H485083" s="12"/>
    </row>
    <row r="485084" spans="8:8">
      <c r="H485084" s="12"/>
    </row>
    <row r="485085" spans="8:8">
      <c r="H485085" s="12"/>
    </row>
    <row r="485086" spans="8:8">
      <c r="H485086" s="12"/>
    </row>
    <row r="485087" spans="8:8">
      <c r="H485087" s="12"/>
    </row>
    <row r="485088" spans="8:8">
      <c r="H485088" s="12"/>
    </row>
    <row r="485089" spans="8:8">
      <c r="H485089" s="12"/>
    </row>
    <row r="485090" spans="8:8">
      <c r="H485090" s="12"/>
    </row>
    <row r="485091" spans="8:8">
      <c r="H485091" s="12"/>
    </row>
    <row r="485092" spans="8:8">
      <c r="H485092" s="12"/>
    </row>
    <row r="485093" spans="8:8">
      <c r="H485093" s="12"/>
    </row>
    <row r="485094" spans="8:8">
      <c r="H485094" s="12"/>
    </row>
    <row r="485095" spans="8:8">
      <c r="H485095" s="12"/>
    </row>
    <row r="485096" spans="8:8">
      <c r="H485096" s="12"/>
    </row>
    <row r="485097" spans="8:8">
      <c r="H485097" s="12"/>
    </row>
    <row r="485098" spans="8:8">
      <c r="H485098" s="12"/>
    </row>
    <row r="485099" spans="8:8">
      <c r="H485099" s="12"/>
    </row>
    <row r="485100" spans="8:8">
      <c r="H485100" s="12"/>
    </row>
    <row r="485101" spans="8:8">
      <c r="H485101" s="12"/>
    </row>
    <row r="485102" spans="8:8">
      <c r="H485102" s="12"/>
    </row>
    <row r="485103" spans="8:8">
      <c r="H485103" s="12"/>
    </row>
    <row r="485104" spans="8:8">
      <c r="H485104" s="12"/>
    </row>
    <row r="485105" spans="8:8">
      <c r="H485105" s="12"/>
    </row>
    <row r="485106" spans="8:8">
      <c r="H485106" s="12"/>
    </row>
    <row r="485107" spans="8:8">
      <c r="H485107" s="12"/>
    </row>
    <row r="485108" spans="8:8">
      <c r="H485108" s="12"/>
    </row>
    <row r="485109" spans="8:8">
      <c r="H485109" s="12"/>
    </row>
    <row r="485110" spans="8:8">
      <c r="H485110" s="12"/>
    </row>
    <row r="485111" spans="8:8">
      <c r="H485111" s="12"/>
    </row>
    <row r="485112" spans="8:8">
      <c r="H485112" s="12"/>
    </row>
    <row r="485113" spans="8:8">
      <c r="H485113" s="12"/>
    </row>
    <row r="485114" spans="8:8">
      <c r="H485114" s="12"/>
    </row>
    <row r="485115" spans="8:8">
      <c r="H485115" s="12"/>
    </row>
    <row r="485116" spans="8:8">
      <c r="H485116" s="12"/>
    </row>
    <row r="485117" spans="8:8">
      <c r="H485117" s="12"/>
    </row>
    <row r="485118" spans="8:8">
      <c r="H485118" s="12"/>
    </row>
    <row r="485119" spans="8:8">
      <c r="H485119" s="12"/>
    </row>
    <row r="485120" spans="8:8">
      <c r="H485120" s="12"/>
    </row>
    <row r="485121" spans="8:8">
      <c r="H485121" s="12"/>
    </row>
    <row r="485122" spans="8:8">
      <c r="H485122" s="12"/>
    </row>
    <row r="485123" spans="8:8">
      <c r="H485123" s="12"/>
    </row>
    <row r="485124" spans="8:8">
      <c r="H485124" s="12"/>
    </row>
    <row r="485125" spans="8:8">
      <c r="H485125" s="12"/>
    </row>
    <row r="485126" spans="8:8">
      <c r="H485126" s="12"/>
    </row>
    <row r="485127" spans="8:8">
      <c r="H485127" s="12"/>
    </row>
    <row r="485128" spans="8:8">
      <c r="H485128" s="12"/>
    </row>
    <row r="485129" spans="8:8">
      <c r="H485129" s="12"/>
    </row>
    <row r="485130" spans="8:8">
      <c r="H485130" s="12"/>
    </row>
    <row r="485131" spans="8:8">
      <c r="H485131" s="12"/>
    </row>
    <row r="485132" spans="8:8">
      <c r="H485132" s="12"/>
    </row>
    <row r="485133" spans="8:8">
      <c r="H485133" s="12"/>
    </row>
    <row r="485134" spans="8:8">
      <c r="H485134" s="12"/>
    </row>
    <row r="485135" spans="8:8">
      <c r="H485135" s="12"/>
    </row>
    <row r="485136" spans="8:8">
      <c r="H485136" s="12"/>
    </row>
    <row r="485137" spans="8:8">
      <c r="H485137" s="12"/>
    </row>
    <row r="485138" spans="8:8">
      <c r="H485138" s="12"/>
    </row>
    <row r="485139" spans="8:8">
      <c r="H485139" s="12"/>
    </row>
    <row r="485140" spans="8:8">
      <c r="H485140" s="12"/>
    </row>
    <row r="485141" spans="8:8">
      <c r="H485141" s="12"/>
    </row>
    <row r="485142" spans="8:8">
      <c r="H485142" s="12"/>
    </row>
    <row r="485143" spans="8:8">
      <c r="H485143" s="12"/>
    </row>
    <row r="485144" spans="8:8">
      <c r="H485144" s="12"/>
    </row>
    <row r="485145" spans="8:8">
      <c r="H485145" s="12"/>
    </row>
    <row r="485146" spans="8:8">
      <c r="H485146" s="12"/>
    </row>
    <row r="485147" spans="8:8">
      <c r="H485147" s="12"/>
    </row>
    <row r="485148" spans="8:8">
      <c r="H485148" s="12"/>
    </row>
    <row r="485149" spans="8:8">
      <c r="H485149" s="12"/>
    </row>
    <row r="485150" spans="8:8">
      <c r="H485150" s="12"/>
    </row>
    <row r="485151" spans="8:8">
      <c r="H485151" s="12"/>
    </row>
    <row r="485152" spans="8:8">
      <c r="H485152" s="12"/>
    </row>
    <row r="485153" spans="8:8">
      <c r="H485153" s="12"/>
    </row>
    <row r="485154" spans="8:8">
      <c r="H485154" s="12"/>
    </row>
    <row r="485155" spans="8:8">
      <c r="H485155" s="12"/>
    </row>
    <row r="485156" spans="8:8">
      <c r="H485156" s="12"/>
    </row>
    <row r="485157" spans="8:8">
      <c r="H485157" s="12"/>
    </row>
    <row r="485158" spans="8:8">
      <c r="H485158" s="12"/>
    </row>
    <row r="485159" spans="8:8">
      <c r="H485159" s="12"/>
    </row>
    <row r="485160" spans="8:8">
      <c r="H485160" s="12"/>
    </row>
    <row r="485161" spans="8:8">
      <c r="H485161" s="12"/>
    </row>
    <row r="485162" spans="8:8">
      <c r="H485162" s="12"/>
    </row>
    <row r="485163" spans="8:8">
      <c r="H485163" s="12"/>
    </row>
    <row r="485164" spans="8:8">
      <c r="H485164" s="12"/>
    </row>
    <row r="485165" spans="8:8">
      <c r="H485165" s="12"/>
    </row>
    <row r="485166" spans="8:8">
      <c r="H485166" s="12"/>
    </row>
    <row r="485167" spans="8:8">
      <c r="H485167" s="12"/>
    </row>
    <row r="485168" spans="8:8">
      <c r="H485168" s="12"/>
    </row>
    <row r="485169" spans="8:8">
      <c r="H485169" s="12"/>
    </row>
    <row r="485170" spans="8:8">
      <c r="H485170" s="12"/>
    </row>
    <row r="485171" spans="8:8">
      <c r="H485171" s="12"/>
    </row>
    <row r="485172" spans="8:8">
      <c r="H485172" s="12"/>
    </row>
    <row r="485173" spans="8:8">
      <c r="H485173" s="12"/>
    </row>
    <row r="485174" spans="8:8">
      <c r="H485174" s="12"/>
    </row>
    <row r="485175" spans="8:8">
      <c r="H485175" s="12"/>
    </row>
    <row r="485176" spans="8:8">
      <c r="H485176" s="12"/>
    </row>
    <row r="485177" spans="8:8">
      <c r="H485177" s="12"/>
    </row>
    <row r="485178" spans="8:8">
      <c r="H485178" s="12"/>
    </row>
    <row r="485179" spans="8:8">
      <c r="H485179" s="12"/>
    </row>
    <row r="485180" spans="8:8">
      <c r="H485180" s="12"/>
    </row>
    <row r="485181" spans="8:8">
      <c r="H485181" s="12"/>
    </row>
    <row r="485182" spans="8:8">
      <c r="H485182" s="12"/>
    </row>
    <row r="485183" spans="8:8">
      <c r="H485183" s="12"/>
    </row>
    <row r="485184" spans="8:8">
      <c r="H485184" s="12"/>
    </row>
    <row r="485185" spans="8:8">
      <c r="H485185" s="12"/>
    </row>
    <row r="485186" spans="8:8">
      <c r="H485186" s="12"/>
    </row>
    <row r="485187" spans="8:8">
      <c r="H485187" s="12"/>
    </row>
    <row r="485188" spans="8:8">
      <c r="H485188" s="12"/>
    </row>
    <row r="485189" spans="8:8">
      <c r="H485189" s="12"/>
    </row>
    <row r="485190" spans="8:8">
      <c r="H485190" s="12"/>
    </row>
    <row r="485191" spans="8:8">
      <c r="H485191" s="12"/>
    </row>
    <row r="485192" spans="8:8">
      <c r="H485192" s="12"/>
    </row>
    <row r="485193" spans="8:8">
      <c r="H485193" s="12"/>
    </row>
    <row r="485194" spans="8:8">
      <c r="H485194" s="12"/>
    </row>
    <row r="485195" spans="8:8">
      <c r="H485195" s="12"/>
    </row>
    <row r="485196" spans="8:8">
      <c r="H485196" s="12"/>
    </row>
    <row r="485197" spans="8:8">
      <c r="H485197" s="12"/>
    </row>
    <row r="485198" spans="8:8">
      <c r="H485198" s="12"/>
    </row>
    <row r="485199" spans="8:8">
      <c r="H485199" s="12"/>
    </row>
    <row r="485200" spans="8:8">
      <c r="H485200" s="12"/>
    </row>
    <row r="485201" spans="8:8">
      <c r="H485201" s="12"/>
    </row>
    <row r="485202" spans="8:8">
      <c r="H485202" s="12"/>
    </row>
    <row r="485203" spans="8:8">
      <c r="H485203" s="12"/>
    </row>
    <row r="485204" spans="8:8">
      <c r="H485204" s="12"/>
    </row>
    <row r="485205" spans="8:8">
      <c r="H485205" s="12"/>
    </row>
    <row r="485206" spans="8:8">
      <c r="H485206" s="12"/>
    </row>
    <row r="485207" spans="8:8">
      <c r="H485207" s="12"/>
    </row>
    <row r="485208" spans="8:8">
      <c r="H485208" s="12"/>
    </row>
    <row r="485209" spans="8:8">
      <c r="H485209" s="12"/>
    </row>
    <row r="485210" spans="8:8">
      <c r="H485210" s="12"/>
    </row>
    <row r="485211" spans="8:8">
      <c r="H485211" s="12"/>
    </row>
    <row r="485212" spans="8:8">
      <c r="H485212" s="12"/>
    </row>
    <row r="485213" spans="8:8">
      <c r="H485213" s="12"/>
    </row>
    <row r="485214" spans="8:8">
      <c r="H485214" s="12"/>
    </row>
    <row r="485215" spans="8:8">
      <c r="H485215" s="12"/>
    </row>
    <row r="485216" spans="8:8">
      <c r="H485216" s="12"/>
    </row>
    <row r="485217" spans="8:8">
      <c r="H485217" s="12"/>
    </row>
    <row r="485218" spans="8:8">
      <c r="H485218" s="12"/>
    </row>
    <row r="485219" spans="8:8">
      <c r="H485219" s="12"/>
    </row>
    <row r="485220" spans="8:8">
      <c r="H485220" s="12"/>
    </row>
    <row r="485221" spans="8:8">
      <c r="H485221" s="12"/>
    </row>
    <row r="485222" spans="8:8">
      <c r="H485222" s="12"/>
    </row>
    <row r="485223" spans="8:8">
      <c r="H485223" s="12"/>
    </row>
    <row r="485224" spans="8:8">
      <c r="H485224" s="12"/>
    </row>
    <row r="485225" spans="8:8">
      <c r="H485225" s="12"/>
    </row>
    <row r="485226" spans="8:8">
      <c r="H485226" s="12"/>
    </row>
    <row r="485227" spans="8:8">
      <c r="H485227" s="12"/>
    </row>
    <row r="485228" spans="8:8">
      <c r="H485228" s="12"/>
    </row>
    <row r="485229" spans="8:8">
      <c r="H485229" s="12"/>
    </row>
    <row r="485230" spans="8:8">
      <c r="H485230" s="12"/>
    </row>
    <row r="485231" spans="8:8">
      <c r="H485231" s="12"/>
    </row>
    <row r="485232" spans="8:8">
      <c r="H485232" s="12"/>
    </row>
    <row r="485233" spans="8:8">
      <c r="H485233" s="12"/>
    </row>
    <row r="485234" spans="8:8">
      <c r="H485234" s="12"/>
    </row>
    <row r="485235" spans="8:8">
      <c r="H485235" s="12"/>
    </row>
    <row r="485236" spans="8:8">
      <c r="H485236" s="12"/>
    </row>
    <row r="485237" spans="8:8">
      <c r="H485237" s="12"/>
    </row>
    <row r="485238" spans="8:8">
      <c r="H485238" s="12"/>
    </row>
    <row r="485239" spans="8:8">
      <c r="H485239" s="12"/>
    </row>
    <row r="485240" spans="8:8">
      <c r="H485240" s="12"/>
    </row>
    <row r="485241" spans="8:8">
      <c r="H485241" s="12"/>
    </row>
    <row r="485242" spans="8:8">
      <c r="H485242" s="12"/>
    </row>
    <row r="485243" spans="8:8">
      <c r="H485243" s="12"/>
    </row>
    <row r="485244" spans="8:8">
      <c r="H485244" s="12"/>
    </row>
    <row r="485245" spans="8:8">
      <c r="H485245" s="12"/>
    </row>
    <row r="485246" spans="8:8">
      <c r="H485246" s="12"/>
    </row>
    <row r="485247" spans="8:8">
      <c r="H485247" s="12"/>
    </row>
    <row r="485248" spans="8:8">
      <c r="H485248" s="12"/>
    </row>
    <row r="485249" spans="8:8">
      <c r="H485249" s="12"/>
    </row>
    <row r="485250" spans="8:8">
      <c r="H485250" s="12"/>
    </row>
    <row r="485251" spans="8:8">
      <c r="H485251" s="12"/>
    </row>
    <row r="485252" spans="8:8">
      <c r="H485252" s="12"/>
    </row>
    <row r="485253" spans="8:8">
      <c r="H485253" s="12"/>
    </row>
    <row r="485254" spans="8:8">
      <c r="H485254" s="12"/>
    </row>
    <row r="485255" spans="8:8">
      <c r="H485255" s="12"/>
    </row>
    <row r="485256" spans="8:8">
      <c r="H485256" s="12"/>
    </row>
    <row r="485257" spans="8:8">
      <c r="H485257" s="12"/>
    </row>
    <row r="485258" spans="8:8">
      <c r="H485258" s="12"/>
    </row>
    <row r="485259" spans="8:8">
      <c r="H485259" s="12"/>
    </row>
    <row r="485260" spans="8:8">
      <c r="H485260" s="12"/>
    </row>
    <row r="485261" spans="8:8">
      <c r="H485261" s="12"/>
    </row>
    <row r="485262" spans="8:8">
      <c r="H485262" s="12"/>
    </row>
    <row r="485263" spans="8:8">
      <c r="H485263" s="12"/>
    </row>
    <row r="485264" spans="8:8">
      <c r="H485264" s="12"/>
    </row>
    <row r="485265" spans="8:8">
      <c r="H485265" s="12"/>
    </row>
    <row r="485266" spans="8:8">
      <c r="H485266" s="12"/>
    </row>
    <row r="485267" spans="8:8">
      <c r="H485267" s="12"/>
    </row>
    <row r="485268" spans="8:8">
      <c r="H485268" s="12"/>
    </row>
    <row r="485269" spans="8:8">
      <c r="H485269" s="12"/>
    </row>
    <row r="485270" spans="8:8">
      <c r="H485270" s="12"/>
    </row>
    <row r="485271" spans="8:8">
      <c r="H485271" s="12"/>
    </row>
    <row r="485272" spans="8:8">
      <c r="H485272" s="12"/>
    </row>
    <row r="485273" spans="8:8">
      <c r="H485273" s="12"/>
    </row>
    <row r="485274" spans="8:8">
      <c r="H485274" s="12"/>
    </row>
    <row r="485275" spans="8:8">
      <c r="H485275" s="12"/>
    </row>
    <row r="485276" spans="8:8">
      <c r="H485276" s="12"/>
    </row>
    <row r="485277" spans="8:8">
      <c r="H485277" s="12"/>
    </row>
    <row r="485278" spans="8:8">
      <c r="H485278" s="12"/>
    </row>
    <row r="485279" spans="8:8">
      <c r="H485279" s="12"/>
    </row>
    <row r="485280" spans="8:8">
      <c r="H485280" s="12"/>
    </row>
    <row r="485281" spans="8:8">
      <c r="H485281" s="12"/>
    </row>
    <row r="485282" spans="8:8">
      <c r="H485282" s="12"/>
    </row>
    <row r="485283" spans="8:8">
      <c r="H485283" s="12"/>
    </row>
    <row r="485284" spans="8:8">
      <c r="H485284" s="12"/>
    </row>
    <row r="485285" spans="8:8">
      <c r="H485285" s="12"/>
    </row>
    <row r="485286" spans="8:8">
      <c r="H485286" s="12"/>
    </row>
    <row r="485287" spans="8:8">
      <c r="H485287" s="12"/>
    </row>
    <row r="485288" spans="8:8">
      <c r="H485288" s="12"/>
    </row>
    <row r="485289" spans="8:8">
      <c r="H485289" s="12"/>
    </row>
    <row r="485290" spans="8:8">
      <c r="H485290" s="12"/>
    </row>
    <row r="485291" spans="8:8">
      <c r="H485291" s="12"/>
    </row>
    <row r="485292" spans="8:8">
      <c r="H485292" s="12"/>
    </row>
    <row r="485293" spans="8:8">
      <c r="H485293" s="12"/>
    </row>
    <row r="485294" spans="8:8">
      <c r="H485294" s="12"/>
    </row>
    <row r="485295" spans="8:8">
      <c r="H485295" s="12"/>
    </row>
    <row r="485296" spans="8:8">
      <c r="H485296" s="12"/>
    </row>
    <row r="485297" spans="8:8">
      <c r="H485297" s="12"/>
    </row>
    <row r="485298" spans="8:8">
      <c r="H485298" s="12"/>
    </row>
    <row r="485299" spans="8:8">
      <c r="H485299" s="12"/>
    </row>
    <row r="485300" spans="8:8">
      <c r="H485300" s="12"/>
    </row>
    <row r="485301" spans="8:8">
      <c r="H485301" s="12"/>
    </row>
    <row r="485302" spans="8:8">
      <c r="H485302" s="12"/>
    </row>
    <row r="485303" spans="8:8">
      <c r="H485303" s="12"/>
    </row>
    <row r="485304" spans="8:8">
      <c r="H485304" s="12"/>
    </row>
    <row r="485305" spans="8:8">
      <c r="H485305" s="12"/>
    </row>
    <row r="485306" spans="8:8">
      <c r="H485306" s="12"/>
    </row>
    <row r="485307" spans="8:8">
      <c r="H485307" s="12"/>
    </row>
    <row r="485308" spans="8:8">
      <c r="H485308" s="12"/>
    </row>
    <row r="485309" spans="8:8">
      <c r="H485309" s="12"/>
    </row>
    <row r="485310" spans="8:8">
      <c r="H485310" s="12"/>
    </row>
    <row r="485311" spans="8:8">
      <c r="H485311" s="12"/>
    </row>
    <row r="485312" spans="8:8">
      <c r="H485312" s="12"/>
    </row>
    <row r="485313" spans="8:8">
      <c r="H485313" s="12"/>
    </row>
    <row r="485314" spans="8:8">
      <c r="H485314" s="12"/>
    </row>
    <row r="485315" spans="8:8">
      <c r="H485315" s="12"/>
    </row>
    <row r="485316" spans="8:8">
      <c r="H485316" s="12"/>
    </row>
    <row r="485317" spans="8:8">
      <c r="H485317" s="12"/>
    </row>
    <row r="485318" spans="8:8">
      <c r="H485318" s="12"/>
    </row>
    <row r="485319" spans="8:8">
      <c r="H485319" s="12"/>
    </row>
    <row r="485320" spans="8:8">
      <c r="H485320" s="12"/>
    </row>
    <row r="485321" spans="8:8">
      <c r="H485321" s="12"/>
    </row>
    <row r="485322" spans="8:8">
      <c r="H485322" s="12"/>
    </row>
    <row r="485323" spans="8:8">
      <c r="H485323" s="12"/>
    </row>
    <row r="485324" spans="8:8">
      <c r="H485324" s="12"/>
    </row>
    <row r="485325" spans="8:8">
      <c r="H485325" s="12"/>
    </row>
    <row r="485326" spans="8:8">
      <c r="H485326" s="12"/>
    </row>
    <row r="485327" spans="8:8">
      <c r="H485327" s="12"/>
    </row>
    <row r="485328" spans="8:8">
      <c r="H485328" s="12"/>
    </row>
    <row r="485329" spans="8:8">
      <c r="H485329" s="12"/>
    </row>
    <row r="485330" spans="8:8">
      <c r="H485330" s="12"/>
    </row>
    <row r="485331" spans="8:8">
      <c r="H485331" s="12"/>
    </row>
    <row r="485332" spans="8:8">
      <c r="H485332" s="12"/>
    </row>
    <row r="485333" spans="8:8">
      <c r="H485333" s="12"/>
    </row>
    <row r="485334" spans="8:8">
      <c r="H485334" s="12"/>
    </row>
    <row r="485335" spans="8:8">
      <c r="H485335" s="12"/>
    </row>
    <row r="485336" spans="8:8">
      <c r="H485336" s="12"/>
    </row>
    <row r="485337" spans="8:8">
      <c r="H485337" s="12"/>
    </row>
    <row r="485338" spans="8:8">
      <c r="H485338" s="12"/>
    </row>
    <row r="485339" spans="8:8">
      <c r="H485339" s="12"/>
    </row>
    <row r="485340" spans="8:8">
      <c r="H485340" s="12"/>
    </row>
    <row r="485341" spans="8:8">
      <c r="H485341" s="12"/>
    </row>
    <row r="485342" spans="8:8">
      <c r="H485342" s="12"/>
    </row>
    <row r="485343" spans="8:8">
      <c r="H485343" s="12"/>
    </row>
    <row r="485344" spans="8:8">
      <c r="H485344" s="12"/>
    </row>
    <row r="485345" spans="8:8">
      <c r="H485345" s="12"/>
    </row>
    <row r="485346" spans="8:8">
      <c r="H485346" s="12"/>
    </row>
    <row r="485347" spans="8:8">
      <c r="H485347" s="12"/>
    </row>
    <row r="485348" spans="8:8">
      <c r="H485348" s="12"/>
    </row>
    <row r="485349" spans="8:8">
      <c r="H485349" s="12"/>
    </row>
    <row r="485350" spans="8:8">
      <c r="H485350" s="12"/>
    </row>
    <row r="485351" spans="8:8">
      <c r="H485351" s="12"/>
    </row>
    <row r="485352" spans="8:8">
      <c r="H485352" s="12"/>
    </row>
    <row r="485353" spans="8:8">
      <c r="H485353" s="12"/>
    </row>
    <row r="485354" spans="8:8">
      <c r="H485354" s="12"/>
    </row>
    <row r="485355" spans="8:8">
      <c r="H485355" s="12"/>
    </row>
    <row r="485356" spans="8:8">
      <c r="H485356" s="12"/>
    </row>
    <row r="485357" spans="8:8">
      <c r="H485357" s="12"/>
    </row>
    <row r="485358" spans="8:8">
      <c r="H485358" s="12"/>
    </row>
    <row r="485359" spans="8:8">
      <c r="H485359" s="12"/>
    </row>
    <row r="485360" spans="8:8">
      <c r="H485360" s="12"/>
    </row>
    <row r="485361" spans="8:8">
      <c r="H485361" s="12"/>
    </row>
    <row r="485362" spans="8:8">
      <c r="H485362" s="12"/>
    </row>
    <row r="485363" spans="8:8">
      <c r="H485363" s="12"/>
    </row>
    <row r="485364" spans="8:8">
      <c r="H485364" s="12"/>
    </row>
    <row r="485365" spans="8:8">
      <c r="H485365" s="12"/>
    </row>
    <row r="485366" spans="8:8">
      <c r="H485366" s="12"/>
    </row>
    <row r="485367" spans="8:8">
      <c r="H485367" s="12"/>
    </row>
    <row r="485368" spans="8:8">
      <c r="H485368" s="12"/>
    </row>
    <row r="485369" spans="8:8">
      <c r="H485369" s="12"/>
    </row>
    <row r="485370" spans="8:8">
      <c r="H485370" s="12"/>
    </row>
    <row r="485371" spans="8:8">
      <c r="H485371" s="12"/>
    </row>
    <row r="485372" spans="8:8">
      <c r="H485372" s="12"/>
    </row>
    <row r="485373" spans="8:8">
      <c r="H485373" s="12"/>
    </row>
    <row r="485374" spans="8:8">
      <c r="H485374" s="12"/>
    </row>
    <row r="485375" spans="8:8">
      <c r="H485375" s="12"/>
    </row>
    <row r="485376" spans="8:8">
      <c r="H485376" s="12"/>
    </row>
    <row r="485377" spans="8:8">
      <c r="H485377" s="12"/>
    </row>
    <row r="485378" spans="8:8">
      <c r="H485378" s="12"/>
    </row>
    <row r="485379" spans="8:8">
      <c r="H485379" s="12"/>
    </row>
    <row r="485380" spans="8:8">
      <c r="H485380" s="12"/>
    </row>
    <row r="485381" spans="8:8">
      <c r="H485381" s="12"/>
    </row>
    <row r="485382" spans="8:8">
      <c r="H485382" s="12"/>
    </row>
    <row r="485383" spans="8:8">
      <c r="H485383" s="12"/>
    </row>
    <row r="485384" spans="8:8">
      <c r="H485384" s="12"/>
    </row>
    <row r="485385" spans="8:8">
      <c r="H485385" s="12"/>
    </row>
    <row r="485386" spans="8:8">
      <c r="H485386" s="12"/>
    </row>
    <row r="485387" spans="8:8">
      <c r="H485387" s="12"/>
    </row>
    <row r="485388" spans="8:8">
      <c r="H485388" s="12"/>
    </row>
    <row r="485389" spans="8:8">
      <c r="H485389" s="12"/>
    </row>
    <row r="485390" spans="8:8">
      <c r="H485390" s="12"/>
    </row>
    <row r="485391" spans="8:8">
      <c r="H485391" s="12"/>
    </row>
    <row r="485392" spans="8:8">
      <c r="H485392" s="12"/>
    </row>
    <row r="485393" spans="8:8">
      <c r="H485393" s="12"/>
    </row>
    <row r="485394" spans="8:8">
      <c r="H485394" s="12"/>
    </row>
    <row r="485395" spans="8:8">
      <c r="H485395" s="12"/>
    </row>
    <row r="485396" spans="8:8">
      <c r="H485396" s="12"/>
    </row>
    <row r="485397" spans="8:8">
      <c r="H485397" s="12"/>
    </row>
    <row r="485398" spans="8:8">
      <c r="H485398" s="12"/>
    </row>
    <row r="485399" spans="8:8">
      <c r="H485399" s="12"/>
    </row>
    <row r="485400" spans="8:8">
      <c r="H485400" s="12"/>
    </row>
    <row r="485401" spans="8:8">
      <c r="H485401" s="12"/>
    </row>
    <row r="485402" spans="8:8">
      <c r="H485402" s="12"/>
    </row>
    <row r="485403" spans="8:8">
      <c r="H485403" s="12"/>
    </row>
    <row r="485404" spans="8:8">
      <c r="H485404" s="12"/>
    </row>
    <row r="485405" spans="8:8">
      <c r="H485405" s="12"/>
    </row>
    <row r="485406" spans="8:8">
      <c r="H485406" s="12"/>
    </row>
    <row r="485407" spans="8:8">
      <c r="H485407" s="12"/>
    </row>
    <row r="485408" spans="8:8">
      <c r="H485408" s="12"/>
    </row>
    <row r="485409" spans="8:8">
      <c r="H485409" s="12"/>
    </row>
    <row r="485410" spans="8:8">
      <c r="H485410" s="12"/>
    </row>
    <row r="485411" spans="8:8">
      <c r="H485411" s="12"/>
    </row>
    <row r="485412" spans="8:8">
      <c r="H485412" s="12"/>
    </row>
    <row r="485413" spans="8:8">
      <c r="H485413" s="12"/>
    </row>
    <row r="485414" spans="8:8">
      <c r="H485414" s="12"/>
    </row>
    <row r="485415" spans="8:8">
      <c r="H485415" s="12"/>
    </row>
    <row r="485416" spans="8:8">
      <c r="H485416" s="12"/>
    </row>
    <row r="485417" spans="8:8">
      <c r="H485417" s="12"/>
    </row>
    <row r="485418" spans="8:8">
      <c r="H485418" s="12"/>
    </row>
    <row r="485419" spans="8:8">
      <c r="H485419" s="12"/>
    </row>
    <row r="485420" spans="8:8">
      <c r="H485420" s="12"/>
    </row>
    <row r="485421" spans="8:8">
      <c r="H485421" s="12"/>
    </row>
    <row r="485422" spans="8:8">
      <c r="H485422" s="12"/>
    </row>
    <row r="485423" spans="8:8">
      <c r="H485423" s="12"/>
    </row>
    <row r="485424" spans="8:8">
      <c r="H485424" s="12"/>
    </row>
    <row r="485425" spans="8:8">
      <c r="H485425" s="12"/>
    </row>
    <row r="485426" spans="8:8">
      <c r="H485426" s="12"/>
    </row>
    <row r="485427" spans="8:8">
      <c r="H485427" s="12"/>
    </row>
    <row r="485428" spans="8:8">
      <c r="H485428" s="12"/>
    </row>
    <row r="485429" spans="8:8">
      <c r="H485429" s="12"/>
    </row>
    <row r="485430" spans="8:8">
      <c r="H485430" s="12"/>
    </row>
    <row r="485431" spans="8:8">
      <c r="H485431" s="12"/>
    </row>
    <row r="485432" spans="8:8">
      <c r="H485432" s="12"/>
    </row>
    <row r="485433" spans="8:8">
      <c r="H485433" s="12"/>
    </row>
    <row r="485434" spans="8:8">
      <c r="H485434" s="12"/>
    </row>
    <row r="485435" spans="8:8">
      <c r="H485435" s="12"/>
    </row>
    <row r="485436" spans="8:8">
      <c r="H485436" s="12"/>
    </row>
    <row r="485437" spans="8:8">
      <c r="H485437" s="12"/>
    </row>
    <row r="485438" spans="8:8">
      <c r="H485438" s="12"/>
    </row>
    <row r="485439" spans="8:8">
      <c r="H485439" s="12"/>
    </row>
    <row r="485440" spans="8:8">
      <c r="H485440" s="12"/>
    </row>
    <row r="485441" spans="8:8">
      <c r="H485441" s="12"/>
    </row>
    <row r="485442" spans="8:8">
      <c r="H485442" s="12"/>
    </row>
    <row r="485443" spans="8:8">
      <c r="H485443" s="12"/>
    </row>
    <row r="485444" spans="8:8">
      <c r="H485444" s="12"/>
    </row>
    <row r="485445" spans="8:8">
      <c r="H485445" s="12"/>
    </row>
    <row r="485446" spans="8:8">
      <c r="H485446" s="12"/>
    </row>
    <row r="485447" spans="8:8">
      <c r="H485447" s="12"/>
    </row>
    <row r="485448" spans="8:8">
      <c r="H485448" s="12"/>
    </row>
    <row r="485449" spans="8:8">
      <c r="H485449" s="12"/>
    </row>
    <row r="485450" spans="8:8">
      <c r="H485450" s="12"/>
    </row>
    <row r="485451" spans="8:8">
      <c r="H485451" s="12"/>
    </row>
    <row r="485452" spans="8:8">
      <c r="H485452" s="12"/>
    </row>
    <row r="485453" spans="8:8">
      <c r="H485453" s="12"/>
    </row>
    <row r="485454" spans="8:8">
      <c r="H485454" s="12"/>
    </row>
    <row r="485455" spans="8:8">
      <c r="H485455" s="12"/>
    </row>
    <row r="485456" spans="8:8">
      <c r="H485456" s="12"/>
    </row>
    <row r="485457" spans="8:8">
      <c r="H485457" s="12"/>
    </row>
    <row r="485458" spans="8:8">
      <c r="H485458" s="12"/>
    </row>
    <row r="485459" spans="8:8">
      <c r="H485459" s="12"/>
    </row>
    <row r="485460" spans="8:8">
      <c r="H485460" s="12"/>
    </row>
    <row r="485461" spans="8:8">
      <c r="H485461" s="12"/>
    </row>
    <row r="485462" spans="8:8">
      <c r="H485462" s="12"/>
    </row>
    <row r="485463" spans="8:8">
      <c r="H485463" s="12"/>
    </row>
    <row r="485464" spans="8:8">
      <c r="H485464" s="12"/>
    </row>
    <row r="485465" spans="8:8">
      <c r="H485465" s="12"/>
    </row>
    <row r="485466" spans="8:8">
      <c r="H485466" s="12"/>
    </row>
    <row r="485467" spans="8:8">
      <c r="H485467" s="12"/>
    </row>
    <row r="485468" spans="8:8">
      <c r="H485468" s="12"/>
    </row>
    <row r="485469" spans="8:8">
      <c r="H485469" s="12"/>
    </row>
    <row r="485470" spans="8:8">
      <c r="H485470" s="12"/>
    </row>
    <row r="485471" spans="8:8">
      <c r="H485471" s="12"/>
    </row>
    <row r="485472" spans="8:8">
      <c r="H485472" s="12"/>
    </row>
    <row r="485473" spans="8:8">
      <c r="H485473" s="12"/>
    </row>
    <row r="485474" spans="8:8">
      <c r="H485474" s="12"/>
    </row>
    <row r="485475" spans="8:8">
      <c r="H485475" s="12"/>
    </row>
    <row r="485476" spans="8:8">
      <c r="H485476" s="12"/>
    </row>
    <row r="485477" spans="8:8">
      <c r="H485477" s="12"/>
    </row>
    <row r="485478" spans="8:8">
      <c r="H485478" s="12"/>
    </row>
    <row r="485479" spans="8:8">
      <c r="H485479" s="12"/>
    </row>
    <row r="485480" spans="8:8">
      <c r="H485480" s="12"/>
    </row>
    <row r="485481" spans="8:8">
      <c r="H485481" s="12"/>
    </row>
    <row r="485482" spans="8:8">
      <c r="H485482" s="12"/>
    </row>
    <row r="485483" spans="8:8">
      <c r="H485483" s="12"/>
    </row>
    <row r="485484" spans="8:8">
      <c r="H485484" s="12"/>
    </row>
    <row r="485485" spans="8:8">
      <c r="H485485" s="12"/>
    </row>
    <row r="485486" spans="8:8">
      <c r="H485486" s="12"/>
    </row>
    <row r="485487" spans="8:8">
      <c r="H485487" s="12"/>
    </row>
    <row r="485488" spans="8:8">
      <c r="H485488" s="12"/>
    </row>
    <row r="485489" spans="8:8">
      <c r="H485489" s="12"/>
    </row>
    <row r="485490" spans="8:8">
      <c r="H485490" s="12"/>
    </row>
    <row r="485491" spans="8:8">
      <c r="H485491" s="12"/>
    </row>
    <row r="485492" spans="8:8">
      <c r="H485492" s="12"/>
    </row>
    <row r="485493" spans="8:8">
      <c r="H485493" s="12"/>
    </row>
    <row r="485494" spans="8:8">
      <c r="H485494" s="12"/>
    </row>
    <row r="485495" spans="8:8">
      <c r="H485495" s="12"/>
    </row>
    <row r="485496" spans="8:8">
      <c r="H485496" s="12"/>
    </row>
    <row r="485497" spans="8:8">
      <c r="H485497" s="12"/>
    </row>
    <row r="485498" spans="8:8">
      <c r="H485498" s="12"/>
    </row>
    <row r="485499" spans="8:8">
      <c r="H485499" s="12"/>
    </row>
    <row r="485500" spans="8:8">
      <c r="H485500" s="12"/>
    </row>
    <row r="485501" spans="8:8">
      <c r="H485501" s="12"/>
    </row>
    <row r="485502" spans="8:8">
      <c r="H485502" s="12"/>
    </row>
    <row r="485503" spans="8:8">
      <c r="H485503" s="12"/>
    </row>
    <row r="485504" spans="8:8">
      <c r="H485504" s="12"/>
    </row>
    <row r="485505" spans="8:8">
      <c r="H485505" s="12"/>
    </row>
    <row r="485506" spans="8:8">
      <c r="H485506" s="12"/>
    </row>
    <row r="485507" spans="8:8">
      <c r="H485507" s="12"/>
    </row>
    <row r="485508" spans="8:8">
      <c r="H485508" s="12"/>
    </row>
    <row r="485509" spans="8:8">
      <c r="H485509" s="12"/>
    </row>
    <row r="485510" spans="8:8">
      <c r="H485510" s="12"/>
    </row>
    <row r="485511" spans="8:8">
      <c r="H485511" s="12"/>
    </row>
    <row r="485512" spans="8:8">
      <c r="H485512" s="12"/>
    </row>
    <row r="485513" spans="8:8">
      <c r="H485513" s="12"/>
    </row>
    <row r="485514" spans="8:8">
      <c r="H485514" s="12"/>
    </row>
    <row r="485515" spans="8:8">
      <c r="H485515" s="12"/>
    </row>
    <row r="485516" spans="8:8">
      <c r="H485516" s="12"/>
    </row>
    <row r="485517" spans="8:8">
      <c r="H485517" s="12"/>
    </row>
    <row r="485518" spans="8:8">
      <c r="H485518" s="12"/>
    </row>
    <row r="485519" spans="8:8">
      <c r="H485519" s="12"/>
    </row>
    <row r="485520" spans="8:8">
      <c r="H485520" s="12"/>
    </row>
    <row r="485521" spans="8:8">
      <c r="H485521" s="12"/>
    </row>
    <row r="485522" spans="8:8">
      <c r="H485522" s="12"/>
    </row>
    <row r="485523" spans="8:8">
      <c r="H485523" s="12"/>
    </row>
    <row r="485524" spans="8:8">
      <c r="H485524" s="12"/>
    </row>
    <row r="485525" spans="8:8">
      <c r="H485525" s="12"/>
    </row>
    <row r="485526" spans="8:8">
      <c r="H485526" s="12"/>
    </row>
    <row r="485527" spans="8:8">
      <c r="H485527" s="12"/>
    </row>
    <row r="485528" spans="8:8">
      <c r="H485528" s="12"/>
    </row>
    <row r="485529" spans="8:8">
      <c r="H485529" s="12"/>
    </row>
    <row r="485530" spans="8:8">
      <c r="H485530" s="12"/>
    </row>
    <row r="485531" spans="8:8">
      <c r="H485531" s="12"/>
    </row>
    <row r="485532" spans="8:8">
      <c r="H485532" s="12"/>
    </row>
    <row r="485533" spans="8:8">
      <c r="H485533" s="12"/>
    </row>
    <row r="485534" spans="8:8">
      <c r="H485534" s="12"/>
    </row>
    <row r="485535" spans="8:8">
      <c r="H485535" s="12"/>
    </row>
    <row r="485536" spans="8:8">
      <c r="H485536" s="12"/>
    </row>
    <row r="485537" spans="8:8">
      <c r="H485537" s="12"/>
    </row>
    <row r="485538" spans="8:8">
      <c r="H485538" s="12"/>
    </row>
    <row r="485539" spans="8:8">
      <c r="H485539" s="12"/>
    </row>
    <row r="485540" spans="8:8">
      <c r="H485540" s="12"/>
    </row>
    <row r="485541" spans="8:8">
      <c r="H485541" s="12"/>
    </row>
    <row r="485542" spans="8:8">
      <c r="H485542" s="12"/>
    </row>
    <row r="485543" spans="8:8">
      <c r="H485543" s="12"/>
    </row>
    <row r="485544" spans="8:8">
      <c r="H485544" s="12"/>
    </row>
    <row r="485545" spans="8:8">
      <c r="H485545" s="12"/>
    </row>
    <row r="485546" spans="8:8">
      <c r="H485546" s="12"/>
    </row>
    <row r="485547" spans="8:8">
      <c r="H485547" s="12"/>
    </row>
    <row r="485548" spans="8:8">
      <c r="H485548" s="12"/>
    </row>
    <row r="485549" spans="8:8">
      <c r="H485549" s="12"/>
    </row>
    <row r="485550" spans="8:8">
      <c r="H485550" s="12"/>
    </row>
    <row r="485551" spans="8:8">
      <c r="H485551" s="12"/>
    </row>
    <row r="485552" spans="8:8">
      <c r="H485552" s="12"/>
    </row>
    <row r="485553" spans="8:8">
      <c r="H485553" s="12"/>
    </row>
    <row r="485554" spans="8:8">
      <c r="H485554" s="12"/>
    </row>
    <row r="485555" spans="8:8">
      <c r="H485555" s="12"/>
    </row>
    <row r="485556" spans="8:8">
      <c r="H485556" s="12"/>
    </row>
    <row r="485557" spans="8:8">
      <c r="H485557" s="12"/>
    </row>
    <row r="485558" spans="8:8">
      <c r="H485558" s="12"/>
    </row>
    <row r="485559" spans="8:8">
      <c r="H485559" s="12"/>
    </row>
    <row r="485560" spans="8:8">
      <c r="H485560" s="12"/>
    </row>
    <row r="485561" spans="8:8">
      <c r="H485561" s="12"/>
    </row>
    <row r="485562" spans="8:8">
      <c r="H485562" s="12"/>
    </row>
    <row r="485563" spans="8:8">
      <c r="H485563" s="12"/>
    </row>
    <row r="485564" spans="8:8">
      <c r="H485564" s="12"/>
    </row>
    <row r="485565" spans="8:8">
      <c r="H485565" s="12"/>
    </row>
    <row r="485566" spans="8:8">
      <c r="H485566" s="12"/>
    </row>
    <row r="485567" spans="8:8">
      <c r="H485567" s="12"/>
    </row>
    <row r="485568" spans="8:8">
      <c r="H485568" s="12"/>
    </row>
    <row r="485569" spans="8:8">
      <c r="H485569" s="12"/>
    </row>
    <row r="485570" spans="8:8">
      <c r="H485570" s="12"/>
    </row>
    <row r="485571" spans="8:8">
      <c r="H485571" s="12"/>
    </row>
    <row r="485572" spans="8:8">
      <c r="H485572" s="12"/>
    </row>
    <row r="485573" spans="8:8">
      <c r="H485573" s="12"/>
    </row>
    <row r="485574" spans="8:8">
      <c r="H485574" s="12"/>
    </row>
    <row r="485575" spans="8:8">
      <c r="H485575" s="12"/>
    </row>
    <row r="485576" spans="8:8">
      <c r="H485576" s="12"/>
    </row>
    <row r="485577" spans="8:8">
      <c r="H485577" s="12"/>
    </row>
    <row r="485578" spans="8:8">
      <c r="H485578" s="12"/>
    </row>
    <row r="485579" spans="8:8">
      <c r="H485579" s="12"/>
    </row>
    <row r="485580" spans="8:8">
      <c r="H485580" s="12"/>
    </row>
    <row r="485581" spans="8:8">
      <c r="H485581" s="12"/>
    </row>
    <row r="485582" spans="8:8">
      <c r="H485582" s="12"/>
    </row>
    <row r="485583" spans="8:8">
      <c r="H485583" s="12"/>
    </row>
    <row r="485584" spans="8:8">
      <c r="H485584" s="12"/>
    </row>
    <row r="485585" spans="8:8">
      <c r="H485585" s="12"/>
    </row>
    <row r="485586" spans="8:8">
      <c r="H485586" s="12"/>
    </row>
    <row r="485587" spans="8:8">
      <c r="H485587" s="12"/>
    </row>
    <row r="485588" spans="8:8">
      <c r="H485588" s="12"/>
    </row>
    <row r="485589" spans="8:8">
      <c r="H485589" s="12"/>
    </row>
    <row r="485590" spans="8:8">
      <c r="H485590" s="12"/>
    </row>
    <row r="485591" spans="8:8">
      <c r="H485591" s="12"/>
    </row>
    <row r="485592" spans="8:8">
      <c r="H485592" s="12"/>
    </row>
    <row r="485593" spans="8:8">
      <c r="H485593" s="12"/>
    </row>
    <row r="485594" spans="8:8">
      <c r="H485594" s="12"/>
    </row>
    <row r="485595" spans="8:8">
      <c r="H485595" s="12"/>
    </row>
    <row r="485596" spans="8:8">
      <c r="H485596" s="12"/>
    </row>
    <row r="485597" spans="8:8">
      <c r="H485597" s="12"/>
    </row>
    <row r="485598" spans="8:8">
      <c r="H485598" s="12"/>
    </row>
    <row r="485599" spans="8:8">
      <c r="H485599" s="12"/>
    </row>
    <row r="485600" spans="8:8">
      <c r="H485600" s="12"/>
    </row>
    <row r="485601" spans="8:8">
      <c r="H485601" s="12"/>
    </row>
    <row r="485602" spans="8:8">
      <c r="H485602" s="12"/>
    </row>
    <row r="485603" spans="8:8">
      <c r="H485603" s="12"/>
    </row>
    <row r="485604" spans="8:8">
      <c r="H485604" s="12"/>
    </row>
    <row r="485605" spans="8:8">
      <c r="H485605" s="12"/>
    </row>
    <row r="485606" spans="8:8">
      <c r="H485606" s="12"/>
    </row>
    <row r="485607" spans="8:8">
      <c r="H485607" s="12"/>
    </row>
    <row r="485608" spans="8:8">
      <c r="H485608" s="12"/>
    </row>
    <row r="485609" spans="8:8">
      <c r="H485609" s="12"/>
    </row>
    <row r="485610" spans="8:8">
      <c r="H485610" s="12"/>
    </row>
    <row r="485611" spans="8:8">
      <c r="H485611" s="12"/>
    </row>
    <row r="485612" spans="8:8">
      <c r="H485612" s="12"/>
    </row>
    <row r="485613" spans="8:8">
      <c r="H485613" s="12"/>
    </row>
    <row r="485614" spans="8:8">
      <c r="H485614" s="12"/>
    </row>
    <row r="485615" spans="8:8">
      <c r="H485615" s="12"/>
    </row>
    <row r="485616" spans="8:8">
      <c r="H485616" s="12"/>
    </row>
    <row r="485617" spans="8:8">
      <c r="H485617" s="12"/>
    </row>
    <row r="485618" spans="8:8">
      <c r="H485618" s="12"/>
    </row>
    <row r="485619" spans="8:8">
      <c r="H485619" s="12"/>
    </row>
    <row r="485620" spans="8:8">
      <c r="H485620" s="12"/>
    </row>
    <row r="485621" spans="8:8">
      <c r="H485621" s="12"/>
    </row>
    <row r="485622" spans="8:8">
      <c r="H485622" s="12"/>
    </row>
    <row r="485623" spans="8:8">
      <c r="H485623" s="12"/>
    </row>
    <row r="485624" spans="8:8">
      <c r="H485624" s="12"/>
    </row>
    <row r="485625" spans="8:8">
      <c r="H485625" s="12"/>
    </row>
    <row r="485626" spans="8:8">
      <c r="H485626" s="12"/>
    </row>
    <row r="485627" spans="8:8">
      <c r="H485627" s="12"/>
    </row>
    <row r="485628" spans="8:8">
      <c r="H485628" s="12"/>
    </row>
    <row r="485629" spans="8:8">
      <c r="H485629" s="12"/>
    </row>
    <row r="485630" spans="8:8">
      <c r="H485630" s="12"/>
    </row>
    <row r="485631" spans="8:8">
      <c r="H485631" s="12"/>
    </row>
    <row r="485632" spans="8:8">
      <c r="H485632" s="12"/>
    </row>
    <row r="485633" spans="8:8">
      <c r="H485633" s="12"/>
    </row>
    <row r="485634" spans="8:8">
      <c r="H485634" s="12"/>
    </row>
    <row r="485635" spans="8:8">
      <c r="H485635" s="12"/>
    </row>
    <row r="485636" spans="8:8">
      <c r="H485636" s="12"/>
    </row>
    <row r="485637" spans="8:8">
      <c r="H485637" s="12"/>
    </row>
    <row r="485638" spans="8:8">
      <c r="H485638" s="12"/>
    </row>
    <row r="485639" spans="8:8">
      <c r="H485639" s="12"/>
    </row>
    <row r="485640" spans="8:8">
      <c r="H485640" s="12"/>
    </row>
    <row r="485641" spans="8:8">
      <c r="H485641" s="12"/>
    </row>
    <row r="485642" spans="8:8">
      <c r="H485642" s="12"/>
    </row>
    <row r="485643" spans="8:8">
      <c r="H485643" s="12"/>
    </row>
    <row r="485644" spans="8:8">
      <c r="H485644" s="12"/>
    </row>
    <row r="485645" spans="8:8">
      <c r="H485645" s="12"/>
    </row>
    <row r="485646" spans="8:8">
      <c r="H485646" s="12"/>
    </row>
    <row r="485647" spans="8:8">
      <c r="H485647" s="12"/>
    </row>
    <row r="485648" spans="8:8">
      <c r="H485648" s="12"/>
    </row>
    <row r="485649" spans="8:8">
      <c r="H485649" s="12"/>
    </row>
    <row r="485650" spans="8:8">
      <c r="H485650" s="12"/>
    </row>
    <row r="485651" spans="8:8">
      <c r="H485651" s="12"/>
    </row>
    <row r="485652" spans="8:8">
      <c r="H485652" s="12"/>
    </row>
    <row r="485653" spans="8:8">
      <c r="H485653" s="12"/>
    </row>
    <row r="485654" spans="8:8">
      <c r="H485654" s="12"/>
    </row>
    <row r="485655" spans="8:8">
      <c r="H485655" s="12"/>
    </row>
    <row r="485656" spans="8:8">
      <c r="H485656" s="12"/>
    </row>
    <row r="485657" spans="8:8">
      <c r="H485657" s="12"/>
    </row>
    <row r="485658" spans="8:8">
      <c r="H485658" s="12"/>
    </row>
    <row r="485659" spans="8:8">
      <c r="H485659" s="12"/>
    </row>
    <row r="485660" spans="8:8">
      <c r="H485660" s="12"/>
    </row>
    <row r="485661" spans="8:8">
      <c r="H485661" s="12"/>
    </row>
    <row r="485662" spans="8:8">
      <c r="H485662" s="12"/>
    </row>
    <row r="485663" spans="8:8">
      <c r="H485663" s="12"/>
    </row>
    <row r="485664" spans="8:8">
      <c r="H485664" s="12"/>
    </row>
    <row r="485665" spans="8:8">
      <c r="H485665" s="12"/>
    </row>
    <row r="485666" spans="8:8">
      <c r="H485666" s="12"/>
    </row>
    <row r="485667" spans="8:8">
      <c r="H485667" s="12"/>
    </row>
    <row r="485668" spans="8:8">
      <c r="H485668" s="12"/>
    </row>
    <row r="485669" spans="8:8">
      <c r="H485669" s="12"/>
    </row>
    <row r="485670" spans="8:8">
      <c r="H485670" s="12"/>
    </row>
    <row r="485671" spans="8:8">
      <c r="H485671" s="12"/>
    </row>
    <row r="485672" spans="8:8">
      <c r="H485672" s="12"/>
    </row>
    <row r="485673" spans="8:8">
      <c r="H485673" s="12"/>
    </row>
    <row r="485674" spans="8:8">
      <c r="H485674" s="12"/>
    </row>
    <row r="485675" spans="8:8">
      <c r="H485675" s="12"/>
    </row>
    <row r="485676" spans="8:8">
      <c r="H485676" s="12"/>
    </row>
    <row r="485677" spans="8:8">
      <c r="H485677" s="12"/>
    </row>
    <row r="485678" spans="8:8">
      <c r="H485678" s="12"/>
    </row>
    <row r="485679" spans="8:8">
      <c r="H485679" s="12"/>
    </row>
    <row r="485680" spans="8:8">
      <c r="H485680" s="12"/>
    </row>
    <row r="485681" spans="8:8">
      <c r="H485681" s="12"/>
    </row>
    <row r="485682" spans="8:8">
      <c r="H485682" s="12"/>
    </row>
    <row r="485683" spans="8:8">
      <c r="H485683" s="12"/>
    </row>
    <row r="485684" spans="8:8">
      <c r="H485684" s="12"/>
    </row>
    <row r="485685" spans="8:8">
      <c r="H485685" s="12"/>
    </row>
    <row r="485686" spans="8:8">
      <c r="H485686" s="12"/>
    </row>
    <row r="485687" spans="8:8">
      <c r="H485687" s="12"/>
    </row>
    <row r="485688" spans="8:8">
      <c r="H485688" s="12"/>
    </row>
    <row r="485689" spans="8:8">
      <c r="H485689" s="12"/>
    </row>
    <row r="485690" spans="8:8">
      <c r="H485690" s="12"/>
    </row>
    <row r="485691" spans="8:8">
      <c r="H485691" s="12"/>
    </row>
    <row r="485692" spans="8:8">
      <c r="H485692" s="12"/>
    </row>
    <row r="485693" spans="8:8">
      <c r="H485693" s="12"/>
    </row>
    <row r="485694" spans="8:8">
      <c r="H485694" s="12"/>
    </row>
    <row r="485695" spans="8:8">
      <c r="H485695" s="12"/>
    </row>
    <row r="485696" spans="8:8">
      <c r="H485696" s="12"/>
    </row>
    <row r="485697" spans="8:8">
      <c r="H485697" s="12"/>
    </row>
    <row r="485698" spans="8:8">
      <c r="H485698" s="12"/>
    </row>
    <row r="485699" spans="8:8">
      <c r="H485699" s="12"/>
    </row>
    <row r="485700" spans="8:8">
      <c r="H485700" s="12"/>
    </row>
    <row r="485701" spans="8:8">
      <c r="H485701" s="12"/>
    </row>
    <row r="485702" spans="8:8">
      <c r="H485702" s="12"/>
    </row>
    <row r="485703" spans="8:8">
      <c r="H485703" s="12"/>
    </row>
    <row r="485704" spans="8:8">
      <c r="H485704" s="12"/>
    </row>
    <row r="485705" spans="8:8">
      <c r="H485705" s="12"/>
    </row>
    <row r="485706" spans="8:8">
      <c r="H485706" s="12"/>
    </row>
    <row r="485707" spans="8:8">
      <c r="H485707" s="12"/>
    </row>
    <row r="485708" spans="8:8">
      <c r="H485708" s="12"/>
    </row>
    <row r="485709" spans="8:8">
      <c r="H485709" s="12"/>
    </row>
    <row r="485710" spans="8:8">
      <c r="H485710" s="12"/>
    </row>
    <row r="485711" spans="8:8">
      <c r="H485711" s="12"/>
    </row>
    <row r="485712" spans="8:8">
      <c r="H485712" s="12"/>
    </row>
    <row r="485713" spans="8:8">
      <c r="H485713" s="12"/>
    </row>
    <row r="485714" spans="8:8">
      <c r="H485714" s="12"/>
    </row>
    <row r="485715" spans="8:8">
      <c r="H485715" s="12"/>
    </row>
    <row r="485716" spans="8:8">
      <c r="H485716" s="12"/>
    </row>
    <row r="485717" spans="8:8">
      <c r="H485717" s="12"/>
    </row>
    <row r="485718" spans="8:8">
      <c r="H485718" s="12"/>
    </row>
    <row r="485719" spans="8:8">
      <c r="H485719" s="12"/>
    </row>
    <row r="485720" spans="8:8">
      <c r="H485720" s="12"/>
    </row>
    <row r="485721" spans="8:8">
      <c r="H485721" s="12"/>
    </row>
    <row r="485722" spans="8:8">
      <c r="H485722" s="12"/>
    </row>
    <row r="485723" spans="8:8">
      <c r="H485723" s="12"/>
    </row>
    <row r="485724" spans="8:8">
      <c r="H485724" s="12"/>
    </row>
    <row r="485725" spans="8:8">
      <c r="H485725" s="12"/>
    </row>
    <row r="485726" spans="8:8">
      <c r="H485726" s="12"/>
    </row>
    <row r="485727" spans="8:8">
      <c r="H485727" s="12"/>
    </row>
    <row r="485728" spans="8:8">
      <c r="H485728" s="12"/>
    </row>
    <row r="485729" spans="8:8">
      <c r="H485729" s="12"/>
    </row>
    <row r="485730" spans="8:8">
      <c r="H485730" s="12"/>
    </row>
    <row r="485731" spans="8:8">
      <c r="H485731" s="12"/>
    </row>
    <row r="485732" spans="8:8">
      <c r="H485732" s="12"/>
    </row>
    <row r="485733" spans="8:8">
      <c r="H485733" s="12"/>
    </row>
    <row r="485734" spans="8:8">
      <c r="H485734" s="12"/>
    </row>
    <row r="485735" spans="8:8">
      <c r="H485735" s="12"/>
    </row>
    <row r="485736" spans="8:8">
      <c r="H485736" s="12"/>
    </row>
    <row r="485737" spans="8:8">
      <c r="H485737" s="12"/>
    </row>
    <row r="485738" spans="8:8">
      <c r="H485738" s="12"/>
    </row>
    <row r="485739" spans="8:8">
      <c r="H485739" s="12"/>
    </row>
    <row r="485740" spans="8:8">
      <c r="H485740" s="12"/>
    </row>
    <row r="485741" spans="8:8">
      <c r="H485741" s="12"/>
    </row>
    <row r="485742" spans="8:8">
      <c r="H485742" s="12"/>
    </row>
    <row r="485743" spans="8:8">
      <c r="H485743" s="12"/>
    </row>
    <row r="485744" spans="8:8">
      <c r="H485744" s="12"/>
    </row>
    <row r="485745" spans="8:8">
      <c r="H485745" s="12"/>
    </row>
    <row r="485746" spans="8:8">
      <c r="H485746" s="12"/>
    </row>
    <row r="485747" spans="8:8">
      <c r="H485747" s="12"/>
    </row>
    <row r="485748" spans="8:8">
      <c r="H485748" s="12"/>
    </row>
    <row r="485749" spans="8:8">
      <c r="H485749" s="12"/>
    </row>
    <row r="485750" spans="8:8">
      <c r="H485750" s="12"/>
    </row>
    <row r="485751" spans="8:8">
      <c r="H485751" s="12"/>
    </row>
    <row r="485752" spans="8:8">
      <c r="H485752" s="12"/>
    </row>
    <row r="485753" spans="8:8">
      <c r="H485753" s="12"/>
    </row>
    <row r="485754" spans="8:8">
      <c r="H485754" s="12"/>
    </row>
    <row r="485755" spans="8:8">
      <c r="H485755" s="12"/>
    </row>
    <row r="485756" spans="8:8">
      <c r="H485756" s="12"/>
    </row>
    <row r="485757" spans="8:8">
      <c r="H485757" s="12"/>
    </row>
    <row r="485758" spans="8:8">
      <c r="H485758" s="12"/>
    </row>
    <row r="485759" spans="8:8">
      <c r="H485759" s="12"/>
    </row>
    <row r="485760" spans="8:8">
      <c r="H485760" s="12"/>
    </row>
    <row r="485761" spans="8:8">
      <c r="H485761" s="12"/>
    </row>
    <row r="485762" spans="8:8">
      <c r="H485762" s="12"/>
    </row>
    <row r="485763" spans="8:8">
      <c r="H485763" s="12"/>
    </row>
    <row r="485764" spans="8:8">
      <c r="H485764" s="12"/>
    </row>
    <row r="485765" spans="8:8">
      <c r="H485765" s="12"/>
    </row>
    <row r="485766" spans="8:8">
      <c r="H485766" s="12"/>
    </row>
    <row r="485767" spans="8:8">
      <c r="H485767" s="12"/>
    </row>
    <row r="485768" spans="8:8">
      <c r="H485768" s="12"/>
    </row>
    <row r="485769" spans="8:8">
      <c r="H485769" s="12"/>
    </row>
    <row r="485770" spans="8:8">
      <c r="H485770" s="12"/>
    </row>
    <row r="485771" spans="8:8">
      <c r="H485771" s="12"/>
    </row>
    <row r="485772" spans="8:8">
      <c r="H485772" s="12"/>
    </row>
    <row r="485773" spans="8:8">
      <c r="H485773" s="12"/>
    </row>
    <row r="485774" spans="8:8">
      <c r="H485774" s="12"/>
    </row>
    <row r="485775" spans="8:8">
      <c r="H485775" s="12"/>
    </row>
    <row r="485776" spans="8:8">
      <c r="H485776" s="12"/>
    </row>
    <row r="485777" spans="8:8">
      <c r="H485777" s="12"/>
    </row>
    <row r="485778" spans="8:8">
      <c r="H485778" s="12"/>
    </row>
    <row r="485779" spans="8:8">
      <c r="H485779" s="12"/>
    </row>
    <row r="485780" spans="8:8">
      <c r="H485780" s="12"/>
    </row>
    <row r="485781" spans="8:8">
      <c r="H485781" s="12"/>
    </row>
    <row r="485782" spans="8:8">
      <c r="H485782" s="12"/>
    </row>
    <row r="485783" spans="8:8">
      <c r="H485783" s="12"/>
    </row>
    <row r="485784" spans="8:8">
      <c r="H485784" s="12"/>
    </row>
    <row r="485785" spans="8:8">
      <c r="H485785" s="12"/>
    </row>
    <row r="485786" spans="8:8">
      <c r="H485786" s="12"/>
    </row>
    <row r="485787" spans="8:8">
      <c r="H485787" s="12"/>
    </row>
    <row r="485788" spans="8:8">
      <c r="H485788" s="12"/>
    </row>
    <row r="485789" spans="8:8">
      <c r="H485789" s="12"/>
    </row>
    <row r="485790" spans="8:8">
      <c r="H485790" s="12"/>
    </row>
    <row r="485791" spans="8:8">
      <c r="H485791" s="12"/>
    </row>
    <row r="485792" spans="8:8">
      <c r="H485792" s="12"/>
    </row>
    <row r="485793" spans="8:8">
      <c r="H485793" s="12"/>
    </row>
    <row r="485794" spans="8:8">
      <c r="H485794" s="12"/>
    </row>
    <row r="485795" spans="8:8">
      <c r="H485795" s="12"/>
    </row>
    <row r="485796" spans="8:8">
      <c r="H485796" s="12"/>
    </row>
    <row r="485797" spans="8:8">
      <c r="H485797" s="12"/>
    </row>
    <row r="485798" spans="8:8">
      <c r="H485798" s="12"/>
    </row>
    <row r="485799" spans="8:8">
      <c r="H485799" s="12"/>
    </row>
    <row r="485800" spans="8:8">
      <c r="H485800" s="12"/>
    </row>
    <row r="485801" spans="8:8">
      <c r="H485801" s="12"/>
    </row>
    <row r="485802" spans="8:8">
      <c r="H485802" s="12"/>
    </row>
    <row r="485803" spans="8:8">
      <c r="H485803" s="12"/>
    </row>
    <row r="485804" spans="8:8">
      <c r="H485804" s="12"/>
    </row>
    <row r="485805" spans="8:8">
      <c r="H485805" s="12"/>
    </row>
    <row r="485806" spans="8:8">
      <c r="H485806" s="12"/>
    </row>
    <row r="485807" spans="8:8">
      <c r="H485807" s="12"/>
    </row>
    <row r="485808" spans="8:8">
      <c r="H485808" s="12"/>
    </row>
    <row r="485809" spans="8:8">
      <c r="H485809" s="12"/>
    </row>
    <row r="485810" spans="8:8">
      <c r="H485810" s="12"/>
    </row>
    <row r="485811" spans="8:8">
      <c r="H485811" s="12"/>
    </row>
    <row r="485812" spans="8:8">
      <c r="H485812" s="12"/>
    </row>
    <row r="485813" spans="8:8">
      <c r="H485813" s="12"/>
    </row>
    <row r="485814" spans="8:8">
      <c r="H485814" s="12"/>
    </row>
    <row r="485815" spans="8:8">
      <c r="H485815" s="12"/>
    </row>
    <row r="485816" spans="8:8">
      <c r="H485816" s="12"/>
    </row>
    <row r="485817" spans="8:8">
      <c r="H485817" s="12"/>
    </row>
    <row r="485818" spans="8:8">
      <c r="H485818" s="12"/>
    </row>
    <row r="485819" spans="8:8">
      <c r="H485819" s="12"/>
    </row>
    <row r="485820" spans="8:8">
      <c r="H485820" s="12"/>
    </row>
    <row r="485821" spans="8:8">
      <c r="H485821" s="12"/>
    </row>
    <row r="485822" spans="8:8">
      <c r="H485822" s="12"/>
    </row>
    <row r="485823" spans="8:8">
      <c r="H485823" s="12"/>
    </row>
    <row r="485824" spans="8:8">
      <c r="H485824" s="12"/>
    </row>
    <row r="485825" spans="8:8">
      <c r="H485825" s="12"/>
    </row>
    <row r="485826" spans="8:8">
      <c r="H485826" s="12"/>
    </row>
    <row r="485827" spans="8:8">
      <c r="H485827" s="12"/>
    </row>
    <row r="485828" spans="8:8">
      <c r="H485828" s="12"/>
    </row>
    <row r="485829" spans="8:8">
      <c r="H485829" s="12"/>
    </row>
    <row r="485830" spans="8:8">
      <c r="H485830" s="12"/>
    </row>
    <row r="485831" spans="8:8">
      <c r="H485831" s="12"/>
    </row>
    <row r="485832" spans="8:8">
      <c r="H485832" s="12"/>
    </row>
    <row r="485833" spans="8:8">
      <c r="H485833" s="12"/>
    </row>
    <row r="485834" spans="8:8">
      <c r="H485834" s="12"/>
    </row>
    <row r="485835" spans="8:8">
      <c r="H485835" s="12"/>
    </row>
    <row r="485836" spans="8:8">
      <c r="H485836" s="12"/>
    </row>
    <row r="485837" spans="8:8">
      <c r="H485837" s="12"/>
    </row>
    <row r="485838" spans="8:8">
      <c r="H485838" s="12"/>
    </row>
    <row r="485839" spans="8:8">
      <c r="H485839" s="12"/>
    </row>
    <row r="485840" spans="8:8">
      <c r="H485840" s="12"/>
    </row>
    <row r="485841" spans="8:8">
      <c r="H485841" s="12"/>
    </row>
    <row r="485842" spans="8:8">
      <c r="H485842" s="12"/>
    </row>
    <row r="485843" spans="8:8">
      <c r="H485843" s="12"/>
    </row>
    <row r="485844" spans="8:8">
      <c r="H485844" s="12"/>
    </row>
    <row r="485845" spans="8:8">
      <c r="H485845" s="12"/>
    </row>
    <row r="485846" spans="8:8">
      <c r="H485846" s="12"/>
    </row>
    <row r="485847" spans="8:8">
      <c r="H485847" s="12"/>
    </row>
    <row r="485848" spans="8:8">
      <c r="H485848" s="12"/>
    </row>
    <row r="485849" spans="8:8">
      <c r="H485849" s="12"/>
    </row>
    <row r="485850" spans="8:8">
      <c r="H485850" s="12"/>
    </row>
    <row r="485851" spans="8:8">
      <c r="H485851" s="12"/>
    </row>
    <row r="485852" spans="8:8">
      <c r="H485852" s="12"/>
    </row>
    <row r="485853" spans="8:8">
      <c r="H485853" s="12"/>
    </row>
    <row r="485854" spans="8:8">
      <c r="H485854" s="12"/>
    </row>
    <row r="485855" spans="8:8">
      <c r="H485855" s="12"/>
    </row>
    <row r="485856" spans="8:8">
      <c r="H485856" s="12"/>
    </row>
    <row r="485857" spans="8:8">
      <c r="H485857" s="12"/>
    </row>
    <row r="485858" spans="8:8">
      <c r="H485858" s="12"/>
    </row>
    <row r="485859" spans="8:8">
      <c r="H485859" s="12"/>
    </row>
    <row r="485860" spans="8:8">
      <c r="H485860" s="12"/>
    </row>
    <row r="485861" spans="8:8">
      <c r="H485861" s="12"/>
    </row>
    <row r="485862" spans="8:8">
      <c r="H485862" s="12"/>
    </row>
    <row r="485863" spans="8:8">
      <c r="H485863" s="12"/>
    </row>
    <row r="485864" spans="8:8">
      <c r="H485864" s="12"/>
    </row>
    <row r="485865" spans="8:8">
      <c r="H485865" s="12"/>
    </row>
    <row r="485866" spans="8:8">
      <c r="H485866" s="12"/>
    </row>
    <row r="485867" spans="8:8">
      <c r="H485867" s="12"/>
    </row>
    <row r="485868" spans="8:8">
      <c r="H485868" s="12"/>
    </row>
    <row r="485869" spans="8:8">
      <c r="H485869" s="12"/>
    </row>
    <row r="485870" spans="8:8">
      <c r="H485870" s="12"/>
    </row>
    <row r="485871" spans="8:8">
      <c r="H485871" s="12"/>
    </row>
    <row r="485872" spans="8:8">
      <c r="H485872" s="12"/>
    </row>
    <row r="485873" spans="8:8">
      <c r="H485873" s="12"/>
    </row>
    <row r="485874" spans="8:8">
      <c r="H485874" s="12"/>
    </row>
    <row r="485875" spans="8:8">
      <c r="H485875" s="12"/>
    </row>
    <row r="485876" spans="8:8">
      <c r="H485876" s="12"/>
    </row>
    <row r="485877" spans="8:8">
      <c r="H485877" s="12"/>
    </row>
    <row r="485878" spans="8:8">
      <c r="H485878" s="12"/>
    </row>
    <row r="485879" spans="8:8">
      <c r="H485879" s="12"/>
    </row>
    <row r="485880" spans="8:8">
      <c r="H485880" s="12"/>
    </row>
    <row r="485881" spans="8:8">
      <c r="H485881" s="12"/>
    </row>
    <row r="485882" spans="8:8">
      <c r="H485882" s="12"/>
    </row>
    <row r="485883" spans="8:8">
      <c r="H485883" s="12"/>
    </row>
    <row r="485884" spans="8:8">
      <c r="H485884" s="12"/>
    </row>
    <row r="485885" spans="8:8">
      <c r="H485885" s="12"/>
    </row>
    <row r="485886" spans="8:8">
      <c r="H485886" s="12"/>
    </row>
    <row r="485887" spans="8:8">
      <c r="H485887" s="12"/>
    </row>
    <row r="485888" spans="8:8">
      <c r="H485888" s="12"/>
    </row>
    <row r="485889" spans="8:8">
      <c r="H485889" s="12"/>
    </row>
    <row r="485890" spans="8:8">
      <c r="H485890" s="12"/>
    </row>
    <row r="485891" spans="8:8">
      <c r="H485891" s="12"/>
    </row>
    <row r="485892" spans="8:8">
      <c r="H485892" s="12"/>
    </row>
    <row r="485893" spans="8:8">
      <c r="H485893" s="12"/>
    </row>
    <row r="485894" spans="8:8">
      <c r="H485894" s="12"/>
    </row>
    <row r="485895" spans="8:8">
      <c r="H485895" s="12"/>
    </row>
    <row r="485896" spans="8:8">
      <c r="H485896" s="12"/>
    </row>
    <row r="485897" spans="8:8">
      <c r="H485897" s="12"/>
    </row>
    <row r="485898" spans="8:8">
      <c r="H485898" s="12"/>
    </row>
    <row r="485899" spans="8:8">
      <c r="H485899" s="12"/>
    </row>
    <row r="485900" spans="8:8">
      <c r="H485900" s="12"/>
    </row>
    <row r="485901" spans="8:8">
      <c r="H485901" s="12"/>
    </row>
    <row r="485902" spans="8:8">
      <c r="H485902" s="12"/>
    </row>
    <row r="485903" spans="8:8">
      <c r="H485903" s="12"/>
    </row>
    <row r="485904" spans="8:8">
      <c r="H485904" s="12"/>
    </row>
    <row r="485905" spans="8:8">
      <c r="H485905" s="12"/>
    </row>
    <row r="485906" spans="8:8">
      <c r="H485906" s="12"/>
    </row>
    <row r="485907" spans="8:8">
      <c r="H485907" s="12"/>
    </row>
    <row r="485908" spans="8:8">
      <c r="H485908" s="12"/>
    </row>
    <row r="485909" spans="8:8">
      <c r="H485909" s="12"/>
    </row>
    <row r="485910" spans="8:8">
      <c r="H485910" s="12"/>
    </row>
    <row r="485911" spans="8:8">
      <c r="H485911" s="12"/>
    </row>
    <row r="485912" spans="8:8">
      <c r="H485912" s="12"/>
    </row>
    <row r="485913" spans="8:8">
      <c r="H485913" s="12"/>
    </row>
    <row r="485914" spans="8:8">
      <c r="H485914" s="12"/>
    </row>
    <row r="485915" spans="8:8">
      <c r="H485915" s="12"/>
    </row>
    <row r="485916" spans="8:8">
      <c r="H485916" s="12"/>
    </row>
    <row r="485917" spans="8:8">
      <c r="H485917" s="12"/>
    </row>
    <row r="485918" spans="8:8">
      <c r="H485918" s="12"/>
    </row>
    <row r="485919" spans="8:8">
      <c r="H485919" s="12"/>
    </row>
    <row r="485920" spans="8:8">
      <c r="H485920" s="12"/>
    </row>
    <row r="485921" spans="8:8">
      <c r="H485921" s="12"/>
    </row>
    <row r="485922" spans="8:8">
      <c r="H485922" s="12"/>
    </row>
    <row r="485923" spans="8:8">
      <c r="H485923" s="12"/>
    </row>
    <row r="485924" spans="8:8">
      <c r="H485924" s="12"/>
    </row>
    <row r="485925" spans="8:8">
      <c r="H485925" s="12"/>
    </row>
    <row r="485926" spans="8:8">
      <c r="H485926" s="12"/>
    </row>
    <row r="485927" spans="8:8">
      <c r="H485927" s="12"/>
    </row>
    <row r="485928" spans="8:8">
      <c r="H485928" s="12"/>
    </row>
    <row r="485929" spans="8:8">
      <c r="H485929" s="12"/>
    </row>
    <row r="485930" spans="8:8">
      <c r="H485930" s="12"/>
    </row>
    <row r="485931" spans="8:8">
      <c r="H485931" s="12"/>
    </row>
    <row r="485932" spans="8:8">
      <c r="H485932" s="12"/>
    </row>
    <row r="485933" spans="8:8">
      <c r="H485933" s="12"/>
    </row>
    <row r="485934" spans="8:8">
      <c r="H485934" s="12"/>
    </row>
    <row r="485935" spans="8:8">
      <c r="H485935" s="12"/>
    </row>
    <row r="485936" spans="8:8">
      <c r="H485936" s="12"/>
    </row>
    <row r="485937" spans="8:8">
      <c r="H485937" s="12"/>
    </row>
    <row r="485938" spans="8:8">
      <c r="H485938" s="12"/>
    </row>
    <row r="485939" spans="8:8">
      <c r="H485939" s="12"/>
    </row>
    <row r="485940" spans="8:8">
      <c r="H485940" s="12"/>
    </row>
    <row r="485941" spans="8:8">
      <c r="H485941" s="12"/>
    </row>
    <row r="485942" spans="8:8">
      <c r="H485942" s="12"/>
    </row>
    <row r="485943" spans="8:8">
      <c r="H485943" s="12"/>
    </row>
    <row r="485944" spans="8:8">
      <c r="H485944" s="12"/>
    </row>
    <row r="485945" spans="8:8">
      <c r="H485945" s="12"/>
    </row>
    <row r="485946" spans="8:8">
      <c r="H485946" s="12"/>
    </row>
    <row r="485947" spans="8:8">
      <c r="H485947" s="12"/>
    </row>
    <row r="485948" spans="8:8">
      <c r="H485948" s="12"/>
    </row>
    <row r="485949" spans="8:8">
      <c r="H485949" s="12"/>
    </row>
    <row r="485950" spans="8:8">
      <c r="H485950" s="12"/>
    </row>
    <row r="485951" spans="8:8">
      <c r="H485951" s="12"/>
    </row>
    <row r="485952" spans="8:8">
      <c r="H485952" s="12"/>
    </row>
    <row r="485953" spans="8:8">
      <c r="H485953" s="12"/>
    </row>
    <row r="485954" spans="8:8">
      <c r="H485954" s="12"/>
    </row>
    <row r="485955" spans="8:8">
      <c r="H485955" s="12"/>
    </row>
    <row r="485956" spans="8:8">
      <c r="H485956" s="12"/>
    </row>
    <row r="485957" spans="8:8">
      <c r="H485957" s="12"/>
    </row>
    <row r="485958" spans="8:8">
      <c r="H485958" s="12"/>
    </row>
    <row r="485959" spans="8:8">
      <c r="H485959" s="12"/>
    </row>
    <row r="485960" spans="8:8">
      <c r="H485960" s="12"/>
    </row>
    <row r="485961" spans="8:8">
      <c r="H485961" s="12"/>
    </row>
    <row r="485962" spans="8:8">
      <c r="H485962" s="12"/>
    </row>
    <row r="485963" spans="8:8">
      <c r="H485963" s="12"/>
    </row>
    <row r="485964" spans="8:8">
      <c r="H485964" s="12"/>
    </row>
    <row r="485965" spans="8:8">
      <c r="H485965" s="12"/>
    </row>
    <row r="485966" spans="8:8">
      <c r="H485966" s="12"/>
    </row>
    <row r="485967" spans="8:8">
      <c r="H485967" s="12"/>
    </row>
    <row r="485968" spans="8:8">
      <c r="H485968" s="12"/>
    </row>
    <row r="485969" spans="8:8">
      <c r="H485969" s="12"/>
    </row>
    <row r="485970" spans="8:8">
      <c r="H485970" s="12"/>
    </row>
    <row r="485971" spans="8:8">
      <c r="H485971" s="12"/>
    </row>
    <row r="485972" spans="8:8">
      <c r="H485972" s="12"/>
    </row>
    <row r="485973" spans="8:8">
      <c r="H485973" s="12"/>
    </row>
    <row r="485974" spans="8:8">
      <c r="H485974" s="12"/>
    </row>
    <row r="485975" spans="8:8">
      <c r="H485975" s="12"/>
    </row>
    <row r="485976" spans="8:8">
      <c r="H485976" s="12"/>
    </row>
    <row r="485977" spans="8:8">
      <c r="H485977" s="12"/>
    </row>
    <row r="485978" spans="8:8">
      <c r="H485978" s="12"/>
    </row>
    <row r="485979" spans="8:8">
      <c r="H485979" s="12"/>
    </row>
    <row r="485980" spans="8:8">
      <c r="H485980" s="12"/>
    </row>
    <row r="485981" spans="8:8">
      <c r="H485981" s="12"/>
    </row>
    <row r="485982" spans="8:8">
      <c r="H485982" s="12"/>
    </row>
    <row r="485983" spans="8:8">
      <c r="H485983" s="12"/>
    </row>
    <row r="485984" spans="8:8">
      <c r="H485984" s="12"/>
    </row>
    <row r="485985" spans="8:8">
      <c r="H485985" s="12"/>
    </row>
    <row r="485986" spans="8:8">
      <c r="H485986" s="12"/>
    </row>
    <row r="485987" spans="8:8">
      <c r="H485987" s="12"/>
    </row>
    <row r="485988" spans="8:8">
      <c r="H485988" s="12"/>
    </row>
    <row r="485989" spans="8:8">
      <c r="H485989" s="12"/>
    </row>
    <row r="485990" spans="8:8">
      <c r="H485990" s="12"/>
    </row>
    <row r="485991" spans="8:8">
      <c r="H485991" s="12"/>
    </row>
    <row r="485992" spans="8:8">
      <c r="H485992" s="12"/>
    </row>
    <row r="485993" spans="8:8">
      <c r="H485993" s="12"/>
    </row>
    <row r="485994" spans="8:8">
      <c r="H485994" s="12"/>
    </row>
    <row r="485995" spans="8:8">
      <c r="H485995" s="12"/>
    </row>
    <row r="485996" spans="8:8">
      <c r="H485996" s="12"/>
    </row>
    <row r="485997" spans="8:8">
      <c r="H485997" s="12"/>
    </row>
    <row r="485998" spans="8:8">
      <c r="H485998" s="12"/>
    </row>
    <row r="485999" spans="8:8">
      <c r="H485999" s="12"/>
    </row>
    <row r="486000" spans="8:8">
      <c r="H486000" s="12"/>
    </row>
    <row r="486001" spans="8:8">
      <c r="H486001" s="12"/>
    </row>
    <row r="486002" spans="8:8">
      <c r="H486002" s="12"/>
    </row>
    <row r="486003" spans="8:8">
      <c r="H486003" s="12"/>
    </row>
    <row r="486004" spans="8:8">
      <c r="H486004" s="12"/>
    </row>
    <row r="486005" spans="8:8">
      <c r="H486005" s="12"/>
    </row>
    <row r="486006" spans="8:8">
      <c r="H486006" s="12"/>
    </row>
    <row r="486007" spans="8:8">
      <c r="H486007" s="12"/>
    </row>
    <row r="486008" spans="8:8">
      <c r="H486008" s="12"/>
    </row>
    <row r="486009" spans="8:8">
      <c r="H486009" s="12"/>
    </row>
    <row r="486010" spans="8:8">
      <c r="H486010" s="12"/>
    </row>
    <row r="486011" spans="8:8">
      <c r="H486011" s="12"/>
    </row>
    <row r="486012" spans="8:8">
      <c r="H486012" s="12"/>
    </row>
    <row r="486013" spans="8:8">
      <c r="H486013" s="12"/>
    </row>
    <row r="486014" spans="8:8">
      <c r="H486014" s="12"/>
    </row>
    <row r="486015" spans="8:8">
      <c r="H486015" s="12"/>
    </row>
    <row r="486016" spans="8:8">
      <c r="H486016" s="12"/>
    </row>
    <row r="486017" spans="8:8">
      <c r="H486017" s="12"/>
    </row>
    <row r="486018" spans="8:8">
      <c r="H486018" s="12"/>
    </row>
    <row r="486019" spans="8:8">
      <c r="H486019" s="12"/>
    </row>
    <row r="486020" spans="8:8">
      <c r="H486020" s="12"/>
    </row>
    <row r="486021" spans="8:8">
      <c r="H486021" s="12"/>
    </row>
    <row r="486022" spans="8:8">
      <c r="H486022" s="12"/>
    </row>
    <row r="486023" spans="8:8">
      <c r="H486023" s="12"/>
    </row>
    <row r="486024" spans="8:8">
      <c r="H486024" s="12"/>
    </row>
    <row r="486025" spans="8:8">
      <c r="H486025" s="12"/>
    </row>
    <row r="486026" spans="8:8">
      <c r="H486026" s="12"/>
    </row>
    <row r="486027" spans="8:8">
      <c r="H486027" s="12"/>
    </row>
    <row r="486028" spans="8:8">
      <c r="H486028" s="12"/>
    </row>
    <row r="486029" spans="8:8">
      <c r="H486029" s="12"/>
    </row>
    <row r="486030" spans="8:8">
      <c r="H486030" s="12"/>
    </row>
    <row r="486031" spans="8:8">
      <c r="H486031" s="12"/>
    </row>
    <row r="486032" spans="8:8">
      <c r="H486032" s="12"/>
    </row>
    <row r="486033" spans="8:8">
      <c r="H486033" s="12"/>
    </row>
    <row r="486034" spans="8:8">
      <c r="H486034" s="12"/>
    </row>
    <row r="486035" spans="8:8">
      <c r="H486035" s="12"/>
    </row>
    <row r="486036" spans="8:8">
      <c r="H486036" s="12"/>
    </row>
    <row r="486037" spans="8:8">
      <c r="H486037" s="12"/>
    </row>
    <row r="486038" spans="8:8">
      <c r="H486038" s="12"/>
    </row>
    <row r="486039" spans="8:8">
      <c r="H486039" s="12"/>
    </row>
    <row r="486040" spans="8:8">
      <c r="H486040" s="12"/>
    </row>
    <row r="486041" spans="8:8">
      <c r="H486041" s="12"/>
    </row>
    <row r="486042" spans="8:8">
      <c r="H486042" s="12"/>
    </row>
    <row r="486043" spans="8:8">
      <c r="H486043" s="12"/>
    </row>
    <row r="486044" spans="8:8">
      <c r="H486044" s="12"/>
    </row>
    <row r="486045" spans="8:8">
      <c r="H486045" s="12"/>
    </row>
    <row r="486046" spans="8:8">
      <c r="H486046" s="12"/>
    </row>
    <row r="486047" spans="8:8">
      <c r="H486047" s="12"/>
    </row>
    <row r="486048" spans="8:8">
      <c r="H486048" s="12"/>
    </row>
    <row r="486049" spans="8:8">
      <c r="H486049" s="12"/>
    </row>
    <row r="486050" spans="8:8">
      <c r="H486050" s="12"/>
    </row>
    <row r="486051" spans="8:8">
      <c r="H486051" s="12"/>
    </row>
    <row r="486052" spans="8:8">
      <c r="H486052" s="12"/>
    </row>
    <row r="486053" spans="8:8">
      <c r="H486053" s="12"/>
    </row>
    <row r="486054" spans="8:8">
      <c r="H486054" s="12"/>
    </row>
    <row r="486055" spans="8:8">
      <c r="H486055" s="12"/>
    </row>
    <row r="486056" spans="8:8">
      <c r="H486056" s="12"/>
    </row>
    <row r="486057" spans="8:8">
      <c r="H486057" s="12"/>
    </row>
    <row r="486058" spans="8:8">
      <c r="H486058" s="12"/>
    </row>
    <row r="486059" spans="8:8">
      <c r="H486059" s="12"/>
    </row>
    <row r="486060" spans="8:8">
      <c r="H486060" s="12"/>
    </row>
    <row r="486061" spans="8:8">
      <c r="H486061" s="12"/>
    </row>
    <row r="486062" spans="8:8">
      <c r="H486062" s="12"/>
    </row>
    <row r="486063" spans="8:8">
      <c r="H486063" s="12"/>
    </row>
    <row r="486064" spans="8:8">
      <c r="H486064" s="12"/>
    </row>
    <row r="486065" spans="8:8">
      <c r="H486065" s="12"/>
    </row>
    <row r="486066" spans="8:8">
      <c r="H486066" s="12"/>
    </row>
    <row r="486067" spans="8:8">
      <c r="H486067" s="12"/>
    </row>
    <row r="486068" spans="8:8">
      <c r="H486068" s="12"/>
    </row>
    <row r="486069" spans="8:8">
      <c r="H486069" s="12"/>
    </row>
    <row r="486070" spans="8:8">
      <c r="H486070" s="12"/>
    </row>
    <row r="486071" spans="8:8">
      <c r="H486071" s="12"/>
    </row>
    <row r="486072" spans="8:8">
      <c r="H486072" s="12"/>
    </row>
    <row r="486073" spans="8:8">
      <c r="H486073" s="12"/>
    </row>
    <row r="486074" spans="8:8">
      <c r="H486074" s="12"/>
    </row>
    <row r="486075" spans="8:8">
      <c r="H486075" s="12"/>
    </row>
    <row r="486076" spans="8:8">
      <c r="H486076" s="12"/>
    </row>
    <row r="486077" spans="8:8">
      <c r="H486077" s="12"/>
    </row>
    <row r="486078" spans="8:8">
      <c r="H486078" s="12"/>
    </row>
    <row r="486079" spans="8:8">
      <c r="H486079" s="12"/>
    </row>
    <row r="486080" spans="8:8">
      <c r="H486080" s="12"/>
    </row>
    <row r="486081" spans="8:8">
      <c r="H486081" s="12"/>
    </row>
    <row r="486082" spans="8:8">
      <c r="H486082" s="12"/>
    </row>
    <row r="486083" spans="8:8">
      <c r="H486083" s="12"/>
    </row>
    <row r="486084" spans="8:8">
      <c r="H486084" s="12"/>
    </row>
    <row r="486085" spans="8:8">
      <c r="H486085" s="12"/>
    </row>
    <row r="486086" spans="8:8">
      <c r="H486086" s="12"/>
    </row>
    <row r="486087" spans="8:8">
      <c r="H486087" s="12"/>
    </row>
    <row r="486088" spans="8:8">
      <c r="H486088" s="12"/>
    </row>
    <row r="486089" spans="8:8">
      <c r="H486089" s="12"/>
    </row>
    <row r="486090" spans="8:8">
      <c r="H486090" s="12"/>
    </row>
    <row r="486091" spans="8:8">
      <c r="H486091" s="12"/>
    </row>
    <row r="486092" spans="8:8">
      <c r="H486092" s="12"/>
    </row>
    <row r="486093" spans="8:8">
      <c r="H486093" s="12"/>
    </row>
    <row r="486094" spans="8:8">
      <c r="H486094" s="12"/>
    </row>
    <row r="486095" spans="8:8">
      <c r="H486095" s="12"/>
    </row>
    <row r="486096" spans="8:8">
      <c r="H486096" s="12"/>
    </row>
    <row r="486097" spans="8:8">
      <c r="H486097" s="12"/>
    </row>
    <row r="486098" spans="8:8">
      <c r="H486098" s="12"/>
    </row>
    <row r="486099" spans="8:8">
      <c r="H486099" s="12"/>
    </row>
    <row r="486100" spans="8:8">
      <c r="H486100" s="12"/>
    </row>
    <row r="486101" spans="8:8">
      <c r="H486101" s="12"/>
    </row>
    <row r="486102" spans="8:8">
      <c r="H486102" s="12"/>
    </row>
    <row r="486103" spans="8:8">
      <c r="H486103" s="12"/>
    </row>
    <row r="486104" spans="8:8">
      <c r="H486104" s="12"/>
    </row>
    <row r="486105" spans="8:8">
      <c r="H486105" s="12"/>
    </row>
    <row r="486106" spans="8:8">
      <c r="H486106" s="12"/>
    </row>
    <row r="486107" spans="8:8">
      <c r="H486107" s="12"/>
    </row>
    <row r="486108" spans="8:8">
      <c r="H486108" s="12"/>
    </row>
    <row r="486109" spans="8:8">
      <c r="H486109" s="12"/>
    </row>
    <row r="486110" spans="8:8">
      <c r="H486110" s="12"/>
    </row>
    <row r="486111" spans="8:8">
      <c r="H486111" s="12"/>
    </row>
    <row r="486112" spans="8:8">
      <c r="H486112" s="12"/>
    </row>
    <row r="486113" spans="8:8">
      <c r="H486113" s="12"/>
    </row>
    <row r="486114" spans="8:8">
      <c r="H486114" s="12"/>
    </row>
    <row r="486115" spans="8:8">
      <c r="H486115" s="12"/>
    </row>
    <row r="486116" spans="8:8">
      <c r="H486116" s="12"/>
    </row>
    <row r="486117" spans="8:8">
      <c r="H486117" s="12"/>
    </row>
    <row r="486118" spans="8:8">
      <c r="H486118" s="12"/>
    </row>
    <row r="486119" spans="8:8">
      <c r="H486119" s="12"/>
    </row>
    <row r="486120" spans="8:8">
      <c r="H486120" s="12"/>
    </row>
    <row r="486121" spans="8:8">
      <c r="H486121" s="12"/>
    </row>
    <row r="486122" spans="8:8">
      <c r="H486122" s="12"/>
    </row>
    <row r="486123" spans="8:8">
      <c r="H486123" s="12"/>
    </row>
    <row r="486124" spans="8:8">
      <c r="H486124" s="12"/>
    </row>
    <row r="486125" spans="8:8">
      <c r="H486125" s="12"/>
    </row>
    <row r="486126" spans="8:8">
      <c r="H486126" s="12"/>
    </row>
    <row r="486127" spans="8:8">
      <c r="H486127" s="12"/>
    </row>
    <row r="486128" spans="8:8">
      <c r="H486128" s="12"/>
    </row>
    <row r="486129" spans="8:8">
      <c r="H486129" s="12"/>
    </row>
    <row r="486130" spans="8:8">
      <c r="H486130" s="12"/>
    </row>
    <row r="486131" spans="8:8">
      <c r="H486131" s="12"/>
    </row>
    <row r="486132" spans="8:8">
      <c r="H486132" s="12"/>
    </row>
    <row r="486133" spans="8:8">
      <c r="H486133" s="12"/>
    </row>
    <row r="486134" spans="8:8">
      <c r="H486134" s="12"/>
    </row>
    <row r="486135" spans="8:8">
      <c r="H486135" s="12"/>
    </row>
    <row r="486136" spans="8:8">
      <c r="H486136" s="12"/>
    </row>
    <row r="486137" spans="8:8">
      <c r="H486137" s="12"/>
    </row>
    <row r="486138" spans="8:8">
      <c r="H486138" s="12"/>
    </row>
    <row r="486139" spans="8:8">
      <c r="H486139" s="12"/>
    </row>
    <row r="486140" spans="8:8">
      <c r="H486140" s="12"/>
    </row>
    <row r="486141" spans="8:8">
      <c r="H486141" s="12"/>
    </row>
    <row r="486142" spans="8:8">
      <c r="H486142" s="12"/>
    </row>
    <row r="486143" spans="8:8">
      <c r="H486143" s="12"/>
    </row>
    <row r="486144" spans="8:8">
      <c r="H486144" s="12"/>
    </row>
    <row r="486145" spans="8:8">
      <c r="H486145" s="12"/>
    </row>
    <row r="486146" spans="8:8">
      <c r="H486146" s="12"/>
    </row>
    <row r="486147" spans="8:8">
      <c r="H486147" s="12"/>
    </row>
    <row r="486148" spans="8:8">
      <c r="H486148" s="12"/>
    </row>
    <row r="486149" spans="8:8">
      <c r="H486149" s="12"/>
    </row>
    <row r="486150" spans="8:8">
      <c r="H486150" s="12"/>
    </row>
    <row r="486151" spans="8:8">
      <c r="H486151" s="12"/>
    </row>
    <row r="486152" spans="8:8">
      <c r="H486152" s="12"/>
    </row>
    <row r="486153" spans="8:8">
      <c r="H486153" s="12"/>
    </row>
    <row r="486154" spans="8:8">
      <c r="H486154" s="12"/>
    </row>
    <row r="486155" spans="8:8">
      <c r="H486155" s="12"/>
    </row>
    <row r="486156" spans="8:8">
      <c r="H486156" s="12"/>
    </row>
    <row r="486157" spans="8:8">
      <c r="H486157" s="12"/>
    </row>
    <row r="486158" spans="8:8">
      <c r="H486158" s="12"/>
    </row>
    <row r="486159" spans="8:8">
      <c r="H486159" s="12"/>
    </row>
    <row r="486160" spans="8:8">
      <c r="H486160" s="12"/>
    </row>
    <row r="486161" spans="8:8">
      <c r="H486161" s="12"/>
    </row>
    <row r="486162" spans="8:8">
      <c r="H486162" s="12"/>
    </row>
    <row r="486163" spans="8:8">
      <c r="H486163" s="12"/>
    </row>
    <row r="486164" spans="8:8">
      <c r="H486164" s="12"/>
    </row>
    <row r="486165" spans="8:8">
      <c r="H486165" s="12"/>
    </row>
    <row r="486166" spans="8:8">
      <c r="H486166" s="12"/>
    </row>
    <row r="486167" spans="8:8">
      <c r="H486167" s="12"/>
    </row>
    <row r="486168" spans="8:8">
      <c r="H486168" s="12"/>
    </row>
    <row r="486169" spans="8:8">
      <c r="H486169" s="12"/>
    </row>
    <row r="486170" spans="8:8">
      <c r="H486170" s="12"/>
    </row>
    <row r="486171" spans="8:8">
      <c r="H486171" s="12"/>
    </row>
    <row r="486172" spans="8:8">
      <c r="H486172" s="12"/>
    </row>
    <row r="486173" spans="8:8">
      <c r="H486173" s="12"/>
    </row>
    <row r="486174" spans="8:8">
      <c r="H486174" s="12"/>
    </row>
    <row r="486175" spans="8:8">
      <c r="H486175" s="12"/>
    </row>
    <row r="486176" spans="8:8">
      <c r="H486176" s="12"/>
    </row>
    <row r="486177" spans="8:8">
      <c r="H486177" s="12"/>
    </row>
    <row r="486178" spans="8:8">
      <c r="H486178" s="12"/>
    </row>
    <row r="486179" spans="8:8">
      <c r="H486179" s="12"/>
    </row>
    <row r="486180" spans="8:8">
      <c r="H486180" s="12"/>
    </row>
    <row r="486181" spans="8:8">
      <c r="H486181" s="12"/>
    </row>
    <row r="486182" spans="8:8">
      <c r="H486182" s="12"/>
    </row>
    <row r="486183" spans="8:8">
      <c r="H486183" s="12"/>
    </row>
    <row r="486184" spans="8:8">
      <c r="H486184" s="12"/>
    </row>
    <row r="486185" spans="8:8">
      <c r="H486185" s="12"/>
    </row>
    <row r="486186" spans="8:8">
      <c r="H486186" s="12"/>
    </row>
    <row r="486187" spans="8:8">
      <c r="H486187" s="12"/>
    </row>
    <row r="486188" spans="8:8">
      <c r="H486188" s="12"/>
    </row>
    <row r="486189" spans="8:8">
      <c r="H486189" s="12"/>
    </row>
    <row r="486190" spans="8:8">
      <c r="H486190" s="12"/>
    </row>
    <row r="486191" spans="8:8">
      <c r="H486191" s="12"/>
    </row>
    <row r="486192" spans="8:8">
      <c r="H486192" s="12"/>
    </row>
    <row r="486193" spans="8:8">
      <c r="H486193" s="12"/>
    </row>
    <row r="486194" spans="8:8">
      <c r="H486194" s="12"/>
    </row>
    <row r="486195" spans="8:8">
      <c r="H486195" s="12"/>
    </row>
    <row r="486196" spans="8:8">
      <c r="H486196" s="12"/>
    </row>
    <row r="486197" spans="8:8">
      <c r="H486197" s="12"/>
    </row>
    <row r="486198" spans="8:8">
      <c r="H486198" s="12"/>
    </row>
    <row r="486199" spans="8:8">
      <c r="H486199" s="12"/>
    </row>
    <row r="486200" spans="8:8">
      <c r="H486200" s="12"/>
    </row>
    <row r="486201" spans="8:8">
      <c r="H486201" s="12"/>
    </row>
    <row r="486202" spans="8:8">
      <c r="H486202" s="12"/>
    </row>
    <row r="486203" spans="8:8">
      <c r="H486203" s="12"/>
    </row>
    <row r="486204" spans="8:8">
      <c r="H486204" s="12"/>
    </row>
    <row r="486205" spans="8:8">
      <c r="H486205" s="12"/>
    </row>
    <row r="486206" spans="8:8">
      <c r="H486206" s="12"/>
    </row>
    <row r="486207" spans="8:8">
      <c r="H486207" s="12"/>
    </row>
    <row r="486208" spans="8:8">
      <c r="H486208" s="12"/>
    </row>
    <row r="486209" spans="8:8">
      <c r="H486209" s="12"/>
    </row>
    <row r="486210" spans="8:8">
      <c r="H486210" s="12"/>
    </row>
    <row r="486211" spans="8:8">
      <c r="H486211" s="12"/>
    </row>
    <row r="486212" spans="8:8">
      <c r="H486212" s="12"/>
    </row>
    <row r="486213" spans="8:8">
      <c r="H486213" s="12"/>
    </row>
    <row r="486214" spans="8:8">
      <c r="H486214" s="12"/>
    </row>
    <row r="486215" spans="8:8">
      <c r="H486215" s="12"/>
    </row>
    <row r="486216" spans="8:8">
      <c r="H486216" s="12"/>
    </row>
    <row r="486217" spans="8:8">
      <c r="H486217" s="12"/>
    </row>
    <row r="486218" spans="8:8">
      <c r="H486218" s="12"/>
    </row>
    <row r="486219" spans="8:8">
      <c r="H486219" s="12"/>
    </row>
    <row r="486220" spans="8:8">
      <c r="H486220" s="12"/>
    </row>
    <row r="486221" spans="8:8">
      <c r="H486221" s="12"/>
    </row>
    <row r="486222" spans="8:8">
      <c r="H486222" s="12"/>
    </row>
    <row r="486223" spans="8:8">
      <c r="H486223" s="12"/>
    </row>
    <row r="486224" spans="8:8">
      <c r="H486224" s="12"/>
    </row>
    <row r="486225" spans="8:8">
      <c r="H486225" s="12"/>
    </row>
    <row r="486226" spans="8:8">
      <c r="H486226" s="12"/>
    </row>
    <row r="486227" spans="8:8">
      <c r="H486227" s="12"/>
    </row>
    <row r="486228" spans="8:8">
      <c r="H486228" s="12"/>
    </row>
    <row r="486229" spans="8:8">
      <c r="H486229" s="12"/>
    </row>
    <row r="486230" spans="8:8">
      <c r="H486230" s="12"/>
    </row>
    <row r="486231" spans="8:8">
      <c r="H486231" s="12"/>
    </row>
    <row r="486232" spans="8:8">
      <c r="H486232" s="12"/>
    </row>
    <row r="486233" spans="8:8">
      <c r="H486233" s="12"/>
    </row>
    <row r="486234" spans="8:8">
      <c r="H486234" s="12"/>
    </row>
    <row r="486235" spans="8:8">
      <c r="H486235" s="12"/>
    </row>
    <row r="486236" spans="8:8">
      <c r="H486236" s="12"/>
    </row>
    <row r="486237" spans="8:8">
      <c r="H486237" s="12"/>
    </row>
    <row r="486238" spans="8:8">
      <c r="H486238" s="12"/>
    </row>
    <row r="486239" spans="8:8">
      <c r="H486239" s="12"/>
    </row>
    <row r="486240" spans="8:8">
      <c r="H486240" s="12"/>
    </row>
    <row r="486241" spans="8:8">
      <c r="H486241" s="12"/>
    </row>
    <row r="486242" spans="8:8">
      <c r="H486242" s="12"/>
    </row>
    <row r="486243" spans="8:8">
      <c r="H486243" s="12"/>
    </row>
    <row r="486244" spans="8:8">
      <c r="H486244" s="12"/>
    </row>
    <row r="486245" spans="8:8">
      <c r="H486245" s="12"/>
    </row>
    <row r="486246" spans="8:8">
      <c r="H486246" s="12"/>
    </row>
    <row r="486247" spans="8:8">
      <c r="H486247" s="12"/>
    </row>
    <row r="486248" spans="8:8">
      <c r="H486248" s="12"/>
    </row>
    <row r="486249" spans="8:8">
      <c r="H486249" s="12"/>
    </row>
    <row r="486250" spans="8:8">
      <c r="H486250" s="12"/>
    </row>
    <row r="486251" spans="8:8">
      <c r="H486251" s="12"/>
    </row>
    <row r="486252" spans="8:8">
      <c r="H486252" s="12"/>
    </row>
    <row r="486253" spans="8:8">
      <c r="H486253" s="12"/>
    </row>
    <row r="486254" spans="8:8">
      <c r="H486254" s="12"/>
    </row>
    <row r="486255" spans="8:8">
      <c r="H486255" s="12"/>
    </row>
    <row r="486256" spans="8:8">
      <c r="H486256" s="12"/>
    </row>
    <row r="486257" spans="8:8">
      <c r="H486257" s="12"/>
    </row>
    <row r="486258" spans="8:8">
      <c r="H486258" s="12"/>
    </row>
    <row r="486259" spans="8:8">
      <c r="H486259" s="12"/>
    </row>
    <row r="486260" spans="8:8">
      <c r="H486260" s="12"/>
    </row>
    <row r="486261" spans="8:8">
      <c r="H486261" s="12"/>
    </row>
    <row r="486262" spans="8:8">
      <c r="H486262" s="12"/>
    </row>
    <row r="486263" spans="8:8">
      <c r="H486263" s="12"/>
    </row>
    <row r="486264" spans="8:8">
      <c r="H486264" s="12"/>
    </row>
    <row r="486265" spans="8:8">
      <c r="H486265" s="12"/>
    </row>
    <row r="486266" spans="8:8">
      <c r="H486266" s="12"/>
    </row>
    <row r="486267" spans="8:8">
      <c r="H486267" s="12"/>
    </row>
    <row r="486268" spans="8:8">
      <c r="H486268" s="12"/>
    </row>
    <row r="486269" spans="8:8">
      <c r="H486269" s="12"/>
    </row>
    <row r="486270" spans="8:8">
      <c r="H486270" s="12"/>
    </row>
    <row r="486271" spans="8:8">
      <c r="H486271" s="12"/>
    </row>
    <row r="486272" spans="8:8">
      <c r="H486272" s="12"/>
    </row>
    <row r="486273" spans="8:8">
      <c r="H486273" s="12"/>
    </row>
    <row r="486274" spans="8:8">
      <c r="H486274" s="12"/>
    </row>
    <row r="486275" spans="8:8">
      <c r="H486275" s="12"/>
    </row>
    <row r="486276" spans="8:8">
      <c r="H486276" s="12"/>
    </row>
    <row r="486277" spans="8:8">
      <c r="H486277" s="12"/>
    </row>
    <row r="486278" spans="8:8">
      <c r="H486278" s="12"/>
    </row>
    <row r="486279" spans="8:8">
      <c r="H486279" s="12"/>
    </row>
    <row r="486280" spans="8:8">
      <c r="H486280" s="12"/>
    </row>
    <row r="486281" spans="8:8">
      <c r="H486281" s="12"/>
    </row>
    <row r="486282" spans="8:8">
      <c r="H486282" s="12"/>
    </row>
    <row r="486283" spans="8:8">
      <c r="H486283" s="12"/>
    </row>
    <row r="486284" spans="8:8">
      <c r="H486284" s="12"/>
    </row>
    <row r="486285" spans="8:8">
      <c r="H486285" s="12"/>
    </row>
    <row r="486286" spans="8:8">
      <c r="H486286" s="12"/>
    </row>
    <row r="486287" spans="8:8">
      <c r="H486287" s="12"/>
    </row>
    <row r="486288" spans="8:8">
      <c r="H486288" s="12"/>
    </row>
    <row r="486289" spans="8:8">
      <c r="H486289" s="12"/>
    </row>
    <row r="486290" spans="8:8">
      <c r="H486290" s="12"/>
    </row>
    <row r="486291" spans="8:8">
      <c r="H486291" s="12"/>
    </row>
    <row r="486292" spans="8:8">
      <c r="H486292" s="12"/>
    </row>
    <row r="486293" spans="8:8">
      <c r="H486293" s="12"/>
    </row>
    <row r="486294" spans="8:8">
      <c r="H486294" s="12"/>
    </row>
    <row r="486295" spans="8:8">
      <c r="H486295" s="12"/>
    </row>
    <row r="486296" spans="8:8">
      <c r="H486296" s="12"/>
    </row>
    <row r="486297" spans="8:8">
      <c r="H486297" s="12"/>
    </row>
    <row r="486298" spans="8:8">
      <c r="H486298" s="12"/>
    </row>
    <row r="486299" spans="8:8">
      <c r="H486299" s="12"/>
    </row>
    <row r="486300" spans="8:8">
      <c r="H486300" s="12"/>
    </row>
    <row r="486301" spans="8:8">
      <c r="H486301" s="12"/>
    </row>
    <row r="486302" spans="8:8">
      <c r="H486302" s="12"/>
    </row>
    <row r="486303" spans="8:8">
      <c r="H486303" s="12"/>
    </row>
    <row r="486304" spans="8:8">
      <c r="H486304" s="12"/>
    </row>
    <row r="486305" spans="8:8">
      <c r="H486305" s="12"/>
    </row>
    <row r="486306" spans="8:8">
      <c r="H486306" s="12"/>
    </row>
    <row r="486307" spans="8:8">
      <c r="H486307" s="12"/>
    </row>
    <row r="486308" spans="8:8">
      <c r="H486308" s="12"/>
    </row>
    <row r="486309" spans="8:8">
      <c r="H486309" s="12"/>
    </row>
    <row r="486310" spans="8:8">
      <c r="H486310" s="12"/>
    </row>
    <row r="486311" spans="8:8">
      <c r="H486311" s="12"/>
    </row>
    <row r="486312" spans="8:8">
      <c r="H486312" s="12"/>
    </row>
    <row r="486313" spans="8:8">
      <c r="H486313" s="12"/>
    </row>
    <row r="486314" spans="8:8">
      <c r="H486314" s="12"/>
    </row>
    <row r="486315" spans="8:8">
      <c r="H486315" s="12"/>
    </row>
    <row r="486316" spans="8:8">
      <c r="H486316" s="12"/>
    </row>
    <row r="486317" spans="8:8">
      <c r="H486317" s="12"/>
    </row>
    <row r="486318" spans="8:8">
      <c r="H486318" s="12"/>
    </row>
    <row r="486319" spans="8:8">
      <c r="H486319" s="12"/>
    </row>
    <row r="486320" spans="8:8">
      <c r="H486320" s="12"/>
    </row>
    <row r="486321" spans="8:8">
      <c r="H486321" s="12"/>
    </row>
    <row r="486322" spans="8:8">
      <c r="H486322" s="12"/>
    </row>
    <row r="486323" spans="8:8">
      <c r="H486323" s="12"/>
    </row>
    <row r="486324" spans="8:8">
      <c r="H486324" s="12"/>
    </row>
    <row r="486325" spans="8:8">
      <c r="H486325" s="12"/>
    </row>
    <row r="486326" spans="8:8">
      <c r="H486326" s="12"/>
    </row>
    <row r="486327" spans="8:8">
      <c r="H486327" s="12"/>
    </row>
    <row r="486328" spans="8:8">
      <c r="H486328" s="12"/>
    </row>
    <row r="486329" spans="8:8">
      <c r="H486329" s="12"/>
    </row>
    <row r="486330" spans="8:8">
      <c r="H486330" s="12"/>
    </row>
    <row r="486331" spans="8:8">
      <c r="H486331" s="12"/>
    </row>
    <row r="486332" spans="8:8">
      <c r="H486332" s="12"/>
    </row>
    <row r="486333" spans="8:8">
      <c r="H486333" s="12"/>
    </row>
    <row r="486334" spans="8:8">
      <c r="H486334" s="12"/>
    </row>
    <row r="486335" spans="8:8">
      <c r="H486335" s="12"/>
    </row>
    <row r="486336" spans="8:8">
      <c r="H486336" s="12"/>
    </row>
    <row r="486337" spans="8:8">
      <c r="H486337" s="12"/>
    </row>
    <row r="486338" spans="8:8">
      <c r="H486338" s="12"/>
    </row>
    <row r="486339" spans="8:8">
      <c r="H486339" s="12"/>
    </row>
    <row r="486340" spans="8:8">
      <c r="H486340" s="12"/>
    </row>
    <row r="486341" spans="8:8">
      <c r="H486341" s="12"/>
    </row>
    <row r="486342" spans="8:8">
      <c r="H486342" s="12"/>
    </row>
    <row r="486343" spans="8:8">
      <c r="H486343" s="12"/>
    </row>
    <row r="486344" spans="8:8">
      <c r="H486344" s="12"/>
    </row>
    <row r="486345" spans="8:8">
      <c r="H486345" s="12"/>
    </row>
    <row r="486346" spans="8:8">
      <c r="H486346" s="12"/>
    </row>
    <row r="486347" spans="8:8">
      <c r="H486347" s="12"/>
    </row>
    <row r="486348" spans="8:8">
      <c r="H486348" s="12"/>
    </row>
    <row r="486349" spans="8:8">
      <c r="H486349" s="12"/>
    </row>
    <row r="486350" spans="8:8">
      <c r="H486350" s="12"/>
    </row>
    <row r="486351" spans="8:8">
      <c r="H486351" s="12"/>
    </row>
    <row r="486352" spans="8:8">
      <c r="H486352" s="12"/>
    </row>
    <row r="486353" spans="8:8">
      <c r="H486353" s="12"/>
    </row>
    <row r="486354" spans="8:8">
      <c r="H486354" s="12"/>
    </row>
    <row r="486355" spans="8:8">
      <c r="H486355" s="12"/>
    </row>
    <row r="486356" spans="8:8">
      <c r="H486356" s="12"/>
    </row>
    <row r="486357" spans="8:8">
      <c r="H486357" s="12"/>
    </row>
    <row r="486358" spans="8:8">
      <c r="H486358" s="12"/>
    </row>
    <row r="486359" spans="8:8">
      <c r="H486359" s="12"/>
    </row>
    <row r="486360" spans="8:8">
      <c r="H486360" s="12"/>
    </row>
    <row r="486361" spans="8:8">
      <c r="H486361" s="12"/>
    </row>
    <row r="486362" spans="8:8">
      <c r="H486362" s="12"/>
    </row>
    <row r="486363" spans="8:8">
      <c r="H486363" s="12"/>
    </row>
    <row r="486364" spans="8:8">
      <c r="H486364" s="12"/>
    </row>
    <row r="486365" spans="8:8">
      <c r="H486365" s="12"/>
    </row>
    <row r="486366" spans="8:8">
      <c r="H486366" s="12"/>
    </row>
    <row r="486367" spans="8:8">
      <c r="H486367" s="12"/>
    </row>
    <row r="486368" spans="8:8">
      <c r="H486368" s="12"/>
    </row>
    <row r="486369" spans="8:8">
      <c r="H486369" s="12"/>
    </row>
    <row r="486370" spans="8:8">
      <c r="H486370" s="12"/>
    </row>
    <row r="486371" spans="8:8">
      <c r="H486371" s="12"/>
    </row>
    <row r="486372" spans="8:8">
      <c r="H486372" s="12"/>
    </row>
    <row r="486373" spans="8:8">
      <c r="H486373" s="12"/>
    </row>
    <row r="486374" spans="8:8">
      <c r="H486374" s="12"/>
    </row>
    <row r="486375" spans="8:8">
      <c r="H486375" s="12"/>
    </row>
    <row r="486376" spans="8:8">
      <c r="H486376" s="12"/>
    </row>
    <row r="486377" spans="8:8">
      <c r="H486377" s="12"/>
    </row>
    <row r="486378" spans="8:8">
      <c r="H486378" s="12"/>
    </row>
    <row r="486379" spans="8:8">
      <c r="H486379" s="12"/>
    </row>
    <row r="486380" spans="8:8">
      <c r="H486380" s="12"/>
    </row>
    <row r="486381" spans="8:8">
      <c r="H486381" s="12"/>
    </row>
    <row r="486382" spans="8:8">
      <c r="H486382" s="12"/>
    </row>
    <row r="486383" spans="8:8">
      <c r="H486383" s="12"/>
    </row>
    <row r="486384" spans="8:8">
      <c r="H486384" s="12"/>
    </row>
    <row r="486385" spans="8:8">
      <c r="H486385" s="12"/>
    </row>
    <row r="486386" spans="8:8">
      <c r="H486386" s="12"/>
    </row>
    <row r="486387" spans="8:8">
      <c r="H486387" s="12"/>
    </row>
    <row r="486388" spans="8:8">
      <c r="H486388" s="12"/>
    </row>
    <row r="486389" spans="8:8">
      <c r="H486389" s="12"/>
    </row>
    <row r="486390" spans="8:8">
      <c r="H486390" s="12"/>
    </row>
    <row r="486391" spans="8:8">
      <c r="H486391" s="12"/>
    </row>
    <row r="486392" spans="8:8">
      <c r="H486392" s="12"/>
    </row>
    <row r="486393" spans="8:8">
      <c r="H486393" s="12"/>
    </row>
    <row r="486394" spans="8:8">
      <c r="H486394" s="12"/>
    </row>
    <row r="486395" spans="8:8">
      <c r="H486395" s="12"/>
    </row>
    <row r="486396" spans="8:8">
      <c r="H486396" s="12"/>
    </row>
    <row r="486397" spans="8:8">
      <c r="H486397" s="12"/>
    </row>
    <row r="486398" spans="8:8">
      <c r="H486398" s="12"/>
    </row>
    <row r="486399" spans="8:8">
      <c r="H486399" s="12"/>
    </row>
    <row r="486400" spans="8:8">
      <c r="H486400" s="12"/>
    </row>
    <row r="486401" spans="8:8">
      <c r="H486401" s="12"/>
    </row>
    <row r="486402" spans="8:8">
      <c r="H486402" s="12"/>
    </row>
    <row r="486403" spans="8:8">
      <c r="H486403" s="12"/>
    </row>
    <row r="486404" spans="8:8">
      <c r="H486404" s="12"/>
    </row>
    <row r="486405" spans="8:8">
      <c r="H486405" s="12"/>
    </row>
    <row r="486406" spans="8:8">
      <c r="H486406" s="12"/>
    </row>
    <row r="486407" spans="8:8">
      <c r="H486407" s="12"/>
    </row>
    <row r="486408" spans="8:8">
      <c r="H486408" s="12"/>
    </row>
    <row r="486409" spans="8:8">
      <c r="H486409" s="12"/>
    </row>
    <row r="486410" spans="8:8">
      <c r="H486410" s="12"/>
    </row>
    <row r="486411" spans="8:8">
      <c r="H486411" s="12"/>
    </row>
    <row r="486412" spans="8:8">
      <c r="H486412" s="12"/>
    </row>
    <row r="486413" spans="8:8">
      <c r="H486413" s="12"/>
    </row>
    <row r="486414" spans="8:8">
      <c r="H486414" s="12"/>
    </row>
    <row r="486415" spans="8:8">
      <c r="H486415" s="12"/>
    </row>
    <row r="486416" spans="8:8">
      <c r="H486416" s="12"/>
    </row>
    <row r="486417" spans="8:8">
      <c r="H486417" s="12"/>
    </row>
    <row r="486418" spans="8:8">
      <c r="H486418" s="12"/>
    </row>
    <row r="486419" spans="8:8">
      <c r="H486419" s="12"/>
    </row>
    <row r="486420" spans="8:8">
      <c r="H486420" s="12"/>
    </row>
    <row r="486421" spans="8:8">
      <c r="H486421" s="12"/>
    </row>
    <row r="486422" spans="8:8">
      <c r="H486422" s="12"/>
    </row>
    <row r="486423" spans="8:8">
      <c r="H486423" s="12"/>
    </row>
    <row r="486424" spans="8:8">
      <c r="H486424" s="12"/>
    </row>
    <row r="486425" spans="8:8">
      <c r="H486425" s="12"/>
    </row>
    <row r="486426" spans="8:8">
      <c r="H486426" s="12"/>
    </row>
    <row r="486427" spans="8:8">
      <c r="H486427" s="12"/>
    </row>
    <row r="486428" spans="8:8">
      <c r="H486428" s="12"/>
    </row>
    <row r="486429" spans="8:8">
      <c r="H486429" s="12"/>
    </row>
    <row r="486430" spans="8:8">
      <c r="H486430" s="12"/>
    </row>
    <row r="486431" spans="8:8">
      <c r="H486431" s="12"/>
    </row>
    <row r="486432" spans="8:8">
      <c r="H486432" s="12"/>
    </row>
    <row r="486433" spans="8:8">
      <c r="H486433" s="12"/>
    </row>
    <row r="486434" spans="8:8">
      <c r="H486434" s="12"/>
    </row>
    <row r="486435" spans="8:8">
      <c r="H486435" s="12"/>
    </row>
    <row r="486436" spans="8:8">
      <c r="H486436" s="12"/>
    </row>
    <row r="486437" spans="8:8">
      <c r="H486437" s="12"/>
    </row>
    <row r="486438" spans="8:8">
      <c r="H486438" s="12"/>
    </row>
    <row r="486439" spans="8:8">
      <c r="H486439" s="12"/>
    </row>
    <row r="486440" spans="8:8">
      <c r="H486440" s="12"/>
    </row>
    <row r="486441" spans="8:8">
      <c r="H486441" s="12"/>
    </row>
    <row r="486442" spans="8:8">
      <c r="H486442" s="12"/>
    </row>
    <row r="486443" spans="8:8">
      <c r="H486443" s="12"/>
    </row>
    <row r="486444" spans="8:8">
      <c r="H486444" s="12"/>
    </row>
    <row r="486445" spans="8:8">
      <c r="H486445" s="12"/>
    </row>
    <row r="486446" spans="8:8">
      <c r="H486446" s="12"/>
    </row>
    <row r="486447" spans="8:8">
      <c r="H486447" s="12"/>
    </row>
    <row r="486448" spans="8:8">
      <c r="H486448" s="12"/>
    </row>
    <row r="486449" spans="8:8">
      <c r="H486449" s="12"/>
    </row>
    <row r="486450" spans="8:8">
      <c r="H486450" s="12"/>
    </row>
    <row r="486451" spans="8:8">
      <c r="H486451" s="12"/>
    </row>
    <row r="486452" spans="8:8">
      <c r="H486452" s="12"/>
    </row>
    <row r="486453" spans="8:8">
      <c r="H486453" s="12"/>
    </row>
    <row r="486454" spans="8:8">
      <c r="H486454" s="12"/>
    </row>
    <row r="486455" spans="8:8">
      <c r="H486455" s="12"/>
    </row>
    <row r="486456" spans="8:8">
      <c r="H486456" s="12"/>
    </row>
    <row r="486457" spans="8:8">
      <c r="H486457" s="12"/>
    </row>
    <row r="486458" spans="8:8">
      <c r="H486458" s="12"/>
    </row>
    <row r="486459" spans="8:8">
      <c r="H486459" s="12"/>
    </row>
    <row r="486460" spans="8:8">
      <c r="H486460" s="12"/>
    </row>
    <row r="486461" spans="8:8">
      <c r="H486461" s="12"/>
    </row>
    <row r="486462" spans="8:8">
      <c r="H486462" s="12"/>
    </row>
    <row r="486463" spans="8:8">
      <c r="H486463" s="12"/>
    </row>
    <row r="486464" spans="8:8">
      <c r="H486464" s="12"/>
    </row>
    <row r="486465" spans="8:8">
      <c r="H486465" s="12"/>
    </row>
    <row r="486466" spans="8:8">
      <c r="H486466" s="12"/>
    </row>
    <row r="486467" spans="8:8">
      <c r="H486467" s="12"/>
    </row>
    <row r="486468" spans="8:8">
      <c r="H486468" s="12"/>
    </row>
    <row r="486469" spans="8:8">
      <c r="H486469" s="12"/>
    </row>
    <row r="486470" spans="8:8">
      <c r="H486470" s="12"/>
    </row>
    <row r="486471" spans="8:8">
      <c r="H486471" s="12"/>
    </row>
    <row r="486472" spans="8:8">
      <c r="H486472" s="12"/>
    </row>
    <row r="486473" spans="8:8">
      <c r="H486473" s="12"/>
    </row>
    <row r="486474" spans="8:8">
      <c r="H486474" s="12"/>
    </row>
    <row r="486475" spans="8:8">
      <c r="H486475" s="12"/>
    </row>
    <row r="486476" spans="8:8">
      <c r="H486476" s="12"/>
    </row>
    <row r="486477" spans="8:8">
      <c r="H486477" s="12"/>
    </row>
    <row r="486478" spans="8:8">
      <c r="H486478" s="12"/>
    </row>
    <row r="486479" spans="8:8">
      <c r="H486479" s="12"/>
    </row>
    <row r="486480" spans="8:8">
      <c r="H486480" s="12"/>
    </row>
    <row r="486481" spans="8:8">
      <c r="H486481" s="12"/>
    </row>
    <row r="486482" spans="8:8">
      <c r="H486482" s="12"/>
    </row>
    <row r="486483" spans="8:8">
      <c r="H486483" s="12"/>
    </row>
    <row r="486484" spans="8:8">
      <c r="H486484" s="12"/>
    </row>
    <row r="486485" spans="8:8">
      <c r="H486485" s="12"/>
    </row>
    <row r="486486" spans="8:8">
      <c r="H486486" s="12"/>
    </row>
    <row r="486487" spans="8:8">
      <c r="H486487" s="12"/>
    </row>
    <row r="486488" spans="8:8">
      <c r="H486488" s="12"/>
    </row>
    <row r="486489" spans="8:8">
      <c r="H486489" s="12"/>
    </row>
    <row r="486490" spans="8:8">
      <c r="H486490" s="12"/>
    </row>
    <row r="486491" spans="8:8">
      <c r="H486491" s="12"/>
    </row>
    <row r="486492" spans="8:8">
      <c r="H486492" s="12"/>
    </row>
    <row r="486493" spans="8:8">
      <c r="H486493" s="12"/>
    </row>
    <row r="486494" spans="8:8">
      <c r="H486494" s="12"/>
    </row>
    <row r="486495" spans="8:8">
      <c r="H486495" s="12"/>
    </row>
    <row r="486496" spans="8:8">
      <c r="H486496" s="12"/>
    </row>
    <row r="486497" spans="8:8">
      <c r="H486497" s="12"/>
    </row>
    <row r="486498" spans="8:8">
      <c r="H486498" s="12"/>
    </row>
    <row r="486499" spans="8:8">
      <c r="H486499" s="12"/>
    </row>
    <row r="486500" spans="8:8">
      <c r="H486500" s="12"/>
    </row>
    <row r="486501" spans="8:8">
      <c r="H486501" s="12"/>
    </row>
    <row r="486502" spans="8:8">
      <c r="H486502" s="12"/>
    </row>
    <row r="486503" spans="8:8">
      <c r="H486503" s="12"/>
    </row>
    <row r="486504" spans="8:8">
      <c r="H486504" s="12"/>
    </row>
    <row r="486505" spans="8:8">
      <c r="H486505" s="12"/>
    </row>
    <row r="486506" spans="8:8">
      <c r="H486506" s="12"/>
    </row>
    <row r="486507" spans="8:8">
      <c r="H486507" s="12"/>
    </row>
    <row r="486508" spans="8:8">
      <c r="H486508" s="12"/>
    </row>
    <row r="486509" spans="8:8">
      <c r="H486509" s="12"/>
    </row>
    <row r="486510" spans="8:8">
      <c r="H486510" s="12"/>
    </row>
    <row r="486511" spans="8:8">
      <c r="H486511" s="12"/>
    </row>
    <row r="486512" spans="8:8">
      <c r="H486512" s="12"/>
    </row>
    <row r="486513" spans="8:8">
      <c r="H486513" s="12"/>
    </row>
    <row r="486514" spans="8:8">
      <c r="H486514" s="12"/>
    </row>
    <row r="486515" spans="8:8">
      <c r="H486515" s="12"/>
    </row>
    <row r="486516" spans="8:8">
      <c r="H486516" s="12"/>
    </row>
    <row r="486517" spans="8:8">
      <c r="H486517" s="12"/>
    </row>
    <row r="486518" spans="8:8">
      <c r="H486518" s="12"/>
    </row>
    <row r="486519" spans="8:8">
      <c r="H486519" s="12"/>
    </row>
    <row r="486520" spans="8:8">
      <c r="H486520" s="12"/>
    </row>
    <row r="486521" spans="8:8">
      <c r="H486521" s="12"/>
    </row>
    <row r="486522" spans="8:8">
      <c r="H486522" s="12"/>
    </row>
    <row r="486523" spans="8:8">
      <c r="H486523" s="12"/>
    </row>
    <row r="486524" spans="8:8">
      <c r="H486524" s="12"/>
    </row>
    <row r="486525" spans="8:8">
      <c r="H486525" s="12"/>
    </row>
    <row r="486526" spans="8:8">
      <c r="H486526" s="12"/>
    </row>
    <row r="486527" spans="8:8">
      <c r="H486527" s="12"/>
    </row>
    <row r="486528" spans="8:8">
      <c r="H486528" s="12"/>
    </row>
    <row r="486529" spans="8:8">
      <c r="H486529" s="12"/>
    </row>
    <row r="486530" spans="8:8">
      <c r="H486530" s="12"/>
    </row>
    <row r="486531" spans="8:8">
      <c r="H486531" s="12"/>
    </row>
    <row r="486532" spans="8:8">
      <c r="H486532" s="12"/>
    </row>
    <row r="486533" spans="8:8">
      <c r="H486533" s="12"/>
    </row>
    <row r="486534" spans="8:8">
      <c r="H486534" s="12"/>
    </row>
    <row r="486535" spans="8:8">
      <c r="H486535" s="12"/>
    </row>
    <row r="486536" spans="8:8">
      <c r="H486536" s="12"/>
    </row>
    <row r="486537" spans="8:8">
      <c r="H486537" s="12"/>
    </row>
    <row r="486538" spans="8:8">
      <c r="H486538" s="12"/>
    </row>
    <row r="486539" spans="8:8">
      <c r="H486539" s="12"/>
    </row>
    <row r="486540" spans="8:8">
      <c r="H486540" s="12"/>
    </row>
    <row r="486541" spans="8:8">
      <c r="H486541" s="12"/>
    </row>
    <row r="486542" spans="8:8">
      <c r="H486542" s="12"/>
    </row>
    <row r="486543" spans="8:8">
      <c r="H486543" s="12"/>
    </row>
    <row r="486544" spans="8:8">
      <c r="H486544" s="12"/>
    </row>
    <row r="486545" spans="8:8">
      <c r="H486545" s="12"/>
    </row>
    <row r="486546" spans="8:8">
      <c r="H486546" s="12"/>
    </row>
    <row r="486547" spans="8:8">
      <c r="H486547" s="12"/>
    </row>
    <row r="486548" spans="8:8">
      <c r="H486548" s="12"/>
    </row>
    <row r="486549" spans="8:8">
      <c r="H486549" s="12"/>
    </row>
    <row r="486550" spans="8:8">
      <c r="H486550" s="12"/>
    </row>
    <row r="486551" spans="8:8">
      <c r="H486551" s="12"/>
    </row>
    <row r="486552" spans="8:8">
      <c r="H486552" s="12"/>
    </row>
    <row r="486553" spans="8:8">
      <c r="H486553" s="12"/>
    </row>
    <row r="486554" spans="8:8">
      <c r="H486554" s="12"/>
    </row>
    <row r="486555" spans="8:8">
      <c r="H486555" s="12"/>
    </row>
    <row r="486556" spans="8:8">
      <c r="H486556" s="12"/>
    </row>
    <row r="486557" spans="8:8">
      <c r="H486557" s="12"/>
    </row>
    <row r="486558" spans="8:8">
      <c r="H486558" s="12"/>
    </row>
    <row r="486559" spans="8:8">
      <c r="H486559" s="12"/>
    </row>
    <row r="486560" spans="8:8">
      <c r="H486560" s="12"/>
    </row>
    <row r="486561" spans="8:8">
      <c r="H486561" s="12"/>
    </row>
    <row r="486562" spans="8:8">
      <c r="H486562" s="12"/>
    </row>
    <row r="486563" spans="8:8">
      <c r="H486563" s="12"/>
    </row>
    <row r="486564" spans="8:8">
      <c r="H486564" s="12"/>
    </row>
    <row r="486565" spans="8:8">
      <c r="H486565" s="12"/>
    </row>
    <row r="486566" spans="8:8">
      <c r="H486566" s="12"/>
    </row>
    <row r="486567" spans="8:8">
      <c r="H486567" s="12"/>
    </row>
    <row r="486568" spans="8:8">
      <c r="H486568" s="12"/>
    </row>
    <row r="486569" spans="8:8">
      <c r="H486569" s="12"/>
    </row>
    <row r="486570" spans="8:8">
      <c r="H486570" s="12"/>
    </row>
    <row r="486571" spans="8:8">
      <c r="H486571" s="12"/>
    </row>
    <row r="486572" spans="8:8">
      <c r="H486572" s="12"/>
    </row>
    <row r="486573" spans="8:8">
      <c r="H486573" s="12"/>
    </row>
    <row r="486574" spans="8:8">
      <c r="H486574" s="12"/>
    </row>
    <row r="486575" spans="8:8">
      <c r="H486575" s="12"/>
    </row>
    <row r="486576" spans="8:8">
      <c r="H486576" s="12"/>
    </row>
    <row r="486577" spans="8:8">
      <c r="H486577" s="12"/>
    </row>
    <row r="486578" spans="8:8">
      <c r="H486578" s="12"/>
    </row>
    <row r="486579" spans="8:8">
      <c r="H486579" s="12"/>
    </row>
    <row r="486580" spans="8:8">
      <c r="H486580" s="12"/>
    </row>
    <row r="486581" spans="8:8">
      <c r="H486581" s="12"/>
    </row>
    <row r="486582" spans="8:8">
      <c r="H486582" s="12"/>
    </row>
    <row r="486583" spans="8:8">
      <c r="H486583" s="12"/>
    </row>
    <row r="486584" spans="8:8">
      <c r="H486584" s="12"/>
    </row>
    <row r="486585" spans="8:8">
      <c r="H486585" s="12"/>
    </row>
    <row r="486586" spans="8:8">
      <c r="H486586" s="12"/>
    </row>
    <row r="486587" spans="8:8">
      <c r="H486587" s="12"/>
    </row>
    <row r="486588" spans="8:8">
      <c r="H486588" s="12"/>
    </row>
    <row r="486589" spans="8:8">
      <c r="H486589" s="12"/>
    </row>
    <row r="486590" spans="8:8">
      <c r="H486590" s="12"/>
    </row>
    <row r="486591" spans="8:8">
      <c r="H486591" s="12"/>
    </row>
    <row r="486592" spans="8:8">
      <c r="H486592" s="12"/>
    </row>
    <row r="486593" spans="8:8">
      <c r="H486593" s="12"/>
    </row>
    <row r="486594" spans="8:8">
      <c r="H486594" s="12"/>
    </row>
    <row r="486595" spans="8:8">
      <c r="H486595" s="12"/>
    </row>
    <row r="486596" spans="8:8">
      <c r="H486596" s="12"/>
    </row>
    <row r="486597" spans="8:8">
      <c r="H486597" s="12"/>
    </row>
    <row r="486598" spans="8:8">
      <c r="H486598" s="12"/>
    </row>
    <row r="486599" spans="8:8">
      <c r="H486599" s="12"/>
    </row>
    <row r="486600" spans="8:8">
      <c r="H486600" s="12"/>
    </row>
    <row r="486601" spans="8:8">
      <c r="H486601" s="12"/>
    </row>
    <row r="486602" spans="8:8">
      <c r="H486602" s="12"/>
    </row>
    <row r="486603" spans="8:8">
      <c r="H486603" s="12"/>
    </row>
    <row r="486604" spans="8:8">
      <c r="H486604" s="12"/>
    </row>
    <row r="486605" spans="8:8">
      <c r="H486605" s="12"/>
    </row>
    <row r="486606" spans="8:8">
      <c r="H486606" s="12"/>
    </row>
    <row r="486607" spans="8:8">
      <c r="H486607" s="12"/>
    </row>
    <row r="486608" spans="8:8">
      <c r="H486608" s="12"/>
    </row>
    <row r="486609" spans="8:8">
      <c r="H486609" s="12"/>
    </row>
    <row r="486610" spans="8:8">
      <c r="H486610" s="12"/>
    </row>
    <row r="486611" spans="8:8">
      <c r="H486611" s="12"/>
    </row>
    <row r="486612" spans="8:8">
      <c r="H486612" s="12"/>
    </row>
    <row r="486613" spans="8:8">
      <c r="H486613" s="12"/>
    </row>
    <row r="486614" spans="8:8">
      <c r="H486614" s="12"/>
    </row>
    <row r="486615" spans="8:8">
      <c r="H486615" s="12"/>
    </row>
    <row r="486616" spans="8:8">
      <c r="H486616" s="12"/>
    </row>
    <row r="486617" spans="8:8">
      <c r="H486617" s="12"/>
    </row>
    <row r="486618" spans="8:8">
      <c r="H486618" s="12"/>
    </row>
    <row r="486619" spans="8:8">
      <c r="H486619" s="12"/>
    </row>
    <row r="486620" spans="8:8">
      <c r="H486620" s="12"/>
    </row>
    <row r="486621" spans="8:8">
      <c r="H486621" s="12"/>
    </row>
    <row r="486622" spans="8:8">
      <c r="H486622" s="12"/>
    </row>
    <row r="486623" spans="8:8">
      <c r="H486623" s="12"/>
    </row>
    <row r="486624" spans="8:8">
      <c r="H486624" s="12"/>
    </row>
    <row r="486625" spans="8:8">
      <c r="H486625" s="12"/>
    </row>
    <row r="486626" spans="8:8">
      <c r="H486626" s="12"/>
    </row>
    <row r="486627" spans="8:8">
      <c r="H486627" s="12"/>
    </row>
    <row r="486628" spans="8:8">
      <c r="H486628" s="12"/>
    </row>
    <row r="486629" spans="8:8">
      <c r="H486629" s="12"/>
    </row>
    <row r="486630" spans="8:8">
      <c r="H486630" s="12"/>
    </row>
    <row r="486631" spans="8:8">
      <c r="H486631" s="12"/>
    </row>
    <row r="486632" spans="8:8">
      <c r="H486632" s="12"/>
    </row>
    <row r="486633" spans="8:8">
      <c r="H486633" s="12"/>
    </row>
    <row r="486634" spans="8:8">
      <c r="H486634" s="12"/>
    </row>
    <row r="486635" spans="8:8">
      <c r="H486635" s="12"/>
    </row>
    <row r="486636" spans="8:8">
      <c r="H486636" s="12"/>
    </row>
    <row r="486637" spans="8:8">
      <c r="H486637" s="12"/>
    </row>
    <row r="486638" spans="8:8">
      <c r="H486638" s="12"/>
    </row>
    <row r="486639" spans="8:8">
      <c r="H486639" s="12"/>
    </row>
    <row r="486640" spans="8:8">
      <c r="H486640" s="12"/>
    </row>
    <row r="486641" spans="8:8">
      <c r="H486641" s="12"/>
    </row>
    <row r="486642" spans="8:8">
      <c r="H486642" s="12"/>
    </row>
    <row r="486643" spans="8:8">
      <c r="H486643" s="12"/>
    </row>
    <row r="486644" spans="8:8">
      <c r="H486644" s="12"/>
    </row>
    <row r="486645" spans="8:8">
      <c r="H486645" s="12"/>
    </row>
    <row r="486646" spans="8:8">
      <c r="H486646" s="12"/>
    </row>
    <row r="486647" spans="8:8">
      <c r="H486647" s="12"/>
    </row>
    <row r="486648" spans="8:8">
      <c r="H486648" s="12"/>
    </row>
    <row r="486649" spans="8:8">
      <c r="H486649" s="12"/>
    </row>
    <row r="486650" spans="8:8">
      <c r="H486650" s="12"/>
    </row>
    <row r="486651" spans="8:8">
      <c r="H486651" s="12"/>
    </row>
    <row r="486652" spans="8:8">
      <c r="H486652" s="12"/>
    </row>
    <row r="486653" spans="8:8">
      <c r="H486653" s="12"/>
    </row>
    <row r="486654" spans="8:8">
      <c r="H486654" s="12"/>
    </row>
    <row r="486655" spans="8:8">
      <c r="H486655" s="12"/>
    </row>
    <row r="486656" spans="8:8">
      <c r="H486656" s="12"/>
    </row>
    <row r="486657" spans="8:8">
      <c r="H486657" s="12"/>
    </row>
    <row r="486658" spans="8:8">
      <c r="H486658" s="12"/>
    </row>
    <row r="486659" spans="8:8">
      <c r="H486659" s="12"/>
    </row>
    <row r="486660" spans="8:8">
      <c r="H486660" s="12"/>
    </row>
    <row r="486661" spans="8:8">
      <c r="H486661" s="12"/>
    </row>
    <row r="486662" spans="8:8">
      <c r="H486662" s="12"/>
    </row>
    <row r="486663" spans="8:8">
      <c r="H486663" s="12"/>
    </row>
    <row r="486664" spans="8:8">
      <c r="H486664" s="12"/>
    </row>
    <row r="486665" spans="8:8">
      <c r="H486665" s="12"/>
    </row>
    <row r="486666" spans="8:8">
      <c r="H486666" s="12"/>
    </row>
    <row r="486667" spans="8:8">
      <c r="H486667" s="12"/>
    </row>
    <row r="486668" spans="8:8">
      <c r="H486668" s="12"/>
    </row>
    <row r="486669" spans="8:8">
      <c r="H486669" s="12"/>
    </row>
    <row r="486670" spans="8:8">
      <c r="H486670" s="12"/>
    </row>
    <row r="486671" spans="8:8">
      <c r="H486671" s="12"/>
    </row>
    <row r="486672" spans="8:8">
      <c r="H486672" s="12"/>
    </row>
    <row r="486673" spans="8:8">
      <c r="H486673" s="12"/>
    </row>
    <row r="486674" spans="8:8">
      <c r="H486674" s="12"/>
    </row>
    <row r="486675" spans="8:8">
      <c r="H486675" s="12"/>
    </row>
    <row r="486676" spans="8:8">
      <c r="H486676" s="12"/>
    </row>
    <row r="486677" spans="8:8">
      <c r="H486677" s="12"/>
    </row>
    <row r="486678" spans="8:8">
      <c r="H486678" s="12"/>
    </row>
    <row r="486679" spans="8:8">
      <c r="H486679" s="12"/>
    </row>
    <row r="486680" spans="8:8">
      <c r="H486680" s="12"/>
    </row>
    <row r="486681" spans="8:8">
      <c r="H486681" s="12"/>
    </row>
    <row r="486682" spans="8:8">
      <c r="H486682" s="12"/>
    </row>
    <row r="486683" spans="8:8">
      <c r="H486683" s="12"/>
    </row>
    <row r="486684" spans="8:8">
      <c r="H486684" s="12"/>
    </row>
    <row r="486685" spans="8:8">
      <c r="H486685" s="12"/>
    </row>
    <row r="486686" spans="8:8">
      <c r="H486686" s="12"/>
    </row>
    <row r="486687" spans="8:8">
      <c r="H486687" s="12"/>
    </row>
    <row r="486688" spans="8:8">
      <c r="H486688" s="12"/>
    </row>
    <row r="486689" spans="8:8">
      <c r="H486689" s="12"/>
    </row>
    <row r="486690" spans="8:8">
      <c r="H486690" s="12"/>
    </row>
    <row r="486691" spans="8:8">
      <c r="H486691" s="12"/>
    </row>
    <row r="486692" spans="8:8">
      <c r="H486692" s="12"/>
    </row>
    <row r="486693" spans="8:8">
      <c r="H486693" s="12"/>
    </row>
    <row r="486694" spans="8:8">
      <c r="H486694" s="12"/>
    </row>
    <row r="486695" spans="8:8">
      <c r="H486695" s="12"/>
    </row>
    <row r="486696" spans="8:8">
      <c r="H486696" s="12"/>
    </row>
    <row r="486697" spans="8:8">
      <c r="H486697" s="12"/>
    </row>
    <row r="486698" spans="8:8">
      <c r="H486698" s="12"/>
    </row>
    <row r="486699" spans="8:8">
      <c r="H486699" s="12"/>
    </row>
    <row r="486700" spans="8:8">
      <c r="H486700" s="12"/>
    </row>
    <row r="486701" spans="8:8">
      <c r="H486701" s="12"/>
    </row>
    <row r="486702" spans="8:8">
      <c r="H486702" s="12"/>
    </row>
    <row r="486703" spans="8:8">
      <c r="H486703" s="12"/>
    </row>
    <row r="486704" spans="8:8">
      <c r="H486704" s="12"/>
    </row>
    <row r="486705" spans="8:8">
      <c r="H486705" s="12"/>
    </row>
    <row r="486706" spans="8:8">
      <c r="H486706" s="12"/>
    </row>
    <row r="486707" spans="8:8">
      <c r="H486707" s="12"/>
    </row>
    <row r="486708" spans="8:8">
      <c r="H486708" s="12"/>
    </row>
    <row r="486709" spans="8:8">
      <c r="H486709" s="12"/>
    </row>
    <row r="486710" spans="8:8">
      <c r="H486710" s="12"/>
    </row>
    <row r="486711" spans="8:8">
      <c r="H486711" s="12"/>
    </row>
    <row r="486712" spans="8:8">
      <c r="H486712" s="12"/>
    </row>
    <row r="486713" spans="8:8">
      <c r="H486713" s="12"/>
    </row>
    <row r="486714" spans="8:8">
      <c r="H486714" s="12"/>
    </row>
    <row r="486715" spans="8:8">
      <c r="H486715" s="12"/>
    </row>
    <row r="486716" spans="8:8">
      <c r="H486716" s="12"/>
    </row>
    <row r="486717" spans="8:8">
      <c r="H486717" s="12"/>
    </row>
    <row r="486718" spans="8:8">
      <c r="H486718" s="12"/>
    </row>
    <row r="486719" spans="8:8">
      <c r="H486719" s="12"/>
    </row>
    <row r="486720" spans="8:8">
      <c r="H486720" s="12"/>
    </row>
    <row r="486721" spans="8:8">
      <c r="H486721" s="12"/>
    </row>
    <row r="486722" spans="8:8">
      <c r="H486722" s="12"/>
    </row>
    <row r="486723" spans="8:8">
      <c r="H486723" s="12"/>
    </row>
    <row r="486724" spans="8:8">
      <c r="H486724" s="12"/>
    </row>
    <row r="486725" spans="8:8">
      <c r="H486725" s="12"/>
    </row>
    <row r="486726" spans="8:8">
      <c r="H486726" s="12"/>
    </row>
    <row r="486727" spans="8:8">
      <c r="H486727" s="12"/>
    </row>
    <row r="486728" spans="8:8">
      <c r="H486728" s="12"/>
    </row>
    <row r="486729" spans="8:8">
      <c r="H486729" s="12"/>
    </row>
    <row r="486730" spans="8:8">
      <c r="H486730" s="12"/>
    </row>
    <row r="486731" spans="8:8">
      <c r="H486731" s="12"/>
    </row>
    <row r="486732" spans="8:8">
      <c r="H486732" s="12"/>
    </row>
    <row r="486733" spans="8:8">
      <c r="H486733" s="12"/>
    </row>
    <row r="486734" spans="8:8">
      <c r="H486734" s="12"/>
    </row>
    <row r="486735" spans="8:8">
      <c r="H486735" s="12"/>
    </row>
    <row r="486736" spans="8:8">
      <c r="H486736" s="12"/>
    </row>
    <row r="486737" spans="8:8">
      <c r="H486737" s="12"/>
    </row>
    <row r="486738" spans="8:8">
      <c r="H486738" s="12"/>
    </row>
    <row r="486739" spans="8:8">
      <c r="H486739" s="12"/>
    </row>
    <row r="486740" spans="8:8">
      <c r="H486740" s="12"/>
    </row>
    <row r="486741" spans="8:8">
      <c r="H486741" s="12"/>
    </row>
    <row r="486742" spans="8:8">
      <c r="H486742" s="12"/>
    </row>
    <row r="486743" spans="8:8">
      <c r="H486743" s="12"/>
    </row>
    <row r="486744" spans="8:8">
      <c r="H486744" s="12"/>
    </row>
    <row r="486745" spans="8:8">
      <c r="H486745" s="12"/>
    </row>
    <row r="486746" spans="8:8">
      <c r="H486746" s="12"/>
    </row>
    <row r="486747" spans="8:8">
      <c r="H486747" s="12"/>
    </row>
    <row r="486748" spans="8:8">
      <c r="H486748" s="12"/>
    </row>
    <row r="486749" spans="8:8">
      <c r="H486749" s="12"/>
    </row>
    <row r="486750" spans="8:8">
      <c r="H486750" s="12"/>
    </row>
    <row r="486751" spans="8:8">
      <c r="H486751" s="12"/>
    </row>
    <row r="486752" spans="8:8">
      <c r="H486752" s="12"/>
    </row>
    <row r="486753" spans="8:8">
      <c r="H486753" s="12"/>
    </row>
    <row r="486754" spans="8:8">
      <c r="H486754" s="12"/>
    </row>
    <row r="486755" spans="8:8">
      <c r="H486755" s="12"/>
    </row>
    <row r="486756" spans="8:8">
      <c r="H486756" s="12"/>
    </row>
    <row r="486757" spans="8:8">
      <c r="H486757" s="12"/>
    </row>
    <row r="486758" spans="8:8">
      <c r="H486758" s="12"/>
    </row>
    <row r="486759" spans="8:8">
      <c r="H486759" s="12"/>
    </row>
    <row r="486760" spans="8:8">
      <c r="H486760" s="12"/>
    </row>
    <row r="486761" spans="8:8">
      <c r="H486761" s="12"/>
    </row>
    <row r="486762" spans="8:8">
      <c r="H486762" s="12"/>
    </row>
    <row r="486763" spans="8:8">
      <c r="H486763" s="12"/>
    </row>
    <row r="486764" spans="8:8">
      <c r="H486764" s="12"/>
    </row>
    <row r="486765" spans="8:8">
      <c r="H486765" s="12"/>
    </row>
    <row r="486766" spans="8:8">
      <c r="H486766" s="12"/>
    </row>
    <row r="486767" spans="8:8">
      <c r="H486767" s="12"/>
    </row>
    <row r="486768" spans="8:8">
      <c r="H486768" s="12"/>
    </row>
    <row r="486769" spans="8:8">
      <c r="H486769" s="12"/>
    </row>
    <row r="486770" spans="8:8">
      <c r="H486770" s="12"/>
    </row>
    <row r="486771" spans="8:8">
      <c r="H486771" s="12"/>
    </row>
    <row r="486772" spans="8:8">
      <c r="H486772" s="12"/>
    </row>
    <row r="486773" spans="8:8">
      <c r="H486773" s="12"/>
    </row>
    <row r="486774" spans="8:8">
      <c r="H486774" s="12"/>
    </row>
    <row r="486775" spans="8:8">
      <c r="H486775" s="12"/>
    </row>
    <row r="486776" spans="8:8">
      <c r="H486776" s="12"/>
    </row>
    <row r="486777" spans="8:8">
      <c r="H486777" s="12"/>
    </row>
    <row r="486778" spans="8:8">
      <c r="H486778" s="12"/>
    </row>
    <row r="486779" spans="8:8">
      <c r="H486779" s="12"/>
    </row>
    <row r="486780" spans="8:8">
      <c r="H486780" s="12"/>
    </row>
    <row r="486781" spans="8:8">
      <c r="H486781" s="12"/>
    </row>
    <row r="486782" spans="8:8">
      <c r="H486782" s="12"/>
    </row>
    <row r="486783" spans="8:8">
      <c r="H486783" s="12"/>
    </row>
    <row r="486784" spans="8:8">
      <c r="H486784" s="12"/>
    </row>
    <row r="486785" spans="8:8">
      <c r="H486785" s="12"/>
    </row>
    <row r="486786" spans="8:8">
      <c r="H486786" s="12"/>
    </row>
    <row r="486787" spans="8:8">
      <c r="H486787" s="12"/>
    </row>
    <row r="486788" spans="8:8">
      <c r="H486788" s="12"/>
    </row>
    <row r="486789" spans="8:8">
      <c r="H486789" s="12"/>
    </row>
    <row r="486790" spans="8:8">
      <c r="H486790" s="12"/>
    </row>
    <row r="486791" spans="8:8">
      <c r="H486791" s="12"/>
    </row>
    <row r="486792" spans="8:8">
      <c r="H486792" s="12"/>
    </row>
    <row r="486793" spans="8:8">
      <c r="H486793" s="12"/>
    </row>
    <row r="486794" spans="8:8">
      <c r="H486794" s="12"/>
    </row>
    <row r="486795" spans="8:8">
      <c r="H486795" s="12"/>
    </row>
    <row r="486796" spans="8:8">
      <c r="H486796" s="12"/>
    </row>
    <row r="486797" spans="8:8">
      <c r="H486797" s="12"/>
    </row>
    <row r="486798" spans="8:8">
      <c r="H486798" s="12"/>
    </row>
    <row r="486799" spans="8:8">
      <c r="H486799" s="12"/>
    </row>
    <row r="486800" spans="8:8">
      <c r="H486800" s="12"/>
    </row>
    <row r="486801" spans="8:8">
      <c r="H486801" s="12"/>
    </row>
    <row r="486802" spans="8:8">
      <c r="H486802" s="12"/>
    </row>
    <row r="486803" spans="8:8">
      <c r="H486803" s="12"/>
    </row>
    <row r="486804" spans="8:8">
      <c r="H486804" s="12"/>
    </row>
    <row r="486805" spans="8:8">
      <c r="H486805" s="12"/>
    </row>
    <row r="486806" spans="8:8">
      <c r="H486806" s="12"/>
    </row>
    <row r="486807" spans="8:8">
      <c r="H486807" s="12"/>
    </row>
    <row r="486808" spans="8:8">
      <c r="H486808" s="12"/>
    </row>
    <row r="486809" spans="8:8">
      <c r="H486809" s="12"/>
    </row>
    <row r="486810" spans="8:8">
      <c r="H486810" s="12"/>
    </row>
    <row r="486811" spans="8:8">
      <c r="H486811" s="12"/>
    </row>
    <row r="486812" spans="8:8">
      <c r="H486812" s="12"/>
    </row>
    <row r="486813" spans="8:8">
      <c r="H486813" s="12"/>
    </row>
    <row r="486814" spans="8:8">
      <c r="H486814" s="12"/>
    </row>
    <row r="486815" spans="8:8">
      <c r="H486815" s="12"/>
    </row>
    <row r="486816" spans="8:8">
      <c r="H486816" s="12"/>
    </row>
    <row r="486817" spans="8:8">
      <c r="H486817" s="12"/>
    </row>
    <row r="486818" spans="8:8">
      <c r="H486818" s="12"/>
    </row>
    <row r="486819" spans="8:8">
      <c r="H486819" s="12"/>
    </row>
    <row r="486820" spans="8:8">
      <c r="H486820" s="12"/>
    </row>
    <row r="486821" spans="8:8">
      <c r="H486821" s="12"/>
    </row>
    <row r="486822" spans="8:8">
      <c r="H486822" s="12"/>
    </row>
    <row r="486823" spans="8:8">
      <c r="H486823" s="12"/>
    </row>
    <row r="486824" spans="8:8">
      <c r="H486824" s="12"/>
    </row>
    <row r="486825" spans="8:8">
      <c r="H486825" s="12"/>
    </row>
    <row r="486826" spans="8:8">
      <c r="H486826" s="12"/>
    </row>
    <row r="486827" spans="8:8">
      <c r="H486827" s="12"/>
    </row>
    <row r="486828" spans="8:8">
      <c r="H486828" s="12"/>
    </row>
    <row r="486829" spans="8:8">
      <c r="H486829" s="12"/>
    </row>
    <row r="486830" spans="8:8">
      <c r="H486830" s="12"/>
    </row>
    <row r="486831" spans="8:8">
      <c r="H486831" s="12"/>
    </row>
    <row r="486832" spans="8:8">
      <c r="H486832" s="12"/>
    </row>
    <row r="486833" spans="8:8">
      <c r="H486833" s="12"/>
    </row>
    <row r="486834" spans="8:8">
      <c r="H486834" s="12"/>
    </row>
    <row r="486835" spans="8:8">
      <c r="H486835" s="12"/>
    </row>
    <row r="486836" spans="8:8">
      <c r="H486836" s="12"/>
    </row>
    <row r="486837" spans="8:8">
      <c r="H486837" s="12"/>
    </row>
    <row r="486838" spans="8:8">
      <c r="H486838" s="12"/>
    </row>
    <row r="486839" spans="8:8">
      <c r="H486839" s="12"/>
    </row>
    <row r="486840" spans="8:8">
      <c r="H486840" s="12"/>
    </row>
    <row r="486841" spans="8:8">
      <c r="H486841" s="12"/>
    </row>
    <row r="486842" spans="8:8">
      <c r="H486842" s="12"/>
    </row>
    <row r="486843" spans="8:8">
      <c r="H486843" s="12"/>
    </row>
    <row r="486844" spans="8:8">
      <c r="H486844" s="12"/>
    </row>
    <row r="486845" spans="8:8">
      <c r="H486845" s="12"/>
    </row>
    <row r="486846" spans="8:8">
      <c r="H486846" s="12"/>
    </row>
    <row r="486847" spans="8:8">
      <c r="H486847" s="12"/>
    </row>
    <row r="486848" spans="8:8">
      <c r="H486848" s="12"/>
    </row>
    <row r="486849" spans="8:8">
      <c r="H486849" s="12"/>
    </row>
    <row r="486850" spans="8:8">
      <c r="H486850" s="12"/>
    </row>
    <row r="486851" spans="8:8">
      <c r="H486851" s="12"/>
    </row>
    <row r="486852" spans="8:8">
      <c r="H486852" s="12"/>
    </row>
    <row r="486853" spans="8:8">
      <c r="H486853" s="12"/>
    </row>
    <row r="486854" spans="8:8">
      <c r="H486854" s="12"/>
    </row>
    <row r="486855" spans="8:8">
      <c r="H486855" s="12"/>
    </row>
    <row r="486856" spans="8:8">
      <c r="H486856" s="12"/>
    </row>
    <row r="486857" spans="8:8">
      <c r="H486857" s="12"/>
    </row>
    <row r="486858" spans="8:8">
      <c r="H486858" s="12"/>
    </row>
    <row r="486859" spans="8:8">
      <c r="H486859" s="12"/>
    </row>
    <row r="486860" spans="8:8">
      <c r="H486860" s="12"/>
    </row>
    <row r="486861" spans="8:8">
      <c r="H486861" s="12"/>
    </row>
    <row r="486862" spans="8:8">
      <c r="H486862" s="12"/>
    </row>
    <row r="486863" spans="8:8">
      <c r="H486863" s="12"/>
    </row>
    <row r="486864" spans="8:8">
      <c r="H486864" s="12"/>
    </row>
    <row r="486865" spans="8:8">
      <c r="H486865" s="12"/>
    </row>
    <row r="486866" spans="8:8">
      <c r="H486866" s="12"/>
    </row>
    <row r="486867" spans="8:8">
      <c r="H486867" s="12"/>
    </row>
    <row r="486868" spans="8:8">
      <c r="H486868" s="12"/>
    </row>
    <row r="486869" spans="8:8">
      <c r="H486869" s="12"/>
    </row>
    <row r="486870" spans="8:8">
      <c r="H486870" s="12"/>
    </row>
    <row r="486871" spans="8:8">
      <c r="H486871" s="12"/>
    </row>
    <row r="486872" spans="8:8">
      <c r="H486872" s="12"/>
    </row>
    <row r="486873" spans="8:8">
      <c r="H486873" s="12"/>
    </row>
    <row r="486874" spans="8:8">
      <c r="H486874" s="12"/>
    </row>
    <row r="486875" spans="8:8">
      <c r="H486875" s="12"/>
    </row>
    <row r="486876" spans="8:8">
      <c r="H486876" s="12"/>
    </row>
    <row r="486877" spans="8:8">
      <c r="H486877" s="12"/>
    </row>
    <row r="486878" spans="8:8">
      <c r="H486878" s="12"/>
    </row>
    <row r="486879" spans="8:8">
      <c r="H486879" s="12"/>
    </row>
    <row r="486880" spans="8:8">
      <c r="H486880" s="12"/>
    </row>
    <row r="486881" spans="8:8">
      <c r="H486881" s="12"/>
    </row>
    <row r="486882" spans="8:8">
      <c r="H486882" s="12"/>
    </row>
    <row r="486883" spans="8:8">
      <c r="H486883" s="12"/>
    </row>
    <row r="486884" spans="8:8">
      <c r="H486884" s="12"/>
    </row>
    <row r="486885" spans="8:8">
      <c r="H486885" s="12"/>
    </row>
    <row r="486886" spans="8:8">
      <c r="H486886" s="12"/>
    </row>
    <row r="486887" spans="8:8">
      <c r="H486887" s="12"/>
    </row>
    <row r="486888" spans="8:8">
      <c r="H486888" s="12"/>
    </row>
    <row r="486889" spans="8:8">
      <c r="H486889" s="12"/>
    </row>
    <row r="486890" spans="8:8">
      <c r="H486890" s="12"/>
    </row>
    <row r="486891" spans="8:8">
      <c r="H486891" s="12"/>
    </row>
    <row r="486892" spans="8:8">
      <c r="H486892" s="12"/>
    </row>
    <row r="486893" spans="8:8">
      <c r="H486893" s="12"/>
    </row>
    <row r="486894" spans="8:8">
      <c r="H486894" s="12"/>
    </row>
    <row r="486895" spans="8:8">
      <c r="H486895" s="12"/>
    </row>
    <row r="486896" spans="8:8">
      <c r="H486896" s="12"/>
    </row>
    <row r="486897" spans="8:8">
      <c r="H486897" s="12"/>
    </row>
    <row r="486898" spans="8:8">
      <c r="H486898" s="12"/>
    </row>
    <row r="486899" spans="8:8">
      <c r="H486899" s="12"/>
    </row>
    <row r="486900" spans="8:8">
      <c r="H486900" s="12"/>
    </row>
    <row r="486901" spans="8:8">
      <c r="H486901" s="12"/>
    </row>
    <row r="486902" spans="8:8">
      <c r="H486902" s="12"/>
    </row>
    <row r="486903" spans="8:8">
      <c r="H486903" s="12"/>
    </row>
    <row r="486904" spans="8:8">
      <c r="H486904" s="12"/>
    </row>
    <row r="486905" spans="8:8">
      <c r="H486905" s="12"/>
    </row>
    <row r="486906" spans="8:8">
      <c r="H486906" s="12"/>
    </row>
    <row r="486907" spans="8:8">
      <c r="H486907" s="12"/>
    </row>
    <row r="486908" spans="8:8">
      <c r="H486908" s="12"/>
    </row>
    <row r="486909" spans="8:8">
      <c r="H486909" s="12"/>
    </row>
    <row r="486910" spans="8:8">
      <c r="H486910" s="12"/>
    </row>
    <row r="486911" spans="8:8">
      <c r="H486911" s="12"/>
    </row>
    <row r="486912" spans="8:8">
      <c r="H486912" s="12"/>
    </row>
    <row r="486913" spans="8:8">
      <c r="H486913" s="12"/>
    </row>
    <row r="486914" spans="8:8">
      <c r="H486914" s="12"/>
    </row>
    <row r="486915" spans="8:8">
      <c r="H486915" s="12"/>
    </row>
    <row r="486916" spans="8:8">
      <c r="H486916" s="12"/>
    </row>
    <row r="486917" spans="8:8">
      <c r="H486917" s="12"/>
    </row>
    <row r="486918" spans="8:8">
      <c r="H486918" s="12"/>
    </row>
    <row r="486919" spans="8:8">
      <c r="H486919" s="12"/>
    </row>
    <row r="486920" spans="8:8">
      <c r="H486920" s="12"/>
    </row>
    <row r="486921" spans="8:8">
      <c r="H486921" s="12"/>
    </row>
    <row r="486922" spans="8:8">
      <c r="H486922" s="12"/>
    </row>
    <row r="486923" spans="8:8">
      <c r="H486923" s="12"/>
    </row>
    <row r="486924" spans="8:8">
      <c r="H486924" s="12"/>
    </row>
    <row r="486925" spans="8:8">
      <c r="H486925" s="12"/>
    </row>
    <row r="486926" spans="8:8">
      <c r="H486926" s="12"/>
    </row>
    <row r="486927" spans="8:8">
      <c r="H486927" s="12"/>
    </row>
    <row r="486928" spans="8:8">
      <c r="H486928" s="12"/>
    </row>
    <row r="486929" spans="8:8">
      <c r="H486929" s="12"/>
    </row>
    <row r="486930" spans="8:8">
      <c r="H486930" s="12"/>
    </row>
    <row r="486931" spans="8:8">
      <c r="H486931" s="12"/>
    </row>
    <row r="486932" spans="8:8">
      <c r="H486932" s="12"/>
    </row>
    <row r="486933" spans="8:8">
      <c r="H486933" s="12"/>
    </row>
    <row r="486934" spans="8:8">
      <c r="H486934" s="12"/>
    </row>
    <row r="486935" spans="8:8">
      <c r="H486935" s="12"/>
    </row>
    <row r="486936" spans="8:8">
      <c r="H486936" s="12"/>
    </row>
    <row r="486937" spans="8:8">
      <c r="H486937" s="12"/>
    </row>
    <row r="486938" spans="8:8">
      <c r="H486938" s="12"/>
    </row>
    <row r="486939" spans="8:8">
      <c r="H486939" s="12"/>
    </row>
    <row r="486940" spans="8:8">
      <c r="H486940" s="12"/>
    </row>
    <row r="486941" spans="8:8">
      <c r="H486941" s="12"/>
    </row>
    <row r="486942" spans="8:8">
      <c r="H486942" s="12"/>
    </row>
    <row r="486943" spans="8:8">
      <c r="H486943" s="12"/>
    </row>
    <row r="486944" spans="8:8">
      <c r="H486944" s="12"/>
    </row>
    <row r="486945" spans="8:8">
      <c r="H486945" s="12"/>
    </row>
    <row r="486946" spans="8:8">
      <c r="H486946" s="12"/>
    </row>
    <row r="486947" spans="8:8">
      <c r="H486947" s="12"/>
    </row>
    <row r="486948" spans="8:8">
      <c r="H486948" s="12"/>
    </row>
    <row r="486949" spans="8:8">
      <c r="H486949" s="12"/>
    </row>
    <row r="486950" spans="8:8">
      <c r="H486950" s="12"/>
    </row>
    <row r="486951" spans="8:8">
      <c r="H486951" s="12"/>
    </row>
    <row r="486952" spans="8:8">
      <c r="H486952" s="12"/>
    </row>
    <row r="486953" spans="8:8">
      <c r="H486953" s="12"/>
    </row>
    <row r="486954" spans="8:8">
      <c r="H486954" s="12"/>
    </row>
    <row r="486955" spans="8:8">
      <c r="H486955" s="12"/>
    </row>
    <row r="486956" spans="8:8">
      <c r="H486956" s="12"/>
    </row>
    <row r="486957" spans="8:8">
      <c r="H486957" s="12"/>
    </row>
    <row r="486958" spans="8:8">
      <c r="H486958" s="12"/>
    </row>
    <row r="486959" spans="8:8">
      <c r="H486959" s="12"/>
    </row>
    <row r="486960" spans="8:8">
      <c r="H486960" s="12"/>
    </row>
    <row r="486961" spans="8:8">
      <c r="H486961" s="12"/>
    </row>
    <row r="486962" spans="8:8">
      <c r="H486962" s="12"/>
    </row>
    <row r="486963" spans="8:8">
      <c r="H486963" s="12"/>
    </row>
    <row r="486964" spans="8:8">
      <c r="H486964" s="12"/>
    </row>
    <row r="486965" spans="8:8">
      <c r="H486965" s="12"/>
    </row>
    <row r="486966" spans="8:8">
      <c r="H486966" s="12"/>
    </row>
    <row r="486967" spans="8:8">
      <c r="H486967" s="12"/>
    </row>
    <row r="486968" spans="8:8">
      <c r="H486968" s="12"/>
    </row>
    <row r="486969" spans="8:8">
      <c r="H486969" s="12"/>
    </row>
    <row r="486970" spans="8:8">
      <c r="H486970" s="12"/>
    </row>
    <row r="486971" spans="8:8">
      <c r="H486971" s="12"/>
    </row>
    <row r="486972" spans="8:8">
      <c r="H486972" s="12"/>
    </row>
    <row r="486973" spans="8:8">
      <c r="H486973" s="12"/>
    </row>
    <row r="486974" spans="8:8">
      <c r="H486974" s="12"/>
    </row>
    <row r="486975" spans="8:8">
      <c r="H486975" s="12"/>
    </row>
    <row r="486976" spans="8:8">
      <c r="H486976" s="12"/>
    </row>
    <row r="486977" spans="8:8">
      <c r="H486977" s="12"/>
    </row>
    <row r="486978" spans="8:8">
      <c r="H486978" s="12"/>
    </row>
    <row r="486979" spans="8:8">
      <c r="H486979" s="12"/>
    </row>
    <row r="486980" spans="8:8">
      <c r="H486980" s="12"/>
    </row>
    <row r="486981" spans="8:8">
      <c r="H486981" s="12"/>
    </row>
    <row r="486982" spans="8:8">
      <c r="H486982" s="12"/>
    </row>
    <row r="486983" spans="8:8">
      <c r="H486983" s="12"/>
    </row>
    <row r="486984" spans="8:8">
      <c r="H486984" s="12"/>
    </row>
    <row r="486985" spans="8:8">
      <c r="H486985" s="12"/>
    </row>
    <row r="486986" spans="8:8">
      <c r="H486986" s="12"/>
    </row>
    <row r="486987" spans="8:8">
      <c r="H486987" s="12"/>
    </row>
    <row r="486988" spans="8:8">
      <c r="H486988" s="12"/>
    </row>
    <row r="486989" spans="8:8">
      <c r="H486989" s="12"/>
    </row>
    <row r="486990" spans="8:8">
      <c r="H486990" s="12"/>
    </row>
    <row r="486991" spans="8:8">
      <c r="H486991" s="12"/>
    </row>
    <row r="486992" spans="8:8">
      <c r="H486992" s="12"/>
    </row>
    <row r="486993" spans="8:8">
      <c r="H486993" s="12"/>
    </row>
    <row r="486994" spans="8:8">
      <c r="H486994" s="12"/>
    </row>
    <row r="486995" spans="8:8">
      <c r="H486995" s="12"/>
    </row>
    <row r="486996" spans="8:8">
      <c r="H486996" s="12"/>
    </row>
    <row r="486997" spans="8:8">
      <c r="H486997" s="12"/>
    </row>
    <row r="486998" spans="8:8">
      <c r="H486998" s="12"/>
    </row>
    <row r="486999" spans="8:8">
      <c r="H486999" s="12"/>
    </row>
    <row r="487000" spans="8:8">
      <c r="H487000" s="12"/>
    </row>
    <row r="487001" spans="8:8">
      <c r="H487001" s="12"/>
    </row>
    <row r="487002" spans="8:8">
      <c r="H487002" s="12"/>
    </row>
    <row r="487003" spans="8:8">
      <c r="H487003" s="12"/>
    </row>
    <row r="487004" spans="8:8">
      <c r="H487004" s="12"/>
    </row>
    <row r="487005" spans="8:8">
      <c r="H487005" s="12"/>
    </row>
    <row r="487006" spans="8:8">
      <c r="H487006" s="12"/>
    </row>
    <row r="487007" spans="8:8">
      <c r="H487007" s="12"/>
    </row>
    <row r="487008" spans="8:8">
      <c r="H487008" s="12"/>
    </row>
    <row r="487009" spans="8:8">
      <c r="H487009" s="12"/>
    </row>
    <row r="487010" spans="8:8">
      <c r="H487010" s="12"/>
    </row>
    <row r="487011" spans="8:8">
      <c r="H487011" s="12"/>
    </row>
    <row r="487012" spans="8:8">
      <c r="H487012" s="12"/>
    </row>
    <row r="487013" spans="8:8">
      <c r="H487013" s="12"/>
    </row>
    <row r="487014" spans="8:8">
      <c r="H487014" s="12"/>
    </row>
    <row r="487015" spans="8:8">
      <c r="H487015" s="12"/>
    </row>
    <row r="487016" spans="8:8">
      <c r="H487016" s="12"/>
    </row>
    <row r="487017" spans="8:8">
      <c r="H487017" s="12"/>
    </row>
    <row r="487018" spans="8:8">
      <c r="H487018" s="12"/>
    </row>
    <row r="487019" spans="8:8">
      <c r="H487019" s="12"/>
    </row>
    <row r="487020" spans="8:8">
      <c r="H487020" s="12"/>
    </row>
    <row r="487021" spans="8:8">
      <c r="H487021" s="12"/>
    </row>
    <row r="487022" spans="8:8">
      <c r="H487022" s="12"/>
    </row>
    <row r="487023" spans="8:8">
      <c r="H487023" s="12"/>
    </row>
    <row r="487024" spans="8:8">
      <c r="H487024" s="12"/>
    </row>
    <row r="487025" spans="8:8">
      <c r="H487025" s="12"/>
    </row>
    <row r="487026" spans="8:8">
      <c r="H487026" s="12"/>
    </row>
    <row r="487027" spans="8:8">
      <c r="H487027" s="12"/>
    </row>
    <row r="487028" spans="8:8">
      <c r="H487028" s="12"/>
    </row>
    <row r="487029" spans="8:8">
      <c r="H487029" s="12"/>
    </row>
    <row r="487030" spans="8:8">
      <c r="H487030" s="12"/>
    </row>
    <row r="487031" spans="8:8">
      <c r="H487031" s="12"/>
    </row>
    <row r="487032" spans="8:8">
      <c r="H487032" s="12"/>
    </row>
    <row r="487033" spans="8:8">
      <c r="H487033" s="12"/>
    </row>
    <row r="487034" spans="8:8">
      <c r="H487034" s="12"/>
    </row>
    <row r="487035" spans="8:8">
      <c r="H487035" s="12"/>
    </row>
    <row r="487036" spans="8:8">
      <c r="H487036" s="12"/>
    </row>
    <row r="487037" spans="8:8">
      <c r="H487037" s="12"/>
    </row>
    <row r="487038" spans="8:8">
      <c r="H487038" s="12"/>
    </row>
    <row r="487039" spans="8:8">
      <c r="H487039" s="12"/>
    </row>
    <row r="487040" spans="8:8">
      <c r="H487040" s="12"/>
    </row>
    <row r="487041" spans="8:8">
      <c r="H487041" s="12"/>
    </row>
    <row r="487042" spans="8:8">
      <c r="H487042" s="12"/>
    </row>
    <row r="487043" spans="8:8">
      <c r="H487043" s="12"/>
    </row>
    <row r="487044" spans="8:8">
      <c r="H487044" s="12"/>
    </row>
    <row r="487045" spans="8:8">
      <c r="H487045" s="12"/>
    </row>
    <row r="487046" spans="8:8">
      <c r="H487046" s="12"/>
    </row>
    <row r="487047" spans="8:8">
      <c r="H487047" s="12"/>
    </row>
    <row r="487048" spans="8:8">
      <c r="H487048" s="12"/>
    </row>
    <row r="487049" spans="8:8">
      <c r="H487049" s="12"/>
    </row>
    <row r="487050" spans="8:8">
      <c r="H487050" s="12"/>
    </row>
    <row r="487051" spans="8:8">
      <c r="H487051" s="12"/>
    </row>
    <row r="487052" spans="8:8">
      <c r="H487052" s="12"/>
    </row>
    <row r="487053" spans="8:8">
      <c r="H487053" s="12"/>
    </row>
    <row r="487054" spans="8:8">
      <c r="H487054" s="12"/>
    </row>
    <row r="487055" spans="8:8">
      <c r="H487055" s="12"/>
    </row>
    <row r="487056" spans="8:8">
      <c r="H487056" s="12"/>
    </row>
    <row r="487057" spans="8:8">
      <c r="H487057" s="12"/>
    </row>
    <row r="487058" spans="8:8">
      <c r="H487058" s="12"/>
    </row>
    <row r="487059" spans="8:8">
      <c r="H487059" s="12"/>
    </row>
    <row r="487060" spans="8:8">
      <c r="H487060" s="12"/>
    </row>
    <row r="487061" spans="8:8">
      <c r="H487061" s="12"/>
    </row>
    <row r="487062" spans="8:8">
      <c r="H487062" s="12"/>
    </row>
    <row r="487063" spans="8:8">
      <c r="H487063" s="12"/>
    </row>
    <row r="487064" spans="8:8">
      <c r="H487064" s="12"/>
    </row>
    <row r="487065" spans="8:8">
      <c r="H487065" s="12"/>
    </row>
    <row r="487066" spans="8:8">
      <c r="H487066" s="12"/>
    </row>
    <row r="487067" spans="8:8">
      <c r="H487067" s="12"/>
    </row>
    <row r="487068" spans="8:8">
      <c r="H487068" s="12"/>
    </row>
    <row r="487069" spans="8:8">
      <c r="H487069" s="12"/>
    </row>
    <row r="487070" spans="8:8">
      <c r="H487070" s="12"/>
    </row>
    <row r="487071" spans="8:8">
      <c r="H487071" s="12"/>
    </row>
    <row r="487072" spans="8:8">
      <c r="H487072" s="12"/>
    </row>
    <row r="487073" spans="8:8">
      <c r="H487073" s="12"/>
    </row>
    <row r="487074" spans="8:8">
      <c r="H487074" s="12"/>
    </row>
    <row r="487075" spans="8:8">
      <c r="H487075" s="12"/>
    </row>
    <row r="487076" spans="8:8">
      <c r="H487076" s="12"/>
    </row>
    <row r="487077" spans="8:8">
      <c r="H487077" s="12"/>
    </row>
    <row r="487078" spans="8:8">
      <c r="H487078" s="12"/>
    </row>
    <row r="487079" spans="8:8">
      <c r="H487079" s="12"/>
    </row>
    <row r="487080" spans="8:8">
      <c r="H487080" s="12"/>
    </row>
    <row r="487081" spans="8:8">
      <c r="H487081" s="12"/>
    </row>
    <row r="487082" spans="8:8">
      <c r="H487082" s="12"/>
    </row>
    <row r="487083" spans="8:8">
      <c r="H487083" s="12"/>
    </row>
    <row r="487084" spans="8:8">
      <c r="H487084" s="12"/>
    </row>
    <row r="487085" spans="8:8">
      <c r="H487085" s="12"/>
    </row>
    <row r="487086" spans="8:8">
      <c r="H487086" s="12"/>
    </row>
    <row r="487087" spans="8:8">
      <c r="H487087" s="12"/>
    </row>
    <row r="487088" spans="8:8">
      <c r="H487088" s="12"/>
    </row>
    <row r="487089" spans="8:8">
      <c r="H487089" s="12"/>
    </row>
    <row r="487090" spans="8:8">
      <c r="H487090" s="12"/>
    </row>
    <row r="487091" spans="8:8">
      <c r="H487091" s="12"/>
    </row>
    <row r="487092" spans="8:8">
      <c r="H487092" s="12"/>
    </row>
    <row r="487093" spans="8:8">
      <c r="H487093" s="12"/>
    </row>
    <row r="487094" spans="8:8">
      <c r="H487094" s="12"/>
    </row>
    <row r="487095" spans="8:8">
      <c r="H487095" s="12"/>
    </row>
    <row r="487096" spans="8:8">
      <c r="H487096" s="12"/>
    </row>
    <row r="487097" spans="8:8">
      <c r="H487097" s="12"/>
    </row>
    <row r="487098" spans="8:8">
      <c r="H487098" s="12"/>
    </row>
    <row r="487099" spans="8:8">
      <c r="H487099" s="12"/>
    </row>
    <row r="487100" spans="8:8">
      <c r="H487100" s="12"/>
    </row>
    <row r="487101" spans="8:8">
      <c r="H487101" s="12"/>
    </row>
    <row r="487102" spans="8:8">
      <c r="H487102" s="12"/>
    </row>
    <row r="487103" spans="8:8">
      <c r="H487103" s="12"/>
    </row>
    <row r="487104" spans="8:8">
      <c r="H487104" s="12"/>
    </row>
    <row r="487105" spans="8:8">
      <c r="H487105" s="12"/>
    </row>
    <row r="487106" spans="8:8">
      <c r="H487106" s="12"/>
    </row>
    <row r="487107" spans="8:8">
      <c r="H487107" s="12"/>
    </row>
    <row r="487108" spans="8:8">
      <c r="H487108" s="12"/>
    </row>
    <row r="487109" spans="8:8">
      <c r="H487109" s="12"/>
    </row>
    <row r="487110" spans="8:8">
      <c r="H487110" s="12"/>
    </row>
    <row r="487111" spans="8:8">
      <c r="H487111" s="12"/>
    </row>
    <row r="487112" spans="8:8">
      <c r="H487112" s="12"/>
    </row>
    <row r="487113" spans="8:8">
      <c r="H487113" s="12"/>
    </row>
    <row r="487114" spans="8:8">
      <c r="H487114" s="12"/>
    </row>
    <row r="487115" spans="8:8">
      <c r="H487115" s="12"/>
    </row>
    <row r="487116" spans="8:8">
      <c r="H487116" s="12"/>
    </row>
    <row r="487117" spans="8:8">
      <c r="H487117" s="12"/>
    </row>
    <row r="487118" spans="8:8">
      <c r="H487118" s="12"/>
    </row>
    <row r="487119" spans="8:8">
      <c r="H487119" s="12"/>
    </row>
    <row r="487120" spans="8:8">
      <c r="H487120" s="12"/>
    </row>
    <row r="487121" spans="8:8">
      <c r="H487121" s="12"/>
    </row>
    <row r="487122" spans="8:8">
      <c r="H487122" s="12"/>
    </row>
    <row r="487123" spans="8:8">
      <c r="H487123" s="12"/>
    </row>
    <row r="487124" spans="8:8">
      <c r="H487124" s="12"/>
    </row>
    <row r="487125" spans="8:8">
      <c r="H487125" s="12"/>
    </row>
    <row r="487126" spans="8:8">
      <c r="H487126" s="12"/>
    </row>
    <row r="487127" spans="8:8">
      <c r="H487127" s="12"/>
    </row>
    <row r="487128" spans="8:8">
      <c r="H487128" s="12"/>
    </row>
    <row r="487129" spans="8:8">
      <c r="H487129" s="12"/>
    </row>
    <row r="487130" spans="8:8">
      <c r="H487130" s="12"/>
    </row>
    <row r="487131" spans="8:8">
      <c r="H487131" s="12"/>
    </row>
    <row r="487132" spans="8:8">
      <c r="H487132" s="12"/>
    </row>
    <row r="487133" spans="8:8">
      <c r="H487133" s="12"/>
    </row>
    <row r="487134" spans="8:8">
      <c r="H487134" s="12"/>
    </row>
    <row r="487135" spans="8:8">
      <c r="H487135" s="12"/>
    </row>
    <row r="487136" spans="8:8">
      <c r="H487136" s="12"/>
    </row>
    <row r="487137" spans="8:8">
      <c r="H487137" s="12"/>
    </row>
    <row r="487138" spans="8:8">
      <c r="H487138" s="12"/>
    </row>
    <row r="487139" spans="8:8">
      <c r="H487139" s="12"/>
    </row>
    <row r="487140" spans="8:8">
      <c r="H487140" s="12"/>
    </row>
    <row r="487141" spans="8:8">
      <c r="H487141" s="12"/>
    </row>
    <row r="487142" spans="8:8">
      <c r="H487142" s="12"/>
    </row>
    <row r="487143" spans="8:8">
      <c r="H487143" s="12"/>
    </row>
    <row r="487144" spans="8:8">
      <c r="H487144" s="12"/>
    </row>
    <row r="487145" spans="8:8">
      <c r="H487145" s="12"/>
    </row>
    <row r="487146" spans="8:8">
      <c r="H487146" s="12"/>
    </row>
    <row r="487147" spans="8:8">
      <c r="H487147" s="12"/>
    </row>
    <row r="487148" spans="8:8">
      <c r="H487148" s="12"/>
    </row>
    <row r="487149" spans="8:8">
      <c r="H487149" s="12"/>
    </row>
    <row r="487150" spans="8:8">
      <c r="H487150" s="12"/>
    </row>
    <row r="487151" spans="8:8">
      <c r="H487151" s="12"/>
    </row>
    <row r="487152" spans="8:8">
      <c r="H487152" s="12"/>
    </row>
    <row r="487153" spans="8:8">
      <c r="H487153" s="12"/>
    </row>
    <row r="487154" spans="8:8">
      <c r="H487154" s="12"/>
    </row>
    <row r="487155" spans="8:8">
      <c r="H487155" s="12"/>
    </row>
    <row r="487156" spans="8:8">
      <c r="H487156" s="12"/>
    </row>
    <row r="487157" spans="8:8">
      <c r="H487157" s="12"/>
    </row>
    <row r="487158" spans="8:8">
      <c r="H487158" s="12"/>
    </row>
    <row r="487159" spans="8:8">
      <c r="H487159" s="12"/>
    </row>
    <row r="487160" spans="8:8">
      <c r="H487160" s="12"/>
    </row>
    <row r="487161" spans="8:8">
      <c r="H487161" s="12"/>
    </row>
    <row r="487162" spans="8:8">
      <c r="H487162" s="12"/>
    </row>
    <row r="487163" spans="8:8">
      <c r="H487163" s="12"/>
    </row>
    <row r="487164" spans="8:8">
      <c r="H487164" s="12"/>
    </row>
    <row r="487165" spans="8:8">
      <c r="H487165" s="12"/>
    </row>
    <row r="487166" spans="8:8">
      <c r="H487166" s="12"/>
    </row>
    <row r="487167" spans="8:8">
      <c r="H487167" s="12"/>
    </row>
    <row r="487168" spans="8:8">
      <c r="H487168" s="12"/>
    </row>
    <row r="487169" spans="8:8">
      <c r="H487169" s="12"/>
    </row>
    <row r="487170" spans="8:8">
      <c r="H487170" s="12"/>
    </row>
    <row r="487171" spans="8:8">
      <c r="H487171" s="12"/>
    </row>
    <row r="487172" spans="8:8">
      <c r="H487172" s="12"/>
    </row>
    <row r="487173" spans="8:8">
      <c r="H487173" s="12"/>
    </row>
    <row r="487174" spans="8:8">
      <c r="H487174" s="12"/>
    </row>
    <row r="487175" spans="8:8">
      <c r="H487175" s="12"/>
    </row>
    <row r="487176" spans="8:8">
      <c r="H487176" s="12"/>
    </row>
    <row r="487177" spans="8:8">
      <c r="H487177" s="12"/>
    </row>
    <row r="487178" spans="8:8">
      <c r="H487178" s="12"/>
    </row>
    <row r="487179" spans="8:8">
      <c r="H487179" s="12"/>
    </row>
    <row r="487180" spans="8:8">
      <c r="H487180" s="12"/>
    </row>
    <row r="487181" spans="8:8">
      <c r="H487181" s="12"/>
    </row>
    <row r="487182" spans="8:8">
      <c r="H487182" s="12"/>
    </row>
    <row r="487183" spans="8:8">
      <c r="H487183" s="12"/>
    </row>
    <row r="487184" spans="8:8">
      <c r="H487184" s="12"/>
    </row>
    <row r="487185" spans="8:8">
      <c r="H487185" s="12"/>
    </row>
    <row r="487186" spans="8:8">
      <c r="H487186" s="12"/>
    </row>
    <row r="487187" spans="8:8">
      <c r="H487187" s="12"/>
    </row>
    <row r="487188" spans="8:8">
      <c r="H487188" s="12"/>
    </row>
    <row r="487189" spans="8:8">
      <c r="H487189" s="12"/>
    </row>
    <row r="487190" spans="8:8">
      <c r="H487190" s="12"/>
    </row>
    <row r="487191" spans="8:8">
      <c r="H487191" s="12"/>
    </row>
    <row r="487192" spans="8:8">
      <c r="H487192" s="12"/>
    </row>
    <row r="487193" spans="8:8">
      <c r="H487193" s="12"/>
    </row>
    <row r="487194" spans="8:8">
      <c r="H487194" s="12"/>
    </row>
    <row r="487195" spans="8:8">
      <c r="H487195" s="12"/>
    </row>
    <row r="487196" spans="8:8">
      <c r="H487196" s="12"/>
    </row>
    <row r="487197" spans="8:8">
      <c r="H487197" s="12"/>
    </row>
    <row r="487198" spans="8:8">
      <c r="H487198" s="12"/>
    </row>
    <row r="487199" spans="8:8">
      <c r="H487199" s="12"/>
    </row>
    <row r="487200" spans="8:8">
      <c r="H487200" s="12"/>
    </row>
    <row r="487201" spans="8:8">
      <c r="H487201" s="12"/>
    </row>
    <row r="487202" spans="8:8">
      <c r="H487202" s="12"/>
    </row>
    <row r="487203" spans="8:8">
      <c r="H487203" s="12"/>
    </row>
    <row r="487204" spans="8:8">
      <c r="H487204" s="12"/>
    </row>
    <row r="487205" spans="8:8">
      <c r="H487205" s="12"/>
    </row>
    <row r="487206" spans="8:8">
      <c r="H487206" s="12"/>
    </row>
    <row r="487207" spans="8:8">
      <c r="H487207" s="12"/>
    </row>
    <row r="487208" spans="8:8">
      <c r="H487208" s="12"/>
    </row>
    <row r="487209" spans="8:8">
      <c r="H487209" s="12"/>
    </row>
    <row r="487210" spans="8:8">
      <c r="H487210" s="12"/>
    </row>
    <row r="487211" spans="8:8">
      <c r="H487211" s="12"/>
    </row>
    <row r="487212" spans="8:8">
      <c r="H487212" s="12"/>
    </row>
    <row r="487213" spans="8:8">
      <c r="H487213" s="12"/>
    </row>
    <row r="487214" spans="8:8">
      <c r="H487214" s="12"/>
    </row>
    <row r="487215" spans="8:8">
      <c r="H487215" s="12"/>
    </row>
    <row r="487216" spans="8:8">
      <c r="H487216" s="12"/>
    </row>
    <row r="487217" spans="8:8">
      <c r="H487217" s="12"/>
    </row>
    <row r="487218" spans="8:8">
      <c r="H487218" s="12"/>
    </row>
    <row r="487219" spans="8:8">
      <c r="H487219" s="12"/>
    </row>
    <row r="487220" spans="8:8">
      <c r="H487220" s="12"/>
    </row>
    <row r="487221" spans="8:8">
      <c r="H487221" s="12"/>
    </row>
    <row r="487222" spans="8:8">
      <c r="H487222" s="12"/>
    </row>
    <row r="487223" spans="8:8">
      <c r="H487223" s="12"/>
    </row>
    <row r="487224" spans="8:8">
      <c r="H487224" s="12"/>
    </row>
    <row r="487225" spans="8:8">
      <c r="H487225" s="12"/>
    </row>
    <row r="487226" spans="8:8">
      <c r="H487226" s="12"/>
    </row>
    <row r="487227" spans="8:8">
      <c r="H487227" s="12"/>
    </row>
    <row r="487228" spans="8:8">
      <c r="H487228" s="12"/>
    </row>
    <row r="487229" spans="8:8">
      <c r="H487229" s="12"/>
    </row>
    <row r="487230" spans="8:8">
      <c r="H487230" s="12"/>
    </row>
    <row r="487231" spans="8:8">
      <c r="H487231" s="12"/>
    </row>
    <row r="487232" spans="8:8">
      <c r="H487232" s="12"/>
    </row>
    <row r="487233" spans="8:8">
      <c r="H487233" s="12"/>
    </row>
    <row r="487234" spans="8:8">
      <c r="H487234" s="12"/>
    </row>
    <row r="487235" spans="8:8">
      <c r="H487235" s="12"/>
    </row>
    <row r="487236" spans="8:8">
      <c r="H487236" s="12"/>
    </row>
    <row r="487237" spans="8:8">
      <c r="H487237" s="12"/>
    </row>
    <row r="487238" spans="8:8">
      <c r="H487238" s="12"/>
    </row>
    <row r="487239" spans="8:8">
      <c r="H487239" s="12"/>
    </row>
    <row r="487240" spans="8:8">
      <c r="H487240" s="12"/>
    </row>
    <row r="487241" spans="8:8">
      <c r="H487241" s="12"/>
    </row>
    <row r="487242" spans="8:8">
      <c r="H487242" s="12"/>
    </row>
    <row r="487243" spans="8:8">
      <c r="H487243" s="12"/>
    </row>
    <row r="487244" spans="8:8">
      <c r="H487244" s="12"/>
    </row>
    <row r="487245" spans="8:8">
      <c r="H487245" s="12"/>
    </row>
    <row r="487246" spans="8:8">
      <c r="H487246" s="12"/>
    </row>
    <row r="487247" spans="8:8">
      <c r="H487247" s="12"/>
    </row>
    <row r="487248" spans="8:8">
      <c r="H487248" s="12"/>
    </row>
    <row r="487249" spans="8:8">
      <c r="H487249" s="12"/>
    </row>
    <row r="487250" spans="8:8">
      <c r="H487250" s="12"/>
    </row>
    <row r="487251" spans="8:8">
      <c r="H487251" s="12"/>
    </row>
    <row r="487252" spans="8:8">
      <c r="H487252" s="12"/>
    </row>
    <row r="487253" spans="8:8">
      <c r="H487253" s="12"/>
    </row>
    <row r="487254" spans="8:8">
      <c r="H487254" s="12"/>
    </row>
    <row r="487255" spans="8:8">
      <c r="H487255" s="12"/>
    </row>
    <row r="487256" spans="8:8">
      <c r="H487256" s="12"/>
    </row>
    <row r="487257" spans="8:8">
      <c r="H487257" s="12"/>
    </row>
    <row r="487258" spans="8:8">
      <c r="H487258" s="12"/>
    </row>
    <row r="487259" spans="8:8">
      <c r="H487259" s="12"/>
    </row>
    <row r="487260" spans="8:8">
      <c r="H487260" s="12"/>
    </row>
    <row r="487261" spans="8:8">
      <c r="H487261" s="12"/>
    </row>
    <row r="487262" spans="8:8">
      <c r="H487262" s="12"/>
    </row>
    <row r="487263" spans="8:8">
      <c r="H487263" s="12"/>
    </row>
    <row r="487264" spans="8:8">
      <c r="H487264" s="12"/>
    </row>
    <row r="487265" spans="8:8">
      <c r="H487265" s="12"/>
    </row>
    <row r="487266" spans="8:8">
      <c r="H487266" s="12"/>
    </row>
    <row r="487267" spans="8:8">
      <c r="H487267" s="12"/>
    </row>
    <row r="487268" spans="8:8">
      <c r="H487268" s="12"/>
    </row>
    <row r="487269" spans="8:8">
      <c r="H487269" s="12"/>
    </row>
    <row r="487270" spans="8:8">
      <c r="H487270" s="12"/>
    </row>
    <row r="487271" spans="8:8">
      <c r="H487271" s="12"/>
    </row>
    <row r="487272" spans="8:8">
      <c r="H487272" s="12"/>
    </row>
    <row r="487273" spans="8:8">
      <c r="H487273" s="12"/>
    </row>
    <row r="487274" spans="8:8">
      <c r="H487274" s="12"/>
    </row>
    <row r="487275" spans="8:8">
      <c r="H487275" s="12"/>
    </row>
    <row r="487276" spans="8:8">
      <c r="H487276" s="12"/>
    </row>
    <row r="487277" spans="8:8">
      <c r="H487277" s="12"/>
    </row>
    <row r="487278" spans="8:8">
      <c r="H487278" s="12"/>
    </row>
    <row r="487279" spans="8:8">
      <c r="H487279" s="12"/>
    </row>
    <row r="487280" spans="8:8">
      <c r="H487280" s="12"/>
    </row>
    <row r="487281" spans="8:8">
      <c r="H487281" s="12"/>
    </row>
    <row r="487282" spans="8:8">
      <c r="H487282" s="12"/>
    </row>
    <row r="487283" spans="8:8">
      <c r="H487283" s="12"/>
    </row>
    <row r="487284" spans="8:8">
      <c r="H487284" s="12"/>
    </row>
    <row r="487285" spans="8:8">
      <c r="H487285" s="12"/>
    </row>
    <row r="487286" spans="8:8">
      <c r="H487286" s="12"/>
    </row>
    <row r="487287" spans="8:8">
      <c r="H487287" s="12"/>
    </row>
    <row r="487288" spans="8:8">
      <c r="H487288" s="12"/>
    </row>
    <row r="487289" spans="8:8">
      <c r="H487289" s="12"/>
    </row>
    <row r="487290" spans="8:8">
      <c r="H487290" s="12"/>
    </row>
    <row r="487291" spans="8:8">
      <c r="H487291" s="12"/>
    </row>
    <row r="487292" spans="8:8">
      <c r="H487292" s="12"/>
    </row>
    <row r="487293" spans="8:8">
      <c r="H487293" s="12"/>
    </row>
    <row r="487294" spans="8:8">
      <c r="H487294" s="12"/>
    </row>
    <row r="487295" spans="8:8">
      <c r="H487295" s="12"/>
    </row>
    <row r="487296" spans="8:8">
      <c r="H487296" s="12"/>
    </row>
    <row r="487297" spans="8:8">
      <c r="H487297" s="12"/>
    </row>
    <row r="487298" spans="8:8">
      <c r="H487298" s="12"/>
    </row>
    <row r="487299" spans="8:8">
      <c r="H487299" s="12"/>
    </row>
    <row r="487300" spans="8:8">
      <c r="H487300" s="12"/>
    </row>
    <row r="487301" spans="8:8">
      <c r="H487301" s="12"/>
    </row>
    <row r="487302" spans="8:8">
      <c r="H487302" s="12"/>
    </row>
    <row r="487303" spans="8:8">
      <c r="H487303" s="12"/>
    </row>
    <row r="487304" spans="8:8">
      <c r="H487304" s="12"/>
    </row>
    <row r="487305" spans="8:8">
      <c r="H487305" s="12"/>
    </row>
    <row r="487306" spans="8:8">
      <c r="H487306" s="12"/>
    </row>
    <row r="487307" spans="8:8">
      <c r="H487307" s="12"/>
    </row>
    <row r="487308" spans="8:8">
      <c r="H487308" s="12"/>
    </row>
    <row r="487309" spans="8:8">
      <c r="H487309" s="12"/>
    </row>
    <row r="487310" spans="8:8">
      <c r="H487310" s="12"/>
    </row>
    <row r="487311" spans="8:8">
      <c r="H487311" s="12"/>
    </row>
    <row r="487312" spans="8:8">
      <c r="H487312" s="12"/>
    </row>
    <row r="487313" spans="8:8">
      <c r="H487313" s="12"/>
    </row>
    <row r="487314" spans="8:8">
      <c r="H487314" s="12"/>
    </row>
    <row r="487315" spans="8:8">
      <c r="H487315" s="12"/>
    </row>
    <row r="487316" spans="8:8">
      <c r="H487316" s="12"/>
    </row>
    <row r="487317" spans="8:8">
      <c r="H487317" s="12"/>
    </row>
    <row r="487318" spans="8:8">
      <c r="H487318" s="12"/>
    </row>
    <row r="487319" spans="8:8">
      <c r="H487319" s="12"/>
    </row>
    <row r="487320" spans="8:8">
      <c r="H487320" s="12"/>
    </row>
    <row r="487321" spans="8:8">
      <c r="H487321" s="12"/>
    </row>
    <row r="487322" spans="8:8">
      <c r="H487322" s="12"/>
    </row>
    <row r="487323" spans="8:8">
      <c r="H487323" s="12"/>
    </row>
    <row r="487324" spans="8:8">
      <c r="H487324" s="12"/>
    </row>
    <row r="487325" spans="8:8">
      <c r="H487325" s="12"/>
    </row>
    <row r="487326" spans="8:8">
      <c r="H487326" s="12"/>
    </row>
    <row r="487327" spans="8:8">
      <c r="H487327" s="12"/>
    </row>
    <row r="487328" spans="8:8">
      <c r="H487328" s="12"/>
    </row>
    <row r="487329" spans="8:8">
      <c r="H487329" s="12"/>
    </row>
    <row r="487330" spans="8:8">
      <c r="H487330" s="12"/>
    </row>
    <row r="487331" spans="8:8">
      <c r="H487331" s="12"/>
    </row>
    <row r="487332" spans="8:8">
      <c r="H487332" s="12"/>
    </row>
    <row r="487333" spans="8:8">
      <c r="H487333" s="12"/>
    </row>
    <row r="487334" spans="8:8">
      <c r="H487334" s="12"/>
    </row>
    <row r="487335" spans="8:8">
      <c r="H487335" s="12"/>
    </row>
    <row r="487336" spans="8:8">
      <c r="H487336" s="12"/>
    </row>
    <row r="487337" spans="8:8">
      <c r="H487337" s="12"/>
    </row>
    <row r="487338" spans="8:8">
      <c r="H487338" s="12"/>
    </row>
    <row r="487339" spans="8:8">
      <c r="H487339" s="12"/>
    </row>
    <row r="487340" spans="8:8">
      <c r="H487340" s="12"/>
    </row>
    <row r="487341" spans="8:8">
      <c r="H487341" s="12"/>
    </row>
    <row r="487342" spans="8:8">
      <c r="H487342" s="12"/>
    </row>
    <row r="487343" spans="8:8">
      <c r="H487343" s="12"/>
    </row>
    <row r="487344" spans="8:8">
      <c r="H487344" s="12"/>
    </row>
    <row r="487345" spans="8:8">
      <c r="H487345" s="12"/>
    </row>
    <row r="487346" spans="8:8">
      <c r="H487346" s="12"/>
    </row>
    <row r="487347" spans="8:8">
      <c r="H487347" s="12"/>
    </row>
    <row r="487348" spans="8:8">
      <c r="H487348" s="12"/>
    </row>
    <row r="487349" spans="8:8">
      <c r="H487349" s="12"/>
    </row>
    <row r="487350" spans="8:8">
      <c r="H487350" s="12"/>
    </row>
    <row r="487351" spans="8:8">
      <c r="H487351" s="12"/>
    </row>
    <row r="487352" spans="8:8">
      <c r="H487352" s="12"/>
    </row>
    <row r="487353" spans="8:8">
      <c r="H487353" s="12"/>
    </row>
    <row r="487354" spans="8:8">
      <c r="H487354" s="12"/>
    </row>
    <row r="487355" spans="8:8">
      <c r="H487355" s="12"/>
    </row>
    <row r="487356" spans="8:8">
      <c r="H487356" s="12"/>
    </row>
    <row r="487357" spans="8:8">
      <c r="H487357" s="12"/>
    </row>
    <row r="487358" spans="8:8">
      <c r="H487358" s="12"/>
    </row>
    <row r="487359" spans="8:8">
      <c r="H487359" s="12"/>
    </row>
    <row r="487360" spans="8:8">
      <c r="H487360" s="12"/>
    </row>
    <row r="487361" spans="8:8">
      <c r="H487361" s="12"/>
    </row>
    <row r="487362" spans="8:8">
      <c r="H487362" s="12"/>
    </row>
    <row r="487363" spans="8:8">
      <c r="H487363" s="12"/>
    </row>
    <row r="487364" spans="8:8">
      <c r="H487364" s="12"/>
    </row>
    <row r="487365" spans="8:8">
      <c r="H487365" s="12"/>
    </row>
    <row r="487366" spans="8:8">
      <c r="H487366" s="12"/>
    </row>
    <row r="487367" spans="8:8">
      <c r="H487367" s="12"/>
    </row>
    <row r="487368" spans="8:8">
      <c r="H487368" s="12"/>
    </row>
    <row r="487369" spans="8:8">
      <c r="H487369" s="12"/>
    </row>
    <row r="487370" spans="8:8">
      <c r="H487370" s="12"/>
    </row>
    <row r="487371" spans="8:8">
      <c r="H487371" s="12"/>
    </row>
    <row r="487372" spans="8:8">
      <c r="H487372" s="12"/>
    </row>
    <row r="487373" spans="8:8">
      <c r="H487373" s="12"/>
    </row>
    <row r="487374" spans="8:8">
      <c r="H487374" s="12"/>
    </row>
    <row r="487375" spans="8:8">
      <c r="H487375" s="12"/>
    </row>
    <row r="487376" spans="8:8">
      <c r="H487376" s="12"/>
    </row>
    <row r="487377" spans="8:8">
      <c r="H487377" s="12"/>
    </row>
    <row r="487378" spans="8:8">
      <c r="H487378" s="12"/>
    </row>
    <row r="487379" spans="8:8">
      <c r="H487379" s="12"/>
    </row>
    <row r="487380" spans="8:8">
      <c r="H487380" s="12"/>
    </row>
    <row r="487381" spans="8:8">
      <c r="H487381" s="12"/>
    </row>
    <row r="487382" spans="8:8">
      <c r="H487382" s="12"/>
    </row>
    <row r="487383" spans="8:8">
      <c r="H487383" s="12"/>
    </row>
    <row r="487384" spans="8:8">
      <c r="H487384" s="12"/>
    </row>
    <row r="487385" spans="8:8">
      <c r="H487385" s="12"/>
    </row>
    <row r="487386" spans="8:8">
      <c r="H487386" s="12"/>
    </row>
    <row r="487387" spans="8:8">
      <c r="H487387" s="12"/>
    </row>
    <row r="487388" spans="8:8">
      <c r="H487388" s="12"/>
    </row>
    <row r="487389" spans="8:8">
      <c r="H487389" s="12"/>
    </row>
    <row r="487390" spans="8:8">
      <c r="H487390" s="12"/>
    </row>
    <row r="487391" spans="8:8">
      <c r="H487391" s="12"/>
    </row>
    <row r="487392" spans="8:8">
      <c r="H487392" s="12"/>
    </row>
    <row r="487393" spans="8:8">
      <c r="H487393" s="12"/>
    </row>
    <row r="487394" spans="8:8">
      <c r="H487394" s="12"/>
    </row>
    <row r="487395" spans="8:8">
      <c r="H487395" s="12"/>
    </row>
    <row r="487396" spans="8:8">
      <c r="H487396" s="12"/>
    </row>
    <row r="487397" spans="8:8">
      <c r="H487397" s="12"/>
    </row>
    <row r="487398" spans="8:8">
      <c r="H487398" s="12"/>
    </row>
    <row r="487399" spans="8:8">
      <c r="H487399" s="12"/>
    </row>
    <row r="487400" spans="8:8">
      <c r="H487400" s="12"/>
    </row>
    <row r="487401" spans="8:8">
      <c r="H487401" s="12"/>
    </row>
    <row r="487402" spans="8:8">
      <c r="H487402" s="12"/>
    </row>
    <row r="487403" spans="8:8">
      <c r="H487403" s="12"/>
    </row>
    <row r="487404" spans="8:8">
      <c r="H487404" s="12"/>
    </row>
    <row r="487405" spans="8:8">
      <c r="H487405" s="12"/>
    </row>
    <row r="487406" spans="8:8">
      <c r="H487406" s="12"/>
    </row>
    <row r="487407" spans="8:8">
      <c r="H487407" s="12"/>
    </row>
    <row r="487408" spans="8:8">
      <c r="H487408" s="12"/>
    </row>
    <row r="487409" spans="8:8">
      <c r="H487409" s="12"/>
    </row>
    <row r="487410" spans="8:8">
      <c r="H487410" s="12"/>
    </row>
    <row r="487411" spans="8:8">
      <c r="H487411" s="12"/>
    </row>
    <row r="487412" spans="8:8">
      <c r="H487412" s="12"/>
    </row>
    <row r="487413" spans="8:8">
      <c r="H487413" s="12"/>
    </row>
    <row r="487414" spans="8:8">
      <c r="H487414" s="12"/>
    </row>
    <row r="487415" spans="8:8">
      <c r="H487415" s="12"/>
    </row>
    <row r="487416" spans="8:8">
      <c r="H487416" s="12"/>
    </row>
    <row r="487417" spans="8:8">
      <c r="H487417" s="12"/>
    </row>
    <row r="487418" spans="8:8">
      <c r="H487418" s="12"/>
    </row>
    <row r="487419" spans="8:8">
      <c r="H487419" s="12"/>
    </row>
    <row r="487420" spans="8:8">
      <c r="H487420" s="12"/>
    </row>
    <row r="487421" spans="8:8">
      <c r="H487421" s="12"/>
    </row>
    <row r="487422" spans="8:8">
      <c r="H487422" s="12"/>
    </row>
    <row r="487423" spans="8:8">
      <c r="H487423" s="12"/>
    </row>
    <row r="487424" spans="8:8">
      <c r="H487424" s="12"/>
    </row>
    <row r="487425" spans="8:8">
      <c r="H487425" s="12"/>
    </row>
    <row r="487426" spans="8:8">
      <c r="H487426" s="12"/>
    </row>
    <row r="487427" spans="8:8">
      <c r="H487427" s="12"/>
    </row>
    <row r="487428" spans="8:8">
      <c r="H487428" s="12"/>
    </row>
    <row r="487429" spans="8:8">
      <c r="H487429" s="12"/>
    </row>
    <row r="487430" spans="8:8">
      <c r="H487430" s="12"/>
    </row>
    <row r="487431" spans="8:8">
      <c r="H487431" s="12"/>
    </row>
    <row r="487432" spans="8:8">
      <c r="H487432" s="12"/>
    </row>
    <row r="487433" spans="8:8">
      <c r="H487433" s="12"/>
    </row>
    <row r="487434" spans="8:8">
      <c r="H487434" s="12"/>
    </row>
    <row r="487435" spans="8:8">
      <c r="H487435" s="12"/>
    </row>
    <row r="487436" spans="8:8">
      <c r="H487436" s="12"/>
    </row>
    <row r="487437" spans="8:8">
      <c r="H487437" s="12"/>
    </row>
    <row r="487438" spans="8:8">
      <c r="H487438" s="12"/>
    </row>
    <row r="487439" spans="8:8">
      <c r="H487439" s="12"/>
    </row>
    <row r="487440" spans="8:8">
      <c r="H487440" s="12"/>
    </row>
    <row r="487441" spans="8:8">
      <c r="H487441" s="12"/>
    </row>
    <row r="487442" spans="8:8">
      <c r="H487442" s="12"/>
    </row>
    <row r="487443" spans="8:8">
      <c r="H487443" s="12"/>
    </row>
    <row r="487444" spans="8:8">
      <c r="H487444" s="12"/>
    </row>
    <row r="487445" spans="8:8">
      <c r="H487445" s="12"/>
    </row>
    <row r="487446" spans="8:8">
      <c r="H487446" s="12"/>
    </row>
    <row r="487447" spans="8:8">
      <c r="H487447" s="12"/>
    </row>
    <row r="487448" spans="8:8">
      <c r="H487448" s="12"/>
    </row>
    <row r="487449" spans="8:8">
      <c r="H487449" s="12"/>
    </row>
    <row r="487450" spans="8:8">
      <c r="H487450" s="12"/>
    </row>
    <row r="487451" spans="8:8">
      <c r="H487451" s="12"/>
    </row>
    <row r="487452" spans="8:8">
      <c r="H487452" s="12"/>
    </row>
    <row r="487453" spans="8:8">
      <c r="H487453" s="12"/>
    </row>
    <row r="487454" spans="8:8">
      <c r="H487454" s="12"/>
    </row>
    <row r="487455" spans="8:8">
      <c r="H487455" s="12"/>
    </row>
    <row r="487456" spans="8:8">
      <c r="H487456" s="12"/>
    </row>
    <row r="487457" spans="8:8">
      <c r="H487457" s="12"/>
    </row>
    <row r="487458" spans="8:8">
      <c r="H487458" s="12"/>
    </row>
    <row r="487459" spans="8:8">
      <c r="H487459" s="12"/>
    </row>
    <row r="487460" spans="8:8">
      <c r="H487460" s="12"/>
    </row>
    <row r="487461" spans="8:8">
      <c r="H487461" s="12"/>
    </row>
    <row r="487462" spans="8:8">
      <c r="H487462" s="12"/>
    </row>
    <row r="487463" spans="8:8">
      <c r="H487463" s="12"/>
    </row>
    <row r="487464" spans="8:8">
      <c r="H487464" s="12"/>
    </row>
    <row r="487465" spans="8:8">
      <c r="H487465" s="12"/>
    </row>
    <row r="487466" spans="8:8">
      <c r="H487466" s="12"/>
    </row>
    <row r="487467" spans="8:8">
      <c r="H487467" s="12"/>
    </row>
    <row r="487468" spans="8:8">
      <c r="H487468" s="12"/>
    </row>
    <row r="487469" spans="8:8">
      <c r="H487469" s="12"/>
    </row>
    <row r="487470" spans="8:8">
      <c r="H487470" s="12"/>
    </row>
    <row r="487471" spans="8:8">
      <c r="H487471" s="12"/>
    </row>
    <row r="487472" spans="8:8">
      <c r="H487472" s="12"/>
    </row>
    <row r="487473" spans="8:8">
      <c r="H487473" s="12"/>
    </row>
    <row r="487474" spans="8:8">
      <c r="H487474" s="12"/>
    </row>
    <row r="487475" spans="8:8">
      <c r="H487475" s="12"/>
    </row>
    <row r="487476" spans="8:8">
      <c r="H487476" s="12"/>
    </row>
    <row r="487477" spans="8:8">
      <c r="H487477" s="12"/>
    </row>
    <row r="487478" spans="8:8">
      <c r="H487478" s="12"/>
    </row>
    <row r="487479" spans="8:8">
      <c r="H487479" s="12"/>
    </row>
    <row r="487480" spans="8:8">
      <c r="H487480" s="12"/>
    </row>
    <row r="487481" spans="8:8">
      <c r="H487481" s="12"/>
    </row>
    <row r="487482" spans="8:8">
      <c r="H487482" s="12"/>
    </row>
    <row r="487483" spans="8:8">
      <c r="H487483" s="12"/>
    </row>
    <row r="487484" spans="8:8">
      <c r="H487484" s="12"/>
    </row>
    <row r="487485" spans="8:8">
      <c r="H487485" s="12"/>
    </row>
    <row r="487486" spans="8:8">
      <c r="H487486" s="12"/>
    </row>
    <row r="487487" spans="8:8">
      <c r="H487487" s="12"/>
    </row>
    <row r="487488" spans="8:8">
      <c r="H487488" s="12"/>
    </row>
    <row r="487489" spans="8:8">
      <c r="H487489" s="12"/>
    </row>
    <row r="487490" spans="8:8">
      <c r="H487490" s="12"/>
    </row>
    <row r="487491" spans="8:8">
      <c r="H487491" s="12"/>
    </row>
    <row r="487492" spans="8:8">
      <c r="H487492" s="12"/>
    </row>
    <row r="487493" spans="8:8">
      <c r="H487493" s="12"/>
    </row>
    <row r="487494" spans="8:8">
      <c r="H487494" s="12"/>
    </row>
    <row r="487495" spans="8:8">
      <c r="H487495" s="12"/>
    </row>
    <row r="487496" spans="8:8">
      <c r="H487496" s="12"/>
    </row>
    <row r="487497" spans="8:8">
      <c r="H487497" s="12"/>
    </row>
    <row r="487498" spans="8:8">
      <c r="H487498" s="12"/>
    </row>
    <row r="487499" spans="8:8">
      <c r="H487499" s="12"/>
    </row>
    <row r="487500" spans="8:8">
      <c r="H487500" s="12"/>
    </row>
    <row r="487501" spans="8:8">
      <c r="H487501" s="12"/>
    </row>
    <row r="487502" spans="8:8">
      <c r="H487502" s="12"/>
    </row>
    <row r="487503" spans="8:8">
      <c r="H487503" s="12"/>
    </row>
    <row r="487504" spans="8:8">
      <c r="H487504" s="12"/>
    </row>
    <row r="487505" spans="8:8">
      <c r="H487505" s="12"/>
    </row>
    <row r="487506" spans="8:8">
      <c r="H487506" s="12"/>
    </row>
    <row r="487507" spans="8:8">
      <c r="H487507" s="12"/>
    </row>
    <row r="487508" spans="8:8">
      <c r="H487508" s="12"/>
    </row>
    <row r="487509" spans="8:8">
      <c r="H487509" s="12"/>
    </row>
    <row r="487510" spans="8:8">
      <c r="H487510" s="12"/>
    </row>
    <row r="487511" spans="8:8">
      <c r="H487511" s="12"/>
    </row>
    <row r="487512" spans="8:8">
      <c r="H487512" s="12"/>
    </row>
    <row r="487513" spans="8:8">
      <c r="H487513" s="12"/>
    </row>
    <row r="487514" spans="8:8">
      <c r="H487514" s="12"/>
    </row>
    <row r="487515" spans="8:8">
      <c r="H487515" s="12"/>
    </row>
    <row r="487516" spans="8:8">
      <c r="H487516" s="12"/>
    </row>
    <row r="487517" spans="8:8">
      <c r="H487517" s="12"/>
    </row>
    <row r="487518" spans="8:8">
      <c r="H487518" s="12"/>
    </row>
    <row r="487519" spans="8:8">
      <c r="H487519" s="12"/>
    </row>
    <row r="487520" spans="8:8">
      <c r="H487520" s="12"/>
    </row>
    <row r="487521" spans="8:8">
      <c r="H487521" s="12"/>
    </row>
    <row r="487522" spans="8:8">
      <c r="H487522" s="12"/>
    </row>
    <row r="487523" spans="8:8">
      <c r="H487523" s="12"/>
    </row>
    <row r="487524" spans="8:8">
      <c r="H487524" s="12"/>
    </row>
    <row r="487525" spans="8:8">
      <c r="H487525" s="12"/>
    </row>
    <row r="487526" spans="8:8">
      <c r="H487526" s="12"/>
    </row>
    <row r="487527" spans="8:8">
      <c r="H487527" s="12"/>
    </row>
    <row r="487528" spans="8:8">
      <c r="H487528" s="12"/>
    </row>
    <row r="487529" spans="8:8">
      <c r="H487529" s="12"/>
    </row>
    <row r="487530" spans="8:8">
      <c r="H487530" s="12"/>
    </row>
    <row r="487531" spans="8:8">
      <c r="H487531" s="12"/>
    </row>
    <row r="487532" spans="8:8">
      <c r="H487532" s="12"/>
    </row>
    <row r="487533" spans="8:8">
      <c r="H487533" s="12"/>
    </row>
    <row r="487534" spans="8:8">
      <c r="H487534" s="12"/>
    </row>
    <row r="487535" spans="8:8">
      <c r="H487535" s="12"/>
    </row>
    <row r="487536" spans="8:8">
      <c r="H487536" s="12"/>
    </row>
    <row r="487537" spans="8:8">
      <c r="H487537" s="12"/>
    </row>
    <row r="487538" spans="8:8">
      <c r="H487538" s="12"/>
    </row>
    <row r="487539" spans="8:8">
      <c r="H487539" s="12"/>
    </row>
    <row r="487540" spans="8:8">
      <c r="H487540" s="12"/>
    </row>
    <row r="487541" spans="8:8">
      <c r="H487541" s="12"/>
    </row>
    <row r="487542" spans="8:8">
      <c r="H487542" s="12"/>
    </row>
    <row r="487543" spans="8:8">
      <c r="H487543" s="12"/>
    </row>
    <row r="487544" spans="8:8">
      <c r="H487544" s="12"/>
    </row>
    <row r="487545" spans="8:8">
      <c r="H487545" s="12"/>
    </row>
    <row r="487546" spans="8:8">
      <c r="H487546" s="12"/>
    </row>
    <row r="487547" spans="8:8">
      <c r="H487547" s="12"/>
    </row>
    <row r="487548" spans="8:8">
      <c r="H487548" s="12"/>
    </row>
    <row r="487549" spans="8:8">
      <c r="H487549" s="12"/>
    </row>
    <row r="487550" spans="8:8">
      <c r="H487550" s="12"/>
    </row>
    <row r="487551" spans="8:8">
      <c r="H487551" s="12"/>
    </row>
    <row r="487552" spans="8:8">
      <c r="H487552" s="12"/>
    </row>
    <row r="487553" spans="8:8">
      <c r="H487553" s="12"/>
    </row>
    <row r="487554" spans="8:8">
      <c r="H487554" s="12"/>
    </row>
    <row r="487555" spans="8:8">
      <c r="H487555" s="12"/>
    </row>
    <row r="487556" spans="8:8">
      <c r="H487556" s="12"/>
    </row>
    <row r="487557" spans="8:8">
      <c r="H487557" s="12"/>
    </row>
    <row r="487558" spans="8:8">
      <c r="H487558" s="12"/>
    </row>
    <row r="487559" spans="8:8">
      <c r="H487559" s="12"/>
    </row>
    <row r="487560" spans="8:8">
      <c r="H487560" s="12"/>
    </row>
    <row r="487561" spans="8:8">
      <c r="H487561" s="12"/>
    </row>
    <row r="487562" spans="8:8">
      <c r="H487562" s="12"/>
    </row>
    <row r="487563" spans="8:8">
      <c r="H487563" s="12"/>
    </row>
    <row r="487564" spans="8:8">
      <c r="H487564" s="12"/>
    </row>
    <row r="487565" spans="8:8">
      <c r="H487565" s="12"/>
    </row>
    <row r="487566" spans="8:8">
      <c r="H487566" s="12"/>
    </row>
    <row r="487567" spans="8:8">
      <c r="H487567" s="12"/>
    </row>
    <row r="487568" spans="8:8">
      <c r="H487568" s="12"/>
    </row>
    <row r="487569" spans="8:8">
      <c r="H487569" s="12"/>
    </row>
    <row r="487570" spans="8:8">
      <c r="H487570" s="12"/>
    </row>
    <row r="487571" spans="8:8">
      <c r="H487571" s="12"/>
    </row>
    <row r="487572" spans="8:8">
      <c r="H487572" s="12"/>
    </row>
    <row r="487573" spans="8:8">
      <c r="H487573" s="12"/>
    </row>
    <row r="487574" spans="8:8">
      <c r="H487574" s="12"/>
    </row>
    <row r="487575" spans="8:8">
      <c r="H487575" s="12"/>
    </row>
    <row r="487576" spans="8:8">
      <c r="H487576" s="12"/>
    </row>
    <row r="487577" spans="8:8">
      <c r="H487577" s="12"/>
    </row>
    <row r="487578" spans="8:8">
      <c r="H487578" s="12"/>
    </row>
    <row r="487579" spans="8:8">
      <c r="H487579" s="12"/>
    </row>
    <row r="487580" spans="8:8">
      <c r="H487580" s="12"/>
    </row>
    <row r="487581" spans="8:8">
      <c r="H487581" s="12"/>
    </row>
    <row r="487582" spans="8:8">
      <c r="H487582" s="12"/>
    </row>
    <row r="487583" spans="8:8">
      <c r="H487583" s="12"/>
    </row>
    <row r="487584" spans="8:8">
      <c r="H487584" s="12"/>
    </row>
    <row r="487585" spans="8:8">
      <c r="H487585" s="12"/>
    </row>
    <row r="487586" spans="8:8">
      <c r="H487586" s="12"/>
    </row>
    <row r="487587" spans="8:8">
      <c r="H487587" s="12"/>
    </row>
    <row r="487588" spans="8:8">
      <c r="H487588" s="12"/>
    </row>
    <row r="487589" spans="8:8">
      <c r="H487589" s="12"/>
    </row>
    <row r="487590" spans="8:8">
      <c r="H487590" s="12"/>
    </row>
    <row r="487591" spans="8:8">
      <c r="H487591" s="12"/>
    </row>
    <row r="487592" spans="8:8">
      <c r="H487592" s="12"/>
    </row>
    <row r="487593" spans="8:8">
      <c r="H487593" s="12"/>
    </row>
    <row r="487594" spans="8:8">
      <c r="H487594" s="12"/>
    </row>
    <row r="487595" spans="8:8">
      <c r="H487595" s="12"/>
    </row>
    <row r="487596" spans="8:8">
      <c r="H487596" s="12"/>
    </row>
    <row r="487597" spans="8:8">
      <c r="H487597" s="12"/>
    </row>
    <row r="487598" spans="8:8">
      <c r="H487598" s="12"/>
    </row>
    <row r="487599" spans="8:8">
      <c r="H487599" s="12"/>
    </row>
    <row r="487600" spans="8:8">
      <c r="H487600" s="12"/>
    </row>
    <row r="487601" spans="8:8">
      <c r="H487601" s="12"/>
    </row>
    <row r="487602" spans="8:8">
      <c r="H487602" s="12"/>
    </row>
    <row r="487603" spans="8:8">
      <c r="H487603" s="12"/>
    </row>
    <row r="487604" spans="8:8">
      <c r="H487604" s="12"/>
    </row>
    <row r="487605" spans="8:8">
      <c r="H487605" s="12"/>
    </row>
    <row r="487606" spans="8:8">
      <c r="H487606" s="12"/>
    </row>
    <row r="487607" spans="8:8">
      <c r="H487607" s="12"/>
    </row>
    <row r="487608" spans="8:8">
      <c r="H487608" s="12"/>
    </row>
    <row r="487609" spans="8:8">
      <c r="H487609" s="12"/>
    </row>
    <row r="487610" spans="8:8">
      <c r="H487610" s="12"/>
    </row>
    <row r="487611" spans="8:8">
      <c r="H487611" s="12"/>
    </row>
    <row r="487612" spans="8:8">
      <c r="H487612" s="12"/>
    </row>
    <row r="487613" spans="8:8">
      <c r="H487613" s="12"/>
    </row>
    <row r="487614" spans="8:8">
      <c r="H487614" s="12"/>
    </row>
    <row r="487615" spans="8:8">
      <c r="H487615" s="12"/>
    </row>
    <row r="487616" spans="8:8">
      <c r="H487616" s="12"/>
    </row>
    <row r="487617" spans="8:8">
      <c r="H487617" s="12"/>
    </row>
    <row r="487618" spans="8:8">
      <c r="H487618" s="12"/>
    </row>
    <row r="487619" spans="8:8">
      <c r="H487619" s="12"/>
    </row>
    <row r="487620" spans="8:8">
      <c r="H487620" s="12"/>
    </row>
    <row r="487621" spans="8:8">
      <c r="H487621" s="12"/>
    </row>
    <row r="487622" spans="8:8">
      <c r="H487622" s="12"/>
    </row>
    <row r="487623" spans="8:8">
      <c r="H487623" s="12"/>
    </row>
    <row r="487624" spans="8:8">
      <c r="H487624" s="12"/>
    </row>
    <row r="487625" spans="8:8">
      <c r="H487625" s="12"/>
    </row>
    <row r="487626" spans="8:8">
      <c r="H487626" s="12"/>
    </row>
    <row r="487627" spans="8:8">
      <c r="H487627" s="12"/>
    </row>
    <row r="487628" spans="8:8">
      <c r="H487628" s="12"/>
    </row>
    <row r="487629" spans="8:8">
      <c r="H487629" s="12"/>
    </row>
    <row r="487630" spans="8:8">
      <c r="H487630" s="12"/>
    </row>
    <row r="487631" spans="8:8">
      <c r="H487631" s="12"/>
    </row>
    <row r="487632" spans="8:8">
      <c r="H487632" s="12"/>
    </row>
    <row r="487633" spans="8:8">
      <c r="H487633" s="12"/>
    </row>
    <row r="487634" spans="8:8">
      <c r="H487634" s="12"/>
    </row>
    <row r="487635" spans="8:8">
      <c r="H487635" s="12"/>
    </row>
    <row r="487636" spans="8:8">
      <c r="H487636" s="12"/>
    </row>
    <row r="487637" spans="8:8">
      <c r="H487637" s="12"/>
    </row>
    <row r="487638" spans="8:8">
      <c r="H487638" s="12"/>
    </row>
    <row r="487639" spans="8:8">
      <c r="H487639" s="12"/>
    </row>
    <row r="487640" spans="8:8">
      <c r="H487640" s="12"/>
    </row>
    <row r="487641" spans="8:8">
      <c r="H487641" s="12"/>
    </row>
    <row r="487642" spans="8:8">
      <c r="H487642" s="12"/>
    </row>
    <row r="487643" spans="8:8">
      <c r="H487643" s="12"/>
    </row>
    <row r="487644" spans="8:8">
      <c r="H487644" s="12"/>
    </row>
    <row r="487645" spans="8:8">
      <c r="H487645" s="12"/>
    </row>
    <row r="487646" spans="8:8">
      <c r="H487646" s="12"/>
    </row>
    <row r="487647" spans="8:8">
      <c r="H487647" s="12"/>
    </row>
    <row r="487648" spans="8:8">
      <c r="H487648" s="12"/>
    </row>
    <row r="487649" spans="8:8">
      <c r="H487649" s="12"/>
    </row>
    <row r="487650" spans="8:8">
      <c r="H487650" s="12"/>
    </row>
    <row r="487651" spans="8:8">
      <c r="H487651" s="12"/>
    </row>
    <row r="487652" spans="8:8">
      <c r="H487652" s="12"/>
    </row>
    <row r="487653" spans="8:8">
      <c r="H487653" s="12"/>
    </row>
    <row r="487654" spans="8:8">
      <c r="H487654" s="12"/>
    </row>
    <row r="487655" spans="8:8">
      <c r="H487655" s="12"/>
    </row>
    <row r="487656" spans="8:8">
      <c r="H487656" s="12"/>
    </row>
    <row r="487657" spans="8:8">
      <c r="H487657" s="12"/>
    </row>
    <row r="487658" spans="8:8">
      <c r="H487658" s="12"/>
    </row>
    <row r="487659" spans="8:8">
      <c r="H487659" s="12"/>
    </row>
    <row r="487660" spans="8:8">
      <c r="H487660" s="12"/>
    </row>
    <row r="487661" spans="8:8">
      <c r="H487661" s="12"/>
    </row>
    <row r="487662" spans="8:8">
      <c r="H487662" s="12"/>
    </row>
    <row r="487663" spans="8:8">
      <c r="H487663" s="12"/>
    </row>
    <row r="487664" spans="8:8">
      <c r="H487664" s="12"/>
    </row>
    <row r="487665" spans="8:8">
      <c r="H487665" s="12"/>
    </row>
    <row r="487666" spans="8:8">
      <c r="H487666" s="12"/>
    </row>
    <row r="487667" spans="8:8">
      <c r="H487667" s="12"/>
    </row>
    <row r="487668" spans="8:8">
      <c r="H487668" s="12"/>
    </row>
    <row r="487669" spans="8:8">
      <c r="H487669" s="12"/>
    </row>
    <row r="487670" spans="8:8">
      <c r="H487670" s="12"/>
    </row>
    <row r="487671" spans="8:8">
      <c r="H487671" s="12"/>
    </row>
    <row r="487672" spans="8:8">
      <c r="H487672" s="12"/>
    </row>
    <row r="487673" spans="8:8">
      <c r="H487673" s="12"/>
    </row>
    <row r="487674" spans="8:8">
      <c r="H487674" s="12"/>
    </row>
    <row r="487675" spans="8:8">
      <c r="H487675" s="12"/>
    </row>
    <row r="487676" spans="8:8">
      <c r="H487676" s="12"/>
    </row>
    <row r="487677" spans="8:8">
      <c r="H487677" s="12"/>
    </row>
    <row r="487678" spans="8:8">
      <c r="H487678" s="12"/>
    </row>
    <row r="487679" spans="8:8">
      <c r="H487679" s="12"/>
    </row>
    <row r="487680" spans="8:8">
      <c r="H487680" s="12"/>
    </row>
    <row r="487681" spans="8:8">
      <c r="H487681" s="12"/>
    </row>
    <row r="487682" spans="8:8">
      <c r="H487682" s="12"/>
    </row>
    <row r="487683" spans="8:8">
      <c r="H487683" s="12"/>
    </row>
    <row r="487684" spans="8:8">
      <c r="H487684" s="12"/>
    </row>
    <row r="487685" spans="8:8">
      <c r="H487685" s="12"/>
    </row>
    <row r="487686" spans="8:8">
      <c r="H487686" s="12"/>
    </row>
    <row r="487687" spans="8:8">
      <c r="H487687" s="12"/>
    </row>
    <row r="487688" spans="8:8">
      <c r="H487688" s="12"/>
    </row>
    <row r="487689" spans="8:8">
      <c r="H487689" s="12"/>
    </row>
    <row r="487690" spans="8:8">
      <c r="H487690" s="12"/>
    </row>
    <row r="487691" spans="8:8">
      <c r="H487691" s="12"/>
    </row>
    <row r="487692" spans="8:8">
      <c r="H487692" s="12"/>
    </row>
    <row r="487693" spans="8:8">
      <c r="H487693" s="12"/>
    </row>
    <row r="487694" spans="8:8">
      <c r="H487694" s="12"/>
    </row>
    <row r="487695" spans="8:8">
      <c r="H487695" s="12"/>
    </row>
    <row r="487696" spans="8:8">
      <c r="H487696" s="12"/>
    </row>
    <row r="487697" spans="8:8">
      <c r="H487697" s="12"/>
    </row>
    <row r="487698" spans="8:8">
      <c r="H487698" s="12"/>
    </row>
    <row r="487699" spans="8:8">
      <c r="H487699" s="12"/>
    </row>
    <row r="487700" spans="8:8">
      <c r="H487700" s="12"/>
    </row>
    <row r="487701" spans="8:8">
      <c r="H487701" s="12"/>
    </row>
    <row r="487702" spans="8:8">
      <c r="H487702" s="12"/>
    </row>
    <row r="487703" spans="8:8">
      <c r="H487703" s="12"/>
    </row>
    <row r="487704" spans="8:8">
      <c r="H487704" s="12"/>
    </row>
    <row r="487705" spans="8:8">
      <c r="H487705" s="12"/>
    </row>
    <row r="487706" spans="8:8">
      <c r="H487706" s="12"/>
    </row>
    <row r="487707" spans="8:8">
      <c r="H487707" s="12"/>
    </row>
    <row r="487708" spans="8:8">
      <c r="H487708" s="12"/>
    </row>
    <row r="487709" spans="8:8">
      <c r="H487709" s="12"/>
    </row>
    <row r="487710" spans="8:8">
      <c r="H487710" s="12"/>
    </row>
    <row r="487711" spans="8:8">
      <c r="H487711" s="12"/>
    </row>
    <row r="487712" spans="8:8">
      <c r="H487712" s="12"/>
    </row>
    <row r="487713" spans="8:8">
      <c r="H487713" s="12"/>
    </row>
    <row r="487714" spans="8:8">
      <c r="H487714" s="12"/>
    </row>
    <row r="487715" spans="8:8">
      <c r="H487715" s="12"/>
    </row>
    <row r="487716" spans="8:8">
      <c r="H487716" s="12"/>
    </row>
    <row r="487717" spans="8:8">
      <c r="H487717" s="12"/>
    </row>
    <row r="487718" spans="8:8">
      <c r="H487718" s="12"/>
    </row>
    <row r="487719" spans="8:8">
      <c r="H487719" s="12"/>
    </row>
    <row r="487720" spans="8:8">
      <c r="H487720" s="12"/>
    </row>
    <row r="487721" spans="8:8">
      <c r="H487721" s="12"/>
    </row>
    <row r="487722" spans="8:8">
      <c r="H487722" s="12"/>
    </row>
    <row r="487723" spans="8:8">
      <c r="H487723" s="12"/>
    </row>
    <row r="487724" spans="8:8">
      <c r="H487724" s="12"/>
    </row>
    <row r="487725" spans="8:8">
      <c r="H487725" s="12"/>
    </row>
    <row r="487726" spans="8:8">
      <c r="H487726" s="12"/>
    </row>
    <row r="487727" spans="8:8">
      <c r="H487727" s="12"/>
    </row>
    <row r="487728" spans="8:8">
      <c r="H487728" s="12"/>
    </row>
    <row r="487729" spans="8:8">
      <c r="H487729" s="12"/>
    </row>
    <row r="487730" spans="8:8">
      <c r="H487730" s="12"/>
    </row>
    <row r="487731" spans="8:8">
      <c r="H487731" s="12"/>
    </row>
    <row r="487732" spans="8:8">
      <c r="H487732" s="12"/>
    </row>
    <row r="487733" spans="8:8">
      <c r="H487733" s="12"/>
    </row>
    <row r="487734" spans="8:8">
      <c r="H487734" s="12"/>
    </row>
    <row r="487735" spans="8:8">
      <c r="H487735" s="12"/>
    </row>
    <row r="487736" spans="8:8">
      <c r="H487736" s="12"/>
    </row>
    <row r="487737" spans="8:8">
      <c r="H487737" s="12"/>
    </row>
    <row r="487738" spans="8:8">
      <c r="H487738" s="12"/>
    </row>
    <row r="487739" spans="8:8">
      <c r="H487739" s="12"/>
    </row>
    <row r="487740" spans="8:8">
      <c r="H487740" s="12"/>
    </row>
    <row r="487741" spans="8:8">
      <c r="H487741" s="12"/>
    </row>
    <row r="487742" spans="8:8">
      <c r="H487742" s="12"/>
    </row>
    <row r="487743" spans="8:8">
      <c r="H487743" s="12"/>
    </row>
    <row r="487744" spans="8:8">
      <c r="H487744" s="12"/>
    </row>
    <row r="487745" spans="8:8">
      <c r="H487745" s="12"/>
    </row>
    <row r="487746" spans="8:8">
      <c r="H487746" s="12"/>
    </row>
    <row r="487747" spans="8:8">
      <c r="H487747" s="12"/>
    </row>
    <row r="487748" spans="8:8">
      <c r="H487748" s="12"/>
    </row>
    <row r="487749" spans="8:8">
      <c r="H487749" s="12"/>
    </row>
    <row r="487750" spans="8:8">
      <c r="H487750" s="12"/>
    </row>
    <row r="487751" spans="8:8">
      <c r="H487751" s="12"/>
    </row>
    <row r="487752" spans="8:8">
      <c r="H487752" s="12"/>
    </row>
    <row r="487753" spans="8:8">
      <c r="H487753" s="12"/>
    </row>
    <row r="487754" spans="8:8">
      <c r="H487754" s="12"/>
    </row>
    <row r="487755" spans="8:8">
      <c r="H487755" s="12"/>
    </row>
    <row r="487756" spans="8:8">
      <c r="H487756" s="12"/>
    </row>
    <row r="487757" spans="8:8">
      <c r="H487757" s="12"/>
    </row>
    <row r="487758" spans="8:8">
      <c r="H487758" s="12"/>
    </row>
    <row r="487759" spans="8:8">
      <c r="H487759" s="12"/>
    </row>
    <row r="487760" spans="8:8">
      <c r="H487760" s="12"/>
    </row>
    <row r="487761" spans="8:8">
      <c r="H487761" s="12"/>
    </row>
    <row r="487762" spans="8:8">
      <c r="H487762" s="12"/>
    </row>
    <row r="487763" spans="8:8">
      <c r="H487763" s="12"/>
    </row>
    <row r="487764" spans="8:8">
      <c r="H487764" s="12"/>
    </row>
    <row r="487765" spans="8:8">
      <c r="H487765" s="12"/>
    </row>
    <row r="487766" spans="8:8">
      <c r="H487766" s="12"/>
    </row>
    <row r="487767" spans="8:8">
      <c r="H487767" s="12"/>
    </row>
    <row r="487768" spans="8:8">
      <c r="H487768" s="12"/>
    </row>
    <row r="487769" spans="8:8">
      <c r="H487769" s="12"/>
    </row>
    <row r="487770" spans="8:8">
      <c r="H487770" s="12"/>
    </row>
    <row r="487771" spans="8:8">
      <c r="H487771" s="12"/>
    </row>
    <row r="487772" spans="8:8">
      <c r="H487772" s="12"/>
    </row>
    <row r="487773" spans="8:8">
      <c r="H487773" s="12"/>
    </row>
    <row r="487774" spans="8:8">
      <c r="H487774" s="12"/>
    </row>
    <row r="487775" spans="8:8">
      <c r="H487775" s="12"/>
    </row>
    <row r="487776" spans="8:8">
      <c r="H487776" s="12"/>
    </row>
    <row r="487777" spans="8:8">
      <c r="H487777" s="12"/>
    </row>
    <row r="487778" spans="8:8">
      <c r="H487778" s="12"/>
    </row>
    <row r="487779" spans="8:8">
      <c r="H487779" s="12"/>
    </row>
    <row r="487780" spans="8:8">
      <c r="H487780" s="12"/>
    </row>
    <row r="487781" spans="8:8">
      <c r="H487781" s="12"/>
    </row>
    <row r="487782" spans="8:8">
      <c r="H487782" s="12"/>
    </row>
    <row r="487783" spans="8:8">
      <c r="H487783" s="12"/>
    </row>
    <row r="487784" spans="8:8">
      <c r="H487784" s="12"/>
    </row>
    <row r="487785" spans="8:8">
      <c r="H487785" s="12"/>
    </row>
    <row r="487786" spans="8:8">
      <c r="H487786" s="12"/>
    </row>
    <row r="487787" spans="8:8">
      <c r="H487787" s="12"/>
    </row>
    <row r="487788" spans="8:8">
      <c r="H487788" s="12"/>
    </row>
    <row r="487789" spans="8:8">
      <c r="H487789" s="12"/>
    </row>
    <row r="487790" spans="8:8">
      <c r="H487790" s="12"/>
    </row>
    <row r="487791" spans="8:8">
      <c r="H487791" s="12"/>
    </row>
    <row r="487792" spans="8:8">
      <c r="H487792" s="12"/>
    </row>
    <row r="487793" spans="8:8">
      <c r="H487793" s="12"/>
    </row>
    <row r="487794" spans="8:8">
      <c r="H487794" s="12"/>
    </row>
    <row r="487795" spans="8:8">
      <c r="H487795" s="12"/>
    </row>
    <row r="487796" spans="8:8">
      <c r="H487796" s="12"/>
    </row>
    <row r="487797" spans="8:8">
      <c r="H487797" s="12"/>
    </row>
    <row r="487798" spans="8:8">
      <c r="H487798" s="12"/>
    </row>
    <row r="487799" spans="8:8">
      <c r="H487799" s="12"/>
    </row>
    <row r="487800" spans="8:8">
      <c r="H487800" s="12"/>
    </row>
    <row r="487801" spans="8:8">
      <c r="H487801" s="12"/>
    </row>
    <row r="487802" spans="8:8">
      <c r="H487802" s="12"/>
    </row>
    <row r="487803" spans="8:8">
      <c r="H487803" s="12"/>
    </row>
    <row r="487804" spans="8:8">
      <c r="H487804" s="12"/>
    </row>
    <row r="487805" spans="8:8">
      <c r="H487805" s="12"/>
    </row>
    <row r="487806" spans="8:8">
      <c r="H487806" s="12"/>
    </row>
    <row r="487807" spans="8:8">
      <c r="H487807" s="12"/>
    </row>
    <row r="487808" spans="8:8">
      <c r="H487808" s="12"/>
    </row>
    <row r="487809" spans="8:8">
      <c r="H487809" s="12"/>
    </row>
    <row r="487810" spans="8:8">
      <c r="H487810" s="12"/>
    </row>
    <row r="487811" spans="8:8">
      <c r="H487811" s="12"/>
    </row>
    <row r="487812" spans="8:8">
      <c r="H487812" s="12"/>
    </row>
    <row r="487813" spans="8:8">
      <c r="H487813" s="12"/>
    </row>
    <row r="487814" spans="8:8">
      <c r="H487814" s="12"/>
    </row>
    <row r="487815" spans="8:8">
      <c r="H487815" s="12"/>
    </row>
    <row r="487816" spans="8:8">
      <c r="H487816" s="12"/>
    </row>
    <row r="487817" spans="8:8">
      <c r="H487817" s="12"/>
    </row>
    <row r="487818" spans="8:8">
      <c r="H487818" s="12"/>
    </row>
    <row r="487819" spans="8:8">
      <c r="H487819" s="12"/>
    </row>
    <row r="487820" spans="8:8">
      <c r="H487820" s="12"/>
    </row>
    <row r="487821" spans="8:8">
      <c r="H487821" s="12"/>
    </row>
    <row r="487822" spans="8:8">
      <c r="H487822" s="12"/>
    </row>
    <row r="487823" spans="8:8">
      <c r="H487823" s="12"/>
    </row>
    <row r="487824" spans="8:8">
      <c r="H487824" s="12"/>
    </row>
    <row r="487825" spans="8:8">
      <c r="H487825" s="12"/>
    </row>
    <row r="487826" spans="8:8">
      <c r="H487826" s="12"/>
    </row>
    <row r="487827" spans="8:8">
      <c r="H487827" s="12"/>
    </row>
    <row r="487828" spans="8:8">
      <c r="H487828" s="12"/>
    </row>
    <row r="487829" spans="8:8">
      <c r="H487829" s="12"/>
    </row>
    <row r="487830" spans="8:8">
      <c r="H487830" s="12"/>
    </row>
    <row r="487831" spans="8:8">
      <c r="H487831" s="12"/>
    </row>
    <row r="487832" spans="8:8">
      <c r="H487832" s="12"/>
    </row>
    <row r="487833" spans="8:8">
      <c r="H487833" s="12"/>
    </row>
    <row r="487834" spans="8:8">
      <c r="H487834" s="12"/>
    </row>
    <row r="487835" spans="8:8">
      <c r="H487835" s="12"/>
    </row>
    <row r="487836" spans="8:8">
      <c r="H487836" s="12"/>
    </row>
    <row r="487837" spans="8:8">
      <c r="H487837" s="12"/>
    </row>
    <row r="487838" spans="8:8">
      <c r="H487838" s="12"/>
    </row>
    <row r="487839" spans="8:8">
      <c r="H487839" s="12"/>
    </row>
    <row r="487840" spans="8:8">
      <c r="H487840" s="12"/>
    </row>
    <row r="487841" spans="8:8">
      <c r="H487841" s="12"/>
    </row>
    <row r="487842" spans="8:8">
      <c r="H487842" s="12"/>
    </row>
    <row r="487843" spans="8:8">
      <c r="H487843" s="12"/>
    </row>
    <row r="487844" spans="8:8">
      <c r="H487844" s="12"/>
    </row>
    <row r="487845" spans="8:8">
      <c r="H487845" s="12"/>
    </row>
    <row r="487846" spans="8:8">
      <c r="H487846" s="12"/>
    </row>
    <row r="487847" spans="8:8">
      <c r="H487847" s="12"/>
    </row>
    <row r="487848" spans="8:8">
      <c r="H487848" s="12"/>
    </row>
    <row r="487849" spans="8:8">
      <c r="H487849" s="12"/>
    </row>
    <row r="487850" spans="8:8">
      <c r="H487850" s="12"/>
    </row>
    <row r="487851" spans="8:8">
      <c r="H487851" s="12"/>
    </row>
    <row r="487852" spans="8:8">
      <c r="H487852" s="12"/>
    </row>
    <row r="487853" spans="8:8">
      <c r="H487853" s="12"/>
    </row>
    <row r="487854" spans="8:8">
      <c r="H487854" s="12"/>
    </row>
    <row r="487855" spans="8:8">
      <c r="H487855" s="12"/>
    </row>
    <row r="487856" spans="8:8">
      <c r="H487856" s="12"/>
    </row>
    <row r="487857" spans="8:8">
      <c r="H487857" s="12"/>
    </row>
    <row r="487858" spans="8:8">
      <c r="H487858" s="12"/>
    </row>
    <row r="487859" spans="8:8">
      <c r="H487859" s="12"/>
    </row>
    <row r="487860" spans="8:8">
      <c r="H487860" s="12"/>
    </row>
    <row r="487861" spans="8:8">
      <c r="H487861" s="12"/>
    </row>
    <row r="487862" spans="8:8">
      <c r="H487862" s="12"/>
    </row>
    <row r="487863" spans="8:8">
      <c r="H487863" s="12"/>
    </row>
    <row r="487864" spans="8:8">
      <c r="H487864" s="12"/>
    </row>
    <row r="487865" spans="8:8">
      <c r="H487865" s="12"/>
    </row>
    <row r="487866" spans="8:8">
      <c r="H487866" s="12"/>
    </row>
    <row r="487867" spans="8:8">
      <c r="H487867" s="12"/>
    </row>
    <row r="487868" spans="8:8">
      <c r="H487868" s="12"/>
    </row>
    <row r="487869" spans="8:8">
      <c r="H487869" s="12"/>
    </row>
    <row r="487870" spans="8:8">
      <c r="H487870" s="12"/>
    </row>
    <row r="487871" spans="8:8">
      <c r="H487871" s="12"/>
    </row>
    <row r="487872" spans="8:8">
      <c r="H487872" s="12"/>
    </row>
    <row r="487873" spans="8:8">
      <c r="H487873" s="12"/>
    </row>
    <row r="487874" spans="8:8">
      <c r="H487874" s="12"/>
    </row>
    <row r="487875" spans="8:8">
      <c r="H487875" s="12"/>
    </row>
    <row r="487876" spans="8:8">
      <c r="H487876" s="12"/>
    </row>
    <row r="487877" spans="8:8">
      <c r="H487877" s="12"/>
    </row>
    <row r="487878" spans="8:8">
      <c r="H487878" s="12"/>
    </row>
    <row r="487879" spans="8:8">
      <c r="H487879" s="12"/>
    </row>
    <row r="487880" spans="8:8">
      <c r="H487880" s="12"/>
    </row>
    <row r="487881" spans="8:8">
      <c r="H487881" s="12"/>
    </row>
    <row r="487882" spans="8:8">
      <c r="H487882" s="12"/>
    </row>
    <row r="487883" spans="8:8">
      <c r="H487883" s="12"/>
    </row>
    <row r="487884" spans="8:8">
      <c r="H487884" s="12"/>
    </row>
    <row r="487885" spans="8:8">
      <c r="H487885" s="12"/>
    </row>
    <row r="487886" spans="8:8">
      <c r="H487886" s="12"/>
    </row>
    <row r="487887" spans="8:8">
      <c r="H487887" s="12"/>
    </row>
    <row r="487888" spans="8:8">
      <c r="H487888" s="12"/>
    </row>
    <row r="487889" spans="8:8">
      <c r="H487889" s="12"/>
    </row>
    <row r="487890" spans="8:8">
      <c r="H487890" s="12"/>
    </row>
    <row r="487891" spans="8:8">
      <c r="H487891" s="12"/>
    </row>
    <row r="487892" spans="8:8">
      <c r="H487892" s="12"/>
    </row>
    <row r="487893" spans="8:8">
      <c r="H487893" s="12"/>
    </row>
    <row r="487894" spans="8:8">
      <c r="H487894" s="12"/>
    </row>
    <row r="487895" spans="8:8">
      <c r="H487895" s="12"/>
    </row>
    <row r="487896" spans="8:8">
      <c r="H487896" s="12"/>
    </row>
    <row r="487897" spans="8:8">
      <c r="H487897" s="12"/>
    </row>
    <row r="487898" spans="8:8">
      <c r="H487898" s="12"/>
    </row>
    <row r="487899" spans="8:8">
      <c r="H487899" s="12"/>
    </row>
    <row r="487900" spans="8:8">
      <c r="H487900" s="12"/>
    </row>
    <row r="487901" spans="8:8">
      <c r="H487901" s="12"/>
    </row>
    <row r="487902" spans="8:8">
      <c r="H487902" s="12"/>
    </row>
    <row r="487903" spans="8:8">
      <c r="H487903" s="12"/>
    </row>
    <row r="487904" spans="8:8">
      <c r="H487904" s="12"/>
    </row>
    <row r="487905" spans="8:8">
      <c r="H487905" s="12"/>
    </row>
    <row r="487906" spans="8:8">
      <c r="H487906" s="12"/>
    </row>
    <row r="487907" spans="8:8">
      <c r="H487907" s="12"/>
    </row>
    <row r="487908" spans="8:8">
      <c r="H487908" s="12"/>
    </row>
    <row r="487909" spans="8:8">
      <c r="H487909" s="12"/>
    </row>
    <row r="487910" spans="8:8">
      <c r="H487910" s="12"/>
    </row>
    <row r="487911" spans="8:8">
      <c r="H487911" s="12"/>
    </row>
    <row r="487912" spans="8:8">
      <c r="H487912" s="12"/>
    </row>
    <row r="487913" spans="8:8">
      <c r="H487913" s="12"/>
    </row>
    <row r="487914" spans="8:8">
      <c r="H487914" s="12"/>
    </row>
    <row r="487915" spans="8:8">
      <c r="H487915" s="12"/>
    </row>
    <row r="487916" spans="8:8">
      <c r="H487916" s="12"/>
    </row>
    <row r="487917" spans="8:8">
      <c r="H487917" s="12"/>
    </row>
    <row r="487918" spans="8:8">
      <c r="H487918" s="12"/>
    </row>
    <row r="487919" spans="8:8">
      <c r="H487919" s="12"/>
    </row>
    <row r="487920" spans="8:8">
      <c r="H487920" s="12"/>
    </row>
    <row r="487921" spans="8:8">
      <c r="H487921" s="12"/>
    </row>
    <row r="487922" spans="8:8">
      <c r="H487922" s="12"/>
    </row>
    <row r="487923" spans="8:8">
      <c r="H487923" s="12"/>
    </row>
    <row r="487924" spans="8:8">
      <c r="H487924" s="12"/>
    </row>
    <row r="487925" spans="8:8">
      <c r="H487925" s="12"/>
    </row>
    <row r="487926" spans="8:8">
      <c r="H487926" s="12"/>
    </row>
    <row r="487927" spans="8:8">
      <c r="H487927" s="12"/>
    </row>
    <row r="487928" spans="8:8">
      <c r="H487928" s="12"/>
    </row>
    <row r="487929" spans="8:8">
      <c r="H487929" s="12"/>
    </row>
    <row r="487930" spans="8:8">
      <c r="H487930" s="12"/>
    </row>
    <row r="487931" spans="8:8">
      <c r="H487931" s="12"/>
    </row>
    <row r="487932" spans="8:8">
      <c r="H487932" s="12"/>
    </row>
    <row r="487933" spans="8:8">
      <c r="H487933" s="12"/>
    </row>
    <row r="487934" spans="8:8">
      <c r="H487934" s="12"/>
    </row>
    <row r="487935" spans="8:8">
      <c r="H487935" s="12"/>
    </row>
    <row r="487936" spans="8:8">
      <c r="H487936" s="12"/>
    </row>
    <row r="487937" spans="8:8">
      <c r="H487937" s="12"/>
    </row>
    <row r="487938" spans="8:8">
      <c r="H487938" s="12"/>
    </row>
    <row r="487939" spans="8:8">
      <c r="H487939" s="12"/>
    </row>
    <row r="487940" spans="8:8">
      <c r="H487940" s="12"/>
    </row>
    <row r="487941" spans="8:8">
      <c r="H487941" s="12"/>
    </row>
    <row r="487942" spans="8:8">
      <c r="H487942" s="12"/>
    </row>
    <row r="487943" spans="8:8">
      <c r="H487943" s="12"/>
    </row>
    <row r="487944" spans="8:8">
      <c r="H487944" s="12"/>
    </row>
    <row r="487945" spans="8:8">
      <c r="H487945" s="12"/>
    </row>
    <row r="487946" spans="8:8">
      <c r="H487946" s="12"/>
    </row>
    <row r="487947" spans="8:8">
      <c r="H487947" s="12"/>
    </row>
    <row r="487948" spans="8:8">
      <c r="H487948" s="12"/>
    </row>
    <row r="487949" spans="8:8">
      <c r="H487949" s="12"/>
    </row>
    <row r="487950" spans="8:8">
      <c r="H487950" s="12"/>
    </row>
    <row r="487951" spans="8:8">
      <c r="H487951" s="12"/>
    </row>
    <row r="487952" spans="8:8">
      <c r="H487952" s="12"/>
    </row>
    <row r="487953" spans="8:8">
      <c r="H487953" s="12"/>
    </row>
    <row r="487954" spans="8:8">
      <c r="H487954" s="12"/>
    </row>
    <row r="487955" spans="8:8">
      <c r="H487955" s="12"/>
    </row>
    <row r="487956" spans="8:8">
      <c r="H487956" s="12"/>
    </row>
    <row r="487957" spans="8:8">
      <c r="H487957" s="12"/>
    </row>
    <row r="487958" spans="8:8">
      <c r="H487958" s="12"/>
    </row>
    <row r="487959" spans="8:8">
      <c r="H487959" s="12"/>
    </row>
    <row r="487960" spans="8:8">
      <c r="H487960" s="12"/>
    </row>
    <row r="487961" spans="8:8">
      <c r="H487961" s="12"/>
    </row>
    <row r="487962" spans="8:8">
      <c r="H487962" s="12"/>
    </row>
    <row r="487963" spans="8:8">
      <c r="H487963" s="12"/>
    </row>
    <row r="487964" spans="8:8">
      <c r="H487964" s="12"/>
    </row>
    <row r="487965" spans="8:8">
      <c r="H487965" s="12"/>
    </row>
    <row r="487966" spans="8:8">
      <c r="H487966" s="12"/>
    </row>
    <row r="487967" spans="8:8">
      <c r="H487967" s="12"/>
    </row>
    <row r="487968" spans="8:8">
      <c r="H487968" s="12"/>
    </row>
    <row r="487969" spans="8:8">
      <c r="H487969" s="12"/>
    </row>
    <row r="487970" spans="8:8">
      <c r="H487970" s="12"/>
    </row>
    <row r="487971" spans="8:8">
      <c r="H487971" s="12"/>
    </row>
    <row r="487972" spans="8:8">
      <c r="H487972" s="12"/>
    </row>
    <row r="487973" spans="8:8">
      <c r="H487973" s="12"/>
    </row>
    <row r="487974" spans="8:8">
      <c r="H487974" s="12"/>
    </row>
    <row r="487975" spans="8:8">
      <c r="H487975" s="12"/>
    </row>
    <row r="487976" spans="8:8">
      <c r="H487976" s="12"/>
    </row>
    <row r="487977" spans="8:8">
      <c r="H487977" s="12"/>
    </row>
    <row r="487978" spans="8:8">
      <c r="H487978" s="12"/>
    </row>
    <row r="487979" spans="8:8">
      <c r="H487979" s="12"/>
    </row>
    <row r="487980" spans="8:8">
      <c r="H487980" s="12"/>
    </row>
    <row r="487981" spans="8:8">
      <c r="H487981" s="12"/>
    </row>
    <row r="487982" spans="8:8">
      <c r="H487982" s="12"/>
    </row>
    <row r="487983" spans="8:8">
      <c r="H487983" s="12"/>
    </row>
    <row r="487984" spans="8:8">
      <c r="H487984" s="12"/>
    </row>
    <row r="487985" spans="8:8">
      <c r="H487985" s="12"/>
    </row>
    <row r="487986" spans="8:8">
      <c r="H487986" s="12"/>
    </row>
    <row r="487987" spans="8:8">
      <c r="H487987" s="12"/>
    </row>
    <row r="487988" spans="8:8">
      <c r="H487988" s="12"/>
    </row>
    <row r="487989" spans="8:8">
      <c r="H487989" s="12"/>
    </row>
    <row r="487990" spans="8:8">
      <c r="H487990" s="12"/>
    </row>
    <row r="487991" spans="8:8">
      <c r="H487991" s="12"/>
    </row>
    <row r="487992" spans="8:8">
      <c r="H487992" s="12"/>
    </row>
    <row r="487993" spans="8:8">
      <c r="H487993" s="12"/>
    </row>
    <row r="487994" spans="8:8">
      <c r="H487994" s="12"/>
    </row>
    <row r="487995" spans="8:8">
      <c r="H487995" s="12"/>
    </row>
    <row r="487996" spans="8:8">
      <c r="H487996" s="12"/>
    </row>
    <row r="487997" spans="8:8">
      <c r="H487997" s="12"/>
    </row>
    <row r="487998" spans="8:8">
      <c r="H487998" s="12"/>
    </row>
    <row r="487999" spans="8:8">
      <c r="H487999" s="12"/>
    </row>
    <row r="488000" spans="8:8">
      <c r="H488000" s="12"/>
    </row>
    <row r="488001" spans="8:8">
      <c r="H488001" s="12"/>
    </row>
    <row r="488002" spans="8:8">
      <c r="H488002" s="12"/>
    </row>
    <row r="488003" spans="8:8">
      <c r="H488003" s="12"/>
    </row>
    <row r="488004" spans="8:8">
      <c r="H488004" s="12"/>
    </row>
    <row r="488005" spans="8:8">
      <c r="H488005" s="12"/>
    </row>
    <row r="488006" spans="8:8">
      <c r="H488006" s="12"/>
    </row>
    <row r="488007" spans="8:8">
      <c r="H488007" s="12"/>
    </row>
    <row r="488008" spans="8:8">
      <c r="H488008" s="12"/>
    </row>
    <row r="488009" spans="8:8">
      <c r="H488009" s="12"/>
    </row>
    <row r="488010" spans="8:8">
      <c r="H488010" s="12"/>
    </row>
    <row r="488011" spans="8:8">
      <c r="H488011" s="12"/>
    </row>
    <row r="488012" spans="8:8">
      <c r="H488012" s="12"/>
    </row>
    <row r="488013" spans="8:8">
      <c r="H488013" s="12"/>
    </row>
    <row r="488014" spans="8:8">
      <c r="H488014" s="12"/>
    </row>
    <row r="488015" spans="8:8">
      <c r="H488015" s="12"/>
    </row>
    <row r="488016" spans="8:8">
      <c r="H488016" s="12"/>
    </row>
    <row r="488017" spans="8:8">
      <c r="H488017" s="12"/>
    </row>
    <row r="488018" spans="8:8">
      <c r="H488018" s="12"/>
    </row>
    <row r="488019" spans="8:8">
      <c r="H488019" s="12"/>
    </row>
    <row r="488020" spans="8:8">
      <c r="H488020" s="12"/>
    </row>
    <row r="488021" spans="8:8">
      <c r="H488021" s="12"/>
    </row>
    <row r="488022" spans="8:8">
      <c r="H488022" s="12"/>
    </row>
    <row r="488023" spans="8:8">
      <c r="H488023" s="12"/>
    </row>
    <row r="488024" spans="8:8">
      <c r="H488024" s="12"/>
    </row>
    <row r="488025" spans="8:8">
      <c r="H488025" s="12"/>
    </row>
    <row r="488026" spans="8:8">
      <c r="H488026" s="12"/>
    </row>
    <row r="488027" spans="8:8">
      <c r="H488027" s="12"/>
    </row>
    <row r="488028" spans="8:8">
      <c r="H488028" s="12"/>
    </row>
    <row r="488029" spans="8:8">
      <c r="H488029" s="12"/>
    </row>
    <row r="488030" spans="8:8">
      <c r="H488030" s="12"/>
    </row>
    <row r="488031" spans="8:8">
      <c r="H488031" s="12"/>
    </row>
    <row r="488032" spans="8:8">
      <c r="H488032" s="12"/>
    </row>
    <row r="488033" spans="8:8">
      <c r="H488033" s="12"/>
    </row>
    <row r="488034" spans="8:8">
      <c r="H488034" s="12"/>
    </row>
    <row r="488035" spans="8:8">
      <c r="H488035" s="12"/>
    </row>
    <row r="488036" spans="8:8">
      <c r="H488036" s="12"/>
    </row>
    <row r="488037" spans="8:8">
      <c r="H488037" s="12"/>
    </row>
    <row r="488038" spans="8:8">
      <c r="H488038" s="12"/>
    </row>
    <row r="488039" spans="8:8">
      <c r="H488039" s="12"/>
    </row>
    <row r="488040" spans="8:8">
      <c r="H488040" s="12"/>
    </row>
    <row r="488041" spans="8:8">
      <c r="H488041" s="12"/>
    </row>
    <row r="488042" spans="8:8">
      <c r="H488042" s="12"/>
    </row>
    <row r="488043" spans="8:8">
      <c r="H488043" s="12"/>
    </row>
    <row r="488044" spans="8:8">
      <c r="H488044" s="12"/>
    </row>
    <row r="488045" spans="8:8">
      <c r="H488045" s="12"/>
    </row>
    <row r="488046" spans="8:8">
      <c r="H488046" s="12"/>
    </row>
    <row r="488047" spans="8:8">
      <c r="H488047" s="12"/>
    </row>
    <row r="488048" spans="8:8">
      <c r="H488048" s="12"/>
    </row>
    <row r="488049" spans="8:8">
      <c r="H488049" s="12"/>
    </row>
    <row r="488050" spans="8:8">
      <c r="H488050" s="12"/>
    </row>
    <row r="488051" spans="8:8">
      <c r="H488051" s="12"/>
    </row>
    <row r="488052" spans="8:8">
      <c r="H488052" s="12"/>
    </row>
    <row r="488053" spans="8:8">
      <c r="H488053" s="12"/>
    </row>
    <row r="488054" spans="8:8">
      <c r="H488054" s="12"/>
    </row>
    <row r="488055" spans="8:8">
      <c r="H488055" s="12"/>
    </row>
    <row r="488056" spans="8:8">
      <c r="H488056" s="12"/>
    </row>
    <row r="488057" spans="8:8">
      <c r="H488057" s="12"/>
    </row>
    <row r="488058" spans="8:8">
      <c r="H488058" s="12"/>
    </row>
    <row r="488059" spans="8:8">
      <c r="H488059" s="12"/>
    </row>
    <row r="488060" spans="8:8">
      <c r="H488060" s="12"/>
    </row>
    <row r="488061" spans="8:8">
      <c r="H488061" s="12"/>
    </row>
    <row r="488062" spans="8:8">
      <c r="H488062" s="12"/>
    </row>
    <row r="488063" spans="8:8">
      <c r="H488063" s="12"/>
    </row>
    <row r="488064" spans="8:8">
      <c r="H488064" s="12"/>
    </row>
    <row r="488065" spans="8:8">
      <c r="H488065" s="12"/>
    </row>
    <row r="488066" spans="8:8">
      <c r="H488066" s="12"/>
    </row>
    <row r="488067" spans="8:8">
      <c r="H488067" s="12"/>
    </row>
    <row r="488068" spans="8:8">
      <c r="H488068" s="12"/>
    </row>
    <row r="488069" spans="8:8">
      <c r="H488069" s="12"/>
    </row>
    <row r="488070" spans="8:8">
      <c r="H488070" s="12"/>
    </row>
    <row r="488071" spans="8:8">
      <c r="H488071" s="12"/>
    </row>
    <row r="488072" spans="8:8">
      <c r="H488072" s="12"/>
    </row>
    <row r="488073" spans="8:8">
      <c r="H488073" s="12"/>
    </row>
    <row r="488074" spans="8:8">
      <c r="H488074" s="12"/>
    </row>
    <row r="488075" spans="8:8">
      <c r="H488075" s="12"/>
    </row>
    <row r="488076" spans="8:8">
      <c r="H488076" s="12"/>
    </row>
    <row r="488077" spans="8:8">
      <c r="H488077" s="12"/>
    </row>
    <row r="488078" spans="8:8">
      <c r="H488078" s="12"/>
    </row>
    <row r="488079" spans="8:8">
      <c r="H488079" s="12"/>
    </row>
    <row r="488080" spans="8:8">
      <c r="H488080" s="12"/>
    </row>
    <row r="488081" spans="8:8">
      <c r="H488081" s="12"/>
    </row>
    <row r="488082" spans="8:8">
      <c r="H488082" s="12"/>
    </row>
    <row r="488083" spans="8:8">
      <c r="H488083" s="12"/>
    </row>
    <row r="488084" spans="8:8">
      <c r="H488084" s="12"/>
    </row>
    <row r="488085" spans="8:8">
      <c r="H488085" s="12"/>
    </row>
    <row r="488086" spans="8:8">
      <c r="H488086" s="12"/>
    </row>
    <row r="488087" spans="8:8">
      <c r="H488087" s="12"/>
    </row>
    <row r="488088" spans="8:8">
      <c r="H488088" s="12"/>
    </row>
    <row r="488089" spans="8:8">
      <c r="H488089" s="12"/>
    </row>
    <row r="488090" spans="8:8">
      <c r="H488090" s="12"/>
    </row>
    <row r="488091" spans="8:8">
      <c r="H488091" s="12"/>
    </row>
    <row r="488092" spans="8:8">
      <c r="H488092" s="12"/>
    </row>
    <row r="488093" spans="8:8">
      <c r="H488093" s="12"/>
    </row>
    <row r="488094" spans="8:8">
      <c r="H488094" s="12"/>
    </row>
    <row r="488095" spans="8:8">
      <c r="H488095" s="12"/>
    </row>
    <row r="488096" spans="8:8">
      <c r="H488096" s="12"/>
    </row>
    <row r="488097" spans="8:8">
      <c r="H488097" s="12"/>
    </row>
    <row r="488098" spans="8:8">
      <c r="H488098" s="12"/>
    </row>
    <row r="488099" spans="8:8">
      <c r="H488099" s="12"/>
    </row>
    <row r="488100" spans="8:8">
      <c r="H488100" s="12"/>
    </row>
    <row r="488101" spans="8:8">
      <c r="H488101" s="12"/>
    </row>
    <row r="488102" spans="8:8">
      <c r="H488102" s="12"/>
    </row>
    <row r="488103" spans="8:8">
      <c r="H488103" s="12"/>
    </row>
    <row r="488104" spans="8:8">
      <c r="H488104" s="12"/>
    </row>
    <row r="488105" spans="8:8">
      <c r="H488105" s="12"/>
    </row>
    <row r="488106" spans="8:8">
      <c r="H488106" s="12"/>
    </row>
    <row r="488107" spans="8:8">
      <c r="H488107" s="12"/>
    </row>
    <row r="488108" spans="8:8">
      <c r="H488108" s="12"/>
    </row>
    <row r="488109" spans="8:8">
      <c r="H488109" s="12"/>
    </row>
    <row r="488110" spans="8:8">
      <c r="H488110" s="12"/>
    </row>
    <row r="488111" spans="8:8">
      <c r="H488111" s="12"/>
    </row>
    <row r="488112" spans="8:8">
      <c r="H488112" s="12"/>
    </row>
    <row r="488113" spans="8:8">
      <c r="H488113" s="12"/>
    </row>
    <row r="488114" spans="8:8">
      <c r="H488114" s="12"/>
    </row>
    <row r="488115" spans="8:8">
      <c r="H488115" s="12"/>
    </row>
    <row r="488116" spans="8:8">
      <c r="H488116" s="12"/>
    </row>
    <row r="488117" spans="8:8">
      <c r="H488117" s="12"/>
    </row>
    <row r="488118" spans="8:8">
      <c r="H488118" s="12"/>
    </row>
    <row r="488119" spans="8:8">
      <c r="H488119" s="12"/>
    </row>
    <row r="488120" spans="8:8">
      <c r="H488120" s="12"/>
    </row>
    <row r="488121" spans="8:8">
      <c r="H488121" s="12"/>
    </row>
    <row r="488122" spans="8:8">
      <c r="H488122" s="12"/>
    </row>
    <row r="488123" spans="8:8">
      <c r="H488123" s="12"/>
    </row>
    <row r="488124" spans="8:8">
      <c r="H488124" s="12"/>
    </row>
    <row r="488125" spans="8:8">
      <c r="H488125" s="12"/>
    </row>
    <row r="488126" spans="8:8">
      <c r="H488126" s="12"/>
    </row>
    <row r="488127" spans="8:8">
      <c r="H488127" s="12"/>
    </row>
    <row r="488128" spans="8:8">
      <c r="H488128" s="12"/>
    </row>
    <row r="488129" spans="8:8">
      <c r="H488129" s="12"/>
    </row>
    <row r="488130" spans="8:8">
      <c r="H488130" s="12"/>
    </row>
    <row r="488131" spans="8:8">
      <c r="H488131" s="12"/>
    </row>
    <row r="488132" spans="8:8">
      <c r="H488132" s="12"/>
    </row>
    <row r="488133" spans="8:8">
      <c r="H488133" s="12"/>
    </row>
    <row r="488134" spans="8:8">
      <c r="H488134" s="12"/>
    </row>
    <row r="488135" spans="8:8">
      <c r="H488135" s="12"/>
    </row>
    <row r="488136" spans="8:8">
      <c r="H488136" s="12"/>
    </row>
    <row r="488137" spans="8:8">
      <c r="H488137" s="12"/>
    </row>
    <row r="488138" spans="8:8">
      <c r="H488138" s="12"/>
    </row>
    <row r="488139" spans="8:8">
      <c r="H488139" s="12"/>
    </row>
    <row r="488140" spans="8:8">
      <c r="H488140" s="12"/>
    </row>
    <row r="488141" spans="8:8">
      <c r="H488141" s="12"/>
    </row>
    <row r="488142" spans="8:8">
      <c r="H488142" s="12"/>
    </row>
    <row r="488143" spans="8:8">
      <c r="H488143" s="12"/>
    </row>
    <row r="488144" spans="8:8">
      <c r="H488144" s="12"/>
    </row>
    <row r="488145" spans="8:8">
      <c r="H488145" s="12"/>
    </row>
    <row r="488146" spans="8:8">
      <c r="H488146" s="12"/>
    </row>
    <row r="488147" spans="8:8">
      <c r="H488147" s="12"/>
    </row>
    <row r="488148" spans="8:8">
      <c r="H488148" s="12"/>
    </row>
    <row r="488149" spans="8:8">
      <c r="H488149" s="12"/>
    </row>
    <row r="488150" spans="8:8">
      <c r="H488150" s="12"/>
    </row>
    <row r="488151" spans="8:8">
      <c r="H488151" s="12"/>
    </row>
    <row r="488152" spans="8:8">
      <c r="H488152" s="12"/>
    </row>
    <row r="488153" spans="8:8">
      <c r="H488153" s="12"/>
    </row>
    <row r="488154" spans="8:8">
      <c r="H488154" s="12"/>
    </row>
    <row r="488155" spans="8:8">
      <c r="H488155" s="12"/>
    </row>
    <row r="488156" spans="8:8">
      <c r="H488156" s="12"/>
    </row>
    <row r="488157" spans="8:8">
      <c r="H488157" s="12"/>
    </row>
    <row r="488158" spans="8:8">
      <c r="H488158" s="12"/>
    </row>
    <row r="488159" spans="8:8">
      <c r="H488159" s="12"/>
    </row>
    <row r="488160" spans="8:8">
      <c r="H488160" s="12"/>
    </row>
    <row r="488161" spans="8:8">
      <c r="H488161" s="12"/>
    </row>
    <row r="488162" spans="8:8">
      <c r="H488162" s="12"/>
    </row>
    <row r="488163" spans="8:8">
      <c r="H488163" s="12"/>
    </row>
    <row r="488164" spans="8:8">
      <c r="H488164" s="12"/>
    </row>
    <row r="488165" spans="8:8">
      <c r="H488165" s="12"/>
    </row>
    <row r="488166" spans="8:8">
      <c r="H488166" s="12"/>
    </row>
    <row r="488167" spans="8:8">
      <c r="H488167" s="12"/>
    </row>
    <row r="488168" spans="8:8">
      <c r="H488168" s="12"/>
    </row>
    <row r="488169" spans="8:8">
      <c r="H488169" s="12"/>
    </row>
    <row r="488170" spans="8:8">
      <c r="H488170" s="12"/>
    </row>
    <row r="488171" spans="8:8">
      <c r="H488171" s="12"/>
    </row>
    <row r="488172" spans="8:8">
      <c r="H488172" s="12"/>
    </row>
    <row r="488173" spans="8:8">
      <c r="H488173" s="12"/>
    </row>
    <row r="488174" spans="8:8">
      <c r="H488174" s="12"/>
    </row>
    <row r="488175" spans="8:8">
      <c r="H488175" s="12"/>
    </row>
    <row r="488176" spans="8:8">
      <c r="H488176" s="12"/>
    </row>
    <row r="488177" spans="8:8">
      <c r="H488177" s="12"/>
    </row>
    <row r="488178" spans="8:8">
      <c r="H488178" s="12"/>
    </row>
    <row r="488179" spans="8:8">
      <c r="H488179" s="12"/>
    </row>
    <row r="488180" spans="8:8">
      <c r="H488180" s="12"/>
    </row>
    <row r="488181" spans="8:8">
      <c r="H488181" s="12"/>
    </row>
    <row r="488182" spans="8:8">
      <c r="H488182" s="12"/>
    </row>
    <row r="488183" spans="8:8">
      <c r="H488183" s="12"/>
    </row>
    <row r="488184" spans="8:8">
      <c r="H488184" s="12"/>
    </row>
    <row r="488185" spans="8:8">
      <c r="H488185" s="12"/>
    </row>
    <row r="488186" spans="8:8">
      <c r="H488186" s="12"/>
    </row>
    <row r="488187" spans="8:8">
      <c r="H488187" s="12"/>
    </row>
    <row r="488188" spans="8:8">
      <c r="H488188" s="12"/>
    </row>
    <row r="488189" spans="8:8">
      <c r="H488189" s="12"/>
    </row>
    <row r="488190" spans="8:8">
      <c r="H488190" s="12"/>
    </row>
    <row r="488191" spans="8:8">
      <c r="H488191" s="12"/>
    </row>
    <row r="488192" spans="8:8">
      <c r="H488192" s="12"/>
    </row>
    <row r="488193" spans="8:8">
      <c r="H488193" s="12"/>
    </row>
    <row r="488194" spans="8:8">
      <c r="H488194" s="12"/>
    </row>
    <row r="488195" spans="8:8">
      <c r="H488195" s="12"/>
    </row>
    <row r="488196" spans="8:8">
      <c r="H488196" s="12"/>
    </row>
    <row r="488197" spans="8:8">
      <c r="H488197" s="12"/>
    </row>
    <row r="488198" spans="8:8">
      <c r="H488198" s="12"/>
    </row>
    <row r="488199" spans="8:8">
      <c r="H488199" s="12"/>
    </row>
    <row r="488200" spans="8:8">
      <c r="H488200" s="12"/>
    </row>
    <row r="488201" spans="8:8">
      <c r="H488201" s="12"/>
    </row>
    <row r="488202" spans="8:8">
      <c r="H488202" s="12"/>
    </row>
    <row r="488203" spans="8:8">
      <c r="H488203" s="12"/>
    </row>
    <row r="488204" spans="8:8">
      <c r="H488204" s="12"/>
    </row>
    <row r="488205" spans="8:8">
      <c r="H488205" s="12"/>
    </row>
    <row r="488206" spans="8:8">
      <c r="H488206" s="12"/>
    </row>
    <row r="488207" spans="8:8">
      <c r="H488207" s="12"/>
    </row>
    <row r="488208" spans="8:8">
      <c r="H488208" s="12"/>
    </row>
    <row r="488209" spans="8:8">
      <c r="H488209" s="12"/>
    </row>
    <row r="488210" spans="8:8">
      <c r="H488210" s="12"/>
    </row>
    <row r="488211" spans="8:8">
      <c r="H488211" s="12"/>
    </row>
    <row r="488212" spans="8:8">
      <c r="H488212" s="12"/>
    </row>
    <row r="488213" spans="8:8">
      <c r="H488213" s="12"/>
    </row>
    <row r="488214" spans="8:8">
      <c r="H488214" s="12"/>
    </row>
    <row r="488215" spans="8:8">
      <c r="H488215" s="12"/>
    </row>
    <row r="488216" spans="8:8">
      <c r="H488216" s="12"/>
    </row>
    <row r="488217" spans="8:8">
      <c r="H488217" s="12"/>
    </row>
    <row r="488218" spans="8:8">
      <c r="H488218" s="12"/>
    </row>
    <row r="488219" spans="8:8">
      <c r="H488219" s="12"/>
    </row>
    <row r="488220" spans="8:8">
      <c r="H488220" s="12"/>
    </row>
    <row r="488221" spans="8:8">
      <c r="H488221" s="12"/>
    </row>
    <row r="488222" spans="8:8">
      <c r="H488222" s="12"/>
    </row>
    <row r="488223" spans="8:8">
      <c r="H488223" s="12"/>
    </row>
    <row r="488224" spans="8:8">
      <c r="H488224" s="12"/>
    </row>
    <row r="488225" spans="8:8">
      <c r="H488225" s="12"/>
    </row>
    <row r="488226" spans="8:8">
      <c r="H488226" s="12"/>
    </row>
    <row r="488227" spans="8:8">
      <c r="H488227" s="12"/>
    </row>
    <row r="488228" spans="8:8">
      <c r="H488228" s="12"/>
    </row>
    <row r="488229" spans="8:8">
      <c r="H488229" s="12"/>
    </row>
    <row r="488230" spans="8:8">
      <c r="H488230" s="12"/>
    </row>
    <row r="488231" spans="8:8">
      <c r="H488231" s="12"/>
    </row>
    <row r="488232" spans="8:8">
      <c r="H488232" s="12"/>
    </row>
    <row r="488233" spans="8:8">
      <c r="H488233" s="12"/>
    </row>
    <row r="488234" spans="8:8">
      <c r="H488234" s="12"/>
    </row>
    <row r="488235" spans="8:8">
      <c r="H488235" s="12"/>
    </row>
    <row r="488236" spans="8:8">
      <c r="H488236" s="12"/>
    </row>
    <row r="488237" spans="8:8">
      <c r="H488237" s="12"/>
    </row>
    <row r="488238" spans="8:8">
      <c r="H488238" s="12"/>
    </row>
    <row r="488239" spans="8:8">
      <c r="H488239" s="12"/>
    </row>
    <row r="488240" spans="8:8">
      <c r="H488240" s="12"/>
    </row>
    <row r="488241" spans="8:8">
      <c r="H488241" s="12"/>
    </row>
    <row r="488242" spans="8:8">
      <c r="H488242" s="12"/>
    </row>
    <row r="488243" spans="8:8">
      <c r="H488243" s="12"/>
    </row>
    <row r="488244" spans="8:8">
      <c r="H488244" s="12"/>
    </row>
    <row r="488245" spans="8:8">
      <c r="H488245" s="12"/>
    </row>
    <row r="488246" spans="8:8">
      <c r="H488246" s="12"/>
    </row>
    <row r="488247" spans="8:8">
      <c r="H488247" s="12"/>
    </row>
    <row r="488248" spans="8:8">
      <c r="H488248" s="12"/>
    </row>
    <row r="488249" spans="8:8">
      <c r="H488249" s="12"/>
    </row>
    <row r="488250" spans="8:8">
      <c r="H488250" s="12"/>
    </row>
    <row r="488251" spans="8:8">
      <c r="H488251" s="12"/>
    </row>
    <row r="488252" spans="8:8">
      <c r="H488252" s="12"/>
    </row>
    <row r="488253" spans="8:8">
      <c r="H488253" s="12"/>
    </row>
    <row r="488254" spans="8:8">
      <c r="H488254" s="12"/>
    </row>
    <row r="488255" spans="8:8">
      <c r="H488255" s="12"/>
    </row>
    <row r="488256" spans="8:8">
      <c r="H488256" s="12"/>
    </row>
    <row r="488257" spans="8:8">
      <c r="H488257" s="12"/>
    </row>
    <row r="488258" spans="8:8">
      <c r="H488258" s="12"/>
    </row>
    <row r="488259" spans="8:8">
      <c r="H488259" s="12"/>
    </row>
    <row r="488260" spans="8:8">
      <c r="H488260" s="12"/>
    </row>
    <row r="488261" spans="8:8">
      <c r="H488261" s="12"/>
    </row>
    <row r="488262" spans="8:8">
      <c r="H488262" s="12"/>
    </row>
    <row r="488263" spans="8:8">
      <c r="H488263" s="12"/>
    </row>
    <row r="488264" spans="8:8">
      <c r="H488264" s="12"/>
    </row>
    <row r="488265" spans="8:8">
      <c r="H488265" s="12"/>
    </row>
    <row r="488266" spans="8:8">
      <c r="H488266" s="12"/>
    </row>
    <row r="488267" spans="8:8">
      <c r="H488267" s="12"/>
    </row>
    <row r="488268" spans="8:8">
      <c r="H488268" s="12"/>
    </row>
    <row r="488269" spans="8:8">
      <c r="H488269" s="12"/>
    </row>
    <row r="488270" spans="8:8">
      <c r="H488270" s="12"/>
    </row>
    <row r="488271" spans="8:8">
      <c r="H488271" s="12"/>
    </row>
    <row r="488272" spans="8:8">
      <c r="H488272" s="12"/>
    </row>
    <row r="488273" spans="8:8">
      <c r="H488273" s="12"/>
    </row>
    <row r="488274" spans="8:8">
      <c r="H488274" s="12"/>
    </row>
    <row r="488275" spans="8:8">
      <c r="H488275" s="12"/>
    </row>
    <row r="488276" spans="8:8">
      <c r="H488276" s="12"/>
    </row>
    <row r="488277" spans="8:8">
      <c r="H488277" s="12"/>
    </row>
    <row r="488278" spans="8:8">
      <c r="H488278" s="12"/>
    </row>
    <row r="488279" spans="8:8">
      <c r="H488279" s="12"/>
    </row>
    <row r="488280" spans="8:8">
      <c r="H488280" s="12"/>
    </row>
    <row r="488281" spans="8:8">
      <c r="H488281" s="12"/>
    </row>
    <row r="488282" spans="8:8">
      <c r="H488282" s="12"/>
    </row>
    <row r="488283" spans="8:8">
      <c r="H488283" s="12"/>
    </row>
    <row r="488284" spans="8:8">
      <c r="H488284" s="12"/>
    </row>
    <row r="488285" spans="8:8">
      <c r="H488285" s="12"/>
    </row>
    <row r="488286" spans="8:8">
      <c r="H488286" s="12"/>
    </row>
    <row r="488287" spans="8:8">
      <c r="H488287" s="12"/>
    </row>
    <row r="488288" spans="8:8">
      <c r="H488288" s="12"/>
    </row>
    <row r="488289" spans="8:8">
      <c r="H488289" s="12"/>
    </row>
    <row r="488290" spans="8:8">
      <c r="H488290" s="12"/>
    </row>
    <row r="488291" spans="8:8">
      <c r="H488291" s="12"/>
    </row>
    <row r="488292" spans="8:8">
      <c r="H488292" s="12"/>
    </row>
    <row r="488293" spans="8:8">
      <c r="H488293" s="12"/>
    </row>
    <row r="488294" spans="8:8">
      <c r="H488294" s="12"/>
    </row>
    <row r="488295" spans="8:8">
      <c r="H488295" s="12"/>
    </row>
    <row r="488296" spans="8:8">
      <c r="H488296" s="12"/>
    </row>
    <row r="488297" spans="8:8">
      <c r="H488297" s="12"/>
    </row>
    <row r="488298" spans="8:8">
      <c r="H488298" s="12"/>
    </row>
    <row r="488299" spans="8:8">
      <c r="H488299" s="12"/>
    </row>
    <row r="488300" spans="8:8">
      <c r="H488300" s="12"/>
    </row>
    <row r="488301" spans="8:8">
      <c r="H488301" s="12"/>
    </row>
    <row r="488302" spans="8:8">
      <c r="H488302" s="12"/>
    </row>
    <row r="488303" spans="8:8">
      <c r="H488303" s="12"/>
    </row>
    <row r="488304" spans="8:8">
      <c r="H488304" s="12"/>
    </row>
    <row r="488305" spans="8:8">
      <c r="H488305" s="12"/>
    </row>
    <row r="488306" spans="8:8">
      <c r="H488306" s="12"/>
    </row>
    <row r="488307" spans="8:8">
      <c r="H488307" s="12"/>
    </row>
    <row r="488308" spans="8:8">
      <c r="H488308" s="12"/>
    </row>
    <row r="488309" spans="8:8">
      <c r="H488309" s="12"/>
    </row>
    <row r="488310" spans="8:8">
      <c r="H488310" s="12"/>
    </row>
    <row r="488311" spans="8:8">
      <c r="H488311" s="12"/>
    </row>
    <row r="488312" spans="8:8">
      <c r="H488312" s="12"/>
    </row>
    <row r="488313" spans="8:8">
      <c r="H488313" s="12"/>
    </row>
    <row r="488314" spans="8:8">
      <c r="H488314" s="12"/>
    </row>
    <row r="488315" spans="8:8">
      <c r="H488315" s="12"/>
    </row>
    <row r="488316" spans="8:8">
      <c r="H488316" s="12"/>
    </row>
    <row r="488317" spans="8:8">
      <c r="H488317" s="12"/>
    </row>
    <row r="488318" spans="8:8">
      <c r="H488318" s="12"/>
    </row>
    <row r="488319" spans="8:8">
      <c r="H488319" s="12"/>
    </row>
    <row r="488320" spans="8:8">
      <c r="H488320" s="12"/>
    </row>
    <row r="488321" spans="8:8">
      <c r="H488321" s="12"/>
    </row>
    <row r="488322" spans="8:8">
      <c r="H488322" s="12"/>
    </row>
    <row r="488323" spans="8:8">
      <c r="H488323" s="12"/>
    </row>
    <row r="488324" spans="8:8">
      <c r="H488324" s="12"/>
    </row>
    <row r="488325" spans="8:8">
      <c r="H488325" s="12"/>
    </row>
    <row r="488326" spans="8:8">
      <c r="H488326" s="12"/>
    </row>
    <row r="488327" spans="8:8">
      <c r="H488327" s="12"/>
    </row>
    <row r="488328" spans="8:8">
      <c r="H488328" s="12"/>
    </row>
    <row r="488329" spans="8:8">
      <c r="H488329" s="12"/>
    </row>
    <row r="488330" spans="8:8">
      <c r="H488330" s="12"/>
    </row>
    <row r="488331" spans="8:8">
      <c r="H488331" s="12"/>
    </row>
    <row r="488332" spans="8:8">
      <c r="H488332" s="12"/>
    </row>
    <row r="488333" spans="8:8">
      <c r="H488333" s="12"/>
    </row>
    <row r="488334" spans="8:8">
      <c r="H488334" s="12"/>
    </row>
    <row r="488335" spans="8:8">
      <c r="H488335" s="12"/>
    </row>
    <row r="488336" spans="8:8">
      <c r="H488336" s="12"/>
    </row>
    <row r="488337" spans="8:8">
      <c r="H488337" s="12"/>
    </row>
    <row r="488338" spans="8:8">
      <c r="H488338" s="12"/>
    </row>
    <row r="488339" spans="8:8">
      <c r="H488339" s="12"/>
    </row>
    <row r="488340" spans="8:8">
      <c r="H488340" s="12"/>
    </row>
    <row r="488341" spans="8:8">
      <c r="H488341" s="12"/>
    </row>
    <row r="488342" spans="8:8">
      <c r="H488342" s="12"/>
    </row>
    <row r="488343" spans="8:8">
      <c r="H488343" s="12"/>
    </row>
    <row r="488344" spans="8:8">
      <c r="H488344" s="12"/>
    </row>
    <row r="488345" spans="8:8">
      <c r="H488345" s="12"/>
    </row>
    <row r="488346" spans="8:8">
      <c r="H488346" s="12"/>
    </row>
    <row r="488347" spans="8:8">
      <c r="H488347" s="12"/>
    </row>
    <row r="488348" spans="8:8">
      <c r="H488348" s="12"/>
    </row>
    <row r="488349" spans="8:8">
      <c r="H488349" s="12"/>
    </row>
    <row r="488350" spans="8:8">
      <c r="H488350" s="12"/>
    </row>
    <row r="488351" spans="8:8">
      <c r="H488351" s="12"/>
    </row>
    <row r="488352" spans="8:8">
      <c r="H488352" s="12"/>
    </row>
    <row r="488353" spans="8:8">
      <c r="H488353" s="12"/>
    </row>
    <row r="488354" spans="8:8">
      <c r="H488354" s="12"/>
    </row>
    <row r="488355" spans="8:8">
      <c r="H488355" s="12"/>
    </row>
    <row r="488356" spans="8:8">
      <c r="H488356" s="12"/>
    </row>
    <row r="488357" spans="8:8">
      <c r="H488357" s="12"/>
    </row>
    <row r="488358" spans="8:8">
      <c r="H488358" s="12"/>
    </row>
    <row r="488359" spans="8:8">
      <c r="H488359" s="12"/>
    </row>
    <row r="488360" spans="8:8">
      <c r="H488360" s="12"/>
    </row>
    <row r="488361" spans="8:8">
      <c r="H488361" s="12"/>
    </row>
    <row r="488362" spans="8:8">
      <c r="H488362" s="12"/>
    </row>
    <row r="488363" spans="8:8">
      <c r="H488363" s="12"/>
    </row>
    <row r="488364" spans="8:8">
      <c r="H488364" s="12"/>
    </row>
    <row r="488365" spans="8:8">
      <c r="H488365" s="12"/>
    </row>
    <row r="488366" spans="8:8">
      <c r="H488366" s="12"/>
    </row>
    <row r="488367" spans="8:8">
      <c r="H488367" s="12"/>
    </row>
    <row r="488368" spans="8:8">
      <c r="H488368" s="12"/>
    </row>
    <row r="488369" spans="8:8">
      <c r="H488369" s="12"/>
    </row>
    <row r="488370" spans="8:8">
      <c r="H488370" s="12"/>
    </row>
    <row r="488371" spans="8:8">
      <c r="H488371" s="12"/>
    </row>
    <row r="488372" spans="8:8">
      <c r="H488372" s="12"/>
    </row>
    <row r="488373" spans="8:8">
      <c r="H488373" s="12"/>
    </row>
    <row r="488374" spans="8:8">
      <c r="H488374" s="12"/>
    </row>
    <row r="488375" spans="8:8">
      <c r="H488375" s="12"/>
    </row>
    <row r="488376" spans="8:8">
      <c r="H488376" s="12"/>
    </row>
    <row r="488377" spans="8:8">
      <c r="H488377" s="12"/>
    </row>
    <row r="488378" spans="8:8">
      <c r="H488378" s="12"/>
    </row>
    <row r="488379" spans="8:8">
      <c r="H488379" s="12"/>
    </row>
    <row r="488380" spans="8:8">
      <c r="H488380" s="12"/>
    </row>
    <row r="488381" spans="8:8">
      <c r="H488381" s="12"/>
    </row>
    <row r="488382" spans="8:8">
      <c r="H488382" s="12"/>
    </row>
    <row r="488383" spans="8:8">
      <c r="H488383" s="12"/>
    </row>
    <row r="488384" spans="8:8">
      <c r="H488384" s="12"/>
    </row>
    <row r="488385" spans="8:8">
      <c r="H488385" s="12"/>
    </row>
    <row r="488386" spans="8:8">
      <c r="H488386" s="12"/>
    </row>
    <row r="488387" spans="8:8">
      <c r="H488387" s="12"/>
    </row>
    <row r="488388" spans="8:8">
      <c r="H488388" s="12"/>
    </row>
    <row r="488389" spans="8:8">
      <c r="H488389" s="12"/>
    </row>
    <row r="488390" spans="8:8">
      <c r="H488390" s="12"/>
    </row>
    <row r="488391" spans="8:8">
      <c r="H488391" s="12"/>
    </row>
    <row r="488392" spans="8:8">
      <c r="H488392" s="12"/>
    </row>
    <row r="488393" spans="8:8">
      <c r="H488393" s="12"/>
    </row>
    <row r="488394" spans="8:8">
      <c r="H488394" s="12"/>
    </row>
    <row r="488395" spans="8:8">
      <c r="H488395" s="12"/>
    </row>
    <row r="488396" spans="8:8">
      <c r="H488396" s="12"/>
    </row>
    <row r="488397" spans="8:8">
      <c r="H488397" s="12"/>
    </row>
    <row r="488398" spans="8:8">
      <c r="H488398" s="12"/>
    </row>
    <row r="488399" spans="8:8">
      <c r="H488399" s="12"/>
    </row>
    <row r="488400" spans="8:8">
      <c r="H488400" s="12"/>
    </row>
    <row r="488401" spans="8:8">
      <c r="H488401" s="12"/>
    </row>
    <row r="488402" spans="8:8">
      <c r="H488402" s="12"/>
    </row>
    <row r="488403" spans="8:8">
      <c r="H488403" s="12"/>
    </row>
    <row r="488404" spans="8:8">
      <c r="H488404" s="12"/>
    </row>
    <row r="488405" spans="8:8">
      <c r="H488405" s="12"/>
    </row>
    <row r="488406" spans="8:8">
      <c r="H488406" s="12"/>
    </row>
    <row r="488407" spans="8:8">
      <c r="H488407" s="12"/>
    </row>
    <row r="488408" spans="8:8">
      <c r="H488408" s="12"/>
    </row>
    <row r="488409" spans="8:8">
      <c r="H488409" s="12"/>
    </row>
    <row r="488410" spans="8:8">
      <c r="H488410" s="12"/>
    </row>
    <row r="488411" spans="8:8">
      <c r="H488411" s="12"/>
    </row>
    <row r="488412" spans="8:8">
      <c r="H488412" s="12"/>
    </row>
    <row r="488413" spans="8:8">
      <c r="H488413" s="12"/>
    </row>
    <row r="488414" spans="8:8">
      <c r="H488414" s="12"/>
    </row>
    <row r="488415" spans="8:8">
      <c r="H488415" s="12"/>
    </row>
    <row r="488416" spans="8:8">
      <c r="H488416" s="12"/>
    </row>
    <row r="488417" spans="8:8">
      <c r="H488417" s="12"/>
    </row>
    <row r="488418" spans="8:8">
      <c r="H488418" s="12"/>
    </row>
    <row r="488419" spans="8:8">
      <c r="H488419" s="12"/>
    </row>
    <row r="488420" spans="8:8">
      <c r="H488420" s="12"/>
    </row>
    <row r="488421" spans="8:8">
      <c r="H488421" s="12"/>
    </row>
    <row r="488422" spans="8:8">
      <c r="H488422" s="12"/>
    </row>
    <row r="488423" spans="8:8">
      <c r="H488423" s="12"/>
    </row>
    <row r="488424" spans="8:8">
      <c r="H488424" s="12"/>
    </row>
    <row r="488425" spans="8:8">
      <c r="H488425" s="12"/>
    </row>
    <row r="488426" spans="8:8">
      <c r="H488426" s="12"/>
    </row>
    <row r="488427" spans="8:8">
      <c r="H488427" s="12"/>
    </row>
    <row r="488428" spans="8:8">
      <c r="H488428" s="12"/>
    </row>
    <row r="488429" spans="8:8">
      <c r="H488429" s="12"/>
    </row>
    <row r="488430" spans="8:8">
      <c r="H488430" s="12"/>
    </row>
    <row r="488431" spans="8:8">
      <c r="H488431" s="12"/>
    </row>
    <row r="488432" spans="8:8">
      <c r="H488432" s="12"/>
    </row>
    <row r="488433" spans="8:8">
      <c r="H488433" s="12"/>
    </row>
    <row r="488434" spans="8:8">
      <c r="H488434" s="12"/>
    </row>
    <row r="488435" spans="8:8">
      <c r="H488435" s="12"/>
    </row>
    <row r="488436" spans="8:8">
      <c r="H488436" s="12"/>
    </row>
    <row r="488437" spans="8:8">
      <c r="H488437" s="12"/>
    </row>
    <row r="488438" spans="8:8">
      <c r="H488438" s="12"/>
    </row>
    <row r="488439" spans="8:8">
      <c r="H488439" s="12"/>
    </row>
    <row r="488440" spans="8:8">
      <c r="H488440" s="12"/>
    </row>
    <row r="488441" spans="8:8">
      <c r="H488441" s="12"/>
    </row>
    <row r="488442" spans="8:8">
      <c r="H488442" s="12"/>
    </row>
    <row r="488443" spans="8:8">
      <c r="H488443" s="12"/>
    </row>
    <row r="488444" spans="8:8">
      <c r="H488444" s="12"/>
    </row>
    <row r="488445" spans="8:8">
      <c r="H488445" s="12"/>
    </row>
    <row r="488446" spans="8:8">
      <c r="H488446" s="12"/>
    </row>
    <row r="488447" spans="8:8">
      <c r="H488447" s="12"/>
    </row>
    <row r="488448" spans="8:8">
      <c r="H488448" s="12"/>
    </row>
    <row r="488449" spans="8:8">
      <c r="H488449" s="12"/>
    </row>
    <row r="488450" spans="8:8">
      <c r="H488450" s="12"/>
    </row>
    <row r="488451" spans="8:8">
      <c r="H488451" s="12"/>
    </row>
    <row r="488452" spans="8:8">
      <c r="H488452" s="12"/>
    </row>
    <row r="488453" spans="8:8">
      <c r="H488453" s="12"/>
    </row>
    <row r="488454" spans="8:8">
      <c r="H488454" s="12"/>
    </row>
    <row r="488455" spans="8:8">
      <c r="H488455" s="12"/>
    </row>
    <row r="488456" spans="8:8">
      <c r="H488456" s="12"/>
    </row>
    <row r="488457" spans="8:8">
      <c r="H488457" s="12"/>
    </row>
    <row r="488458" spans="8:8">
      <c r="H488458" s="12"/>
    </row>
    <row r="488459" spans="8:8">
      <c r="H488459" s="12"/>
    </row>
    <row r="488460" spans="8:8">
      <c r="H488460" s="12"/>
    </row>
    <row r="488461" spans="8:8">
      <c r="H488461" s="12"/>
    </row>
    <row r="488462" spans="8:8">
      <c r="H488462" s="12"/>
    </row>
    <row r="488463" spans="8:8">
      <c r="H488463" s="12"/>
    </row>
    <row r="488464" spans="8:8">
      <c r="H488464" s="12"/>
    </row>
    <row r="488465" spans="8:8">
      <c r="H488465" s="12"/>
    </row>
    <row r="488466" spans="8:8">
      <c r="H488466" s="12"/>
    </row>
    <row r="488467" spans="8:8">
      <c r="H488467" s="12"/>
    </row>
    <row r="488468" spans="8:8">
      <c r="H488468" s="12"/>
    </row>
    <row r="488469" spans="8:8">
      <c r="H488469" s="12"/>
    </row>
    <row r="488470" spans="8:8">
      <c r="H488470" s="12"/>
    </row>
    <row r="488471" spans="8:8">
      <c r="H488471" s="12"/>
    </row>
    <row r="488472" spans="8:8">
      <c r="H488472" s="12"/>
    </row>
    <row r="488473" spans="8:8">
      <c r="H488473" s="12"/>
    </row>
    <row r="488474" spans="8:8">
      <c r="H488474" s="12"/>
    </row>
    <row r="488475" spans="8:8">
      <c r="H488475" s="12"/>
    </row>
    <row r="488476" spans="8:8">
      <c r="H488476" s="12"/>
    </row>
    <row r="488477" spans="8:8">
      <c r="H488477" s="12"/>
    </row>
    <row r="488478" spans="8:8">
      <c r="H488478" s="12"/>
    </row>
    <row r="488479" spans="8:8">
      <c r="H488479" s="12"/>
    </row>
    <row r="488480" spans="8:8">
      <c r="H488480" s="12"/>
    </row>
    <row r="488481" spans="8:8">
      <c r="H488481" s="12"/>
    </row>
    <row r="488482" spans="8:8">
      <c r="H488482" s="12"/>
    </row>
    <row r="488483" spans="8:8">
      <c r="H488483" s="12"/>
    </row>
    <row r="488484" spans="8:8">
      <c r="H488484" s="12"/>
    </row>
    <row r="488485" spans="8:8">
      <c r="H488485" s="12"/>
    </row>
    <row r="488486" spans="8:8">
      <c r="H488486" s="12"/>
    </row>
    <row r="488487" spans="8:8">
      <c r="H488487" s="12"/>
    </row>
    <row r="488488" spans="8:8">
      <c r="H488488" s="12"/>
    </row>
    <row r="488489" spans="8:8">
      <c r="H488489" s="12"/>
    </row>
    <row r="488490" spans="8:8">
      <c r="H488490" s="12"/>
    </row>
    <row r="488491" spans="8:8">
      <c r="H488491" s="12"/>
    </row>
    <row r="488492" spans="8:8">
      <c r="H488492" s="12"/>
    </row>
    <row r="488493" spans="8:8">
      <c r="H488493" s="12"/>
    </row>
    <row r="488494" spans="8:8">
      <c r="H488494" s="12"/>
    </row>
    <row r="488495" spans="8:8">
      <c r="H488495" s="12"/>
    </row>
    <row r="488496" spans="8:8">
      <c r="H488496" s="12"/>
    </row>
    <row r="488497" spans="8:8">
      <c r="H488497" s="12"/>
    </row>
    <row r="488498" spans="8:8">
      <c r="H488498" s="12"/>
    </row>
    <row r="488499" spans="8:8">
      <c r="H488499" s="12"/>
    </row>
    <row r="488500" spans="8:8">
      <c r="H488500" s="12"/>
    </row>
    <row r="488501" spans="8:8">
      <c r="H488501" s="12"/>
    </row>
    <row r="488502" spans="8:8">
      <c r="H488502" s="12"/>
    </row>
    <row r="488503" spans="8:8">
      <c r="H488503" s="12"/>
    </row>
    <row r="488504" spans="8:8">
      <c r="H488504" s="12"/>
    </row>
    <row r="488505" spans="8:8">
      <c r="H488505" s="12"/>
    </row>
    <row r="488506" spans="8:8">
      <c r="H488506" s="12"/>
    </row>
    <row r="488507" spans="8:8">
      <c r="H488507" s="12"/>
    </row>
    <row r="488508" spans="8:8">
      <c r="H488508" s="12"/>
    </row>
    <row r="488509" spans="8:8">
      <c r="H488509" s="12"/>
    </row>
    <row r="488510" spans="8:8">
      <c r="H488510" s="12"/>
    </row>
    <row r="488511" spans="8:8">
      <c r="H488511" s="12"/>
    </row>
    <row r="488512" spans="8:8">
      <c r="H488512" s="12"/>
    </row>
    <row r="488513" spans="8:8">
      <c r="H488513" s="12"/>
    </row>
    <row r="488514" spans="8:8">
      <c r="H488514" s="12"/>
    </row>
    <row r="488515" spans="8:8">
      <c r="H488515" s="12"/>
    </row>
    <row r="488516" spans="8:8">
      <c r="H488516" s="12"/>
    </row>
    <row r="488517" spans="8:8">
      <c r="H488517" s="12"/>
    </row>
    <row r="488518" spans="8:8">
      <c r="H488518" s="12"/>
    </row>
    <row r="488519" spans="8:8">
      <c r="H488519" s="12"/>
    </row>
    <row r="488520" spans="8:8">
      <c r="H488520" s="12"/>
    </row>
    <row r="488521" spans="8:8">
      <c r="H488521" s="12"/>
    </row>
    <row r="488522" spans="8:8">
      <c r="H488522" s="12"/>
    </row>
    <row r="488523" spans="8:8">
      <c r="H488523" s="12"/>
    </row>
    <row r="488524" spans="8:8">
      <c r="H488524" s="12"/>
    </row>
    <row r="488525" spans="8:8">
      <c r="H488525" s="12"/>
    </row>
    <row r="488526" spans="8:8">
      <c r="H488526" s="12"/>
    </row>
    <row r="488527" spans="8:8">
      <c r="H488527" s="12"/>
    </row>
    <row r="488528" spans="8:8">
      <c r="H488528" s="12"/>
    </row>
    <row r="488529" spans="8:8">
      <c r="H488529" s="12"/>
    </row>
    <row r="488530" spans="8:8">
      <c r="H488530" s="12"/>
    </row>
    <row r="488531" spans="8:8">
      <c r="H488531" s="12"/>
    </row>
    <row r="488532" spans="8:8">
      <c r="H488532" s="12"/>
    </row>
    <row r="488533" spans="8:8">
      <c r="H488533" s="12"/>
    </row>
    <row r="488534" spans="8:8">
      <c r="H488534" s="12"/>
    </row>
    <row r="488535" spans="8:8">
      <c r="H488535" s="12"/>
    </row>
    <row r="488536" spans="8:8">
      <c r="H488536" s="12"/>
    </row>
    <row r="488537" spans="8:8">
      <c r="H488537" s="12"/>
    </row>
    <row r="488538" spans="8:8">
      <c r="H488538" s="12"/>
    </row>
    <row r="488539" spans="8:8">
      <c r="H488539" s="12"/>
    </row>
    <row r="488540" spans="8:8">
      <c r="H488540" s="12"/>
    </row>
    <row r="488541" spans="8:8">
      <c r="H488541" s="12"/>
    </row>
    <row r="488542" spans="8:8">
      <c r="H488542" s="12"/>
    </row>
    <row r="488543" spans="8:8">
      <c r="H488543" s="12"/>
    </row>
    <row r="488544" spans="8:8">
      <c r="H488544" s="12"/>
    </row>
    <row r="488545" spans="8:8">
      <c r="H488545" s="12"/>
    </row>
    <row r="488546" spans="8:8">
      <c r="H488546" s="12"/>
    </row>
    <row r="488547" spans="8:8">
      <c r="H488547" s="12"/>
    </row>
    <row r="488548" spans="8:8">
      <c r="H488548" s="12"/>
    </row>
    <row r="488549" spans="8:8">
      <c r="H488549" s="12"/>
    </row>
    <row r="488550" spans="8:8">
      <c r="H488550" s="12"/>
    </row>
    <row r="488551" spans="8:8">
      <c r="H488551" s="12"/>
    </row>
    <row r="488552" spans="8:8">
      <c r="H488552" s="12"/>
    </row>
    <row r="488553" spans="8:8">
      <c r="H488553" s="12"/>
    </row>
    <row r="488554" spans="8:8">
      <c r="H488554" s="12"/>
    </row>
    <row r="488555" spans="8:8">
      <c r="H488555" s="12"/>
    </row>
    <row r="488556" spans="8:8">
      <c r="H488556" s="12"/>
    </row>
    <row r="488557" spans="8:8">
      <c r="H488557" s="12"/>
    </row>
    <row r="488558" spans="8:8">
      <c r="H488558" s="12"/>
    </row>
    <row r="488559" spans="8:8">
      <c r="H488559" s="12"/>
    </row>
    <row r="488560" spans="8:8">
      <c r="H488560" s="12"/>
    </row>
    <row r="488561" spans="8:8">
      <c r="H488561" s="12"/>
    </row>
    <row r="488562" spans="8:8">
      <c r="H488562" s="12"/>
    </row>
    <row r="488563" spans="8:8">
      <c r="H488563" s="12"/>
    </row>
    <row r="488564" spans="8:8">
      <c r="H488564" s="12"/>
    </row>
    <row r="488565" spans="8:8">
      <c r="H488565" s="12"/>
    </row>
    <row r="488566" spans="8:8">
      <c r="H488566" s="12"/>
    </row>
    <row r="488567" spans="8:8">
      <c r="H488567" s="12"/>
    </row>
    <row r="488568" spans="8:8">
      <c r="H488568" s="12"/>
    </row>
    <row r="488569" spans="8:8">
      <c r="H488569" s="12"/>
    </row>
    <row r="488570" spans="8:8">
      <c r="H488570" s="12"/>
    </row>
    <row r="488571" spans="8:8">
      <c r="H488571" s="12"/>
    </row>
    <row r="488572" spans="8:8">
      <c r="H488572" s="12"/>
    </row>
    <row r="488573" spans="8:8">
      <c r="H488573" s="12"/>
    </row>
    <row r="488574" spans="8:8">
      <c r="H488574" s="12"/>
    </row>
    <row r="488575" spans="8:8">
      <c r="H488575" s="12"/>
    </row>
    <row r="488576" spans="8:8">
      <c r="H488576" s="12"/>
    </row>
    <row r="488577" spans="8:8">
      <c r="H488577" s="12"/>
    </row>
    <row r="488578" spans="8:8">
      <c r="H488578" s="12"/>
    </row>
    <row r="488579" spans="8:8">
      <c r="H488579" s="12"/>
    </row>
    <row r="488580" spans="8:8">
      <c r="H488580" s="12"/>
    </row>
    <row r="488581" spans="8:8">
      <c r="H488581" s="12"/>
    </row>
    <row r="488582" spans="8:8">
      <c r="H488582" s="12"/>
    </row>
    <row r="488583" spans="8:8">
      <c r="H488583" s="12"/>
    </row>
    <row r="488584" spans="8:8">
      <c r="H488584" s="12"/>
    </row>
    <row r="488585" spans="8:8">
      <c r="H488585" s="12"/>
    </row>
    <row r="488586" spans="8:8">
      <c r="H488586" s="12"/>
    </row>
    <row r="488587" spans="8:8">
      <c r="H488587" s="12"/>
    </row>
    <row r="488588" spans="8:8">
      <c r="H488588" s="12"/>
    </row>
    <row r="488589" spans="8:8">
      <c r="H488589" s="12"/>
    </row>
    <row r="488590" spans="8:8">
      <c r="H488590" s="12"/>
    </row>
    <row r="488591" spans="8:8">
      <c r="H488591" s="12"/>
    </row>
    <row r="488592" spans="8:8">
      <c r="H488592" s="12"/>
    </row>
    <row r="488593" spans="8:8">
      <c r="H488593" s="12"/>
    </row>
    <row r="488594" spans="8:8">
      <c r="H488594" s="12"/>
    </row>
    <row r="488595" spans="8:8">
      <c r="H488595" s="12"/>
    </row>
    <row r="488596" spans="8:8">
      <c r="H488596" s="12"/>
    </row>
    <row r="488597" spans="8:8">
      <c r="H488597" s="12"/>
    </row>
    <row r="488598" spans="8:8">
      <c r="H488598" s="12"/>
    </row>
    <row r="488599" spans="8:8">
      <c r="H488599" s="12"/>
    </row>
    <row r="488600" spans="8:8">
      <c r="H488600" s="12"/>
    </row>
    <row r="488601" spans="8:8">
      <c r="H488601" s="12"/>
    </row>
    <row r="488602" spans="8:8">
      <c r="H488602" s="12"/>
    </row>
    <row r="488603" spans="8:8">
      <c r="H488603" s="12"/>
    </row>
    <row r="488604" spans="8:8">
      <c r="H488604" s="12"/>
    </row>
    <row r="488605" spans="8:8">
      <c r="H488605" s="12"/>
    </row>
    <row r="488606" spans="8:8">
      <c r="H488606" s="12"/>
    </row>
    <row r="488607" spans="8:8">
      <c r="H488607" s="12"/>
    </row>
    <row r="488608" spans="8:8">
      <c r="H488608" s="12"/>
    </row>
    <row r="488609" spans="8:8">
      <c r="H488609" s="12"/>
    </row>
    <row r="488610" spans="8:8">
      <c r="H488610" s="12"/>
    </row>
    <row r="488611" spans="8:8">
      <c r="H488611" s="12"/>
    </row>
    <row r="488612" spans="8:8">
      <c r="H488612" s="12"/>
    </row>
    <row r="488613" spans="8:8">
      <c r="H488613" s="12"/>
    </row>
    <row r="488614" spans="8:8">
      <c r="H488614" s="12"/>
    </row>
    <row r="488615" spans="8:8">
      <c r="H488615" s="12"/>
    </row>
    <row r="488616" spans="8:8">
      <c r="H488616" s="12"/>
    </row>
    <row r="488617" spans="8:8">
      <c r="H488617" s="12"/>
    </row>
    <row r="488618" spans="8:8">
      <c r="H488618" s="12"/>
    </row>
    <row r="488619" spans="8:8">
      <c r="H488619" s="12"/>
    </row>
    <row r="488620" spans="8:8">
      <c r="H488620" s="12"/>
    </row>
    <row r="488621" spans="8:8">
      <c r="H488621" s="12"/>
    </row>
    <row r="488622" spans="8:8">
      <c r="H488622" s="12"/>
    </row>
    <row r="488623" spans="8:8">
      <c r="H488623" s="12"/>
    </row>
    <row r="488624" spans="8:8">
      <c r="H488624" s="12"/>
    </row>
    <row r="488625" spans="8:8">
      <c r="H488625" s="12"/>
    </row>
    <row r="488626" spans="8:8">
      <c r="H488626" s="12"/>
    </row>
    <row r="488627" spans="8:8">
      <c r="H488627" s="12"/>
    </row>
    <row r="488628" spans="8:8">
      <c r="H488628" s="12"/>
    </row>
    <row r="488629" spans="8:8">
      <c r="H488629" s="12"/>
    </row>
    <row r="488630" spans="8:8">
      <c r="H488630" s="12"/>
    </row>
    <row r="488631" spans="8:8">
      <c r="H488631" s="12"/>
    </row>
    <row r="488632" spans="8:8">
      <c r="H488632" s="12"/>
    </row>
    <row r="488633" spans="8:8">
      <c r="H488633" s="12"/>
    </row>
    <row r="488634" spans="8:8">
      <c r="H488634" s="12"/>
    </row>
    <row r="488635" spans="8:8">
      <c r="H488635" s="12"/>
    </row>
    <row r="488636" spans="8:8">
      <c r="H488636" s="12"/>
    </row>
    <row r="488637" spans="8:8">
      <c r="H488637" s="12"/>
    </row>
    <row r="488638" spans="8:8">
      <c r="H488638" s="12"/>
    </row>
    <row r="488639" spans="8:8">
      <c r="H488639" s="12"/>
    </row>
    <row r="488640" spans="8:8">
      <c r="H488640" s="12"/>
    </row>
    <row r="488641" spans="8:8">
      <c r="H488641" s="12"/>
    </row>
    <row r="488642" spans="8:8">
      <c r="H488642" s="12"/>
    </row>
    <row r="488643" spans="8:8">
      <c r="H488643" s="12"/>
    </row>
    <row r="488644" spans="8:8">
      <c r="H488644" s="12"/>
    </row>
    <row r="488645" spans="8:8">
      <c r="H488645" s="12"/>
    </row>
    <row r="488646" spans="8:8">
      <c r="H488646" s="12"/>
    </row>
    <row r="488647" spans="8:8">
      <c r="H488647" s="12"/>
    </row>
    <row r="488648" spans="8:8">
      <c r="H488648" s="12"/>
    </row>
    <row r="488649" spans="8:8">
      <c r="H488649" s="12"/>
    </row>
    <row r="488650" spans="8:8">
      <c r="H488650" s="12"/>
    </row>
    <row r="488651" spans="8:8">
      <c r="H488651" s="12"/>
    </row>
    <row r="488652" spans="8:8">
      <c r="H488652" s="12"/>
    </row>
    <row r="488653" spans="8:8">
      <c r="H488653" s="12"/>
    </row>
    <row r="488654" spans="8:8">
      <c r="H488654" s="12"/>
    </row>
    <row r="488655" spans="8:8">
      <c r="H488655" s="12"/>
    </row>
    <row r="488656" spans="8:8">
      <c r="H488656" s="12"/>
    </row>
    <row r="488657" spans="8:8">
      <c r="H488657" s="12"/>
    </row>
    <row r="488658" spans="8:8">
      <c r="H488658" s="12"/>
    </row>
    <row r="488659" spans="8:8">
      <c r="H488659" s="12"/>
    </row>
    <row r="488660" spans="8:8">
      <c r="H488660" s="12"/>
    </row>
    <row r="488661" spans="8:8">
      <c r="H488661" s="12"/>
    </row>
    <row r="488662" spans="8:8">
      <c r="H488662" s="12"/>
    </row>
    <row r="488663" spans="8:8">
      <c r="H488663" s="12"/>
    </row>
    <row r="488664" spans="8:8">
      <c r="H488664" s="12"/>
    </row>
    <row r="488665" spans="8:8">
      <c r="H488665" s="12"/>
    </row>
    <row r="488666" spans="8:8">
      <c r="H488666" s="12"/>
    </row>
    <row r="488667" spans="8:8">
      <c r="H488667" s="12"/>
    </row>
    <row r="488668" spans="8:8">
      <c r="H488668" s="12"/>
    </row>
    <row r="488669" spans="8:8">
      <c r="H488669" s="12"/>
    </row>
    <row r="488670" spans="8:8">
      <c r="H488670" s="12"/>
    </row>
    <row r="488671" spans="8:8">
      <c r="H488671" s="12"/>
    </row>
    <row r="488672" spans="8:8">
      <c r="H488672" s="12"/>
    </row>
    <row r="488673" spans="8:8">
      <c r="H488673" s="12"/>
    </row>
    <row r="488674" spans="8:8">
      <c r="H488674" s="12"/>
    </row>
    <row r="488675" spans="8:8">
      <c r="H488675" s="12"/>
    </row>
    <row r="488676" spans="8:8">
      <c r="H488676" s="12"/>
    </row>
    <row r="488677" spans="8:8">
      <c r="H488677" s="12"/>
    </row>
    <row r="488678" spans="8:8">
      <c r="H488678" s="12"/>
    </row>
    <row r="488679" spans="8:8">
      <c r="H488679" s="12"/>
    </row>
    <row r="488680" spans="8:8">
      <c r="H488680" s="12"/>
    </row>
    <row r="488681" spans="8:8">
      <c r="H488681" s="12"/>
    </row>
    <row r="488682" spans="8:8">
      <c r="H488682" s="12"/>
    </row>
    <row r="488683" spans="8:8">
      <c r="H488683" s="12"/>
    </row>
    <row r="488684" spans="8:8">
      <c r="H488684" s="12"/>
    </row>
    <row r="488685" spans="8:8">
      <c r="H488685" s="12"/>
    </row>
    <row r="488686" spans="8:8">
      <c r="H488686" s="12"/>
    </row>
    <row r="488687" spans="8:8">
      <c r="H488687" s="12"/>
    </row>
    <row r="488688" spans="8:8">
      <c r="H488688" s="12"/>
    </row>
    <row r="488689" spans="8:8">
      <c r="H488689" s="12"/>
    </row>
    <row r="488690" spans="8:8">
      <c r="H488690" s="12"/>
    </row>
    <row r="488691" spans="8:8">
      <c r="H488691" s="12"/>
    </row>
    <row r="488692" spans="8:8">
      <c r="H488692" s="12"/>
    </row>
    <row r="488693" spans="8:8">
      <c r="H488693" s="12"/>
    </row>
    <row r="488694" spans="8:8">
      <c r="H488694" s="12"/>
    </row>
    <row r="488695" spans="8:8">
      <c r="H488695" s="12"/>
    </row>
    <row r="488696" spans="8:8">
      <c r="H488696" s="12"/>
    </row>
    <row r="488697" spans="8:8">
      <c r="H488697" s="12"/>
    </row>
    <row r="488698" spans="8:8">
      <c r="H488698" s="12"/>
    </row>
    <row r="488699" spans="8:8">
      <c r="H488699" s="12"/>
    </row>
    <row r="488700" spans="8:8">
      <c r="H488700" s="12"/>
    </row>
    <row r="488701" spans="8:8">
      <c r="H488701" s="12"/>
    </row>
    <row r="488702" spans="8:8">
      <c r="H488702" s="12"/>
    </row>
    <row r="488703" spans="8:8">
      <c r="H488703" s="12"/>
    </row>
    <row r="488704" spans="8:8">
      <c r="H488704" s="12"/>
    </row>
    <row r="488705" spans="8:8">
      <c r="H488705" s="12"/>
    </row>
    <row r="488706" spans="8:8">
      <c r="H488706" s="12"/>
    </row>
    <row r="488707" spans="8:8">
      <c r="H488707" s="12"/>
    </row>
    <row r="488708" spans="8:8">
      <c r="H488708" s="12"/>
    </row>
    <row r="488709" spans="8:8">
      <c r="H488709" s="12"/>
    </row>
    <row r="488710" spans="8:8">
      <c r="H488710" s="12"/>
    </row>
    <row r="488711" spans="8:8">
      <c r="H488711" s="12"/>
    </row>
    <row r="488712" spans="8:8">
      <c r="H488712" s="12"/>
    </row>
    <row r="488713" spans="8:8">
      <c r="H488713" s="12"/>
    </row>
    <row r="488714" spans="8:8">
      <c r="H488714" s="12"/>
    </row>
    <row r="488715" spans="8:8">
      <c r="H488715" s="12"/>
    </row>
    <row r="488716" spans="8:8">
      <c r="H488716" s="12"/>
    </row>
    <row r="488717" spans="8:8">
      <c r="H488717" s="12"/>
    </row>
    <row r="488718" spans="8:8">
      <c r="H488718" s="12"/>
    </row>
    <row r="488719" spans="8:8">
      <c r="H488719" s="12"/>
    </row>
    <row r="488720" spans="8:8">
      <c r="H488720" s="12"/>
    </row>
    <row r="488721" spans="8:8">
      <c r="H488721" s="12"/>
    </row>
    <row r="488722" spans="8:8">
      <c r="H488722" s="12"/>
    </row>
    <row r="488723" spans="8:8">
      <c r="H488723" s="12"/>
    </row>
    <row r="488724" spans="8:8">
      <c r="H488724" s="12"/>
    </row>
    <row r="488725" spans="8:8">
      <c r="H488725" s="12"/>
    </row>
    <row r="488726" spans="8:8">
      <c r="H488726" s="12"/>
    </row>
    <row r="488727" spans="8:8">
      <c r="H488727" s="12"/>
    </row>
    <row r="488728" spans="8:8">
      <c r="H488728" s="12"/>
    </row>
    <row r="488729" spans="8:8">
      <c r="H488729" s="12"/>
    </row>
    <row r="488730" spans="8:8">
      <c r="H488730" s="12"/>
    </row>
    <row r="488731" spans="8:8">
      <c r="H488731" s="12"/>
    </row>
    <row r="488732" spans="8:8">
      <c r="H488732" s="12"/>
    </row>
    <row r="488733" spans="8:8">
      <c r="H488733" s="12"/>
    </row>
    <row r="488734" spans="8:8">
      <c r="H488734" s="12"/>
    </row>
    <row r="488735" spans="8:8">
      <c r="H488735" s="12"/>
    </row>
    <row r="488736" spans="8:8">
      <c r="H488736" s="12"/>
    </row>
    <row r="488737" spans="8:8">
      <c r="H488737" s="12"/>
    </row>
    <row r="488738" spans="8:8">
      <c r="H488738" s="12"/>
    </row>
    <row r="488739" spans="8:8">
      <c r="H488739" s="12"/>
    </row>
    <row r="488740" spans="8:8">
      <c r="H488740" s="12"/>
    </row>
    <row r="488741" spans="8:8">
      <c r="H488741" s="12"/>
    </row>
    <row r="488742" spans="8:8">
      <c r="H488742" s="12"/>
    </row>
    <row r="488743" spans="8:8">
      <c r="H488743" s="12"/>
    </row>
    <row r="488744" spans="8:8">
      <c r="H488744" s="12"/>
    </row>
    <row r="488745" spans="8:8">
      <c r="H488745" s="12"/>
    </row>
    <row r="488746" spans="8:8">
      <c r="H488746" s="12"/>
    </row>
    <row r="488747" spans="8:8">
      <c r="H488747" s="12"/>
    </row>
    <row r="488748" spans="8:8">
      <c r="H488748" s="12"/>
    </row>
    <row r="488749" spans="8:8">
      <c r="H488749" s="12"/>
    </row>
    <row r="488750" spans="8:8">
      <c r="H488750" s="12"/>
    </row>
    <row r="488751" spans="8:8">
      <c r="H488751" s="12"/>
    </row>
    <row r="488752" spans="8:8">
      <c r="H488752" s="12"/>
    </row>
    <row r="488753" spans="8:8">
      <c r="H488753" s="12"/>
    </row>
    <row r="488754" spans="8:8">
      <c r="H488754" s="12"/>
    </row>
    <row r="488755" spans="8:8">
      <c r="H488755" s="12"/>
    </row>
    <row r="488756" spans="8:8">
      <c r="H488756" s="12"/>
    </row>
    <row r="488757" spans="8:8">
      <c r="H488757" s="12"/>
    </row>
    <row r="488758" spans="8:8">
      <c r="H488758" s="12"/>
    </row>
    <row r="488759" spans="8:8">
      <c r="H488759" s="12"/>
    </row>
    <row r="488760" spans="8:8">
      <c r="H488760" s="12"/>
    </row>
    <row r="488761" spans="8:8">
      <c r="H488761" s="12"/>
    </row>
    <row r="488762" spans="8:8">
      <c r="H488762" s="12"/>
    </row>
    <row r="488763" spans="8:8">
      <c r="H488763" s="12"/>
    </row>
    <row r="488764" spans="8:8">
      <c r="H488764" s="12"/>
    </row>
    <row r="488765" spans="8:8">
      <c r="H488765" s="12"/>
    </row>
    <row r="488766" spans="8:8">
      <c r="H488766" s="12"/>
    </row>
    <row r="488767" spans="8:8">
      <c r="H488767" s="12"/>
    </row>
    <row r="488768" spans="8:8">
      <c r="H488768" s="12"/>
    </row>
    <row r="488769" spans="8:8">
      <c r="H488769" s="12"/>
    </row>
    <row r="488770" spans="8:8">
      <c r="H488770" s="12"/>
    </row>
    <row r="488771" spans="8:8">
      <c r="H488771" s="12"/>
    </row>
    <row r="488772" spans="8:8">
      <c r="H488772" s="12"/>
    </row>
    <row r="488773" spans="8:8">
      <c r="H488773" s="12"/>
    </row>
    <row r="488774" spans="8:8">
      <c r="H488774" s="12"/>
    </row>
    <row r="488775" spans="8:8">
      <c r="H488775" s="12"/>
    </row>
    <row r="488776" spans="8:8">
      <c r="H488776" s="12"/>
    </row>
    <row r="488777" spans="8:8">
      <c r="H488777" s="12"/>
    </row>
    <row r="488778" spans="8:8">
      <c r="H488778" s="12"/>
    </row>
    <row r="488779" spans="8:8">
      <c r="H488779" s="12"/>
    </row>
    <row r="488780" spans="8:8">
      <c r="H488780" s="12"/>
    </row>
    <row r="488781" spans="8:8">
      <c r="H488781" s="12"/>
    </row>
    <row r="488782" spans="8:8">
      <c r="H488782" s="12"/>
    </row>
    <row r="488783" spans="8:8">
      <c r="H488783" s="12"/>
    </row>
    <row r="488784" spans="8:8">
      <c r="H488784" s="12"/>
    </row>
    <row r="488785" spans="8:8">
      <c r="H488785" s="12"/>
    </row>
    <row r="488786" spans="8:8">
      <c r="H488786" s="12"/>
    </row>
    <row r="488787" spans="8:8">
      <c r="H488787" s="12"/>
    </row>
    <row r="488788" spans="8:8">
      <c r="H488788" s="12"/>
    </row>
    <row r="488789" spans="8:8">
      <c r="H488789" s="12"/>
    </row>
    <row r="488790" spans="8:8">
      <c r="H488790" s="12"/>
    </row>
    <row r="488791" spans="8:8">
      <c r="H488791" s="12"/>
    </row>
    <row r="488792" spans="8:8">
      <c r="H488792" s="12"/>
    </row>
    <row r="488793" spans="8:8">
      <c r="H488793" s="12"/>
    </row>
    <row r="488794" spans="8:8">
      <c r="H488794" s="12"/>
    </row>
    <row r="488795" spans="8:8">
      <c r="H488795" s="12"/>
    </row>
    <row r="488796" spans="8:8">
      <c r="H488796" s="12"/>
    </row>
    <row r="488797" spans="8:8">
      <c r="H488797" s="12"/>
    </row>
    <row r="488798" spans="8:8">
      <c r="H488798" s="12"/>
    </row>
    <row r="488799" spans="8:8">
      <c r="H488799" s="12"/>
    </row>
    <row r="488800" spans="8:8">
      <c r="H488800" s="12"/>
    </row>
    <row r="488801" spans="8:8">
      <c r="H488801" s="12"/>
    </row>
    <row r="488802" spans="8:8">
      <c r="H488802" s="12"/>
    </row>
    <row r="488803" spans="8:8">
      <c r="H488803" s="12"/>
    </row>
    <row r="488804" spans="8:8">
      <c r="H488804" s="12"/>
    </row>
    <row r="488805" spans="8:8">
      <c r="H488805" s="12"/>
    </row>
    <row r="488806" spans="8:8">
      <c r="H488806" s="12"/>
    </row>
    <row r="488807" spans="8:8">
      <c r="H488807" s="12"/>
    </row>
    <row r="488808" spans="8:8">
      <c r="H488808" s="12"/>
    </row>
    <row r="488809" spans="8:8">
      <c r="H488809" s="12"/>
    </row>
    <row r="488810" spans="8:8">
      <c r="H488810" s="12"/>
    </row>
    <row r="488811" spans="8:8">
      <c r="H488811" s="12"/>
    </row>
    <row r="488812" spans="8:8">
      <c r="H488812" s="12"/>
    </row>
    <row r="488813" spans="8:8">
      <c r="H488813" s="12"/>
    </row>
    <row r="488814" spans="8:8">
      <c r="H488814" s="12"/>
    </row>
    <row r="488815" spans="8:8">
      <c r="H488815" s="12"/>
    </row>
    <row r="488816" spans="8:8">
      <c r="H488816" s="12"/>
    </row>
    <row r="488817" spans="8:8">
      <c r="H488817" s="12"/>
    </row>
    <row r="488818" spans="8:8">
      <c r="H488818" s="12"/>
    </row>
    <row r="488819" spans="8:8">
      <c r="H488819" s="12"/>
    </row>
    <row r="488820" spans="8:8">
      <c r="H488820" s="12"/>
    </row>
    <row r="488821" spans="8:8">
      <c r="H488821" s="12"/>
    </row>
    <row r="488822" spans="8:8">
      <c r="H488822" s="12"/>
    </row>
    <row r="488823" spans="8:8">
      <c r="H488823" s="12"/>
    </row>
    <row r="488824" spans="8:8">
      <c r="H488824" s="12"/>
    </row>
    <row r="488825" spans="8:8">
      <c r="H488825" s="12"/>
    </row>
    <row r="488826" spans="8:8">
      <c r="H488826" s="12"/>
    </row>
    <row r="488827" spans="8:8">
      <c r="H488827" s="12"/>
    </row>
    <row r="488828" spans="8:8">
      <c r="H488828" s="12"/>
    </row>
    <row r="488829" spans="8:8">
      <c r="H488829" s="12"/>
    </row>
    <row r="488830" spans="8:8">
      <c r="H488830" s="12"/>
    </row>
    <row r="488831" spans="8:8">
      <c r="H488831" s="12"/>
    </row>
    <row r="488832" spans="8:8">
      <c r="H488832" s="12"/>
    </row>
    <row r="488833" spans="8:8">
      <c r="H488833" s="12"/>
    </row>
    <row r="488834" spans="8:8">
      <c r="H488834" s="12"/>
    </row>
    <row r="488835" spans="8:8">
      <c r="H488835" s="12"/>
    </row>
    <row r="488836" spans="8:8">
      <c r="H488836" s="12"/>
    </row>
    <row r="488837" spans="8:8">
      <c r="H488837" s="12"/>
    </row>
    <row r="488838" spans="8:8">
      <c r="H488838" s="12"/>
    </row>
    <row r="488839" spans="8:8">
      <c r="H488839" s="12"/>
    </row>
    <row r="488840" spans="8:8">
      <c r="H488840" s="12"/>
    </row>
    <row r="488841" spans="8:8">
      <c r="H488841" s="12"/>
    </row>
    <row r="488842" spans="8:8">
      <c r="H488842" s="12"/>
    </row>
    <row r="488843" spans="8:8">
      <c r="H488843" s="12"/>
    </row>
    <row r="488844" spans="8:8">
      <c r="H488844" s="12"/>
    </row>
    <row r="488845" spans="8:8">
      <c r="H488845" s="12"/>
    </row>
    <row r="488846" spans="8:8">
      <c r="H488846" s="12"/>
    </row>
    <row r="488847" spans="8:8">
      <c r="H488847" s="12"/>
    </row>
    <row r="488848" spans="8:8">
      <c r="H488848" s="12"/>
    </row>
    <row r="488849" spans="8:8">
      <c r="H488849" s="12"/>
    </row>
    <row r="488850" spans="8:8">
      <c r="H488850" s="12"/>
    </row>
    <row r="488851" spans="8:8">
      <c r="H488851" s="12"/>
    </row>
    <row r="488852" spans="8:8">
      <c r="H488852" s="12"/>
    </row>
    <row r="488853" spans="8:8">
      <c r="H488853" s="12"/>
    </row>
    <row r="488854" spans="8:8">
      <c r="H488854" s="12"/>
    </row>
    <row r="488855" spans="8:8">
      <c r="H488855" s="12"/>
    </row>
    <row r="488856" spans="8:8">
      <c r="H488856" s="12"/>
    </row>
    <row r="488857" spans="8:8">
      <c r="H488857" s="12"/>
    </row>
    <row r="488858" spans="8:8">
      <c r="H488858" s="12"/>
    </row>
    <row r="488859" spans="8:8">
      <c r="H488859" s="12"/>
    </row>
    <row r="488860" spans="8:8">
      <c r="H488860" s="12"/>
    </row>
    <row r="488861" spans="8:8">
      <c r="H488861" s="12"/>
    </row>
    <row r="488862" spans="8:8">
      <c r="H488862" s="12"/>
    </row>
    <row r="488863" spans="8:8">
      <c r="H488863" s="12"/>
    </row>
    <row r="488864" spans="8:8">
      <c r="H488864" s="12"/>
    </row>
    <row r="488865" spans="8:8">
      <c r="H488865" s="12"/>
    </row>
    <row r="488866" spans="8:8">
      <c r="H488866" s="12"/>
    </row>
    <row r="488867" spans="8:8">
      <c r="H488867" s="12"/>
    </row>
    <row r="488868" spans="8:8">
      <c r="H488868" s="12"/>
    </row>
    <row r="488869" spans="8:8">
      <c r="H488869" s="12"/>
    </row>
    <row r="488870" spans="8:8">
      <c r="H488870" s="12"/>
    </row>
    <row r="488871" spans="8:8">
      <c r="H488871" s="12"/>
    </row>
    <row r="488872" spans="8:8">
      <c r="H488872" s="12"/>
    </row>
    <row r="488873" spans="8:8">
      <c r="H488873" s="12"/>
    </row>
    <row r="488874" spans="8:8">
      <c r="H488874" s="12"/>
    </row>
    <row r="488875" spans="8:8">
      <c r="H488875" s="12"/>
    </row>
    <row r="488876" spans="8:8">
      <c r="H488876" s="12"/>
    </row>
    <row r="488877" spans="8:8">
      <c r="H488877" s="12"/>
    </row>
    <row r="488878" spans="8:8">
      <c r="H488878" s="12"/>
    </row>
    <row r="488879" spans="8:8">
      <c r="H488879" s="12"/>
    </row>
    <row r="488880" spans="8:8">
      <c r="H488880" s="12"/>
    </row>
    <row r="488881" spans="8:8">
      <c r="H488881" s="12"/>
    </row>
    <row r="488882" spans="8:8">
      <c r="H488882" s="12"/>
    </row>
    <row r="488883" spans="8:8">
      <c r="H488883" s="12"/>
    </row>
    <row r="488884" spans="8:8">
      <c r="H488884" s="12"/>
    </row>
    <row r="488885" spans="8:8">
      <c r="H488885" s="12"/>
    </row>
    <row r="488886" spans="8:8">
      <c r="H488886" s="12"/>
    </row>
    <row r="488887" spans="8:8">
      <c r="H488887" s="12"/>
    </row>
    <row r="488888" spans="8:8">
      <c r="H488888" s="12"/>
    </row>
    <row r="488889" spans="8:8">
      <c r="H488889" s="12"/>
    </row>
    <row r="488890" spans="8:8">
      <c r="H488890" s="12"/>
    </row>
    <row r="488891" spans="8:8">
      <c r="H488891" s="12"/>
    </row>
    <row r="488892" spans="8:8">
      <c r="H488892" s="12"/>
    </row>
    <row r="488893" spans="8:8">
      <c r="H488893" s="12"/>
    </row>
    <row r="488894" spans="8:8">
      <c r="H488894" s="12"/>
    </row>
    <row r="488895" spans="8:8">
      <c r="H488895" s="12"/>
    </row>
    <row r="488896" spans="8:8">
      <c r="H488896" s="12"/>
    </row>
    <row r="488897" spans="8:8">
      <c r="H488897" s="12"/>
    </row>
    <row r="488898" spans="8:8">
      <c r="H488898" s="12"/>
    </row>
    <row r="488899" spans="8:8">
      <c r="H488899" s="12"/>
    </row>
    <row r="488900" spans="8:8">
      <c r="H488900" s="12"/>
    </row>
    <row r="488901" spans="8:8">
      <c r="H488901" s="12"/>
    </row>
    <row r="488902" spans="8:8">
      <c r="H488902" s="12"/>
    </row>
    <row r="488903" spans="8:8">
      <c r="H488903" s="12"/>
    </row>
    <row r="488904" spans="8:8">
      <c r="H488904" s="12"/>
    </row>
    <row r="488905" spans="8:8">
      <c r="H488905" s="12"/>
    </row>
    <row r="488906" spans="8:8">
      <c r="H488906" s="12"/>
    </row>
    <row r="488907" spans="8:8">
      <c r="H488907" s="12"/>
    </row>
    <row r="488908" spans="8:8">
      <c r="H488908" s="12"/>
    </row>
    <row r="488909" spans="8:8">
      <c r="H488909" s="12"/>
    </row>
    <row r="488910" spans="8:8">
      <c r="H488910" s="12"/>
    </row>
    <row r="488911" spans="8:8">
      <c r="H488911" s="12"/>
    </row>
    <row r="488912" spans="8:8">
      <c r="H488912" s="12"/>
    </row>
    <row r="488913" spans="8:8">
      <c r="H488913" s="12"/>
    </row>
    <row r="488914" spans="8:8">
      <c r="H488914" s="12"/>
    </row>
    <row r="488915" spans="8:8">
      <c r="H488915" s="12"/>
    </row>
    <row r="488916" spans="8:8">
      <c r="H488916" s="12"/>
    </row>
    <row r="488917" spans="8:8">
      <c r="H488917" s="12"/>
    </row>
    <row r="488918" spans="8:8">
      <c r="H488918" s="12"/>
    </row>
    <row r="488919" spans="8:8">
      <c r="H488919" s="12"/>
    </row>
    <row r="488920" spans="8:8">
      <c r="H488920" s="12"/>
    </row>
    <row r="488921" spans="8:8">
      <c r="H488921" s="12"/>
    </row>
    <row r="488922" spans="8:8">
      <c r="H488922" s="12"/>
    </row>
    <row r="488923" spans="8:8">
      <c r="H488923" s="12"/>
    </row>
    <row r="488924" spans="8:8">
      <c r="H488924" s="12"/>
    </row>
    <row r="488925" spans="8:8">
      <c r="H488925" s="12"/>
    </row>
    <row r="488926" spans="8:8">
      <c r="H488926" s="12"/>
    </row>
    <row r="488927" spans="8:8">
      <c r="H488927" s="12"/>
    </row>
    <row r="488928" spans="8:8">
      <c r="H488928" s="12"/>
    </row>
    <row r="488929" spans="8:8">
      <c r="H488929" s="12"/>
    </row>
    <row r="488930" spans="8:8">
      <c r="H488930" s="12"/>
    </row>
    <row r="488931" spans="8:8">
      <c r="H488931" s="12"/>
    </row>
    <row r="488932" spans="8:8">
      <c r="H488932" s="12"/>
    </row>
    <row r="488933" spans="8:8">
      <c r="H488933" s="12"/>
    </row>
    <row r="488934" spans="8:8">
      <c r="H488934" s="12"/>
    </row>
    <row r="488935" spans="8:8">
      <c r="H488935" s="12"/>
    </row>
    <row r="488936" spans="8:8">
      <c r="H488936" s="12"/>
    </row>
    <row r="488937" spans="8:8">
      <c r="H488937" s="12"/>
    </row>
    <row r="488938" spans="8:8">
      <c r="H488938" s="12"/>
    </row>
    <row r="488939" spans="8:8">
      <c r="H488939" s="12"/>
    </row>
    <row r="488940" spans="8:8">
      <c r="H488940" s="12"/>
    </row>
    <row r="488941" spans="8:8">
      <c r="H488941" s="12"/>
    </row>
    <row r="488942" spans="8:8">
      <c r="H488942" s="12"/>
    </row>
    <row r="488943" spans="8:8">
      <c r="H488943" s="12"/>
    </row>
    <row r="488944" spans="8:8">
      <c r="H488944" s="12"/>
    </row>
    <row r="488945" spans="8:8">
      <c r="H488945" s="12"/>
    </row>
    <row r="488946" spans="8:8">
      <c r="H488946" s="12"/>
    </row>
    <row r="488947" spans="8:8">
      <c r="H488947" s="12"/>
    </row>
    <row r="488948" spans="8:8">
      <c r="H488948" s="12"/>
    </row>
    <row r="488949" spans="8:8">
      <c r="H488949" s="12"/>
    </row>
    <row r="488950" spans="8:8">
      <c r="H488950" s="12"/>
    </row>
    <row r="488951" spans="8:8">
      <c r="H488951" s="12"/>
    </row>
    <row r="488952" spans="8:8">
      <c r="H488952" s="12"/>
    </row>
    <row r="488953" spans="8:8">
      <c r="H488953" s="12"/>
    </row>
    <row r="488954" spans="8:8">
      <c r="H488954" s="12"/>
    </row>
    <row r="488955" spans="8:8">
      <c r="H488955" s="12"/>
    </row>
    <row r="488956" spans="8:8">
      <c r="H488956" s="12"/>
    </row>
    <row r="488957" spans="8:8">
      <c r="H488957" s="12"/>
    </row>
    <row r="488958" spans="8:8">
      <c r="H488958" s="12"/>
    </row>
    <row r="488959" spans="8:8">
      <c r="H488959" s="12"/>
    </row>
    <row r="488960" spans="8:8">
      <c r="H488960" s="12"/>
    </row>
    <row r="488961" spans="8:8">
      <c r="H488961" s="12"/>
    </row>
    <row r="488962" spans="8:8">
      <c r="H488962" s="12"/>
    </row>
    <row r="488963" spans="8:8">
      <c r="H488963" s="12"/>
    </row>
    <row r="488964" spans="8:8">
      <c r="H488964" s="12"/>
    </row>
    <row r="488965" spans="8:8">
      <c r="H488965" s="12"/>
    </row>
    <row r="488966" spans="8:8">
      <c r="H488966" s="12"/>
    </row>
    <row r="488967" spans="8:8">
      <c r="H488967" s="12"/>
    </row>
    <row r="488968" spans="8:8">
      <c r="H488968" s="12"/>
    </row>
    <row r="488969" spans="8:8">
      <c r="H488969" s="12"/>
    </row>
    <row r="488970" spans="8:8">
      <c r="H488970" s="12"/>
    </row>
    <row r="488971" spans="8:8">
      <c r="H488971" s="12"/>
    </row>
    <row r="488972" spans="8:8">
      <c r="H488972" s="12"/>
    </row>
    <row r="488973" spans="8:8">
      <c r="H488973" s="12"/>
    </row>
    <row r="488974" spans="8:8">
      <c r="H488974" s="12"/>
    </row>
    <row r="488975" spans="8:8">
      <c r="H488975" s="12"/>
    </row>
    <row r="488976" spans="8:8">
      <c r="H488976" s="12"/>
    </row>
    <row r="488977" spans="8:8">
      <c r="H488977" s="12"/>
    </row>
    <row r="488978" spans="8:8">
      <c r="H488978" s="12"/>
    </row>
    <row r="488979" spans="8:8">
      <c r="H488979" s="12"/>
    </row>
    <row r="488980" spans="8:8">
      <c r="H488980" s="12"/>
    </row>
    <row r="488981" spans="8:8">
      <c r="H488981" s="12"/>
    </row>
    <row r="488982" spans="8:8">
      <c r="H488982" s="12"/>
    </row>
    <row r="488983" spans="8:8">
      <c r="H488983" s="12"/>
    </row>
    <row r="488984" spans="8:8">
      <c r="H488984" s="12"/>
    </row>
    <row r="488985" spans="8:8">
      <c r="H488985" s="12"/>
    </row>
    <row r="488986" spans="8:8">
      <c r="H488986" s="12"/>
    </row>
    <row r="488987" spans="8:8">
      <c r="H488987" s="12"/>
    </row>
    <row r="488988" spans="8:8">
      <c r="H488988" s="12"/>
    </row>
    <row r="488989" spans="8:8">
      <c r="H488989" s="12"/>
    </row>
    <row r="488990" spans="8:8">
      <c r="H488990" s="12"/>
    </row>
    <row r="488991" spans="8:8">
      <c r="H488991" s="12"/>
    </row>
    <row r="488992" spans="8:8">
      <c r="H488992" s="12"/>
    </row>
    <row r="488993" spans="8:8">
      <c r="H488993" s="12"/>
    </row>
    <row r="488994" spans="8:8">
      <c r="H488994" s="12"/>
    </row>
    <row r="488995" spans="8:8">
      <c r="H488995" s="12"/>
    </row>
    <row r="488996" spans="8:8">
      <c r="H488996" s="12"/>
    </row>
    <row r="488997" spans="8:8">
      <c r="H488997" s="12"/>
    </row>
    <row r="488998" spans="8:8">
      <c r="H488998" s="12"/>
    </row>
    <row r="488999" spans="8:8">
      <c r="H488999" s="12"/>
    </row>
    <row r="489000" spans="8:8">
      <c r="H489000" s="12"/>
    </row>
    <row r="489001" spans="8:8">
      <c r="H489001" s="12"/>
    </row>
    <row r="489002" spans="8:8">
      <c r="H489002" s="12"/>
    </row>
    <row r="489003" spans="8:8">
      <c r="H489003" s="12"/>
    </row>
    <row r="489004" spans="8:8">
      <c r="H489004" s="12"/>
    </row>
    <row r="489005" spans="8:8">
      <c r="H489005" s="12"/>
    </row>
    <row r="489006" spans="8:8">
      <c r="H489006" s="12"/>
    </row>
    <row r="489007" spans="8:8">
      <c r="H489007" s="12"/>
    </row>
    <row r="489008" spans="8:8">
      <c r="H489008" s="12"/>
    </row>
    <row r="489009" spans="8:8">
      <c r="H489009" s="12"/>
    </row>
    <row r="489010" spans="8:8">
      <c r="H489010" s="12"/>
    </row>
    <row r="489011" spans="8:8">
      <c r="H489011" s="12"/>
    </row>
    <row r="489012" spans="8:8">
      <c r="H489012" s="12"/>
    </row>
    <row r="489013" spans="8:8">
      <c r="H489013" s="12"/>
    </row>
    <row r="489014" spans="8:8">
      <c r="H489014" s="12"/>
    </row>
    <row r="489015" spans="8:8">
      <c r="H489015" s="12"/>
    </row>
    <row r="489016" spans="8:8">
      <c r="H489016" s="12"/>
    </row>
    <row r="489017" spans="8:8">
      <c r="H489017" s="12"/>
    </row>
    <row r="489018" spans="8:8">
      <c r="H489018" s="12"/>
    </row>
    <row r="489019" spans="8:8">
      <c r="H489019" s="12"/>
    </row>
    <row r="489020" spans="8:8">
      <c r="H489020" s="12"/>
    </row>
    <row r="489021" spans="8:8">
      <c r="H489021" s="12"/>
    </row>
    <row r="489022" spans="8:8">
      <c r="H489022" s="12"/>
    </row>
    <row r="489023" spans="8:8">
      <c r="H489023" s="12"/>
    </row>
    <row r="489024" spans="8:8">
      <c r="H489024" s="12"/>
    </row>
    <row r="489025" spans="8:8">
      <c r="H489025" s="12"/>
    </row>
    <row r="489026" spans="8:8">
      <c r="H489026" s="12"/>
    </row>
    <row r="489027" spans="8:8">
      <c r="H489027" s="12"/>
    </row>
    <row r="489028" spans="8:8">
      <c r="H489028" s="12"/>
    </row>
    <row r="489029" spans="8:8">
      <c r="H489029" s="12"/>
    </row>
    <row r="489030" spans="8:8">
      <c r="H489030" s="12"/>
    </row>
    <row r="489031" spans="8:8">
      <c r="H489031" s="12"/>
    </row>
    <row r="489032" spans="8:8">
      <c r="H489032" s="12"/>
    </row>
    <row r="489033" spans="8:8">
      <c r="H489033" s="12"/>
    </row>
    <row r="489034" spans="8:8">
      <c r="H489034" s="12"/>
    </row>
    <row r="489035" spans="8:8">
      <c r="H489035" s="12"/>
    </row>
    <row r="489036" spans="8:8">
      <c r="H489036" s="12"/>
    </row>
    <row r="489037" spans="8:8">
      <c r="H489037" s="12"/>
    </row>
    <row r="489038" spans="8:8">
      <c r="H489038" s="12"/>
    </row>
    <row r="489039" spans="8:8">
      <c r="H489039" s="12"/>
    </row>
    <row r="489040" spans="8:8">
      <c r="H489040" s="12"/>
    </row>
    <row r="489041" spans="8:8">
      <c r="H489041" s="12"/>
    </row>
    <row r="489042" spans="8:8">
      <c r="H489042" s="12"/>
    </row>
    <row r="489043" spans="8:8">
      <c r="H489043" s="12"/>
    </row>
    <row r="489044" spans="8:8">
      <c r="H489044" s="12"/>
    </row>
    <row r="489045" spans="8:8">
      <c r="H489045" s="12"/>
    </row>
    <row r="489046" spans="8:8">
      <c r="H489046" s="12"/>
    </row>
    <row r="489047" spans="8:8">
      <c r="H489047" s="12"/>
    </row>
    <row r="489048" spans="8:8">
      <c r="H489048" s="12"/>
    </row>
    <row r="489049" spans="8:8">
      <c r="H489049" s="12"/>
    </row>
    <row r="489050" spans="8:8">
      <c r="H489050" s="12"/>
    </row>
    <row r="489051" spans="8:8">
      <c r="H489051" s="12"/>
    </row>
    <row r="489052" spans="8:8">
      <c r="H489052" s="12"/>
    </row>
    <row r="489053" spans="8:8">
      <c r="H489053" s="12"/>
    </row>
    <row r="489054" spans="8:8">
      <c r="H489054" s="12"/>
    </row>
    <row r="489055" spans="8:8">
      <c r="H489055" s="12"/>
    </row>
    <row r="489056" spans="8:8">
      <c r="H489056" s="12"/>
    </row>
    <row r="489057" spans="8:8">
      <c r="H489057" s="12"/>
    </row>
    <row r="489058" spans="8:8">
      <c r="H489058" s="12"/>
    </row>
    <row r="489059" spans="8:8">
      <c r="H489059" s="12"/>
    </row>
    <row r="489060" spans="8:8">
      <c r="H489060" s="12"/>
    </row>
    <row r="489061" spans="8:8">
      <c r="H489061" s="12"/>
    </row>
    <row r="489062" spans="8:8">
      <c r="H489062" s="12"/>
    </row>
    <row r="489063" spans="8:8">
      <c r="H489063" s="12"/>
    </row>
    <row r="489064" spans="8:8">
      <c r="H489064" s="12"/>
    </row>
    <row r="489065" spans="8:8">
      <c r="H489065" s="12"/>
    </row>
    <row r="489066" spans="8:8">
      <c r="H489066" s="12"/>
    </row>
    <row r="489067" spans="8:8">
      <c r="H489067" s="12"/>
    </row>
    <row r="489068" spans="8:8">
      <c r="H489068" s="12"/>
    </row>
    <row r="489069" spans="8:8">
      <c r="H489069" s="12"/>
    </row>
    <row r="489070" spans="8:8">
      <c r="H489070" s="12"/>
    </row>
    <row r="489071" spans="8:8">
      <c r="H489071" s="12"/>
    </row>
    <row r="489072" spans="8:8">
      <c r="H489072" s="12"/>
    </row>
    <row r="489073" spans="8:8">
      <c r="H489073" s="12"/>
    </row>
    <row r="489074" spans="8:8">
      <c r="H489074" s="12"/>
    </row>
    <row r="489075" spans="8:8">
      <c r="H489075" s="12"/>
    </row>
    <row r="489076" spans="8:8">
      <c r="H489076" s="12"/>
    </row>
    <row r="489077" spans="8:8">
      <c r="H489077" s="12"/>
    </row>
    <row r="489078" spans="8:8">
      <c r="H489078" s="12"/>
    </row>
    <row r="489079" spans="8:8">
      <c r="H489079" s="12"/>
    </row>
    <row r="489080" spans="8:8">
      <c r="H489080" s="12"/>
    </row>
    <row r="489081" spans="8:8">
      <c r="H489081" s="12"/>
    </row>
    <row r="489082" spans="8:8">
      <c r="H489082" s="12"/>
    </row>
    <row r="489083" spans="8:8">
      <c r="H489083" s="12"/>
    </row>
    <row r="489084" spans="8:8">
      <c r="H489084" s="12"/>
    </row>
    <row r="489085" spans="8:8">
      <c r="H489085" s="12"/>
    </row>
    <row r="489086" spans="8:8">
      <c r="H489086" s="12"/>
    </row>
    <row r="489087" spans="8:8">
      <c r="H489087" s="12"/>
    </row>
    <row r="489088" spans="8:8">
      <c r="H489088" s="12"/>
    </row>
    <row r="489089" spans="8:8">
      <c r="H489089" s="12"/>
    </row>
    <row r="489090" spans="8:8">
      <c r="H489090" s="12"/>
    </row>
    <row r="489091" spans="8:8">
      <c r="H489091" s="12"/>
    </row>
    <row r="489092" spans="8:8">
      <c r="H489092" s="12"/>
    </row>
    <row r="489093" spans="8:8">
      <c r="H489093" s="12"/>
    </row>
    <row r="489094" spans="8:8">
      <c r="H489094" s="12"/>
    </row>
    <row r="489095" spans="8:8">
      <c r="H489095" s="12"/>
    </row>
    <row r="489096" spans="8:8">
      <c r="H489096" s="12"/>
    </row>
    <row r="489097" spans="8:8">
      <c r="H489097" s="12"/>
    </row>
    <row r="489098" spans="8:8">
      <c r="H489098" s="12"/>
    </row>
    <row r="489099" spans="8:8">
      <c r="H489099" s="12"/>
    </row>
    <row r="489100" spans="8:8">
      <c r="H489100" s="12"/>
    </row>
    <row r="489101" spans="8:8">
      <c r="H489101" s="12"/>
    </row>
    <row r="489102" spans="8:8">
      <c r="H489102" s="12"/>
    </row>
    <row r="489103" spans="8:8">
      <c r="H489103" s="12"/>
    </row>
    <row r="489104" spans="8:8">
      <c r="H489104" s="12"/>
    </row>
    <row r="489105" spans="8:8">
      <c r="H489105" s="12"/>
    </row>
    <row r="489106" spans="8:8">
      <c r="H489106" s="12"/>
    </row>
    <row r="489107" spans="8:8">
      <c r="H489107" s="12"/>
    </row>
    <row r="489108" spans="8:8">
      <c r="H489108" s="12"/>
    </row>
    <row r="489109" spans="8:8">
      <c r="H489109" s="12"/>
    </row>
    <row r="489110" spans="8:8">
      <c r="H489110" s="12"/>
    </row>
    <row r="489111" spans="8:8">
      <c r="H489111" s="12"/>
    </row>
    <row r="489112" spans="8:8">
      <c r="H489112" s="12"/>
    </row>
    <row r="489113" spans="8:8">
      <c r="H489113" s="12"/>
    </row>
    <row r="489114" spans="8:8">
      <c r="H489114" s="12"/>
    </row>
    <row r="489115" spans="8:8">
      <c r="H489115" s="12"/>
    </row>
    <row r="489116" spans="8:8">
      <c r="H489116" s="12"/>
    </row>
    <row r="489117" spans="8:8">
      <c r="H489117" s="12"/>
    </row>
    <row r="489118" spans="8:8">
      <c r="H489118" s="12"/>
    </row>
    <row r="489119" spans="8:8">
      <c r="H489119" s="12"/>
    </row>
    <row r="489120" spans="8:8">
      <c r="H489120" s="12"/>
    </row>
    <row r="489121" spans="8:8">
      <c r="H489121" s="12"/>
    </row>
    <row r="489122" spans="8:8">
      <c r="H489122" s="12"/>
    </row>
    <row r="489123" spans="8:8">
      <c r="H489123" s="12"/>
    </row>
    <row r="489124" spans="8:8">
      <c r="H489124" s="12"/>
    </row>
    <row r="489125" spans="8:8">
      <c r="H489125" s="12"/>
    </row>
    <row r="489126" spans="8:8">
      <c r="H489126" s="12"/>
    </row>
    <row r="489127" spans="8:8">
      <c r="H489127" s="12"/>
    </row>
    <row r="489128" spans="8:8">
      <c r="H489128" s="12"/>
    </row>
    <row r="489129" spans="8:8">
      <c r="H489129" s="12"/>
    </row>
    <row r="489130" spans="8:8">
      <c r="H489130" s="12"/>
    </row>
    <row r="489131" spans="8:8">
      <c r="H489131" s="12"/>
    </row>
    <row r="489132" spans="8:8">
      <c r="H489132" s="12"/>
    </row>
    <row r="489133" spans="8:8">
      <c r="H489133" s="12"/>
    </row>
    <row r="489134" spans="8:8">
      <c r="H489134" s="12"/>
    </row>
    <row r="489135" spans="8:8">
      <c r="H489135" s="12"/>
    </row>
    <row r="489136" spans="8:8">
      <c r="H489136" s="12"/>
    </row>
    <row r="489137" spans="8:8">
      <c r="H489137" s="12"/>
    </row>
    <row r="489138" spans="8:8">
      <c r="H489138" s="12"/>
    </row>
    <row r="489139" spans="8:8">
      <c r="H489139" s="12"/>
    </row>
    <row r="489140" spans="8:8">
      <c r="H489140" s="12"/>
    </row>
    <row r="489141" spans="8:8">
      <c r="H489141" s="12"/>
    </row>
    <row r="489142" spans="8:8">
      <c r="H489142" s="12"/>
    </row>
    <row r="489143" spans="8:8">
      <c r="H489143" s="12"/>
    </row>
    <row r="489144" spans="8:8">
      <c r="H489144" s="12"/>
    </row>
    <row r="489145" spans="8:8">
      <c r="H489145" s="12"/>
    </row>
    <row r="489146" spans="8:8">
      <c r="H489146" s="12"/>
    </row>
    <row r="489147" spans="8:8">
      <c r="H489147" s="12"/>
    </row>
    <row r="489148" spans="8:8">
      <c r="H489148" s="12"/>
    </row>
    <row r="489149" spans="8:8">
      <c r="H489149" s="12"/>
    </row>
    <row r="489150" spans="8:8">
      <c r="H489150" s="12"/>
    </row>
    <row r="489151" spans="8:8">
      <c r="H489151" s="12"/>
    </row>
    <row r="489152" spans="8:8">
      <c r="H489152" s="12"/>
    </row>
    <row r="489153" spans="8:8">
      <c r="H489153" s="12"/>
    </row>
    <row r="489154" spans="8:8">
      <c r="H489154" s="12"/>
    </row>
    <row r="489155" spans="8:8">
      <c r="H489155" s="12"/>
    </row>
    <row r="489156" spans="8:8">
      <c r="H489156" s="12"/>
    </row>
    <row r="489157" spans="8:8">
      <c r="H489157" s="12"/>
    </row>
    <row r="489158" spans="8:8">
      <c r="H489158" s="12"/>
    </row>
    <row r="489159" spans="8:8">
      <c r="H489159" s="12"/>
    </row>
    <row r="489160" spans="8:8">
      <c r="H489160" s="12"/>
    </row>
    <row r="489161" spans="8:8">
      <c r="H489161" s="12"/>
    </row>
    <row r="489162" spans="8:8">
      <c r="H489162" s="12"/>
    </row>
    <row r="489163" spans="8:8">
      <c r="H489163" s="12"/>
    </row>
    <row r="489164" spans="8:8">
      <c r="H489164" s="12"/>
    </row>
    <row r="489165" spans="8:8">
      <c r="H489165" s="12"/>
    </row>
    <row r="489166" spans="8:8">
      <c r="H489166" s="12"/>
    </row>
    <row r="489167" spans="8:8">
      <c r="H489167" s="12"/>
    </row>
    <row r="489168" spans="8:8">
      <c r="H489168" s="12"/>
    </row>
    <row r="489169" spans="8:8">
      <c r="H489169" s="12"/>
    </row>
    <row r="489170" spans="8:8">
      <c r="H489170" s="12"/>
    </row>
    <row r="489171" spans="8:8">
      <c r="H489171" s="12"/>
    </row>
    <row r="489172" spans="8:8">
      <c r="H489172" s="12"/>
    </row>
    <row r="489173" spans="8:8">
      <c r="H489173" s="12"/>
    </row>
    <row r="489174" spans="8:8">
      <c r="H489174" s="12"/>
    </row>
    <row r="489175" spans="8:8">
      <c r="H489175" s="12"/>
    </row>
    <row r="489176" spans="8:8">
      <c r="H489176" s="12"/>
    </row>
    <row r="489177" spans="8:8">
      <c r="H489177" s="12"/>
    </row>
    <row r="489178" spans="8:8">
      <c r="H489178" s="12"/>
    </row>
    <row r="489179" spans="8:8">
      <c r="H489179" s="12"/>
    </row>
    <row r="489180" spans="8:8">
      <c r="H489180" s="12"/>
    </row>
    <row r="489181" spans="8:8">
      <c r="H489181" s="12"/>
    </row>
    <row r="489182" spans="8:8">
      <c r="H489182" s="12"/>
    </row>
    <row r="489183" spans="8:8">
      <c r="H489183" s="12"/>
    </row>
    <row r="489184" spans="8:8">
      <c r="H489184" s="12"/>
    </row>
    <row r="489185" spans="8:8">
      <c r="H489185" s="12"/>
    </row>
    <row r="489186" spans="8:8">
      <c r="H489186" s="12"/>
    </row>
    <row r="489187" spans="8:8">
      <c r="H489187" s="12"/>
    </row>
    <row r="489188" spans="8:8">
      <c r="H489188" s="12"/>
    </row>
    <row r="489189" spans="8:8">
      <c r="H489189" s="12"/>
    </row>
    <row r="489190" spans="8:8">
      <c r="H489190" s="12"/>
    </row>
    <row r="489191" spans="8:8">
      <c r="H489191" s="12"/>
    </row>
    <row r="489192" spans="8:8">
      <c r="H489192" s="12"/>
    </row>
    <row r="489193" spans="8:8">
      <c r="H489193" s="12"/>
    </row>
    <row r="489194" spans="8:8">
      <c r="H489194" s="12"/>
    </row>
    <row r="489195" spans="8:8">
      <c r="H489195" s="12"/>
    </row>
    <row r="489196" spans="8:8">
      <c r="H489196" s="12"/>
    </row>
    <row r="489197" spans="8:8">
      <c r="H489197" s="12"/>
    </row>
    <row r="489198" spans="8:8">
      <c r="H489198" s="12"/>
    </row>
    <row r="489199" spans="8:8">
      <c r="H489199" s="12"/>
    </row>
    <row r="489200" spans="8:8">
      <c r="H489200" s="12"/>
    </row>
    <row r="489201" spans="8:8">
      <c r="H489201" s="12"/>
    </row>
    <row r="489202" spans="8:8">
      <c r="H489202" s="12"/>
    </row>
    <row r="489203" spans="8:8">
      <c r="H489203" s="12"/>
    </row>
    <row r="489204" spans="8:8">
      <c r="H489204" s="12"/>
    </row>
    <row r="489205" spans="8:8">
      <c r="H489205" s="12"/>
    </row>
    <row r="489206" spans="8:8">
      <c r="H489206" s="12"/>
    </row>
    <row r="489207" spans="8:8">
      <c r="H489207" s="12"/>
    </row>
    <row r="489208" spans="8:8">
      <c r="H489208" s="12"/>
    </row>
    <row r="489209" spans="8:8">
      <c r="H489209" s="12"/>
    </row>
    <row r="489210" spans="8:8">
      <c r="H489210" s="12"/>
    </row>
    <row r="489211" spans="8:8">
      <c r="H489211" s="12"/>
    </row>
    <row r="489212" spans="8:8">
      <c r="H489212" s="12"/>
    </row>
    <row r="489213" spans="8:8">
      <c r="H489213" s="12"/>
    </row>
    <row r="489214" spans="8:8">
      <c r="H489214" s="12"/>
    </row>
    <row r="489215" spans="8:8">
      <c r="H489215" s="12"/>
    </row>
    <row r="489216" spans="8:8">
      <c r="H489216" s="12"/>
    </row>
    <row r="489217" spans="8:8">
      <c r="H489217" s="12"/>
    </row>
    <row r="489218" spans="8:8">
      <c r="H489218" s="12"/>
    </row>
    <row r="489219" spans="8:8">
      <c r="H489219" s="12"/>
    </row>
    <row r="489220" spans="8:8">
      <c r="H489220" s="12"/>
    </row>
    <row r="489221" spans="8:8">
      <c r="H489221" s="12"/>
    </row>
    <row r="489222" spans="8:8">
      <c r="H489222" s="12"/>
    </row>
    <row r="489223" spans="8:8">
      <c r="H489223" s="12"/>
    </row>
    <row r="489224" spans="8:8">
      <c r="H489224" s="12"/>
    </row>
    <row r="489225" spans="8:8">
      <c r="H489225" s="12"/>
    </row>
    <row r="489226" spans="8:8">
      <c r="H489226" s="12"/>
    </row>
    <row r="489227" spans="8:8">
      <c r="H489227" s="12"/>
    </row>
    <row r="489228" spans="8:8">
      <c r="H489228" s="12"/>
    </row>
    <row r="489229" spans="8:8">
      <c r="H489229" s="12"/>
    </row>
    <row r="489230" spans="8:8">
      <c r="H489230" s="12"/>
    </row>
    <row r="489231" spans="8:8">
      <c r="H489231" s="12"/>
    </row>
    <row r="489232" spans="8:8">
      <c r="H489232" s="12"/>
    </row>
    <row r="489233" spans="8:8">
      <c r="H489233" s="12"/>
    </row>
    <row r="489234" spans="8:8">
      <c r="H489234" s="12"/>
    </row>
    <row r="489235" spans="8:8">
      <c r="H489235" s="12"/>
    </row>
    <row r="489236" spans="8:8">
      <c r="H489236" s="12"/>
    </row>
    <row r="489237" spans="8:8">
      <c r="H489237" s="12"/>
    </row>
    <row r="489238" spans="8:8">
      <c r="H489238" s="12"/>
    </row>
    <row r="489239" spans="8:8">
      <c r="H489239" s="12"/>
    </row>
    <row r="489240" spans="8:8">
      <c r="H489240" s="12"/>
    </row>
    <row r="489241" spans="8:8">
      <c r="H489241" s="12"/>
    </row>
    <row r="489242" spans="8:8">
      <c r="H489242" s="12"/>
    </row>
    <row r="489243" spans="8:8">
      <c r="H489243" s="12"/>
    </row>
    <row r="489244" spans="8:8">
      <c r="H489244" s="12"/>
    </row>
    <row r="489245" spans="8:8">
      <c r="H489245" s="12"/>
    </row>
    <row r="489246" spans="8:8">
      <c r="H489246" s="12"/>
    </row>
    <row r="489247" spans="8:8">
      <c r="H489247" s="12"/>
    </row>
    <row r="489248" spans="8:8">
      <c r="H489248" s="12"/>
    </row>
    <row r="489249" spans="8:8">
      <c r="H489249" s="12"/>
    </row>
    <row r="489250" spans="8:8">
      <c r="H489250" s="12"/>
    </row>
    <row r="489251" spans="8:8">
      <c r="H489251" s="12"/>
    </row>
    <row r="489252" spans="8:8">
      <c r="H489252" s="12"/>
    </row>
    <row r="489253" spans="8:8">
      <c r="H489253" s="12"/>
    </row>
    <row r="489254" spans="8:8">
      <c r="H489254" s="12"/>
    </row>
    <row r="489255" spans="8:8">
      <c r="H489255" s="12"/>
    </row>
    <row r="489256" spans="8:8">
      <c r="H489256" s="12"/>
    </row>
    <row r="489257" spans="8:8">
      <c r="H489257" s="12"/>
    </row>
    <row r="489258" spans="8:8">
      <c r="H489258" s="12"/>
    </row>
    <row r="489259" spans="8:8">
      <c r="H489259" s="12"/>
    </row>
    <row r="489260" spans="8:8">
      <c r="H489260" s="12"/>
    </row>
    <row r="489261" spans="8:8">
      <c r="H489261" s="12"/>
    </row>
    <row r="489262" spans="8:8">
      <c r="H489262" s="12"/>
    </row>
    <row r="489263" spans="8:8">
      <c r="H489263" s="12"/>
    </row>
    <row r="489264" spans="8:8">
      <c r="H489264" s="12"/>
    </row>
    <row r="489265" spans="8:8">
      <c r="H489265" s="12"/>
    </row>
    <row r="489266" spans="8:8">
      <c r="H489266" s="12"/>
    </row>
    <row r="489267" spans="8:8">
      <c r="H489267" s="12"/>
    </row>
    <row r="489268" spans="8:8">
      <c r="H489268" s="12"/>
    </row>
    <row r="489269" spans="8:8">
      <c r="H489269" s="12"/>
    </row>
    <row r="489270" spans="8:8">
      <c r="H489270" s="12"/>
    </row>
    <row r="489271" spans="8:8">
      <c r="H489271" s="12"/>
    </row>
    <row r="489272" spans="8:8">
      <c r="H489272" s="12"/>
    </row>
    <row r="489273" spans="8:8">
      <c r="H489273" s="12"/>
    </row>
    <row r="489274" spans="8:8">
      <c r="H489274" s="12"/>
    </row>
    <row r="489275" spans="8:8">
      <c r="H489275" s="12"/>
    </row>
    <row r="489276" spans="8:8">
      <c r="H489276" s="12"/>
    </row>
    <row r="489277" spans="8:8">
      <c r="H489277" s="12"/>
    </row>
    <row r="489278" spans="8:8">
      <c r="H489278" s="12"/>
    </row>
    <row r="489279" spans="8:8">
      <c r="H489279" s="12"/>
    </row>
    <row r="489280" spans="8:8">
      <c r="H489280" s="12"/>
    </row>
    <row r="489281" spans="8:8">
      <c r="H489281" s="12"/>
    </row>
    <row r="489282" spans="8:8">
      <c r="H489282" s="12"/>
    </row>
    <row r="489283" spans="8:8">
      <c r="H489283" s="12"/>
    </row>
    <row r="489284" spans="8:8">
      <c r="H489284" s="12"/>
    </row>
    <row r="489285" spans="8:8">
      <c r="H489285" s="12"/>
    </row>
    <row r="489286" spans="8:8">
      <c r="H489286" s="12"/>
    </row>
    <row r="489287" spans="8:8">
      <c r="H489287" s="12"/>
    </row>
    <row r="489288" spans="8:8">
      <c r="H489288" s="12"/>
    </row>
    <row r="489289" spans="8:8">
      <c r="H489289" s="12"/>
    </row>
    <row r="489290" spans="8:8">
      <c r="H489290" s="12"/>
    </row>
    <row r="489291" spans="8:8">
      <c r="H489291" s="12"/>
    </row>
    <row r="489292" spans="8:8">
      <c r="H489292" s="12"/>
    </row>
    <row r="489293" spans="8:8">
      <c r="H489293" s="12"/>
    </row>
    <row r="489294" spans="8:8">
      <c r="H489294" s="12"/>
    </row>
    <row r="489295" spans="8:8">
      <c r="H489295" s="12"/>
    </row>
    <row r="489296" spans="8:8">
      <c r="H489296" s="12"/>
    </row>
    <row r="489297" spans="8:8">
      <c r="H489297" s="12"/>
    </row>
    <row r="489298" spans="8:8">
      <c r="H489298" s="12"/>
    </row>
    <row r="489299" spans="8:8">
      <c r="H489299" s="12"/>
    </row>
    <row r="489300" spans="8:8">
      <c r="H489300" s="12"/>
    </row>
    <row r="489301" spans="8:8">
      <c r="H489301" s="12"/>
    </row>
    <row r="489302" spans="8:8">
      <c r="H489302" s="12"/>
    </row>
    <row r="489303" spans="8:8">
      <c r="H489303" s="12"/>
    </row>
    <row r="489304" spans="8:8">
      <c r="H489304" s="12"/>
    </row>
    <row r="489305" spans="8:8">
      <c r="H489305" s="12"/>
    </row>
    <row r="489306" spans="8:8">
      <c r="H489306" s="12"/>
    </row>
    <row r="489307" spans="8:8">
      <c r="H489307" s="12"/>
    </row>
    <row r="489308" spans="8:8">
      <c r="H489308" s="12"/>
    </row>
    <row r="489309" spans="8:8">
      <c r="H489309" s="12"/>
    </row>
    <row r="489310" spans="8:8">
      <c r="H489310" s="12"/>
    </row>
    <row r="489311" spans="8:8">
      <c r="H489311" s="12"/>
    </row>
    <row r="489312" spans="8:8">
      <c r="H489312" s="12"/>
    </row>
    <row r="489313" spans="8:8">
      <c r="H489313" s="12"/>
    </row>
    <row r="489314" spans="8:8">
      <c r="H489314" s="12"/>
    </row>
    <row r="489315" spans="8:8">
      <c r="H489315" s="12"/>
    </row>
    <row r="489316" spans="8:8">
      <c r="H489316" s="12"/>
    </row>
    <row r="489317" spans="8:8">
      <c r="H489317" s="12"/>
    </row>
    <row r="489318" spans="8:8">
      <c r="H489318" s="12"/>
    </row>
    <row r="489319" spans="8:8">
      <c r="H489319" s="12"/>
    </row>
    <row r="489320" spans="8:8">
      <c r="H489320" s="12"/>
    </row>
    <row r="489321" spans="8:8">
      <c r="H489321" s="12"/>
    </row>
    <row r="489322" spans="8:8">
      <c r="H489322" s="12"/>
    </row>
    <row r="489323" spans="8:8">
      <c r="H489323" s="12"/>
    </row>
    <row r="489324" spans="8:8">
      <c r="H489324" s="12"/>
    </row>
    <row r="489325" spans="8:8">
      <c r="H489325" s="12"/>
    </row>
    <row r="489326" spans="8:8">
      <c r="H489326" s="12"/>
    </row>
    <row r="489327" spans="8:8">
      <c r="H489327" s="12"/>
    </row>
    <row r="489328" spans="8:8">
      <c r="H489328" s="12"/>
    </row>
    <row r="489329" spans="8:8">
      <c r="H489329" s="12"/>
    </row>
    <row r="489330" spans="8:8">
      <c r="H489330" s="12"/>
    </row>
    <row r="489331" spans="8:8">
      <c r="H489331" s="12"/>
    </row>
    <row r="489332" spans="8:8">
      <c r="H489332" s="12"/>
    </row>
    <row r="489333" spans="8:8">
      <c r="H489333" s="12"/>
    </row>
    <row r="489334" spans="8:8">
      <c r="H489334" s="12"/>
    </row>
    <row r="489335" spans="8:8">
      <c r="H489335" s="12"/>
    </row>
    <row r="489336" spans="8:8">
      <c r="H489336" s="12"/>
    </row>
    <row r="489337" spans="8:8">
      <c r="H489337" s="12"/>
    </row>
    <row r="489338" spans="8:8">
      <c r="H489338" s="12"/>
    </row>
    <row r="489339" spans="8:8">
      <c r="H489339" s="12"/>
    </row>
    <row r="489340" spans="8:8">
      <c r="H489340" s="12"/>
    </row>
    <row r="489341" spans="8:8">
      <c r="H489341" s="12"/>
    </row>
    <row r="489342" spans="8:8">
      <c r="H489342" s="12"/>
    </row>
    <row r="489343" spans="8:8">
      <c r="H489343" s="12"/>
    </row>
    <row r="489344" spans="8:8">
      <c r="H489344" s="12"/>
    </row>
    <row r="489345" spans="8:8">
      <c r="H489345" s="12"/>
    </row>
    <row r="489346" spans="8:8">
      <c r="H489346" s="12"/>
    </row>
    <row r="489347" spans="8:8">
      <c r="H489347" s="12"/>
    </row>
    <row r="489348" spans="8:8">
      <c r="H489348" s="12"/>
    </row>
    <row r="489349" spans="8:8">
      <c r="H489349" s="12"/>
    </row>
    <row r="489350" spans="8:8">
      <c r="H489350" s="12"/>
    </row>
    <row r="489351" spans="8:8">
      <c r="H489351" s="12"/>
    </row>
    <row r="489352" spans="8:8">
      <c r="H489352" s="12"/>
    </row>
    <row r="489353" spans="8:8">
      <c r="H489353" s="12"/>
    </row>
    <row r="489354" spans="8:8">
      <c r="H489354" s="12"/>
    </row>
    <row r="489355" spans="8:8">
      <c r="H489355" s="12"/>
    </row>
    <row r="489356" spans="8:8">
      <c r="H489356" s="12"/>
    </row>
    <row r="489357" spans="8:8">
      <c r="H489357" s="12"/>
    </row>
    <row r="489358" spans="8:8">
      <c r="H489358" s="12"/>
    </row>
    <row r="489359" spans="8:8">
      <c r="H489359" s="12"/>
    </row>
    <row r="489360" spans="8:8">
      <c r="H489360" s="12"/>
    </row>
    <row r="489361" spans="8:8">
      <c r="H489361" s="12"/>
    </row>
    <row r="489362" spans="8:8">
      <c r="H489362" s="12"/>
    </row>
    <row r="489363" spans="8:8">
      <c r="H489363" s="12"/>
    </row>
    <row r="489364" spans="8:8">
      <c r="H489364" s="12"/>
    </row>
    <row r="489365" spans="8:8">
      <c r="H489365" s="12"/>
    </row>
    <row r="489366" spans="8:8">
      <c r="H489366" s="12"/>
    </row>
    <row r="489367" spans="8:8">
      <c r="H489367" s="12"/>
    </row>
    <row r="489368" spans="8:8">
      <c r="H489368" s="12"/>
    </row>
    <row r="489369" spans="8:8">
      <c r="H489369" s="12"/>
    </row>
    <row r="489370" spans="8:8">
      <c r="H489370" s="12"/>
    </row>
    <row r="489371" spans="8:8">
      <c r="H489371" s="12"/>
    </row>
    <row r="489372" spans="8:8">
      <c r="H489372" s="12"/>
    </row>
    <row r="489373" spans="8:8">
      <c r="H489373" s="12"/>
    </row>
    <row r="489374" spans="8:8">
      <c r="H489374" s="12"/>
    </row>
    <row r="489375" spans="8:8">
      <c r="H489375" s="12"/>
    </row>
    <row r="489376" spans="8:8">
      <c r="H489376" s="12"/>
    </row>
    <row r="489377" spans="8:8">
      <c r="H489377" s="12"/>
    </row>
    <row r="489378" spans="8:8">
      <c r="H489378" s="12"/>
    </row>
    <row r="489379" spans="8:8">
      <c r="H489379" s="12"/>
    </row>
    <row r="489380" spans="8:8">
      <c r="H489380" s="12"/>
    </row>
    <row r="489381" spans="8:8">
      <c r="H489381" s="12"/>
    </row>
    <row r="489382" spans="8:8">
      <c r="H489382" s="12"/>
    </row>
    <row r="489383" spans="8:8">
      <c r="H489383" s="12"/>
    </row>
    <row r="489384" spans="8:8">
      <c r="H489384" s="12"/>
    </row>
    <row r="489385" spans="8:8">
      <c r="H489385" s="12"/>
    </row>
    <row r="489386" spans="8:8">
      <c r="H489386" s="12"/>
    </row>
    <row r="489387" spans="8:8">
      <c r="H489387" s="12"/>
    </row>
    <row r="489388" spans="8:8">
      <c r="H489388" s="12"/>
    </row>
    <row r="489389" spans="8:8">
      <c r="H489389" s="12"/>
    </row>
    <row r="489390" spans="8:8">
      <c r="H489390" s="12"/>
    </row>
    <row r="489391" spans="8:8">
      <c r="H489391" s="12"/>
    </row>
    <row r="489392" spans="8:8">
      <c r="H489392" s="12"/>
    </row>
    <row r="489393" spans="8:8">
      <c r="H489393" s="12"/>
    </row>
    <row r="489394" spans="8:8">
      <c r="H489394" s="12"/>
    </row>
    <row r="489395" spans="8:8">
      <c r="H489395" s="12"/>
    </row>
    <row r="489396" spans="8:8">
      <c r="H489396" s="12"/>
    </row>
    <row r="489397" spans="8:8">
      <c r="H489397" s="12"/>
    </row>
    <row r="489398" spans="8:8">
      <c r="H489398" s="12"/>
    </row>
    <row r="489399" spans="8:8">
      <c r="H489399" s="12"/>
    </row>
    <row r="489400" spans="8:8">
      <c r="H489400" s="12"/>
    </row>
    <row r="489401" spans="8:8">
      <c r="H489401" s="12"/>
    </row>
    <row r="489402" spans="8:8">
      <c r="H489402" s="12"/>
    </row>
    <row r="489403" spans="8:8">
      <c r="H489403" s="12"/>
    </row>
    <row r="489404" spans="8:8">
      <c r="H489404" s="12"/>
    </row>
    <row r="489405" spans="8:8">
      <c r="H489405" s="12"/>
    </row>
    <row r="489406" spans="8:8">
      <c r="H489406" s="12"/>
    </row>
    <row r="489407" spans="8:8">
      <c r="H489407" s="12"/>
    </row>
    <row r="489408" spans="8:8">
      <c r="H489408" s="12"/>
    </row>
    <row r="489409" spans="8:8">
      <c r="H489409" s="12"/>
    </row>
    <row r="489410" spans="8:8">
      <c r="H489410" s="12"/>
    </row>
    <row r="489411" spans="8:8">
      <c r="H489411" s="12"/>
    </row>
    <row r="489412" spans="8:8">
      <c r="H489412" s="12"/>
    </row>
    <row r="489413" spans="8:8">
      <c r="H489413" s="12"/>
    </row>
    <row r="489414" spans="8:8">
      <c r="H489414" s="12"/>
    </row>
    <row r="489415" spans="8:8">
      <c r="H489415" s="12"/>
    </row>
    <row r="489416" spans="8:8">
      <c r="H489416" s="12"/>
    </row>
    <row r="489417" spans="8:8">
      <c r="H489417" s="12"/>
    </row>
    <row r="489418" spans="8:8">
      <c r="H489418" s="12"/>
    </row>
    <row r="489419" spans="8:8">
      <c r="H489419" s="12"/>
    </row>
    <row r="489420" spans="8:8">
      <c r="H489420" s="12"/>
    </row>
    <row r="489421" spans="8:8">
      <c r="H489421" s="12"/>
    </row>
    <row r="489422" spans="8:8">
      <c r="H489422" s="12"/>
    </row>
    <row r="489423" spans="8:8">
      <c r="H489423" s="12"/>
    </row>
    <row r="489424" spans="8:8">
      <c r="H489424" s="12"/>
    </row>
    <row r="489425" spans="8:8">
      <c r="H489425" s="12"/>
    </row>
    <row r="489426" spans="8:8">
      <c r="H489426" s="12"/>
    </row>
    <row r="489427" spans="8:8">
      <c r="H489427" s="12"/>
    </row>
    <row r="489428" spans="8:8">
      <c r="H489428" s="12"/>
    </row>
    <row r="489429" spans="8:8">
      <c r="H489429" s="12"/>
    </row>
    <row r="489430" spans="8:8">
      <c r="H489430" s="12"/>
    </row>
    <row r="489431" spans="8:8">
      <c r="H489431" s="12"/>
    </row>
    <row r="489432" spans="8:8">
      <c r="H489432" s="12"/>
    </row>
    <row r="489433" spans="8:8">
      <c r="H489433" s="12"/>
    </row>
    <row r="489434" spans="8:8">
      <c r="H489434" s="12"/>
    </row>
    <row r="489435" spans="8:8">
      <c r="H489435" s="12"/>
    </row>
    <row r="489436" spans="8:8">
      <c r="H489436" s="12"/>
    </row>
    <row r="489437" spans="8:8">
      <c r="H489437" s="12"/>
    </row>
    <row r="489438" spans="8:8">
      <c r="H489438" s="12"/>
    </row>
    <row r="489439" spans="8:8">
      <c r="H489439" s="12"/>
    </row>
    <row r="489440" spans="8:8">
      <c r="H489440" s="12"/>
    </row>
    <row r="489441" spans="8:8">
      <c r="H489441" s="12"/>
    </row>
    <row r="489442" spans="8:8">
      <c r="H489442" s="12"/>
    </row>
    <row r="489443" spans="8:8">
      <c r="H489443" s="12"/>
    </row>
    <row r="489444" spans="8:8">
      <c r="H489444" s="12"/>
    </row>
    <row r="489445" spans="8:8">
      <c r="H489445" s="12"/>
    </row>
    <row r="489446" spans="8:8">
      <c r="H489446" s="12"/>
    </row>
    <row r="489447" spans="8:8">
      <c r="H489447" s="12"/>
    </row>
    <row r="489448" spans="8:8">
      <c r="H489448" s="12"/>
    </row>
    <row r="489449" spans="8:8">
      <c r="H489449" s="12"/>
    </row>
    <row r="489450" spans="8:8">
      <c r="H489450" s="12"/>
    </row>
    <row r="489451" spans="8:8">
      <c r="H489451" s="12"/>
    </row>
    <row r="489452" spans="8:8">
      <c r="H489452" s="12"/>
    </row>
    <row r="489453" spans="8:8">
      <c r="H489453" s="12"/>
    </row>
    <row r="489454" spans="8:8">
      <c r="H489454" s="12"/>
    </row>
    <row r="489455" spans="8:8">
      <c r="H489455" s="12"/>
    </row>
    <row r="489456" spans="8:8">
      <c r="H489456" s="12"/>
    </row>
    <row r="489457" spans="8:8">
      <c r="H489457" s="12"/>
    </row>
    <row r="489458" spans="8:8">
      <c r="H489458" s="12"/>
    </row>
    <row r="489459" spans="8:8">
      <c r="H489459" s="12"/>
    </row>
    <row r="489460" spans="8:8">
      <c r="H489460" s="12"/>
    </row>
    <row r="489461" spans="8:8">
      <c r="H489461" s="12"/>
    </row>
    <row r="489462" spans="8:8">
      <c r="H489462" s="12"/>
    </row>
    <row r="489463" spans="8:8">
      <c r="H489463" s="12"/>
    </row>
    <row r="489464" spans="8:8">
      <c r="H489464" s="12"/>
    </row>
    <row r="489465" spans="8:8">
      <c r="H489465" s="12"/>
    </row>
    <row r="489466" spans="8:8">
      <c r="H489466" s="12"/>
    </row>
    <row r="489467" spans="8:8">
      <c r="H489467" s="12"/>
    </row>
    <row r="489468" spans="8:8">
      <c r="H489468" s="12"/>
    </row>
    <row r="489469" spans="8:8">
      <c r="H489469" s="12"/>
    </row>
    <row r="489470" spans="8:8">
      <c r="H489470" s="12"/>
    </row>
    <row r="489471" spans="8:8">
      <c r="H489471" s="12"/>
    </row>
    <row r="489472" spans="8:8">
      <c r="H489472" s="12"/>
    </row>
    <row r="489473" spans="8:8">
      <c r="H489473" s="12"/>
    </row>
    <row r="489474" spans="8:8">
      <c r="H489474" s="12"/>
    </row>
    <row r="489475" spans="8:8">
      <c r="H489475" s="12"/>
    </row>
    <row r="489476" spans="8:8">
      <c r="H489476" s="12"/>
    </row>
    <row r="489477" spans="8:8">
      <c r="H489477" s="12"/>
    </row>
    <row r="489478" spans="8:8">
      <c r="H489478" s="12"/>
    </row>
    <row r="489479" spans="8:8">
      <c r="H489479" s="12"/>
    </row>
    <row r="489480" spans="8:8">
      <c r="H489480" s="12"/>
    </row>
    <row r="489481" spans="8:8">
      <c r="H489481" s="12"/>
    </row>
    <row r="489482" spans="8:8">
      <c r="H489482" s="12"/>
    </row>
    <row r="489483" spans="8:8">
      <c r="H489483" s="12"/>
    </row>
    <row r="489484" spans="8:8">
      <c r="H489484" s="12"/>
    </row>
    <row r="489485" spans="8:8">
      <c r="H489485" s="12"/>
    </row>
    <row r="489486" spans="8:8">
      <c r="H489486" s="12"/>
    </row>
    <row r="489487" spans="8:8">
      <c r="H489487" s="12"/>
    </row>
    <row r="489488" spans="8:8">
      <c r="H489488" s="12"/>
    </row>
    <row r="489489" spans="8:8">
      <c r="H489489" s="12"/>
    </row>
    <row r="489490" spans="8:8">
      <c r="H489490" s="12"/>
    </row>
    <row r="489491" spans="8:8">
      <c r="H489491" s="12"/>
    </row>
    <row r="489492" spans="8:8">
      <c r="H489492" s="12"/>
    </row>
    <row r="489493" spans="8:8">
      <c r="H489493" s="12"/>
    </row>
    <row r="489494" spans="8:8">
      <c r="H489494" s="12"/>
    </row>
    <row r="489495" spans="8:8">
      <c r="H489495" s="12"/>
    </row>
    <row r="489496" spans="8:8">
      <c r="H489496" s="12"/>
    </row>
    <row r="489497" spans="8:8">
      <c r="H489497" s="12"/>
    </row>
    <row r="489498" spans="8:8">
      <c r="H489498" s="12"/>
    </row>
    <row r="489499" spans="8:8">
      <c r="H489499" s="12"/>
    </row>
    <row r="489500" spans="8:8">
      <c r="H489500" s="12"/>
    </row>
    <row r="489501" spans="8:8">
      <c r="H489501" s="12"/>
    </row>
    <row r="489502" spans="8:8">
      <c r="H489502" s="12"/>
    </row>
    <row r="489503" spans="8:8">
      <c r="H489503" s="12"/>
    </row>
    <row r="489504" spans="8:8">
      <c r="H489504" s="12"/>
    </row>
    <row r="489505" spans="8:8">
      <c r="H489505" s="12"/>
    </row>
    <row r="489506" spans="8:8">
      <c r="H489506" s="12"/>
    </row>
    <row r="489507" spans="8:8">
      <c r="H489507" s="12"/>
    </row>
    <row r="489508" spans="8:8">
      <c r="H489508" s="12"/>
    </row>
    <row r="489509" spans="8:8">
      <c r="H489509" s="12"/>
    </row>
    <row r="489510" spans="8:8">
      <c r="H489510" s="12"/>
    </row>
    <row r="489511" spans="8:8">
      <c r="H489511" s="12"/>
    </row>
    <row r="489512" spans="8:8">
      <c r="H489512" s="12"/>
    </row>
    <row r="489513" spans="8:8">
      <c r="H489513" s="12"/>
    </row>
    <row r="489514" spans="8:8">
      <c r="H489514" s="12"/>
    </row>
    <row r="489515" spans="8:8">
      <c r="H489515" s="12"/>
    </row>
    <row r="489516" spans="8:8">
      <c r="H489516" s="12"/>
    </row>
    <row r="489517" spans="8:8">
      <c r="H489517" s="12"/>
    </row>
    <row r="489518" spans="8:8">
      <c r="H489518" s="12"/>
    </row>
    <row r="489519" spans="8:8">
      <c r="H489519" s="12"/>
    </row>
    <row r="489520" spans="8:8">
      <c r="H489520" s="12"/>
    </row>
    <row r="489521" spans="8:8">
      <c r="H489521" s="12"/>
    </row>
    <row r="489522" spans="8:8">
      <c r="H489522" s="12"/>
    </row>
    <row r="489523" spans="8:8">
      <c r="H489523" s="12"/>
    </row>
    <row r="489524" spans="8:8">
      <c r="H489524" s="12"/>
    </row>
    <row r="489525" spans="8:8">
      <c r="H489525" s="12"/>
    </row>
    <row r="489526" spans="8:8">
      <c r="H489526" s="12"/>
    </row>
    <row r="489527" spans="8:8">
      <c r="H489527" s="12"/>
    </row>
    <row r="489528" spans="8:8">
      <c r="H489528" s="12"/>
    </row>
    <row r="489529" spans="8:8">
      <c r="H489529" s="12"/>
    </row>
    <row r="489530" spans="8:8">
      <c r="H489530" s="12"/>
    </row>
    <row r="489531" spans="8:8">
      <c r="H489531" s="12"/>
    </row>
    <row r="489532" spans="8:8">
      <c r="H489532" s="12"/>
    </row>
    <row r="489533" spans="8:8">
      <c r="H489533" s="12"/>
    </row>
    <row r="489534" spans="8:8">
      <c r="H489534" s="12"/>
    </row>
    <row r="489535" spans="8:8">
      <c r="H489535" s="12"/>
    </row>
    <row r="489536" spans="8:8">
      <c r="H489536" s="12"/>
    </row>
    <row r="489537" spans="8:8">
      <c r="H489537" s="12"/>
    </row>
    <row r="489538" spans="8:8">
      <c r="H489538" s="12"/>
    </row>
    <row r="489539" spans="8:8">
      <c r="H489539" s="12"/>
    </row>
    <row r="489540" spans="8:8">
      <c r="H489540" s="12"/>
    </row>
    <row r="489541" spans="8:8">
      <c r="H489541" s="12"/>
    </row>
    <row r="489542" spans="8:8">
      <c r="H489542" s="12"/>
    </row>
    <row r="489543" spans="8:8">
      <c r="H489543" s="12"/>
    </row>
    <row r="489544" spans="8:8">
      <c r="H489544" s="12"/>
    </row>
    <row r="489545" spans="8:8">
      <c r="H489545" s="12"/>
    </row>
    <row r="489546" spans="8:8">
      <c r="H489546" s="12"/>
    </row>
    <row r="489547" spans="8:8">
      <c r="H489547" s="12"/>
    </row>
    <row r="489548" spans="8:8">
      <c r="H489548" s="12"/>
    </row>
    <row r="489549" spans="8:8">
      <c r="H489549" s="12"/>
    </row>
    <row r="489550" spans="8:8">
      <c r="H489550" s="12"/>
    </row>
    <row r="489551" spans="8:8">
      <c r="H489551" s="12"/>
    </row>
    <row r="489552" spans="8:8">
      <c r="H489552" s="12"/>
    </row>
    <row r="489553" spans="8:8">
      <c r="H489553" s="12"/>
    </row>
    <row r="489554" spans="8:8">
      <c r="H489554" s="12"/>
    </row>
    <row r="489555" spans="8:8">
      <c r="H489555" s="12"/>
    </row>
    <row r="489556" spans="8:8">
      <c r="H489556" s="12"/>
    </row>
    <row r="489557" spans="8:8">
      <c r="H489557" s="12"/>
    </row>
    <row r="489558" spans="8:8">
      <c r="H489558" s="12"/>
    </row>
    <row r="489559" spans="8:8">
      <c r="H489559" s="12"/>
    </row>
    <row r="489560" spans="8:8">
      <c r="H489560" s="12"/>
    </row>
    <row r="489561" spans="8:8">
      <c r="H489561" s="12"/>
    </row>
    <row r="489562" spans="8:8">
      <c r="H489562" s="12"/>
    </row>
    <row r="489563" spans="8:8">
      <c r="H489563" s="12"/>
    </row>
    <row r="489564" spans="8:8">
      <c r="H489564" s="12"/>
    </row>
    <row r="489565" spans="8:8">
      <c r="H489565" s="12"/>
    </row>
    <row r="489566" spans="8:8">
      <c r="H489566" s="12"/>
    </row>
    <row r="489567" spans="8:8">
      <c r="H489567" s="12"/>
    </row>
    <row r="489568" spans="8:8">
      <c r="H489568" s="12"/>
    </row>
    <row r="489569" spans="8:8">
      <c r="H489569" s="12"/>
    </row>
    <row r="489570" spans="8:8">
      <c r="H489570" s="12"/>
    </row>
    <row r="489571" spans="8:8">
      <c r="H489571" s="12"/>
    </row>
    <row r="489572" spans="8:8">
      <c r="H489572" s="12"/>
    </row>
    <row r="489573" spans="8:8">
      <c r="H489573" s="12"/>
    </row>
    <row r="489574" spans="8:8">
      <c r="H489574" s="12"/>
    </row>
    <row r="489575" spans="8:8">
      <c r="H489575" s="12"/>
    </row>
    <row r="489576" spans="8:8">
      <c r="H489576" s="12"/>
    </row>
    <row r="489577" spans="8:8">
      <c r="H489577" s="12"/>
    </row>
    <row r="489578" spans="8:8">
      <c r="H489578" s="12"/>
    </row>
    <row r="489579" spans="8:8">
      <c r="H489579" s="12"/>
    </row>
    <row r="489580" spans="8:8">
      <c r="H489580" s="12"/>
    </row>
    <row r="489581" spans="8:8">
      <c r="H489581" s="12"/>
    </row>
    <row r="489582" spans="8:8">
      <c r="H489582" s="12"/>
    </row>
    <row r="489583" spans="8:8">
      <c r="H489583" s="12"/>
    </row>
    <row r="489584" spans="8:8">
      <c r="H489584" s="12"/>
    </row>
    <row r="489585" spans="8:8">
      <c r="H489585" s="12"/>
    </row>
    <row r="489586" spans="8:8">
      <c r="H489586" s="12"/>
    </row>
    <row r="489587" spans="8:8">
      <c r="H489587" s="12"/>
    </row>
    <row r="489588" spans="8:8">
      <c r="H489588" s="12"/>
    </row>
    <row r="489589" spans="8:8">
      <c r="H489589" s="12"/>
    </row>
    <row r="489590" spans="8:8">
      <c r="H489590" s="12"/>
    </row>
    <row r="489591" spans="8:8">
      <c r="H489591" s="12"/>
    </row>
    <row r="489592" spans="8:8">
      <c r="H489592" s="12"/>
    </row>
    <row r="489593" spans="8:8">
      <c r="H489593" s="12"/>
    </row>
    <row r="489594" spans="8:8">
      <c r="H489594" s="12"/>
    </row>
    <row r="489595" spans="8:8">
      <c r="H489595" s="12"/>
    </row>
    <row r="489596" spans="8:8">
      <c r="H489596" s="12"/>
    </row>
    <row r="489597" spans="8:8">
      <c r="H489597" s="12"/>
    </row>
    <row r="489598" spans="8:8">
      <c r="H489598" s="12"/>
    </row>
    <row r="489599" spans="8:8">
      <c r="H489599" s="12"/>
    </row>
    <row r="489600" spans="8:8">
      <c r="H489600" s="12"/>
    </row>
    <row r="489601" spans="8:8">
      <c r="H489601" s="12"/>
    </row>
    <row r="489602" spans="8:8">
      <c r="H489602" s="12"/>
    </row>
    <row r="489603" spans="8:8">
      <c r="H489603" s="12"/>
    </row>
    <row r="489604" spans="8:8">
      <c r="H489604" s="12"/>
    </row>
    <row r="489605" spans="8:8">
      <c r="H489605" s="12"/>
    </row>
    <row r="489606" spans="8:8">
      <c r="H489606" s="12"/>
    </row>
    <row r="489607" spans="8:8">
      <c r="H489607" s="12"/>
    </row>
    <row r="489608" spans="8:8">
      <c r="H489608" s="12"/>
    </row>
    <row r="489609" spans="8:8">
      <c r="H489609" s="12"/>
    </row>
    <row r="489610" spans="8:8">
      <c r="H489610" s="12"/>
    </row>
    <row r="489611" spans="8:8">
      <c r="H489611" s="12"/>
    </row>
    <row r="489612" spans="8:8">
      <c r="H489612" s="12"/>
    </row>
    <row r="489613" spans="8:8">
      <c r="H489613" s="12"/>
    </row>
    <row r="489614" spans="8:8">
      <c r="H489614" s="12"/>
    </row>
    <row r="489615" spans="8:8">
      <c r="H489615" s="12"/>
    </row>
    <row r="489616" spans="8:8">
      <c r="H489616" s="12"/>
    </row>
    <row r="489617" spans="8:8">
      <c r="H489617" s="12"/>
    </row>
    <row r="489618" spans="8:8">
      <c r="H489618" s="12"/>
    </row>
    <row r="489619" spans="8:8">
      <c r="H489619" s="12"/>
    </row>
    <row r="489620" spans="8:8">
      <c r="H489620" s="12"/>
    </row>
    <row r="489621" spans="8:8">
      <c r="H489621" s="12"/>
    </row>
    <row r="489622" spans="8:8">
      <c r="H489622" s="12"/>
    </row>
    <row r="489623" spans="8:8">
      <c r="H489623" s="12"/>
    </row>
    <row r="489624" spans="8:8">
      <c r="H489624" s="12"/>
    </row>
    <row r="489625" spans="8:8">
      <c r="H489625" s="12"/>
    </row>
    <row r="489626" spans="8:8">
      <c r="H489626" s="12"/>
    </row>
    <row r="489627" spans="8:8">
      <c r="H489627" s="12"/>
    </row>
    <row r="489628" spans="8:8">
      <c r="H489628" s="12"/>
    </row>
    <row r="489629" spans="8:8">
      <c r="H489629" s="12"/>
    </row>
    <row r="489630" spans="8:8">
      <c r="H489630" s="12"/>
    </row>
    <row r="489631" spans="8:8">
      <c r="H489631" s="12"/>
    </row>
    <row r="489632" spans="8:8">
      <c r="H489632" s="12"/>
    </row>
    <row r="489633" spans="8:8">
      <c r="H489633" s="12"/>
    </row>
    <row r="489634" spans="8:8">
      <c r="H489634" s="12"/>
    </row>
    <row r="489635" spans="8:8">
      <c r="H489635" s="12"/>
    </row>
    <row r="489636" spans="8:8">
      <c r="H489636" s="12"/>
    </row>
    <row r="489637" spans="8:8">
      <c r="H489637" s="12"/>
    </row>
    <row r="489638" spans="8:8">
      <c r="H489638" s="12"/>
    </row>
    <row r="489639" spans="8:8">
      <c r="H489639" s="12"/>
    </row>
    <row r="489640" spans="8:8">
      <c r="H489640" s="12"/>
    </row>
    <row r="489641" spans="8:8">
      <c r="H489641" s="12"/>
    </row>
    <row r="489642" spans="8:8">
      <c r="H489642" s="12"/>
    </row>
    <row r="489643" spans="8:8">
      <c r="H489643" s="12"/>
    </row>
    <row r="489644" spans="8:8">
      <c r="H489644" s="12"/>
    </row>
    <row r="489645" spans="8:8">
      <c r="H489645" s="12"/>
    </row>
    <row r="489646" spans="8:8">
      <c r="H489646" s="12"/>
    </row>
    <row r="489647" spans="8:8">
      <c r="H489647" s="12"/>
    </row>
    <row r="489648" spans="8:8">
      <c r="H489648" s="12"/>
    </row>
    <row r="489649" spans="8:8">
      <c r="H489649" s="12"/>
    </row>
    <row r="489650" spans="8:8">
      <c r="H489650" s="12"/>
    </row>
    <row r="489651" spans="8:8">
      <c r="H489651" s="12"/>
    </row>
    <row r="489652" spans="8:8">
      <c r="H489652" s="12"/>
    </row>
    <row r="489653" spans="8:8">
      <c r="H489653" s="12"/>
    </row>
    <row r="489654" spans="8:8">
      <c r="H489654" s="12"/>
    </row>
    <row r="489655" spans="8:8">
      <c r="H489655" s="12"/>
    </row>
    <row r="489656" spans="8:8">
      <c r="H489656" s="12"/>
    </row>
    <row r="489657" spans="8:8">
      <c r="H489657" s="12"/>
    </row>
    <row r="489658" spans="8:8">
      <c r="H489658" s="12"/>
    </row>
    <row r="489659" spans="8:8">
      <c r="H489659" s="12"/>
    </row>
    <row r="489660" spans="8:8">
      <c r="H489660" s="12"/>
    </row>
    <row r="489661" spans="8:8">
      <c r="H489661" s="12"/>
    </row>
    <row r="489662" spans="8:8">
      <c r="H489662" s="12"/>
    </row>
    <row r="489663" spans="8:8">
      <c r="H489663" s="12"/>
    </row>
    <row r="489664" spans="8:8">
      <c r="H489664" s="12"/>
    </row>
    <row r="489665" spans="8:8">
      <c r="H489665" s="12"/>
    </row>
    <row r="489666" spans="8:8">
      <c r="H489666" s="12"/>
    </row>
    <row r="489667" spans="8:8">
      <c r="H489667" s="12"/>
    </row>
    <row r="489668" spans="8:8">
      <c r="H489668" s="12"/>
    </row>
    <row r="489669" spans="8:8">
      <c r="H489669" s="12"/>
    </row>
    <row r="489670" spans="8:8">
      <c r="H489670" s="12"/>
    </row>
    <row r="489671" spans="8:8">
      <c r="H489671" s="12"/>
    </row>
    <row r="489672" spans="8:8">
      <c r="H489672" s="12"/>
    </row>
    <row r="489673" spans="8:8">
      <c r="H489673" s="12"/>
    </row>
    <row r="489674" spans="8:8">
      <c r="H489674" s="12"/>
    </row>
    <row r="489675" spans="8:8">
      <c r="H489675" s="12"/>
    </row>
    <row r="489676" spans="8:8">
      <c r="H489676" s="12"/>
    </row>
    <row r="489677" spans="8:8">
      <c r="H489677" s="12"/>
    </row>
    <row r="489678" spans="8:8">
      <c r="H489678" s="12"/>
    </row>
    <row r="489679" spans="8:8">
      <c r="H489679" s="12"/>
    </row>
    <row r="489680" spans="8:8">
      <c r="H489680" s="12"/>
    </row>
    <row r="489681" spans="8:8">
      <c r="H489681" s="12"/>
    </row>
    <row r="489682" spans="8:8">
      <c r="H489682" s="12"/>
    </row>
    <row r="489683" spans="8:8">
      <c r="H489683" s="12"/>
    </row>
    <row r="489684" spans="8:8">
      <c r="H489684" s="12"/>
    </row>
    <row r="489685" spans="8:8">
      <c r="H489685" s="12"/>
    </row>
    <row r="489686" spans="8:8">
      <c r="H489686" s="12"/>
    </row>
    <row r="489687" spans="8:8">
      <c r="H489687" s="12"/>
    </row>
    <row r="489688" spans="8:8">
      <c r="H489688" s="12"/>
    </row>
    <row r="489689" spans="8:8">
      <c r="H489689" s="12"/>
    </row>
    <row r="489690" spans="8:8">
      <c r="H489690" s="12"/>
    </row>
    <row r="489691" spans="8:8">
      <c r="H489691" s="12"/>
    </row>
    <row r="489692" spans="8:8">
      <c r="H489692" s="12"/>
    </row>
    <row r="489693" spans="8:8">
      <c r="H489693" s="12"/>
    </row>
    <row r="489694" spans="8:8">
      <c r="H489694" s="12"/>
    </row>
    <row r="489695" spans="8:8">
      <c r="H489695" s="12"/>
    </row>
    <row r="489696" spans="8:8">
      <c r="H489696" s="12"/>
    </row>
    <row r="489697" spans="8:8">
      <c r="H489697" s="12"/>
    </row>
    <row r="489698" spans="8:8">
      <c r="H489698" s="12"/>
    </row>
    <row r="489699" spans="8:8">
      <c r="H489699" s="12"/>
    </row>
    <row r="489700" spans="8:8">
      <c r="H489700" s="12"/>
    </row>
    <row r="489701" spans="8:8">
      <c r="H489701" s="12"/>
    </row>
    <row r="489702" spans="8:8">
      <c r="H489702" s="12"/>
    </row>
    <row r="489703" spans="8:8">
      <c r="H489703" s="12"/>
    </row>
    <row r="489704" spans="8:8">
      <c r="H489704" s="12"/>
    </row>
    <row r="489705" spans="8:8">
      <c r="H489705" s="12"/>
    </row>
    <row r="489706" spans="8:8">
      <c r="H489706" s="12"/>
    </row>
    <row r="489707" spans="8:8">
      <c r="H489707" s="12"/>
    </row>
    <row r="489708" spans="8:8">
      <c r="H489708" s="12"/>
    </row>
    <row r="489709" spans="8:8">
      <c r="H489709" s="12"/>
    </row>
    <row r="489710" spans="8:8">
      <c r="H489710" s="12"/>
    </row>
    <row r="489711" spans="8:8">
      <c r="H489711" s="12"/>
    </row>
    <row r="489712" spans="8:8">
      <c r="H489712" s="12"/>
    </row>
    <row r="489713" spans="8:8">
      <c r="H489713" s="12"/>
    </row>
    <row r="489714" spans="8:8">
      <c r="H489714" s="12"/>
    </row>
    <row r="489715" spans="8:8">
      <c r="H489715" s="12"/>
    </row>
    <row r="489716" spans="8:8">
      <c r="H489716" s="12"/>
    </row>
    <row r="489717" spans="8:8">
      <c r="H489717" s="12"/>
    </row>
    <row r="489718" spans="8:8">
      <c r="H489718" s="12"/>
    </row>
    <row r="489719" spans="8:8">
      <c r="H489719" s="12"/>
    </row>
    <row r="489720" spans="8:8">
      <c r="H489720" s="12"/>
    </row>
    <row r="489721" spans="8:8">
      <c r="H489721" s="12"/>
    </row>
    <row r="489722" spans="8:8">
      <c r="H489722" s="12"/>
    </row>
    <row r="489723" spans="8:8">
      <c r="H489723" s="12"/>
    </row>
    <row r="489724" spans="8:8">
      <c r="H489724" s="12"/>
    </row>
    <row r="489725" spans="8:8">
      <c r="H489725" s="12"/>
    </row>
    <row r="489726" spans="8:8">
      <c r="H489726" s="12"/>
    </row>
    <row r="489727" spans="8:8">
      <c r="H489727" s="12"/>
    </row>
    <row r="489728" spans="8:8">
      <c r="H489728" s="12"/>
    </row>
    <row r="489729" spans="8:8">
      <c r="H489729" s="12"/>
    </row>
    <row r="489730" spans="8:8">
      <c r="H489730" s="12"/>
    </row>
    <row r="489731" spans="8:8">
      <c r="H489731" s="12"/>
    </row>
    <row r="489732" spans="8:8">
      <c r="H489732" s="12"/>
    </row>
    <row r="489733" spans="8:8">
      <c r="H489733" s="12"/>
    </row>
    <row r="489734" spans="8:8">
      <c r="H489734" s="12"/>
    </row>
    <row r="489735" spans="8:8">
      <c r="H489735" s="12"/>
    </row>
    <row r="489736" spans="8:8">
      <c r="H489736" s="12"/>
    </row>
    <row r="489737" spans="8:8">
      <c r="H489737" s="12"/>
    </row>
    <row r="489738" spans="8:8">
      <c r="H489738" s="12"/>
    </row>
    <row r="489739" spans="8:8">
      <c r="H489739" s="12"/>
    </row>
    <row r="489740" spans="8:8">
      <c r="H489740" s="12"/>
    </row>
    <row r="489741" spans="8:8">
      <c r="H489741" s="12"/>
    </row>
    <row r="489742" spans="8:8">
      <c r="H489742" s="12"/>
    </row>
    <row r="489743" spans="8:8">
      <c r="H489743" s="12"/>
    </row>
    <row r="489744" spans="8:8">
      <c r="H489744" s="12"/>
    </row>
    <row r="489745" spans="8:8">
      <c r="H489745" s="12"/>
    </row>
    <row r="489746" spans="8:8">
      <c r="H489746" s="12"/>
    </row>
    <row r="489747" spans="8:8">
      <c r="H489747" s="12"/>
    </row>
    <row r="489748" spans="8:8">
      <c r="H489748" s="12"/>
    </row>
    <row r="489749" spans="8:8">
      <c r="H489749" s="12"/>
    </row>
    <row r="489750" spans="8:8">
      <c r="H489750" s="12"/>
    </row>
    <row r="489751" spans="8:8">
      <c r="H489751" s="12"/>
    </row>
    <row r="489752" spans="8:8">
      <c r="H489752" s="12"/>
    </row>
    <row r="489753" spans="8:8">
      <c r="H489753" s="12"/>
    </row>
    <row r="489754" spans="8:8">
      <c r="H489754" s="12"/>
    </row>
    <row r="489755" spans="8:8">
      <c r="H489755" s="12"/>
    </row>
    <row r="489756" spans="8:8">
      <c r="H489756" s="12"/>
    </row>
    <row r="489757" spans="8:8">
      <c r="H489757" s="12"/>
    </row>
    <row r="489758" spans="8:8">
      <c r="H489758" s="12"/>
    </row>
    <row r="489759" spans="8:8">
      <c r="H489759" s="12"/>
    </row>
    <row r="489760" spans="8:8">
      <c r="H489760" s="12"/>
    </row>
    <row r="489761" spans="8:8">
      <c r="H489761" s="12"/>
    </row>
    <row r="489762" spans="8:8">
      <c r="H489762" s="12"/>
    </row>
    <row r="489763" spans="8:8">
      <c r="H489763" s="12"/>
    </row>
    <row r="489764" spans="8:8">
      <c r="H489764" s="12"/>
    </row>
    <row r="489765" spans="8:8">
      <c r="H489765" s="12"/>
    </row>
    <row r="489766" spans="8:8">
      <c r="H489766" s="12"/>
    </row>
    <row r="489767" spans="8:8">
      <c r="H489767" s="12"/>
    </row>
    <row r="489768" spans="8:8">
      <c r="H489768" s="12"/>
    </row>
    <row r="489769" spans="8:8">
      <c r="H489769" s="12"/>
    </row>
    <row r="489770" spans="8:8">
      <c r="H489770" s="12"/>
    </row>
    <row r="489771" spans="8:8">
      <c r="H489771" s="12"/>
    </row>
    <row r="489772" spans="8:8">
      <c r="H489772" s="12"/>
    </row>
    <row r="489773" spans="8:8">
      <c r="H489773" s="12"/>
    </row>
    <row r="489774" spans="8:8">
      <c r="H489774" s="12"/>
    </row>
    <row r="489775" spans="8:8">
      <c r="H489775" s="12"/>
    </row>
    <row r="489776" spans="8:8">
      <c r="H489776" s="12"/>
    </row>
    <row r="489777" spans="8:8">
      <c r="H489777" s="12"/>
    </row>
    <row r="489778" spans="8:8">
      <c r="H489778" s="12"/>
    </row>
    <row r="489779" spans="8:8">
      <c r="H489779" s="12"/>
    </row>
    <row r="489780" spans="8:8">
      <c r="H489780" s="12"/>
    </row>
    <row r="489781" spans="8:8">
      <c r="H489781" s="12"/>
    </row>
    <row r="489782" spans="8:8">
      <c r="H489782" s="12"/>
    </row>
    <row r="489783" spans="8:8">
      <c r="H489783" s="12"/>
    </row>
    <row r="489784" spans="8:8">
      <c r="H489784" s="12"/>
    </row>
    <row r="489785" spans="8:8">
      <c r="H489785" s="12"/>
    </row>
    <row r="489786" spans="8:8">
      <c r="H489786" s="12"/>
    </row>
    <row r="489787" spans="8:8">
      <c r="H489787" s="12"/>
    </row>
    <row r="489788" spans="8:8">
      <c r="H489788" s="12"/>
    </row>
    <row r="489789" spans="8:8">
      <c r="H489789" s="12"/>
    </row>
    <row r="489790" spans="8:8">
      <c r="H489790" s="12"/>
    </row>
    <row r="489791" spans="8:8">
      <c r="H489791" s="12"/>
    </row>
    <row r="489792" spans="8:8">
      <c r="H489792" s="12"/>
    </row>
    <row r="489793" spans="8:8">
      <c r="H489793" s="12"/>
    </row>
    <row r="489794" spans="8:8">
      <c r="H489794" s="12"/>
    </row>
    <row r="489795" spans="8:8">
      <c r="H489795" s="12"/>
    </row>
    <row r="489796" spans="8:8">
      <c r="H489796" s="12"/>
    </row>
    <row r="489797" spans="8:8">
      <c r="H489797" s="12"/>
    </row>
    <row r="489798" spans="8:8">
      <c r="H489798" s="12"/>
    </row>
    <row r="489799" spans="8:8">
      <c r="H489799" s="12"/>
    </row>
    <row r="489800" spans="8:8">
      <c r="H489800" s="12"/>
    </row>
    <row r="489801" spans="8:8">
      <c r="H489801" s="12"/>
    </row>
    <row r="489802" spans="8:8">
      <c r="H489802" s="12"/>
    </row>
    <row r="489803" spans="8:8">
      <c r="H489803" s="12"/>
    </row>
    <row r="489804" spans="8:8">
      <c r="H489804" s="12"/>
    </row>
    <row r="489805" spans="8:8">
      <c r="H489805" s="12"/>
    </row>
    <row r="489806" spans="8:8">
      <c r="H489806" s="12"/>
    </row>
    <row r="489807" spans="8:8">
      <c r="H489807" s="12"/>
    </row>
    <row r="489808" spans="8:8">
      <c r="H489808" s="12"/>
    </row>
    <row r="489809" spans="8:8">
      <c r="H489809" s="12"/>
    </row>
    <row r="489810" spans="8:8">
      <c r="H489810" s="12"/>
    </row>
    <row r="489811" spans="8:8">
      <c r="H489811" s="12"/>
    </row>
    <row r="489812" spans="8:8">
      <c r="H489812" s="12"/>
    </row>
    <row r="489813" spans="8:8">
      <c r="H489813" s="12"/>
    </row>
    <row r="489814" spans="8:8">
      <c r="H489814" s="12"/>
    </row>
    <row r="489815" spans="8:8">
      <c r="H489815" s="12"/>
    </row>
    <row r="489816" spans="8:8">
      <c r="H489816" s="12"/>
    </row>
    <row r="489817" spans="8:8">
      <c r="H489817" s="12"/>
    </row>
    <row r="489818" spans="8:8">
      <c r="H489818" s="12"/>
    </row>
    <row r="489819" spans="8:8">
      <c r="H489819" s="12"/>
    </row>
    <row r="489820" spans="8:8">
      <c r="H489820" s="12"/>
    </row>
    <row r="489821" spans="8:8">
      <c r="H489821" s="12"/>
    </row>
    <row r="489822" spans="8:8">
      <c r="H489822" s="12"/>
    </row>
    <row r="489823" spans="8:8">
      <c r="H489823" s="12"/>
    </row>
    <row r="489824" spans="8:8">
      <c r="H489824" s="12"/>
    </row>
    <row r="489825" spans="8:8">
      <c r="H489825" s="12"/>
    </row>
    <row r="489826" spans="8:8">
      <c r="H489826" s="12"/>
    </row>
    <row r="489827" spans="8:8">
      <c r="H489827" s="12"/>
    </row>
    <row r="489828" spans="8:8">
      <c r="H489828" s="12"/>
    </row>
    <row r="489829" spans="8:8">
      <c r="H489829" s="12"/>
    </row>
    <row r="489830" spans="8:8">
      <c r="H489830" s="12"/>
    </row>
    <row r="489831" spans="8:8">
      <c r="H489831" s="12"/>
    </row>
    <row r="489832" spans="8:8">
      <c r="H489832" s="12"/>
    </row>
    <row r="489833" spans="8:8">
      <c r="H489833" s="12"/>
    </row>
    <row r="489834" spans="8:8">
      <c r="H489834" s="12"/>
    </row>
    <row r="489835" spans="8:8">
      <c r="H489835" s="12"/>
    </row>
    <row r="489836" spans="8:8">
      <c r="H489836" s="12"/>
    </row>
    <row r="489837" spans="8:8">
      <c r="H489837" s="12"/>
    </row>
    <row r="489838" spans="8:8">
      <c r="H489838" s="12"/>
    </row>
    <row r="489839" spans="8:8">
      <c r="H489839" s="12"/>
    </row>
    <row r="489840" spans="8:8">
      <c r="H489840" s="12"/>
    </row>
    <row r="489841" spans="8:8">
      <c r="H489841" s="12"/>
    </row>
    <row r="489842" spans="8:8">
      <c r="H489842" s="12"/>
    </row>
    <row r="489843" spans="8:8">
      <c r="H489843" s="12"/>
    </row>
    <row r="489844" spans="8:8">
      <c r="H489844" s="12"/>
    </row>
    <row r="489845" spans="8:8">
      <c r="H489845" s="12"/>
    </row>
    <row r="489846" spans="8:8">
      <c r="H489846" s="12"/>
    </row>
    <row r="489847" spans="8:8">
      <c r="H489847" s="12"/>
    </row>
    <row r="489848" spans="8:8">
      <c r="H489848" s="12"/>
    </row>
    <row r="489849" spans="8:8">
      <c r="H489849" s="12"/>
    </row>
    <row r="489850" spans="8:8">
      <c r="H489850" s="12"/>
    </row>
    <row r="489851" spans="8:8">
      <c r="H489851" s="12"/>
    </row>
    <row r="489852" spans="8:8">
      <c r="H489852" s="12"/>
    </row>
    <row r="489853" spans="8:8">
      <c r="H489853" s="12"/>
    </row>
    <row r="489854" spans="8:8">
      <c r="H489854" s="12"/>
    </row>
    <row r="489855" spans="8:8">
      <c r="H489855" s="12"/>
    </row>
    <row r="489856" spans="8:8">
      <c r="H489856" s="12"/>
    </row>
    <row r="489857" spans="8:8">
      <c r="H489857" s="12"/>
    </row>
    <row r="489858" spans="8:8">
      <c r="H489858" s="12"/>
    </row>
    <row r="489859" spans="8:8">
      <c r="H489859" s="12"/>
    </row>
    <row r="489860" spans="8:8">
      <c r="H489860" s="12"/>
    </row>
    <row r="489861" spans="8:8">
      <c r="H489861" s="12"/>
    </row>
    <row r="489862" spans="8:8">
      <c r="H489862" s="12"/>
    </row>
    <row r="489863" spans="8:8">
      <c r="H489863" s="12"/>
    </row>
    <row r="489864" spans="8:8">
      <c r="H489864" s="12"/>
    </row>
    <row r="489865" spans="8:8">
      <c r="H489865" s="12"/>
    </row>
    <row r="489866" spans="8:8">
      <c r="H489866" s="12"/>
    </row>
    <row r="489867" spans="8:8">
      <c r="H489867" s="12"/>
    </row>
    <row r="489868" spans="8:8">
      <c r="H489868" s="12"/>
    </row>
    <row r="489869" spans="8:8">
      <c r="H489869" s="12"/>
    </row>
    <row r="489870" spans="8:8">
      <c r="H489870" s="12"/>
    </row>
    <row r="489871" spans="8:8">
      <c r="H489871" s="12"/>
    </row>
    <row r="489872" spans="8:8">
      <c r="H489872" s="12"/>
    </row>
    <row r="489873" spans="8:8">
      <c r="H489873" s="12"/>
    </row>
    <row r="489874" spans="8:8">
      <c r="H489874" s="12"/>
    </row>
    <row r="489875" spans="8:8">
      <c r="H489875" s="12"/>
    </row>
    <row r="489876" spans="8:8">
      <c r="H489876" s="12"/>
    </row>
    <row r="489877" spans="8:8">
      <c r="H489877" s="12"/>
    </row>
    <row r="489878" spans="8:8">
      <c r="H489878" s="12"/>
    </row>
    <row r="489879" spans="8:8">
      <c r="H489879" s="12"/>
    </row>
    <row r="489880" spans="8:8">
      <c r="H489880" s="12"/>
    </row>
    <row r="489881" spans="8:8">
      <c r="H489881" s="12"/>
    </row>
    <row r="489882" spans="8:8">
      <c r="H489882" s="12"/>
    </row>
    <row r="489883" spans="8:8">
      <c r="H489883" s="12"/>
    </row>
    <row r="489884" spans="8:8">
      <c r="H489884" s="12"/>
    </row>
    <row r="489885" spans="8:8">
      <c r="H489885" s="12"/>
    </row>
    <row r="489886" spans="8:8">
      <c r="H489886" s="12"/>
    </row>
    <row r="489887" spans="8:8">
      <c r="H489887" s="12"/>
    </row>
    <row r="489888" spans="8:8">
      <c r="H489888" s="12"/>
    </row>
    <row r="489889" spans="8:8">
      <c r="H489889" s="12"/>
    </row>
    <row r="489890" spans="8:8">
      <c r="H489890" s="12"/>
    </row>
    <row r="489891" spans="8:8">
      <c r="H489891" s="12"/>
    </row>
    <row r="489892" spans="8:8">
      <c r="H489892" s="12"/>
    </row>
    <row r="489893" spans="8:8">
      <c r="H489893" s="12"/>
    </row>
    <row r="489894" spans="8:8">
      <c r="H489894" s="12"/>
    </row>
    <row r="489895" spans="8:8">
      <c r="H489895" s="12"/>
    </row>
    <row r="489896" spans="8:8">
      <c r="H489896" s="12"/>
    </row>
    <row r="489897" spans="8:8">
      <c r="H489897" s="12"/>
    </row>
    <row r="489898" spans="8:8">
      <c r="H489898" s="12"/>
    </row>
    <row r="489899" spans="8:8">
      <c r="H489899" s="12"/>
    </row>
    <row r="489900" spans="8:8">
      <c r="H489900" s="12"/>
    </row>
    <row r="489901" spans="8:8">
      <c r="H489901" s="12"/>
    </row>
    <row r="489902" spans="8:8">
      <c r="H489902" s="12"/>
    </row>
    <row r="489903" spans="8:8">
      <c r="H489903" s="12"/>
    </row>
    <row r="489904" spans="8:8">
      <c r="H489904" s="12"/>
    </row>
    <row r="489905" spans="8:8">
      <c r="H489905" s="12"/>
    </row>
    <row r="489906" spans="8:8">
      <c r="H489906" s="12"/>
    </row>
    <row r="489907" spans="8:8">
      <c r="H489907" s="12"/>
    </row>
    <row r="489908" spans="8:8">
      <c r="H489908" s="12"/>
    </row>
    <row r="489909" spans="8:8">
      <c r="H489909" s="12"/>
    </row>
    <row r="489910" spans="8:8">
      <c r="H489910" s="12"/>
    </row>
    <row r="489911" spans="8:8">
      <c r="H489911" s="12"/>
    </row>
    <row r="489912" spans="8:8">
      <c r="H489912" s="12"/>
    </row>
    <row r="489913" spans="8:8">
      <c r="H489913" s="12"/>
    </row>
    <row r="489914" spans="8:8">
      <c r="H489914" s="12"/>
    </row>
    <row r="489915" spans="8:8">
      <c r="H489915" s="12"/>
    </row>
    <row r="489916" spans="8:8">
      <c r="H489916" s="12"/>
    </row>
    <row r="489917" spans="8:8">
      <c r="H489917" s="12"/>
    </row>
    <row r="489918" spans="8:8">
      <c r="H489918" s="12"/>
    </row>
    <row r="489919" spans="8:8">
      <c r="H489919" s="12"/>
    </row>
    <row r="489920" spans="8:8">
      <c r="H489920" s="12"/>
    </row>
    <row r="489921" spans="8:8">
      <c r="H489921" s="12"/>
    </row>
    <row r="489922" spans="8:8">
      <c r="H489922" s="12"/>
    </row>
    <row r="489923" spans="8:8">
      <c r="H489923" s="12"/>
    </row>
    <row r="489924" spans="8:8">
      <c r="H489924" s="12"/>
    </row>
    <row r="489925" spans="8:8">
      <c r="H489925" s="12"/>
    </row>
    <row r="489926" spans="8:8">
      <c r="H489926" s="12"/>
    </row>
    <row r="489927" spans="8:8">
      <c r="H489927" s="12"/>
    </row>
    <row r="489928" spans="8:8">
      <c r="H489928" s="12"/>
    </row>
    <row r="489929" spans="8:8">
      <c r="H489929" s="12"/>
    </row>
    <row r="489930" spans="8:8">
      <c r="H489930" s="12"/>
    </row>
    <row r="489931" spans="8:8">
      <c r="H489931" s="12"/>
    </row>
    <row r="489932" spans="8:8">
      <c r="H489932" s="12"/>
    </row>
    <row r="489933" spans="8:8">
      <c r="H489933" s="12"/>
    </row>
    <row r="489934" spans="8:8">
      <c r="H489934" s="12"/>
    </row>
    <row r="489935" spans="8:8">
      <c r="H489935" s="12"/>
    </row>
    <row r="489936" spans="8:8">
      <c r="H489936" s="12"/>
    </row>
    <row r="489937" spans="8:8">
      <c r="H489937" s="12"/>
    </row>
    <row r="489938" spans="8:8">
      <c r="H489938" s="12"/>
    </row>
    <row r="489939" spans="8:8">
      <c r="H489939" s="12"/>
    </row>
    <row r="489940" spans="8:8">
      <c r="H489940" s="12"/>
    </row>
    <row r="489941" spans="8:8">
      <c r="H489941" s="12"/>
    </row>
    <row r="489942" spans="8:8">
      <c r="H489942" s="12"/>
    </row>
    <row r="489943" spans="8:8">
      <c r="H489943" s="12"/>
    </row>
    <row r="489944" spans="8:8">
      <c r="H489944" s="12"/>
    </row>
    <row r="489945" spans="8:8">
      <c r="H489945" s="12"/>
    </row>
    <row r="489946" spans="8:8">
      <c r="H489946" s="12"/>
    </row>
    <row r="489947" spans="8:8">
      <c r="H489947" s="12"/>
    </row>
    <row r="489948" spans="8:8">
      <c r="H489948" s="12"/>
    </row>
    <row r="489949" spans="8:8">
      <c r="H489949" s="12"/>
    </row>
    <row r="489950" spans="8:8">
      <c r="H489950" s="12"/>
    </row>
    <row r="489951" spans="8:8">
      <c r="H489951" s="12"/>
    </row>
    <row r="489952" spans="8:8">
      <c r="H489952" s="12"/>
    </row>
    <row r="489953" spans="8:8">
      <c r="H489953" s="12"/>
    </row>
    <row r="489954" spans="8:8">
      <c r="H489954" s="12"/>
    </row>
    <row r="489955" spans="8:8">
      <c r="H489955" s="12"/>
    </row>
    <row r="489956" spans="8:8">
      <c r="H489956" s="12"/>
    </row>
    <row r="489957" spans="8:8">
      <c r="H489957" s="12"/>
    </row>
    <row r="489958" spans="8:8">
      <c r="H489958" s="12"/>
    </row>
    <row r="489959" spans="8:8">
      <c r="H489959" s="12"/>
    </row>
    <row r="489960" spans="8:8">
      <c r="H489960" s="12"/>
    </row>
    <row r="489961" spans="8:8">
      <c r="H489961" s="12"/>
    </row>
    <row r="489962" spans="8:8">
      <c r="H489962" s="12"/>
    </row>
    <row r="489963" spans="8:8">
      <c r="H489963" s="12"/>
    </row>
    <row r="489964" spans="8:8">
      <c r="H489964" s="12"/>
    </row>
    <row r="489965" spans="8:8">
      <c r="H489965" s="12"/>
    </row>
    <row r="489966" spans="8:8">
      <c r="H489966" s="12"/>
    </row>
    <row r="489967" spans="8:8">
      <c r="H489967" s="12"/>
    </row>
    <row r="489968" spans="8:8">
      <c r="H489968" s="12"/>
    </row>
    <row r="489969" spans="8:8">
      <c r="H489969" s="12"/>
    </row>
    <row r="489970" spans="8:8">
      <c r="H489970" s="12"/>
    </row>
    <row r="489971" spans="8:8">
      <c r="H489971" s="12"/>
    </row>
    <row r="489972" spans="8:8">
      <c r="H489972" s="12"/>
    </row>
    <row r="489973" spans="8:8">
      <c r="H489973" s="12"/>
    </row>
    <row r="489974" spans="8:8">
      <c r="H489974" s="12"/>
    </row>
    <row r="489975" spans="8:8">
      <c r="H489975" s="12"/>
    </row>
    <row r="489976" spans="8:8">
      <c r="H489976" s="12"/>
    </row>
    <row r="489977" spans="8:8">
      <c r="H489977" s="12"/>
    </row>
    <row r="489978" spans="8:8">
      <c r="H489978" s="12"/>
    </row>
    <row r="489979" spans="8:8">
      <c r="H489979" s="12"/>
    </row>
    <row r="489980" spans="8:8">
      <c r="H489980" s="12"/>
    </row>
    <row r="489981" spans="8:8">
      <c r="H489981" s="12"/>
    </row>
    <row r="489982" spans="8:8">
      <c r="H489982" s="12"/>
    </row>
    <row r="489983" spans="8:8">
      <c r="H489983" s="12"/>
    </row>
    <row r="489984" spans="8:8">
      <c r="H489984" s="12"/>
    </row>
    <row r="489985" spans="8:8">
      <c r="H489985" s="12"/>
    </row>
    <row r="489986" spans="8:8">
      <c r="H489986" s="12"/>
    </row>
    <row r="489987" spans="8:8">
      <c r="H489987" s="12"/>
    </row>
    <row r="489988" spans="8:8">
      <c r="H489988" s="12"/>
    </row>
    <row r="489989" spans="8:8">
      <c r="H489989" s="12"/>
    </row>
    <row r="489990" spans="8:8">
      <c r="H489990" s="12"/>
    </row>
    <row r="489991" spans="8:8">
      <c r="H489991" s="12"/>
    </row>
    <row r="489992" spans="8:8">
      <c r="H489992" s="12"/>
    </row>
    <row r="489993" spans="8:8">
      <c r="H489993" s="12"/>
    </row>
    <row r="489994" spans="8:8">
      <c r="H489994" s="12"/>
    </row>
    <row r="489995" spans="8:8">
      <c r="H489995" s="12"/>
    </row>
    <row r="489996" spans="8:8">
      <c r="H489996" s="12"/>
    </row>
    <row r="489997" spans="8:8">
      <c r="H489997" s="12"/>
    </row>
    <row r="489998" spans="8:8">
      <c r="H489998" s="12"/>
    </row>
    <row r="489999" spans="8:8">
      <c r="H489999" s="12"/>
    </row>
    <row r="490000" spans="8:8">
      <c r="H490000" s="12"/>
    </row>
    <row r="490001" spans="8:8">
      <c r="H490001" s="12"/>
    </row>
    <row r="490002" spans="8:8">
      <c r="H490002" s="12"/>
    </row>
    <row r="490003" spans="8:8">
      <c r="H490003" s="12"/>
    </row>
    <row r="490004" spans="8:8">
      <c r="H490004" s="12"/>
    </row>
    <row r="490005" spans="8:8">
      <c r="H490005" s="12"/>
    </row>
    <row r="490006" spans="8:8">
      <c r="H490006" s="12"/>
    </row>
    <row r="490007" spans="8:8">
      <c r="H490007" s="12"/>
    </row>
    <row r="490008" spans="8:8">
      <c r="H490008" s="12"/>
    </row>
    <row r="490009" spans="8:8">
      <c r="H490009" s="12"/>
    </row>
    <row r="490010" spans="8:8">
      <c r="H490010" s="12"/>
    </row>
    <row r="490011" spans="8:8">
      <c r="H490011" s="12"/>
    </row>
    <row r="490012" spans="8:8">
      <c r="H490012" s="12"/>
    </row>
    <row r="490013" spans="8:8">
      <c r="H490013" s="12"/>
    </row>
    <row r="490014" spans="8:8">
      <c r="H490014" s="12"/>
    </row>
    <row r="490015" spans="8:8">
      <c r="H490015" s="12"/>
    </row>
    <row r="490016" spans="8:8">
      <c r="H490016" s="12"/>
    </row>
    <row r="490017" spans="8:8">
      <c r="H490017" s="12"/>
    </row>
    <row r="490018" spans="8:8">
      <c r="H490018" s="12"/>
    </row>
    <row r="490019" spans="8:8">
      <c r="H490019" s="12"/>
    </row>
    <row r="490020" spans="8:8">
      <c r="H490020" s="12"/>
    </row>
    <row r="490021" spans="8:8">
      <c r="H490021" s="12"/>
    </row>
    <row r="490022" spans="8:8">
      <c r="H490022" s="12"/>
    </row>
    <row r="490023" spans="8:8">
      <c r="H490023" s="12"/>
    </row>
    <row r="490024" spans="8:8">
      <c r="H490024" s="12"/>
    </row>
    <row r="490025" spans="8:8">
      <c r="H490025" s="12"/>
    </row>
    <row r="490026" spans="8:8">
      <c r="H490026" s="12"/>
    </row>
    <row r="490027" spans="8:8">
      <c r="H490027" s="12"/>
    </row>
    <row r="490028" spans="8:8">
      <c r="H490028" s="12"/>
    </row>
    <row r="490029" spans="8:8">
      <c r="H490029" s="12"/>
    </row>
    <row r="490030" spans="8:8">
      <c r="H490030" s="12"/>
    </row>
    <row r="490031" spans="8:8">
      <c r="H490031" s="12"/>
    </row>
    <row r="490032" spans="8:8">
      <c r="H490032" s="12"/>
    </row>
    <row r="490033" spans="8:8">
      <c r="H490033" s="12"/>
    </row>
    <row r="490034" spans="8:8">
      <c r="H490034" s="12"/>
    </row>
    <row r="490035" spans="8:8">
      <c r="H490035" s="12"/>
    </row>
    <row r="490036" spans="8:8">
      <c r="H490036" s="12"/>
    </row>
    <row r="490037" spans="8:8">
      <c r="H490037" s="12"/>
    </row>
    <row r="490038" spans="8:8">
      <c r="H490038" s="12"/>
    </row>
    <row r="490039" spans="8:8">
      <c r="H490039" s="12"/>
    </row>
    <row r="490040" spans="8:8">
      <c r="H490040" s="12"/>
    </row>
    <row r="490041" spans="8:8">
      <c r="H490041" s="12"/>
    </row>
    <row r="490042" spans="8:8">
      <c r="H490042" s="12"/>
    </row>
    <row r="490043" spans="8:8">
      <c r="H490043" s="12"/>
    </row>
    <row r="490044" spans="8:8">
      <c r="H490044" s="12"/>
    </row>
    <row r="490045" spans="8:8">
      <c r="H490045" s="12"/>
    </row>
    <row r="490046" spans="8:8">
      <c r="H490046" s="12"/>
    </row>
    <row r="490047" spans="8:8">
      <c r="H490047" s="12"/>
    </row>
    <row r="490048" spans="8:8">
      <c r="H490048" s="12"/>
    </row>
    <row r="490049" spans="8:8">
      <c r="H490049" s="12"/>
    </row>
    <row r="490050" spans="8:8">
      <c r="H490050" s="12"/>
    </row>
    <row r="490051" spans="8:8">
      <c r="H490051" s="12"/>
    </row>
    <row r="490052" spans="8:8">
      <c r="H490052" s="12"/>
    </row>
    <row r="490053" spans="8:8">
      <c r="H490053" s="12"/>
    </row>
    <row r="490054" spans="8:8">
      <c r="H490054" s="12"/>
    </row>
    <row r="490055" spans="8:8">
      <c r="H490055" s="12"/>
    </row>
    <row r="490056" spans="8:8">
      <c r="H490056" s="12"/>
    </row>
    <row r="490057" spans="8:8">
      <c r="H490057" s="12"/>
    </row>
    <row r="490058" spans="8:8">
      <c r="H490058" s="12"/>
    </row>
    <row r="490059" spans="8:8">
      <c r="H490059" s="12"/>
    </row>
    <row r="490060" spans="8:8">
      <c r="H490060" s="12"/>
    </row>
    <row r="490061" spans="8:8">
      <c r="H490061" s="12"/>
    </row>
    <row r="490062" spans="8:8">
      <c r="H490062" s="12"/>
    </row>
    <row r="490063" spans="8:8">
      <c r="H490063" s="12"/>
    </row>
    <row r="490064" spans="8:8">
      <c r="H490064" s="12"/>
    </row>
    <row r="490065" spans="8:8">
      <c r="H490065" s="12"/>
    </row>
    <row r="490066" spans="8:8">
      <c r="H490066" s="12"/>
    </row>
    <row r="490067" spans="8:8">
      <c r="H490067" s="12"/>
    </row>
    <row r="490068" spans="8:8">
      <c r="H490068" s="12"/>
    </row>
    <row r="490069" spans="8:8">
      <c r="H490069" s="12"/>
    </row>
    <row r="490070" spans="8:8">
      <c r="H490070" s="12"/>
    </row>
    <row r="490071" spans="8:8">
      <c r="H490071" s="12"/>
    </row>
    <row r="490072" spans="8:8">
      <c r="H490072" s="12"/>
    </row>
    <row r="490073" spans="8:8">
      <c r="H490073" s="12"/>
    </row>
    <row r="490074" spans="8:8">
      <c r="H490074" s="12"/>
    </row>
    <row r="490075" spans="8:8">
      <c r="H490075" s="12"/>
    </row>
    <row r="490076" spans="8:8">
      <c r="H490076" s="12"/>
    </row>
    <row r="490077" spans="8:8">
      <c r="H490077" s="12"/>
    </row>
    <row r="490078" spans="8:8">
      <c r="H490078" s="12"/>
    </row>
    <row r="490079" spans="8:8">
      <c r="H490079" s="12"/>
    </row>
    <row r="490080" spans="8:8">
      <c r="H490080" s="12"/>
    </row>
    <row r="490081" spans="8:8">
      <c r="H490081" s="12"/>
    </row>
    <row r="490082" spans="8:8">
      <c r="H490082" s="12"/>
    </row>
    <row r="490083" spans="8:8">
      <c r="H490083" s="12"/>
    </row>
    <row r="490084" spans="8:8">
      <c r="H490084" s="12"/>
    </row>
    <row r="490085" spans="8:8">
      <c r="H490085" s="12"/>
    </row>
    <row r="490086" spans="8:8">
      <c r="H490086" s="12"/>
    </row>
    <row r="490087" spans="8:8">
      <c r="H490087" s="12"/>
    </row>
    <row r="490088" spans="8:8">
      <c r="H490088" s="12"/>
    </row>
    <row r="490089" spans="8:8">
      <c r="H490089" s="12"/>
    </row>
    <row r="490090" spans="8:8">
      <c r="H490090" s="12"/>
    </row>
    <row r="490091" spans="8:8">
      <c r="H490091" s="12"/>
    </row>
    <row r="490092" spans="8:8">
      <c r="H490092" s="12"/>
    </row>
    <row r="490093" spans="8:8">
      <c r="H490093" s="12"/>
    </row>
    <row r="490094" spans="8:8">
      <c r="H490094" s="12"/>
    </row>
    <row r="490095" spans="8:8">
      <c r="H490095" s="12"/>
    </row>
    <row r="490096" spans="8:8">
      <c r="H490096" s="12"/>
    </row>
    <row r="490097" spans="8:8">
      <c r="H490097" s="12"/>
    </row>
    <row r="490098" spans="8:8">
      <c r="H490098" s="12"/>
    </row>
    <row r="490099" spans="8:8">
      <c r="H490099" s="12"/>
    </row>
    <row r="490100" spans="8:8">
      <c r="H490100" s="12"/>
    </row>
    <row r="490101" spans="8:8">
      <c r="H490101" s="12"/>
    </row>
    <row r="490102" spans="8:8">
      <c r="H490102" s="12"/>
    </row>
    <row r="490103" spans="8:8">
      <c r="H490103" s="12"/>
    </row>
    <row r="490104" spans="8:8">
      <c r="H490104" s="12"/>
    </row>
    <row r="490105" spans="8:8">
      <c r="H490105" s="12"/>
    </row>
    <row r="490106" spans="8:8">
      <c r="H490106" s="12"/>
    </row>
    <row r="490107" spans="8:8">
      <c r="H490107" s="12"/>
    </row>
    <row r="490108" spans="8:8">
      <c r="H490108" s="12"/>
    </row>
    <row r="490109" spans="8:8">
      <c r="H490109" s="12"/>
    </row>
    <row r="490110" spans="8:8">
      <c r="H490110" s="12"/>
    </row>
    <row r="490111" spans="8:8">
      <c r="H490111" s="12"/>
    </row>
    <row r="490112" spans="8:8">
      <c r="H490112" s="12"/>
    </row>
    <row r="490113" spans="8:8">
      <c r="H490113" s="12"/>
    </row>
    <row r="490114" spans="8:8">
      <c r="H490114" s="12"/>
    </row>
    <row r="490115" spans="8:8">
      <c r="H490115" s="12"/>
    </row>
    <row r="490116" spans="8:8">
      <c r="H490116" s="12"/>
    </row>
    <row r="490117" spans="8:8">
      <c r="H490117" s="12"/>
    </row>
    <row r="490118" spans="8:8">
      <c r="H490118" s="12"/>
    </row>
    <row r="490119" spans="8:8">
      <c r="H490119" s="12"/>
    </row>
    <row r="490120" spans="8:8">
      <c r="H490120" s="12"/>
    </row>
    <row r="490121" spans="8:8">
      <c r="H490121" s="12"/>
    </row>
    <row r="490122" spans="8:8">
      <c r="H490122" s="12"/>
    </row>
    <row r="490123" spans="8:8">
      <c r="H490123" s="12"/>
    </row>
    <row r="490124" spans="8:8">
      <c r="H490124" s="12"/>
    </row>
    <row r="490125" spans="8:8">
      <c r="H490125" s="12"/>
    </row>
    <row r="490126" spans="8:8">
      <c r="H490126" s="12"/>
    </row>
    <row r="490127" spans="8:8">
      <c r="H490127" s="12"/>
    </row>
    <row r="490128" spans="8:8">
      <c r="H490128" s="12"/>
    </row>
    <row r="490129" spans="8:8">
      <c r="H490129" s="12"/>
    </row>
    <row r="490130" spans="8:8">
      <c r="H490130" s="12"/>
    </row>
    <row r="490131" spans="8:8">
      <c r="H490131" s="12"/>
    </row>
    <row r="490132" spans="8:8">
      <c r="H490132" s="12"/>
    </row>
    <row r="490133" spans="8:8">
      <c r="H490133" s="12"/>
    </row>
    <row r="490134" spans="8:8">
      <c r="H490134" s="12"/>
    </row>
    <row r="490135" spans="8:8">
      <c r="H490135" s="12"/>
    </row>
    <row r="490136" spans="8:8">
      <c r="H490136" s="12"/>
    </row>
    <row r="490137" spans="8:8">
      <c r="H490137" s="12"/>
    </row>
    <row r="490138" spans="8:8">
      <c r="H490138" s="12"/>
    </row>
    <row r="490139" spans="8:8">
      <c r="H490139" s="12"/>
    </row>
    <row r="490140" spans="8:8">
      <c r="H490140" s="12"/>
    </row>
    <row r="490141" spans="8:8">
      <c r="H490141" s="12"/>
    </row>
    <row r="490142" spans="8:8">
      <c r="H490142" s="12"/>
    </row>
    <row r="490143" spans="8:8">
      <c r="H490143" s="12"/>
    </row>
    <row r="490144" spans="8:8">
      <c r="H490144" s="12"/>
    </row>
    <row r="490145" spans="8:8">
      <c r="H490145" s="12"/>
    </row>
    <row r="490146" spans="8:8">
      <c r="H490146" s="12"/>
    </row>
    <row r="490147" spans="8:8">
      <c r="H490147" s="12"/>
    </row>
    <row r="490148" spans="8:8">
      <c r="H490148" s="12"/>
    </row>
    <row r="490149" spans="8:8">
      <c r="H490149" s="12"/>
    </row>
    <row r="490150" spans="8:8">
      <c r="H490150" s="12"/>
    </row>
    <row r="490151" spans="8:8">
      <c r="H490151" s="12"/>
    </row>
    <row r="490152" spans="8:8">
      <c r="H490152" s="12"/>
    </row>
    <row r="490153" spans="8:8">
      <c r="H490153" s="12"/>
    </row>
    <row r="490154" spans="8:8">
      <c r="H490154" s="12"/>
    </row>
    <row r="490155" spans="8:8">
      <c r="H490155" s="12"/>
    </row>
    <row r="490156" spans="8:8">
      <c r="H490156" s="12"/>
    </row>
    <row r="490157" spans="8:8">
      <c r="H490157" s="12"/>
    </row>
    <row r="490158" spans="8:8">
      <c r="H490158" s="12"/>
    </row>
    <row r="490159" spans="8:8">
      <c r="H490159" s="12"/>
    </row>
    <row r="490160" spans="8:8">
      <c r="H490160" s="12"/>
    </row>
    <row r="490161" spans="8:8">
      <c r="H490161" s="12"/>
    </row>
    <row r="490162" spans="8:8">
      <c r="H490162" s="12"/>
    </row>
    <row r="490163" spans="8:8">
      <c r="H490163" s="12"/>
    </row>
    <row r="490164" spans="8:8">
      <c r="H490164" s="12"/>
    </row>
    <row r="490165" spans="8:8">
      <c r="H490165" s="12"/>
    </row>
    <row r="490166" spans="8:8">
      <c r="H490166" s="12"/>
    </row>
    <row r="490167" spans="8:8">
      <c r="H490167" s="12"/>
    </row>
    <row r="490168" spans="8:8">
      <c r="H490168" s="12"/>
    </row>
    <row r="490169" spans="8:8">
      <c r="H490169" s="12"/>
    </row>
    <row r="490170" spans="8:8">
      <c r="H490170" s="12"/>
    </row>
    <row r="490171" spans="8:8">
      <c r="H490171" s="12"/>
    </row>
    <row r="490172" spans="8:8">
      <c r="H490172" s="12"/>
    </row>
    <row r="490173" spans="8:8">
      <c r="H490173" s="12"/>
    </row>
    <row r="490174" spans="8:8">
      <c r="H490174" s="12"/>
    </row>
    <row r="490175" spans="8:8">
      <c r="H490175" s="12"/>
    </row>
    <row r="490176" spans="8:8">
      <c r="H490176" s="12"/>
    </row>
    <row r="490177" spans="8:8">
      <c r="H490177" s="12"/>
    </row>
    <row r="490178" spans="8:8">
      <c r="H490178" s="12"/>
    </row>
    <row r="490179" spans="8:8">
      <c r="H490179" s="12"/>
    </row>
    <row r="490180" spans="8:8">
      <c r="H490180" s="12"/>
    </row>
    <row r="490181" spans="8:8">
      <c r="H490181" s="12"/>
    </row>
    <row r="490182" spans="8:8">
      <c r="H490182" s="12"/>
    </row>
    <row r="490183" spans="8:8">
      <c r="H490183" s="12"/>
    </row>
    <row r="490184" spans="8:8">
      <c r="H490184" s="12"/>
    </row>
    <row r="490185" spans="8:8">
      <c r="H490185" s="12"/>
    </row>
    <row r="490186" spans="8:8">
      <c r="H490186" s="12"/>
    </row>
    <row r="490187" spans="8:8">
      <c r="H490187" s="12"/>
    </row>
    <row r="490188" spans="8:8">
      <c r="H490188" s="12"/>
    </row>
    <row r="490189" spans="8:8">
      <c r="H490189" s="12"/>
    </row>
    <row r="490190" spans="8:8">
      <c r="H490190" s="12"/>
    </row>
    <row r="490191" spans="8:8">
      <c r="H490191" s="12"/>
    </row>
    <row r="490192" spans="8:8">
      <c r="H490192" s="12"/>
    </row>
    <row r="490193" spans="8:8">
      <c r="H490193" s="12"/>
    </row>
    <row r="490194" spans="8:8">
      <c r="H490194" s="12"/>
    </row>
    <row r="490195" spans="8:8">
      <c r="H490195" s="12"/>
    </row>
    <row r="490196" spans="8:8">
      <c r="H490196" s="12"/>
    </row>
    <row r="490197" spans="8:8">
      <c r="H490197" s="12"/>
    </row>
    <row r="490198" spans="8:8">
      <c r="H490198" s="12"/>
    </row>
    <row r="490199" spans="8:8">
      <c r="H490199" s="12"/>
    </row>
    <row r="490200" spans="8:8">
      <c r="H490200" s="12"/>
    </row>
    <row r="490201" spans="8:8">
      <c r="H490201" s="12"/>
    </row>
    <row r="490202" spans="8:8">
      <c r="H490202" s="12"/>
    </row>
    <row r="490203" spans="8:8">
      <c r="H490203" s="12"/>
    </row>
    <row r="490204" spans="8:8">
      <c r="H490204" s="12"/>
    </row>
    <row r="490205" spans="8:8">
      <c r="H490205" s="12"/>
    </row>
    <row r="490206" spans="8:8">
      <c r="H490206" s="12"/>
    </row>
    <row r="490207" spans="8:8">
      <c r="H490207" s="12"/>
    </row>
    <row r="490208" spans="8:8">
      <c r="H490208" s="12"/>
    </row>
    <row r="490209" spans="8:8">
      <c r="H490209" s="12"/>
    </row>
    <row r="490210" spans="8:8">
      <c r="H490210" s="12"/>
    </row>
    <row r="490211" spans="8:8">
      <c r="H490211" s="12"/>
    </row>
    <row r="490212" spans="8:8">
      <c r="H490212" s="12"/>
    </row>
    <row r="490213" spans="8:8">
      <c r="H490213" s="12"/>
    </row>
    <row r="490214" spans="8:8">
      <c r="H490214" s="12"/>
    </row>
    <row r="490215" spans="8:8">
      <c r="H490215" s="12"/>
    </row>
    <row r="490216" spans="8:8">
      <c r="H490216" s="12"/>
    </row>
    <row r="490217" spans="8:8">
      <c r="H490217" s="12"/>
    </row>
    <row r="490218" spans="8:8">
      <c r="H490218" s="12"/>
    </row>
    <row r="490219" spans="8:8">
      <c r="H490219" s="12"/>
    </row>
    <row r="490220" spans="8:8">
      <c r="H490220" s="12"/>
    </row>
    <row r="490221" spans="8:8">
      <c r="H490221" s="12"/>
    </row>
    <row r="490222" spans="8:8">
      <c r="H490222" s="12"/>
    </row>
    <row r="490223" spans="8:8">
      <c r="H490223" s="12"/>
    </row>
    <row r="490224" spans="8:8">
      <c r="H490224" s="12"/>
    </row>
    <row r="490225" spans="8:8">
      <c r="H490225" s="12"/>
    </row>
    <row r="490226" spans="8:8">
      <c r="H490226" s="12"/>
    </row>
    <row r="490227" spans="8:8">
      <c r="H490227" s="12"/>
    </row>
    <row r="490228" spans="8:8">
      <c r="H490228" s="12"/>
    </row>
    <row r="490229" spans="8:8">
      <c r="H490229" s="12"/>
    </row>
    <row r="490230" spans="8:8">
      <c r="H490230" s="12"/>
    </row>
    <row r="490231" spans="8:8">
      <c r="H490231" s="12"/>
    </row>
    <row r="490232" spans="8:8">
      <c r="H490232" s="12"/>
    </row>
    <row r="490233" spans="8:8">
      <c r="H490233" s="12"/>
    </row>
    <row r="490234" spans="8:8">
      <c r="H490234" s="12"/>
    </row>
    <row r="490235" spans="8:8">
      <c r="H490235" s="12"/>
    </row>
    <row r="490236" spans="8:8">
      <c r="H490236" s="12"/>
    </row>
    <row r="490237" spans="8:8">
      <c r="H490237" s="12"/>
    </row>
    <row r="490238" spans="8:8">
      <c r="H490238" s="12"/>
    </row>
    <row r="490239" spans="8:8">
      <c r="H490239" s="12"/>
    </row>
    <row r="490240" spans="8:8">
      <c r="H490240" s="12"/>
    </row>
    <row r="490241" spans="8:8">
      <c r="H490241" s="12"/>
    </row>
    <row r="490242" spans="8:8">
      <c r="H490242" s="12"/>
    </row>
    <row r="490243" spans="8:8">
      <c r="H490243" s="12"/>
    </row>
    <row r="490244" spans="8:8">
      <c r="H490244" s="12"/>
    </row>
    <row r="490245" spans="8:8">
      <c r="H490245" s="12"/>
    </row>
    <row r="490246" spans="8:8">
      <c r="H490246" s="12"/>
    </row>
    <row r="490247" spans="8:8">
      <c r="H490247" s="12"/>
    </row>
    <row r="490248" spans="8:8">
      <c r="H490248" s="12"/>
    </row>
    <row r="490249" spans="8:8">
      <c r="H490249" s="12"/>
    </row>
    <row r="490250" spans="8:8">
      <c r="H490250" s="12"/>
    </row>
    <row r="490251" spans="8:8">
      <c r="H490251" s="12"/>
    </row>
    <row r="490252" spans="8:8">
      <c r="H490252" s="12"/>
    </row>
    <row r="490253" spans="8:8">
      <c r="H490253" s="12"/>
    </row>
    <row r="490254" spans="8:8">
      <c r="H490254" s="12"/>
    </row>
    <row r="490255" spans="8:8">
      <c r="H490255" s="12"/>
    </row>
    <row r="490256" spans="8:8">
      <c r="H490256" s="12"/>
    </row>
    <row r="490257" spans="8:8">
      <c r="H490257" s="12"/>
    </row>
    <row r="490258" spans="8:8">
      <c r="H490258" s="12"/>
    </row>
    <row r="490259" spans="8:8">
      <c r="H490259" s="12"/>
    </row>
    <row r="490260" spans="8:8">
      <c r="H490260" s="12"/>
    </row>
    <row r="490261" spans="8:8">
      <c r="H490261" s="12"/>
    </row>
    <row r="490262" spans="8:8">
      <c r="H490262" s="12"/>
    </row>
    <row r="490263" spans="8:8">
      <c r="H490263" s="12"/>
    </row>
    <row r="490264" spans="8:8">
      <c r="H490264" s="12"/>
    </row>
    <row r="490265" spans="8:8">
      <c r="H490265" s="12"/>
    </row>
    <row r="490266" spans="8:8">
      <c r="H490266" s="12"/>
    </row>
    <row r="490267" spans="8:8">
      <c r="H490267" s="12"/>
    </row>
    <row r="490268" spans="8:8">
      <c r="H490268" s="12"/>
    </row>
    <row r="490269" spans="8:8">
      <c r="H490269" s="12"/>
    </row>
    <row r="490270" spans="8:8">
      <c r="H490270" s="12"/>
    </row>
    <row r="490271" spans="8:8">
      <c r="H490271" s="12"/>
    </row>
    <row r="490272" spans="8:8">
      <c r="H490272" s="12"/>
    </row>
    <row r="490273" spans="8:8">
      <c r="H490273" s="12"/>
    </row>
    <row r="490274" spans="8:8">
      <c r="H490274" s="12"/>
    </row>
    <row r="490275" spans="8:8">
      <c r="H490275" s="12"/>
    </row>
    <row r="490276" spans="8:8">
      <c r="H490276" s="12"/>
    </row>
    <row r="490277" spans="8:8">
      <c r="H490277" s="12"/>
    </row>
    <row r="490278" spans="8:8">
      <c r="H490278" s="12"/>
    </row>
    <row r="490279" spans="8:8">
      <c r="H490279" s="12"/>
    </row>
    <row r="490280" spans="8:8">
      <c r="H490280" s="12"/>
    </row>
    <row r="490281" spans="8:8">
      <c r="H490281" s="12"/>
    </row>
    <row r="490282" spans="8:8">
      <c r="H490282" s="12"/>
    </row>
    <row r="490283" spans="8:8">
      <c r="H490283" s="12"/>
    </row>
    <row r="490284" spans="8:8">
      <c r="H490284" s="12"/>
    </row>
    <row r="490285" spans="8:8">
      <c r="H490285" s="12"/>
    </row>
    <row r="490286" spans="8:8">
      <c r="H490286" s="12"/>
    </row>
    <row r="490287" spans="8:8">
      <c r="H490287" s="12"/>
    </row>
    <row r="490288" spans="8:8">
      <c r="H490288" s="12"/>
    </row>
    <row r="490289" spans="8:8">
      <c r="H490289" s="12"/>
    </row>
    <row r="490290" spans="8:8">
      <c r="H490290" s="12"/>
    </row>
    <row r="490291" spans="8:8">
      <c r="H490291" s="12"/>
    </row>
    <row r="490292" spans="8:8">
      <c r="H490292" s="12"/>
    </row>
    <row r="490293" spans="8:8">
      <c r="H490293" s="12"/>
    </row>
    <row r="490294" spans="8:8">
      <c r="H490294" s="12"/>
    </row>
    <row r="490295" spans="8:8">
      <c r="H490295" s="12"/>
    </row>
    <row r="490296" spans="8:8">
      <c r="H490296" s="12"/>
    </row>
    <row r="490297" spans="8:8">
      <c r="H490297" s="12"/>
    </row>
    <row r="490298" spans="8:8">
      <c r="H490298" s="12"/>
    </row>
    <row r="490299" spans="8:8">
      <c r="H490299" s="12"/>
    </row>
    <row r="490300" spans="8:8">
      <c r="H490300" s="12"/>
    </row>
    <row r="490301" spans="8:8">
      <c r="H490301" s="12"/>
    </row>
    <row r="490302" spans="8:8">
      <c r="H490302" s="12"/>
    </row>
    <row r="490303" spans="8:8">
      <c r="H490303" s="12"/>
    </row>
    <row r="490304" spans="8:8">
      <c r="H490304" s="12"/>
    </row>
    <row r="490305" spans="8:8">
      <c r="H490305" s="12"/>
    </row>
    <row r="490306" spans="8:8">
      <c r="H490306" s="12"/>
    </row>
    <row r="490307" spans="8:8">
      <c r="H490307" s="12"/>
    </row>
    <row r="490308" spans="8:8">
      <c r="H490308" s="12"/>
    </row>
    <row r="490309" spans="8:8">
      <c r="H490309" s="12"/>
    </row>
    <row r="490310" spans="8:8">
      <c r="H490310" s="12"/>
    </row>
    <row r="490311" spans="8:8">
      <c r="H490311" s="12"/>
    </row>
    <row r="490312" spans="8:8">
      <c r="H490312" s="12"/>
    </row>
    <row r="490313" spans="8:8">
      <c r="H490313" s="12"/>
    </row>
    <row r="490314" spans="8:8">
      <c r="H490314" s="12"/>
    </row>
    <row r="490315" spans="8:8">
      <c r="H490315" s="12"/>
    </row>
    <row r="490316" spans="8:8">
      <c r="H490316" s="12"/>
    </row>
    <row r="490317" spans="8:8">
      <c r="H490317" s="12"/>
    </row>
    <row r="490318" spans="8:8">
      <c r="H490318" s="12"/>
    </row>
    <row r="490319" spans="8:8">
      <c r="H490319" s="12"/>
    </row>
    <row r="490320" spans="8:8">
      <c r="H490320" s="12"/>
    </row>
    <row r="490321" spans="8:8">
      <c r="H490321" s="12"/>
    </row>
    <row r="490322" spans="8:8">
      <c r="H490322" s="12"/>
    </row>
    <row r="490323" spans="8:8">
      <c r="H490323" s="12"/>
    </row>
    <row r="490324" spans="8:8">
      <c r="H490324" s="12"/>
    </row>
    <row r="490325" spans="8:8">
      <c r="H490325" s="12"/>
    </row>
    <row r="490326" spans="8:8">
      <c r="H490326" s="12"/>
    </row>
    <row r="490327" spans="8:8">
      <c r="H490327" s="12"/>
    </row>
    <row r="490328" spans="8:8">
      <c r="H490328" s="12"/>
    </row>
    <row r="490329" spans="8:8">
      <c r="H490329" s="12"/>
    </row>
    <row r="490330" spans="8:8">
      <c r="H490330" s="12"/>
    </row>
    <row r="490331" spans="8:8">
      <c r="H490331" s="12"/>
    </row>
    <row r="490332" spans="8:8">
      <c r="H490332" s="12"/>
    </row>
    <row r="490333" spans="8:8">
      <c r="H490333" s="12"/>
    </row>
    <row r="490334" spans="8:8">
      <c r="H490334" s="12"/>
    </row>
    <row r="490335" spans="8:8">
      <c r="H490335" s="12"/>
    </row>
    <row r="490336" spans="8:8">
      <c r="H490336" s="12"/>
    </row>
    <row r="490337" spans="8:8">
      <c r="H490337" s="12"/>
    </row>
    <row r="490338" spans="8:8">
      <c r="H490338" s="12"/>
    </row>
    <row r="490339" spans="8:8">
      <c r="H490339" s="12"/>
    </row>
    <row r="490340" spans="8:8">
      <c r="H490340" s="12"/>
    </row>
    <row r="490341" spans="8:8">
      <c r="H490341" s="12"/>
    </row>
    <row r="490342" spans="8:8">
      <c r="H490342" s="12"/>
    </row>
    <row r="490343" spans="8:8">
      <c r="H490343" s="12"/>
    </row>
    <row r="490344" spans="8:8">
      <c r="H490344" s="12"/>
    </row>
    <row r="490345" spans="8:8">
      <c r="H490345" s="12"/>
    </row>
    <row r="490346" spans="8:8">
      <c r="H490346" s="12"/>
    </row>
    <row r="490347" spans="8:8">
      <c r="H490347" s="12"/>
    </row>
    <row r="490348" spans="8:8">
      <c r="H490348" s="12"/>
    </row>
    <row r="490349" spans="8:8">
      <c r="H490349" s="12"/>
    </row>
    <row r="490350" spans="8:8">
      <c r="H490350" s="12"/>
    </row>
    <row r="490351" spans="8:8">
      <c r="H490351" s="12"/>
    </row>
    <row r="490352" spans="8:8">
      <c r="H490352" s="12"/>
    </row>
    <row r="490353" spans="8:8">
      <c r="H490353" s="12"/>
    </row>
    <row r="490354" spans="8:8">
      <c r="H490354" s="12"/>
    </row>
    <row r="490355" spans="8:8">
      <c r="H490355" s="12"/>
    </row>
    <row r="490356" spans="8:8">
      <c r="H490356" s="12"/>
    </row>
    <row r="490357" spans="8:8">
      <c r="H490357" s="12"/>
    </row>
    <row r="490358" spans="8:8">
      <c r="H490358" s="12"/>
    </row>
    <row r="490359" spans="8:8">
      <c r="H490359" s="12"/>
    </row>
    <row r="490360" spans="8:8">
      <c r="H490360" s="12"/>
    </row>
    <row r="490361" spans="8:8">
      <c r="H490361" s="12"/>
    </row>
    <row r="490362" spans="8:8">
      <c r="H490362" s="12"/>
    </row>
    <row r="490363" spans="8:8">
      <c r="H490363" s="12"/>
    </row>
    <row r="490364" spans="8:8">
      <c r="H490364" s="12"/>
    </row>
    <row r="490365" spans="8:8">
      <c r="H490365" s="12"/>
    </row>
    <row r="490366" spans="8:8">
      <c r="H490366" s="12"/>
    </row>
    <row r="490367" spans="8:8">
      <c r="H490367" s="12"/>
    </row>
    <row r="490368" spans="8:8">
      <c r="H490368" s="12"/>
    </row>
    <row r="490369" spans="8:8">
      <c r="H490369" s="12"/>
    </row>
    <row r="490370" spans="8:8">
      <c r="H490370" s="12"/>
    </row>
    <row r="490371" spans="8:8">
      <c r="H490371" s="12"/>
    </row>
    <row r="490372" spans="8:8">
      <c r="H490372" s="12"/>
    </row>
    <row r="490373" spans="8:8">
      <c r="H490373" s="12"/>
    </row>
    <row r="490374" spans="8:8">
      <c r="H490374" s="12"/>
    </row>
    <row r="490375" spans="8:8">
      <c r="H490375" s="12"/>
    </row>
    <row r="490376" spans="8:8">
      <c r="H490376" s="12"/>
    </row>
    <row r="490377" spans="8:8">
      <c r="H490377" s="12"/>
    </row>
    <row r="490378" spans="8:8">
      <c r="H490378" s="12"/>
    </row>
    <row r="490379" spans="8:8">
      <c r="H490379" s="12"/>
    </row>
    <row r="490380" spans="8:8">
      <c r="H490380" s="12"/>
    </row>
    <row r="490381" spans="8:8">
      <c r="H490381" s="12"/>
    </row>
    <row r="490382" spans="8:8">
      <c r="H490382" s="12"/>
    </row>
    <row r="490383" spans="8:8">
      <c r="H490383" s="12"/>
    </row>
    <row r="490384" spans="8:8">
      <c r="H490384" s="12"/>
    </row>
    <row r="490385" spans="8:8">
      <c r="H490385" s="12"/>
    </row>
    <row r="490386" spans="8:8">
      <c r="H490386" s="12"/>
    </row>
    <row r="490387" spans="8:8">
      <c r="H490387" s="12"/>
    </row>
    <row r="490388" spans="8:8">
      <c r="H490388" s="12"/>
    </row>
    <row r="490389" spans="8:8">
      <c r="H490389" s="12"/>
    </row>
    <row r="490390" spans="8:8">
      <c r="H490390" s="12"/>
    </row>
    <row r="490391" spans="8:8">
      <c r="H490391" s="12"/>
    </row>
    <row r="490392" spans="8:8">
      <c r="H490392" s="12"/>
    </row>
    <row r="490393" spans="8:8">
      <c r="H490393" s="12"/>
    </row>
    <row r="490394" spans="8:8">
      <c r="H490394" s="12"/>
    </row>
    <row r="490395" spans="8:8">
      <c r="H490395" s="12"/>
    </row>
    <row r="490396" spans="8:8">
      <c r="H490396" s="12"/>
    </row>
    <row r="490397" spans="8:8">
      <c r="H490397" s="12"/>
    </row>
    <row r="490398" spans="8:8">
      <c r="H490398" s="12"/>
    </row>
    <row r="490399" spans="8:8">
      <c r="H490399" s="12"/>
    </row>
    <row r="490400" spans="8:8">
      <c r="H490400" s="12"/>
    </row>
    <row r="490401" spans="8:8">
      <c r="H490401" s="12"/>
    </row>
    <row r="490402" spans="8:8">
      <c r="H490402" s="12"/>
    </row>
    <row r="490403" spans="8:8">
      <c r="H490403" s="12"/>
    </row>
    <row r="490404" spans="8:8">
      <c r="H490404" s="12"/>
    </row>
    <row r="490405" spans="8:8">
      <c r="H490405" s="12"/>
    </row>
    <row r="490406" spans="8:8">
      <c r="H490406" s="12"/>
    </row>
    <row r="490407" spans="8:8">
      <c r="H490407" s="12"/>
    </row>
    <row r="490408" spans="8:8">
      <c r="H490408" s="12"/>
    </row>
    <row r="490409" spans="8:8">
      <c r="H490409" s="12"/>
    </row>
    <row r="490410" spans="8:8">
      <c r="H490410" s="12"/>
    </row>
    <row r="490411" spans="8:8">
      <c r="H490411" s="12"/>
    </row>
    <row r="490412" spans="8:8">
      <c r="H490412" s="12"/>
    </row>
    <row r="490413" spans="8:8">
      <c r="H490413" s="12"/>
    </row>
    <row r="490414" spans="8:8">
      <c r="H490414" s="12"/>
    </row>
    <row r="490415" spans="8:8">
      <c r="H490415" s="12"/>
    </row>
    <row r="490416" spans="8:8">
      <c r="H490416" s="12"/>
    </row>
    <row r="490417" spans="8:8">
      <c r="H490417" s="12"/>
    </row>
    <row r="490418" spans="8:8">
      <c r="H490418" s="12"/>
    </row>
    <row r="490419" spans="8:8">
      <c r="H490419" s="12"/>
    </row>
    <row r="490420" spans="8:8">
      <c r="H490420" s="12"/>
    </row>
    <row r="490421" spans="8:8">
      <c r="H490421" s="12"/>
    </row>
    <row r="490422" spans="8:8">
      <c r="H490422" s="12"/>
    </row>
    <row r="490423" spans="8:8">
      <c r="H490423" s="12"/>
    </row>
    <row r="490424" spans="8:8">
      <c r="H490424" s="12"/>
    </row>
    <row r="490425" spans="8:8">
      <c r="H490425" s="12"/>
    </row>
    <row r="490426" spans="8:8">
      <c r="H490426" s="12"/>
    </row>
    <row r="490427" spans="8:8">
      <c r="H490427" s="12"/>
    </row>
    <row r="490428" spans="8:8">
      <c r="H490428" s="12"/>
    </row>
    <row r="490429" spans="8:8">
      <c r="H490429" s="12"/>
    </row>
    <row r="490430" spans="8:8">
      <c r="H490430" s="12"/>
    </row>
    <row r="490431" spans="8:8">
      <c r="H490431" s="12"/>
    </row>
    <row r="490432" spans="8:8">
      <c r="H490432" s="12"/>
    </row>
    <row r="490433" spans="8:8">
      <c r="H490433" s="12"/>
    </row>
    <row r="490434" spans="8:8">
      <c r="H490434" s="12"/>
    </row>
    <row r="490435" spans="8:8">
      <c r="H490435" s="12"/>
    </row>
    <row r="490436" spans="8:8">
      <c r="H490436" s="12"/>
    </row>
    <row r="490437" spans="8:8">
      <c r="H490437" s="12"/>
    </row>
    <row r="490438" spans="8:8">
      <c r="H490438" s="12"/>
    </row>
    <row r="490439" spans="8:8">
      <c r="H490439" s="12"/>
    </row>
    <row r="490440" spans="8:8">
      <c r="H490440" s="12"/>
    </row>
    <row r="490441" spans="8:8">
      <c r="H490441" s="12"/>
    </row>
    <row r="490442" spans="8:8">
      <c r="H490442" s="12"/>
    </row>
    <row r="490443" spans="8:8">
      <c r="H490443" s="12"/>
    </row>
    <row r="490444" spans="8:8">
      <c r="H490444" s="12"/>
    </row>
    <row r="490445" spans="8:8">
      <c r="H490445" s="12"/>
    </row>
    <row r="490446" spans="8:8">
      <c r="H490446" s="12"/>
    </row>
    <row r="490447" spans="8:8">
      <c r="H490447" s="12"/>
    </row>
    <row r="490448" spans="8:8">
      <c r="H490448" s="12"/>
    </row>
    <row r="490449" spans="8:8">
      <c r="H490449" s="12"/>
    </row>
    <row r="490450" spans="8:8">
      <c r="H490450" s="12"/>
    </row>
    <row r="490451" spans="8:8">
      <c r="H490451" s="12"/>
    </row>
    <row r="490452" spans="8:8">
      <c r="H490452" s="12"/>
    </row>
    <row r="490453" spans="8:8">
      <c r="H490453" s="12"/>
    </row>
    <row r="490454" spans="8:8">
      <c r="H490454" s="12"/>
    </row>
    <row r="490455" spans="8:8">
      <c r="H490455" s="12"/>
    </row>
    <row r="490456" spans="8:8">
      <c r="H490456" s="12"/>
    </row>
    <row r="490457" spans="8:8">
      <c r="H490457" s="12"/>
    </row>
    <row r="490458" spans="8:8">
      <c r="H490458" s="12"/>
    </row>
    <row r="490459" spans="8:8">
      <c r="H490459" s="12"/>
    </row>
    <row r="490460" spans="8:8">
      <c r="H490460" s="12"/>
    </row>
    <row r="490461" spans="8:8">
      <c r="H490461" s="12"/>
    </row>
    <row r="490462" spans="8:8">
      <c r="H490462" s="12"/>
    </row>
    <row r="490463" spans="8:8">
      <c r="H490463" s="12"/>
    </row>
    <row r="490464" spans="8:8">
      <c r="H490464" s="12"/>
    </row>
    <row r="490465" spans="8:8">
      <c r="H490465" s="12"/>
    </row>
    <row r="490466" spans="8:8">
      <c r="H490466" s="12"/>
    </row>
    <row r="490467" spans="8:8">
      <c r="H490467" s="12"/>
    </row>
    <row r="490468" spans="8:8">
      <c r="H490468" s="12"/>
    </row>
    <row r="490469" spans="8:8">
      <c r="H490469" s="12"/>
    </row>
    <row r="490470" spans="8:8">
      <c r="H490470" s="12"/>
    </row>
    <row r="490471" spans="8:8">
      <c r="H490471" s="12"/>
    </row>
    <row r="490472" spans="8:8">
      <c r="H490472" s="12"/>
    </row>
    <row r="490473" spans="8:8">
      <c r="H490473" s="12"/>
    </row>
    <row r="490474" spans="8:8">
      <c r="H490474" s="12"/>
    </row>
    <row r="490475" spans="8:8">
      <c r="H490475" s="12"/>
    </row>
    <row r="490476" spans="8:8">
      <c r="H490476" s="12"/>
    </row>
    <row r="490477" spans="8:8">
      <c r="H490477" s="12"/>
    </row>
    <row r="490478" spans="8:8">
      <c r="H490478" s="12"/>
    </row>
    <row r="490479" spans="8:8">
      <c r="H490479" s="12"/>
    </row>
    <row r="490480" spans="8:8">
      <c r="H490480" s="12"/>
    </row>
    <row r="490481" spans="8:8">
      <c r="H490481" s="12"/>
    </row>
    <row r="490482" spans="8:8">
      <c r="H490482" s="12"/>
    </row>
    <row r="490483" spans="8:8">
      <c r="H490483" s="12"/>
    </row>
    <row r="490484" spans="8:8">
      <c r="H490484" s="12"/>
    </row>
    <row r="490485" spans="8:8">
      <c r="H490485" s="12"/>
    </row>
    <row r="490486" spans="8:8">
      <c r="H490486" s="12"/>
    </row>
    <row r="490487" spans="8:8">
      <c r="H490487" s="12"/>
    </row>
    <row r="490488" spans="8:8">
      <c r="H490488" s="12"/>
    </row>
    <row r="490489" spans="8:8">
      <c r="H490489" s="12"/>
    </row>
    <row r="490490" spans="8:8">
      <c r="H490490" s="12"/>
    </row>
    <row r="490491" spans="8:8">
      <c r="H490491" s="12"/>
    </row>
    <row r="490492" spans="8:8">
      <c r="H490492" s="12"/>
    </row>
    <row r="490493" spans="8:8">
      <c r="H490493" s="12"/>
    </row>
    <row r="490494" spans="8:8">
      <c r="H490494" s="12"/>
    </row>
    <row r="490495" spans="8:8">
      <c r="H490495" s="12"/>
    </row>
    <row r="490496" spans="8:8">
      <c r="H490496" s="12"/>
    </row>
    <row r="490497" spans="8:8">
      <c r="H490497" s="12"/>
    </row>
    <row r="490498" spans="8:8">
      <c r="H490498" s="12"/>
    </row>
    <row r="490499" spans="8:8">
      <c r="H490499" s="12"/>
    </row>
    <row r="490500" spans="8:8">
      <c r="H490500" s="12"/>
    </row>
    <row r="490501" spans="8:8">
      <c r="H490501" s="12"/>
    </row>
    <row r="490502" spans="8:8">
      <c r="H490502" s="12"/>
    </row>
    <row r="490503" spans="8:8">
      <c r="H490503" s="12"/>
    </row>
    <row r="490504" spans="8:8">
      <c r="H490504" s="12"/>
    </row>
    <row r="490505" spans="8:8">
      <c r="H490505" s="12"/>
    </row>
    <row r="490506" spans="8:8">
      <c r="H490506" s="12"/>
    </row>
    <row r="490507" spans="8:8">
      <c r="H490507" s="12"/>
    </row>
    <row r="490508" spans="8:8">
      <c r="H490508" s="12"/>
    </row>
    <row r="490509" spans="8:8">
      <c r="H490509" s="12"/>
    </row>
    <row r="490510" spans="8:8">
      <c r="H490510" s="12"/>
    </row>
    <row r="490511" spans="8:8">
      <c r="H490511" s="12"/>
    </row>
    <row r="490512" spans="8:8">
      <c r="H490512" s="12"/>
    </row>
    <row r="490513" spans="8:8">
      <c r="H490513" s="12"/>
    </row>
    <row r="490514" spans="8:8">
      <c r="H490514" s="12"/>
    </row>
    <row r="490515" spans="8:8">
      <c r="H490515" s="12"/>
    </row>
    <row r="490516" spans="8:8">
      <c r="H490516" s="12"/>
    </row>
    <row r="490517" spans="8:8">
      <c r="H490517" s="12"/>
    </row>
    <row r="490518" spans="8:8">
      <c r="H490518" s="12"/>
    </row>
    <row r="490519" spans="8:8">
      <c r="H490519" s="12"/>
    </row>
    <row r="490520" spans="8:8">
      <c r="H490520" s="12"/>
    </row>
    <row r="490521" spans="8:8">
      <c r="H490521" s="12"/>
    </row>
    <row r="490522" spans="8:8">
      <c r="H490522" s="12"/>
    </row>
    <row r="490523" spans="8:8">
      <c r="H490523" s="12"/>
    </row>
    <row r="490524" spans="8:8">
      <c r="H490524" s="12"/>
    </row>
    <row r="490525" spans="8:8">
      <c r="H490525" s="12"/>
    </row>
    <row r="490526" spans="8:8">
      <c r="H490526" s="12"/>
    </row>
    <row r="490527" spans="8:8">
      <c r="H490527" s="12"/>
    </row>
    <row r="490528" spans="8:8">
      <c r="H490528" s="12"/>
    </row>
    <row r="490529" spans="8:8">
      <c r="H490529" s="12"/>
    </row>
    <row r="490530" spans="8:8">
      <c r="H490530" s="12"/>
    </row>
    <row r="490531" spans="8:8">
      <c r="H490531" s="12"/>
    </row>
    <row r="490532" spans="8:8">
      <c r="H490532" s="12"/>
    </row>
    <row r="490533" spans="8:8">
      <c r="H490533" s="12"/>
    </row>
    <row r="490534" spans="8:8">
      <c r="H490534" s="12"/>
    </row>
    <row r="490535" spans="8:8">
      <c r="H490535" s="12"/>
    </row>
    <row r="490536" spans="8:8">
      <c r="H490536" s="12"/>
    </row>
    <row r="490537" spans="8:8">
      <c r="H490537" s="12"/>
    </row>
    <row r="490538" spans="8:8">
      <c r="H490538" s="12"/>
    </row>
    <row r="490539" spans="8:8">
      <c r="H490539" s="12"/>
    </row>
    <row r="490540" spans="8:8">
      <c r="H490540" s="12"/>
    </row>
    <row r="490541" spans="8:8">
      <c r="H490541" s="12"/>
    </row>
    <row r="490542" spans="8:8">
      <c r="H490542" s="12"/>
    </row>
    <row r="490543" spans="8:8">
      <c r="H490543" s="12"/>
    </row>
    <row r="490544" spans="8:8">
      <c r="H490544" s="12"/>
    </row>
    <row r="490545" spans="8:8">
      <c r="H490545" s="12"/>
    </row>
    <row r="490546" spans="8:8">
      <c r="H490546" s="12"/>
    </row>
    <row r="490547" spans="8:8">
      <c r="H490547" s="12"/>
    </row>
    <row r="490548" spans="8:8">
      <c r="H490548" s="12"/>
    </row>
    <row r="490549" spans="8:8">
      <c r="H490549" s="12"/>
    </row>
    <row r="490550" spans="8:8">
      <c r="H490550" s="12"/>
    </row>
    <row r="490551" spans="8:8">
      <c r="H490551" s="12"/>
    </row>
    <row r="490552" spans="8:8">
      <c r="H490552" s="12"/>
    </row>
    <row r="490553" spans="8:8">
      <c r="H490553" s="12"/>
    </row>
    <row r="490554" spans="8:8">
      <c r="H490554" s="12"/>
    </row>
    <row r="490555" spans="8:8">
      <c r="H490555" s="12"/>
    </row>
    <row r="490556" spans="8:8">
      <c r="H490556" s="12"/>
    </row>
    <row r="490557" spans="8:8">
      <c r="H490557" s="12"/>
    </row>
    <row r="490558" spans="8:8">
      <c r="H490558" s="12"/>
    </row>
    <row r="490559" spans="8:8">
      <c r="H490559" s="12"/>
    </row>
    <row r="490560" spans="8:8">
      <c r="H490560" s="12"/>
    </row>
    <row r="490561" spans="8:8">
      <c r="H490561" s="12"/>
    </row>
    <row r="490562" spans="8:8">
      <c r="H490562" s="12"/>
    </row>
    <row r="490563" spans="8:8">
      <c r="H490563" s="12"/>
    </row>
    <row r="490564" spans="8:8">
      <c r="H490564" s="12"/>
    </row>
    <row r="490565" spans="8:8">
      <c r="H490565" s="12"/>
    </row>
    <row r="490566" spans="8:8">
      <c r="H490566" s="12"/>
    </row>
    <row r="490567" spans="8:8">
      <c r="H490567" s="12"/>
    </row>
    <row r="490568" spans="8:8">
      <c r="H490568" s="12"/>
    </row>
    <row r="490569" spans="8:8">
      <c r="H490569" s="12"/>
    </row>
    <row r="490570" spans="8:8">
      <c r="H490570" s="12"/>
    </row>
    <row r="490571" spans="8:8">
      <c r="H490571" s="12"/>
    </row>
    <row r="490572" spans="8:8">
      <c r="H490572" s="12"/>
    </row>
    <row r="490573" spans="8:8">
      <c r="H490573" s="12"/>
    </row>
    <row r="490574" spans="8:8">
      <c r="H490574" s="12"/>
    </row>
    <row r="490575" spans="8:8">
      <c r="H490575" s="12"/>
    </row>
    <row r="490576" spans="8:8">
      <c r="H490576" s="12"/>
    </row>
    <row r="490577" spans="8:8">
      <c r="H490577" s="12"/>
    </row>
    <row r="490578" spans="8:8">
      <c r="H490578" s="12"/>
    </row>
    <row r="490579" spans="8:8">
      <c r="H490579" s="12"/>
    </row>
    <row r="490580" spans="8:8">
      <c r="H490580" s="12"/>
    </row>
    <row r="490581" spans="8:8">
      <c r="H490581" s="12"/>
    </row>
    <row r="490582" spans="8:8">
      <c r="H490582" s="12"/>
    </row>
    <row r="490583" spans="8:8">
      <c r="H490583" s="12"/>
    </row>
    <row r="490584" spans="8:8">
      <c r="H490584" s="12"/>
    </row>
    <row r="490585" spans="8:8">
      <c r="H490585" s="12"/>
    </row>
    <row r="490586" spans="8:8">
      <c r="H490586" s="12"/>
    </row>
    <row r="490587" spans="8:8">
      <c r="H490587" s="12"/>
    </row>
    <row r="490588" spans="8:8">
      <c r="H490588" s="12"/>
    </row>
    <row r="490589" spans="8:8">
      <c r="H490589" s="12"/>
    </row>
    <row r="490590" spans="8:8">
      <c r="H490590" s="12"/>
    </row>
    <row r="490591" spans="8:8">
      <c r="H490591" s="12"/>
    </row>
    <row r="490592" spans="8:8">
      <c r="H490592" s="12"/>
    </row>
    <row r="490593" spans="8:8">
      <c r="H490593" s="12"/>
    </row>
    <row r="490594" spans="8:8">
      <c r="H490594" s="12"/>
    </row>
    <row r="490595" spans="8:8">
      <c r="H490595" s="12"/>
    </row>
    <row r="490596" spans="8:8">
      <c r="H490596" s="12"/>
    </row>
    <row r="490597" spans="8:8">
      <c r="H490597" s="12"/>
    </row>
    <row r="490598" spans="8:8">
      <c r="H490598" s="12"/>
    </row>
    <row r="490599" spans="8:8">
      <c r="H490599" s="12"/>
    </row>
    <row r="490600" spans="8:8">
      <c r="H490600" s="12"/>
    </row>
    <row r="490601" spans="8:8">
      <c r="H490601" s="12"/>
    </row>
    <row r="490602" spans="8:8">
      <c r="H490602" s="12"/>
    </row>
    <row r="490603" spans="8:8">
      <c r="H490603" s="12"/>
    </row>
    <row r="490604" spans="8:8">
      <c r="H490604" s="12"/>
    </row>
    <row r="490605" spans="8:8">
      <c r="H490605" s="12"/>
    </row>
    <row r="490606" spans="8:8">
      <c r="H490606" s="12"/>
    </row>
    <row r="490607" spans="8:8">
      <c r="H490607" s="12"/>
    </row>
    <row r="490608" spans="8:8">
      <c r="H490608" s="12"/>
    </row>
    <row r="490609" spans="8:8">
      <c r="H490609" s="12"/>
    </row>
    <row r="490610" spans="8:8">
      <c r="H490610" s="12"/>
    </row>
    <row r="490611" spans="8:8">
      <c r="H490611" s="12"/>
    </row>
    <row r="490612" spans="8:8">
      <c r="H490612" s="12"/>
    </row>
    <row r="490613" spans="8:8">
      <c r="H490613" s="12"/>
    </row>
    <row r="490614" spans="8:8">
      <c r="H490614" s="12"/>
    </row>
    <row r="490615" spans="8:8">
      <c r="H490615" s="12"/>
    </row>
    <row r="490616" spans="8:8">
      <c r="H490616" s="12"/>
    </row>
    <row r="490617" spans="8:8">
      <c r="H490617" s="12"/>
    </row>
    <row r="490618" spans="8:8">
      <c r="H490618" s="12"/>
    </row>
    <row r="490619" spans="8:8">
      <c r="H490619" s="12"/>
    </row>
    <row r="490620" spans="8:8">
      <c r="H490620" s="12"/>
    </row>
    <row r="490621" spans="8:8">
      <c r="H490621" s="12"/>
    </row>
    <row r="490622" spans="8:8">
      <c r="H490622" s="12"/>
    </row>
    <row r="490623" spans="8:8">
      <c r="H490623" s="12"/>
    </row>
    <row r="490624" spans="8:8">
      <c r="H490624" s="12"/>
    </row>
    <row r="490625" spans="8:8">
      <c r="H490625" s="12"/>
    </row>
    <row r="490626" spans="8:8">
      <c r="H490626" s="12"/>
    </row>
    <row r="490627" spans="8:8">
      <c r="H490627" s="12"/>
    </row>
    <row r="490628" spans="8:8">
      <c r="H490628" s="12"/>
    </row>
    <row r="490629" spans="8:8">
      <c r="H490629" s="12"/>
    </row>
    <row r="490630" spans="8:8">
      <c r="H490630" s="12"/>
    </row>
    <row r="490631" spans="8:8">
      <c r="H490631" s="12"/>
    </row>
    <row r="490632" spans="8:8">
      <c r="H490632" s="12"/>
    </row>
    <row r="490633" spans="8:8">
      <c r="H490633" s="12"/>
    </row>
    <row r="490634" spans="8:8">
      <c r="H490634" s="12"/>
    </row>
    <row r="490635" spans="8:8">
      <c r="H490635" s="12"/>
    </row>
    <row r="490636" spans="8:8">
      <c r="H490636" s="12"/>
    </row>
    <row r="490637" spans="8:8">
      <c r="H490637" s="12"/>
    </row>
    <row r="490638" spans="8:8">
      <c r="H490638" s="12"/>
    </row>
    <row r="490639" spans="8:8">
      <c r="H490639" s="12"/>
    </row>
    <row r="490640" spans="8:8">
      <c r="H490640" s="12"/>
    </row>
    <row r="490641" spans="8:8">
      <c r="H490641" s="12"/>
    </row>
    <row r="490642" spans="8:8">
      <c r="H490642" s="12"/>
    </row>
    <row r="490643" spans="8:8">
      <c r="H490643" s="12"/>
    </row>
    <row r="490644" spans="8:8">
      <c r="H490644" s="12"/>
    </row>
    <row r="490645" spans="8:8">
      <c r="H490645" s="12"/>
    </row>
    <row r="490646" spans="8:8">
      <c r="H490646" s="12"/>
    </row>
    <row r="490647" spans="8:8">
      <c r="H490647" s="12"/>
    </row>
    <row r="490648" spans="8:8">
      <c r="H490648" s="12"/>
    </row>
    <row r="490649" spans="8:8">
      <c r="H490649" s="12"/>
    </row>
    <row r="490650" spans="8:8">
      <c r="H490650" s="12"/>
    </row>
    <row r="490651" spans="8:8">
      <c r="H490651" s="12"/>
    </row>
    <row r="490652" spans="8:8">
      <c r="H490652" s="12"/>
    </row>
    <row r="490653" spans="8:8">
      <c r="H490653" s="12"/>
    </row>
    <row r="490654" spans="8:8">
      <c r="H490654" s="12"/>
    </row>
    <row r="490655" spans="8:8">
      <c r="H490655" s="12"/>
    </row>
    <row r="490656" spans="8:8">
      <c r="H490656" s="12"/>
    </row>
    <row r="490657" spans="8:8">
      <c r="H490657" s="12"/>
    </row>
    <row r="490658" spans="8:8">
      <c r="H490658" s="12"/>
    </row>
    <row r="490659" spans="8:8">
      <c r="H490659" s="12"/>
    </row>
    <row r="490660" spans="8:8">
      <c r="H490660" s="12"/>
    </row>
    <row r="490661" spans="8:8">
      <c r="H490661" s="12"/>
    </row>
    <row r="490662" spans="8:8">
      <c r="H490662" s="12"/>
    </row>
    <row r="490663" spans="8:8">
      <c r="H490663" s="12"/>
    </row>
    <row r="490664" spans="8:8">
      <c r="H490664" s="12"/>
    </row>
    <row r="490665" spans="8:8">
      <c r="H490665" s="12"/>
    </row>
    <row r="490666" spans="8:8">
      <c r="H490666" s="12"/>
    </row>
    <row r="490667" spans="8:8">
      <c r="H490667" s="12"/>
    </row>
    <row r="490668" spans="8:8">
      <c r="H490668" s="12"/>
    </row>
    <row r="490669" spans="8:8">
      <c r="H490669" s="12"/>
    </row>
    <row r="490670" spans="8:8">
      <c r="H490670" s="12"/>
    </row>
    <row r="490671" spans="8:8">
      <c r="H490671" s="12"/>
    </row>
    <row r="490672" spans="8:8">
      <c r="H490672" s="12"/>
    </row>
    <row r="490673" spans="8:8">
      <c r="H490673" s="12"/>
    </row>
    <row r="490674" spans="8:8">
      <c r="H490674" s="12"/>
    </row>
    <row r="490675" spans="8:8">
      <c r="H490675" s="12"/>
    </row>
    <row r="490676" spans="8:8">
      <c r="H490676" s="12"/>
    </row>
    <row r="490677" spans="8:8">
      <c r="H490677" s="12"/>
    </row>
    <row r="490678" spans="8:8">
      <c r="H490678" s="12"/>
    </row>
    <row r="490679" spans="8:8">
      <c r="H490679" s="12"/>
    </row>
    <row r="490680" spans="8:8">
      <c r="H490680" s="12"/>
    </row>
    <row r="490681" spans="8:8">
      <c r="H490681" s="12"/>
    </row>
    <row r="490682" spans="8:8">
      <c r="H490682" s="12"/>
    </row>
    <row r="490683" spans="8:8">
      <c r="H490683" s="12"/>
    </row>
    <row r="490684" spans="8:8">
      <c r="H490684" s="12"/>
    </row>
    <row r="490685" spans="8:8">
      <c r="H490685" s="12"/>
    </row>
    <row r="490686" spans="8:8">
      <c r="H490686" s="12"/>
    </row>
    <row r="490687" spans="8:8">
      <c r="H490687" s="12"/>
    </row>
    <row r="490688" spans="8:8">
      <c r="H490688" s="12"/>
    </row>
    <row r="490689" spans="8:8">
      <c r="H490689" s="12"/>
    </row>
    <row r="490690" spans="8:8">
      <c r="H490690" s="12"/>
    </row>
    <row r="490691" spans="8:8">
      <c r="H490691" s="12"/>
    </row>
    <row r="490692" spans="8:8">
      <c r="H490692" s="12"/>
    </row>
    <row r="490693" spans="8:8">
      <c r="H490693" s="12"/>
    </row>
    <row r="490694" spans="8:8">
      <c r="H490694" s="12"/>
    </row>
    <row r="490695" spans="8:8">
      <c r="H490695" s="12"/>
    </row>
    <row r="490696" spans="8:8">
      <c r="H490696" s="12"/>
    </row>
    <row r="490697" spans="8:8">
      <c r="H490697" s="12"/>
    </row>
    <row r="490698" spans="8:8">
      <c r="H490698" s="12"/>
    </row>
    <row r="490699" spans="8:8">
      <c r="H490699" s="12"/>
    </row>
    <row r="490700" spans="8:8">
      <c r="H490700" s="12"/>
    </row>
    <row r="490701" spans="8:8">
      <c r="H490701" s="12"/>
    </row>
    <row r="490702" spans="8:8">
      <c r="H490702" s="12"/>
    </row>
    <row r="490703" spans="8:8">
      <c r="H490703" s="12"/>
    </row>
    <row r="490704" spans="8:8">
      <c r="H490704" s="12"/>
    </row>
    <row r="490705" spans="8:8">
      <c r="H490705" s="12"/>
    </row>
    <row r="490706" spans="8:8">
      <c r="H490706" s="12"/>
    </row>
    <row r="490707" spans="8:8">
      <c r="H490707" s="12"/>
    </row>
    <row r="490708" spans="8:8">
      <c r="H490708" s="12"/>
    </row>
    <row r="490709" spans="8:8">
      <c r="H490709" s="12"/>
    </row>
    <row r="490710" spans="8:8">
      <c r="H490710" s="12"/>
    </row>
    <row r="490711" spans="8:8">
      <c r="H490711" s="12"/>
    </row>
    <row r="490712" spans="8:8">
      <c r="H490712" s="12"/>
    </row>
    <row r="490713" spans="8:8">
      <c r="H490713" s="12"/>
    </row>
    <row r="490714" spans="8:8">
      <c r="H490714" s="12"/>
    </row>
    <row r="490715" spans="8:8">
      <c r="H490715" s="12"/>
    </row>
    <row r="490716" spans="8:8">
      <c r="H490716" s="12"/>
    </row>
    <row r="490717" spans="8:8">
      <c r="H490717" s="12"/>
    </row>
    <row r="490718" spans="8:8">
      <c r="H490718" s="12"/>
    </row>
    <row r="490719" spans="8:8">
      <c r="H490719" s="12"/>
    </row>
    <row r="490720" spans="8:8">
      <c r="H490720" s="12"/>
    </row>
    <row r="490721" spans="8:8">
      <c r="H490721" s="12"/>
    </row>
    <row r="490722" spans="8:8">
      <c r="H490722" s="12"/>
    </row>
    <row r="490723" spans="8:8">
      <c r="H490723" s="12"/>
    </row>
    <row r="490724" spans="8:8">
      <c r="H490724" s="12"/>
    </row>
    <row r="490725" spans="8:8">
      <c r="H490725" s="12"/>
    </row>
    <row r="490726" spans="8:8">
      <c r="H490726" s="12"/>
    </row>
    <row r="490727" spans="8:8">
      <c r="H490727" s="12"/>
    </row>
    <row r="490728" spans="8:8">
      <c r="H490728" s="12"/>
    </row>
    <row r="490729" spans="8:8">
      <c r="H490729" s="12"/>
    </row>
    <row r="490730" spans="8:8">
      <c r="H490730" s="12"/>
    </row>
    <row r="490731" spans="8:8">
      <c r="H490731" s="12"/>
    </row>
    <row r="490732" spans="8:8">
      <c r="H490732" s="12"/>
    </row>
    <row r="490733" spans="8:8">
      <c r="H490733" s="12"/>
    </row>
    <row r="490734" spans="8:8">
      <c r="H490734" s="12"/>
    </row>
    <row r="490735" spans="8:8">
      <c r="H490735" s="12"/>
    </row>
    <row r="490736" spans="8:8">
      <c r="H490736" s="12"/>
    </row>
    <row r="490737" spans="8:8">
      <c r="H490737" s="12"/>
    </row>
    <row r="490738" spans="8:8">
      <c r="H490738" s="12"/>
    </row>
    <row r="490739" spans="8:8">
      <c r="H490739" s="12"/>
    </row>
    <row r="490740" spans="8:8">
      <c r="H490740" s="12"/>
    </row>
    <row r="490741" spans="8:8">
      <c r="H490741" s="12"/>
    </row>
    <row r="490742" spans="8:8">
      <c r="H490742" s="12"/>
    </row>
    <row r="490743" spans="8:8">
      <c r="H490743" s="12"/>
    </row>
    <row r="490744" spans="8:8">
      <c r="H490744" s="12"/>
    </row>
    <row r="490745" spans="8:8">
      <c r="H490745" s="12"/>
    </row>
    <row r="490746" spans="8:8">
      <c r="H490746" s="12"/>
    </row>
    <row r="490747" spans="8:8">
      <c r="H490747" s="12"/>
    </row>
    <row r="490748" spans="8:8">
      <c r="H490748" s="12"/>
    </row>
    <row r="490749" spans="8:8">
      <c r="H490749" s="12"/>
    </row>
    <row r="490750" spans="8:8">
      <c r="H490750" s="12"/>
    </row>
    <row r="490751" spans="8:8">
      <c r="H490751" s="12"/>
    </row>
    <row r="490752" spans="8:8">
      <c r="H490752" s="12"/>
    </row>
    <row r="490753" spans="8:8">
      <c r="H490753" s="12"/>
    </row>
    <row r="490754" spans="8:8">
      <c r="H490754" s="12"/>
    </row>
    <row r="490755" spans="8:8">
      <c r="H490755" s="12"/>
    </row>
    <row r="490756" spans="8:8">
      <c r="H490756" s="12"/>
    </row>
    <row r="490757" spans="8:8">
      <c r="H490757" s="12"/>
    </row>
    <row r="490758" spans="8:8">
      <c r="H490758" s="12"/>
    </row>
    <row r="490759" spans="8:8">
      <c r="H490759" s="12"/>
    </row>
    <row r="490760" spans="8:8">
      <c r="H490760" s="12"/>
    </row>
    <row r="490761" spans="8:8">
      <c r="H490761" s="12"/>
    </row>
    <row r="490762" spans="8:8">
      <c r="H490762" s="12"/>
    </row>
    <row r="490763" spans="8:8">
      <c r="H490763" s="12"/>
    </row>
    <row r="490764" spans="8:8">
      <c r="H490764" s="12"/>
    </row>
    <row r="490765" spans="8:8">
      <c r="H490765" s="12"/>
    </row>
    <row r="490766" spans="8:8">
      <c r="H490766" s="12"/>
    </row>
    <row r="490767" spans="8:8">
      <c r="H490767" s="12"/>
    </row>
    <row r="490768" spans="8:8">
      <c r="H490768" s="12"/>
    </row>
    <row r="490769" spans="8:8">
      <c r="H490769" s="12"/>
    </row>
    <row r="490770" spans="8:8">
      <c r="H490770" s="12"/>
    </row>
    <row r="490771" spans="8:8">
      <c r="H490771" s="12"/>
    </row>
    <row r="490772" spans="8:8">
      <c r="H490772" s="12"/>
    </row>
    <row r="490773" spans="8:8">
      <c r="H490773" s="12"/>
    </row>
    <row r="490774" spans="8:8">
      <c r="H490774" s="12"/>
    </row>
    <row r="490775" spans="8:8">
      <c r="H490775" s="12"/>
    </row>
    <row r="490776" spans="8:8">
      <c r="H490776" s="12"/>
    </row>
    <row r="490777" spans="8:8">
      <c r="H490777" s="12"/>
    </row>
    <row r="490778" spans="8:8">
      <c r="H490778" s="12"/>
    </row>
    <row r="490779" spans="8:8">
      <c r="H490779" s="12"/>
    </row>
    <row r="490780" spans="8:8">
      <c r="H490780" s="12"/>
    </row>
    <row r="490781" spans="8:8">
      <c r="H490781" s="12"/>
    </row>
    <row r="490782" spans="8:8">
      <c r="H490782" s="12"/>
    </row>
    <row r="490783" spans="8:8">
      <c r="H490783" s="12"/>
    </row>
    <row r="490784" spans="8:8">
      <c r="H490784" s="12"/>
    </row>
    <row r="490785" spans="8:8">
      <c r="H490785" s="12"/>
    </row>
    <row r="490786" spans="8:8">
      <c r="H490786" s="12"/>
    </row>
    <row r="490787" spans="8:8">
      <c r="H490787" s="12"/>
    </row>
    <row r="490788" spans="8:8">
      <c r="H490788" s="12"/>
    </row>
    <row r="490789" spans="8:8">
      <c r="H490789" s="12"/>
    </row>
    <row r="490790" spans="8:8">
      <c r="H490790" s="12"/>
    </row>
    <row r="490791" spans="8:8">
      <c r="H490791" s="12"/>
    </row>
    <row r="490792" spans="8:8">
      <c r="H490792" s="12"/>
    </row>
    <row r="490793" spans="8:8">
      <c r="H490793" s="12"/>
    </row>
    <row r="490794" spans="8:8">
      <c r="H490794" s="12"/>
    </row>
    <row r="490795" spans="8:8">
      <c r="H490795" s="12"/>
    </row>
    <row r="490796" spans="8:8">
      <c r="H490796" s="12"/>
    </row>
    <row r="490797" spans="8:8">
      <c r="H490797" s="12"/>
    </row>
    <row r="490798" spans="8:8">
      <c r="H490798" s="12"/>
    </row>
    <row r="490799" spans="8:8">
      <c r="H490799" s="12"/>
    </row>
    <row r="490800" spans="8:8">
      <c r="H490800" s="12"/>
    </row>
    <row r="490801" spans="8:8">
      <c r="H490801" s="12"/>
    </row>
    <row r="490802" spans="8:8">
      <c r="H490802" s="12"/>
    </row>
    <row r="490803" spans="8:8">
      <c r="H490803" s="12"/>
    </row>
    <row r="490804" spans="8:8">
      <c r="H490804" s="12"/>
    </row>
    <row r="490805" spans="8:8">
      <c r="H490805" s="12"/>
    </row>
    <row r="490806" spans="8:8">
      <c r="H490806" s="12"/>
    </row>
    <row r="490807" spans="8:8">
      <c r="H490807" s="12"/>
    </row>
    <row r="490808" spans="8:8">
      <c r="H490808" s="12"/>
    </row>
    <row r="490809" spans="8:8">
      <c r="H490809" s="12"/>
    </row>
    <row r="490810" spans="8:8">
      <c r="H490810" s="12"/>
    </row>
    <row r="490811" spans="8:8">
      <c r="H490811" s="12"/>
    </row>
    <row r="490812" spans="8:8">
      <c r="H490812" s="12"/>
    </row>
    <row r="490813" spans="8:8">
      <c r="H490813" s="12"/>
    </row>
    <row r="490814" spans="8:8">
      <c r="H490814" s="12"/>
    </row>
    <row r="490815" spans="8:8">
      <c r="H490815" s="12"/>
    </row>
    <row r="490816" spans="8:8">
      <c r="H490816" s="12"/>
    </row>
    <row r="490817" spans="8:8">
      <c r="H490817" s="12"/>
    </row>
    <row r="490818" spans="8:8">
      <c r="H490818" s="12"/>
    </row>
    <row r="490819" spans="8:8">
      <c r="H490819" s="12"/>
    </row>
    <row r="490820" spans="8:8">
      <c r="H490820" s="12"/>
    </row>
    <row r="490821" spans="8:8">
      <c r="H490821" s="12"/>
    </row>
    <row r="490822" spans="8:8">
      <c r="H490822" s="12"/>
    </row>
    <row r="490823" spans="8:8">
      <c r="H490823" s="12"/>
    </row>
    <row r="490824" spans="8:8">
      <c r="H490824" s="12"/>
    </row>
    <row r="490825" spans="8:8">
      <c r="H490825" s="12"/>
    </row>
    <row r="490826" spans="8:8">
      <c r="H490826" s="12"/>
    </row>
    <row r="490827" spans="8:8">
      <c r="H490827" s="12"/>
    </row>
    <row r="490828" spans="8:8">
      <c r="H490828" s="12"/>
    </row>
    <row r="490829" spans="8:8">
      <c r="H490829" s="12"/>
    </row>
    <row r="490830" spans="8:8">
      <c r="H490830" s="12"/>
    </row>
    <row r="490831" spans="8:8">
      <c r="H490831" s="12"/>
    </row>
    <row r="490832" spans="8:8">
      <c r="H490832" s="12"/>
    </row>
    <row r="490833" spans="8:8">
      <c r="H490833" s="12"/>
    </row>
    <row r="490834" spans="8:8">
      <c r="H490834" s="12"/>
    </row>
    <row r="490835" spans="8:8">
      <c r="H490835" s="12"/>
    </row>
    <row r="490836" spans="8:8">
      <c r="H490836" s="12"/>
    </row>
    <row r="490837" spans="8:8">
      <c r="H490837" s="12"/>
    </row>
    <row r="490838" spans="8:8">
      <c r="H490838" s="12"/>
    </row>
    <row r="490839" spans="8:8">
      <c r="H490839" s="12"/>
    </row>
    <row r="490840" spans="8:8">
      <c r="H490840" s="12"/>
    </row>
    <row r="490841" spans="8:8">
      <c r="H490841" s="12"/>
    </row>
    <row r="490842" spans="8:8">
      <c r="H490842" s="12"/>
    </row>
    <row r="490843" spans="8:8">
      <c r="H490843" s="12"/>
    </row>
    <row r="490844" spans="8:8">
      <c r="H490844" s="12"/>
    </row>
    <row r="490845" spans="8:8">
      <c r="H490845" s="12"/>
    </row>
    <row r="490846" spans="8:8">
      <c r="H490846" s="12"/>
    </row>
    <row r="490847" spans="8:8">
      <c r="H490847" s="12"/>
    </row>
    <row r="490848" spans="8:8">
      <c r="H490848" s="12"/>
    </row>
    <row r="490849" spans="8:8">
      <c r="H490849" s="12"/>
    </row>
    <row r="490850" spans="8:8">
      <c r="H490850" s="12"/>
    </row>
    <row r="490851" spans="8:8">
      <c r="H490851" s="12"/>
    </row>
    <row r="490852" spans="8:8">
      <c r="H490852" s="12"/>
    </row>
    <row r="490853" spans="8:8">
      <c r="H490853" s="12"/>
    </row>
    <row r="490854" spans="8:8">
      <c r="H490854" s="12"/>
    </row>
    <row r="490855" spans="8:8">
      <c r="H490855" s="12"/>
    </row>
    <row r="490856" spans="8:8">
      <c r="H490856" s="12"/>
    </row>
    <row r="490857" spans="8:8">
      <c r="H490857" s="12"/>
    </row>
    <row r="490858" spans="8:8">
      <c r="H490858" s="12"/>
    </row>
    <row r="490859" spans="8:8">
      <c r="H490859" s="12"/>
    </row>
    <row r="490860" spans="8:8">
      <c r="H490860" s="12"/>
    </row>
    <row r="490861" spans="8:8">
      <c r="H490861" s="12"/>
    </row>
    <row r="490862" spans="8:8">
      <c r="H490862" s="12"/>
    </row>
    <row r="490863" spans="8:8">
      <c r="H490863" s="12"/>
    </row>
    <row r="490864" spans="8:8">
      <c r="H490864" s="12"/>
    </row>
    <row r="490865" spans="8:8">
      <c r="H490865" s="12"/>
    </row>
    <row r="490866" spans="8:8">
      <c r="H490866" s="12"/>
    </row>
    <row r="490867" spans="8:8">
      <c r="H490867" s="12"/>
    </row>
    <row r="490868" spans="8:8">
      <c r="H490868" s="12"/>
    </row>
    <row r="490869" spans="8:8">
      <c r="H490869" s="12"/>
    </row>
    <row r="490870" spans="8:8">
      <c r="H490870" s="12"/>
    </row>
    <row r="490871" spans="8:8">
      <c r="H490871" s="12"/>
    </row>
    <row r="490872" spans="8:8">
      <c r="H490872" s="12"/>
    </row>
    <row r="490873" spans="8:8">
      <c r="H490873" s="12"/>
    </row>
    <row r="490874" spans="8:8">
      <c r="H490874" s="12"/>
    </row>
    <row r="490875" spans="8:8">
      <c r="H490875" s="12"/>
    </row>
    <row r="490876" spans="8:8">
      <c r="H490876" s="12"/>
    </row>
    <row r="490877" spans="8:8">
      <c r="H490877" s="12"/>
    </row>
    <row r="490878" spans="8:8">
      <c r="H490878" s="12"/>
    </row>
    <row r="490879" spans="8:8">
      <c r="H490879" s="12"/>
    </row>
    <row r="490880" spans="8:8">
      <c r="H490880" s="12"/>
    </row>
    <row r="490881" spans="8:8">
      <c r="H490881" s="12"/>
    </row>
    <row r="490882" spans="8:8">
      <c r="H490882" s="12"/>
    </row>
    <row r="490883" spans="8:8">
      <c r="H490883" s="12"/>
    </row>
    <row r="490884" spans="8:8">
      <c r="H490884" s="12"/>
    </row>
    <row r="490885" spans="8:8">
      <c r="H490885" s="12"/>
    </row>
    <row r="490886" spans="8:8">
      <c r="H490886" s="12"/>
    </row>
    <row r="490887" spans="8:8">
      <c r="H490887" s="12"/>
    </row>
    <row r="490888" spans="8:8">
      <c r="H490888" s="12"/>
    </row>
    <row r="490889" spans="8:8">
      <c r="H490889" s="12"/>
    </row>
    <row r="490890" spans="8:8">
      <c r="H490890" s="12"/>
    </row>
    <row r="490891" spans="8:8">
      <c r="H490891" s="12"/>
    </row>
    <row r="490892" spans="8:8">
      <c r="H490892" s="12"/>
    </row>
    <row r="490893" spans="8:8">
      <c r="H490893" s="12"/>
    </row>
    <row r="490894" spans="8:8">
      <c r="H490894" s="12"/>
    </row>
    <row r="490895" spans="8:8">
      <c r="H490895" s="12"/>
    </row>
    <row r="490896" spans="8:8">
      <c r="H490896" s="12"/>
    </row>
    <row r="490897" spans="8:8">
      <c r="H490897" s="12"/>
    </row>
    <row r="490898" spans="8:8">
      <c r="H490898" s="12"/>
    </row>
    <row r="490899" spans="8:8">
      <c r="H490899" s="12"/>
    </row>
    <row r="490900" spans="8:8">
      <c r="H490900" s="12"/>
    </row>
    <row r="490901" spans="8:8">
      <c r="H490901" s="12"/>
    </row>
    <row r="490902" spans="8:8">
      <c r="H490902" s="12"/>
    </row>
    <row r="490903" spans="8:8">
      <c r="H490903" s="12"/>
    </row>
    <row r="490904" spans="8:8">
      <c r="H490904" s="12"/>
    </row>
    <row r="490905" spans="8:8">
      <c r="H490905" s="12"/>
    </row>
    <row r="490906" spans="8:8">
      <c r="H490906" s="12"/>
    </row>
    <row r="490907" spans="8:8">
      <c r="H490907" s="12"/>
    </row>
    <row r="490908" spans="8:8">
      <c r="H490908" s="12"/>
    </row>
    <row r="490909" spans="8:8">
      <c r="H490909" s="12"/>
    </row>
    <row r="490910" spans="8:8">
      <c r="H490910" s="12"/>
    </row>
    <row r="490911" spans="8:8">
      <c r="H490911" s="12"/>
    </row>
    <row r="490912" spans="8:8">
      <c r="H490912" s="12"/>
    </row>
    <row r="490913" spans="8:8">
      <c r="H490913" s="12"/>
    </row>
    <row r="490914" spans="8:8">
      <c r="H490914" s="12"/>
    </row>
    <row r="490915" spans="8:8">
      <c r="H490915" s="12"/>
    </row>
    <row r="490916" spans="8:8">
      <c r="H490916" s="12"/>
    </row>
    <row r="490917" spans="8:8">
      <c r="H490917" s="12"/>
    </row>
    <row r="490918" spans="8:8">
      <c r="H490918" s="12"/>
    </row>
    <row r="490919" spans="8:8">
      <c r="H490919" s="12"/>
    </row>
    <row r="490920" spans="8:8">
      <c r="H490920" s="12"/>
    </row>
    <row r="490921" spans="8:8">
      <c r="H490921" s="12"/>
    </row>
    <row r="490922" spans="8:8">
      <c r="H490922" s="12"/>
    </row>
    <row r="490923" spans="8:8">
      <c r="H490923" s="12"/>
    </row>
    <row r="490924" spans="8:8">
      <c r="H490924" s="12"/>
    </row>
    <row r="490925" spans="8:8">
      <c r="H490925" s="12"/>
    </row>
    <row r="490926" spans="8:8">
      <c r="H490926" s="12"/>
    </row>
    <row r="490927" spans="8:8">
      <c r="H490927" s="12"/>
    </row>
    <row r="490928" spans="8:8">
      <c r="H490928" s="12"/>
    </row>
    <row r="490929" spans="8:8">
      <c r="H490929" s="12"/>
    </row>
    <row r="490930" spans="8:8">
      <c r="H490930" s="12"/>
    </row>
    <row r="490931" spans="8:8">
      <c r="H490931" s="12"/>
    </row>
    <row r="490932" spans="8:8">
      <c r="H490932" s="12"/>
    </row>
    <row r="490933" spans="8:8">
      <c r="H490933" s="12"/>
    </row>
    <row r="490934" spans="8:8">
      <c r="H490934" s="12"/>
    </row>
    <row r="490935" spans="8:8">
      <c r="H490935" s="12"/>
    </row>
    <row r="490936" spans="8:8">
      <c r="H490936" s="12"/>
    </row>
    <row r="490937" spans="8:8">
      <c r="H490937" s="12"/>
    </row>
    <row r="490938" spans="8:8">
      <c r="H490938" s="12"/>
    </row>
    <row r="490939" spans="8:8">
      <c r="H490939" s="12"/>
    </row>
    <row r="490940" spans="8:8">
      <c r="H490940" s="12"/>
    </row>
    <row r="490941" spans="8:8">
      <c r="H490941" s="12"/>
    </row>
    <row r="490942" spans="8:8">
      <c r="H490942" s="12"/>
    </row>
    <row r="490943" spans="8:8">
      <c r="H490943" s="12"/>
    </row>
    <row r="490944" spans="8:8">
      <c r="H490944" s="12"/>
    </row>
    <row r="490945" spans="8:8">
      <c r="H490945" s="12"/>
    </row>
    <row r="490946" spans="8:8">
      <c r="H490946" s="12"/>
    </row>
    <row r="490947" spans="8:8">
      <c r="H490947" s="12"/>
    </row>
    <row r="490948" spans="8:8">
      <c r="H490948" s="12"/>
    </row>
    <row r="490949" spans="8:8">
      <c r="H490949" s="12"/>
    </row>
    <row r="490950" spans="8:8">
      <c r="H490950" s="12"/>
    </row>
    <row r="490951" spans="8:8">
      <c r="H490951" s="12"/>
    </row>
    <row r="490952" spans="8:8">
      <c r="H490952" s="12"/>
    </row>
    <row r="490953" spans="8:8">
      <c r="H490953" s="12"/>
    </row>
    <row r="490954" spans="8:8">
      <c r="H490954" s="12"/>
    </row>
    <row r="490955" spans="8:8">
      <c r="H490955" s="12"/>
    </row>
    <row r="490956" spans="8:8">
      <c r="H490956" s="12"/>
    </row>
    <row r="490957" spans="8:8">
      <c r="H490957" s="12"/>
    </row>
    <row r="490958" spans="8:8">
      <c r="H490958" s="12"/>
    </row>
    <row r="490959" spans="8:8">
      <c r="H490959" s="12"/>
    </row>
    <row r="490960" spans="8:8">
      <c r="H490960" s="12"/>
    </row>
    <row r="490961" spans="8:8">
      <c r="H490961" s="12"/>
    </row>
    <row r="490962" spans="8:8">
      <c r="H490962" s="12"/>
    </row>
    <row r="490963" spans="8:8">
      <c r="H490963" s="12"/>
    </row>
    <row r="490964" spans="8:8">
      <c r="H490964" s="12"/>
    </row>
    <row r="490965" spans="8:8">
      <c r="H490965" s="12"/>
    </row>
    <row r="490966" spans="8:8">
      <c r="H490966" s="12"/>
    </row>
    <row r="490967" spans="8:8">
      <c r="H490967" s="12"/>
    </row>
    <row r="490968" spans="8:8">
      <c r="H490968" s="12"/>
    </row>
    <row r="490969" spans="8:8">
      <c r="H490969" s="12"/>
    </row>
    <row r="490970" spans="8:8">
      <c r="H490970" s="12"/>
    </row>
    <row r="490971" spans="8:8">
      <c r="H490971" s="12"/>
    </row>
    <row r="490972" spans="8:8">
      <c r="H490972" s="12"/>
    </row>
    <row r="490973" spans="8:8">
      <c r="H490973" s="12"/>
    </row>
    <row r="490974" spans="8:8">
      <c r="H490974" s="12"/>
    </row>
    <row r="490975" spans="8:8">
      <c r="H490975" s="12"/>
    </row>
    <row r="490976" spans="8:8">
      <c r="H490976" s="12"/>
    </row>
    <row r="490977" spans="8:8">
      <c r="H490977" s="12"/>
    </row>
    <row r="490978" spans="8:8">
      <c r="H490978" s="12"/>
    </row>
    <row r="490979" spans="8:8">
      <c r="H490979" s="12"/>
    </row>
    <row r="490980" spans="8:8">
      <c r="H490980" s="12"/>
    </row>
    <row r="490981" spans="8:8">
      <c r="H490981" s="12"/>
    </row>
    <row r="490982" spans="8:8">
      <c r="H490982" s="12"/>
    </row>
    <row r="490983" spans="8:8">
      <c r="H490983" s="12"/>
    </row>
    <row r="490984" spans="8:8">
      <c r="H490984" s="12"/>
    </row>
    <row r="490985" spans="8:8">
      <c r="H490985" s="12"/>
    </row>
    <row r="490986" spans="8:8">
      <c r="H490986" s="12"/>
    </row>
    <row r="490987" spans="8:8">
      <c r="H490987" s="12"/>
    </row>
    <row r="490988" spans="8:8">
      <c r="H490988" s="12"/>
    </row>
    <row r="490989" spans="8:8">
      <c r="H490989" s="12"/>
    </row>
    <row r="490990" spans="8:8">
      <c r="H490990" s="12"/>
    </row>
    <row r="490991" spans="8:8">
      <c r="H490991" s="12"/>
    </row>
    <row r="490992" spans="8:8">
      <c r="H490992" s="12"/>
    </row>
    <row r="490993" spans="8:8">
      <c r="H490993" s="12"/>
    </row>
    <row r="490994" spans="8:8">
      <c r="H490994" s="12"/>
    </row>
    <row r="490995" spans="8:8">
      <c r="H490995" s="12"/>
    </row>
    <row r="490996" spans="8:8">
      <c r="H490996" s="12"/>
    </row>
    <row r="490997" spans="8:8">
      <c r="H490997" s="12"/>
    </row>
    <row r="490998" spans="8:8">
      <c r="H490998" s="12"/>
    </row>
    <row r="490999" spans="8:8">
      <c r="H490999" s="12"/>
    </row>
    <row r="491000" spans="8:8">
      <c r="H491000" s="12"/>
    </row>
    <row r="491001" spans="8:8">
      <c r="H491001" s="12"/>
    </row>
    <row r="491002" spans="8:8">
      <c r="H491002" s="12"/>
    </row>
    <row r="491003" spans="8:8">
      <c r="H491003" s="12"/>
    </row>
    <row r="491004" spans="8:8">
      <c r="H491004" s="12"/>
    </row>
    <row r="491005" spans="8:8">
      <c r="H491005" s="12"/>
    </row>
    <row r="491006" spans="8:8">
      <c r="H491006" s="12"/>
    </row>
    <row r="491007" spans="8:8">
      <c r="H491007" s="12"/>
    </row>
    <row r="491008" spans="8:8">
      <c r="H491008" s="12"/>
    </row>
    <row r="491009" spans="8:8">
      <c r="H491009" s="12"/>
    </row>
    <row r="491010" spans="8:8">
      <c r="H491010" s="12"/>
    </row>
    <row r="491011" spans="8:8">
      <c r="H491011" s="12"/>
    </row>
    <row r="491012" spans="8:8">
      <c r="H491012" s="12"/>
    </row>
    <row r="491013" spans="8:8">
      <c r="H491013" s="12"/>
    </row>
    <row r="491014" spans="8:8">
      <c r="H491014" s="12"/>
    </row>
    <row r="491015" spans="8:8">
      <c r="H491015" s="12"/>
    </row>
    <row r="491016" spans="8:8">
      <c r="H491016" s="12"/>
    </row>
    <row r="491017" spans="8:8">
      <c r="H491017" s="12"/>
    </row>
    <row r="491018" spans="8:8">
      <c r="H491018" s="12"/>
    </row>
    <row r="491019" spans="8:8">
      <c r="H491019" s="12"/>
    </row>
    <row r="491020" spans="8:8">
      <c r="H491020" s="12"/>
    </row>
    <row r="491021" spans="8:8">
      <c r="H491021" s="12"/>
    </row>
    <row r="491022" spans="8:8">
      <c r="H491022" s="12"/>
    </row>
    <row r="491023" spans="8:8">
      <c r="H491023" s="12"/>
    </row>
    <row r="491024" spans="8:8">
      <c r="H491024" s="12"/>
    </row>
    <row r="491025" spans="8:8">
      <c r="H491025" s="12"/>
    </row>
    <row r="491026" spans="8:8">
      <c r="H491026" s="12"/>
    </row>
    <row r="491027" spans="8:8">
      <c r="H491027" s="12"/>
    </row>
    <row r="491028" spans="8:8">
      <c r="H491028" s="12"/>
    </row>
    <row r="491029" spans="8:8">
      <c r="H491029" s="12"/>
    </row>
    <row r="491030" spans="8:8">
      <c r="H491030" s="12"/>
    </row>
    <row r="491031" spans="8:8">
      <c r="H491031" s="12"/>
    </row>
    <row r="491032" spans="8:8">
      <c r="H491032" s="12"/>
    </row>
    <row r="491033" spans="8:8">
      <c r="H491033" s="12"/>
    </row>
    <row r="491034" spans="8:8">
      <c r="H491034" s="12"/>
    </row>
    <row r="491035" spans="8:8">
      <c r="H491035" s="12"/>
    </row>
    <row r="491036" spans="8:8">
      <c r="H491036" s="12"/>
    </row>
    <row r="491037" spans="8:8">
      <c r="H491037" s="12"/>
    </row>
    <row r="491038" spans="8:8">
      <c r="H491038" s="12"/>
    </row>
    <row r="491039" spans="8:8">
      <c r="H491039" s="12"/>
    </row>
    <row r="491040" spans="8:8">
      <c r="H491040" s="12"/>
    </row>
    <row r="491041" spans="8:8">
      <c r="H491041" s="12"/>
    </row>
    <row r="491042" spans="8:8">
      <c r="H491042" s="12"/>
    </row>
    <row r="491043" spans="8:8">
      <c r="H491043" s="12"/>
    </row>
    <row r="491044" spans="8:8">
      <c r="H491044" s="12"/>
    </row>
    <row r="491045" spans="8:8">
      <c r="H491045" s="12"/>
    </row>
    <row r="491046" spans="8:8">
      <c r="H491046" s="12"/>
    </row>
    <row r="491047" spans="8:8">
      <c r="H491047" s="12"/>
    </row>
    <row r="491048" spans="8:8">
      <c r="H491048" s="12"/>
    </row>
    <row r="491049" spans="8:8">
      <c r="H491049" s="12"/>
    </row>
    <row r="491050" spans="8:8">
      <c r="H491050" s="12"/>
    </row>
    <row r="491051" spans="8:8">
      <c r="H491051" s="12"/>
    </row>
    <row r="491052" spans="8:8">
      <c r="H491052" s="12"/>
    </row>
    <row r="491053" spans="8:8">
      <c r="H491053" s="12"/>
    </row>
    <row r="491054" spans="8:8">
      <c r="H491054" s="12"/>
    </row>
    <row r="491055" spans="8:8">
      <c r="H491055" s="12"/>
    </row>
    <row r="491056" spans="8:8">
      <c r="H491056" s="12"/>
    </row>
    <row r="491057" spans="8:8">
      <c r="H491057" s="12"/>
    </row>
    <row r="491058" spans="8:8">
      <c r="H491058" s="12"/>
    </row>
    <row r="491059" spans="8:8">
      <c r="H491059" s="12"/>
    </row>
    <row r="491060" spans="8:8">
      <c r="H491060" s="12"/>
    </row>
    <row r="491061" spans="8:8">
      <c r="H491061" s="12"/>
    </row>
    <row r="491062" spans="8:8">
      <c r="H491062" s="12"/>
    </row>
    <row r="491063" spans="8:8">
      <c r="H491063" s="12"/>
    </row>
    <row r="491064" spans="8:8">
      <c r="H491064" s="12"/>
    </row>
    <row r="491065" spans="8:8">
      <c r="H491065" s="12"/>
    </row>
    <row r="491066" spans="8:8">
      <c r="H491066" s="12"/>
    </row>
    <row r="491067" spans="8:8">
      <c r="H491067" s="12"/>
    </row>
    <row r="491068" spans="8:8">
      <c r="H491068" s="12"/>
    </row>
    <row r="491069" spans="8:8">
      <c r="H491069" s="12"/>
    </row>
    <row r="491070" spans="8:8">
      <c r="H491070" s="12"/>
    </row>
    <row r="491071" spans="8:8">
      <c r="H491071" s="12"/>
    </row>
    <row r="491072" spans="8:8">
      <c r="H491072" s="12"/>
    </row>
    <row r="491073" spans="8:8">
      <c r="H491073" s="12"/>
    </row>
    <row r="491074" spans="8:8">
      <c r="H491074" s="12"/>
    </row>
    <row r="491075" spans="8:8">
      <c r="H491075" s="12"/>
    </row>
    <row r="491076" spans="8:8">
      <c r="H491076" s="12"/>
    </row>
    <row r="491077" spans="8:8">
      <c r="H491077" s="12"/>
    </row>
    <row r="491078" spans="8:8">
      <c r="H491078" s="12"/>
    </row>
    <row r="491079" spans="8:8">
      <c r="H491079" s="12"/>
    </row>
    <row r="491080" spans="8:8">
      <c r="H491080" s="12"/>
    </row>
    <row r="491081" spans="8:8">
      <c r="H491081" s="12"/>
    </row>
    <row r="491082" spans="8:8">
      <c r="H491082" s="12"/>
    </row>
    <row r="491083" spans="8:8">
      <c r="H491083" s="12"/>
    </row>
    <row r="491084" spans="8:8">
      <c r="H491084" s="12"/>
    </row>
    <row r="491085" spans="8:8">
      <c r="H491085" s="12"/>
    </row>
    <row r="491086" spans="8:8">
      <c r="H491086" s="12"/>
    </row>
    <row r="491087" spans="8:8">
      <c r="H491087" s="12"/>
    </row>
    <row r="491088" spans="8:8">
      <c r="H491088" s="12"/>
    </row>
    <row r="491089" spans="8:8">
      <c r="H491089" s="12"/>
    </row>
    <row r="491090" spans="8:8">
      <c r="H491090" s="12"/>
    </row>
    <row r="491091" spans="8:8">
      <c r="H491091" s="12"/>
    </row>
    <row r="491092" spans="8:8">
      <c r="H491092" s="12"/>
    </row>
    <row r="491093" spans="8:8">
      <c r="H491093" s="12"/>
    </row>
    <row r="491094" spans="8:8">
      <c r="H491094" s="12"/>
    </row>
    <row r="491095" spans="8:8">
      <c r="H491095" s="12"/>
    </row>
    <row r="491096" spans="8:8">
      <c r="H491096" s="12"/>
    </row>
    <row r="491097" spans="8:8">
      <c r="H491097" s="12"/>
    </row>
    <row r="491098" spans="8:8">
      <c r="H491098" s="12"/>
    </row>
    <row r="491099" spans="8:8">
      <c r="H491099" s="12"/>
    </row>
    <row r="491100" spans="8:8">
      <c r="H491100" s="12"/>
    </row>
    <row r="491101" spans="8:8">
      <c r="H491101" s="12"/>
    </row>
    <row r="491102" spans="8:8">
      <c r="H491102" s="12"/>
    </row>
    <row r="491103" spans="8:8">
      <c r="H491103" s="12"/>
    </row>
    <row r="491104" spans="8:8">
      <c r="H491104" s="12"/>
    </row>
    <row r="491105" spans="8:8">
      <c r="H491105" s="12"/>
    </row>
    <row r="491106" spans="8:8">
      <c r="H491106" s="12"/>
    </row>
    <row r="491107" spans="8:8">
      <c r="H491107" s="12"/>
    </row>
    <row r="491108" spans="8:8">
      <c r="H491108" s="12"/>
    </row>
    <row r="491109" spans="8:8">
      <c r="H491109" s="12"/>
    </row>
    <row r="491110" spans="8:8">
      <c r="H491110" s="12"/>
    </row>
    <row r="491111" spans="8:8">
      <c r="H491111" s="12"/>
    </row>
    <row r="491112" spans="8:8">
      <c r="H491112" s="12"/>
    </row>
    <row r="491113" spans="8:8">
      <c r="H491113" s="12"/>
    </row>
    <row r="491114" spans="8:8">
      <c r="H491114" s="12"/>
    </row>
    <row r="491115" spans="8:8">
      <c r="H491115" s="12"/>
    </row>
    <row r="491116" spans="8:8">
      <c r="H491116" s="12"/>
    </row>
    <row r="491117" spans="8:8">
      <c r="H491117" s="12"/>
    </row>
    <row r="491118" spans="8:8">
      <c r="H491118" s="12"/>
    </row>
    <row r="491119" spans="8:8">
      <c r="H491119" s="12"/>
    </row>
    <row r="491120" spans="8:8">
      <c r="H491120" s="12"/>
    </row>
    <row r="491121" spans="8:8">
      <c r="H491121" s="12"/>
    </row>
    <row r="491122" spans="8:8">
      <c r="H491122" s="12"/>
    </row>
    <row r="491123" spans="8:8">
      <c r="H491123" s="12"/>
    </row>
    <row r="491124" spans="8:8">
      <c r="H491124" s="12"/>
    </row>
    <row r="491125" spans="8:8">
      <c r="H491125" s="12"/>
    </row>
    <row r="491126" spans="8:8">
      <c r="H491126" s="12"/>
    </row>
    <row r="491127" spans="8:8">
      <c r="H491127" s="12"/>
    </row>
    <row r="491128" spans="8:8">
      <c r="H491128" s="12"/>
    </row>
    <row r="491129" spans="8:8">
      <c r="H491129" s="12"/>
    </row>
    <row r="491130" spans="8:8">
      <c r="H491130" s="12"/>
    </row>
    <row r="491131" spans="8:8">
      <c r="H491131" s="12"/>
    </row>
    <row r="491132" spans="8:8">
      <c r="H491132" s="12"/>
    </row>
    <row r="491133" spans="8:8">
      <c r="H491133" s="12"/>
    </row>
    <row r="491134" spans="8:8">
      <c r="H491134" s="12"/>
    </row>
    <row r="491135" spans="8:8">
      <c r="H491135" s="12"/>
    </row>
    <row r="491136" spans="8:8">
      <c r="H491136" s="12"/>
    </row>
    <row r="491137" spans="8:8">
      <c r="H491137" s="12"/>
    </row>
    <row r="491138" spans="8:8">
      <c r="H491138" s="12"/>
    </row>
    <row r="491139" spans="8:8">
      <c r="H491139" s="12"/>
    </row>
    <row r="491140" spans="8:8">
      <c r="H491140" s="12"/>
    </row>
    <row r="491141" spans="8:8">
      <c r="H491141" s="12"/>
    </row>
    <row r="491142" spans="8:8">
      <c r="H491142" s="12"/>
    </row>
    <row r="491143" spans="8:8">
      <c r="H491143" s="12"/>
    </row>
    <row r="491144" spans="8:8">
      <c r="H491144" s="12"/>
    </row>
    <row r="491145" spans="8:8">
      <c r="H491145" s="12"/>
    </row>
    <row r="491146" spans="8:8">
      <c r="H491146" s="12"/>
    </row>
    <row r="491147" spans="8:8">
      <c r="H491147" s="12"/>
    </row>
    <row r="491148" spans="8:8">
      <c r="H491148" s="12"/>
    </row>
    <row r="491149" spans="8:8">
      <c r="H491149" s="12"/>
    </row>
    <row r="491150" spans="8:8">
      <c r="H491150" s="12"/>
    </row>
    <row r="491151" spans="8:8">
      <c r="H491151" s="12"/>
    </row>
    <row r="491152" spans="8:8">
      <c r="H491152" s="12"/>
    </row>
    <row r="491153" spans="8:8">
      <c r="H491153" s="12"/>
    </row>
    <row r="491154" spans="8:8">
      <c r="H491154" s="12"/>
    </row>
    <row r="491155" spans="8:8">
      <c r="H491155" s="12"/>
    </row>
    <row r="491156" spans="8:8">
      <c r="H491156" s="12"/>
    </row>
    <row r="491157" spans="8:8">
      <c r="H491157" s="12"/>
    </row>
    <row r="491158" spans="8:8">
      <c r="H491158" s="12"/>
    </row>
    <row r="491159" spans="8:8">
      <c r="H491159" s="12"/>
    </row>
    <row r="491160" spans="8:8">
      <c r="H491160" s="12"/>
    </row>
    <row r="491161" spans="8:8">
      <c r="H491161" s="12"/>
    </row>
    <row r="491162" spans="8:8">
      <c r="H491162" s="12"/>
    </row>
    <row r="491163" spans="8:8">
      <c r="H491163" s="12"/>
    </row>
    <row r="491164" spans="8:8">
      <c r="H491164" s="12"/>
    </row>
    <row r="491165" spans="8:8">
      <c r="H491165" s="12"/>
    </row>
    <row r="491166" spans="8:8">
      <c r="H491166" s="12"/>
    </row>
    <row r="491167" spans="8:8">
      <c r="H491167" s="12"/>
    </row>
    <row r="491168" spans="8:8">
      <c r="H491168" s="12"/>
    </row>
    <row r="491169" spans="8:8">
      <c r="H491169" s="12"/>
    </row>
    <row r="491170" spans="8:8">
      <c r="H491170" s="12"/>
    </row>
    <row r="491171" spans="8:8">
      <c r="H491171" s="12"/>
    </row>
    <row r="491172" spans="8:8">
      <c r="H491172" s="12"/>
    </row>
    <row r="491173" spans="8:8">
      <c r="H491173" s="12"/>
    </row>
    <row r="491174" spans="8:8">
      <c r="H491174" s="12"/>
    </row>
    <row r="491175" spans="8:8">
      <c r="H491175" s="12"/>
    </row>
    <row r="491176" spans="8:8">
      <c r="H491176" s="12"/>
    </row>
    <row r="491177" spans="8:8">
      <c r="H491177" s="12"/>
    </row>
    <row r="491178" spans="8:8">
      <c r="H491178" s="12"/>
    </row>
    <row r="491179" spans="8:8">
      <c r="H491179" s="12"/>
    </row>
    <row r="491180" spans="8:8">
      <c r="H491180" s="12"/>
    </row>
    <row r="491181" spans="8:8">
      <c r="H491181" s="12"/>
    </row>
    <row r="491182" spans="8:8">
      <c r="H491182" s="12"/>
    </row>
    <row r="491183" spans="8:8">
      <c r="H491183" s="12"/>
    </row>
    <row r="491184" spans="8:8">
      <c r="H491184" s="12"/>
    </row>
    <row r="491185" spans="8:8">
      <c r="H491185" s="12"/>
    </row>
    <row r="491186" spans="8:8">
      <c r="H491186" s="12"/>
    </row>
    <row r="491187" spans="8:8">
      <c r="H491187" s="12"/>
    </row>
    <row r="491188" spans="8:8">
      <c r="H491188" s="12"/>
    </row>
    <row r="491189" spans="8:8">
      <c r="H491189" s="12"/>
    </row>
    <row r="491190" spans="8:8">
      <c r="H491190" s="12"/>
    </row>
    <row r="491191" spans="8:8">
      <c r="H491191" s="12"/>
    </row>
    <row r="491192" spans="8:8">
      <c r="H491192" s="12"/>
    </row>
    <row r="491193" spans="8:8">
      <c r="H491193" s="12"/>
    </row>
    <row r="491194" spans="8:8">
      <c r="H491194" s="12"/>
    </row>
    <row r="491195" spans="8:8">
      <c r="H491195" s="12"/>
    </row>
    <row r="491196" spans="8:8">
      <c r="H491196" s="12"/>
    </row>
    <row r="491197" spans="8:8">
      <c r="H491197" s="12"/>
    </row>
    <row r="491198" spans="8:8">
      <c r="H491198" s="12"/>
    </row>
    <row r="491199" spans="8:8">
      <c r="H491199" s="12"/>
    </row>
    <row r="491200" spans="8:8">
      <c r="H491200" s="12"/>
    </row>
    <row r="491201" spans="8:8">
      <c r="H491201" s="12"/>
    </row>
    <row r="491202" spans="8:8">
      <c r="H491202" s="12"/>
    </row>
    <row r="491203" spans="8:8">
      <c r="H491203" s="12"/>
    </row>
    <row r="491204" spans="8:8">
      <c r="H491204" s="12"/>
    </row>
    <row r="491205" spans="8:8">
      <c r="H491205" s="12"/>
    </row>
    <row r="491206" spans="8:8">
      <c r="H491206" s="12"/>
    </row>
    <row r="491207" spans="8:8">
      <c r="H491207" s="12"/>
    </row>
    <row r="491208" spans="8:8">
      <c r="H491208" s="12"/>
    </row>
    <row r="491209" spans="8:8">
      <c r="H491209" s="12"/>
    </row>
    <row r="491210" spans="8:8">
      <c r="H491210" s="12"/>
    </row>
    <row r="491211" spans="8:8">
      <c r="H491211" s="12"/>
    </row>
    <row r="491212" spans="8:8">
      <c r="H491212" s="12"/>
    </row>
    <row r="491213" spans="8:8">
      <c r="H491213" s="12"/>
    </row>
    <row r="491214" spans="8:8">
      <c r="H491214" s="12"/>
    </row>
    <row r="491215" spans="8:8">
      <c r="H491215" s="12"/>
    </row>
    <row r="491216" spans="8:8">
      <c r="H491216" s="12"/>
    </row>
    <row r="491217" spans="8:8">
      <c r="H491217" s="12"/>
    </row>
    <row r="491218" spans="8:8">
      <c r="H491218" s="12"/>
    </row>
    <row r="491219" spans="8:8">
      <c r="H491219" s="12"/>
    </row>
    <row r="491220" spans="8:8">
      <c r="H491220" s="12"/>
    </row>
    <row r="491221" spans="8:8">
      <c r="H491221" s="12"/>
    </row>
    <row r="491222" spans="8:8">
      <c r="H491222" s="12"/>
    </row>
    <row r="491223" spans="8:8">
      <c r="H491223" s="12"/>
    </row>
    <row r="491224" spans="8:8">
      <c r="H491224" s="12"/>
    </row>
    <row r="491225" spans="8:8">
      <c r="H491225" s="12"/>
    </row>
    <row r="491226" spans="8:8">
      <c r="H491226" s="12"/>
    </row>
    <row r="491227" spans="8:8">
      <c r="H491227" s="12"/>
    </row>
    <row r="491228" spans="8:8">
      <c r="H491228" s="12"/>
    </row>
    <row r="491229" spans="8:8">
      <c r="H491229" s="12"/>
    </row>
    <row r="491230" spans="8:8">
      <c r="H491230" s="12"/>
    </row>
    <row r="491231" spans="8:8">
      <c r="H491231" s="12"/>
    </row>
    <row r="491232" spans="8:8">
      <c r="H491232" s="12"/>
    </row>
    <row r="491233" spans="8:8">
      <c r="H491233" s="12"/>
    </row>
    <row r="491234" spans="8:8">
      <c r="H491234" s="12"/>
    </row>
    <row r="491235" spans="8:8">
      <c r="H491235" s="12"/>
    </row>
    <row r="491236" spans="8:8">
      <c r="H491236" s="12"/>
    </row>
    <row r="491237" spans="8:8">
      <c r="H491237" s="12"/>
    </row>
    <row r="491238" spans="8:8">
      <c r="H491238" s="12"/>
    </row>
    <row r="491239" spans="8:8">
      <c r="H491239" s="12"/>
    </row>
    <row r="491240" spans="8:8">
      <c r="H491240" s="12"/>
    </row>
    <row r="491241" spans="8:8">
      <c r="H491241" s="12"/>
    </row>
    <row r="491242" spans="8:8">
      <c r="H491242" s="12"/>
    </row>
    <row r="491243" spans="8:8">
      <c r="H491243" s="12"/>
    </row>
    <row r="491244" spans="8:8">
      <c r="H491244" s="12"/>
    </row>
    <row r="491245" spans="8:8">
      <c r="H491245" s="12"/>
    </row>
    <row r="491246" spans="8:8">
      <c r="H491246" s="12"/>
    </row>
    <row r="491247" spans="8:8">
      <c r="H491247" s="12"/>
    </row>
    <row r="491248" spans="8:8">
      <c r="H491248" s="12"/>
    </row>
    <row r="491249" spans="8:8">
      <c r="H491249" s="12"/>
    </row>
    <row r="491250" spans="8:8">
      <c r="H491250" s="12"/>
    </row>
    <row r="491251" spans="8:8">
      <c r="H491251" s="12"/>
    </row>
    <row r="491252" spans="8:8">
      <c r="H491252" s="12"/>
    </row>
    <row r="491253" spans="8:8">
      <c r="H491253" s="12"/>
    </row>
    <row r="491254" spans="8:8">
      <c r="H491254" s="12"/>
    </row>
    <row r="491255" spans="8:8">
      <c r="H491255" s="12"/>
    </row>
    <row r="491256" spans="8:8">
      <c r="H491256" s="12"/>
    </row>
    <row r="491257" spans="8:8">
      <c r="H491257" s="12"/>
    </row>
    <row r="491258" spans="8:8">
      <c r="H491258" s="12"/>
    </row>
    <row r="491259" spans="8:8">
      <c r="H491259" s="12"/>
    </row>
    <row r="491260" spans="8:8">
      <c r="H491260" s="12"/>
    </row>
    <row r="491261" spans="8:8">
      <c r="H491261" s="12"/>
    </row>
    <row r="491262" spans="8:8">
      <c r="H491262" s="12"/>
    </row>
    <row r="491263" spans="8:8">
      <c r="H491263" s="12"/>
    </row>
    <row r="491264" spans="8:8">
      <c r="H491264" s="12"/>
    </row>
    <row r="491265" spans="8:8">
      <c r="H491265" s="12"/>
    </row>
    <row r="491266" spans="8:8">
      <c r="H491266" s="12"/>
    </row>
    <row r="491267" spans="8:8">
      <c r="H491267" s="12"/>
    </row>
    <row r="491268" spans="8:8">
      <c r="H491268" s="12"/>
    </row>
    <row r="491269" spans="8:8">
      <c r="H491269" s="12"/>
    </row>
    <row r="491270" spans="8:8">
      <c r="H491270" s="12"/>
    </row>
    <row r="491271" spans="8:8">
      <c r="H491271" s="12"/>
    </row>
    <row r="491272" spans="8:8">
      <c r="H491272" s="12"/>
    </row>
    <row r="491273" spans="8:8">
      <c r="H491273" s="12"/>
    </row>
    <row r="491274" spans="8:8">
      <c r="H491274" s="12"/>
    </row>
    <row r="491275" spans="8:8">
      <c r="H491275" s="12"/>
    </row>
    <row r="491276" spans="8:8">
      <c r="H491276" s="12"/>
    </row>
    <row r="491277" spans="8:8">
      <c r="H491277" s="12"/>
    </row>
    <row r="491278" spans="8:8">
      <c r="H491278" s="12"/>
    </row>
    <row r="491279" spans="8:8">
      <c r="H491279" s="12"/>
    </row>
    <row r="491280" spans="8:8">
      <c r="H491280" s="12"/>
    </row>
    <row r="491281" spans="8:8">
      <c r="H491281" s="12"/>
    </row>
    <row r="491282" spans="8:8">
      <c r="H491282" s="12"/>
    </row>
    <row r="491283" spans="8:8">
      <c r="H491283" s="12"/>
    </row>
    <row r="491284" spans="8:8">
      <c r="H491284" s="12"/>
    </row>
    <row r="491285" spans="8:8">
      <c r="H491285" s="12"/>
    </row>
    <row r="491286" spans="8:8">
      <c r="H491286" s="12"/>
    </row>
    <row r="491287" spans="8:8">
      <c r="H491287" s="12"/>
    </row>
    <row r="491288" spans="8:8">
      <c r="H491288" s="12"/>
    </row>
    <row r="491289" spans="8:8">
      <c r="H491289" s="12"/>
    </row>
    <row r="491290" spans="8:8">
      <c r="H491290" s="12"/>
    </row>
    <row r="491291" spans="8:8">
      <c r="H491291" s="12"/>
    </row>
    <row r="491292" spans="8:8">
      <c r="H491292" s="12"/>
    </row>
    <row r="491293" spans="8:8">
      <c r="H491293" s="12"/>
    </row>
    <row r="491294" spans="8:8">
      <c r="H491294" s="12"/>
    </row>
    <row r="491295" spans="8:8">
      <c r="H491295" s="12"/>
    </row>
    <row r="491296" spans="8:8">
      <c r="H491296" s="12"/>
    </row>
    <row r="491297" spans="8:8">
      <c r="H491297" s="12"/>
    </row>
    <row r="491298" spans="8:8">
      <c r="H491298" s="12"/>
    </row>
    <row r="491299" spans="8:8">
      <c r="H491299" s="12"/>
    </row>
    <row r="491300" spans="8:8">
      <c r="H491300" s="12"/>
    </row>
    <row r="491301" spans="8:8">
      <c r="H491301" s="12"/>
    </row>
    <row r="491302" spans="8:8">
      <c r="H491302" s="12"/>
    </row>
    <row r="491303" spans="8:8">
      <c r="H491303" s="12"/>
    </row>
    <row r="491304" spans="8:8">
      <c r="H491304" s="12"/>
    </row>
    <row r="491305" spans="8:8">
      <c r="H491305" s="12"/>
    </row>
    <row r="491306" spans="8:8">
      <c r="H491306" s="12"/>
    </row>
    <row r="491307" spans="8:8">
      <c r="H491307" s="12"/>
    </row>
    <row r="491308" spans="8:8">
      <c r="H491308" s="12"/>
    </row>
    <row r="491309" spans="8:8">
      <c r="H491309" s="12"/>
    </row>
    <row r="491310" spans="8:8">
      <c r="H491310" s="12"/>
    </row>
    <row r="491311" spans="8:8">
      <c r="H491311" s="12"/>
    </row>
    <row r="491312" spans="8:8">
      <c r="H491312" s="12"/>
    </row>
    <row r="491313" spans="8:8">
      <c r="H491313" s="12"/>
    </row>
    <row r="491314" spans="8:8">
      <c r="H491314" s="12"/>
    </row>
    <row r="491315" spans="8:8">
      <c r="H491315" s="12"/>
    </row>
    <row r="491316" spans="8:8">
      <c r="H491316" s="12"/>
    </row>
    <row r="491317" spans="8:8">
      <c r="H491317" s="12"/>
    </row>
    <row r="491318" spans="8:8">
      <c r="H491318" s="12"/>
    </row>
    <row r="491319" spans="8:8">
      <c r="H491319" s="12"/>
    </row>
    <row r="491320" spans="8:8">
      <c r="H491320" s="12"/>
    </row>
    <row r="491321" spans="8:8">
      <c r="H491321" s="12"/>
    </row>
    <row r="491322" spans="8:8">
      <c r="H491322" s="12"/>
    </row>
    <row r="491323" spans="8:8">
      <c r="H491323" s="12"/>
    </row>
    <row r="491324" spans="8:8">
      <c r="H491324" s="12"/>
    </row>
    <row r="491325" spans="8:8">
      <c r="H491325" s="12"/>
    </row>
    <row r="491326" spans="8:8">
      <c r="H491326" s="12"/>
    </row>
    <row r="491327" spans="8:8">
      <c r="H491327" s="12"/>
    </row>
    <row r="491328" spans="8:8">
      <c r="H491328" s="12"/>
    </row>
    <row r="491329" spans="8:8">
      <c r="H491329" s="12"/>
    </row>
    <row r="491330" spans="8:8">
      <c r="H491330" s="12"/>
    </row>
    <row r="491331" spans="8:8">
      <c r="H491331" s="12"/>
    </row>
    <row r="491332" spans="8:8">
      <c r="H491332" s="12"/>
    </row>
    <row r="491333" spans="8:8">
      <c r="H491333" s="12"/>
    </row>
    <row r="491334" spans="8:8">
      <c r="H491334" s="12"/>
    </row>
    <row r="491335" spans="8:8">
      <c r="H491335" s="12"/>
    </row>
    <row r="491336" spans="8:8">
      <c r="H491336" s="12"/>
    </row>
    <row r="491337" spans="8:8">
      <c r="H491337" s="12"/>
    </row>
    <row r="491338" spans="8:8">
      <c r="H491338" s="12"/>
    </row>
    <row r="491339" spans="8:8">
      <c r="H491339" s="12"/>
    </row>
    <row r="491340" spans="8:8">
      <c r="H491340" s="12"/>
    </row>
    <row r="491341" spans="8:8">
      <c r="H491341" s="12"/>
    </row>
    <row r="491342" spans="8:8">
      <c r="H491342" s="12"/>
    </row>
    <row r="491343" spans="8:8">
      <c r="H491343" s="12"/>
    </row>
    <row r="491344" spans="8:8">
      <c r="H491344" s="12"/>
    </row>
    <row r="491345" spans="8:8">
      <c r="H491345" s="12"/>
    </row>
    <row r="491346" spans="8:8">
      <c r="H491346" s="12"/>
    </row>
    <row r="491347" spans="8:8">
      <c r="H491347" s="12"/>
    </row>
    <row r="491348" spans="8:8">
      <c r="H491348" s="12"/>
    </row>
    <row r="491349" spans="8:8">
      <c r="H491349" s="12"/>
    </row>
    <row r="491350" spans="8:8">
      <c r="H491350" s="12"/>
    </row>
    <row r="491351" spans="8:8">
      <c r="H491351" s="12"/>
    </row>
    <row r="491352" spans="8:8">
      <c r="H491352" s="12"/>
    </row>
    <row r="491353" spans="8:8">
      <c r="H491353" s="12"/>
    </row>
    <row r="491354" spans="8:8">
      <c r="H491354" s="12"/>
    </row>
    <row r="491355" spans="8:8">
      <c r="H491355" s="12"/>
    </row>
    <row r="491356" spans="8:8">
      <c r="H491356" s="12"/>
    </row>
    <row r="491357" spans="8:8">
      <c r="H491357" s="12"/>
    </row>
    <row r="491358" spans="8:8">
      <c r="H491358" s="12"/>
    </row>
    <row r="491359" spans="8:8">
      <c r="H491359" s="12"/>
    </row>
    <row r="491360" spans="8:8">
      <c r="H491360" s="12"/>
    </row>
    <row r="491361" spans="8:8">
      <c r="H491361" s="12"/>
    </row>
    <row r="491362" spans="8:8">
      <c r="H491362" s="12"/>
    </row>
    <row r="491363" spans="8:8">
      <c r="H491363" s="12"/>
    </row>
    <row r="491364" spans="8:8">
      <c r="H491364" s="12"/>
    </row>
    <row r="491365" spans="8:8">
      <c r="H491365" s="12"/>
    </row>
    <row r="491366" spans="8:8">
      <c r="H491366" s="12"/>
    </row>
    <row r="491367" spans="8:8">
      <c r="H491367" s="12"/>
    </row>
    <row r="491368" spans="8:8">
      <c r="H491368" s="12"/>
    </row>
    <row r="491369" spans="8:8">
      <c r="H491369" s="12"/>
    </row>
    <row r="491370" spans="8:8">
      <c r="H491370" s="12"/>
    </row>
    <row r="491371" spans="8:8">
      <c r="H491371" s="12"/>
    </row>
    <row r="491372" spans="8:8">
      <c r="H491372" s="12"/>
    </row>
    <row r="491373" spans="8:8">
      <c r="H491373" s="12"/>
    </row>
    <row r="491374" spans="8:8">
      <c r="H491374" s="12"/>
    </row>
    <row r="491375" spans="8:8">
      <c r="H491375" s="12"/>
    </row>
    <row r="491376" spans="8:8">
      <c r="H491376" s="12"/>
    </row>
    <row r="491377" spans="8:8">
      <c r="H491377" s="12"/>
    </row>
    <row r="491378" spans="8:8">
      <c r="H491378" s="12"/>
    </row>
    <row r="491379" spans="8:8">
      <c r="H491379" s="12"/>
    </row>
    <row r="491380" spans="8:8">
      <c r="H491380" s="12"/>
    </row>
    <row r="491381" spans="8:8">
      <c r="H491381" s="12"/>
    </row>
    <row r="491382" spans="8:8">
      <c r="H491382" s="12"/>
    </row>
    <row r="491383" spans="8:8">
      <c r="H491383" s="12"/>
    </row>
    <row r="491384" spans="8:8">
      <c r="H491384" s="12"/>
    </row>
    <row r="491385" spans="8:8">
      <c r="H491385" s="12"/>
    </row>
    <row r="491386" spans="8:8">
      <c r="H491386" s="12"/>
    </row>
    <row r="491387" spans="8:8">
      <c r="H491387" s="12"/>
    </row>
    <row r="491388" spans="8:8">
      <c r="H491388" s="12"/>
    </row>
    <row r="491389" spans="8:8">
      <c r="H491389" s="12"/>
    </row>
    <row r="491390" spans="8:8">
      <c r="H491390" s="12"/>
    </row>
    <row r="491391" spans="8:8">
      <c r="H491391" s="12"/>
    </row>
    <row r="491392" spans="8:8">
      <c r="H491392" s="12"/>
    </row>
    <row r="491393" spans="8:8">
      <c r="H491393" s="12"/>
    </row>
    <row r="491394" spans="8:8">
      <c r="H491394" s="12"/>
    </row>
    <row r="491395" spans="8:8">
      <c r="H491395" s="12"/>
    </row>
    <row r="491396" spans="8:8">
      <c r="H491396" s="12"/>
    </row>
    <row r="491397" spans="8:8">
      <c r="H491397" s="12"/>
    </row>
    <row r="491398" spans="8:8">
      <c r="H491398" s="12"/>
    </row>
    <row r="491399" spans="8:8">
      <c r="H491399" s="12"/>
    </row>
    <row r="491400" spans="8:8">
      <c r="H491400" s="12"/>
    </row>
    <row r="491401" spans="8:8">
      <c r="H491401" s="12"/>
    </row>
    <row r="491402" spans="8:8">
      <c r="H491402" s="12"/>
    </row>
    <row r="491403" spans="8:8">
      <c r="H491403" s="12"/>
    </row>
    <row r="491404" spans="8:8">
      <c r="H491404" s="12"/>
    </row>
    <row r="491405" spans="8:8">
      <c r="H491405" s="12"/>
    </row>
    <row r="491406" spans="8:8">
      <c r="H491406" s="12"/>
    </row>
    <row r="491407" spans="8:8">
      <c r="H491407" s="12"/>
    </row>
    <row r="491408" spans="8:8">
      <c r="H491408" s="12"/>
    </row>
    <row r="491409" spans="8:8">
      <c r="H491409" s="12"/>
    </row>
    <row r="491410" spans="8:8">
      <c r="H491410" s="12"/>
    </row>
    <row r="491411" spans="8:8">
      <c r="H491411" s="12"/>
    </row>
    <row r="491412" spans="8:8">
      <c r="H491412" s="12"/>
    </row>
    <row r="491413" spans="8:8">
      <c r="H491413" s="12"/>
    </row>
    <row r="491414" spans="8:8">
      <c r="H491414" s="12"/>
    </row>
    <row r="491415" spans="8:8">
      <c r="H491415" s="12"/>
    </row>
    <row r="491416" spans="8:8">
      <c r="H491416" s="12"/>
    </row>
    <row r="491417" spans="8:8">
      <c r="H491417" s="12"/>
    </row>
    <row r="491418" spans="8:8">
      <c r="H491418" s="12"/>
    </row>
    <row r="491419" spans="8:8">
      <c r="H491419" s="12"/>
    </row>
    <row r="491420" spans="8:8">
      <c r="H491420" s="12"/>
    </row>
    <row r="491421" spans="8:8">
      <c r="H491421" s="12"/>
    </row>
    <row r="491422" spans="8:8">
      <c r="H491422" s="12"/>
    </row>
    <row r="491423" spans="8:8">
      <c r="H491423" s="12"/>
    </row>
    <row r="491424" spans="8:8">
      <c r="H491424" s="12"/>
    </row>
    <row r="491425" spans="8:8">
      <c r="H491425" s="12"/>
    </row>
    <row r="491426" spans="8:8">
      <c r="H491426" s="12"/>
    </row>
    <row r="491427" spans="8:8">
      <c r="H491427" s="12"/>
    </row>
    <row r="491428" spans="8:8">
      <c r="H491428" s="12"/>
    </row>
    <row r="491429" spans="8:8">
      <c r="H491429" s="12"/>
    </row>
    <row r="491430" spans="8:8">
      <c r="H491430" s="12"/>
    </row>
    <row r="491431" spans="8:8">
      <c r="H491431" s="12"/>
    </row>
    <row r="491432" spans="8:8">
      <c r="H491432" s="12"/>
    </row>
    <row r="491433" spans="8:8">
      <c r="H491433" s="12"/>
    </row>
    <row r="491434" spans="8:8">
      <c r="H491434" s="12"/>
    </row>
    <row r="491435" spans="8:8">
      <c r="H491435" s="12"/>
    </row>
    <row r="491436" spans="8:8">
      <c r="H491436" s="12"/>
    </row>
    <row r="491437" spans="8:8">
      <c r="H491437" s="12"/>
    </row>
    <row r="491438" spans="8:8">
      <c r="H491438" s="12"/>
    </row>
    <row r="491439" spans="8:8">
      <c r="H491439" s="12"/>
    </row>
    <row r="491440" spans="8:8">
      <c r="H491440" s="12"/>
    </row>
    <row r="491441" spans="8:8">
      <c r="H491441" s="12"/>
    </row>
    <row r="491442" spans="8:8">
      <c r="H491442" s="12"/>
    </row>
    <row r="491443" spans="8:8">
      <c r="H491443" s="12"/>
    </row>
    <row r="491444" spans="8:8">
      <c r="H491444" s="12"/>
    </row>
    <row r="491445" spans="8:8">
      <c r="H491445" s="12"/>
    </row>
    <row r="491446" spans="8:8">
      <c r="H491446" s="12"/>
    </row>
    <row r="491447" spans="8:8">
      <c r="H491447" s="12"/>
    </row>
    <row r="491448" spans="8:8">
      <c r="H491448" s="12"/>
    </row>
    <row r="491449" spans="8:8">
      <c r="H491449" s="12"/>
    </row>
    <row r="491450" spans="8:8">
      <c r="H491450" s="12"/>
    </row>
    <row r="491451" spans="8:8">
      <c r="H491451" s="12"/>
    </row>
    <row r="491452" spans="8:8">
      <c r="H491452" s="12"/>
    </row>
    <row r="491453" spans="8:8">
      <c r="H491453" s="12"/>
    </row>
    <row r="491454" spans="8:8">
      <c r="H491454" s="12"/>
    </row>
    <row r="491455" spans="8:8">
      <c r="H491455" s="12"/>
    </row>
    <row r="491456" spans="8:8">
      <c r="H491456" s="12"/>
    </row>
    <row r="491457" spans="8:8">
      <c r="H491457" s="12"/>
    </row>
    <row r="491458" spans="8:8">
      <c r="H491458" s="12"/>
    </row>
    <row r="491459" spans="8:8">
      <c r="H491459" s="12"/>
    </row>
    <row r="491460" spans="8:8">
      <c r="H491460" s="12"/>
    </row>
    <row r="491461" spans="8:8">
      <c r="H491461" s="12"/>
    </row>
    <row r="491462" spans="8:8">
      <c r="H491462" s="12"/>
    </row>
    <row r="491463" spans="8:8">
      <c r="H491463" s="12"/>
    </row>
    <row r="491464" spans="8:8">
      <c r="H491464" s="12"/>
    </row>
    <row r="491465" spans="8:8">
      <c r="H491465" s="12"/>
    </row>
    <row r="491466" spans="8:8">
      <c r="H491466" s="12"/>
    </row>
    <row r="491467" spans="8:8">
      <c r="H491467" s="12"/>
    </row>
    <row r="491468" spans="8:8">
      <c r="H491468" s="12"/>
    </row>
    <row r="491469" spans="8:8">
      <c r="H491469" s="12"/>
    </row>
    <row r="491470" spans="8:8">
      <c r="H491470" s="12"/>
    </row>
    <row r="491471" spans="8:8">
      <c r="H491471" s="12"/>
    </row>
    <row r="491472" spans="8:8">
      <c r="H491472" s="12"/>
    </row>
    <row r="491473" spans="8:8">
      <c r="H491473" s="12"/>
    </row>
    <row r="491474" spans="8:8">
      <c r="H491474" s="12"/>
    </row>
    <row r="491475" spans="8:8">
      <c r="H491475" s="12"/>
    </row>
    <row r="491476" spans="8:8">
      <c r="H491476" s="12"/>
    </row>
    <row r="491477" spans="8:8">
      <c r="H491477" s="12"/>
    </row>
    <row r="491478" spans="8:8">
      <c r="H491478" s="12"/>
    </row>
    <row r="491479" spans="8:8">
      <c r="H491479" s="12"/>
    </row>
    <row r="491480" spans="8:8">
      <c r="H491480" s="12"/>
    </row>
    <row r="491481" spans="8:8">
      <c r="H491481" s="12"/>
    </row>
    <row r="491482" spans="8:8">
      <c r="H491482" s="12"/>
    </row>
    <row r="491483" spans="8:8">
      <c r="H491483" s="12"/>
    </row>
    <row r="491484" spans="8:8">
      <c r="H491484" s="12"/>
    </row>
    <row r="491485" spans="8:8">
      <c r="H491485" s="12"/>
    </row>
    <row r="491486" spans="8:8">
      <c r="H491486" s="12"/>
    </row>
    <row r="491487" spans="8:8">
      <c r="H491487" s="12"/>
    </row>
    <row r="491488" spans="8:8">
      <c r="H491488" s="12"/>
    </row>
    <row r="491489" spans="8:8">
      <c r="H491489" s="12"/>
    </row>
    <row r="491490" spans="8:8">
      <c r="H491490" s="12"/>
    </row>
    <row r="491491" spans="8:8">
      <c r="H491491" s="12"/>
    </row>
    <row r="491492" spans="8:8">
      <c r="H491492" s="12"/>
    </row>
    <row r="491493" spans="8:8">
      <c r="H491493" s="12"/>
    </row>
    <row r="491494" spans="8:8">
      <c r="H491494" s="12"/>
    </row>
    <row r="491495" spans="8:8">
      <c r="H491495" s="12"/>
    </row>
    <row r="491496" spans="8:8">
      <c r="H491496" s="12"/>
    </row>
    <row r="491497" spans="8:8">
      <c r="H491497" s="12"/>
    </row>
    <row r="491498" spans="8:8">
      <c r="H491498" s="12"/>
    </row>
    <row r="491499" spans="8:8">
      <c r="H491499" s="12"/>
    </row>
    <row r="491500" spans="8:8">
      <c r="H491500" s="12"/>
    </row>
    <row r="491501" spans="8:8">
      <c r="H491501" s="12"/>
    </row>
    <row r="491502" spans="8:8">
      <c r="H491502" s="12"/>
    </row>
    <row r="491503" spans="8:8">
      <c r="H491503" s="12"/>
    </row>
    <row r="491504" spans="8:8">
      <c r="H491504" s="12"/>
    </row>
    <row r="491505" spans="8:8">
      <c r="H491505" s="12"/>
    </row>
    <row r="491506" spans="8:8">
      <c r="H491506" s="12"/>
    </row>
    <row r="491507" spans="8:8">
      <c r="H491507" s="12"/>
    </row>
    <row r="491508" spans="8:8">
      <c r="H491508" s="12"/>
    </row>
    <row r="491509" spans="8:8">
      <c r="H491509" s="12"/>
    </row>
    <row r="491510" spans="8:8">
      <c r="H491510" s="12"/>
    </row>
    <row r="491511" spans="8:8">
      <c r="H491511" s="12"/>
    </row>
    <row r="491512" spans="8:8">
      <c r="H491512" s="12"/>
    </row>
    <row r="491513" spans="8:8">
      <c r="H491513" s="12"/>
    </row>
    <row r="491514" spans="8:8">
      <c r="H491514" s="12"/>
    </row>
    <row r="491515" spans="8:8">
      <c r="H491515" s="12"/>
    </row>
    <row r="491516" spans="8:8">
      <c r="H491516" s="12"/>
    </row>
    <row r="491517" spans="8:8">
      <c r="H491517" s="12"/>
    </row>
    <row r="491518" spans="8:8">
      <c r="H491518" s="12"/>
    </row>
    <row r="491519" spans="8:8">
      <c r="H491519" s="12"/>
    </row>
    <row r="491520" spans="8:8">
      <c r="H491520" s="12"/>
    </row>
    <row r="491521" spans="8:8">
      <c r="H491521" s="12"/>
    </row>
    <row r="491522" spans="8:8">
      <c r="H491522" s="12"/>
    </row>
    <row r="491523" spans="8:8">
      <c r="H491523" s="12"/>
    </row>
    <row r="491524" spans="8:8">
      <c r="H491524" s="12"/>
    </row>
    <row r="491525" spans="8:8">
      <c r="H491525" s="12"/>
    </row>
    <row r="491526" spans="8:8">
      <c r="H491526" s="12"/>
    </row>
    <row r="491527" spans="8:8">
      <c r="H491527" s="12"/>
    </row>
    <row r="491528" spans="8:8">
      <c r="H491528" s="12"/>
    </row>
    <row r="491529" spans="8:8">
      <c r="H491529" s="12"/>
    </row>
    <row r="491530" spans="8:8">
      <c r="H491530" s="12"/>
    </row>
    <row r="491531" spans="8:8">
      <c r="H491531" s="12"/>
    </row>
    <row r="491532" spans="8:8">
      <c r="H491532" s="12"/>
    </row>
    <row r="491533" spans="8:8">
      <c r="H491533" s="12"/>
    </row>
    <row r="491534" spans="8:8">
      <c r="H491534" s="12"/>
    </row>
    <row r="491535" spans="8:8">
      <c r="H491535" s="12"/>
    </row>
    <row r="491536" spans="8:8">
      <c r="H491536" s="12"/>
    </row>
    <row r="491537" spans="8:8">
      <c r="H491537" s="12"/>
    </row>
    <row r="491538" spans="8:8">
      <c r="H491538" s="12"/>
    </row>
    <row r="491539" spans="8:8">
      <c r="H491539" s="12"/>
    </row>
    <row r="491540" spans="8:8">
      <c r="H491540" s="12"/>
    </row>
    <row r="491541" spans="8:8">
      <c r="H491541" s="12"/>
    </row>
    <row r="491542" spans="8:8">
      <c r="H491542" s="12"/>
    </row>
    <row r="491543" spans="8:8">
      <c r="H491543" s="12"/>
    </row>
    <row r="491544" spans="8:8">
      <c r="H491544" s="12"/>
    </row>
    <row r="491545" spans="8:8">
      <c r="H491545" s="12"/>
    </row>
    <row r="491546" spans="8:8">
      <c r="H491546" s="12"/>
    </row>
    <row r="491547" spans="8:8">
      <c r="H491547" s="12"/>
    </row>
    <row r="491548" spans="8:8">
      <c r="H491548" s="12"/>
    </row>
    <row r="491549" spans="8:8">
      <c r="H491549" s="12"/>
    </row>
    <row r="491550" spans="8:8">
      <c r="H491550" s="12"/>
    </row>
    <row r="491551" spans="8:8">
      <c r="H491551" s="12"/>
    </row>
    <row r="491552" spans="8:8">
      <c r="H491552" s="12"/>
    </row>
    <row r="491553" spans="8:8">
      <c r="H491553" s="12"/>
    </row>
    <row r="491554" spans="8:8">
      <c r="H491554" s="12"/>
    </row>
    <row r="491555" spans="8:8">
      <c r="H491555" s="12"/>
    </row>
    <row r="491556" spans="8:8">
      <c r="H491556" s="12"/>
    </row>
    <row r="491557" spans="8:8">
      <c r="H491557" s="12"/>
    </row>
    <row r="491558" spans="8:8">
      <c r="H491558" s="12"/>
    </row>
    <row r="491559" spans="8:8">
      <c r="H491559" s="12"/>
    </row>
    <row r="491560" spans="8:8">
      <c r="H491560" s="12"/>
    </row>
    <row r="491561" spans="8:8">
      <c r="H491561" s="12"/>
    </row>
    <row r="491562" spans="8:8">
      <c r="H491562" s="12"/>
    </row>
    <row r="491563" spans="8:8">
      <c r="H491563" s="12"/>
    </row>
    <row r="491564" spans="8:8">
      <c r="H491564" s="12"/>
    </row>
    <row r="491565" spans="8:8">
      <c r="H491565" s="12"/>
    </row>
    <row r="491566" spans="8:8">
      <c r="H491566" s="12"/>
    </row>
    <row r="491567" spans="8:8">
      <c r="H491567" s="12"/>
    </row>
    <row r="491568" spans="8:8">
      <c r="H491568" s="12"/>
    </row>
    <row r="491569" spans="8:8">
      <c r="H491569" s="12"/>
    </row>
    <row r="491570" spans="8:8">
      <c r="H491570" s="12"/>
    </row>
    <row r="491571" spans="8:8">
      <c r="H491571" s="12"/>
    </row>
    <row r="491572" spans="8:8">
      <c r="H491572" s="12"/>
    </row>
    <row r="491573" spans="8:8">
      <c r="H491573" s="12"/>
    </row>
    <row r="491574" spans="8:8">
      <c r="H491574" s="12"/>
    </row>
    <row r="491575" spans="8:8">
      <c r="H491575" s="12"/>
    </row>
    <row r="491576" spans="8:8">
      <c r="H491576" s="12"/>
    </row>
    <row r="491577" spans="8:8">
      <c r="H491577" s="12"/>
    </row>
    <row r="491578" spans="8:8">
      <c r="H491578" s="12"/>
    </row>
    <row r="491579" spans="8:8">
      <c r="H491579" s="12"/>
    </row>
    <row r="491580" spans="8:8">
      <c r="H491580" s="12"/>
    </row>
    <row r="491581" spans="8:8">
      <c r="H491581" s="12"/>
    </row>
    <row r="491582" spans="8:8">
      <c r="H491582" s="12"/>
    </row>
    <row r="491583" spans="8:8">
      <c r="H491583" s="12"/>
    </row>
    <row r="491584" spans="8:8">
      <c r="H491584" s="12"/>
    </row>
    <row r="491585" spans="8:8">
      <c r="H491585" s="12"/>
    </row>
    <row r="491586" spans="8:8">
      <c r="H491586" s="12"/>
    </row>
    <row r="491587" spans="8:8">
      <c r="H491587" s="12"/>
    </row>
    <row r="491588" spans="8:8">
      <c r="H491588" s="12"/>
    </row>
    <row r="491589" spans="8:8">
      <c r="H491589" s="12"/>
    </row>
    <row r="491590" spans="8:8">
      <c r="H491590" s="12"/>
    </row>
    <row r="491591" spans="8:8">
      <c r="H491591" s="12"/>
    </row>
    <row r="491592" spans="8:8">
      <c r="H491592" s="12"/>
    </row>
    <row r="491593" spans="8:8">
      <c r="H491593" s="12"/>
    </row>
    <row r="491594" spans="8:8">
      <c r="H491594" s="12"/>
    </row>
    <row r="491595" spans="8:8">
      <c r="H491595" s="12"/>
    </row>
    <row r="491596" spans="8:8">
      <c r="H491596" s="12"/>
    </row>
    <row r="491597" spans="8:8">
      <c r="H491597" s="12"/>
    </row>
    <row r="491598" spans="8:8">
      <c r="H491598" s="12"/>
    </row>
    <row r="491599" spans="8:8">
      <c r="H491599" s="12"/>
    </row>
    <row r="491600" spans="8:8">
      <c r="H491600" s="12"/>
    </row>
    <row r="491601" spans="8:8">
      <c r="H491601" s="12"/>
    </row>
    <row r="491602" spans="8:8">
      <c r="H491602" s="12"/>
    </row>
    <row r="491603" spans="8:8">
      <c r="H491603" s="12"/>
    </row>
    <row r="491604" spans="8:8">
      <c r="H491604" s="12"/>
    </row>
    <row r="491605" spans="8:8">
      <c r="H491605" s="12"/>
    </row>
    <row r="491606" spans="8:8">
      <c r="H491606" s="12"/>
    </row>
    <row r="491607" spans="8:8">
      <c r="H491607" s="12"/>
    </row>
    <row r="491608" spans="8:8">
      <c r="H491608" s="12"/>
    </row>
    <row r="491609" spans="8:8">
      <c r="H491609" s="12"/>
    </row>
    <row r="491610" spans="8:8">
      <c r="H491610" s="12"/>
    </row>
    <row r="491611" spans="8:8">
      <c r="H491611" s="12"/>
    </row>
    <row r="491612" spans="8:8">
      <c r="H491612" s="12"/>
    </row>
    <row r="491613" spans="8:8">
      <c r="H491613" s="12"/>
    </row>
    <row r="491614" spans="8:8">
      <c r="H491614" s="12"/>
    </row>
    <row r="491615" spans="8:8">
      <c r="H491615" s="12"/>
    </row>
    <row r="491616" spans="8:8">
      <c r="H491616" s="12"/>
    </row>
    <row r="491617" spans="8:8">
      <c r="H491617" s="12"/>
    </row>
    <row r="491618" spans="8:8">
      <c r="H491618" s="12"/>
    </row>
    <row r="491619" spans="8:8">
      <c r="H491619" s="12"/>
    </row>
    <row r="491620" spans="8:8">
      <c r="H491620" s="12"/>
    </row>
    <row r="491621" spans="8:8">
      <c r="H491621" s="12"/>
    </row>
    <row r="491622" spans="8:8">
      <c r="H491622" s="12"/>
    </row>
    <row r="491623" spans="8:8">
      <c r="H491623" s="12"/>
    </row>
    <row r="491624" spans="8:8">
      <c r="H491624" s="12"/>
    </row>
    <row r="491625" spans="8:8">
      <c r="H491625" s="12"/>
    </row>
    <row r="491626" spans="8:8">
      <c r="H491626" s="12"/>
    </row>
    <row r="491627" spans="8:8">
      <c r="H491627" s="12"/>
    </row>
    <row r="491628" spans="8:8">
      <c r="H491628" s="12"/>
    </row>
    <row r="491629" spans="8:8">
      <c r="H491629" s="12"/>
    </row>
    <row r="491630" spans="8:8">
      <c r="H491630" s="12"/>
    </row>
    <row r="491631" spans="8:8">
      <c r="H491631" s="12"/>
    </row>
    <row r="491632" spans="8:8">
      <c r="H491632" s="12"/>
    </row>
    <row r="491633" spans="8:8">
      <c r="H491633" s="12"/>
    </row>
    <row r="491634" spans="8:8">
      <c r="H491634" s="12"/>
    </row>
    <row r="491635" spans="8:8">
      <c r="H491635" s="12"/>
    </row>
    <row r="491636" spans="8:8">
      <c r="H491636" s="12"/>
    </row>
    <row r="491637" spans="8:8">
      <c r="H491637" s="12"/>
    </row>
    <row r="491638" spans="8:8">
      <c r="H491638" s="12"/>
    </row>
    <row r="491639" spans="8:8">
      <c r="H491639" s="12"/>
    </row>
    <row r="491640" spans="8:8">
      <c r="H491640" s="12"/>
    </row>
    <row r="491641" spans="8:8">
      <c r="H491641" s="12"/>
    </row>
    <row r="491642" spans="8:8">
      <c r="H491642" s="12"/>
    </row>
    <row r="491643" spans="8:8">
      <c r="H491643" s="12"/>
    </row>
    <row r="491644" spans="8:8">
      <c r="H491644" s="12"/>
    </row>
    <row r="491645" spans="8:8">
      <c r="H491645" s="12"/>
    </row>
    <row r="491646" spans="8:8">
      <c r="H491646" s="12"/>
    </row>
    <row r="491647" spans="8:8">
      <c r="H491647" s="12"/>
    </row>
    <row r="491648" spans="8:8">
      <c r="H491648" s="12"/>
    </row>
    <row r="491649" spans="8:8">
      <c r="H491649" s="12"/>
    </row>
    <row r="491650" spans="8:8">
      <c r="H491650" s="12"/>
    </row>
    <row r="491651" spans="8:8">
      <c r="H491651" s="12"/>
    </row>
    <row r="491652" spans="8:8">
      <c r="H491652" s="12"/>
    </row>
    <row r="491653" spans="8:8">
      <c r="H491653" s="12"/>
    </row>
    <row r="491654" spans="8:8">
      <c r="H491654" s="12"/>
    </row>
    <row r="491655" spans="8:8">
      <c r="H491655" s="12"/>
    </row>
    <row r="491656" spans="8:8">
      <c r="H491656" s="12"/>
    </row>
    <row r="491657" spans="8:8">
      <c r="H491657" s="12"/>
    </row>
    <row r="491658" spans="8:8">
      <c r="H491658" s="12"/>
    </row>
    <row r="491659" spans="8:8">
      <c r="H491659" s="12"/>
    </row>
    <row r="491660" spans="8:8">
      <c r="H491660" s="12"/>
    </row>
    <row r="491661" spans="8:8">
      <c r="H491661" s="12"/>
    </row>
    <row r="491662" spans="8:8">
      <c r="H491662" s="12"/>
    </row>
    <row r="491663" spans="8:8">
      <c r="H491663" s="12"/>
    </row>
    <row r="491664" spans="8:8">
      <c r="H491664" s="12"/>
    </row>
    <row r="491665" spans="8:8">
      <c r="H491665" s="12"/>
    </row>
    <row r="491666" spans="8:8">
      <c r="H491666" s="12"/>
    </row>
    <row r="491667" spans="8:8">
      <c r="H491667" s="12"/>
    </row>
    <row r="491668" spans="8:8">
      <c r="H491668" s="12"/>
    </row>
    <row r="491669" spans="8:8">
      <c r="H491669" s="12"/>
    </row>
    <row r="491670" spans="8:8">
      <c r="H491670" s="12"/>
    </row>
    <row r="491671" spans="8:8">
      <c r="H491671" s="12"/>
    </row>
    <row r="491672" spans="8:8">
      <c r="H491672" s="12"/>
    </row>
    <row r="491673" spans="8:8">
      <c r="H491673" s="12"/>
    </row>
    <row r="491674" spans="8:8">
      <c r="H491674" s="12"/>
    </row>
    <row r="491675" spans="8:8">
      <c r="H491675" s="12"/>
    </row>
    <row r="491676" spans="8:8">
      <c r="H491676" s="12"/>
    </row>
    <row r="491677" spans="8:8">
      <c r="H491677" s="12"/>
    </row>
    <row r="491678" spans="8:8">
      <c r="H491678" s="12"/>
    </row>
    <row r="491679" spans="8:8">
      <c r="H491679" s="12"/>
    </row>
    <row r="491680" spans="8:8">
      <c r="H491680" s="12"/>
    </row>
    <row r="491681" spans="8:8">
      <c r="H491681" s="12"/>
    </row>
    <row r="491682" spans="8:8">
      <c r="H491682" s="12"/>
    </row>
    <row r="491683" spans="8:8">
      <c r="H491683" s="12"/>
    </row>
    <row r="491684" spans="8:8">
      <c r="H491684" s="12"/>
    </row>
    <row r="491685" spans="8:8">
      <c r="H491685" s="12"/>
    </row>
    <row r="491686" spans="8:8">
      <c r="H491686" s="12"/>
    </row>
    <row r="491687" spans="8:8">
      <c r="H491687" s="12"/>
    </row>
    <row r="491688" spans="8:8">
      <c r="H491688" s="12"/>
    </row>
    <row r="491689" spans="8:8">
      <c r="H491689" s="12"/>
    </row>
    <row r="491690" spans="8:8">
      <c r="H491690" s="12"/>
    </row>
    <row r="491691" spans="8:8">
      <c r="H491691" s="12"/>
    </row>
    <row r="491692" spans="8:8">
      <c r="H491692" s="12"/>
    </row>
    <row r="491693" spans="8:8">
      <c r="H491693" s="12"/>
    </row>
    <row r="491694" spans="8:8">
      <c r="H491694" s="12"/>
    </row>
    <row r="491695" spans="8:8">
      <c r="H491695" s="12"/>
    </row>
    <row r="491696" spans="8:8">
      <c r="H491696" s="12"/>
    </row>
    <row r="491697" spans="8:8">
      <c r="H491697" s="12"/>
    </row>
    <row r="491698" spans="8:8">
      <c r="H491698" s="12"/>
    </row>
    <row r="491699" spans="8:8">
      <c r="H491699" s="12"/>
    </row>
    <row r="491700" spans="8:8">
      <c r="H491700" s="12"/>
    </row>
    <row r="491701" spans="8:8">
      <c r="H491701" s="12"/>
    </row>
    <row r="491702" spans="8:8">
      <c r="H491702" s="12"/>
    </row>
    <row r="491703" spans="8:8">
      <c r="H491703" s="12"/>
    </row>
    <row r="491704" spans="8:8">
      <c r="H491704" s="12"/>
    </row>
    <row r="491705" spans="8:8">
      <c r="H491705" s="12"/>
    </row>
    <row r="491706" spans="8:8">
      <c r="H491706" s="12"/>
    </row>
    <row r="491707" spans="8:8">
      <c r="H491707" s="12"/>
    </row>
    <row r="491708" spans="8:8">
      <c r="H491708" s="12"/>
    </row>
    <row r="491709" spans="8:8">
      <c r="H491709" s="12"/>
    </row>
    <row r="491710" spans="8:8">
      <c r="H491710" s="12"/>
    </row>
    <row r="491711" spans="8:8">
      <c r="H491711" s="12"/>
    </row>
    <row r="491712" spans="8:8">
      <c r="H491712" s="12"/>
    </row>
    <row r="491713" spans="8:8">
      <c r="H491713" s="12"/>
    </row>
    <row r="491714" spans="8:8">
      <c r="H491714" s="12"/>
    </row>
    <row r="491715" spans="8:8">
      <c r="H491715" s="12"/>
    </row>
    <row r="491716" spans="8:8">
      <c r="H491716" s="12"/>
    </row>
    <row r="491717" spans="8:8">
      <c r="H491717" s="12"/>
    </row>
    <row r="491718" spans="8:8">
      <c r="H491718" s="12"/>
    </row>
    <row r="491719" spans="8:8">
      <c r="H491719" s="12"/>
    </row>
    <row r="491720" spans="8:8">
      <c r="H491720" s="12"/>
    </row>
    <row r="491721" spans="8:8">
      <c r="H491721" s="12"/>
    </row>
    <row r="491722" spans="8:8">
      <c r="H491722" s="12"/>
    </row>
    <row r="491723" spans="8:8">
      <c r="H491723" s="12"/>
    </row>
    <row r="491724" spans="8:8">
      <c r="H491724" s="12"/>
    </row>
    <row r="491725" spans="8:8">
      <c r="H491725" s="12"/>
    </row>
    <row r="491726" spans="8:8">
      <c r="H491726" s="12"/>
    </row>
    <row r="491727" spans="8:8">
      <c r="H491727" s="12"/>
    </row>
    <row r="491728" spans="8:8">
      <c r="H491728" s="12"/>
    </row>
    <row r="491729" spans="8:8">
      <c r="H491729" s="12"/>
    </row>
    <row r="491730" spans="8:8">
      <c r="H491730" s="12"/>
    </row>
    <row r="491731" spans="8:8">
      <c r="H491731" s="12"/>
    </row>
    <row r="491732" spans="8:8">
      <c r="H491732" s="12"/>
    </row>
    <row r="491733" spans="8:8">
      <c r="H491733" s="12"/>
    </row>
    <row r="491734" spans="8:8">
      <c r="H491734" s="12"/>
    </row>
    <row r="491735" spans="8:8">
      <c r="H491735" s="12"/>
    </row>
    <row r="491736" spans="8:8">
      <c r="H491736" s="12"/>
    </row>
    <row r="491737" spans="8:8">
      <c r="H491737" s="12"/>
    </row>
    <row r="491738" spans="8:8">
      <c r="H491738" s="12"/>
    </row>
    <row r="491739" spans="8:8">
      <c r="H491739" s="12"/>
    </row>
    <row r="491740" spans="8:8">
      <c r="H491740" s="12"/>
    </row>
    <row r="491741" spans="8:8">
      <c r="H491741" s="12"/>
    </row>
    <row r="491742" spans="8:8">
      <c r="H491742" s="12"/>
    </row>
    <row r="491743" spans="8:8">
      <c r="H491743" s="12"/>
    </row>
    <row r="491744" spans="8:8">
      <c r="H491744" s="12"/>
    </row>
    <row r="491745" spans="8:8">
      <c r="H491745" s="12"/>
    </row>
    <row r="491746" spans="8:8">
      <c r="H491746" s="12"/>
    </row>
    <row r="491747" spans="8:8">
      <c r="H491747" s="12"/>
    </row>
    <row r="491748" spans="8:8">
      <c r="H491748" s="12"/>
    </row>
    <row r="491749" spans="8:8">
      <c r="H491749" s="12"/>
    </row>
    <row r="491750" spans="8:8">
      <c r="H491750" s="12"/>
    </row>
    <row r="491751" spans="8:8">
      <c r="H491751" s="12"/>
    </row>
    <row r="491752" spans="8:8">
      <c r="H491752" s="12"/>
    </row>
    <row r="491753" spans="8:8">
      <c r="H491753" s="12"/>
    </row>
    <row r="491754" spans="8:8">
      <c r="H491754" s="12"/>
    </row>
    <row r="491755" spans="8:8">
      <c r="H491755" s="12"/>
    </row>
    <row r="491756" spans="8:8">
      <c r="H491756" s="12"/>
    </row>
    <row r="491757" spans="8:8">
      <c r="H491757" s="12"/>
    </row>
    <row r="491758" spans="8:8">
      <c r="H491758" s="12"/>
    </row>
    <row r="491759" spans="8:8">
      <c r="H491759" s="12"/>
    </row>
    <row r="491760" spans="8:8">
      <c r="H491760" s="12"/>
    </row>
    <row r="491761" spans="8:8">
      <c r="H491761" s="12"/>
    </row>
    <row r="491762" spans="8:8">
      <c r="H491762" s="12"/>
    </row>
    <row r="491763" spans="8:8">
      <c r="H491763" s="12"/>
    </row>
    <row r="491764" spans="8:8">
      <c r="H491764" s="12"/>
    </row>
    <row r="491765" spans="8:8">
      <c r="H491765" s="12"/>
    </row>
    <row r="491766" spans="8:8">
      <c r="H491766" s="12"/>
    </row>
    <row r="491767" spans="8:8">
      <c r="H491767" s="12"/>
    </row>
    <row r="491768" spans="8:8">
      <c r="H491768" s="12"/>
    </row>
    <row r="491769" spans="8:8">
      <c r="H491769" s="12"/>
    </row>
    <row r="491770" spans="8:8">
      <c r="H491770" s="12"/>
    </row>
    <row r="491771" spans="8:8">
      <c r="H491771" s="12"/>
    </row>
    <row r="491772" spans="8:8">
      <c r="H491772" s="12"/>
    </row>
    <row r="491773" spans="8:8">
      <c r="H491773" s="12"/>
    </row>
    <row r="491774" spans="8:8">
      <c r="H491774" s="12"/>
    </row>
    <row r="491775" spans="8:8">
      <c r="H491775" s="12"/>
    </row>
    <row r="491776" spans="8:8">
      <c r="H491776" s="12"/>
    </row>
    <row r="491777" spans="8:8">
      <c r="H491777" s="12"/>
    </row>
    <row r="491778" spans="8:8">
      <c r="H491778" s="12"/>
    </row>
    <row r="491779" spans="8:8">
      <c r="H491779" s="12"/>
    </row>
    <row r="491780" spans="8:8">
      <c r="H491780" s="12"/>
    </row>
    <row r="491781" spans="8:8">
      <c r="H491781" s="12"/>
    </row>
    <row r="491782" spans="8:8">
      <c r="H491782" s="12"/>
    </row>
    <row r="491783" spans="8:8">
      <c r="H491783" s="12"/>
    </row>
    <row r="491784" spans="8:8">
      <c r="H491784" s="12"/>
    </row>
    <row r="491785" spans="8:8">
      <c r="H491785" s="12"/>
    </row>
    <row r="491786" spans="8:8">
      <c r="H491786" s="12"/>
    </row>
    <row r="491787" spans="8:8">
      <c r="H491787" s="12"/>
    </row>
    <row r="491788" spans="8:8">
      <c r="H491788" s="12"/>
    </row>
    <row r="491789" spans="8:8">
      <c r="H491789" s="12"/>
    </row>
    <row r="491790" spans="8:8">
      <c r="H491790" s="12"/>
    </row>
    <row r="491791" spans="8:8">
      <c r="H491791" s="12"/>
    </row>
    <row r="491792" spans="8:8">
      <c r="H491792" s="12"/>
    </row>
    <row r="491793" spans="8:8">
      <c r="H491793" s="12"/>
    </row>
    <row r="491794" spans="8:8">
      <c r="H491794" s="12"/>
    </row>
    <row r="491795" spans="8:8">
      <c r="H491795" s="12"/>
    </row>
    <row r="491796" spans="8:8">
      <c r="H491796" s="12"/>
    </row>
    <row r="491797" spans="8:8">
      <c r="H491797" s="12"/>
    </row>
    <row r="491798" spans="8:8">
      <c r="H491798" s="12"/>
    </row>
    <row r="491799" spans="8:8">
      <c r="H491799" s="12"/>
    </row>
    <row r="491800" spans="8:8">
      <c r="H491800" s="12"/>
    </row>
    <row r="491801" spans="8:8">
      <c r="H491801" s="12"/>
    </row>
    <row r="491802" spans="8:8">
      <c r="H491802" s="12"/>
    </row>
    <row r="491803" spans="8:8">
      <c r="H491803" s="12"/>
    </row>
    <row r="491804" spans="8:8">
      <c r="H491804" s="12"/>
    </row>
    <row r="491805" spans="8:8">
      <c r="H491805" s="12"/>
    </row>
    <row r="491806" spans="8:8">
      <c r="H491806" s="12"/>
    </row>
    <row r="491807" spans="8:8">
      <c r="H491807" s="12"/>
    </row>
    <row r="491808" spans="8:8">
      <c r="H491808" s="12"/>
    </row>
    <row r="491809" spans="8:8">
      <c r="H491809" s="12"/>
    </row>
    <row r="491810" spans="8:8">
      <c r="H491810" s="12"/>
    </row>
    <row r="491811" spans="8:8">
      <c r="H491811" s="12"/>
    </row>
    <row r="491812" spans="8:8">
      <c r="H491812" s="12"/>
    </row>
    <row r="491813" spans="8:8">
      <c r="H491813" s="12"/>
    </row>
    <row r="491814" spans="8:8">
      <c r="H491814" s="12"/>
    </row>
    <row r="491815" spans="8:8">
      <c r="H491815" s="12"/>
    </row>
    <row r="491816" spans="8:8">
      <c r="H491816" s="12"/>
    </row>
    <row r="491817" spans="8:8">
      <c r="H491817" s="12"/>
    </row>
    <row r="491818" spans="8:8">
      <c r="H491818" s="12"/>
    </row>
    <row r="491819" spans="8:8">
      <c r="H491819" s="12"/>
    </row>
    <row r="491820" spans="8:8">
      <c r="H491820" s="12"/>
    </row>
    <row r="491821" spans="8:8">
      <c r="H491821" s="12"/>
    </row>
    <row r="491822" spans="8:8">
      <c r="H491822" s="12"/>
    </row>
    <row r="491823" spans="8:8">
      <c r="H491823" s="12"/>
    </row>
    <row r="491824" spans="8:8">
      <c r="H491824" s="12"/>
    </row>
    <row r="491825" spans="8:8">
      <c r="H491825" s="12"/>
    </row>
    <row r="491826" spans="8:8">
      <c r="H491826" s="12"/>
    </row>
    <row r="491827" spans="8:8">
      <c r="H491827" s="12"/>
    </row>
    <row r="491828" spans="8:8">
      <c r="H491828" s="12"/>
    </row>
    <row r="491829" spans="8:8">
      <c r="H491829" s="12"/>
    </row>
    <row r="491830" spans="8:8">
      <c r="H491830" s="12"/>
    </row>
    <row r="491831" spans="8:8">
      <c r="H491831" s="12"/>
    </row>
    <row r="491832" spans="8:8">
      <c r="H491832" s="12"/>
    </row>
    <row r="491833" spans="8:8">
      <c r="H491833" s="12"/>
    </row>
    <row r="491834" spans="8:8">
      <c r="H491834" s="12"/>
    </row>
    <row r="491835" spans="8:8">
      <c r="H491835" s="12"/>
    </row>
    <row r="491836" spans="8:8">
      <c r="H491836" s="12"/>
    </row>
    <row r="491837" spans="8:8">
      <c r="H491837" s="12"/>
    </row>
    <row r="491838" spans="8:8">
      <c r="H491838" s="12"/>
    </row>
    <row r="491839" spans="8:8">
      <c r="H491839" s="12"/>
    </row>
    <row r="491840" spans="8:8">
      <c r="H491840" s="12"/>
    </row>
    <row r="491841" spans="8:8">
      <c r="H491841" s="12"/>
    </row>
    <row r="491842" spans="8:8">
      <c r="H491842" s="12"/>
    </row>
    <row r="491843" spans="8:8">
      <c r="H491843" s="12"/>
    </row>
    <row r="491844" spans="8:8">
      <c r="H491844" s="12"/>
    </row>
    <row r="491845" spans="8:8">
      <c r="H491845" s="12"/>
    </row>
    <row r="491846" spans="8:8">
      <c r="H491846" s="12"/>
    </row>
    <row r="491847" spans="8:8">
      <c r="H491847" s="12"/>
    </row>
    <row r="491848" spans="8:8">
      <c r="H491848" s="12"/>
    </row>
    <row r="491849" spans="8:8">
      <c r="H491849" s="12"/>
    </row>
    <row r="491850" spans="8:8">
      <c r="H491850" s="12"/>
    </row>
    <row r="491851" spans="8:8">
      <c r="H491851" s="12"/>
    </row>
    <row r="491852" spans="8:8">
      <c r="H491852" s="12"/>
    </row>
    <row r="491853" spans="8:8">
      <c r="H491853" s="12"/>
    </row>
    <row r="491854" spans="8:8">
      <c r="H491854" s="12"/>
    </row>
    <row r="491855" spans="8:8">
      <c r="H491855" s="12"/>
    </row>
    <row r="491856" spans="8:8">
      <c r="H491856" s="12"/>
    </row>
    <row r="491857" spans="8:8">
      <c r="H491857" s="12"/>
    </row>
    <row r="491858" spans="8:8">
      <c r="H491858" s="12"/>
    </row>
    <row r="491859" spans="8:8">
      <c r="H491859" s="12"/>
    </row>
    <row r="491860" spans="8:8">
      <c r="H491860" s="12"/>
    </row>
    <row r="491861" spans="8:8">
      <c r="H491861" s="12"/>
    </row>
    <row r="491862" spans="8:8">
      <c r="H491862" s="12"/>
    </row>
    <row r="491863" spans="8:8">
      <c r="H491863" s="12"/>
    </row>
    <row r="491864" spans="8:8">
      <c r="H491864" s="12"/>
    </row>
    <row r="491865" spans="8:8">
      <c r="H491865" s="12"/>
    </row>
    <row r="491866" spans="8:8">
      <c r="H491866" s="12"/>
    </row>
    <row r="491867" spans="8:8">
      <c r="H491867" s="12"/>
    </row>
    <row r="491868" spans="8:8">
      <c r="H491868" s="12"/>
    </row>
    <row r="491869" spans="8:8">
      <c r="H491869" s="12"/>
    </row>
    <row r="491870" spans="8:8">
      <c r="H491870" s="12"/>
    </row>
    <row r="491871" spans="8:8">
      <c r="H491871" s="12"/>
    </row>
    <row r="491872" spans="8:8">
      <c r="H491872" s="12"/>
    </row>
    <row r="491873" spans="8:8">
      <c r="H491873" s="12"/>
    </row>
    <row r="491874" spans="8:8">
      <c r="H491874" s="12"/>
    </row>
    <row r="491875" spans="8:8">
      <c r="H491875" s="12"/>
    </row>
    <row r="491876" spans="8:8">
      <c r="H491876" s="12"/>
    </row>
    <row r="491877" spans="8:8">
      <c r="H491877" s="12"/>
    </row>
    <row r="491878" spans="8:8">
      <c r="H491878" s="12"/>
    </row>
    <row r="491879" spans="8:8">
      <c r="H491879" s="12"/>
    </row>
    <row r="491880" spans="8:8">
      <c r="H491880" s="12"/>
    </row>
    <row r="491881" spans="8:8">
      <c r="H491881" s="12"/>
    </row>
    <row r="491882" spans="8:8">
      <c r="H491882" s="12"/>
    </row>
    <row r="491883" spans="8:8">
      <c r="H491883" s="12"/>
    </row>
    <row r="491884" spans="8:8">
      <c r="H491884" s="12"/>
    </row>
    <row r="491885" spans="8:8">
      <c r="H491885" s="12"/>
    </row>
    <row r="491886" spans="8:8">
      <c r="H491886" s="12"/>
    </row>
    <row r="491887" spans="8:8">
      <c r="H491887" s="12"/>
    </row>
    <row r="491888" spans="8:8">
      <c r="H491888" s="12"/>
    </row>
    <row r="491889" spans="8:8">
      <c r="H491889" s="12"/>
    </row>
    <row r="491890" spans="8:8">
      <c r="H491890" s="12"/>
    </row>
    <row r="491891" spans="8:8">
      <c r="H491891" s="12"/>
    </row>
    <row r="491892" spans="8:8">
      <c r="H491892" s="12"/>
    </row>
    <row r="491893" spans="8:8">
      <c r="H491893" s="12"/>
    </row>
    <row r="491894" spans="8:8">
      <c r="H491894" s="12"/>
    </row>
    <row r="491895" spans="8:8">
      <c r="H491895" s="12"/>
    </row>
    <row r="491896" spans="8:8">
      <c r="H491896" s="12"/>
    </row>
    <row r="491897" spans="8:8">
      <c r="H491897" s="12"/>
    </row>
    <row r="491898" spans="8:8">
      <c r="H491898" s="12"/>
    </row>
    <row r="491899" spans="8:8">
      <c r="H491899" s="12"/>
    </row>
    <row r="491900" spans="8:8">
      <c r="H491900" s="12"/>
    </row>
    <row r="491901" spans="8:8">
      <c r="H491901" s="12"/>
    </row>
    <row r="491902" spans="8:8">
      <c r="H491902" s="12"/>
    </row>
    <row r="491903" spans="8:8">
      <c r="H491903" s="12"/>
    </row>
    <row r="491904" spans="8:8">
      <c r="H491904" s="12"/>
    </row>
    <row r="491905" spans="8:8">
      <c r="H491905" s="12"/>
    </row>
    <row r="491906" spans="8:8">
      <c r="H491906" s="12"/>
    </row>
    <row r="491907" spans="8:8">
      <c r="H491907" s="12"/>
    </row>
    <row r="491908" spans="8:8">
      <c r="H491908" s="12"/>
    </row>
    <row r="491909" spans="8:8">
      <c r="H491909" s="12"/>
    </row>
    <row r="491910" spans="8:8">
      <c r="H491910" s="12"/>
    </row>
    <row r="491911" spans="8:8">
      <c r="H491911" s="12"/>
    </row>
    <row r="491912" spans="8:8">
      <c r="H491912" s="12"/>
    </row>
    <row r="491913" spans="8:8">
      <c r="H491913" s="12"/>
    </row>
    <row r="491914" spans="8:8">
      <c r="H491914" s="12"/>
    </row>
    <row r="491915" spans="8:8">
      <c r="H491915" s="12"/>
    </row>
    <row r="491916" spans="8:8">
      <c r="H491916" s="12"/>
    </row>
    <row r="491917" spans="8:8">
      <c r="H491917" s="12"/>
    </row>
    <row r="491918" spans="8:8">
      <c r="H491918" s="12"/>
    </row>
    <row r="491919" spans="8:8">
      <c r="H491919" s="12"/>
    </row>
    <row r="491920" spans="8:8">
      <c r="H491920" s="12"/>
    </row>
    <row r="491921" spans="8:8">
      <c r="H491921" s="12"/>
    </row>
    <row r="491922" spans="8:8">
      <c r="H491922" s="12"/>
    </row>
    <row r="491923" spans="8:8">
      <c r="H491923" s="12"/>
    </row>
    <row r="491924" spans="8:8">
      <c r="H491924" s="12"/>
    </row>
    <row r="491925" spans="8:8">
      <c r="H491925" s="12"/>
    </row>
    <row r="491926" spans="8:8">
      <c r="H491926" s="12"/>
    </row>
    <row r="491927" spans="8:8">
      <c r="H491927" s="12"/>
    </row>
    <row r="491928" spans="8:8">
      <c r="H491928" s="12"/>
    </row>
    <row r="491929" spans="8:8">
      <c r="H491929" s="12"/>
    </row>
    <row r="491930" spans="8:8">
      <c r="H491930" s="12"/>
    </row>
    <row r="491931" spans="8:8">
      <c r="H491931" s="12"/>
    </row>
    <row r="491932" spans="8:8">
      <c r="H491932" s="12"/>
    </row>
    <row r="491933" spans="8:8">
      <c r="H491933" s="12"/>
    </row>
    <row r="491934" spans="8:8">
      <c r="H491934" s="12"/>
    </row>
    <row r="491935" spans="8:8">
      <c r="H491935" s="12"/>
    </row>
    <row r="491936" spans="8:8">
      <c r="H491936" s="12"/>
    </row>
    <row r="491937" spans="8:8">
      <c r="H491937" s="12"/>
    </row>
    <row r="491938" spans="8:8">
      <c r="H491938" s="12"/>
    </row>
    <row r="491939" spans="8:8">
      <c r="H491939" s="12"/>
    </row>
    <row r="491940" spans="8:8">
      <c r="H491940" s="12"/>
    </row>
    <row r="491941" spans="8:8">
      <c r="H491941" s="12"/>
    </row>
    <row r="491942" spans="8:8">
      <c r="H491942" s="12"/>
    </row>
    <row r="491943" spans="8:8">
      <c r="H491943" s="12"/>
    </row>
    <row r="491944" spans="8:8">
      <c r="H491944" s="12"/>
    </row>
    <row r="491945" spans="8:8">
      <c r="H491945" s="12"/>
    </row>
    <row r="491946" spans="8:8">
      <c r="H491946" s="12"/>
    </row>
    <row r="491947" spans="8:8">
      <c r="H491947" s="12"/>
    </row>
    <row r="491948" spans="8:8">
      <c r="H491948" s="12"/>
    </row>
    <row r="491949" spans="8:8">
      <c r="H491949" s="12"/>
    </row>
    <row r="491950" spans="8:8">
      <c r="H491950" s="12"/>
    </row>
    <row r="491951" spans="8:8">
      <c r="H491951" s="12"/>
    </row>
    <row r="491952" spans="8:8">
      <c r="H491952" s="12"/>
    </row>
    <row r="491953" spans="8:8">
      <c r="H491953" s="12"/>
    </row>
    <row r="491954" spans="8:8">
      <c r="H491954" s="12"/>
    </row>
    <row r="491955" spans="8:8">
      <c r="H491955" s="12"/>
    </row>
    <row r="491956" spans="8:8">
      <c r="H491956" s="12"/>
    </row>
    <row r="491957" spans="8:8">
      <c r="H491957" s="12"/>
    </row>
    <row r="491958" spans="8:8">
      <c r="H491958" s="12"/>
    </row>
    <row r="491959" spans="8:8">
      <c r="H491959" s="12"/>
    </row>
    <row r="491960" spans="8:8">
      <c r="H491960" s="12"/>
    </row>
    <row r="491961" spans="8:8">
      <c r="H491961" s="12"/>
    </row>
    <row r="491962" spans="8:8">
      <c r="H491962" s="12"/>
    </row>
    <row r="491963" spans="8:8">
      <c r="H491963" s="12"/>
    </row>
    <row r="491964" spans="8:8">
      <c r="H491964" s="12"/>
    </row>
    <row r="491965" spans="8:8">
      <c r="H491965" s="12"/>
    </row>
    <row r="491966" spans="8:8">
      <c r="H491966" s="12"/>
    </row>
    <row r="491967" spans="8:8">
      <c r="H491967" s="12"/>
    </row>
    <row r="491968" spans="8:8">
      <c r="H491968" s="12"/>
    </row>
    <row r="491969" spans="8:8">
      <c r="H491969" s="12"/>
    </row>
    <row r="491970" spans="8:8">
      <c r="H491970" s="12"/>
    </row>
    <row r="491971" spans="8:8">
      <c r="H491971" s="12"/>
    </row>
    <row r="491972" spans="8:8">
      <c r="H491972" s="12"/>
    </row>
    <row r="491973" spans="8:8">
      <c r="H491973" s="12"/>
    </row>
    <row r="491974" spans="8:8">
      <c r="H491974" s="12"/>
    </row>
    <row r="491975" spans="8:8">
      <c r="H491975" s="12"/>
    </row>
    <row r="491976" spans="8:8">
      <c r="H491976" s="12"/>
    </row>
    <row r="491977" spans="8:8">
      <c r="H491977" s="12"/>
    </row>
    <row r="491978" spans="8:8">
      <c r="H491978" s="12"/>
    </row>
    <row r="491979" spans="8:8">
      <c r="H491979" s="12"/>
    </row>
    <row r="491980" spans="8:8">
      <c r="H491980" s="12"/>
    </row>
    <row r="491981" spans="8:8">
      <c r="H491981" s="12"/>
    </row>
    <row r="491982" spans="8:8">
      <c r="H491982" s="12"/>
    </row>
    <row r="491983" spans="8:8">
      <c r="H491983" s="12"/>
    </row>
    <row r="491984" spans="8:8">
      <c r="H491984" s="12"/>
    </row>
    <row r="491985" spans="8:8">
      <c r="H491985" s="12"/>
    </row>
    <row r="491986" spans="8:8">
      <c r="H491986" s="12"/>
    </row>
    <row r="491987" spans="8:8">
      <c r="H491987" s="12"/>
    </row>
    <row r="491988" spans="8:8">
      <c r="H491988" s="12"/>
    </row>
    <row r="491989" spans="8:8">
      <c r="H491989" s="12"/>
    </row>
    <row r="491990" spans="8:8">
      <c r="H491990" s="12"/>
    </row>
    <row r="491991" spans="8:8">
      <c r="H491991" s="12"/>
    </row>
    <row r="491992" spans="8:8">
      <c r="H491992" s="12"/>
    </row>
    <row r="491993" spans="8:8">
      <c r="H491993" s="12"/>
    </row>
    <row r="491994" spans="8:8">
      <c r="H491994" s="12"/>
    </row>
    <row r="491995" spans="8:8">
      <c r="H491995" s="12"/>
    </row>
    <row r="491996" spans="8:8">
      <c r="H491996" s="12"/>
    </row>
    <row r="491997" spans="8:8">
      <c r="H491997" s="12"/>
    </row>
    <row r="491998" spans="8:8">
      <c r="H491998" s="12"/>
    </row>
    <row r="491999" spans="8:8">
      <c r="H491999" s="12"/>
    </row>
    <row r="492000" spans="8:8">
      <c r="H492000" s="12"/>
    </row>
    <row r="492001" spans="8:8">
      <c r="H492001" s="12"/>
    </row>
    <row r="492002" spans="8:8">
      <c r="H492002" s="12"/>
    </row>
    <row r="492003" spans="8:8">
      <c r="H492003" s="12"/>
    </row>
    <row r="492004" spans="8:8">
      <c r="H492004" s="12"/>
    </row>
    <row r="492005" spans="8:8">
      <c r="H492005" s="12"/>
    </row>
    <row r="492006" spans="8:8">
      <c r="H492006" s="12"/>
    </row>
    <row r="492007" spans="8:8">
      <c r="H492007" s="12"/>
    </row>
    <row r="492008" spans="8:8">
      <c r="H492008" s="12"/>
    </row>
    <row r="492009" spans="8:8">
      <c r="H492009" s="12"/>
    </row>
    <row r="492010" spans="8:8">
      <c r="H492010" s="12"/>
    </row>
    <row r="492011" spans="8:8">
      <c r="H492011" s="12"/>
    </row>
    <row r="492012" spans="8:8">
      <c r="H492012" s="12"/>
    </row>
    <row r="492013" spans="8:8">
      <c r="H492013" s="12"/>
    </row>
    <row r="492014" spans="8:8">
      <c r="H492014" s="12"/>
    </row>
    <row r="492015" spans="8:8">
      <c r="H492015" s="12"/>
    </row>
    <row r="492016" spans="8:8">
      <c r="H492016" s="12"/>
    </row>
    <row r="492017" spans="8:8">
      <c r="H492017" s="12"/>
    </row>
    <row r="492018" spans="8:8">
      <c r="H492018" s="12"/>
    </row>
    <row r="492019" spans="8:8">
      <c r="H492019" s="12"/>
    </row>
    <row r="492020" spans="8:8">
      <c r="H492020" s="12"/>
    </row>
    <row r="492021" spans="8:8">
      <c r="H492021" s="12"/>
    </row>
    <row r="492022" spans="8:8">
      <c r="H492022" s="12"/>
    </row>
    <row r="492023" spans="8:8">
      <c r="H492023" s="12"/>
    </row>
    <row r="492024" spans="8:8">
      <c r="H492024" s="12"/>
    </row>
    <row r="492025" spans="8:8">
      <c r="H492025" s="12"/>
    </row>
    <row r="492026" spans="8:8">
      <c r="H492026" s="12"/>
    </row>
    <row r="492027" spans="8:8">
      <c r="H492027" s="12"/>
    </row>
    <row r="492028" spans="8:8">
      <c r="H492028" s="12"/>
    </row>
    <row r="492029" spans="8:8">
      <c r="H492029" s="12"/>
    </row>
    <row r="492030" spans="8:8">
      <c r="H492030" s="12"/>
    </row>
    <row r="492031" spans="8:8">
      <c r="H492031" s="12"/>
    </row>
    <row r="492032" spans="8:8">
      <c r="H492032" s="12"/>
    </row>
    <row r="492033" spans="8:8">
      <c r="H492033" s="12"/>
    </row>
    <row r="492034" spans="8:8">
      <c r="H492034" s="12"/>
    </row>
    <row r="492035" spans="8:8">
      <c r="H492035" s="12"/>
    </row>
    <row r="492036" spans="8:8">
      <c r="H492036" s="12"/>
    </row>
    <row r="492037" spans="8:8">
      <c r="H492037" s="12"/>
    </row>
    <row r="492038" spans="8:8">
      <c r="H492038" s="12"/>
    </row>
    <row r="492039" spans="8:8">
      <c r="H492039" s="12"/>
    </row>
    <row r="492040" spans="8:8">
      <c r="H492040" s="12"/>
    </row>
    <row r="492041" spans="8:8">
      <c r="H492041" s="12"/>
    </row>
    <row r="492042" spans="8:8">
      <c r="H492042" s="12"/>
    </row>
    <row r="492043" spans="8:8">
      <c r="H492043" s="12"/>
    </row>
    <row r="492044" spans="8:8">
      <c r="H492044" s="12"/>
    </row>
    <row r="492045" spans="8:8">
      <c r="H492045" s="12"/>
    </row>
    <row r="492046" spans="8:8">
      <c r="H492046" s="12"/>
    </row>
    <row r="492047" spans="8:8">
      <c r="H492047" s="12"/>
    </row>
    <row r="492048" spans="8:8">
      <c r="H492048" s="12"/>
    </row>
    <row r="492049" spans="8:8">
      <c r="H492049" s="12"/>
    </row>
    <row r="492050" spans="8:8">
      <c r="H492050" s="12"/>
    </row>
    <row r="492051" spans="8:8">
      <c r="H492051" s="12"/>
    </row>
    <row r="492052" spans="8:8">
      <c r="H492052" s="12"/>
    </row>
    <row r="492053" spans="8:8">
      <c r="H492053" s="12"/>
    </row>
    <row r="492054" spans="8:8">
      <c r="H492054" s="12"/>
    </row>
    <row r="492055" spans="8:8">
      <c r="H492055" s="12"/>
    </row>
    <row r="492056" spans="8:8">
      <c r="H492056" s="12"/>
    </row>
    <row r="492057" spans="8:8">
      <c r="H492057" s="12"/>
    </row>
    <row r="492058" spans="8:8">
      <c r="H492058" s="12"/>
    </row>
    <row r="492059" spans="8:8">
      <c r="H492059" s="12"/>
    </row>
    <row r="492060" spans="8:8">
      <c r="H492060" s="12"/>
    </row>
    <row r="492061" spans="8:8">
      <c r="H492061" s="12"/>
    </row>
    <row r="492062" spans="8:8">
      <c r="H492062" s="12"/>
    </row>
    <row r="492063" spans="8:8">
      <c r="H492063" s="12"/>
    </row>
    <row r="492064" spans="8:8">
      <c r="H492064" s="12"/>
    </row>
    <row r="492065" spans="8:8">
      <c r="H492065" s="12"/>
    </row>
    <row r="492066" spans="8:8">
      <c r="H492066" s="12"/>
    </row>
    <row r="492067" spans="8:8">
      <c r="H492067" s="12"/>
    </row>
    <row r="492068" spans="8:8">
      <c r="H492068" s="12"/>
    </row>
    <row r="492069" spans="8:8">
      <c r="H492069" s="12"/>
    </row>
    <row r="492070" spans="8:8">
      <c r="H492070" s="12"/>
    </row>
    <row r="492071" spans="8:8">
      <c r="H492071" s="12"/>
    </row>
    <row r="492072" spans="8:8">
      <c r="H492072" s="12"/>
    </row>
    <row r="492073" spans="8:8">
      <c r="H492073" s="12"/>
    </row>
    <row r="492074" spans="8:8">
      <c r="H492074" s="12"/>
    </row>
    <row r="492075" spans="8:8">
      <c r="H492075" s="12"/>
    </row>
    <row r="492076" spans="8:8">
      <c r="H492076" s="12"/>
    </row>
    <row r="492077" spans="8:8">
      <c r="H492077" s="12"/>
    </row>
    <row r="492078" spans="8:8">
      <c r="H492078" s="12"/>
    </row>
    <row r="492079" spans="8:8">
      <c r="H492079" s="12"/>
    </row>
    <row r="492080" spans="8:8">
      <c r="H492080" s="12"/>
    </row>
    <row r="492081" spans="8:8">
      <c r="H492081" s="12"/>
    </row>
    <row r="492082" spans="8:8">
      <c r="H492082" s="12"/>
    </row>
    <row r="492083" spans="8:8">
      <c r="H492083" s="12"/>
    </row>
    <row r="492084" spans="8:8">
      <c r="H492084" s="12"/>
    </row>
    <row r="492085" spans="8:8">
      <c r="H492085" s="12"/>
    </row>
    <row r="492086" spans="8:8">
      <c r="H492086" s="12"/>
    </row>
    <row r="492087" spans="8:8">
      <c r="H492087" s="12"/>
    </row>
    <row r="492088" spans="8:8">
      <c r="H492088" s="12"/>
    </row>
    <row r="492089" spans="8:8">
      <c r="H492089" s="12"/>
    </row>
    <row r="492090" spans="8:8">
      <c r="H492090" s="12"/>
    </row>
    <row r="492091" spans="8:8">
      <c r="H492091" s="12"/>
    </row>
    <row r="492092" spans="8:8">
      <c r="H492092" s="12"/>
    </row>
    <row r="492093" spans="8:8">
      <c r="H492093" s="12"/>
    </row>
    <row r="492094" spans="8:8">
      <c r="H492094" s="12"/>
    </row>
    <row r="492095" spans="8:8">
      <c r="H492095" s="12"/>
    </row>
    <row r="492096" spans="8:8">
      <c r="H492096" s="12"/>
    </row>
    <row r="492097" spans="8:8">
      <c r="H492097" s="12"/>
    </row>
    <row r="492098" spans="8:8">
      <c r="H492098" s="12"/>
    </row>
    <row r="492099" spans="8:8">
      <c r="H492099" s="12"/>
    </row>
    <row r="492100" spans="8:8">
      <c r="H492100" s="12"/>
    </row>
    <row r="492101" spans="8:8">
      <c r="H492101" s="12"/>
    </row>
    <row r="492102" spans="8:8">
      <c r="H492102" s="12"/>
    </row>
    <row r="492103" spans="8:8">
      <c r="H492103" s="12"/>
    </row>
    <row r="492104" spans="8:8">
      <c r="H492104" s="12"/>
    </row>
    <row r="492105" spans="8:8">
      <c r="H492105" s="12"/>
    </row>
    <row r="492106" spans="8:8">
      <c r="H492106" s="12"/>
    </row>
    <row r="492107" spans="8:8">
      <c r="H492107" s="12"/>
    </row>
    <row r="492108" spans="8:8">
      <c r="H492108" s="12"/>
    </row>
    <row r="492109" spans="8:8">
      <c r="H492109" s="12"/>
    </row>
    <row r="492110" spans="8:8">
      <c r="H492110" s="12"/>
    </row>
    <row r="492111" spans="8:8">
      <c r="H492111" s="12"/>
    </row>
    <row r="492112" spans="8:8">
      <c r="H492112" s="12"/>
    </row>
    <row r="492113" spans="8:8">
      <c r="H492113" s="12"/>
    </row>
    <row r="492114" spans="8:8">
      <c r="H492114" s="12"/>
    </row>
    <row r="492115" spans="8:8">
      <c r="H492115" s="12"/>
    </row>
    <row r="492116" spans="8:8">
      <c r="H492116" s="12"/>
    </row>
    <row r="492117" spans="8:8">
      <c r="H492117" s="12"/>
    </row>
    <row r="492118" spans="8:8">
      <c r="H492118" s="12"/>
    </row>
    <row r="492119" spans="8:8">
      <c r="H492119" s="12"/>
    </row>
    <row r="492120" spans="8:8">
      <c r="H492120" s="12"/>
    </row>
    <row r="492121" spans="8:8">
      <c r="H492121" s="12"/>
    </row>
    <row r="492122" spans="8:8">
      <c r="H492122" s="12"/>
    </row>
    <row r="492123" spans="8:8">
      <c r="H492123" s="12"/>
    </row>
    <row r="492124" spans="8:8">
      <c r="H492124" s="12"/>
    </row>
    <row r="492125" spans="8:8">
      <c r="H492125" s="12"/>
    </row>
    <row r="492126" spans="8:8">
      <c r="H492126" s="12"/>
    </row>
    <row r="492127" spans="8:8">
      <c r="H492127" s="12"/>
    </row>
    <row r="492128" spans="8:8">
      <c r="H492128" s="12"/>
    </row>
    <row r="492129" spans="8:8">
      <c r="H492129" s="12"/>
    </row>
    <row r="492130" spans="8:8">
      <c r="H492130" s="12"/>
    </row>
    <row r="492131" spans="8:8">
      <c r="H492131" s="12"/>
    </row>
    <row r="492132" spans="8:8">
      <c r="H492132" s="12"/>
    </row>
    <row r="492133" spans="8:8">
      <c r="H492133" s="12"/>
    </row>
    <row r="492134" spans="8:8">
      <c r="H492134" s="12"/>
    </row>
    <row r="492135" spans="8:8">
      <c r="H492135" s="12"/>
    </row>
    <row r="492136" spans="8:8">
      <c r="H492136" s="12"/>
    </row>
    <row r="492137" spans="8:8">
      <c r="H492137" s="12"/>
    </row>
    <row r="492138" spans="8:8">
      <c r="H492138" s="12"/>
    </row>
    <row r="492139" spans="8:8">
      <c r="H492139" s="12"/>
    </row>
    <row r="492140" spans="8:8">
      <c r="H492140" s="12"/>
    </row>
    <row r="492141" spans="8:8">
      <c r="H492141" s="12"/>
    </row>
    <row r="492142" spans="8:8">
      <c r="H492142" s="12"/>
    </row>
    <row r="492143" spans="8:8">
      <c r="H492143" s="12"/>
    </row>
    <row r="492144" spans="8:8">
      <c r="H492144" s="12"/>
    </row>
    <row r="492145" spans="8:8">
      <c r="H492145" s="12"/>
    </row>
    <row r="492146" spans="8:8">
      <c r="H492146" s="12"/>
    </row>
    <row r="492147" spans="8:8">
      <c r="H492147" s="12"/>
    </row>
    <row r="492148" spans="8:8">
      <c r="H492148" s="12"/>
    </row>
    <row r="492149" spans="8:8">
      <c r="H492149" s="12"/>
    </row>
    <row r="492150" spans="8:8">
      <c r="H492150" s="12"/>
    </row>
    <row r="492151" spans="8:8">
      <c r="H492151" s="12"/>
    </row>
    <row r="492152" spans="8:8">
      <c r="H492152" s="12"/>
    </row>
    <row r="492153" spans="8:8">
      <c r="H492153" s="12"/>
    </row>
    <row r="492154" spans="8:8">
      <c r="H492154" s="12"/>
    </row>
    <row r="492155" spans="8:8">
      <c r="H492155" s="12"/>
    </row>
    <row r="492156" spans="8:8">
      <c r="H492156" s="12"/>
    </row>
    <row r="492157" spans="8:8">
      <c r="H492157" s="12"/>
    </row>
    <row r="492158" spans="8:8">
      <c r="H492158" s="12"/>
    </row>
    <row r="492159" spans="8:8">
      <c r="H492159" s="12"/>
    </row>
    <row r="492160" spans="8:8">
      <c r="H492160" s="12"/>
    </row>
    <row r="492161" spans="8:8">
      <c r="H492161" s="12"/>
    </row>
    <row r="492162" spans="8:8">
      <c r="H492162" s="12"/>
    </row>
    <row r="492163" spans="8:8">
      <c r="H492163" s="12"/>
    </row>
    <row r="492164" spans="8:8">
      <c r="H492164" s="12"/>
    </row>
    <row r="492165" spans="8:8">
      <c r="H492165" s="12"/>
    </row>
    <row r="492166" spans="8:8">
      <c r="H492166" s="12"/>
    </row>
    <row r="492167" spans="8:8">
      <c r="H492167" s="12"/>
    </row>
    <row r="492168" spans="8:8">
      <c r="H492168" s="12"/>
    </row>
    <row r="492169" spans="8:8">
      <c r="H492169" s="12"/>
    </row>
    <row r="492170" spans="8:8">
      <c r="H492170" s="12"/>
    </row>
    <row r="492171" spans="8:8">
      <c r="H492171" s="12"/>
    </row>
    <row r="492172" spans="8:8">
      <c r="H492172" s="12"/>
    </row>
    <row r="492173" spans="8:8">
      <c r="H492173" s="12"/>
    </row>
    <row r="492174" spans="8:8">
      <c r="H492174" s="12"/>
    </row>
    <row r="492175" spans="8:8">
      <c r="H492175" s="12"/>
    </row>
    <row r="492176" spans="8:8">
      <c r="H492176" s="12"/>
    </row>
    <row r="492177" spans="8:8">
      <c r="H492177" s="12"/>
    </row>
    <row r="492178" spans="8:8">
      <c r="H492178" s="12"/>
    </row>
    <row r="492179" spans="8:8">
      <c r="H492179" s="12"/>
    </row>
    <row r="492180" spans="8:8">
      <c r="H492180" s="12"/>
    </row>
    <row r="492181" spans="8:8">
      <c r="H492181" s="12"/>
    </row>
    <row r="492182" spans="8:8">
      <c r="H492182" s="12"/>
    </row>
    <row r="492183" spans="8:8">
      <c r="H492183" s="12"/>
    </row>
    <row r="492184" spans="8:8">
      <c r="H492184" s="12"/>
    </row>
    <row r="492185" spans="8:8">
      <c r="H492185" s="12"/>
    </row>
    <row r="492186" spans="8:8">
      <c r="H492186" s="12"/>
    </row>
    <row r="492187" spans="8:8">
      <c r="H492187" s="12"/>
    </row>
    <row r="492188" spans="8:8">
      <c r="H492188" s="12"/>
    </row>
    <row r="492189" spans="8:8">
      <c r="H492189" s="12"/>
    </row>
    <row r="492190" spans="8:8">
      <c r="H492190" s="12"/>
    </row>
    <row r="492191" spans="8:8">
      <c r="H492191" s="12"/>
    </row>
    <row r="492192" spans="8:8">
      <c r="H492192" s="12"/>
    </row>
    <row r="492193" spans="8:8">
      <c r="H492193" s="12"/>
    </row>
    <row r="492194" spans="8:8">
      <c r="H492194" s="12"/>
    </row>
    <row r="492195" spans="8:8">
      <c r="H492195" s="12"/>
    </row>
    <row r="492196" spans="8:8">
      <c r="H492196" s="12"/>
    </row>
    <row r="492197" spans="8:8">
      <c r="H492197" s="12"/>
    </row>
    <row r="492198" spans="8:8">
      <c r="H492198" s="12"/>
    </row>
    <row r="492199" spans="8:8">
      <c r="H492199" s="12"/>
    </row>
    <row r="492200" spans="8:8">
      <c r="H492200" s="12"/>
    </row>
    <row r="492201" spans="8:8">
      <c r="H492201" s="12"/>
    </row>
    <row r="492202" spans="8:8">
      <c r="H492202" s="12"/>
    </row>
    <row r="492203" spans="8:8">
      <c r="H492203" s="12"/>
    </row>
    <row r="492204" spans="8:8">
      <c r="H492204" s="12"/>
    </row>
    <row r="492205" spans="8:8">
      <c r="H492205" s="12"/>
    </row>
    <row r="492206" spans="8:8">
      <c r="H492206" s="12"/>
    </row>
    <row r="492207" spans="8:8">
      <c r="H492207" s="12"/>
    </row>
    <row r="492208" spans="8:8">
      <c r="H492208" s="12"/>
    </row>
    <row r="492209" spans="8:8">
      <c r="H492209" s="12"/>
    </row>
    <row r="492210" spans="8:8">
      <c r="H492210" s="12"/>
    </row>
    <row r="492211" spans="8:8">
      <c r="H492211" s="12"/>
    </row>
    <row r="492212" spans="8:8">
      <c r="H492212" s="12"/>
    </row>
    <row r="492213" spans="8:8">
      <c r="H492213" s="12"/>
    </row>
    <row r="492214" spans="8:8">
      <c r="H492214" s="12"/>
    </row>
    <row r="492215" spans="8:8">
      <c r="H492215" s="12"/>
    </row>
    <row r="492216" spans="8:8">
      <c r="H492216" s="12"/>
    </row>
    <row r="492217" spans="8:8">
      <c r="H492217" s="12"/>
    </row>
    <row r="492218" spans="8:8">
      <c r="H492218" s="12"/>
    </row>
    <row r="492219" spans="8:8">
      <c r="H492219" s="12"/>
    </row>
    <row r="492220" spans="8:8">
      <c r="H492220" s="12"/>
    </row>
    <row r="492221" spans="8:8">
      <c r="H492221" s="12"/>
    </row>
    <row r="492222" spans="8:8">
      <c r="H492222" s="12"/>
    </row>
    <row r="492223" spans="8:8">
      <c r="H492223" s="12"/>
    </row>
    <row r="492224" spans="8:8">
      <c r="H492224" s="12"/>
    </row>
    <row r="492225" spans="8:8">
      <c r="H492225" s="12"/>
    </row>
    <row r="492226" spans="8:8">
      <c r="H492226" s="12"/>
    </row>
    <row r="492227" spans="8:8">
      <c r="H492227" s="12"/>
    </row>
    <row r="492228" spans="8:8">
      <c r="H492228" s="12"/>
    </row>
    <row r="492229" spans="8:8">
      <c r="H492229" s="12"/>
    </row>
    <row r="492230" spans="8:8">
      <c r="H492230" s="12"/>
    </row>
    <row r="492231" spans="8:8">
      <c r="H492231" s="12"/>
    </row>
    <row r="492232" spans="8:8">
      <c r="H492232" s="12"/>
    </row>
    <row r="492233" spans="8:8">
      <c r="H492233" s="12"/>
    </row>
    <row r="492234" spans="8:8">
      <c r="H492234" s="12"/>
    </row>
    <row r="492235" spans="8:8">
      <c r="H492235" s="12"/>
    </row>
    <row r="492236" spans="8:8">
      <c r="H492236" s="12"/>
    </row>
    <row r="492237" spans="8:8">
      <c r="H492237" s="12"/>
    </row>
    <row r="492238" spans="8:8">
      <c r="H492238" s="12"/>
    </row>
    <row r="492239" spans="8:8">
      <c r="H492239" s="12"/>
    </row>
    <row r="492240" spans="8:8">
      <c r="H492240" s="12"/>
    </row>
    <row r="492241" spans="8:8">
      <c r="H492241" s="12"/>
    </row>
    <row r="492242" spans="8:8">
      <c r="H492242" s="12"/>
    </row>
    <row r="492243" spans="8:8">
      <c r="H492243" s="12"/>
    </row>
    <row r="492244" spans="8:8">
      <c r="H492244" s="12"/>
    </row>
    <row r="492245" spans="8:8">
      <c r="H492245" s="12"/>
    </row>
    <row r="492246" spans="8:8">
      <c r="H492246" s="12"/>
    </row>
    <row r="492247" spans="8:8">
      <c r="H492247" s="12"/>
    </row>
    <row r="492248" spans="8:8">
      <c r="H492248" s="12"/>
    </row>
    <row r="492249" spans="8:8">
      <c r="H492249" s="12"/>
    </row>
    <row r="492250" spans="8:8">
      <c r="H492250" s="12"/>
    </row>
    <row r="492251" spans="8:8">
      <c r="H492251" s="12"/>
    </row>
    <row r="492252" spans="8:8">
      <c r="H492252" s="12"/>
    </row>
    <row r="492253" spans="8:8">
      <c r="H492253" s="12"/>
    </row>
    <row r="492254" spans="8:8">
      <c r="H492254" s="12"/>
    </row>
    <row r="492255" spans="8:8">
      <c r="H492255" s="12"/>
    </row>
    <row r="492256" spans="8:8">
      <c r="H492256" s="12"/>
    </row>
    <row r="492257" spans="8:8">
      <c r="H492257" s="12"/>
    </row>
    <row r="492258" spans="8:8">
      <c r="H492258" s="12"/>
    </row>
    <row r="492259" spans="8:8">
      <c r="H492259" s="12"/>
    </row>
    <row r="492260" spans="8:8">
      <c r="H492260" s="12"/>
    </row>
    <row r="492261" spans="8:8">
      <c r="H492261" s="12"/>
    </row>
    <row r="492262" spans="8:8">
      <c r="H492262" s="12"/>
    </row>
    <row r="492263" spans="8:8">
      <c r="H492263" s="12"/>
    </row>
    <row r="492264" spans="8:8">
      <c r="H492264" s="12"/>
    </row>
    <row r="492265" spans="8:8">
      <c r="H492265" s="12"/>
    </row>
    <row r="492266" spans="8:8">
      <c r="H492266" s="12"/>
    </row>
    <row r="492267" spans="8:8">
      <c r="H492267" s="12"/>
    </row>
    <row r="492268" spans="8:8">
      <c r="H492268" s="12"/>
    </row>
    <row r="492269" spans="8:8">
      <c r="H492269" s="12"/>
    </row>
    <row r="492270" spans="8:8">
      <c r="H492270" s="12"/>
    </row>
    <row r="492271" spans="8:8">
      <c r="H492271" s="12"/>
    </row>
    <row r="492272" spans="8:8">
      <c r="H492272" s="12"/>
    </row>
    <row r="492273" spans="8:8">
      <c r="H492273" s="12"/>
    </row>
    <row r="492274" spans="8:8">
      <c r="H492274" s="12"/>
    </row>
    <row r="492275" spans="8:8">
      <c r="H492275" s="12"/>
    </row>
    <row r="492276" spans="8:8">
      <c r="H492276" s="12"/>
    </row>
    <row r="492277" spans="8:8">
      <c r="H492277" s="12"/>
    </row>
    <row r="492278" spans="8:8">
      <c r="H492278" s="12"/>
    </row>
    <row r="492279" spans="8:8">
      <c r="H492279" s="12"/>
    </row>
    <row r="492280" spans="8:8">
      <c r="H492280" s="12"/>
    </row>
    <row r="492281" spans="8:8">
      <c r="H492281" s="12"/>
    </row>
    <row r="492282" spans="8:8">
      <c r="H492282" s="12"/>
    </row>
    <row r="492283" spans="8:8">
      <c r="H492283" s="12"/>
    </row>
    <row r="492284" spans="8:8">
      <c r="H492284" s="12"/>
    </row>
    <row r="492285" spans="8:8">
      <c r="H492285" s="12"/>
    </row>
    <row r="492286" spans="8:8">
      <c r="H492286" s="12"/>
    </row>
    <row r="492287" spans="8:8">
      <c r="H492287" s="12"/>
    </row>
    <row r="492288" spans="8:8">
      <c r="H492288" s="12"/>
    </row>
    <row r="492289" spans="8:8">
      <c r="H492289" s="12"/>
    </row>
    <row r="492290" spans="8:8">
      <c r="H492290" s="12"/>
    </row>
    <row r="492291" spans="8:8">
      <c r="H492291" s="12"/>
    </row>
    <row r="492292" spans="8:8">
      <c r="H492292" s="12"/>
    </row>
    <row r="492293" spans="8:8">
      <c r="H492293" s="12"/>
    </row>
    <row r="492294" spans="8:8">
      <c r="H492294" s="12"/>
    </row>
    <row r="492295" spans="8:8">
      <c r="H492295" s="12"/>
    </row>
    <row r="492296" spans="8:8">
      <c r="H492296" s="12"/>
    </row>
    <row r="492297" spans="8:8">
      <c r="H492297" s="12"/>
    </row>
    <row r="492298" spans="8:8">
      <c r="H492298" s="12"/>
    </row>
    <row r="492299" spans="8:8">
      <c r="H492299" s="12"/>
    </row>
    <row r="492300" spans="8:8">
      <c r="H492300" s="12"/>
    </row>
    <row r="492301" spans="8:8">
      <c r="H492301" s="12"/>
    </row>
    <row r="492302" spans="8:8">
      <c r="H492302" s="12"/>
    </row>
    <row r="492303" spans="8:8">
      <c r="H492303" s="12"/>
    </row>
    <row r="492304" spans="8:8">
      <c r="H492304" s="12"/>
    </row>
    <row r="492305" spans="8:8">
      <c r="H492305" s="12"/>
    </row>
    <row r="492306" spans="8:8">
      <c r="H492306" s="12"/>
    </row>
    <row r="492307" spans="8:8">
      <c r="H492307" s="12"/>
    </row>
    <row r="492308" spans="8:8">
      <c r="H492308" s="12"/>
    </row>
    <row r="492309" spans="8:8">
      <c r="H492309" s="12"/>
    </row>
    <row r="492310" spans="8:8">
      <c r="H492310" s="12"/>
    </row>
    <row r="492311" spans="8:8">
      <c r="H492311" s="12"/>
    </row>
    <row r="492312" spans="8:8">
      <c r="H492312" s="12"/>
    </row>
    <row r="492313" spans="8:8">
      <c r="H492313" s="12"/>
    </row>
    <row r="492314" spans="8:8">
      <c r="H492314" s="12"/>
    </row>
    <row r="492315" spans="8:8">
      <c r="H492315" s="12"/>
    </row>
    <row r="492316" spans="8:8">
      <c r="H492316" s="12"/>
    </row>
    <row r="492317" spans="8:8">
      <c r="H492317" s="12"/>
    </row>
    <row r="492318" spans="8:8">
      <c r="H492318" s="12"/>
    </row>
    <row r="492319" spans="8:8">
      <c r="H492319" s="12"/>
    </row>
    <row r="492320" spans="8:8">
      <c r="H492320" s="12"/>
    </row>
    <row r="492321" spans="8:8">
      <c r="H492321" s="12"/>
    </row>
    <row r="492322" spans="8:8">
      <c r="H492322" s="12"/>
    </row>
    <row r="492323" spans="8:8">
      <c r="H492323" s="12"/>
    </row>
    <row r="492324" spans="8:8">
      <c r="H492324" s="12"/>
    </row>
    <row r="492325" spans="8:8">
      <c r="H492325" s="12"/>
    </row>
    <row r="492326" spans="8:8">
      <c r="H492326" s="12"/>
    </row>
    <row r="492327" spans="8:8">
      <c r="H492327" s="12"/>
    </row>
    <row r="492328" spans="8:8">
      <c r="H492328" s="12"/>
    </row>
    <row r="492329" spans="8:8">
      <c r="H492329" s="12"/>
    </row>
    <row r="492330" spans="8:8">
      <c r="H492330" s="12"/>
    </row>
    <row r="492331" spans="8:8">
      <c r="H492331" s="12"/>
    </row>
    <row r="492332" spans="8:8">
      <c r="H492332" s="12"/>
    </row>
    <row r="492333" spans="8:8">
      <c r="H492333" s="12"/>
    </row>
    <row r="492334" spans="8:8">
      <c r="H492334" s="12"/>
    </row>
    <row r="492335" spans="8:8">
      <c r="H492335" s="12"/>
    </row>
    <row r="492336" spans="8:8">
      <c r="H492336" s="12"/>
    </row>
    <row r="492337" spans="8:8">
      <c r="H492337" s="12"/>
    </row>
    <row r="492338" spans="8:8">
      <c r="H492338" s="12"/>
    </row>
    <row r="492339" spans="8:8">
      <c r="H492339" s="12"/>
    </row>
    <row r="492340" spans="8:8">
      <c r="H492340" s="12"/>
    </row>
    <row r="492341" spans="8:8">
      <c r="H492341" s="12"/>
    </row>
    <row r="492342" spans="8:8">
      <c r="H492342" s="12"/>
    </row>
    <row r="492343" spans="8:8">
      <c r="H492343" s="12"/>
    </row>
    <row r="492344" spans="8:8">
      <c r="H492344" s="12"/>
    </row>
    <row r="492345" spans="8:8">
      <c r="H492345" s="12"/>
    </row>
    <row r="492346" spans="8:8">
      <c r="H492346" s="12"/>
    </row>
    <row r="492347" spans="8:8">
      <c r="H492347" s="12"/>
    </row>
    <row r="492348" spans="8:8">
      <c r="H492348" s="12"/>
    </row>
    <row r="492349" spans="8:8">
      <c r="H492349" s="12"/>
    </row>
    <row r="492350" spans="8:8">
      <c r="H492350" s="12"/>
    </row>
    <row r="492351" spans="8:8">
      <c r="H492351" s="12"/>
    </row>
    <row r="492352" spans="8:8">
      <c r="H492352" s="12"/>
    </row>
    <row r="492353" spans="8:8">
      <c r="H492353" s="12"/>
    </row>
    <row r="492354" spans="8:8">
      <c r="H492354" s="12"/>
    </row>
    <row r="492355" spans="8:8">
      <c r="H492355" s="12"/>
    </row>
    <row r="492356" spans="8:8">
      <c r="H492356" s="12"/>
    </row>
    <row r="492357" spans="8:8">
      <c r="H492357" s="12"/>
    </row>
    <row r="492358" spans="8:8">
      <c r="H492358" s="12"/>
    </row>
    <row r="492359" spans="8:8">
      <c r="H492359" s="12"/>
    </row>
    <row r="492360" spans="8:8">
      <c r="H492360" s="12"/>
    </row>
    <row r="492361" spans="8:8">
      <c r="H492361" s="12"/>
    </row>
    <row r="492362" spans="8:8">
      <c r="H492362" s="12"/>
    </row>
    <row r="492363" spans="8:8">
      <c r="H492363" s="12"/>
    </row>
    <row r="492364" spans="8:8">
      <c r="H492364" s="12"/>
    </row>
    <row r="492365" spans="8:8">
      <c r="H492365" s="12"/>
    </row>
    <row r="492366" spans="8:8">
      <c r="H492366" s="12"/>
    </row>
    <row r="492367" spans="8:8">
      <c r="H492367" s="12"/>
    </row>
    <row r="492368" spans="8:8">
      <c r="H492368" s="12"/>
    </row>
    <row r="492369" spans="8:8">
      <c r="H492369" s="12"/>
    </row>
    <row r="492370" spans="8:8">
      <c r="H492370" s="12"/>
    </row>
    <row r="492371" spans="8:8">
      <c r="H492371" s="12"/>
    </row>
    <row r="492372" spans="8:8">
      <c r="H492372" s="12"/>
    </row>
    <row r="492373" spans="8:8">
      <c r="H492373" s="12"/>
    </row>
    <row r="492374" spans="8:8">
      <c r="H492374" s="12"/>
    </row>
    <row r="492375" spans="8:8">
      <c r="H492375" s="12"/>
    </row>
    <row r="492376" spans="8:8">
      <c r="H492376" s="12"/>
    </row>
    <row r="492377" spans="8:8">
      <c r="H492377" s="12"/>
    </row>
    <row r="492378" spans="8:8">
      <c r="H492378" s="12"/>
    </row>
    <row r="492379" spans="8:8">
      <c r="H492379" s="12"/>
    </row>
    <row r="492380" spans="8:8">
      <c r="H492380" s="12"/>
    </row>
    <row r="492381" spans="8:8">
      <c r="H492381" s="12"/>
    </row>
    <row r="492382" spans="8:8">
      <c r="H492382" s="12"/>
    </row>
    <row r="492383" spans="8:8">
      <c r="H492383" s="12"/>
    </row>
    <row r="492384" spans="8:8">
      <c r="H492384" s="12"/>
    </row>
    <row r="492385" spans="8:8">
      <c r="H492385" s="12"/>
    </row>
    <row r="492386" spans="8:8">
      <c r="H492386" s="12"/>
    </row>
    <row r="492387" spans="8:8">
      <c r="H492387" s="12"/>
    </row>
    <row r="492388" spans="8:8">
      <c r="H492388" s="12"/>
    </row>
    <row r="492389" spans="8:8">
      <c r="H492389" s="12"/>
    </row>
    <row r="492390" spans="8:8">
      <c r="H492390" s="12"/>
    </row>
    <row r="492391" spans="8:8">
      <c r="H492391" s="12"/>
    </row>
    <row r="492392" spans="8:8">
      <c r="H492392" s="12"/>
    </row>
    <row r="492393" spans="8:8">
      <c r="H492393" s="12"/>
    </row>
    <row r="492394" spans="8:8">
      <c r="H492394" s="12"/>
    </row>
    <row r="492395" spans="8:8">
      <c r="H492395" s="12"/>
    </row>
    <row r="492396" spans="8:8">
      <c r="H492396" s="12"/>
    </row>
    <row r="492397" spans="8:8">
      <c r="H492397" s="12"/>
    </row>
    <row r="492398" spans="8:8">
      <c r="H492398" s="12"/>
    </row>
    <row r="492399" spans="8:8">
      <c r="H492399" s="12"/>
    </row>
    <row r="492400" spans="8:8">
      <c r="H492400" s="12"/>
    </row>
    <row r="492401" spans="8:8">
      <c r="H492401" s="12"/>
    </row>
    <row r="492402" spans="8:8">
      <c r="H492402" s="12"/>
    </row>
    <row r="492403" spans="8:8">
      <c r="H492403" s="12"/>
    </row>
    <row r="492404" spans="8:8">
      <c r="H492404" s="12"/>
    </row>
    <row r="492405" spans="8:8">
      <c r="H492405" s="12"/>
    </row>
    <row r="492406" spans="8:8">
      <c r="H492406" s="12"/>
    </row>
    <row r="492407" spans="8:8">
      <c r="H492407" s="12"/>
    </row>
    <row r="492408" spans="8:8">
      <c r="H492408" s="12"/>
    </row>
    <row r="492409" spans="8:8">
      <c r="H492409" s="12"/>
    </row>
    <row r="492410" spans="8:8">
      <c r="H492410" s="12"/>
    </row>
    <row r="492411" spans="8:8">
      <c r="H492411" s="12"/>
    </row>
    <row r="492412" spans="8:8">
      <c r="H492412" s="12"/>
    </row>
    <row r="492413" spans="8:8">
      <c r="H492413" s="12"/>
    </row>
    <row r="492414" spans="8:8">
      <c r="H492414" s="12"/>
    </row>
    <row r="492415" spans="8:8">
      <c r="H492415" s="12"/>
    </row>
    <row r="492416" spans="8:8">
      <c r="H492416" s="12"/>
    </row>
    <row r="492417" spans="8:8">
      <c r="H492417" s="12"/>
    </row>
    <row r="492418" spans="8:8">
      <c r="H492418" s="12"/>
    </row>
    <row r="492419" spans="8:8">
      <c r="H492419" s="12"/>
    </row>
    <row r="492420" spans="8:8">
      <c r="H492420" s="12"/>
    </row>
    <row r="492421" spans="8:8">
      <c r="H492421" s="12"/>
    </row>
    <row r="492422" spans="8:8">
      <c r="H492422" s="12"/>
    </row>
    <row r="492423" spans="8:8">
      <c r="H492423" s="12"/>
    </row>
    <row r="492424" spans="8:8">
      <c r="H492424" s="12"/>
    </row>
    <row r="492425" spans="8:8">
      <c r="H492425" s="12"/>
    </row>
    <row r="492426" spans="8:8">
      <c r="H492426" s="12"/>
    </row>
    <row r="492427" spans="8:8">
      <c r="H492427" s="12"/>
    </row>
    <row r="492428" spans="8:8">
      <c r="H492428" s="12"/>
    </row>
    <row r="492429" spans="8:8">
      <c r="H492429" s="12"/>
    </row>
    <row r="492430" spans="8:8">
      <c r="H492430" s="12"/>
    </row>
    <row r="492431" spans="8:8">
      <c r="H492431" s="12"/>
    </row>
    <row r="492432" spans="8:8">
      <c r="H492432" s="12"/>
    </row>
    <row r="492433" spans="8:8">
      <c r="H492433" s="12"/>
    </row>
    <row r="492434" spans="8:8">
      <c r="H492434" s="12"/>
    </row>
    <row r="492435" spans="8:8">
      <c r="H492435" s="12"/>
    </row>
    <row r="492436" spans="8:8">
      <c r="H492436" s="12"/>
    </row>
    <row r="492437" spans="8:8">
      <c r="H492437" s="12"/>
    </row>
    <row r="492438" spans="8:8">
      <c r="H492438" s="12"/>
    </row>
    <row r="492439" spans="8:8">
      <c r="H492439" s="12"/>
    </row>
    <row r="492440" spans="8:8">
      <c r="H492440" s="12"/>
    </row>
    <row r="492441" spans="8:8">
      <c r="H492441" s="12"/>
    </row>
    <row r="492442" spans="8:8">
      <c r="H492442" s="12"/>
    </row>
    <row r="492443" spans="8:8">
      <c r="H492443" s="12"/>
    </row>
    <row r="492444" spans="8:8">
      <c r="H492444" s="12"/>
    </row>
    <row r="492445" spans="8:8">
      <c r="H492445" s="12"/>
    </row>
    <row r="492446" spans="8:8">
      <c r="H492446" s="12"/>
    </row>
    <row r="492447" spans="8:8">
      <c r="H492447" s="12"/>
    </row>
    <row r="492448" spans="8:8">
      <c r="H492448" s="12"/>
    </row>
    <row r="492449" spans="8:8">
      <c r="H492449" s="12"/>
    </row>
    <row r="492450" spans="8:8">
      <c r="H492450" s="12"/>
    </row>
    <row r="492451" spans="8:8">
      <c r="H492451" s="12"/>
    </row>
    <row r="492452" spans="8:8">
      <c r="H492452" s="12"/>
    </row>
    <row r="492453" spans="8:8">
      <c r="H492453" s="12"/>
    </row>
    <row r="492454" spans="8:8">
      <c r="H492454" s="12"/>
    </row>
    <row r="492455" spans="8:8">
      <c r="H492455" s="12"/>
    </row>
    <row r="492456" spans="8:8">
      <c r="H492456" s="12"/>
    </row>
    <row r="492457" spans="8:8">
      <c r="H492457" s="12"/>
    </row>
    <row r="492458" spans="8:8">
      <c r="H492458" s="12"/>
    </row>
    <row r="492459" spans="8:8">
      <c r="H492459" s="12"/>
    </row>
    <row r="492460" spans="8:8">
      <c r="H492460" s="12"/>
    </row>
    <row r="492461" spans="8:8">
      <c r="H492461" s="12"/>
    </row>
    <row r="492462" spans="8:8">
      <c r="H492462" s="12"/>
    </row>
    <row r="492463" spans="8:8">
      <c r="H492463" s="12"/>
    </row>
    <row r="492464" spans="8:8">
      <c r="H492464" s="12"/>
    </row>
    <row r="492465" spans="8:8">
      <c r="H492465" s="12"/>
    </row>
    <row r="492466" spans="8:8">
      <c r="H492466" s="12"/>
    </row>
    <row r="492467" spans="8:8">
      <c r="H492467" s="12"/>
    </row>
    <row r="492468" spans="8:8">
      <c r="H492468" s="12"/>
    </row>
    <row r="492469" spans="8:8">
      <c r="H492469" s="12"/>
    </row>
    <row r="492470" spans="8:8">
      <c r="H492470" s="12"/>
    </row>
    <row r="492471" spans="8:8">
      <c r="H492471" s="12"/>
    </row>
    <row r="492472" spans="8:8">
      <c r="H492472" s="12"/>
    </row>
    <row r="492473" spans="8:8">
      <c r="H492473" s="12"/>
    </row>
    <row r="492474" spans="8:8">
      <c r="H492474" s="12"/>
    </row>
    <row r="492475" spans="8:8">
      <c r="H492475" s="12"/>
    </row>
    <row r="492476" spans="8:8">
      <c r="H492476" s="12"/>
    </row>
    <row r="492477" spans="8:8">
      <c r="H492477" s="12"/>
    </row>
    <row r="492478" spans="8:8">
      <c r="H492478" s="12"/>
    </row>
    <row r="492479" spans="8:8">
      <c r="H492479" s="12"/>
    </row>
    <row r="492480" spans="8:8">
      <c r="H492480" s="12"/>
    </row>
    <row r="492481" spans="8:8">
      <c r="H492481" s="12"/>
    </row>
    <row r="492482" spans="8:8">
      <c r="H492482" s="12"/>
    </row>
    <row r="492483" spans="8:8">
      <c r="H492483" s="12"/>
    </row>
    <row r="492484" spans="8:8">
      <c r="H492484" s="12"/>
    </row>
    <row r="492485" spans="8:8">
      <c r="H492485" s="12"/>
    </row>
    <row r="492486" spans="8:8">
      <c r="H492486" s="12"/>
    </row>
    <row r="492487" spans="8:8">
      <c r="H492487" s="12"/>
    </row>
    <row r="492488" spans="8:8">
      <c r="H492488" s="12"/>
    </row>
    <row r="492489" spans="8:8">
      <c r="H492489" s="12"/>
    </row>
    <row r="492490" spans="8:8">
      <c r="H492490" s="12"/>
    </row>
    <row r="492491" spans="8:8">
      <c r="H492491" s="12"/>
    </row>
    <row r="492492" spans="8:8">
      <c r="H492492" s="12"/>
    </row>
    <row r="492493" spans="8:8">
      <c r="H492493" s="12"/>
    </row>
    <row r="492494" spans="8:8">
      <c r="H492494" s="12"/>
    </row>
    <row r="492495" spans="8:8">
      <c r="H492495" s="12"/>
    </row>
    <row r="492496" spans="8:8">
      <c r="H492496" s="12"/>
    </row>
    <row r="492497" spans="8:8">
      <c r="H492497" s="12"/>
    </row>
    <row r="492498" spans="8:8">
      <c r="H492498" s="12"/>
    </row>
    <row r="492499" spans="8:8">
      <c r="H492499" s="12"/>
    </row>
    <row r="492500" spans="8:8">
      <c r="H492500" s="12"/>
    </row>
    <row r="492501" spans="8:8">
      <c r="H492501" s="12"/>
    </row>
    <row r="492502" spans="8:8">
      <c r="H492502" s="12"/>
    </row>
    <row r="492503" spans="8:8">
      <c r="H492503" s="12"/>
    </row>
    <row r="492504" spans="8:8">
      <c r="H492504" s="12"/>
    </row>
    <row r="492505" spans="8:8">
      <c r="H492505" s="12"/>
    </row>
    <row r="492506" spans="8:8">
      <c r="H492506" s="12"/>
    </row>
    <row r="492507" spans="8:8">
      <c r="H492507" s="12"/>
    </row>
    <row r="492508" spans="8:8">
      <c r="H492508" s="12"/>
    </row>
    <row r="492509" spans="8:8">
      <c r="H492509" s="12"/>
    </row>
    <row r="492510" spans="8:8">
      <c r="H492510" s="12"/>
    </row>
    <row r="492511" spans="8:8">
      <c r="H492511" s="12"/>
    </row>
    <row r="492512" spans="8:8">
      <c r="H492512" s="12"/>
    </row>
    <row r="492513" spans="8:8">
      <c r="H492513" s="12"/>
    </row>
    <row r="492514" spans="8:8">
      <c r="H492514" s="12"/>
    </row>
    <row r="492515" spans="8:8">
      <c r="H492515" s="12"/>
    </row>
    <row r="492516" spans="8:8">
      <c r="H492516" s="12"/>
    </row>
    <row r="492517" spans="8:8">
      <c r="H492517" s="12"/>
    </row>
    <row r="492518" spans="8:8">
      <c r="H492518" s="12"/>
    </row>
    <row r="492519" spans="8:8">
      <c r="H492519" s="12"/>
    </row>
    <row r="492520" spans="8:8">
      <c r="H492520" s="12"/>
    </row>
    <row r="492521" spans="8:8">
      <c r="H492521" s="12"/>
    </row>
    <row r="492522" spans="8:8">
      <c r="H492522" s="12"/>
    </row>
    <row r="492523" spans="8:8">
      <c r="H492523" s="12"/>
    </row>
    <row r="492524" spans="8:8">
      <c r="H492524" s="12"/>
    </row>
    <row r="492525" spans="8:8">
      <c r="H492525" s="12"/>
    </row>
    <row r="492526" spans="8:8">
      <c r="H492526" s="12"/>
    </row>
    <row r="492527" spans="8:8">
      <c r="H492527" s="12"/>
    </row>
    <row r="492528" spans="8:8">
      <c r="H492528" s="12"/>
    </row>
    <row r="492529" spans="8:8">
      <c r="H492529" s="12"/>
    </row>
    <row r="492530" spans="8:8">
      <c r="H492530" s="12"/>
    </row>
    <row r="492531" spans="8:8">
      <c r="H492531" s="12"/>
    </row>
    <row r="492532" spans="8:8">
      <c r="H492532" s="12"/>
    </row>
    <row r="492533" spans="8:8">
      <c r="H492533" s="12"/>
    </row>
    <row r="492534" spans="8:8">
      <c r="H492534" s="12"/>
    </row>
    <row r="492535" spans="8:8">
      <c r="H492535" s="12"/>
    </row>
    <row r="492536" spans="8:8">
      <c r="H492536" s="12"/>
    </row>
    <row r="492537" spans="8:8">
      <c r="H492537" s="12"/>
    </row>
    <row r="492538" spans="8:8">
      <c r="H492538" s="12"/>
    </row>
    <row r="492539" spans="8:8">
      <c r="H492539" s="12"/>
    </row>
    <row r="492540" spans="8:8">
      <c r="H492540" s="12"/>
    </row>
    <row r="492541" spans="8:8">
      <c r="H492541" s="12"/>
    </row>
    <row r="492542" spans="8:8">
      <c r="H492542" s="12"/>
    </row>
    <row r="492543" spans="8:8">
      <c r="H492543" s="12"/>
    </row>
    <row r="492544" spans="8:8">
      <c r="H492544" s="12"/>
    </row>
    <row r="492545" spans="8:8">
      <c r="H492545" s="12"/>
    </row>
    <row r="492546" spans="8:8">
      <c r="H492546" s="12"/>
    </row>
    <row r="492547" spans="8:8">
      <c r="H492547" s="12"/>
    </row>
    <row r="492548" spans="8:8">
      <c r="H492548" s="12"/>
    </row>
    <row r="492549" spans="8:8">
      <c r="H492549" s="12"/>
    </row>
    <row r="492550" spans="8:8">
      <c r="H492550" s="12"/>
    </row>
    <row r="492551" spans="8:8">
      <c r="H492551" s="12"/>
    </row>
    <row r="492552" spans="8:8">
      <c r="H492552" s="12"/>
    </row>
    <row r="492553" spans="8:8">
      <c r="H492553" s="12"/>
    </row>
    <row r="492554" spans="8:8">
      <c r="H492554" s="12"/>
    </row>
    <row r="492555" spans="8:8">
      <c r="H492555" s="12"/>
    </row>
    <row r="492556" spans="8:8">
      <c r="H492556" s="12"/>
    </row>
    <row r="492557" spans="8:8">
      <c r="H492557" s="12"/>
    </row>
    <row r="492558" spans="8:8">
      <c r="H492558" s="12"/>
    </row>
    <row r="492559" spans="8:8">
      <c r="H492559" s="12"/>
    </row>
    <row r="492560" spans="8:8">
      <c r="H492560" s="12"/>
    </row>
    <row r="492561" spans="8:8">
      <c r="H492561" s="12"/>
    </row>
    <row r="492562" spans="8:8">
      <c r="H492562" s="12"/>
    </row>
    <row r="492563" spans="8:8">
      <c r="H492563" s="12"/>
    </row>
    <row r="492564" spans="8:8">
      <c r="H492564" s="12"/>
    </row>
    <row r="492565" spans="8:8">
      <c r="H492565" s="12"/>
    </row>
    <row r="492566" spans="8:8">
      <c r="H492566" s="12"/>
    </row>
    <row r="492567" spans="8:8">
      <c r="H492567" s="12"/>
    </row>
    <row r="492568" spans="8:8">
      <c r="H492568" s="12"/>
    </row>
    <row r="492569" spans="8:8">
      <c r="H492569" s="12"/>
    </row>
    <row r="492570" spans="8:8">
      <c r="H492570" s="12"/>
    </row>
    <row r="492571" spans="8:8">
      <c r="H492571" s="12"/>
    </row>
    <row r="492572" spans="8:8">
      <c r="H492572" s="12"/>
    </row>
    <row r="492573" spans="8:8">
      <c r="H492573" s="12"/>
    </row>
    <row r="492574" spans="8:8">
      <c r="H492574" s="12"/>
    </row>
    <row r="492575" spans="8:8">
      <c r="H492575" s="12"/>
    </row>
    <row r="492576" spans="8:8">
      <c r="H492576" s="12"/>
    </row>
    <row r="492577" spans="8:8">
      <c r="H492577" s="12"/>
    </row>
    <row r="492578" spans="8:8">
      <c r="H492578" s="12"/>
    </row>
    <row r="492579" spans="8:8">
      <c r="H492579" s="12"/>
    </row>
    <row r="492580" spans="8:8">
      <c r="H492580" s="12"/>
    </row>
    <row r="492581" spans="8:8">
      <c r="H492581" s="12"/>
    </row>
    <row r="492582" spans="8:8">
      <c r="H492582" s="12"/>
    </row>
    <row r="492583" spans="8:8">
      <c r="H492583" s="12"/>
    </row>
    <row r="492584" spans="8:8">
      <c r="H492584" s="12"/>
    </row>
    <row r="492585" spans="8:8">
      <c r="H492585" s="12"/>
    </row>
    <row r="492586" spans="8:8">
      <c r="H492586" s="12"/>
    </row>
    <row r="492587" spans="8:8">
      <c r="H492587" s="12"/>
    </row>
    <row r="492588" spans="8:8">
      <c r="H492588" s="12"/>
    </row>
    <row r="492589" spans="8:8">
      <c r="H492589" s="12"/>
    </row>
    <row r="492590" spans="8:8">
      <c r="H492590" s="12"/>
    </row>
    <row r="492591" spans="8:8">
      <c r="H492591" s="12"/>
    </row>
    <row r="492592" spans="8:8">
      <c r="H492592" s="12"/>
    </row>
    <row r="492593" spans="8:8">
      <c r="H492593" s="12"/>
    </row>
    <row r="492594" spans="8:8">
      <c r="H492594" s="12"/>
    </row>
    <row r="492595" spans="8:8">
      <c r="H492595" s="12"/>
    </row>
    <row r="492596" spans="8:8">
      <c r="H492596" s="12"/>
    </row>
    <row r="492597" spans="8:8">
      <c r="H492597" s="12"/>
    </row>
    <row r="492598" spans="8:8">
      <c r="H492598" s="12"/>
    </row>
    <row r="492599" spans="8:8">
      <c r="H492599" s="12"/>
    </row>
    <row r="492600" spans="8:8">
      <c r="H492600" s="12"/>
    </row>
    <row r="492601" spans="8:8">
      <c r="H492601" s="12"/>
    </row>
    <row r="492602" spans="8:8">
      <c r="H492602" s="12"/>
    </row>
    <row r="492603" spans="8:8">
      <c r="H492603" s="12"/>
    </row>
    <row r="492604" spans="8:8">
      <c r="H492604" s="12"/>
    </row>
    <row r="492605" spans="8:8">
      <c r="H492605" s="12"/>
    </row>
    <row r="492606" spans="8:8">
      <c r="H492606" s="12"/>
    </row>
    <row r="492607" spans="8:8">
      <c r="H492607" s="12"/>
    </row>
    <row r="492608" spans="8:8">
      <c r="H492608" s="12"/>
    </row>
    <row r="492609" spans="8:8">
      <c r="H492609" s="12"/>
    </row>
    <row r="492610" spans="8:8">
      <c r="H492610" s="12"/>
    </row>
    <row r="492611" spans="8:8">
      <c r="H492611" s="12"/>
    </row>
    <row r="492612" spans="8:8">
      <c r="H492612" s="12"/>
    </row>
    <row r="492613" spans="8:8">
      <c r="H492613" s="12"/>
    </row>
    <row r="492614" spans="8:8">
      <c r="H492614" s="12"/>
    </row>
    <row r="492615" spans="8:8">
      <c r="H492615" s="12"/>
    </row>
    <row r="492616" spans="8:8">
      <c r="H492616" s="12"/>
    </row>
    <row r="492617" spans="8:8">
      <c r="H492617" s="12"/>
    </row>
    <row r="492618" spans="8:8">
      <c r="H492618" s="12"/>
    </row>
    <row r="492619" spans="8:8">
      <c r="H492619" s="12"/>
    </row>
    <row r="492620" spans="8:8">
      <c r="H492620" s="12"/>
    </row>
    <row r="492621" spans="8:8">
      <c r="H492621" s="12"/>
    </row>
    <row r="492622" spans="8:8">
      <c r="H492622" s="12"/>
    </row>
    <row r="492623" spans="8:8">
      <c r="H492623" s="12"/>
    </row>
    <row r="492624" spans="8:8">
      <c r="H492624" s="12"/>
    </row>
    <row r="492625" spans="8:8">
      <c r="H492625" s="12"/>
    </row>
    <row r="492626" spans="8:8">
      <c r="H492626" s="12"/>
    </row>
    <row r="492627" spans="8:8">
      <c r="H492627" s="12"/>
    </row>
    <row r="492628" spans="8:8">
      <c r="H492628" s="12"/>
    </row>
    <row r="492629" spans="8:8">
      <c r="H492629" s="12"/>
    </row>
    <row r="492630" spans="8:8">
      <c r="H492630" s="12"/>
    </row>
    <row r="492631" spans="8:8">
      <c r="H492631" s="12"/>
    </row>
    <row r="492632" spans="8:8">
      <c r="H492632" s="12"/>
    </row>
    <row r="492633" spans="8:8">
      <c r="H492633" s="12"/>
    </row>
    <row r="492634" spans="8:8">
      <c r="H492634" s="12"/>
    </row>
    <row r="492635" spans="8:8">
      <c r="H492635" s="12"/>
    </row>
    <row r="492636" spans="8:8">
      <c r="H492636" s="12"/>
    </row>
    <row r="492637" spans="8:8">
      <c r="H492637" s="12"/>
    </row>
    <row r="492638" spans="8:8">
      <c r="H492638" s="12"/>
    </row>
    <row r="492639" spans="8:8">
      <c r="H492639" s="12"/>
    </row>
    <row r="492640" spans="8:8">
      <c r="H492640" s="12"/>
    </row>
    <row r="492641" spans="8:8">
      <c r="H492641" s="12"/>
    </row>
    <row r="492642" spans="8:8">
      <c r="H492642" s="12"/>
    </row>
    <row r="492643" spans="8:8">
      <c r="H492643" s="12"/>
    </row>
    <row r="492644" spans="8:8">
      <c r="H492644" s="12"/>
    </row>
    <row r="492645" spans="8:8">
      <c r="H492645" s="12"/>
    </row>
    <row r="492646" spans="8:8">
      <c r="H492646" s="12"/>
    </row>
    <row r="492647" spans="8:8">
      <c r="H492647" s="12"/>
    </row>
    <row r="492648" spans="8:8">
      <c r="H492648" s="12"/>
    </row>
    <row r="492649" spans="8:8">
      <c r="H492649" s="12"/>
    </row>
    <row r="492650" spans="8:8">
      <c r="H492650" s="12"/>
    </row>
    <row r="492651" spans="8:8">
      <c r="H492651" s="12"/>
    </row>
    <row r="492652" spans="8:8">
      <c r="H492652" s="12"/>
    </row>
    <row r="492653" spans="8:8">
      <c r="H492653" s="12"/>
    </row>
    <row r="492654" spans="8:8">
      <c r="H492654" s="12"/>
    </row>
    <row r="492655" spans="8:8">
      <c r="H492655" s="12"/>
    </row>
    <row r="492656" spans="8:8">
      <c r="H492656" s="12"/>
    </row>
    <row r="492657" spans="8:8">
      <c r="H492657" s="12"/>
    </row>
    <row r="492658" spans="8:8">
      <c r="H492658" s="12"/>
    </row>
    <row r="492659" spans="8:8">
      <c r="H492659" s="12"/>
    </row>
    <row r="492660" spans="8:8">
      <c r="H492660" s="12"/>
    </row>
    <row r="492661" spans="8:8">
      <c r="H492661" s="12"/>
    </row>
    <row r="492662" spans="8:8">
      <c r="H492662" s="12"/>
    </row>
    <row r="492663" spans="8:8">
      <c r="H492663" s="12"/>
    </row>
    <row r="492664" spans="8:8">
      <c r="H492664" s="12"/>
    </row>
    <row r="492665" spans="8:8">
      <c r="H492665" s="12"/>
    </row>
    <row r="492666" spans="8:8">
      <c r="H492666" s="12"/>
    </row>
    <row r="492667" spans="8:8">
      <c r="H492667" s="12"/>
    </row>
    <row r="492668" spans="8:8">
      <c r="H492668" s="12"/>
    </row>
    <row r="492669" spans="8:8">
      <c r="H492669" s="12"/>
    </row>
    <row r="492670" spans="8:8">
      <c r="H492670" s="12"/>
    </row>
    <row r="492671" spans="8:8">
      <c r="H492671" s="12"/>
    </row>
    <row r="492672" spans="8:8">
      <c r="H492672" s="12"/>
    </row>
    <row r="492673" spans="8:8">
      <c r="H492673" s="12"/>
    </row>
    <row r="492674" spans="8:8">
      <c r="H492674" s="12"/>
    </row>
    <row r="492675" spans="8:8">
      <c r="H492675" s="12"/>
    </row>
    <row r="492676" spans="8:8">
      <c r="H492676" s="12"/>
    </row>
    <row r="492677" spans="8:8">
      <c r="H492677" s="12"/>
    </row>
    <row r="492678" spans="8:8">
      <c r="H492678" s="12"/>
    </row>
    <row r="492679" spans="8:8">
      <c r="H492679" s="12"/>
    </row>
    <row r="492680" spans="8:8">
      <c r="H492680" s="12"/>
    </row>
    <row r="492681" spans="8:8">
      <c r="H492681" s="12"/>
    </row>
    <row r="492682" spans="8:8">
      <c r="H492682" s="12"/>
    </row>
    <row r="492683" spans="8:8">
      <c r="H492683" s="12"/>
    </row>
    <row r="492684" spans="8:8">
      <c r="H492684" s="12"/>
    </row>
    <row r="492685" spans="8:8">
      <c r="H492685" s="12"/>
    </row>
    <row r="492686" spans="8:8">
      <c r="H492686" s="12"/>
    </row>
    <row r="492687" spans="8:8">
      <c r="H492687" s="12"/>
    </row>
    <row r="492688" spans="8:8">
      <c r="H492688" s="12"/>
    </row>
    <row r="492689" spans="8:8">
      <c r="H492689" s="12"/>
    </row>
    <row r="492690" spans="8:8">
      <c r="H492690" s="12"/>
    </row>
    <row r="492691" spans="8:8">
      <c r="H492691" s="12"/>
    </row>
    <row r="492692" spans="8:8">
      <c r="H492692" s="12"/>
    </row>
    <row r="492693" spans="8:8">
      <c r="H492693" s="12"/>
    </row>
    <row r="492694" spans="8:8">
      <c r="H492694" s="12"/>
    </row>
    <row r="492695" spans="8:8">
      <c r="H492695" s="12"/>
    </row>
    <row r="492696" spans="8:8">
      <c r="H492696" s="12"/>
    </row>
    <row r="492697" spans="8:8">
      <c r="H492697" s="12"/>
    </row>
    <row r="492698" spans="8:8">
      <c r="H492698" s="12"/>
    </row>
    <row r="492699" spans="8:8">
      <c r="H492699" s="12"/>
    </row>
    <row r="492700" spans="8:8">
      <c r="H492700" s="12"/>
    </row>
    <row r="492701" spans="8:8">
      <c r="H492701" s="12"/>
    </row>
    <row r="492702" spans="8:8">
      <c r="H492702" s="12"/>
    </row>
    <row r="492703" spans="8:8">
      <c r="H492703" s="12"/>
    </row>
    <row r="492704" spans="8:8">
      <c r="H492704" s="12"/>
    </row>
    <row r="492705" spans="8:8">
      <c r="H492705" s="12"/>
    </row>
    <row r="492706" spans="8:8">
      <c r="H492706" s="12"/>
    </row>
    <row r="492707" spans="8:8">
      <c r="H492707" s="12"/>
    </row>
    <row r="492708" spans="8:8">
      <c r="H492708" s="12"/>
    </row>
    <row r="492709" spans="8:8">
      <c r="H492709" s="12"/>
    </row>
    <row r="492710" spans="8:8">
      <c r="H492710" s="12"/>
    </row>
    <row r="492711" spans="8:8">
      <c r="H492711" s="12"/>
    </row>
    <row r="492712" spans="8:8">
      <c r="H492712" s="12"/>
    </row>
    <row r="492713" spans="8:8">
      <c r="H492713" s="12"/>
    </row>
    <row r="492714" spans="8:8">
      <c r="H492714" s="12"/>
    </row>
    <row r="492715" spans="8:8">
      <c r="H492715" s="12"/>
    </row>
    <row r="492716" spans="8:8">
      <c r="H492716" s="12"/>
    </row>
    <row r="492717" spans="8:8">
      <c r="H492717" s="12"/>
    </row>
    <row r="492718" spans="8:8">
      <c r="H492718" s="12"/>
    </row>
    <row r="492719" spans="8:8">
      <c r="H492719" s="12"/>
    </row>
    <row r="492720" spans="8:8">
      <c r="H492720" s="12"/>
    </row>
    <row r="492721" spans="8:8">
      <c r="H492721" s="12"/>
    </row>
    <row r="492722" spans="8:8">
      <c r="H492722" s="12"/>
    </row>
    <row r="492723" spans="8:8">
      <c r="H492723" s="12"/>
    </row>
    <row r="492724" spans="8:8">
      <c r="H492724" s="12"/>
    </row>
    <row r="492725" spans="8:8">
      <c r="H492725" s="12"/>
    </row>
    <row r="492726" spans="8:8">
      <c r="H492726" s="12"/>
    </row>
    <row r="492727" spans="8:8">
      <c r="H492727" s="12"/>
    </row>
    <row r="492728" spans="8:8">
      <c r="H492728" s="12"/>
    </row>
    <row r="492729" spans="8:8">
      <c r="H492729" s="12"/>
    </row>
    <row r="492730" spans="8:8">
      <c r="H492730" s="12"/>
    </row>
    <row r="492731" spans="8:8">
      <c r="H492731" s="12"/>
    </row>
    <row r="492732" spans="8:8">
      <c r="H492732" s="12"/>
    </row>
    <row r="492733" spans="8:8">
      <c r="H492733" s="12"/>
    </row>
    <row r="492734" spans="8:8">
      <c r="H492734" s="12"/>
    </row>
    <row r="492735" spans="8:8">
      <c r="H492735" s="12"/>
    </row>
    <row r="492736" spans="8:8">
      <c r="H492736" s="12"/>
    </row>
    <row r="492737" spans="8:8">
      <c r="H492737" s="12"/>
    </row>
    <row r="492738" spans="8:8">
      <c r="H492738" s="12"/>
    </row>
    <row r="492739" spans="8:8">
      <c r="H492739" s="12"/>
    </row>
    <row r="492740" spans="8:8">
      <c r="H492740" s="12"/>
    </row>
    <row r="492741" spans="8:8">
      <c r="H492741" s="12"/>
    </row>
    <row r="492742" spans="8:8">
      <c r="H492742" s="12"/>
    </row>
    <row r="492743" spans="8:8">
      <c r="H492743" s="12"/>
    </row>
    <row r="492744" spans="8:8">
      <c r="H492744" s="12"/>
    </row>
    <row r="492745" spans="8:8">
      <c r="H492745" s="12"/>
    </row>
    <row r="492746" spans="8:8">
      <c r="H492746" s="12"/>
    </row>
    <row r="492747" spans="8:8">
      <c r="H492747" s="12"/>
    </row>
    <row r="492748" spans="8:8">
      <c r="H492748" s="12"/>
    </row>
    <row r="492749" spans="8:8">
      <c r="H492749" s="12"/>
    </row>
    <row r="492750" spans="8:8">
      <c r="H492750" s="12"/>
    </row>
    <row r="492751" spans="8:8">
      <c r="H492751" s="12"/>
    </row>
    <row r="492752" spans="8:8">
      <c r="H492752" s="12"/>
    </row>
    <row r="492753" spans="8:8">
      <c r="H492753" s="12"/>
    </row>
    <row r="492754" spans="8:8">
      <c r="H492754" s="12"/>
    </row>
    <row r="492755" spans="8:8">
      <c r="H492755" s="12"/>
    </row>
    <row r="492756" spans="8:8">
      <c r="H492756" s="12"/>
    </row>
    <row r="492757" spans="8:8">
      <c r="H492757" s="12"/>
    </row>
    <row r="492758" spans="8:8">
      <c r="H492758" s="12"/>
    </row>
    <row r="492759" spans="8:8">
      <c r="H492759" s="12"/>
    </row>
    <row r="492760" spans="8:8">
      <c r="H492760" s="12"/>
    </row>
    <row r="492761" spans="8:8">
      <c r="H492761" s="12"/>
    </row>
    <row r="492762" spans="8:8">
      <c r="H492762" s="12"/>
    </row>
    <row r="492763" spans="8:8">
      <c r="H492763" s="12"/>
    </row>
    <row r="492764" spans="8:8">
      <c r="H492764" s="12"/>
    </row>
    <row r="492765" spans="8:8">
      <c r="H492765" s="12"/>
    </row>
    <row r="492766" spans="8:8">
      <c r="H492766" s="12"/>
    </row>
    <row r="492767" spans="8:8">
      <c r="H492767" s="12"/>
    </row>
    <row r="492768" spans="8:8">
      <c r="H492768" s="12"/>
    </row>
    <row r="492769" spans="8:8">
      <c r="H492769" s="12"/>
    </row>
    <row r="492770" spans="8:8">
      <c r="H492770" s="12"/>
    </row>
    <row r="492771" spans="8:8">
      <c r="H492771" s="12"/>
    </row>
    <row r="492772" spans="8:8">
      <c r="H492772" s="12"/>
    </row>
    <row r="492773" spans="8:8">
      <c r="H492773" s="12"/>
    </row>
    <row r="492774" spans="8:8">
      <c r="H492774" s="12"/>
    </row>
    <row r="492775" spans="8:8">
      <c r="H492775" s="12"/>
    </row>
    <row r="492776" spans="8:8">
      <c r="H492776" s="12"/>
    </row>
    <row r="492777" spans="8:8">
      <c r="H492777" s="12"/>
    </row>
    <row r="492778" spans="8:8">
      <c r="H492778" s="12"/>
    </row>
    <row r="492779" spans="8:8">
      <c r="H492779" s="12"/>
    </row>
    <row r="492780" spans="8:8">
      <c r="H492780" s="12"/>
    </row>
    <row r="492781" spans="8:8">
      <c r="H492781" s="12"/>
    </row>
    <row r="492782" spans="8:8">
      <c r="H492782" s="12"/>
    </row>
    <row r="492783" spans="8:8">
      <c r="H492783" s="12"/>
    </row>
    <row r="492784" spans="8:8">
      <c r="H492784" s="12"/>
    </row>
    <row r="492785" spans="8:8">
      <c r="H492785" s="12"/>
    </row>
    <row r="492786" spans="8:8">
      <c r="H492786" s="12"/>
    </row>
    <row r="492787" spans="8:8">
      <c r="H492787" s="12"/>
    </row>
    <row r="492788" spans="8:8">
      <c r="H492788" s="12"/>
    </row>
    <row r="492789" spans="8:8">
      <c r="H492789" s="12"/>
    </row>
    <row r="492790" spans="8:8">
      <c r="H492790" s="12"/>
    </row>
    <row r="492791" spans="8:8">
      <c r="H492791" s="12"/>
    </row>
    <row r="492792" spans="8:8">
      <c r="H492792" s="12"/>
    </row>
    <row r="492793" spans="8:8">
      <c r="H492793" s="12"/>
    </row>
    <row r="492794" spans="8:8">
      <c r="H492794" s="12"/>
    </row>
    <row r="492795" spans="8:8">
      <c r="H492795" s="12"/>
    </row>
    <row r="492796" spans="8:8">
      <c r="H492796" s="12"/>
    </row>
    <row r="492797" spans="8:8">
      <c r="H492797" s="12"/>
    </row>
    <row r="492798" spans="8:8">
      <c r="H492798" s="12"/>
    </row>
    <row r="492799" spans="8:8">
      <c r="H492799" s="12"/>
    </row>
    <row r="492800" spans="8:8">
      <c r="H492800" s="12"/>
    </row>
    <row r="492801" spans="8:8">
      <c r="H492801" s="12"/>
    </row>
    <row r="492802" spans="8:8">
      <c r="H492802" s="12"/>
    </row>
    <row r="492803" spans="8:8">
      <c r="H492803" s="12"/>
    </row>
    <row r="492804" spans="8:8">
      <c r="H492804" s="12"/>
    </row>
    <row r="492805" spans="8:8">
      <c r="H492805" s="12"/>
    </row>
    <row r="492806" spans="8:8">
      <c r="H492806" s="12"/>
    </row>
    <row r="492807" spans="8:8">
      <c r="H492807" s="12"/>
    </row>
    <row r="492808" spans="8:8">
      <c r="H492808" s="12"/>
    </row>
    <row r="492809" spans="8:8">
      <c r="H492809" s="12"/>
    </row>
    <row r="492810" spans="8:8">
      <c r="H492810" s="12"/>
    </row>
    <row r="492811" spans="8:8">
      <c r="H492811" s="12"/>
    </row>
    <row r="492812" spans="8:8">
      <c r="H492812" s="12"/>
    </row>
    <row r="492813" spans="8:8">
      <c r="H492813" s="12"/>
    </row>
    <row r="492814" spans="8:8">
      <c r="H492814" s="12"/>
    </row>
    <row r="492815" spans="8:8">
      <c r="H492815" s="12"/>
    </row>
    <row r="492816" spans="8:8">
      <c r="H492816" s="12"/>
    </row>
    <row r="492817" spans="8:8">
      <c r="H492817" s="12"/>
    </row>
    <row r="492818" spans="8:8">
      <c r="H492818" s="12"/>
    </row>
    <row r="492819" spans="8:8">
      <c r="H492819" s="12"/>
    </row>
    <row r="492820" spans="8:8">
      <c r="H492820" s="12"/>
    </row>
    <row r="492821" spans="8:8">
      <c r="H492821" s="12"/>
    </row>
    <row r="492822" spans="8:8">
      <c r="H492822" s="12"/>
    </row>
    <row r="492823" spans="8:8">
      <c r="H492823" s="12"/>
    </row>
    <row r="492824" spans="8:8">
      <c r="H492824" s="12"/>
    </row>
    <row r="492825" spans="8:8">
      <c r="H492825" s="12"/>
    </row>
    <row r="492826" spans="8:8">
      <c r="H492826" s="12"/>
    </row>
    <row r="492827" spans="8:8">
      <c r="H492827" s="12"/>
    </row>
    <row r="492828" spans="8:8">
      <c r="H492828" s="12"/>
    </row>
    <row r="492829" spans="8:8">
      <c r="H492829" s="12"/>
    </row>
    <row r="492830" spans="8:8">
      <c r="H492830" s="12"/>
    </row>
    <row r="492831" spans="8:8">
      <c r="H492831" s="12"/>
    </row>
    <row r="492832" spans="8:8">
      <c r="H492832" s="12"/>
    </row>
    <row r="492833" spans="8:8">
      <c r="H492833" s="12"/>
    </row>
    <row r="492834" spans="8:8">
      <c r="H492834" s="12"/>
    </row>
    <row r="492835" spans="8:8">
      <c r="H492835" s="12"/>
    </row>
    <row r="492836" spans="8:8">
      <c r="H492836" s="12"/>
    </row>
    <row r="492837" spans="8:8">
      <c r="H492837" s="12"/>
    </row>
    <row r="492838" spans="8:8">
      <c r="H492838" s="12"/>
    </row>
    <row r="492839" spans="8:8">
      <c r="H492839" s="12"/>
    </row>
    <row r="492840" spans="8:8">
      <c r="H492840" s="12"/>
    </row>
    <row r="492841" spans="8:8">
      <c r="H492841" s="12"/>
    </row>
    <row r="492842" spans="8:8">
      <c r="H492842" s="12"/>
    </row>
    <row r="492843" spans="8:8">
      <c r="H492843" s="12"/>
    </row>
    <row r="492844" spans="8:8">
      <c r="H492844" s="12"/>
    </row>
    <row r="492845" spans="8:8">
      <c r="H492845" s="12"/>
    </row>
    <row r="492846" spans="8:8">
      <c r="H492846" s="12"/>
    </row>
    <row r="492847" spans="8:8">
      <c r="H492847" s="12"/>
    </row>
    <row r="492848" spans="8:8">
      <c r="H492848" s="12"/>
    </row>
    <row r="492849" spans="8:8">
      <c r="H492849" s="12"/>
    </row>
    <row r="492850" spans="8:8">
      <c r="H492850" s="12"/>
    </row>
    <row r="492851" spans="8:8">
      <c r="H492851" s="12"/>
    </row>
    <row r="492852" spans="8:8">
      <c r="H492852" s="12"/>
    </row>
    <row r="492853" spans="8:8">
      <c r="H492853" s="12"/>
    </row>
    <row r="492854" spans="8:8">
      <c r="H492854" s="12"/>
    </row>
    <row r="492855" spans="8:8">
      <c r="H492855" s="12"/>
    </row>
    <row r="492856" spans="8:8">
      <c r="H492856" s="12"/>
    </row>
    <row r="492857" spans="8:8">
      <c r="H492857" s="12"/>
    </row>
    <row r="492858" spans="8:8">
      <c r="H492858" s="12"/>
    </row>
    <row r="492859" spans="8:8">
      <c r="H492859" s="12"/>
    </row>
    <row r="492860" spans="8:8">
      <c r="H492860" s="12"/>
    </row>
    <row r="492861" spans="8:8">
      <c r="H492861" s="12"/>
    </row>
    <row r="492862" spans="8:8">
      <c r="H492862" s="12"/>
    </row>
    <row r="492863" spans="8:8">
      <c r="H492863" s="12"/>
    </row>
    <row r="492864" spans="8:8">
      <c r="H492864" s="12"/>
    </row>
    <row r="492865" spans="8:8">
      <c r="H492865" s="12"/>
    </row>
    <row r="492866" spans="8:8">
      <c r="H492866" s="12"/>
    </row>
    <row r="492867" spans="8:8">
      <c r="H492867" s="12"/>
    </row>
    <row r="492868" spans="8:8">
      <c r="H492868" s="12"/>
    </row>
    <row r="492869" spans="8:8">
      <c r="H492869" s="12"/>
    </row>
    <row r="492870" spans="8:8">
      <c r="H492870" s="12"/>
    </row>
    <row r="492871" spans="8:8">
      <c r="H492871" s="12"/>
    </row>
    <row r="492872" spans="8:8">
      <c r="H492872" s="12"/>
    </row>
    <row r="492873" spans="8:8">
      <c r="H492873" s="12"/>
    </row>
    <row r="492874" spans="8:8">
      <c r="H492874" s="12"/>
    </row>
    <row r="492875" spans="8:8">
      <c r="H492875" s="12"/>
    </row>
    <row r="492876" spans="8:8">
      <c r="H492876" s="12"/>
    </row>
    <row r="492877" spans="8:8">
      <c r="H492877" s="12"/>
    </row>
    <row r="492878" spans="8:8">
      <c r="H492878" s="12"/>
    </row>
    <row r="492879" spans="8:8">
      <c r="H492879" s="12"/>
    </row>
    <row r="492880" spans="8:8">
      <c r="H492880" s="12"/>
    </row>
    <row r="492881" spans="8:8">
      <c r="H492881" s="12"/>
    </row>
    <row r="492882" spans="8:8">
      <c r="H492882" s="12"/>
    </row>
    <row r="492883" spans="8:8">
      <c r="H492883" s="12"/>
    </row>
    <row r="492884" spans="8:8">
      <c r="H492884" s="12"/>
    </row>
    <row r="492885" spans="8:8">
      <c r="H492885" s="12"/>
    </row>
    <row r="492886" spans="8:8">
      <c r="H492886" s="12"/>
    </row>
    <row r="492887" spans="8:8">
      <c r="H492887" s="12"/>
    </row>
    <row r="492888" spans="8:8">
      <c r="H492888" s="12"/>
    </row>
    <row r="492889" spans="8:8">
      <c r="H492889" s="12"/>
    </row>
    <row r="492890" spans="8:8">
      <c r="H492890" s="12"/>
    </row>
    <row r="492891" spans="8:8">
      <c r="H492891" s="12"/>
    </row>
    <row r="492892" spans="8:8">
      <c r="H492892" s="12"/>
    </row>
    <row r="492893" spans="8:8">
      <c r="H492893" s="12"/>
    </row>
    <row r="492894" spans="8:8">
      <c r="H492894" s="12"/>
    </row>
    <row r="492895" spans="8:8">
      <c r="H492895" s="12"/>
    </row>
    <row r="492896" spans="8:8">
      <c r="H492896" s="12"/>
    </row>
    <row r="492897" spans="8:8">
      <c r="H492897" s="12"/>
    </row>
    <row r="492898" spans="8:8">
      <c r="H492898" s="12"/>
    </row>
    <row r="492899" spans="8:8">
      <c r="H492899" s="12"/>
    </row>
    <row r="492900" spans="8:8">
      <c r="H492900" s="12"/>
    </row>
    <row r="492901" spans="8:8">
      <c r="H492901" s="12"/>
    </row>
    <row r="492902" spans="8:8">
      <c r="H492902" s="12"/>
    </row>
    <row r="492903" spans="8:8">
      <c r="H492903" s="12"/>
    </row>
    <row r="492904" spans="8:8">
      <c r="H492904" s="12"/>
    </row>
    <row r="492905" spans="8:8">
      <c r="H492905" s="12"/>
    </row>
    <row r="492906" spans="8:8">
      <c r="H492906" s="12"/>
    </row>
    <row r="492907" spans="8:8">
      <c r="H492907" s="12"/>
    </row>
    <row r="492908" spans="8:8">
      <c r="H492908" s="12"/>
    </row>
    <row r="492909" spans="8:8">
      <c r="H492909" s="12"/>
    </row>
    <row r="492910" spans="8:8">
      <c r="H492910" s="12"/>
    </row>
    <row r="492911" spans="8:8">
      <c r="H492911" s="12"/>
    </row>
    <row r="492912" spans="8:8">
      <c r="H492912" s="12"/>
    </row>
    <row r="492913" spans="8:8">
      <c r="H492913" s="12"/>
    </row>
    <row r="492914" spans="8:8">
      <c r="H492914" s="12"/>
    </row>
    <row r="492915" spans="8:8">
      <c r="H492915" s="12"/>
    </row>
    <row r="492916" spans="8:8">
      <c r="H492916" s="12"/>
    </row>
    <row r="492917" spans="8:8">
      <c r="H492917" s="12"/>
    </row>
    <row r="492918" spans="8:8">
      <c r="H492918" s="12"/>
    </row>
    <row r="492919" spans="8:8">
      <c r="H492919" s="12"/>
    </row>
    <row r="492920" spans="8:8">
      <c r="H492920" s="12"/>
    </row>
    <row r="492921" spans="8:8">
      <c r="H492921" s="12"/>
    </row>
    <row r="492922" spans="8:8">
      <c r="H492922" s="12"/>
    </row>
    <row r="492923" spans="8:8">
      <c r="H492923" s="12"/>
    </row>
    <row r="492924" spans="8:8">
      <c r="H492924" s="12"/>
    </row>
    <row r="492925" spans="8:8">
      <c r="H492925" s="12"/>
    </row>
    <row r="492926" spans="8:8">
      <c r="H492926" s="12"/>
    </row>
    <row r="492927" spans="8:8">
      <c r="H492927" s="12"/>
    </row>
    <row r="492928" spans="8:8">
      <c r="H492928" s="12"/>
    </row>
    <row r="492929" spans="8:8">
      <c r="H492929" s="12"/>
    </row>
    <row r="492930" spans="8:8">
      <c r="H492930" s="12"/>
    </row>
    <row r="492931" spans="8:8">
      <c r="H492931" s="12"/>
    </row>
    <row r="492932" spans="8:8">
      <c r="H492932" s="12"/>
    </row>
    <row r="492933" spans="8:8">
      <c r="H492933" s="12"/>
    </row>
    <row r="492934" spans="8:8">
      <c r="H492934" s="12"/>
    </row>
    <row r="492935" spans="8:8">
      <c r="H492935" s="12"/>
    </row>
    <row r="492936" spans="8:8">
      <c r="H492936" s="12"/>
    </row>
    <row r="492937" spans="8:8">
      <c r="H492937" s="12"/>
    </row>
    <row r="492938" spans="8:8">
      <c r="H492938" s="12"/>
    </row>
    <row r="492939" spans="8:8">
      <c r="H492939" s="12"/>
    </row>
    <row r="492940" spans="8:8">
      <c r="H492940" s="12"/>
    </row>
    <row r="492941" spans="8:8">
      <c r="H492941" s="12"/>
    </row>
    <row r="492942" spans="8:8">
      <c r="H492942" s="12"/>
    </row>
    <row r="492943" spans="8:8">
      <c r="H492943" s="12"/>
    </row>
    <row r="492944" spans="8:8">
      <c r="H492944" s="12"/>
    </row>
    <row r="492945" spans="8:8">
      <c r="H492945" s="12"/>
    </row>
    <row r="492946" spans="8:8">
      <c r="H492946" s="12"/>
    </row>
    <row r="492947" spans="8:8">
      <c r="H492947" s="12"/>
    </row>
    <row r="492948" spans="8:8">
      <c r="H492948" s="12"/>
    </row>
    <row r="492949" spans="8:8">
      <c r="H492949" s="12"/>
    </row>
    <row r="492950" spans="8:8">
      <c r="H492950" s="12"/>
    </row>
    <row r="492951" spans="8:8">
      <c r="H492951" s="12"/>
    </row>
    <row r="492952" spans="8:8">
      <c r="H492952" s="12"/>
    </row>
    <row r="492953" spans="8:8">
      <c r="H492953" s="12"/>
    </row>
    <row r="492954" spans="8:8">
      <c r="H492954" s="12"/>
    </row>
    <row r="492955" spans="8:8">
      <c r="H492955" s="12"/>
    </row>
    <row r="492956" spans="8:8">
      <c r="H492956" s="12"/>
    </row>
    <row r="492957" spans="8:8">
      <c r="H492957" s="12"/>
    </row>
    <row r="492958" spans="8:8">
      <c r="H492958" s="12"/>
    </row>
    <row r="492959" spans="8:8">
      <c r="H492959" s="12"/>
    </row>
    <row r="492960" spans="8:8">
      <c r="H492960" s="12"/>
    </row>
    <row r="492961" spans="8:8">
      <c r="H492961" s="12"/>
    </row>
    <row r="492962" spans="8:8">
      <c r="H492962" s="12"/>
    </row>
    <row r="492963" spans="8:8">
      <c r="H492963" s="12"/>
    </row>
    <row r="492964" spans="8:8">
      <c r="H492964" s="12"/>
    </row>
    <row r="492965" spans="8:8">
      <c r="H492965" s="12"/>
    </row>
    <row r="492966" spans="8:8">
      <c r="H492966" s="12"/>
    </row>
    <row r="492967" spans="8:8">
      <c r="H492967" s="12"/>
    </row>
    <row r="492968" spans="8:8">
      <c r="H492968" s="12"/>
    </row>
    <row r="492969" spans="8:8">
      <c r="H492969" s="12"/>
    </row>
    <row r="492970" spans="8:8">
      <c r="H492970" s="12"/>
    </row>
    <row r="492971" spans="8:8">
      <c r="H492971" s="12"/>
    </row>
    <row r="492972" spans="8:8">
      <c r="H492972" s="12"/>
    </row>
    <row r="492973" spans="8:8">
      <c r="H492973" s="12"/>
    </row>
    <row r="492974" spans="8:8">
      <c r="H492974" s="12"/>
    </row>
    <row r="492975" spans="8:8">
      <c r="H492975" s="12"/>
    </row>
    <row r="492976" spans="8:8">
      <c r="H492976" s="12"/>
    </row>
    <row r="492977" spans="8:8">
      <c r="H492977" s="12"/>
    </row>
    <row r="492978" spans="8:8">
      <c r="H492978" s="12"/>
    </row>
    <row r="492979" spans="8:8">
      <c r="H492979" s="12"/>
    </row>
    <row r="492980" spans="8:8">
      <c r="H492980" s="12"/>
    </row>
    <row r="492981" spans="8:8">
      <c r="H492981" s="12"/>
    </row>
    <row r="492982" spans="8:8">
      <c r="H492982" s="12"/>
    </row>
    <row r="492983" spans="8:8">
      <c r="H492983" s="12"/>
    </row>
    <row r="492984" spans="8:8">
      <c r="H492984" s="12"/>
    </row>
    <row r="492985" spans="8:8">
      <c r="H492985" s="12"/>
    </row>
    <row r="492986" spans="8:8">
      <c r="H492986" s="12"/>
    </row>
    <row r="492987" spans="8:8">
      <c r="H492987" s="12"/>
    </row>
    <row r="492988" spans="8:8">
      <c r="H492988" s="12"/>
    </row>
    <row r="492989" spans="8:8">
      <c r="H492989" s="12"/>
    </row>
    <row r="492990" spans="8:8">
      <c r="H492990" s="12"/>
    </row>
    <row r="492991" spans="8:8">
      <c r="H492991" s="12"/>
    </row>
    <row r="492992" spans="8:8">
      <c r="H492992" s="12"/>
    </row>
    <row r="492993" spans="8:8">
      <c r="H492993" s="12"/>
    </row>
    <row r="492994" spans="8:8">
      <c r="H492994" s="12"/>
    </row>
    <row r="492995" spans="8:8">
      <c r="H492995" s="12"/>
    </row>
    <row r="492996" spans="8:8">
      <c r="H492996" s="12"/>
    </row>
    <row r="492997" spans="8:8">
      <c r="H492997" s="12"/>
    </row>
    <row r="492998" spans="8:8">
      <c r="H492998" s="12"/>
    </row>
    <row r="492999" spans="8:8">
      <c r="H492999" s="12"/>
    </row>
    <row r="493000" spans="8:8">
      <c r="H493000" s="12"/>
    </row>
    <row r="493001" spans="8:8">
      <c r="H493001" s="12"/>
    </row>
    <row r="493002" spans="8:8">
      <c r="H493002" s="12"/>
    </row>
    <row r="493003" spans="8:8">
      <c r="H493003" s="12"/>
    </row>
    <row r="493004" spans="8:8">
      <c r="H493004" s="12"/>
    </row>
    <row r="493005" spans="8:8">
      <c r="H493005" s="12"/>
    </row>
    <row r="493006" spans="8:8">
      <c r="H493006" s="12"/>
    </row>
    <row r="493007" spans="8:8">
      <c r="H493007" s="12"/>
    </row>
    <row r="493008" spans="8:8">
      <c r="H493008" s="12"/>
    </row>
    <row r="493009" spans="8:8">
      <c r="H493009" s="12"/>
    </row>
    <row r="493010" spans="8:8">
      <c r="H493010" s="12"/>
    </row>
    <row r="493011" spans="8:8">
      <c r="H493011" s="12"/>
    </row>
    <row r="493012" spans="8:8">
      <c r="H493012" s="12"/>
    </row>
    <row r="493013" spans="8:8">
      <c r="H493013" s="12"/>
    </row>
    <row r="493014" spans="8:8">
      <c r="H493014" s="12"/>
    </row>
    <row r="493015" spans="8:8">
      <c r="H493015" s="12"/>
    </row>
    <row r="493016" spans="8:8">
      <c r="H493016" s="12"/>
    </row>
    <row r="493017" spans="8:8">
      <c r="H493017" s="12"/>
    </row>
    <row r="493018" spans="8:8">
      <c r="H493018" s="12"/>
    </row>
    <row r="493019" spans="8:8">
      <c r="H493019" s="12"/>
    </row>
    <row r="493020" spans="8:8">
      <c r="H493020" s="12"/>
    </row>
    <row r="493021" spans="8:8">
      <c r="H493021" s="12"/>
    </row>
    <row r="493022" spans="8:8">
      <c r="H493022" s="12"/>
    </row>
    <row r="493023" spans="8:8">
      <c r="H493023" s="12"/>
    </row>
    <row r="493024" spans="8:8">
      <c r="H493024" s="12"/>
    </row>
    <row r="493025" spans="8:8">
      <c r="H493025" s="12"/>
    </row>
    <row r="493026" spans="8:8">
      <c r="H493026" s="12"/>
    </row>
    <row r="493027" spans="8:8">
      <c r="H493027" s="12"/>
    </row>
    <row r="493028" spans="8:8">
      <c r="H493028" s="12"/>
    </row>
    <row r="493029" spans="8:8">
      <c r="H493029" s="12"/>
    </row>
    <row r="493030" spans="8:8">
      <c r="H493030" s="12"/>
    </row>
    <row r="493031" spans="8:8">
      <c r="H493031" s="12"/>
    </row>
    <row r="493032" spans="8:8">
      <c r="H493032" s="12"/>
    </row>
    <row r="493033" spans="8:8">
      <c r="H493033" s="12"/>
    </row>
    <row r="493034" spans="8:8">
      <c r="H493034" s="12"/>
    </row>
    <row r="493035" spans="8:8">
      <c r="H493035" s="12"/>
    </row>
    <row r="493036" spans="8:8">
      <c r="H493036" s="12"/>
    </row>
    <row r="493037" spans="8:8">
      <c r="H493037" s="12"/>
    </row>
    <row r="493038" spans="8:8">
      <c r="H493038" s="12"/>
    </row>
    <row r="493039" spans="8:8">
      <c r="H493039" s="12"/>
    </row>
    <row r="493040" spans="8:8">
      <c r="H493040" s="12"/>
    </row>
    <row r="493041" spans="8:8">
      <c r="H493041" s="12"/>
    </row>
    <row r="493042" spans="8:8">
      <c r="H493042" s="12"/>
    </row>
    <row r="493043" spans="8:8">
      <c r="H493043" s="12"/>
    </row>
    <row r="493044" spans="8:8">
      <c r="H493044" s="12"/>
    </row>
    <row r="493045" spans="8:8">
      <c r="H493045" s="12"/>
    </row>
    <row r="493046" spans="8:8">
      <c r="H493046" s="12"/>
    </row>
    <row r="493047" spans="8:8">
      <c r="H493047" s="12"/>
    </row>
    <row r="493048" spans="8:8">
      <c r="H493048" s="12"/>
    </row>
    <row r="493049" spans="8:8">
      <c r="H493049" s="12"/>
    </row>
    <row r="493050" spans="8:8">
      <c r="H493050" s="12"/>
    </row>
    <row r="493051" spans="8:8">
      <c r="H493051" s="12"/>
    </row>
    <row r="493052" spans="8:8">
      <c r="H493052" s="12"/>
    </row>
    <row r="493053" spans="8:8">
      <c r="H493053" s="12"/>
    </row>
    <row r="493054" spans="8:8">
      <c r="H493054" s="12"/>
    </row>
    <row r="493055" spans="8:8">
      <c r="H493055" s="12"/>
    </row>
    <row r="493056" spans="8:8">
      <c r="H493056" s="12"/>
    </row>
    <row r="493057" spans="8:8">
      <c r="H493057" s="12"/>
    </row>
    <row r="493058" spans="8:8">
      <c r="H493058" s="12"/>
    </row>
    <row r="493059" spans="8:8">
      <c r="H493059" s="12"/>
    </row>
    <row r="493060" spans="8:8">
      <c r="H493060" s="12"/>
    </row>
    <row r="493061" spans="8:8">
      <c r="H493061" s="12"/>
    </row>
    <row r="493062" spans="8:8">
      <c r="H493062" s="12"/>
    </row>
    <row r="493063" spans="8:8">
      <c r="H493063" s="12"/>
    </row>
    <row r="493064" spans="8:8">
      <c r="H493064" s="12"/>
    </row>
    <row r="493065" spans="8:8">
      <c r="H493065" s="12"/>
    </row>
    <row r="493066" spans="8:8">
      <c r="H493066" s="12"/>
    </row>
    <row r="493067" spans="8:8">
      <c r="H493067" s="12"/>
    </row>
    <row r="493068" spans="8:8">
      <c r="H493068" s="12"/>
    </row>
    <row r="493069" spans="8:8">
      <c r="H493069" s="12"/>
    </row>
    <row r="493070" spans="8:8">
      <c r="H493070" s="12"/>
    </row>
    <row r="493071" spans="8:8">
      <c r="H493071" s="12"/>
    </row>
    <row r="493072" spans="8:8">
      <c r="H493072" s="12"/>
    </row>
    <row r="493073" spans="8:8">
      <c r="H493073" s="12"/>
    </row>
    <row r="493074" spans="8:8">
      <c r="H493074" s="12"/>
    </row>
    <row r="493075" spans="8:8">
      <c r="H493075" s="12"/>
    </row>
    <row r="493076" spans="8:8">
      <c r="H493076" s="12"/>
    </row>
    <row r="493077" spans="8:8">
      <c r="H493077" s="12"/>
    </row>
    <row r="493078" spans="8:8">
      <c r="H493078" s="12"/>
    </row>
    <row r="493079" spans="8:8">
      <c r="H493079" s="12"/>
    </row>
    <row r="493080" spans="8:8">
      <c r="H493080" s="12"/>
    </row>
    <row r="493081" spans="8:8">
      <c r="H493081" s="12"/>
    </row>
    <row r="493082" spans="8:8">
      <c r="H493082" s="12"/>
    </row>
    <row r="493083" spans="8:8">
      <c r="H493083" s="12"/>
    </row>
    <row r="493084" spans="8:8">
      <c r="H493084" s="12"/>
    </row>
    <row r="493085" spans="8:8">
      <c r="H493085" s="12"/>
    </row>
    <row r="493086" spans="8:8">
      <c r="H493086" s="12"/>
    </row>
    <row r="493087" spans="8:8">
      <c r="H493087" s="12"/>
    </row>
    <row r="493088" spans="8:8">
      <c r="H493088" s="12"/>
    </row>
    <row r="493089" spans="8:8">
      <c r="H493089" s="12"/>
    </row>
    <row r="493090" spans="8:8">
      <c r="H493090" s="12"/>
    </row>
    <row r="493091" spans="8:8">
      <c r="H493091" s="12"/>
    </row>
    <row r="493092" spans="8:8">
      <c r="H493092" s="12"/>
    </row>
    <row r="493093" spans="8:8">
      <c r="H493093" s="12"/>
    </row>
    <row r="493094" spans="8:8">
      <c r="H493094" s="12"/>
    </row>
    <row r="493095" spans="8:8">
      <c r="H493095" s="12"/>
    </row>
    <row r="493096" spans="8:8">
      <c r="H493096" s="12"/>
    </row>
    <row r="493097" spans="8:8">
      <c r="H493097" s="12"/>
    </row>
    <row r="493098" spans="8:8">
      <c r="H493098" s="12"/>
    </row>
    <row r="493099" spans="8:8">
      <c r="H493099" s="12"/>
    </row>
    <row r="493100" spans="8:8">
      <c r="H493100" s="12"/>
    </row>
    <row r="493101" spans="8:8">
      <c r="H493101" s="12"/>
    </row>
    <row r="493102" spans="8:8">
      <c r="H493102" s="12"/>
    </row>
    <row r="493103" spans="8:8">
      <c r="H493103" s="12"/>
    </row>
    <row r="493104" spans="8:8">
      <c r="H493104" s="12"/>
    </row>
    <row r="493105" spans="8:8">
      <c r="H493105" s="12"/>
    </row>
    <row r="493106" spans="8:8">
      <c r="H493106" s="12"/>
    </row>
    <row r="493107" spans="8:8">
      <c r="H493107" s="12"/>
    </row>
    <row r="493108" spans="8:8">
      <c r="H493108" s="12"/>
    </row>
    <row r="493109" spans="8:8">
      <c r="H493109" s="12"/>
    </row>
    <row r="493110" spans="8:8">
      <c r="H493110" s="12"/>
    </row>
    <row r="493111" spans="8:8">
      <c r="H493111" s="12"/>
    </row>
    <row r="493112" spans="8:8">
      <c r="H493112" s="12"/>
    </row>
    <row r="493113" spans="8:8">
      <c r="H493113" s="12"/>
    </row>
    <row r="493114" spans="8:8">
      <c r="H493114" s="12"/>
    </row>
    <row r="493115" spans="8:8">
      <c r="H493115" s="12"/>
    </row>
    <row r="493116" spans="8:8">
      <c r="H493116" s="12"/>
    </row>
    <row r="493117" spans="8:8">
      <c r="H493117" s="12"/>
    </row>
    <row r="493118" spans="8:8">
      <c r="H493118" s="12"/>
    </row>
    <row r="493119" spans="8:8">
      <c r="H493119" s="12"/>
    </row>
    <row r="493120" spans="8:8">
      <c r="H493120" s="12"/>
    </row>
    <row r="493121" spans="8:8">
      <c r="H493121" s="12"/>
    </row>
    <row r="493122" spans="8:8">
      <c r="H493122" s="12"/>
    </row>
    <row r="493123" spans="8:8">
      <c r="H493123" s="12"/>
    </row>
    <row r="493124" spans="8:8">
      <c r="H493124" s="12"/>
    </row>
    <row r="493125" spans="8:8">
      <c r="H493125" s="12"/>
    </row>
    <row r="493126" spans="8:8">
      <c r="H493126" s="12"/>
    </row>
    <row r="493127" spans="8:8">
      <c r="H493127" s="12"/>
    </row>
    <row r="493128" spans="8:8">
      <c r="H493128" s="12"/>
    </row>
    <row r="493129" spans="8:8">
      <c r="H493129" s="12"/>
    </row>
    <row r="493130" spans="8:8">
      <c r="H493130" s="12"/>
    </row>
    <row r="493131" spans="8:8">
      <c r="H493131" s="12"/>
    </row>
    <row r="493132" spans="8:8">
      <c r="H493132" s="12"/>
    </row>
    <row r="493133" spans="8:8">
      <c r="H493133" s="12"/>
    </row>
    <row r="493134" spans="8:8">
      <c r="H493134" s="12"/>
    </row>
    <row r="493135" spans="8:8">
      <c r="H493135" s="12"/>
    </row>
    <row r="493136" spans="8:8">
      <c r="H493136" s="12"/>
    </row>
    <row r="493137" spans="8:8">
      <c r="H493137" s="12"/>
    </row>
    <row r="493138" spans="8:8">
      <c r="H493138" s="12"/>
    </row>
    <row r="493139" spans="8:8">
      <c r="H493139" s="12"/>
    </row>
    <row r="493140" spans="8:8">
      <c r="H493140" s="12"/>
    </row>
    <row r="493141" spans="8:8">
      <c r="H493141" s="12"/>
    </row>
    <row r="493142" spans="8:8">
      <c r="H493142" s="12"/>
    </row>
    <row r="493143" spans="8:8">
      <c r="H493143" s="12"/>
    </row>
    <row r="493144" spans="8:8">
      <c r="H493144" s="12"/>
    </row>
    <row r="493145" spans="8:8">
      <c r="H493145" s="12"/>
    </row>
    <row r="493146" spans="8:8">
      <c r="H493146" s="12"/>
    </row>
    <row r="493147" spans="8:8">
      <c r="H493147" s="12"/>
    </row>
    <row r="493148" spans="8:8">
      <c r="H493148" s="12"/>
    </row>
    <row r="493149" spans="8:8">
      <c r="H493149" s="12"/>
    </row>
    <row r="493150" spans="8:8">
      <c r="H493150" s="12"/>
    </row>
    <row r="493151" spans="8:8">
      <c r="H493151" s="12"/>
    </row>
    <row r="493152" spans="8:8">
      <c r="H493152" s="12"/>
    </row>
    <row r="493153" spans="8:8">
      <c r="H493153" s="12"/>
    </row>
    <row r="493154" spans="8:8">
      <c r="H493154" s="12"/>
    </row>
    <row r="493155" spans="8:8">
      <c r="H493155" s="12"/>
    </row>
    <row r="493156" spans="8:8">
      <c r="H493156" s="12"/>
    </row>
    <row r="493157" spans="8:8">
      <c r="H493157" s="12"/>
    </row>
    <row r="493158" spans="8:8">
      <c r="H493158" s="12"/>
    </row>
    <row r="493159" spans="8:8">
      <c r="H493159" s="12"/>
    </row>
    <row r="493160" spans="8:8">
      <c r="H493160" s="12"/>
    </row>
    <row r="493161" spans="8:8">
      <c r="H493161" s="12"/>
    </row>
    <row r="493162" spans="8:8">
      <c r="H493162" s="12"/>
    </row>
    <row r="493163" spans="8:8">
      <c r="H493163" s="12"/>
    </row>
    <row r="493164" spans="8:8">
      <c r="H493164" s="12"/>
    </row>
    <row r="493165" spans="8:8">
      <c r="H493165" s="12"/>
    </row>
    <row r="493166" spans="8:8">
      <c r="H493166" s="12"/>
    </row>
    <row r="493167" spans="8:8">
      <c r="H493167" s="12"/>
    </row>
    <row r="493168" spans="8:8">
      <c r="H493168" s="12"/>
    </row>
    <row r="493169" spans="8:8">
      <c r="H493169" s="12"/>
    </row>
    <row r="493170" spans="8:8">
      <c r="H493170" s="12"/>
    </row>
    <row r="493171" spans="8:8">
      <c r="H493171" s="12"/>
    </row>
    <row r="493172" spans="8:8">
      <c r="H493172" s="12"/>
    </row>
    <row r="493173" spans="8:8">
      <c r="H493173" s="12"/>
    </row>
    <row r="493174" spans="8:8">
      <c r="H493174" s="12"/>
    </row>
    <row r="493175" spans="8:8">
      <c r="H493175" s="12"/>
    </row>
    <row r="493176" spans="8:8">
      <c r="H493176" s="12"/>
    </row>
    <row r="493177" spans="8:8">
      <c r="H493177" s="12"/>
    </row>
    <row r="493178" spans="8:8">
      <c r="H493178" s="12"/>
    </row>
    <row r="493179" spans="8:8">
      <c r="H493179" s="12"/>
    </row>
    <row r="493180" spans="8:8">
      <c r="H493180" s="12"/>
    </row>
    <row r="493181" spans="8:8">
      <c r="H493181" s="12"/>
    </row>
    <row r="493182" spans="8:8">
      <c r="H493182" s="12"/>
    </row>
    <row r="493183" spans="8:8">
      <c r="H493183" s="12"/>
    </row>
    <row r="493184" spans="8:8">
      <c r="H493184" s="12"/>
    </row>
    <row r="493185" spans="8:8">
      <c r="H493185" s="12"/>
    </row>
    <row r="493186" spans="8:8">
      <c r="H493186" s="12"/>
    </row>
    <row r="493187" spans="8:8">
      <c r="H493187" s="12"/>
    </row>
    <row r="493188" spans="8:8">
      <c r="H493188" s="12"/>
    </row>
    <row r="493189" spans="8:8">
      <c r="H493189" s="12"/>
    </row>
    <row r="493190" spans="8:8">
      <c r="H493190" s="12"/>
    </row>
    <row r="493191" spans="8:8">
      <c r="H493191" s="12"/>
    </row>
    <row r="493192" spans="8:8">
      <c r="H493192" s="12"/>
    </row>
    <row r="493193" spans="8:8">
      <c r="H493193" s="12"/>
    </row>
    <row r="493194" spans="8:8">
      <c r="H493194" s="12"/>
    </row>
    <row r="493195" spans="8:8">
      <c r="H493195" s="12"/>
    </row>
    <row r="493196" spans="8:8">
      <c r="H493196" s="12"/>
    </row>
    <row r="493197" spans="8:8">
      <c r="H493197" s="12"/>
    </row>
    <row r="493198" spans="8:8">
      <c r="H493198" s="12"/>
    </row>
    <row r="493199" spans="8:8">
      <c r="H493199" s="12"/>
    </row>
    <row r="493200" spans="8:8">
      <c r="H493200" s="12"/>
    </row>
    <row r="493201" spans="8:8">
      <c r="H493201" s="12"/>
    </row>
    <row r="493202" spans="8:8">
      <c r="H493202" s="12"/>
    </row>
    <row r="493203" spans="8:8">
      <c r="H493203" s="12"/>
    </row>
    <row r="493204" spans="8:8">
      <c r="H493204" s="12"/>
    </row>
    <row r="493205" spans="8:8">
      <c r="H493205" s="12"/>
    </row>
    <row r="493206" spans="8:8">
      <c r="H493206" s="12"/>
    </row>
    <row r="493207" spans="8:8">
      <c r="H493207" s="12"/>
    </row>
    <row r="493208" spans="8:8">
      <c r="H493208" s="12"/>
    </row>
    <row r="493209" spans="8:8">
      <c r="H493209" s="12"/>
    </row>
    <row r="493210" spans="8:8">
      <c r="H493210" s="12"/>
    </row>
    <row r="493211" spans="8:8">
      <c r="H493211" s="12"/>
    </row>
    <row r="493212" spans="8:8">
      <c r="H493212" s="12"/>
    </row>
    <row r="493213" spans="8:8">
      <c r="H493213" s="12"/>
    </row>
    <row r="493214" spans="8:8">
      <c r="H493214" s="12"/>
    </row>
    <row r="493215" spans="8:8">
      <c r="H493215" s="12"/>
    </row>
    <row r="493216" spans="8:8">
      <c r="H493216" s="12"/>
    </row>
    <row r="493217" spans="8:8">
      <c r="H493217" s="12"/>
    </row>
    <row r="493218" spans="8:8">
      <c r="H493218" s="12"/>
    </row>
    <row r="493219" spans="8:8">
      <c r="H493219" s="12"/>
    </row>
    <row r="493220" spans="8:8">
      <c r="H493220" s="12"/>
    </row>
    <row r="493221" spans="8:8">
      <c r="H493221" s="12"/>
    </row>
    <row r="493222" spans="8:8">
      <c r="H493222" s="12"/>
    </row>
    <row r="493223" spans="8:8">
      <c r="H493223" s="12"/>
    </row>
    <row r="493224" spans="8:8">
      <c r="H493224" s="12"/>
    </row>
    <row r="493225" spans="8:8">
      <c r="H493225" s="12"/>
    </row>
    <row r="493226" spans="8:8">
      <c r="H493226" s="12"/>
    </row>
    <row r="493227" spans="8:8">
      <c r="H493227" s="12"/>
    </row>
    <row r="493228" spans="8:8">
      <c r="H493228" s="12"/>
    </row>
    <row r="493229" spans="8:8">
      <c r="H493229" s="12"/>
    </row>
    <row r="493230" spans="8:8">
      <c r="H493230" s="12"/>
    </row>
    <row r="493231" spans="8:8">
      <c r="H493231" s="12"/>
    </row>
    <row r="493232" spans="8:8">
      <c r="H493232" s="12"/>
    </row>
    <row r="493233" spans="8:8">
      <c r="H493233" s="12"/>
    </row>
    <row r="493234" spans="8:8">
      <c r="H493234" s="12"/>
    </row>
    <row r="493235" spans="8:8">
      <c r="H493235" s="12"/>
    </row>
    <row r="493236" spans="8:8">
      <c r="H493236" s="12"/>
    </row>
    <row r="493237" spans="8:8">
      <c r="H493237" s="12"/>
    </row>
    <row r="493238" spans="8:8">
      <c r="H493238" s="12"/>
    </row>
    <row r="493239" spans="8:8">
      <c r="H493239" s="12"/>
    </row>
    <row r="493240" spans="8:8">
      <c r="H493240" s="12"/>
    </row>
    <row r="493241" spans="8:8">
      <c r="H493241" s="12"/>
    </row>
    <row r="493242" spans="8:8">
      <c r="H493242" s="12"/>
    </row>
    <row r="493243" spans="8:8">
      <c r="H493243" s="12"/>
    </row>
    <row r="493244" spans="8:8">
      <c r="H493244" s="12"/>
    </row>
    <row r="493245" spans="8:8">
      <c r="H493245" s="12"/>
    </row>
    <row r="493246" spans="8:8">
      <c r="H493246" s="12"/>
    </row>
    <row r="493247" spans="8:8">
      <c r="H493247" s="12"/>
    </row>
    <row r="493248" spans="8:8">
      <c r="H493248" s="12"/>
    </row>
    <row r="493249" spans="8:8">
      <c r="H493249" s="12"/>
    </row>
    <row r="493250" spans="8:8">
      <c r="H493250" s="12"/>
    </row>
    <row r="493251" spans="8:8">
      <c r="H493251" s="12"/>
    </row>
    <row r="493252" spans="8:8">
      <c r="H493252" s="12"/>
    </row>
    <row r="493253" spans="8:8">
      <c r="H493253" s="12"/>
    </row>
    <row r="493254" spans="8:8">
      <c r="H493254" s="12"/>
    </row>
    <row r="493255" spans="8:8">
      <c r="H493255" s="12"/>
    </row>
    <row r="493256" spans="8:8">
      <c r="H493256" s="12"/>
    </row>
    <row r="493257" spans="8:8">
      <c r="H493257" s="12"/>
    </row>
    <row r="493258" spans="8:8">
      <c r="H493258" s="12"/>
    </row>
    <row r="493259" spans="8:8">
      <c r="H493259" s="12"/>
    </row>
    <row r="493260" spans="8:8">
      <c r="H493260" s="12"/>
    </row>
    <row r="493261" spans="8:8">
      <c r="H493261" s="12"/>
    </row>
    <row r="493262" spans="8:8">
      <c r="H493262" s="12"/>
    </row>
    <row r="493263" spans="8:8">
      <c r="H493263" s="12"/>
    </row>
    <row r="493264" spans="8:8">
      <c r="H493264" s="12"/>
    </row>
    <row r="493265" spans="8:8">
      <c r="H493265" s="12"/>
    </row>
    <row r="493266" spans="8:8">
      <c r="H493266" s="12"/>
    </row>
    <row r="493267" spans="8:8">
      <c r="H493267" s="12"/>
    </row>
    <row r="493268" spans="8:8">
      <c r="H493268" s="12"/>
    </row>
    <row r="493269" spans="8:8">
      <c r="H493269" s="12"/>
    </row>
    <row r="493270" spans="8:8">
      <c r="H493270" s="12"/>
    </row>
    <row r="493271" spans="8:8">
      <c r="H493271" s="12"/>
    </row>
    <row r="493272" spans="8:8">
      <c r="H493272" s="12"/>
    </row>
    <row r="493273" spans="8:8">
      <c r="H493273" s="12"/>
    </row>
    <row r="493274" spans="8:8">
      <c r="H493274" s="12"/>
    </row>
    <row r="493275" spans="8:8">
      <c r="H493275" s="12"/>
    </row>
    <row r="493276" spans="8:8">
      <c r="H493276" s="12"/>
    </row>
    <row r="493277" spans="8:8">
      <c r="H493277" s="12"/>
    </row>
    <row r="493278" spans="8:8">
      <c r="H493278" s="12"/>
    </row>
    <row r="493279" spans="8:8">
      <c r="H493279" s="12"/>
    </row>
    <row r="493280" spans="8:8">
      <c r="H493280" s="12"/>
    </row>
    <row r="493281" spans="8:8">
      <c r="H493281" s="12"/>
    </row>
    <row r="493282" spans="8:8">
      <c r="H493282" s="12"/>
    </row>
    <row r="493283" spans="8:8">
      <c r="H493283" s="12"/>
    </row>
    <row r="493284" spans="8:8">
      <c r="H493284" s="12"/>
    </row>
    <row r="493285" spans="8:8">
      <c r="H493285" s="12"/>
    </row>
    <row r="493286" spans="8:8">
      <c r="H493286" s="12"/>
    </row>
    <row r="493287" spans="8:8">
      <c r="H493287" s="12"/>
    </row>
    <row r="493288" spans="8:8">
      <c r="H493288" s="12"/>
    </row>
    <row r="493289" spans="8:8">
      <c r="H493289" s="12"/>
    </row>
    <row r="493290" spans="8:8">
      <c r="H493290" s="12"/>
    </row>
    <row r="493291" spans="8:8">
      <c r="H493291" s="12"/>
    </row>
    <row r="493292" spans="8:8">
      <c r="H493292" s="12"/>
    </row>
    <row r="493293" spans="8:8">
      <c r="H493293" s="12"/>
    </row>
    <row r="493294" spans="8:8">
      <c r="H493294" s="12"/>
    </row>
    <row r="493295" spans="8:8">
      <c r="H493295" s="12"/>
    </row>
    <row r="493296" spans="8:8">
      <c r="H493296" s="12"/>
    </row>
    <row r="493297" spans="8:8">
      <c r="H493297" s="12"/>
    </row>
    <row r="493298" spans="8:8">
      <c r="H493298" s="12"/>
    </row>
    <row r="493299" spans="8:8">
      <c r="H493299" s="12"/>
    </row>
    <row r="493300" spans="8:8">
      <c r="H493300" s="12"/>
    </row>
    <row r="493301" spans="8:8">
      <c r="H493301" s="12"/>
    </row>
    <row r="493302" spans="8:8">
      <c r="H493302" s="12"/>
    </row>
    <row r="493303" spans="8:8">
      <c r="H493303" s="12"/>
    </row>
    <row r="493304" spans="8:8">
      <c r="H493304" s="12"/>
    </row>
    <row r="493305" spans="8:8">
      <c r="H493305" s="12"/>
    </row>
    <row r="493306" spans="8:8">
      <c r="H493306" s="12"/>
    </row>
    <row r="493307" spans="8:8">
      <c r="H493307" s="12"/>
    </row>
    <row r="493308" spans="8:8">
      <c r="H493308" s="12"/>
    </row>
    <row r="493309" spans="8:8">
      <c r="H493309" s="12"/>
    </row>
    <row r="493310" spans="8:8">
      <c r="H493310" s="12"/>
    </row>
    <row r="493311" spans="8:8">
      <c r="H493311" s="12"/>
    </row>
    <row r="493312" spans="8:8">
      <c r="H493312" s="12"/>
    </row>
    <row r="493313" spans="8:8">
      <c r="H493313" s="12"/>
    </row>
    <row r="493314" spans="8:8">
      <c r="H493314" s="12"/>
    </row>
    <row r="493315" spans="8:8">
      <c r="H493315" s="12"/>
    </row>
    <row r="493316" spans="8:8">
      <c r="H493316" s="12"/>
    </row>
    <row r="493317" spans="8:8">
      <c r="H493317" s="12"/>
    </row>
    <row r="493318" spans="8:8">
      <c r="H493318" s="12"/>
    </row>
    <row r="493319" spans="8:8">
      <c r="H493319" s="12"/>
    </row>
    <row r="493320" spans="8:8">
      <c r="H493320" s="12"/>
    </row>
    <row r="493321" spans="8:8">
      <c r="H493321" s="12"/>
    </row>
    <row r="493322" spans="8:8">
      <c r="H493322" s="12"/>
    </row>
    <row r="493323" spans="8:8">
      <c r="H493323" s="12"/>
    </row>
    <row r="493324" spans="8:8">
      <c r="H493324" s="12"/>
    </row>
    <row r="493325" spans="8:8">
      <c r="H493325" s="12"/>
    </row>
    <row r="493326" spans="8:8">
      <c r="H493326" s="12"/>
    </row>
    <row r="493327" spans="8:8">
      <c r="H493327" s="12"/>
    </row>
    <row r="493328" spans="8:8">
      <c r="H493328" s="12"/>
    </row>
    <row r="493329" spans="8:8">
      <c r="H493329" s="12"/>
    </row>
    <row r="493330" spans="8:8">
      <c r="H493330" s="12"/>
    </row>
    <row r="493331" spans="8:8">
      <c r="H493331" s="12"/>
    </row>
    <row r="493332" spans="8:8">
      <c r="H493332" s="12"/>
    </row>
    <row r="493333" spans="8:8">
      <c r="H493333" s="12"/>
    </row>
    <row r="493334" spans="8:8">
      <c r="H493334" s="12"/>
    </row>
    <row r="493335" spans="8:8">
      <c r="H493335" s="12"/>
    </row>
    <row r="493336" spans="8:8">
      <c r="H493336" s="12"/>
    </row>
    <row r="493337" spans="8:8">
      <c r="H493337" s="12"/>
    </row>
    <row r="493338" spans="8:8">
      <c r="H493338" s="12"/>
    </row>
    <row r="493339" spans="8:8">
      <c r="H493339" s="12"/>
    </row>
    <row r="493340" spans="8:8">
      <c r="H493340" s="12"/>
    </row>
    <row r="493341" spans="8:8">
      <c r="H493341" s="12"/>
    </row>
    <row r="493342" spans="8:8">
      <c r="H493342" s="12"/>
    </row>
    <row r="493343" spans="8:8">
      <c r="H493343" s="12"/>
    </row>
    <row r="493344" spans="8:8">
      <c r="H493344" s="12"/>
    </row>
    <row r="493345" spans="8:8">
      <c r="H493345" s="12"/>
    </row>
    <row r="493346" spans="8:8">
      <c r="H493346" s="12"/>
    </row>
    <row r="493347" spans="8:8">
      <c r="H493347" s="12"/>
    </row>
    <row r="493348" spans="8:8">
      <c r="H493348" s="12"/>
    </row>
    <row r="493349" spans="8:8">
      <c r="H493349" s="12"/>
    </row>
    <row r="493350" spans="8:8">
      <c r="H493350" s="12"/>
    </row>
    <row r="493351" spans="8:8">
      <c r="H493351" s="12"/>
    </row>
    <row r="493352" spans="8:8">
      <c r="H493352" s="12"/>
    </row>
    <row r="493353" spans="8:8">
      <c r="H493353" s="12"/>
    </row>
    <row r="493354" spans="8:8">
      <c r="H493354" s="12"/>
    </row>
    <row r="493355" spans="8:8">
      <c r="H493355" s="12"/>
    </row>
    <row r="493356" spans="8:8">
      <c r="H493356" s="12"/>
    </row>
    <row r="493357" spans="8:8">
      <c r="H493357" s="12"/>
    </row>
    <row r="493358" spans="8:8">
      <c r="H493358" s="12"/>
    </row>
    <row r="493359" spans="8:8">
      <c r="H493359" s="12"/>
    </row>
    <row r="493360" spans="8:8">
      <c r="H493360" s="12"/>
    </row>
    <row r="493361" spans="8:8">
      <c r="H493361" s="12"/>
    </row>
    <row r="493362" spans="8:8">
      <c r="H493362" s="12"/>
    </row>
    <row r="493363" spans="8:8">
      <c r="H493363" s="12"/>
    </row>
    <row r="493364" spans="8:8">
      <c r="H493364" s="12"/>
    </row>
    <row r="493365" spans="8:8">
      <c r="H493365" s="12"/>
    </row>
    <row r="493366" spans="8:8">
      <c r="H493366" s="12"/>
    </row>
    <row r="493367" spans="8:8">
      <c r="H493367" s="12"/>
    </row>
    <row r="493368" spans="8:8">
      <c r="H493368" s="12"/>
    </row>
    <row r="493369" spans="8:8">
      <c r="H493369" s="12"/>
    </row>
    <row r="493370" spans="8:8">
      <c r="H493370" s="12"/>
    </row>
    <row r="493371" spans="8:8">
      <c r="H493371" s="12"/>
    </row>
    <row r="493372" spans="8:8">
      <c r="H493372" s="12"/>
    </row>
    <row r="493373" spans="8:8">
      <c r="H493373" s="12"/>
    </row>
    <row r="493374" spans="8:8">
      <c r="H493374" s="12"/>
    </row>
    <row r="493375" spans="8:8">
      <c r="H493375" s="12"/>
    </row>
    <row r="493376" spans="8:8">
      <c r="H493376" s="12"/>
    </row>
    <row r="493377" spans="8:8">
      <c r="H493377" s="12"/>
    </row>
    <row r="493378" spans="8:8">
      <c r="H493378" s="12"/>
    </row>
    <row r="493379" spans="8:8">
      <c r="H493379" s="12"/>
    </row>
    <row r="493380" spans="8:8">
      <c r="H493380" s="12"/>
    </row>
    <row r="493381" spans="8:8">
      <c r="H493381" s="12"/>
    </row>
    <row r="493382" spans="8:8">
      <c r="H493382" s="12"/>
    </row>
    <row r="493383" spans="8:8">
      <c r="H493383" s="12"/>
    </row>
    <row r="493384" spans="8:8">
      <c r="H493384" s="12"/>
    </row>
    <row r="493385" spans="8:8">
      <c r="H493385" s="12"/>
    </row>
    <row r="493386" spans="8:8">
      <c r="H493386" s="12"/>
    </row>
    <row r="493387" spans="8:8">
      <c r="H493387" s="12"/>
    </row>
    <row r="493388" spans="8:8">
      <c r="H493388" s="12"/>
    </row>
    <row r="493389" spans="8:8">
      <c r="H493389" s="12"/>
    </row>
    <row r="493390" spans="8:8">
      <c r="H493390" s="12"/>
    </row>
    <row r="493391" spans="8:8">
      <c r="H493391" s="12"/>
    </row>
    <row r="493392" spans="8:8">
      <c r="H493392" s="12"/>
    </row>
    <row r="493393" spans="8:8">
      <c r="H493393" s="12"/>
    </row>
    <row r="493394" spans="8:8">
      <c r="H493394" s="12"/>
    </row>
    <row r="493395" spans="8:8">
      <c r="H493395" s="12"/>
    </row>
    <row r="493396" spans="8:8">
      <c r="H493396" s="12"/>
    </row>
    <row r="493397" spans="8:8">
      <c r="H493397" s="12"/>
    </row>
    <row r="493398" spans="8:8">
      <c r="H493398" s="12"/>
    </row>
    <row r="493399" spans="8:8">
      <c r="H493399" s="12"/>
    </row>
    <row r="493400" spans="8:8">
      <c r="H493400" s="12"/>
    </row>
    <row r="493401" spans="8:8">
      <c r="H493401" s="12"/>
    </row>
    <row r="493402" spans="8:8">
      <c r="H493402" s="12"/>
    </row>
    <row r="493403" spans="8:8">
      <c r="H493403" s="12"/>
    </row>
    <row r="493404" spans="8:8">
      <c r="H493404" s="12"/>
    </row>
    <row r="493405" spans="8:8">
      <c r="H493405" s="12"/>
    </row>
    <row r="493406" spans="8:8">
      <c r="H493406" s="12"/>
    </row>
    <row r="493407" spans="8:8">
      <c r="H493407" s="12"/>
    </row>
    <row r="493408" spans="8:8">
      <c r="H493408" s="12"/>
    </row>
    <row r="493409" spans="8:8">
      <c r="H493409" s="12"/>
    </row>
    <row r="493410" spans="8:8">
      <c r="H493410" s="12"/>
    </row>
    <row r="493411" spans="8:8">
      <c r="H493411" s="12"/>
    </row>
    <row r="493412" spans="8:8">
      <c r="H493412" s="12"/>
    </row>
    <row r="493413" spans="8:8">
      <c r="H493413" s="12"/>
    </row>
    <row r="493414" spans="8:8">
      <c r="H493414" s="12"/>
    </row>
    <row r="493415" spans="8:8">
      <c r="H493415" s="12"/>
    </row>
    <row r="493416" spans="8:8">
      <c r="H493416" s="12"/>
    </row>
    <row r="493417" spans="8:8">
      <c r="H493417" s="12"/>
    </row>
    <row r="493418" spans="8:8">
      <c r="H493418" s="12"/>
    </row>
    <row r="493419" spans="8:8">
      <c r="H493419" s="12"/>
    </row>
    <row r="493420" spans="8:8">
      <c r="H493420" s="12"/>
    </row>
    <row r="493421" spans="8:8">
      <c r="H493421" s="12"/>
    </row>
    <row r="493422" spans="8:8">
      <c r="H493422" s="12"/>
    </row>
    <row r="493423" spans="8:8">
      <c r="H493423" s="12"/>
    </row>
    <row r="493424" spans="8:8">
      <c r="H493424" s="12"/>
    </row>
    <row r="493425" spans="8:8">
      <c r="H493425" s="12"/>
    </row>
    <row r="493426" spans="8:8">
      <c r="H493426" s="12"/>
    </row>
    <row r="493427" spans="8:8">
      <c r="H493427" s="12"/>
    </row>
    <row r="493428" spans="8:8">
      <c r="H493428" s="12"/>
    </row>
    <row r="493429" spans="8:8">
      <c r="H493429" s="12"/>
    </row>
    <row r="493430" spans="8:8">
      <c r="H493430" s="12"/>
    </row>
    <row r="493431" spans="8:8">
      <c r="H493431" s="12"/>
    </row>
    <row r="493432" spans="8:8">
      <c r="H493432" s="12"/>
    </row>
    <row r="493433" spans="8:8">
      <c r="H493433" s="12"/>
    </row>
    <row r="493434" spans="8:8">
      <c r="H493434" s="12"/>
    </row>
    <row r="493435" spans="8:8">
      <c r="H493435" s="12"/>
    </row>
    <row r="493436" spans="8:8">
      <c r="H493436" s="12"/>
    </row>
    <row r="493437" spans="8:8">
      <c r="H493437" s="12"/>
    </row>
    <row r="493438" spans="8:8">
      <c r="H493438" s="12"/>
    </row>
    <row r="493439" spans="8:8">
      <c r="H493439" s="12"/>
    </row>
    <row r="493440" spans="8:8">
      <c r="H493440" s="12"/>
    </row>
    <row r="493441" spans="8:8">
      <c r="H493441" s="12"/>
    </row>
    <row r="493442" spans="8:8">
      <c r="H493442" s="12"/>
    </row>
    <row r="493443" spans="8:8">
      <c r="H493443" s="12"/>
    </row>
    <row r="493444" spans="8:8">
      <c r="H493444" s="12"/>
    </row>
    <row r="493445" spans="8:8">
      <c r="H493445" s="12"/>
    </row>
    <row r="493446" spans="8:8">
      <c r="H493446" s="12"/>
    </row>
    <row r="493447" spans="8:8">
      <c r="H493447" s="12"/>
    </row>
    <row r="493448" spans="8:8">
      <c r="H493448" s="12"/>
    </row>
    <row r="493449" spans="8:8">
      <c r="H493449" s="12"/>
    </row>
    <row r="493450" spans="8:8">
      <c r="H493450" s="12"/>
    </row>
    <row r="493451" spans="8:8">
      <c r="H493451" s="12"/>
    </row>
    <row r="493452" spans="8:8">
      <c r="H493452" s="12"/>
    </row>
    <row r="493453" spans="8:8">
      <c r="H493453" s="12"/>
    </row>
    <row r="493454" spans="8:8">
      <c r="H493454" s="12"/>
    </row>
    <row r="493455" spans="8:8">
      <c r="H493455" s="12"/>
    </row>
    <row r="493456" spans="8:8">
      <c r="H493456" s="12"/>
    </row>
    <row r="493457" spans="8:8">
      <c r="H493457" s="12"/>
    </row>
    <row r="493458" spans="8:8">
      <c r="H493458" s="12"/>
    </row>
    <row r="493459" spans="8:8">
      <c r="H493459" s="12"/>
    </row>
    <row r="493460" spans="8:8">
      <c r="H493460" s="12"/>
    </row>
    <row r="493461" spans="8:8">
      <c r="H493461" s="12"/>
    </row>
    <row r="493462" spans="8:8">
      <c r="H493462" s="12"/>
    </row>
    <row r="493463" spans="8:8">
      <c r="H493463" s="12"/>
    </row>
    <row r="493464" spans="8:8">
      <c r="H493464" s="12"/>
    </row>
    <row r="493465" spans="8:8">
      <c r="H493465" s="12"/>
    </row>
    <row r="493466" spans="8:8">
      <c r="H493466" s="12"/>
    </row>
    <row r="493467" spans="8:8">
      <c r="H493467" s="12"/>
    </row>
    <row r="493468" spans="8:8">
      <c r="H493468" s="12"/>
    </row>
    <row r="493469" spans="8:8">
      <c r="H493469" s="12"/>
    </row>
    <row r="493470" spans="8:8">
      <c r="H493470" s="12"/>
    </row>
    <row r="493471" spans="8:8">
      <c r="H493471" s="12"/>
    </row>
    <row r="493472" spans="8:8">
      <c r="H493472" s="12"/>
    </row>
    <row r="493473" spans="8:8">
      <c r="H493473" s="12"/>
    </row>
    <row r="493474" spans="8:8">
      <c r="H493474" s="12"/>
    </row>
    <row r="493475" spans="8:8">
      <c r="H493475" s="12"/>
    </row>
    <row r="493476" spans="8:8">
      <c r="H493476" s="12"/>
    </row>
    <row r="493477" spans="8:8">
      <c r="H493477" s="12"/>
    </row>
    <row r="493478" spans="8:8">
      <c r="H493478" s="12"/>
    </row>
    <row r="493479" spans="8:8">
      <c r="H493479" s="12"/>
    </row>
    <row r="493480" spans="8:8">
      <c r="H493480" s="12"/>
    </row>
    <row r="493481" spans="8:8">
      <c r="H493481" s="12"/>
    </row>
    <row r="493482" spans="8:8">
      <c r="H493482" s="12"/>
    </row>
    <row r="493483" spans="8:8">
      <c r="H493483" s="12"/>
    </row>
    <row r="493484" spans="8:8">
      <c r="H493484" s="12"/>
    </row>
    <row r="493485" spans="8:8">
      <c r="H493485" s="12"/>
    </row>
    <row r="493486" spans="8:8">
      <c r="H493486" s="12"/>
    </row>
    <row r="493487" spans="8:8">
      <c r="H493487" s="12"/>
    </row>
    <row r="493488" spans="8:8">
      <c r="H493488" s="12"/>
    </row>
    <row r="493489" spans="8:8">
      <c r="H493489" s="12"/>
    </row>
    <row r="493490" spans="8:8">
      <c r="H493490" s="12"/>
    </row>
    <row r="493491" spans="8:8">
      <c r="H493491" s="12"/>
    </row>
    <row r="493492" spans="8:8">
      <c r="H493492" s="12"/>
    </row>
    <row r="493493" spans="8:8">
      <c r="H493493" s="12"/>
    </row>
    <row r="493494" spans="8:8">
      <c r="H493494" s="12"/>
    </row>
    <row r="493495" spans="8:8">
      <c r="H493495" s="12"/>
    </row>
    <row r="493496" spans="8:8">
      <c r="H493496" s="12"/>
    </row>
    <row r="493497" spans="8:8">
      <c r="H493497" s="12"/>
    </row>
    <row r="493498" spans="8:8">
      <c r="H493498" s="12"/>
    </row>
    <row r="493499" spans="8:8">
      <c r="H493499" s="12"/>
    </row>
    <row r="493500" spans="8:8">
      <c r="H493500" s="12"/>
    </row>
    <row r="493501" spans="8:8">
      <c r="H493501" s="12"/>
    </row>
    <row r="493502" spans="8:8">
      <c r="H493502" s="12"/>
    </row>
    <row r="493503" spans="8:8">
      <c r="H493503" s="12"/>
    </row>
    <row r="493504" spans="8:8">
      <c r="H493504" s="12"/>
    </row>
    <row r="493505" spans="8:8">
      <c r="H493505" s="12"/>
    </row>
    <row r="493506" spans="8:8">
      <c r="H493506" s="12"/>
    </row>
    <row r="493507" spans="8:8">
      <c r="H493507" s="12"/>
    </row>
    <row r="493508" spans="8:8">
      <c r="H493508" s="12"/>
    </row>
    <row r="493509" spans="8:8">
      <c r="H493509" s="12"/>
    </row>
    <row r="493510" spans="8:8">
      <c r="H493510" s="12"/>
    </row>
    <row r="493511" spans="8:8">
      <c r="H493511" s="12"/>
    </row>
    <row r="493512" spans="8:8">
      <c r="H493512" s="12"/>
    </row>
    <row r="493513" spans="8:8">
      <c r="H493513" s="12"/>
    </row>
    <row r="493514" spans="8:8">
      <c r="H493514" s="12"/>
    </row>
    <row r="493515" spans="8:8">
      <c r="H493515" s="12"/>
    </row>
    <row r="493516" spans="8:8">
      <c r="H493516" s="12"/>
    </row>
    <row r="493517" spans="8:8">
      <c r="H493517" s="12"/>
    </row>
    <row r="493518" spans="8:8">
      <c r="H493518" s="12"/>
    </row>
    <row r="493519" spans="8:8">
      <c r="H493519" s="12"/>
    </row>
    <row r="493520" spans="8:8">
      <c r="H493520" s="12"/>
    </row>
    <row r="493521" spans="8:8">
      <c r="H493521" s="12"/>
    </row>
    <row r="493522" spans="8:8">
      <c r="H493522" s="12"/>
    </row>
    <row r="493523" spans="8:8">
      <c r="H493523" s="12"/>
    </row>
    <row r="493524" spans="8:8">
      <c r="H493524" s="12"/>
    </row>
    <row r="493525" spans="8:8">
      <c r="H493525" s="12"/>
    </row>
    <row r="493526" spans="8:8">
      <c r="H493526" s="12"/>
    </row>
    <row r="493527" spans="8:8">
      <c r="H493527" s="12"/>
    </row>
    <row r="493528" spans="8:8">
      <c r="H493528" s="12"/>
    </row>
    <row r="493529" spans="8:8">
      <c r="H493529" s="12"/>
    </row>
    <row r="493530" spans="8:8">
      <c r="H493530" s="12"/>
    </row>
    <row r="493531" spans="8:8">
      <c r="H493531" s="12"/>
    </row>
    <row r="493532" spans="8:8">
      <c r="H493532" s="12"/>
    </row>
    <row r="493533" spans="8:8">
      <c r="H493533" s="12"/>
    </row>
    <row r="493534" spans="8:8">
      <c r="H493534" s="12"/>
    </row>
    <row r="493535" spans="8:8">
      <c r="H493535" s="12"/>
    </row>
    <row r="493536" spans="8:8">
      <c r="H493536" s="12"/>
    </row>
    <row r="493537" spans="8:8">
      <c r="H493537" s="12"/>
    </row>
    <row r="493538" spans="8:8">
      <c r="H493538" s="12"/>
    </row>
    <row r="493539" spans="8:8">
      <c r="H493539" s="12"/>
    </row>
    <row r="493540" spans="8:8">
      <c r="H493540" s="12"/>
    </row>
    <row r="493541" spans="8:8">
      <c r="H493541" s="12"/>
    </row>
    <row r="493542" spans="8:8">
      <c r="H493542" s="12"/>
    </row>
    <row r="493543" spans="8:8">
      <c r="H493543" s="12"/>
    </row>
    <row r="493544" spans="8:8">
      <c r="H493544" s="12"/>
    </row>
    <row r="493545" spans="8:8">
      <c r="H493545" s="12"/>
    </row>
    <row r="493546" spans="8:8">
      <c r="H493546" s="12"/>
    </row>
    <row r="493547" spans="8:8">
      <c r="H493547" s="12"/>
    </row>
    <row r="493548" spans="8:8">
      <c r="H493548" s="12"/>
    </row>
    <row r="493549" spans="8:8">
      <c r="H493549" s="12"/>
    </row>
    <row r="493550" spans="8:8">
      <c r="H493550" s="12"/>
    </row>
    <row r="493551" spans="8:8">
      <c r="H493551" s="12"/>
    </row>
    <row r="493552" spans="8:8">
      <c r="H493552" s="12"/>
    </row>
    <row r="493553" spans="8:8">
      <c r="H493553" s="12"/>
    </row>
    <row r="493554" spans="8:8">
      <c r="H493554" s="12"/>
    </row>
    <row r="493555" spans="8:8">
      <c r="H493555" s="12"/>
    </row>
    <row r="493556" spans="8:8">
      <c r="H493556" s="12"/>
    </row>
    <row r="493557" spans="8:8">
      <c r="H493557" s="12"/>
    </row>
    <row r="493558" spans="8:8">
      <c r="H493558" s="12"/>
    </row>
    <row r="493559" spans="8:8">
      <c r="H493559" s="12"/>
    </row>
    <row r="493560" spans="8:8">
      <c r="H493560" s="12"/>
    </row>
    <row r="493561" spans="8:8">
      <c r="H493561" s="12"/>
    </row>
    <row r="493562" spans="8:8">
      <c r="H493562" s="12"/>
    </row>
    <row r="493563" spans="8:8">
      <c r="H493563" s="12"/>
    </row>
    <row r="493564" spans="8:8">
      <c r="H493564" s="12"/>
    </row>
    <row r="493565" spans="8:8">
      <c r="H493565" s="12"/>
    </row>
    <row r="493566" spans="8:8">
      <c r="H493566" s="12"/>
    </row>
    <row r="493567" spans="8:8">
      <c r="H493567" s="12"/>
    </row>
    <row r="493568" spans="8:8">
      <c r="H493568" s="12"/>
    </row>
    <row r="493569" spans="8:8">
      <c r="H493569" s="12"/>
    </row>
    <row r="493570" spans="8:8">
      <c r="H493570" s="12"/>
    </row>
    <row r="493571" spans="8:8">
      <c r="H493571" s="12"/>
    </row>
    <row r="493572" spans="8:8">
      <c r="H493572" s="12"/>
    </row>
    <row r="493573" spans="8:8">
      <c r="H493573" s="12"/>
    </row>
    <row r="493574" spans="8:8">
      <c r="H493574" s="12"/>
    </row>
    <row r="493575" spans="8:8">
      <c r="H493575" s="12"/>
    </row>
    <row r="493576" spans="8:8">
      <c r="H493576" s="12"/>
    </row>
    <row r="493577" spans="8:8">
      <c r="H493577" s="12"/>
    </row>
    <row r="493578" spans="8:8">
      <c r="H493578" s="12"/>
    </row>
    <row r="493579" spans="8:8">
      <c r="H493579" s="12"/>
    </row>
    <row r="493580" spans="8:8">
      <c r="H493580" s="12"/>
    </row>
    <row r="493581" spans="8:8">
      <c r="H493581" s="12"/>
    </row>
    <row r="493582" spans="8:8">
      <c r="H493582" s="12"/>
    </row>
    <row r="493583" spans="8:8">
      <c r="H493583" s="12"/>
    </row>
    <row r="493584" spans="8:8">
      <c r="H493584" s="12"/>
    </row>
    <row r="493585" spans="8:8">
      <c r="H493585" s="12"/>
    </row>
    <row r="493586" spans="8:8">
      <c r="H493586" s="12"/>
    </row>
    <row r="493587" spans="8:8">
      <c r="H493587" s="12"/>
    </row>
    <row r="493588" spans="8:8">
      <c r="H493588" s="12"/>
    </row>
    <row r="493589" spans="8:8">
      <c r="H493589" s="12"/>
    </row>
    <row r="493590" spans="8:8">
      <c r="H493590" s="12"/>
    </row>
    <row r="493591" spans="8:8">
      <c r="H493591" s="12"/>
    </row>
    <row r="493592" spans="8:8">
      <c r="H493592" s="12"/>
    </row>
    <row r="493593" spans="8:8">
      <c r="H493593" s="12"/>
    </row>
    <row r="493594" spans="8:8">
      <c r="H493594" s="12"/>
    </row>
    <row r="493595" spans="8:8">
      <c r="H493595" s="12"/>
    </row>
    <row r="493596" spans="8:8">
      <c r="H493596" s="12"/>
    </row>
    <row r="493597" spans="8:8">
      <c r="H493597" s="12"/>
    </row>
    <row r="493598" spans="8:8">
      <c r="H493598" s="12"/>
    </row>
    <row r="493599" spans="8:8">
      <c r="H493599" s="12"/>
    </row>
    <row r="493600" spans="8:8">
      <c r="H493600" s="12"/>
    </row>
    <row r="493601" spans="8:8">
      <c r="H493601" s="12"/>
    </row>
    <row r="493602" spans="8:8">
      <c r="H493602" s="12"/>
    </row>
    <row r="493603" spans="8:8">
      <c r="H493603" s="12"/>
    </row>
    <row r="493604" spans="8:8">
      <c r="H493604" s="12"/>
    </row>
    <row r="493605" spans="8:8">
      <c r="H493605" s="12"/>
    </row>
    <row r="493606" spans="8:8">
      <c r="H493606" s="12"/>
    </row>
    <row r="493607" spans="8:8">
      <c r="H493607" s="12"/>
    </row>
    <row r="493608" spans="8:8">
      <c r="H493608" s="12"/>
    </row>
    <row r="493609" spans="8:8">
      <c r="H493609" s="12"/>
    </row>
    <row r="493610" spans="8:8">
      <c r="H493610" s="12"/>
    </row>
    <row r="493611" spans="8:8">
      <c r="H493611" s="12"/>
    </row>
    <row r="493612" spans="8:8">
      <c r="H493612" s="12"/>
    </row>
    <row r="493613" spans="8:8">
      <c r="H493613" s="12"/>
    </row>
    <row r="493614" spans="8:8">
      <c r="H493614" s="12"/>
    </row>
    <row r="493615" spans="8:8">
      <c r="H493615" s="12"/>
    </row>
    <row r="493616" spans="8:8">
      <c r="H493616" s="12"/>
    </row>
    <row r="493617" spans="8:8">
      <c r="H493617" s="12"/>
    </row>
    <row r="493618" spans="8:8">
      <c r="H493618" s="12"/>
    </row>
    <row r="493619" spans="8:8">
      <c r="H493619" s="12"/>
    </row>
    <row r="493620" spans="8:8">
      <c r="H493620" s="12"/>
    </row>
    <row r="493621" spans="8:8">
      <c r="H493621" s="12"/>
    </row>
    <row r="493622" spans="8:8">
      <c r="H493622" s="12"/>
    </row>
    <row r="493623" spans="8:8">
      <c r="H493623" s="12"/>
    </row>
    <row r="493624" spans="8:8">
      <c r="H493624" s="12"/>
    </row>
    <row r="493625" spans="8:8">
      <c r="H493625" s="12"/>
    </row>
    <row r="493626" spans="8:8">
      <c r="H493626" s="12"/>
    </row>
    <row r="493627" spans="8:8">
      <c r="H493627" s="12"/>
    </row>
    <row r="493628" spans="8:8">
      <c r="H493628" s="12"/>
    </row>
    <row r="493629" spans="8:8">
      <c r="H493629" s="12"/>
    </row>
    <row r="493630" spans="8:8">
      <c r="H493630" s="12"/>
    </row>
    <row r="493631" spans="8:8">
      <c r="H493631" s="12"/>
    </row>
    <row r="493632" spans="8:8">
      <c r="H493632" s="12"/>
    </row>
    <row r="493633" spans="8:8">
      <c r="H493633" s="12"/>
    </row>
    <row r="493634" spans="8:8">
      <c r="H493634" s="12"/>
    </row>
    <row r="493635" spans="8:8">
      <c r="H493635" s="12"/>
    </row>
    <row r="493636" spans="8:8">
      <c r="H493636" s="12"/>
    </row>
    <row r="493637" spans="8:8">
      <c r="H493637" s="12"/>
    </row>
    <row r="493638" spans="8:8">
      <c r="H493638" s="12"/>
    </row>
    <row r="493639" spans="8:8">
      <c r="H493639" s="12"/>
    </row>
    <row r="493640" spans="8:8">
      <c r="H493640" s="12"/>
    </row>
    <row r="493641" spans="8:8">
      <c r="H493641" s="12"/>
    </row>
    <row r="493642" spans="8:8">
      <c r="H493642" s="12"/>
    </row>
    <row r="493643" spans="8:8">
      <c r="H493643" s="12"/>
    </row>
    <row r="493644" spans="8:8">
      <c r="H493644" s="12"/>
    </row>
    <row r="493645" spans="8:8">
      <c r="H493645" s="12"/>
    </row>
    <row r="493646" spans="8:8">
      <c r="H493646" s="12"/>
    </row>
    <row r="493647" spans="8:8">
      <c r="H493647" s="12"/>
    </row>
    <row r="493648" spans="8:8">
      <c r="H493648" s="12"/>
    </row>
    <row r="493649" spans="8:8">
      <c r="H493649" s="12"/>
    </row>
    <row r="493650" spans="8:8">
      <c r="H493650" s="12"/>
    </row>
    <row r="493651" spans="8:8">
      <c r="H493651" s="12"/>
    </row>
    <row r="493652" spans="8:8">
      <c r="H493652" s="12"/>
    </row>
    <row r="493653" spans="8:8">
      <c r="H493653" s="12"/>
    </row>
    <row r="493654" spans="8:8">
      <c r="H493654" s="12"/>
    </row>
    <row r="493655" spans="8:8">
      <c r="H493655" s="12"/>
    </row>
    <row r="493656" spans="8:8">
      <c r="H493656" s="12"/>
    </row>
    <row r="493657" spans="8:8">
      <c r="H493657" s="12"/>
    </row>
    <row r="493658" spans="8:8">
      <c r="H493658" s="12"/>
    </row>
    <row r="493659" spans="8:8">
      <c r="H493659" s="12"/>
    </row>
    <row r="493660" spans="8:8">
      <c r="H493660" s="12"/>
    </row>
    <row r="493661" spans="8:8">
      <c r="H493661" s="12"/>
    </row>
    <row r="493662" spans="8:8">
      <c r="H493662" s="12"/>
    </row>
    <row r="493663" spans="8:8">
      <c r="H493663" s="12"/>
    </row>
    <row r="493664" spans="8:8">
      <c r="H493664" s="12"/>
    </row>
    <row r="493665" spans="8:8">
      <c r="H493665" s="12"/>
    </row>
    <row r="493666" spans="8:8">
      <c r="H493666" s="12"/>
    </row>
    <row r="493667" spans="8:8">
      <c r="H493667" s="12"/>
    </row>
    <row r="493668" spans="8:8">
      <c r="H493668" s="12"/>
    </row>
    <row r="493669" spans="8:8">
      <c r="H493669" s="12"/>
    </row>
    <row r="493670" spans="8:8">
      <c r="H493670" s="12"/>
    </row>
    <row r="493671" spans="8:8">
      <c r="H493671" s="12"/>
    </row>
    <row r="493672" spans="8:8">
      <c r="H493672" s="12"/>
    </row>
    <row r="493673" spans="8:8">
      <c r="H493673" s="12"/>
    </row>
    <row r="493674" spans="8:8">
      <c r="H493674" s="12"/>
    </row>
    <row r="493675" spans="8:8">
      <c r="H493675" s="12"/>
    </row>
    <row r="493676" spans="8:8">
      <c r="H493676" s="12"/>
    </row>
    <row r="493677" spans="8:8">
      <c r="H493677" s="12"/>
    </row>
    <row r="493678" spans="8:8">
      <c r="H493678" s="12"/>
    </row>
    <row r="493679" spans="8:8">
      <c r="H493679" s="12"/>
    </row>
    <row r="493680" spans="8:8">
      <c r="H493680" s="12"/>
    </row>
    <row r="493681" spans="8:8">
      <c r="H493681" s="12"/>
    </row>
    <row r="493682" spans="8:8">
      <c r="H493682" s="12"/>
    </row>
    <row r="493683" spans="8:8">
      <c r="H493683" s="12"/>
    </row>
    <row r="493684" spans="8:8">
      <c r="H493684" s="12"/>
    </row>
    <row r="493685" spans="8:8">
      <c r="H493685" s="12"/>
    </row>
    <row r="493686" spans="8:8">
      <c r="H493686" s="12"/>
    </row>
    <row r="493687" spans="8:8">
      <c r="H493687" s="12"/>
    </row>
    <row r="493688" spans="8:8">
      <c r="H493688" s="12"/>
    </row>
    <row r="493689" spans="8:8">
      <c r="H493689" s="12"/>
    </row>
    <row r="493690" spans="8:8">
      <c r="H493690" s="12"/>
    </row>
    <row r="493691" spans="8:8">
      <c r="H493691" s="12"/>
    </row>
    <row r="493692" spans="8:8">
      <c r="H493692" s="12"/>
    </row>
    <row r="493693" spans="8:8">
      <c r="H493693" s="12"/>
    </row>
    <row r="493694" spans="8:8">
      <c r="H493694" s="12"/>
    </row>
    <row r="493695" spans="8:8">
      <c r="H493695" s="12"/>
    </row>
    <row r="493696" spans="8:8">
      <c r="H493696" s="12"/>
    </row>
    <row r="493697" spans="8:8">
      <c r="H493697" s="12"/>
    </row>
    <row r="493698" spans="8:8">
      <c r="H493698" s="12"/>
    </row>
    <row r="493699" spans="8:8">
      <c r="H493699" s="12"/>
    </row>
    <row r="493700" spans="8:8">
      <c r="H493700" s="12"/>
    </row>
    <row r="493701" spans="8:8">
      <c r="H493701" s="12"/>
    </row>
    <row r="493702" spans="8:8">
      <c r="H493702" s="12"/>
    </row>
    <row r="493703" spans="8:8">
      <c r="H493703" s="12"/>
    </row>
    <row r="493704" spans="8:8">
      <c r="H493704" s="12"/>
    </row>
    <row r="493705" spans="8:8">
      <c r="H493705" s="12"/>
    </row>
    <row r="493706" spans="8:8">
      <c r="H493706" s="12"/>
    </row>
    <row r="493707" spans="8:8">
      <c r="H493707" s="12"/>
    </row>
    <row r="493708" spans="8:8">
      <c r="H493708" s="12"/>
    </row>
    <row r="493709" spans="8:8">
      <c r="H493709" s="12"/>
    </row>
    <row r="493710" spans="8:8">
      <c r="H493710" s="12"/>
    </row>
    <row r="493711" spans="8:8">
      <c r="H493711" s="12"/>
    </row>
    <row r="493712" spans="8:8">
      <c r="H493712" s="12"/>
    </row>
    <row r="493713" spans="8:8">
      <c r="H493713" s="12"/>
    </row>
    <row r="493714" spans="8:8">
      <c r="H493714" s="12"/>
    </row>
    <row r="493715" spans="8:8">
      <c r="H493715" s="12"/>
    </row>
    <row r="493716" spans="8:8">
      <c r="H493716" s="12"/>
    </row>
    <row r="493717" spans="8:8">
      <c r="H493717" s="12"/>
    </row>
    <row r="493718" spans="8:8">
      <c r="H493718" s="12"/>
    </row>
    <row r="493719" spans="8:8">
      <c r="H493719" s="12"/>
    </row>
    <row r="493720" spans="8:8">
      <c r="H493720" s="12"/>
    </row>
    <row r="493721" spans="8:8">
      <c r="H493721" s="12"/>
    </row>
    <row r="493722" spans="8:8">
      <c r="H493722" s="12"/>
    </row>
    <row r="493723" spans="8:8">
      <c r="H493723" s="12"/>
    </row>
    <row r="493724" spans="8:8">
      <c r="H493724" s="12"/>
    </row>
    <row r="493725" spans="8:8">
      <c r="H493725" s="12"/>
    </row>
    <row r="493726" spans="8:8">
      <c r="H493726" s="12"/>
    </row>
    <row r="493727" spans="8:8">
      <c r="H493727" s="12"/>
    </row>
    <row r="493728" spans="8:8">
      <c r="H493728" s="12"/>
    </row>
    <row r="493729" spans="8:8">
      <c r="H493729" s="12"/>
    </row>
    <row r="493730" spans="8:8">
      <c r="H493730" s="12"/>
    </row>
    <row r="493731" spans="8:8">
      <c r="H493731" s="12"/>
    </row>
    <row r="493732" spans="8:8">
      <c r="H493732" s="12"/>
    </row>
    <row r="493733" spans="8:8">
      <c r="H493733" s="12"/>
    </row>
    <row r="493734" spans="8:8">
      <c r="H493734" s="12"/>
    </row>
    <row r="493735" spans="8:8">
      <c r="H493735" s="12"/>
    </row>
    <row r="493736" spans="8:8">
      <c r="H493736" s="12"/>
    </row>
    <row r="493737" spans="8:8">
      <c r="H493737" s="12"/>
    </row>
    <row r="493738" spans="8:8">
      <c r="H493738" s="12"/>
    </row>
    <row r="493739" spans="8:8">
      <c r="H493739" s="12"/>
    </row>
    <row r="493740" spans="8:8">
      <c r="H493740" s="12"/>
    </row>
    <row r="493741" spans="8:8">
      <c r="H493741" s="12"/>
    </row>
    <row r="493742" spans="8:8">
      <c r="H493742" s="12"/>
    </row>
    <row r="493743" spans="8:8">
      <c r="H493743" s="12"/>
    </row>
    <row r="493744" spans="8:8">
      <c r="H493744" s="12"/>
    </row>
    <row r="493745" spans="8:8">
      <c r="H493745" s="12"/>
    </row>
    <row r="493746" spans="8:8">
      <c r="H493746" s="12"/>
    </row>
    <row r="493747" spans="8:8">
      <c r="H493747" s="12"/>
    </row>
    <row r="493748" spans="8:8">
      <c r="H493748" s="12"/>
    </row>
    <row r="493749" spans="8:8">
      <c r="H493749" s="12"/>
    </row>
    <row r="493750" spans="8:8">
      <c r="H493750" s="12"/>
    </row>
    <row r="493751" spans="8:8">
      <c r="H493751" s="12"/>
    </row>
    <row r="493752" spans="8:8">
      <c r="H493752" s="12"/>
    </row>
    <row r="493753" spans="8:8">
      <c r="H493753" s="12"/>
    </row>
    <row r="493754" spans="8:8">
      <c r="H493754" s="12"/>
    </row>
    <row r="493755" spans="8:8">
      <c r="H493755" s="12"/>
    </row>
    <row r="493756" spans="8:8">
      <c r="H493756" s="12"/>
    </row>
    <row r="493757" spans="8:8">
      <c r="H493757" s="12"/>
    </row>
    <row r="493758" spans="8:8">
      <c r="H493758" s="12"/>
    </row>
    <row r="493759" spans="8:8">
      <c r="H493759" s="12"/>
    </row>
    <row r="493760" spans="8:8">
      <c r="H493760" s="12"/>
    </row>
    <row r="493761" spans="8:8">
      <c r="H493761" s="12"/>
    </row>
    <row r="493762" spans="8:8">
      <c r="H493762" s="12"/>
    </row>
    <row r="493763" spans="8:8">
      <c r="H493763" s="12"/>
    </row>
    <row r="493764" spans="8:8">
      <c r="H493764" s="12"/>
    </row>
    <row r="493765" spans="8:8">
      <c r="H493765" s="12"/>
    </row>
    <row r="493766" spans="8:8">
      <c r="H493766" s="12"/>
    </row>
    <row r="493767" spans="8:8">
      <c r="H493767" s="12"/>
    </row>
    <row r="493768" spans="8:8">
      <c r="H493768" s="12"/>
    </row>
    <row r="493769" spans="8:8">
      <c r="H493769" s="12"/>
    </row>
    <row r="493770" spans="8:8">
      <c r="H493770" s="12"/>
    </row>
    <row r="493771" spans="8:8">
      <c r="H493771" s="12"/>
    </row>
    <row r="493772" spans="8:8">
      <c r="H493772" s="12"/>
    </row>
    <row r="493773" spans="8:8">
      <c r="H493773" s="12"/>
    </row>
    <row r="493774" spans="8:8">
      <c r="H493774" s="12"/>
    </row>
    <row r="493775" spans="8:8">
      <c r="H493775" s="12"/>
    </row>
    <row r="493776" spans="8:8">
      <c r="H493776" s="12"/>
    </row>
    <row r="493777" spans="8:8">
      <c r="H493777" s="12"/>
    </row>
    <row r="493778" spans="8:8">
      <c r="H493778" s="12"/>
    </row>
    <row r="493779" spans="8:8">
      <c r="H493779" s="12"/>
    </row>
    <row r="493780" spans="8:8">
      <c r="H493780" s="12"/>
    </row>
    <row r="493781" spans="8:8">
      <c r="H493781" s="12"/>
    </row>
    <row r="493782" spans="8:8">
      <c r="H493782" s="12"/>
    </row>
    <row r="493783" spans="8:8">
      <c r="H493783" s="12"/>
    </row>
    <row r="493784" spans="8:8">
      <c r="H493784" s="12"/>
    </row>
    <row r="493785" spans="8:8">
      <c r="H493785" s="12"/>
    </row>
    <row r="493786" spans="8:8">
      <c r="H493786" s="12"/>
    </row>
    <row r="493787" spans="8:8">
      <c r="H493787" s="12"/>
    </row>
    <row r="493788" spans="8:8">
      <c r="H493788" s="12"/>
    </row>
    <row r="493789" spans="8:8">
      <c r="H493789" s="12"/>
    </row>
    <row r="493790" spans="8:8">
      <c r="H493790" s="12"/>
    </row>
    <row r="493791" spans="8:8">
      <c r="H493791" s="12"/>
    </row>
    <row r="493792" spans="8:8">
      <c r="H493792" s="12"/>
    </row>
    <row r="493793" spans="8:8">
      <c r="H493793" s="12"/>
    </row>
    <row r="493794" spans="8:8">
      <c r="H493794" s="12"/>
    </row>
    <row r="493795" spans="8:8">
      <c r="H493795" s="12"/>
    </row>
    <row r="493796" spans="8:8">
      <c r="H493796" s="12"/>
    </row>
    <row r="493797" spans="8:8">
      <c r="H493797" s="12"/>
    </row>
    <row r="493798" spans="8:8">
      <c r="H493798" s="12"/>
    </row>
    <row r="493799" spans="8:8">
      <c r="H493799" s="12"/>
    </row>
    <row r="493800" spans="8:8">
      <c r="H493800" s="12"/>
    </row>
    <row r="493801" spans="8:8">
      <c r="H493801" s="12"/>
    </row>
    <row r="493802" spans="8:8">
      <c r="H493802" s="12"/>
    </row>
    <row r="493803" spans="8:8">
      <c r="H493803" s="12"/>
    </row>
    <row r="493804" spans="8:8">
      <c r="H493804" s="12"/>
    </row>
    <row r="493805" spans="8:8">
      <c r="H493805" s="12"/>
    </row>
    <row r="493806" spans="8:8">
      <c r="H493806" s="12"/>
    </row>
    <row r="493807" spans="8:8">
      <c r="H493807" s="12"/>
    </row>
    <row r="493808" spans="8:8">
      <c r="H493808" s="12"/>
    </row>
    <row r="493809" spans="8:8">
      <c r="H493809" s="12"/>
    </row>
    <row r="493810" spans="8:8">
      <c r="H493810" s="12"/>
    </row>
    <row r="493811" spans="8:8">
      <c r="H493811" s="12"/>
    </row>
    <row r="493812" spans="8:8">
      <c r="H493812" s="12"/>
    </row>
    <row r="493813" spans="8:8">
      <c r="H493813" s="12"/>
    </row>
    <row r="493814" spans="8:8">
      <c r="H493814" s="12"/>
    </row>
    <row r="493815" spans="8:8">
      <c r="H493815" s="12"/>
    </row>
    <row r="493816" spans="8:8">
      <c r="H493816" s="12"/>
    </row>
    <row r="493817" spans="8:8">
      <c r="H493817" s="12"/>
    </row>
    <row r="493818" spans="8:8">
      <c r="H493818" s="12"/>
    </row>
    <row r="493819" spans="8:8">
      <c r="H493819" s="12"/>
    </row>
    <row r="493820" spans="8:8">
      <c r="H493820" s="12"/>
    </row>
    <row r="493821" spans="8:8">
      <c r="H493821" s="12"/>
    </row>
    <row r="493822" spans="8:8">
      <c r="H493822" s="12"/>
    </row>
    <row r="493823" spans="8:8">
      <c r="H493823" s="12"/>
    </row>
    <row r="493824" spans="8:8">
      <c r="H493824" s="12"/>
    </row>
    <row r="493825" spans="8:8">
      <c r="H493825" s="12"/>
    </row>
    <row r="493826" spans="8:8">
      <c r="H493826" s="12"/>
    </row>
    <row r="493827" spans="8:8">
      <c r="H493827" s="12"/>
    </row>
    <row r="493828" spans="8:8">
      <c r="H493828" s="12"/>
    </row>
    <row r="493829" spans="8:8">
      <c r="H493829" s="12"/>
    </row>
    <row r="493830" spans="8:8">
      <c r="H493830" s="12"/>
    </row>
    <row r="493831" spans="8:8">
      <c r="H493831" s="12"/>
    </row>
    <row r="493832" spans="8:8">
      <c r="H493832" s="12"/>
    </row>
    <row r="493833" spans="8:8">
      <c r="H493833" s="12"/>
    </row>
    <row r="493834" spans="8:8">
      <c r="H493834" s="12"/>
    </row>
    <row r="493835" spans="8:8">
      <c r="H493835" s="12"/>
    </row>
    <row r="493836" spans="8:8">
      <c r="H493836" s="12"/>
    </row>
    <row r="493837" spans="8:8">
      <c r="H493837" s="12"/>
    </row>
    <row r="493838" spans="8:8">
      <c r="H493838" s="12"/>
    </row>
    <row r="493839" spans="8:8">
      <c r="H493839" s="12"/>
    </row>
    <row r="493840" spans="8:8">
      <c r="H493840" s="12"/>
    </row>
    <row r="493841" spans="8:8">
      <c r="H493841" s="12"/>
    </row>
    <row r="493842" spans="8:8">
      <c r="H493842" s="12"/>
    </row>
    <row r="493843" spans="8:8">
      <c r="H493843" s="12"/>
    </row>
    <row r="493844" spans="8:8">
      <c r="H493844" s="12"/>
    </row>
    <row r="493845" spans="8:8">
      <c r="H493845" s="12"/>
    </row>
    <row r="493846" spans="8:8">
      <c r="H493846" s="12"/>
    </row>
    <row r="493847" spans="8:8">
      <c r="H493847" s="12"/>
    </row>
    <row r="493848" spans="8:8">
      <c r="H493848" s="12"/>
    </row>
    <row r="493849" spans="8:8">
      <c r="H493849" s="12"/>
    </row>
    <row r="493850" spans="8:8">
      <c r="H493850" s="12"/>
    </row>
    <row r="493851" spans="8:8">
      <c r="H493851" s="12"/>
    </row>
    <row r="493852" spans="8:8">
      <c r="H493852" s="12"/>
    </row>
    <row r="493853" spans="8:8">
      <c r="H493853" s="12"/>
    </row>
    <row r="493854" spans="8:8">
      <c r="H493854" s="12"/>
    </row>
    <row r="493855" spans="8:8">
      <c r="H493855" s="12"/>
    </row>
    <row r="493856" spans="8:8">
      <c r="H493856" s="12"/>
    </row>
    <row r="493857" spans="8:8">
      <c r="H493857" s="12"/>
    </row>
    <row r="493858" spans="8:8">
      <c r="H493858" s="12"/>
    </row>
    <row r="493859" spans="8:8">
      <c r="H493859" s="12"/>
    </row>
    <row r="493860" spans="8:8">
      <c r="H493860" s="12"/>
    </row>
    <row r="493861" spans="8:8">
      <c r="H493861" s="12"/>
    </row>
    <row r="493862" spans="8:8">
      <c r="H493862" s="12"/>
    </row>
    <row r="493863" spans="8:8">
      <c r="H493863" s="12"/>
    </row>
    <row r="493864" spans="8:8">
      <c r="H493864" s="12"/>
    </row>
    <row r="493865" spans="8:8">
      <c r="H493865" s="12"/>
    </row>
    <row r="493866" spans="8:8">
      <c r="H493866" s="12"/>
    </row>
    <row r="493867" spans="8:8">
      <c r="H493867" s="12"/>
    </row>
    <row r="493868" spans="8:8">
      <c r="H493868" s="12"/>
    </row>
    <row r="493869" spans="8:8">
      <c r="H493869" s="12"/>
    </row>
    <row r="493870" spans="8:8">
      <c r="H493870" s="12"/>
    </row>
    <row r="493871" spans="8:8">
      <c r="H493871" s="12"/>
    </row>
    <row r="493872" spans="8:8">
      <c r="H493872" s="12"/>
    </row>
    <row r="493873" spans="8:8">
      <c r="H493873" s="12"/>
    </row>
    <row r="493874" spans="8:8">
      <c r="H493874" s="12"/>
    </row>
    <row r="493875" spans="8:8">
      <c r="H493875" s="12"/>
    </row>
    <row r="493876" spans="8:8">
      <c r="H493876" s="12"/>
    </row>
    <row r="493877" spans="8:8">
      <c r="H493877" s="12"/>
    </row>
    <row r="493878" spans="8:8">
      <c r="H493878" s="12"/>
    </row>
    <row r="493879" spans="8:8">
      <c r="H493879" s="12"/>
    </row>
    <row r="493880" spans="8:8">
      <c r="H493880" s="12"/>
    </row>
    <row r="493881" spans="8:8">
      <c r="H493881" s="12"/>
    </row>
    <row r="493882" spans="8:8">
      <c r="H493882" s="12"/>
    </row>
    <row r="493883" spans="8:8">
      <c r="H493883" s="12"/>
    </row>
    <row r="493884" spans="8:8">
      <c r="H493884" s="12"/>
    </row>
    <row r="493885" spans="8:8">
      <c r="H493885" s="12"/>
    </row>
    <row r="493886" spans="8:8">
      <c r="H493886" s="12"/>
    </row>
    <row r="493887" spans="8:8">
      <c r="H493887" s="12"/>
    </row>
    <row r="493888" spans="8:8">
      <c r="H493888" s="12"/>
    </row>
    <row r="493889" spans="8:8">
      <c r="H493889" s="12"/>
    </row>
    <row r="493890" spans="8:8">
      <c r="H493890" s="12"/>
    </row>
    <row r="493891" spans="8:8">
      <c r="H493891" s="12"/>
    </row>
    <row r="493892" spans="8:8">
      <c r="H493892" s="12"/>
    </row>
    <row r="493893" spans="8:8">
      <c r="H493893" s="12"/>
    </row>
    <row r="493894" spans="8:8">
      <c r="H493894" s="12"/>
    </row>
    <row r="493895" spans="8:8">
      <c r="H493895" s="12"/>
    </row>
    <row r="493896" spans="8:8">
      <c r="H493896" s="12"/>
    </row>
    <row r="493897" spans="8:8">
      <c r="H493897" s="12"/>
    </row>
    <row r="493898" spans="8:8">
      <c r="H493898" s="12"/>
    </row>
    <row r="493899" spans="8:8">
      <c r="H493899" s="12"/>
    </row>
    <row r="493900" spans="8:8">
      <c r="H493900" s="12"/>
    </row>
    <row r="493901" spans="8:8">
      <c r="H493901" s="12"/>
    </row>
    <row r="493902" spans="8:8">
      <c r="H493902" s="12"/>
    </row>
    <row r="493903" spans="8:8">
      <c r="H493903" s="12"/>
    </row>
    <row r="493904" spans="8:8">
      <c r="H493904" s="12"/>
    </row>
    <row r="493905" spans="8:8">
      <c r="H493905" s="12"/>
    </row>
    <row r="493906" spans="8:8">
      <c r="H493906" s="12"/>
    </row>
    <row r="493907" spans="8:8">
      <c r="H493907" s="12"/>
    </row>
    <row r="493908" spans="8:8">
      <c r="H493908" s="12"/>
    </row>
    <row r="493909" spans="8:8">
      <c r="H493909" s="12"/>
    </row>
    <row r="493910" spans="8:8">
      <c r="H493910" s="12"/>
    </row>
    <row r="493911" spans="8:8">
      <c r="H493911" s="12"/>
    </row>
    <row r="493912" spans="8:8">
      <c r="H493912" s="12"/>
    </row>
    <row r="493913" spans="8:8">
      <c r="H493913" s="12"/>
    </row>
    <row r="493914" spans="8:8">
      <c r="H493914" s="12"/>
    </row>
    <row r="493915" spans="8:8">
      <c r="H493915" s="12"/>
    </row>
    <row r="493916" spans="8:8">
      <c r="H493916" s="12"/>
    </row>
    <row r="493917" spans="8:8">
      <c r="H493917" s="12"/>
    </row>
    <row r="493918" spans="8:8">
      <c r="H493918" s="12"/>
    </row>
    <row r="493919" spans="8:8">
      <c r="H493919" s="12"/>
    </row>
    <row r="493920" spans="8:8">
      <c r="H493920" s="12"/>
    </row>
    <row r="493921" spans="8:8">
      <c r="H493921" s="12"/>
    </row>
    <row r="493922" spans="8:8">
      <c r="H493922" s="12"/>
    </row>
    <row r="493923" spans="8:8">
      <c r="H493923" s="12"/>
    </row>
    <row r="493924" spans="8:8">
      <c r="H493924" s="12"/>
    </row>
    <row r="493925" spans="8:8">
      <c r="H493925" s="12"/>
    </row>
    <row r="493926" spans="8:8">
      <c r="H493926" s="12"/>
    </row>
    <row r="493927" spans="8:8">
      <c r="H493927" s="12"/>
    </row>
    <row r="493928" spans="8:8">
      <c r="H493928" s="12"/>
    </row>
    <row r="493929" spans="8:8">
      <c r="H493929" s="12"/>
    </row>
    <row r="493930" spans="8:8">
      <c r="H493930" s="12"/>
    </row>
    <row r="493931" spans="8:8">
      <c r="H493931" s="12"/>
    </row>
    <row r="493932" spans="8:8">
      <c r="H493932" s="12"/>
    </row>
    <row r="493933" spans="8:8">
      <c r="H493933" s="12"/>
    </row>
    <row r="493934" spans="8:8">
      <c r="H493934" s="12"/>
    </row>
    <row r="493935" spans="8:8">
      <c r="H493935" s="12"/>
    </row>
    <row r="493936" spans="8:8">
      <c r="H493936" s="12"/>
    </row>
    <row r="493937" spans="8:8">
      <c r="H493937" s="12"/>
    </row>
    <row r="493938" spans="8:8">
      <c r="H493938" s="12"/>
    </row>
    <row r="493939" spans="8:8">
      <c r="H493939" s="12"/>
    </row>
    <row r="493940" spans="8:8">
      <c r="H493940" s="12"/>
    </row>
    <row r="493941" spans="8:8">
      <c r="H493941" s="12"/>
    </row>
    <row r="493942" spans="8:8">
      <c r="H493942" s="12"/>
    </row>
    <row r="493943" spans="8:8">
      <c r="H493943" s="12"/>
    </row>
    <row r="493944" spans="8:8">
      <c r="H493944" s="12"/>
    </row>
    <row r="493945" spans="8:8">
      <c r="H493945" s="12"/>
    </row>
    <row r="493946" spans="8:8">
      <c r="H493946" s="12"/>
    </row>
    <row r="493947" spans="8:8">
      <c r="H493947" s="12"/>
    </row>
    <row r="493948" spans="8:8">
      <c r="H493948" s="12"/>
    </row>
    <row r="493949" spans="8:8">
      <c r="H493949" s="12"/>
    </row>
    <row r="493950" spans="8:8">
      <c r="H493950" s="12"/>
    </row>
    <row r="493951" spans="8:8">
      <c r="H493951" s="12"/>
    </row>
    <row r="493952" spans="8:8">
      <c r="H493952" s="12"/>
    </row>
    <row r="493953" spans="8:8">
      <c r="H493953" s="12"/>
    </row>
    <row r="493954" spans="8:8">
      <c r="H493954" s="12"/>
    </row>
    <row r="493955" spans="8:8">
      <c r="H493955" s="12"/>
    </row>
    <row r="493956" spans="8:8">
      <c r="H493956" s="12"/>
    </row>
    <row r="493957" spans="8:8">
      <c r="H493957" s="12"/>
    </row>
    <row r="493958" spans="8:8">
      <c r="H493958" s="12"/>
    </row>
    <row r="493959" spans="8:8">
      <c r="H493959" s="12"/>
    </row>
    <row r="493960" spans="8:8">
      <c r="H493960" s="12"/>
    </row>
    <row r="493961" spans="8:8">
      <c r="H493961" s="12"/>
    </row>
    <row r="493962" spans="8:8">
      <c r="H493962" s="12"/>
    </row>
    <row r="493963" spans="8:8">
      <c r="H493963" s="12"/>
    </row>
    <row r="493964" spans="8:8">
      <c r="H493964" s="12"/>
    </row>
    <row r="493965" spans="8:8">
      <c r="H493965" s="12"/>
    </row>
    <row r="493966" spans="8:8">
      <c r="H493966" s="12"/>
    </row>
    <row r="493967" spans="8:8">
      <c r="H493967" s="12"/>
    </row>
    <row r="493968" spans="8:8">
      <c r="H493968" s="12"/>
    </row>
    <row r="493969" spans="8:8">
      <c r="H493969" s="12"/>
    </row>
    <row r="493970" spans="8:8">
      <c r="H493970" s="12"/>
    </row>
    <row r="493971" spans="8:8">
      <c r="H493971" s="12"/>
    </row>
    <row r="493972" spans="8:8">
      <c r="H493972" s="12"/>
    </row>
    <row r="493973" spans="8:8">
      <c r="H493973" s="12"/>
    </row>
    <row r="493974" spans="8:8">
      <c r="H493974" s="12"/>
    </row>
    <row r="493975" spans="8:8">
      <c r="H493975" s="12"/>
    </row>
    <row r="493976" spans="8:8">
      <c r="H493976" s="12"/>
    </row>
    <row r="493977" spans="8:8">
      <c r="H493977" s="12"/>
    </row>
    <row r="493978" spans="8:8">
      <c r="H493978" s="12"/>
    </row>
    <row r="493979" spans="8:8">
      <c r="H493979" s="12"/>
    </row>
    <row r="493980" spans="8:8">
      <c r="H493980" s="12"/>
    </row>
    <row r="493981" spans="8:8">
      <c r="H493981" s="12"/>
    </row>
    <row r="493982" spans="8:8">
      <c r="H493982" s="12"/>
    </row>
    <row r="493983" spans="8:8">
      <c r="H493983" s="12"/>
    </row>
    <row r="493984" spans="8:8">
      <c r="H493984" s="12"/>
    </row>
    <row r="493985" spans="8:8">
      <c r="H493985" s="12"/>
    </row>
    <row r="493986" spans="8:8">
      <c r="H493986" s="12"/>
    </row>
    <row r="493987" spans="8:8">
      <c r="H493987" s="12"/>
    </row>
    <row r="493988" spans="8:8">
      <c r="H493988" s="12"/>
    </row>
    <row r="493989" spans="8:8">
      <c r="H493989" s="12"/>
    </row>
    <row r="493990" spans="8:8">
      <c r="H493990" s="12"/>
    </row>
    <row r="493991" spans="8:8">
      <c r="H493991" s="12"/>
    </row>
    <row r="493992" spans="8:8">
      <c r="H493992" s="12"/>
    </row>
    <row r="493993" spans="8:8">
      <c r="H493993" s="12"/>
    </row>
    <row r="493994" spans="8:8">
      <c r="H493994" s="12"/>
    </row>
    <row r="493995" spans="8:8">
      <c r="H493995" s="12"/>
    </row>
    <row r="493996" spans="8:8">
      <c r="H493996" s="12"/>
    </row>
    <row r="493997" spans="8:8">
      <c r="H493997" s="12"/>
    </row>
    <row r="493998" spans="8:8">
      <c r="H493998" s="12"/>
    </row>
    <row r="493999" spans="8:8">
      <c r="H493999" s="12"/>
    </row>
    <row r="494000" spans="8:8">
      <c r="H494000" s="12"/>
    </row>
    <row r="494001" spans="8:8">
      <c r="H494001" s="12"/>
    </row>
    <row r="494002" spans="8:8">
      <c r="H494002" s="12"/>
    </row>
    <row r="494003" spans="8:8">
      <c r="H494003" s="12"/>
    </row>
    <row r="494004" spans="8:8">
      <c r="H494004" s="12"/>
    </row>
    <row r="494005" spans="8:8">
      <c r="H494005" s="12"/>
    </row>
    <row r="494006" spans="8:8">
      <c r="H494006" s="12"/>
    </row>
    <row r="494007" spans="8:8">
      <c r="H494007" s="12"/>
    </row>
    <row r="494008" spans="8:8">
      <c r="H494008" s="12"/>
    </row>
    <row r="494009" spans="8:8">
      <c r="H494009" s="12"/>
    </row>
    <row r="494010" spans="8:8">
      <c r="H494010" s="12"/>
    </row>
    <row r="494011" spans="8:8">
      <c r="H494011" s="12"/>
    </row>
    <row r="494012" spans="8:8">
      <c r="H494012" s="12"/>
    </row>
    <row r="494013" spans="8:8">
      <c r="H494013" s="12"/>
    </row>
    <row r="494014" spans="8:8">
      <c r="H494014" s="12"/>
    </row>
    <row r="494015" spans="8:8">
      <c r="H494015" s="12"/>
    </row>
    <row r="494016" spans="8:8">
      <c r="H494016" s="12"/>
    </row>
    <row r="494017" spans="8:8">
      <c r="H494017" s="12"/>
    </row>
    <row r="494018" spans="8:8">
      <c r="H494018" s="12"/>
    </row>
    <row r="494019" spans="8:8">
      <c r="H494019" s="12"/>
    </row>
    <row r="494020" spans="8:8">
      <c r="H494020" s="12"/>
    </row>
    <row r="494021" spans="8:8">
      <c r="H494021" s="12"/>
    </row>
    <row r="494022" spans="8:8">
      <c r="H494022" s="12"/>
    </row>
    <row r="494023" spans="8:8">
      <c r="H494023" s="12"/>
    </row>
    <row r="494024" spans="8:8">
      <c r="H494024" s="12"/>
    </row>
    <row r="494025" spans="8:8">
      <c r="H494025" s="12"/>
    </row>
    <row r="494026" spans="8:8">
      <c r="H494026" s="12"/>
    </row>
    <row r="494027" spans="8:8">
      <c r="H494027" s="12"/>
    </row>
    <row r="494028" spans="8:8">
      <c r="H494028" s="12"/>
    </row>
    <row r="494029" spans="8:8">
      <c r="H494029" s="12"/>
    </row>
    <row r="494030" spans="8:8">
      <c r="H494030" s="12"/>
    </row>
    <row r="494031" spans="8:8">
      <c r="H494031" s="12"/>
    </row>
    <row r="494032" spans="8:8">
      <c r="H494032" s="12"/>
    </row>
    <row r="494033" spans="8:8">
      <c r="H494033" s="12"/>
    </row>
    <row r="494034" spans="8:8">
      <c r="H494034" s="12"/>
    </row>
    <row r="494035" spans="8:8">
      <c r="H494035" s="12"/>
    </row>
    <row r="494036" spans="8:8">
      <c r="H494036" s="12"/>
    </row>
    <row r="494037" spans="8:8">
      <c r="H494037" s="12"/>
    </row>
    <row r="494038" spans="8:8">
      <c r="H494038" s="12"/>
    </row>
    <row r="494039" spans="8:8">
      <c r="H494039" s="12"/>
    </row>
    <row r="494040" spans="8:8">
      <c r="H494040" s="12"/>
    </row>
    <row r="494041" spans="8:8">
      <c r="H494041" s="12"/>
    </row>
    <row r="494042" spans="8:8">
      <c r="H494042" s="12"/>
    </row>
    <row r="494043" spans="8:8">
      <c r="H494043" s="12"/>
    </row>
    <row r="494044" spans="8:8">
      <c r="H494044" s="12"/>
    </row>
    <row r="494045" spans="8:8">
      <c r="H494045" s="12"/>
    </row>
    <row r="494046" spans="8:8">
      <c r="H494046" s="12"/>
    </row>
    <row r="494047" spans="8:8">
      <c r="H494047" s="12"/>
    </row>
    <row r="494048" spans="8:8">
      <c r="H494048" s="12"/>
    </row>
    <row r="494049" spans="8:8">
      <c r="H494049" s="12"/>
    </row>
    <row r="494050" spans="8:8">
      <c r="H494050" s="12"/>
    </row>
    <row r="494051" spans="8:8">
      <c r="H494051" s="12"/>
    </row>
    <row r="494052" spans="8:8">
      <c r="H494052" s="12"/>
    </row>
    <row r="494053" spans="8:8">
      <c r="H494053" s="12"/>
    </row>
    <row r="494054" spans="8:8">
      <c r="H494054" s="12"/>
    </row>
    <row r="494055" spans="8:8">
      <c r="H494055" s="12"/>
    </row>
    <row r="494056" spans="8:8">
      <c r="H494056" s="12"/>
    </row>
    <row r="494057" spans="8:8">
      <c r="H494057" s="12"/>
    </row>
    <row r="494058" spans="8:8">
      <c r="H494058" s="12"/>
    </row>
    <row r="494059" spans="8:8">
      <c r="H494059" s="12"/>
    </row>
    <row r="494060" spans="8:8">
      <c r="H494060" s="12"/>
    </row>
    <row r="494061" spans="8:8">
      <c r="H494061" s="12"/>
    </row>
    <row r="494062" spans="8:8">
      <c r="H494062" s="12"/>
    </row>
    <row r="494063" spans="8:8">
      <c r="H494063" s="12"/>
    </row>
    <row r="494064" spans="8:8">
      <c r="H494064" s="12"/>
    </row>
    <row r="494065" spans="8:8">
      <c r="H494065" s="12"/>
    </row>
    <row r="494066" spans="8:8">
      <c r="H494066" s="12"/>
    </row>
    <row r="494067" spans="8:8">
      <c r="H494067" s="12"/>
    </row>
    <row r="494068" spans="8:8">
      <c r="H494068" s="12"/>
    </row>
    <row r="494069" spans="8:8">
      <c r="H494069" s="12"/>
    </row>
    <row r="494070" spans="8:8">
      <c r="H494070" s="12"/>
    </row>
    <row r="494071" spans="8:8">
      <c r="H494071" s="12"/>
    </row>
    <row r="494072" spans="8:8">
      <c r="H494072" s="12"/>
    </row>
    <row r="494073" spans="8:8">
      <c r="H494073" s="12"/>
    </row>
    <row r="494074" spans="8:8">
      <c r="H494074" s="12"/>
    </row>
    <row r="494075" spans="8:8">
      <c r="H494075" s="12"/>
    </row>
    <row r="494076" spans="8:8">
      <c r="H494076" s="12"/>
    </row>
    <row r="494077" spans="8:8">
      <c r="H494077" s="12"/>
    </row>
    <row r="494078" spans="8:8">
      <c r="H494078" s="12"/>
    </row>
    <row r="494079" spans="8:8">
      <c r="H494079" s="12"/>
    </row>
    <row r="494080" spans="8:8">
      <c r="H494080" s="12"/>
    </row>
    <row r="494081" spans="8:8">
      <c r="H494081" s="12"/>
    </row>
    <row r="494082" spans="8:8">
      <c r="H494082" s="12"/>
    </row>
    <row r="494083" spans="8:8">
      <c r="H494083" s="12"/>
    </row>
    <row r="494084" spans="8:8">
      <c r="H494084" s="12"/>
    </row>
    <row r="494085" spans="8:8">
      <c r="H494085" s="12"/>
    </row>
    <row r="494086" spans="8:8">
      <c r="H494086" s="12"/>
    </row>
    <row r="494087" spans="8:8">
      <c r="H494087" s="12"/>
    </row>
    <row r="494088" spans="8:8">
      <c r="H494088" s="12"/>
    </row>
    <row r="494089" spans="8:8">
      <c r="H494089" s="12"/>
    </row>
    <row r="494090" spans="8:8">
      <c r="H494090" s="12"/>
    </row>
    <row r="494091" spans="8:8">
      <c r="H494091" s="12"/>
    </row>
    <row r="494092" spans="8:8">
      <c r="H494092" s="12"/>
    </row>
    <row r="494093" spans="8:8">
      <c r="H494093" s="12"/>
    </row>
    <row r="494094" spans="8:8">
      <c r="H494094" s="12"/>
    </row>
    <row r="494095" spans="8:8">
      <c r="H494095" s="12"/>
    </row>
    <row r="494096" spans="8:8">
      <c r="H494096" s="12"/>
    </row>
    <row r="494097" spans="8:8">
      <c r="H494097" s="12"/>
    </row>
    <row r="494098" spans="8:8">
      <c r="H494098" s="12"/>
    </row>
    <row r="494099" spans="8:8">
      <c r="H494099" s="12"/>
    </row>
    <row r="494100" spans="8:8">
      <c r="H494100" s="12"/>
    </row>
    <row r="494101" spans="8:8">
      <c r="H494101" s="12"/>
    </row>
    <row r="494102" spans="8:8">
      <c r="H494102" s="12"/>
    </row>
    <row r="494103" spans="8:8">
      <c r="H494103" s="12"/>
    </row>
    <row r="494104" spans="8:8">
      <c r="H494104" s="12"/>
    </row>
    <row r="494105" spans="8:8">
      <c r="H494105" s="12"/>
    </row>
    <row r="494106" spans="8:8">
      <c r="H494106" s="12"/>
    </row>
    <row r="494107" spans="8:8">
      <c r="H494107" s="12"/>
    </row>
    <row r="494108" spans="8:8">
      <c r="H494108" s="12"/>
    </row>
    <row r="494109" spans="8:8">
      <c r="H494109" s="12"/>
    </row>
    <row r="494110" spans="8:8">
      <c r="H494110" s="12"/>
    </row>
    <row r="494111" spans="8:8">
      <c r="H494111" s="12"/>
    </row>
    <row r="494112" spans="8:8">
      <c r="H494112" s="12"/>
    </row>
    <row r="494113" spans="8:8">
      <c r="H494113" s="12"/>
    </row>
    <row r="494114" spans="8:8">
      <c r="H494114" s="12"/>
    </row>
    <row r="494115" spans="8:8">
      <c r="H494115" s="12"/>
    </row>
    <row r="494116" spans="8:8">
      <c r="H494116" s="12"/>
    </row>
    <row r="494117" spans="8:8">
      <c r="H494117" s="12"/>
    </row>
    <row r="494118" spans="8:8">
      <c r="H494118" s="12"/>
    </row>
    <row r="494119" spans="8:8">
      <c r="H494119" s="12"/>
    </row>
    <row r="494120" spans="8:8">
      <c r="H494120" s="12"/>
    </row>
    <row r="494121" spans="8:8">
      <c r="H494121" s="12"/>
    </row>
    <row r="494122" spans="8:8">
      <c r="H494122" s="12"/>
    </row>
    <row r="494123" spans="8:8">
      <c r="H494123" s="12"/>
    </row>
    <row r="494124" spans="8:8">
      <c r="H494124" s="12"/>
    </row>
    <row r="494125" spans="8:8">
      <c r="H494125" s="12"/>
    </row>
    <row r="494126" spans="8:8">
      <c r="H494126" s="12"/>
    </row>
    <row r="494127" spans="8:8">
      <c r="H494127" s="12"/>
    </row>
    <row r="494128" spans="8:8">
      <c r="H494128" s="12"/>
    </row>
    <row r="494129" spans="8:8">
      <c r="H494129" s="12"/>
    </row>
    <row r="494130" spans="8:8">
      <c r="H494130" s="12"/>
    </row>
    <row r="494131" spans="8:8">
      <c r="H494131" s="12"/>
    </row>
    <row r="494132" spans="8:8">
      <c r="H494132" s="12"/>
    </row>
    <row r="494133" spans="8:8">
      <c r="H494133" s="12"/>
    </row>
    <row r="494134" spans="8:8">
      <c r="H494134" s="12"/>
    </row>
    <row r="494135" spans="8:8">
      <c r="H494135" s="12"/>
    </row>
    <row r="494136" spans="8:8">
      <c r="H494136" s="12"/>
    </row>
    <row r="494137" spans="8:8">
      <c r="H494137" s="12"/>
    </row>
    <row r="494138" spans="8:8">
      <c r="H494138" s="12"/>
    </row>
    <row r="494139" spans="8:8">
      <c r="H494139" s="12"/>
    </row>
    <row r="494140" spans="8:8">
      <c r="H494140" s="12"/>
    </row>
    <row r="494141" spans="8:8">
      <c r="H494141" s="12"/>
    </row>
    <row r="494142" spans="8:8">
      <c r="H494142" s="12"/>
    </row>
    <row r="494143" spans="8:8">
      <c r="H494143" s="12"/>
    </row>
    <row r="494144" spans="8:8">
      <c r="H494144" s="12"/>
    </row>
    <row r="494145" spans="8:8">
      <c r="H494145" s="12"/>
    </row>
    <row r="494146" spans="8:8">
      <c r="H494146" s="12"/>
    </row>
    <row r="494147" spans="8:8">
      <c r="H494147" s="12"/>
    </row>
    <row r="494148" spans="8:8">
      <c r="H494148" s="12"/>
    </row>
    <row r="494149" spans="8:8">
      <c r="H494149" s="12"/>
    </row>
    <row r="494150" spans="8:8">
      <c r="H494150" s="12"/>
    </row>
    <row r="494151" spans="8:8">
      <c r="H494151" s="12"/>
    </row>
    <row r="494152" spans="8:8">
      <c r="H494152" s="12"/>
    </row>
    <row r="494153" spans="8:8">
      <c r="H494153" s="12"/>
    </row>
    <row r="494154" spans="8:8">
      <c r="H494154" s="12"/>
    </row>
    <row r="494155" spans="8:8">
      <c r="H494155" s="12"/>
    </row>
    <row r="494156" spans="8:8">
      <c r="H494156" s="12"/>
    </row>
    <row r="494157" spans="8:8">
      <c r="H494157" s="12"/>
    </row>
    <row r="494158" spans="8:8">
      <c r="H494158" s="12"/>
    </row>
    <row r="494159" spans="8:8">
      <c r="H494159" s="12"/>
    </row>
    <row r="494160" spans="8:8">
      <c r="H494160" s="12"/>
    </row>
    <row r="494161" spans="8:8">
      <c r="H494161" s="12"/>
    </row>
    <row r="494162" spans="8:8">
      <c r="H494162" s="12"/>
    </row>
    <row r="494163" spans="8:8">
      <c r="H494163" s="12"/>
    </row>
    <row r="494164" spans="8:8">
      <c r="H494164" s="12"/>
    </row>
    <row r="494165" spans="8:8">
      <c r="H494165" s="12"/>
    </row>
    <row r="494166" spans="8:8">
      <c r="H494166" s="12"/>
    </row>
    <row r="494167" spans="8:8">
      <c r="H494167" s="12"/>
    </row>
    <row r="494168" spans="8:8">
      <c r="H494168" s="12"/>
    </row>
    <row r="494169" spans="8:8">
      <c r="H494169" s="12"/>
    </row>
    <row r="494170" spans="8:8">
      <c r="H494170" s="12"/>
    </row>
    <row r="494171" spans="8:8">
      <c r="H494171" s="12"/>
    </row>
    <row r="494172" spans="8:8">
      <c r="H494172" s="12"/>
    </row>
    <row r="494173" spans="8:8">
      <c r="H494173" s="12"/>
    </row>
    <row r="494174" spans="8:8">
      <c r="H494174" s="12"/>
    </row>
    <row r="494175" spans="8:8">
      <c r="H494175" s="12"/>
    </row>
    <row r="494176" spans="8:8">
      <c r="H494176" s="12"/>
    </row>
    <row r="494177" spans="8:8">
      <c r="H494177" s="12"/>
    </row>
    <row r="494178" spans="8:8">
      <c r="H494178" s="12"/>
    </row>
    <row r="494179" spans="8:8">
      <c r="H494179" s="12"/>
    </row>
    <row r="494180" spans="8:8">
      <c r="H494180" s="12"/>
    </row>
    <row r="494181" spans="8:8">
      <c r="H494181" s="12"/>
    </row>
    <row r="494182" spans="8:8">
      <c r="H494182" s="12"/>
    </row>
    <row r="494183" spans="8:8">
      <c r="H494183" s="12"/>
    </row>
    <row r="494184" spans="8:8">
      <c r="H494184" s="12"/>
    </row>
    <row r="494185" spans="8:8">
      <c r="H494185" s="12"/>
    </row>
    <row r="494186" spans="8:8">
      <c r="H494186" s="12"/>
    </row>
    <row r="494187" spans="8:8">
      <c r="H494187" s="12"/>
    </row>
    <row r="494188" spans="8:8">
      <c r="H494188" s="12"/>
    </row>
    <row r="494189" spans="8:8">
      <c r="H494189" s="12"/>
    </row>
    <row r="494190" spans="8:8">
      <c r="H494190" s="12"/>
    </row>
    <row r="494191" spans="8:8">
      <c r="H494191" s="12"/>
    </row>
    <row r="494192" spans="8:8">
      <c r="H494192" s="12"/>
    </row>
    <row r="494193" spans="8:8">
      <c r="H494193" s="12"/>
    </row>
    <row r="494194" spans="8:8">
      <c r="H494194" s="12"/>
    </row>
    <row r="494195" spans="8:8">
      <c r="H494195" s="12"/>
    </row>
    <row r="494196" spans="8:8">
      <c r="H494196" s="12"/>
    </row>
    <row r="494197" spans="8:8">
      <c r="H494197" s="12"/>
    </row>
    <row r="494198" spans="8:8">
      <c r="H494198" s="12"/>
    </row>
    <row r="494199" spans="8:8">
      <c r="H494199" s="12"/>
    </row>
    <row r="494200" spans="8:8">
      <c r="H494200" s="12"/>
    </row>
    <row r="494201" spans="8:8">
      <c r="H494201" s="12"/>
    </row>
    <row r="494202" spans="8:8">
      <c r="H494202" s="12"/>
    </row>
    <row r="494203" spans="8:8">
      <c r="H494203" s="12"/>
    </row>
    <row r="494204" spans="8:8">
      <c r="H494204" s="12"/>
    </row>
    <row r="494205" spans="8:8">
      <c r="H494205" s="12"/>
    </row>
    <row r="494206" spans="8:8">
      <c r="H494206" s="12"/>
    </row>
    <row r="494207" spans="8:8">
      <c r="H494207" s="12"/>
    </row>
    <row r="494208" spans="8:8">
      <c r="H494208" s="12"/>
    </row>
    <row r="494209" spans="8:8">
      <c r="H494209" s="12"/>
    </row>
    <row r="494210" spans="8:8">
      <c r="H494210" s="12"/>
    </row>
    <row r="494211" spans="8:8">
      <c r="H494211" s="12"/>
    </row>
    <row r="494212" spans="8:8">
      <c r="H494212" s="12"/>
    </row>
    <row r="494213" spans="8:8">
      <c r="H494213" s="12"/>
    </row>
    <row r="494214" spans="8:8">
      <c r="H494214" s="12"/>
    </row>
    <row r="494215" spans="8:8">
      <c r="H494215" s="12"/>
    </row>
    <row r="494216" spans="8:8">
      <c r="H494216" s="12"/>
    </row>
    <row r="494217" spans="8:8">
      <c r="H494217" s="12"/>
    </row>
    <row r="494218" spans="8:8">
      <c r="H494218" s="12"/>
    </row>
    <row r="494219" spans="8:8">
      <c r="H494219" s="12"/>
    </row>
    <row r="494220" spans="8:8">
      <c r="H494220" s="12"/>
    </row>
    <row r="494221" spans="8:8">
      <c r="H494221" s="12"/>
    </row>
    <row r="494222" spans="8:8">
      <c r="H494222" s="12"/>
    </row>
    <row r="494223" spans="8:8">
      <c r="H494223" s="12"/>
    </row>
    <row r="494224" spans="8:8">
      <c r="H494224" s="12"/>
    </row>
    <row r="494225" spans="8:8">
      <c r="H494225" s="12"/>
    </row>
    <row r="494226" spans="8:8">
      <c r="H494226" s="12"/>
    </row>
    <row r="494227" spans="8:8">
      <c r="H494227" s="12"/>
    </row>
    <row r="494228" spans="8:8">
      <c r="H494228" s="12"/>
    </row>
    <row r="494229" spans="8:8">
      <c r="H494229" s="12"/>
    </row>
    <row r="494230" spans="8:8">
      <c r="H494230" s="12"/>
    </row>
    <row r="494231" spans="8:8">
      <c r="H494231" s="12"/>
    </row>
    <row r="494232" spans="8:8">
      <c r="H494232" s="12"/>
    </row>
    <row r="494233" spans="8:8">
      <c r="H494233" s="12"/>
    </row>
    <row r="494234" spans="8:8">
      <c r="H494234" s="12"/>
    </row>
    <row r="494235" spans="8:8">
      <c r="H494235" s="12"/>
    </row>
    <row r="494236" spans="8:8">
      <c r="H494236" s="12"/>
    </row>
    <row r="494237" spans="8:8">
      <c r="H494237" s="12"/>
    </row>
    <row r="494238" spans="8:8">
      <c r="H494238" s="12"/>
    </row>
    <row r="494239" spans="8:8">
      <c r="H494239" s="12"/>
    </row>
    <row r="494240" spans="8:8">
      <c r="H494240" s="12"/>
    </row>
    <row r="494241" spans="8:8">
      <c r="H494241" s="12"/>
    </row>
    <row r="494242" spans="8:8">
      <c r="H494242" s="12"/>
    </row>
    <row r="494243" spans="8:8">
      <c r="H494243" s="12"/>
    </row>
    <row r="494244" spans="8:8">
      <c r="H494244" s="12"/>
    </row>
    <row r="494245" spans="8:8">
      <c r="H494245" s="12"/>
    </row>
    <row r="494246" spans="8:8">
      <c r="H494246" s="12"/>
    </row>
    <row r="494247" spans="8:8">
      <c r="H494247" s="12"/>
    </row>
    <row r="494248" spans="8:8">
      <c r="H494248" s="12"/>
    </row>
    <row r="494249" spans="8:8">
      <c r="H494249" s="12"/>
    </row>
    <row r="494250" spans="8:8">
      <c r="H494250" s="12"/>
    </row>
    <row r="494251" spans="8:8">
      <c r="H494251" s="12"/>
    </row>
    <row r="494252" spans="8:8">
      <c r="H494252" s="12"/>
    </row>
    <row r="494253" spans="8:8">
      <c r="H494253" s="12"/>
    </row>
    <row r="494254" spans="8:8">
      <c r="H494254" s="12"/>
    </row>
    <row r="494255" spans="8:8">
      <c r="H494255" s="12"/>
    </row>
    <row r="494256" spans="8:8">
      <c r="H494256" s="12"/>
    </row>
    <row r="494257" spans="8:8">
      <c r="H494257" s="12"/>
    </row>
    <row r="494258" spans="8:8">
      <c r="H494258" s="12"/>
    </row>
    <row r="494259" spans="8:8">
      <c r="H494259" s="12"/>
    </row>
    <row r="494260" spans="8:8">
      <c r="H494260" s="12"/>
    </row>
    <row r="494261" spans="8:8">
      <c r="H494261" s="12"/>
    </row>
    <row r="494262" spans="8:8">
      <c r="H494262" s="12"/>
    </row>
    <row r="494263" spans="8:8">
      <c r="H494263" s="12"/>
    </row>
    <row r="494264" spans="8:8">
      <c r="H494264" s="12"/>
    </row>
    <row r="494265" spans="8:8">
      <c r="H494265" s="12"/>
    </row>
    <row r="494266" spans="8:8">
      <c r="H494266" s="12"/>
    </row>
    <row r="494267" spans="8:8">
      <c r="H494267" s="12"/>
    </row>
    <row r="494268" spans="8:8">
      <c r="H494268" s="12"/>
    </row>
    <row r="494269" spans="8:8">
      <c r="H494269" s="12"/>
    </row>
    <row r="494270" spans="8:8">
      <c r="H494270" s="12"/>
    </row>
    <row r="494271" spans="8:8">
      <c r="H494271" s="12"/>
    </row>
    <row r="494272" spans="8:8">
      <c r="H494272" s="12"/>
    </row>
    <row r="494273" spans="8:8">
      <c r="H494273" s="12"/>
    </row>
    <row r="494274" spans="8:8">
      <c r="H494274" s="12"/>
    </row>
    <row r="494275" spans="8:8">
      <c r="H494275" s="12"/>
    </row>
    <row r="494276" spans="8:8">
      <c r="H494276" s="12"/>
    </row>
    <row r="494277" spans="8:8">
      <c r="H494277" s="12"/>
    </row>
    <row r="494278" spans="8:8">
      <c r="H494278" s="12"/>
    </row>
    <row r="494279" spans="8:8">
      <c r="H494279" s="12"/>
    </row>
    <row r="494280" spans="8:8">
      <c r="H494280" s="12"/>
    </row>
    <row r="494281" spans="8:8">
      <c r="H494281" s="12"/>
    </row>
    <row r="494282" spans="8:8">
      <c r="H494282" s="12"/>
    </row>
    <row r="494283" spans="8:8">
      <c r="H494283" s="12"/>
    </row>
    <row r="494284" spans="8:8">
      <c r="H494284" s="12"/>
    </row>
    <row r="494285" spans="8:8">
      <c r="H494285" s="12"/>
    </row>
    <row r="494286" spans="8:8">
      <c r="H494286" s="12"/>
    </row>
    <row r="494287" spans="8:8">
      <c r="H494287" s="12"/>
    </row>
    <row r="494288" spans="8:8">
      <c r="H494288" s="12"/>
    </row>
    <row r="494289" spans="8:8">
      <c r="H494289" s="12"/>
    </row>
    <row r="494290" spans="8:8">
      <c r="H494290" s="12"/>
    </row>
    <row r="494291" spans="8:8">
      <c r="H494291" s="12"/>
    </row>
    <row r="494292" spans="8:8">
      <c r="H494292" s="12"/>
    </row>
    <row r="494293" spans="8:8">
      <c r="H494293" s="12"/>
    </row>
    <row r="494294" spans="8:8">
      <c r="H494294" s="12"/>
    </row>
    <row r="494295" spans="8:8">
      <c r="H494295" s="12"/>
    </row>
    <row r="494296" spans="8:8">
      <c r="H494296" s="12"/>
    </row>
    <row r="494297" spans="8:8">
      <c r="H494297" s="12"/>
    </row>
    <row r="494298" spans="8:8">
      <c r="H494298" s="12"/>
    </row>
    <row r="494299" spans="8:8">
      <c r="H494299" s="12"/>
    </row>
    <row r="494300" spans="8:8">
      <c r="H494300" s="12"/>
    </row>
    <row r="494301" spans="8:8">
      <c r="H494301" s="12"/>
    </row>
    <row r="494302" spans="8:8">
      <c r="H494302" s="12"/>
    </row>
    <row r="494303" spans="8:8">
      <c r="H494303" s="12"/>
    </row>
    <row r="494304" spans="8:8">
      <c r="H494304" s="12"/>
    </row>
    <row r="494305" spans="8:8">
      <c r="H494305" s="12"/>
    </row>
    <row r="494306" spans="8:8">
      <c r="H494306" s="12"/>
    </row>
    <row r="494307" spans="8:8">
      <c r="H494307" s="12"/>
    </row>
    <row r="494308" spans="8:8">
      <c r="H494308" s="12"/>
    </row>
    <row r="494309" spans="8:8">
      <c r="H494309" s="12"/>
    </row>
    <row r="494310" spans="8:8">
      <c r="H494310" s="12"/>
    </row>
    <row r="494311" spans="8:8">
      <c r="H494311" s="12"/>
    </row>
    <row r="494312" spans="8:8">
      <c r="H494312" s="12"/>
    </row>
    <row r="494313" spans="8:8">
      <c r="H494313" s="12"/>
    </row>
    <row r="494314" spans="8:8">
      <c r="H494314" s="12"/>
    </row>
    <row r="494315" spans="8:8">
      <c r="H494315" s="12"/>
    </row>
    <row r="494316" spans="8:8">
      <c r="H494316" s="12"/>
    </row>
    <row r="494317" spans="8:8">
      <c r="H494317" s="12"/>
    </row>
    <row r="494318" spans="8:8">
      <c r="H494318" s="12"/>
    </row>
    <row r="494319" spans="8:8">
      <c r="H494319" s="12"/>
    </row>
    <row r="494320" spans="8:8">
      <c r="H494320" s="12"/>
    </row>
    <row r="494321" spans="8:8">
      <c r="H494321" s="12"/>
    </row>
    <row r="494322" spans="8:8">
      <c r="H494322" s="12"/>
    </row>
    <row r="494323" spans="8:8">
      <c r="H494323" s="12"/>
    </row>
    <row r="494324" spans="8:8">
      <c r="H494324" s="12"/>
    </row>
    <row r="494325" spans="8:8">
      <c r="H494325" s="12"/>
    </row>
    <row r="494326" spans="8:8">
      <c r="H494326" s="12"/>
    </row>
    <row r="494327" spans="8:8">
      <c r="H494327" s="12"/>
    </row>
    <row r="494328" spans="8:8">
      <c r="H494328" s="12"/>
    </row>
    <row r="494329" spans="8:8">
      <c r="H494329" s="12"/>
    </row>
    <row r="494330" spans="8:8">
      <c r="H494330" s="12"/>
    </row>
    <row r="494331" spans="8:8">
      <c r="H494331" s="12"/>
    </row>
    <row r="494332" spans="8:8">
      <c r="H494332" s="12"/>
    </row>
    <row r="494333" spans="8:8">
      <c r="H494333" s="12"/>
    </row>
    <row r="494334" spans="8:8">
      <c r="H494334" s="12"/>
    </row>
    <row r="494335" spans="8:8">
      <c r="H494335" s="12"/>
    </row>
    <row r="494336" spans="8:8">
      <c r="H494336" s="12"/>
    </row>
    <row r="494337" spans="8:8">
      <c r="H494337" s="12"/>
    </row>
    <row r="494338" spans="8:8">
      <c r="H494338" s="12"/>
    </row>
    <row r="494339" spans="8:8">
      <c r="H494339" s="12"/>
    </row>
    <row r="494340" spans="8:8">
      <c r="H494340" s="12"/>
    </row>
    <row r="494341" spans="8:8">
      <c r="H494341" s="12"/>
    </row>
    <row r="494342" spans="8:8">
      <c r="H494342" s="12"/>
    </row>
    <row r="494343" spans="8:8">
      <c r="H494343" s="12"/>
    </row>
    <row r="494344" spans="8:8">
      <c r="H494344" s="12"/>
    </row>
    <row r="494345" spans="8:8">
      <c r="H494345" s="12"/>
    </row>
    <row r="494346" spans="8:8">
      <c r="H494346" s="12"/>
    </row>
    <row r="494347" spans="8:8">
      <c r="H494347" s="12"/>
    </row>
    <row r="494348" spans="8:8">
      <c r="H494348" s="12"/>
    </row>
    <row r="494349" spans="8:8">
      <c r="H494349" s="12"/>
    </row>
    <row r="494350" spans="8:8">
      <c r="H494350" s="12"/>
    </row>
    <row r="494351" spans="8:8">
      <c r="H494351" s="12"/>
    </row>
    <row r="494352" spans="8:8">
      <c r="H494352" s="12"/>
    </row>
    <row r="494353" spans="8:8">
      <c r="H494353" s="12"/>
    </row>
    <row r="494354" spans="8:8">
      <c r="H494354" s="12"/>
    </row>
    <row r="494355" spans="8:8">
      <c r="H494355" s="12"/>
    </row>
    <row r="494356" spans="8:8">
      <c r="H494356" s="12"/>
    </row>
    <row r="494357" spans="8:8">
      <c r="H494357" s="12"/>
    </row>
    <row r="494358" spans="8:8">
      <c r="H494358" s="12"/>
    </row>
    <row r="494359" spans="8:8">
      <c r="H494359" s="12"/>
    </row>
    <row r="494360" spans="8:8">
      <c r="H494360" s="12"/>
    </row>
    <row r="494361" spans="8:8">
      <c r="H494361" s="12"/>
    </row>
    <row r="494362" spans="8:8">
      <c r="H494362" s="12"/>
    </row>
    <row r="494363" spans="8:8">
      <c r="H494363" s="12"/>
    </row>
    <row r="494364" spans="8:8">
      <c r="H494364" s="12"/>
    </row>
    <row r="494365" spans="8:8">
      <c r="H494365" s="12"/>
    </row>
    <row r="494366" spans="8:8">
      <c r="H494366" s="12"/>
    </row>
    <row r="494367" spans="8:8">
      <c r="H494367" s="12"/>
    </row>
    <row r="494368" spans="8:8">
      <c r="H494368" s="12"/>
    </row>
    <row r="494369" spans="8:8">
      <c r="H494369" s="12"/>
    </row>
    <row r="494370" spans="8:8">
      <c r="H494370" s="12"/>
    </row>
    <row r="494371" spans="8:8">
      <c r="H494371" s="12"/>
    </row>
    <row r="494372" spans="8:8">
      <c r="H494372" s="12"/>
    </row>
    <row r="494373" spans="8:8">
      <c r="H494373" s="12"/>
    </row>
    <row r="494374" spans="8:8">
      <c r="H494374" s="12"/>
    </row>
    <row r="494375" spans="8:8">
      <c r="H494375" s="12"/>
    </row>
    <row r="494376" spans="8:8">
      <c r="H494376" s="12"/>
    </row>
    <row r="494377" spans="8:8">
      <c r="H494377" s="12"/>
    </row>
    <row r="494378" spans="8:8">
      <c r="H494378" s="12"/>
    </row>
    <row r="494379" spans="8:8">
      <c r="H494379" s="12"/>
    </row>
    <row r="494380" spans="8:8">
      <c r="H494380" s="12"/>
    </row>
    <row r="494381" spans="8:8">
      <c r="H494381" s="12"/>
    </row>
    <row r="494382" spans="8:8">
      <c r="H494382" s="12"/>
    </row>
    <row r="494383" spans="8:8">
      <c r="H494383" s="12"/>
    </row>
    <row r="494384" spans="8:8">
      <c r="H494384" s="12"/>
    </row>
    <row r="494385" spans="8:8">
      <c r="H494385" s="12"/>
    </row>
    <row r="494386" spans="8:8">
      <c r="H494386" s="12"/>
    </row>
    <row r="494387" spans="8:8">
      <c r="H494387" s="12"/>
    </row>
    <row r="494388" spans="8:8">
      <c r="H494388" s="12"/>
    </row>
    <row r="494389" spans="8:8">
      <c r="H494389" s="12"/>
    </row>
    <row r="494390" spans="8:8">
      <c r="H494390" s="12"/>
    </row>
    <row r="494391" spans="8:8">
      <c r="H494391" s="12"/>
    </row>
    <row r="494392" spans="8:8">
      <c r="H494392" s="12"/>
    </row>
    <row r="494393" spans="8:8">
      <c r="H494393" s="12"/>
    </row>
    <row r="494394" spans="8:8">
      <c r="H494394" s="12"/>
    </row>
    <row r="494395" spans="8:8">
      <c r="H494395" s="12"/>
    </row>
    <row r="494396" spans="8:8">
      <c r="H494396" s="12"/>
    </row>
    <row r="494397" spans="8:8">
      <c r="H494397" s="12"/>
    </row>
    <row r="494398" spans="8:8">
      <c r="H494398" s="12"/>
    </row>
    <row r="494399" spans="8:8">
      <c r="H494399" s="12"/>
    </row>
    <row r="494400" spans="8:8">
      <c r="H494400" s="12"/>
    </row>
    <row r="494401" spans="8:8">
      <c r="H494401" s="12"/>
    </row>
    <row r="494402" spans="8:8">
      <c r="H494402" s="12"/>
    </row>
    <row r="494403" spans="8:8">
      <c r="H494403" s="12"/>
    </row>
    <row r="494404" spans="8:8">
      <c r="H494404" s="12"/>
    </row>
    <row r="494405" spans="8:8">
      <c r="H494405" s="12"/>
    </row>
    <row r="494406" spans="8:8">
      <c r="H494406" s="12"/>
    </row>
    <row r="494407" spans="8:8">
      <c r="H494407" s="12"/>
    </row>
    <row r="494408" spans="8:8">
      <c r="H494408" s="12"/>
    </row>
    <row r="494409" spans="8:8">
      <c r="H494409" s="12"/>
    </row>
    <row r="494410" spans="8:8">
      <c r="H494410" s="12"/>
    </row>
    <row r="494411" spans="8:8">
      <c r="H494411" s="12"/>
    </row>
    <row r="494412" spans="8:8">
      <c r="H494412" s="12"/>
    </row>
    <row r="494413" spans="8:8">
      <c r="H494413" s="12"/>
    </row>
    <row r="494414" spans="8:8">
      <c r="H494414" s="12"/>
    </row>
    <row r="494415" spans="8:8">
      <c r="H494415" s="12"/>
    </row>
    <row r="494416" spans="8:8">
      <c r="H494416" s="12"/>
    </row>
    <row r="494417" spans="8:8">
      <c r="H494417" s="12"/>
    </row>
    <row r="494418" spans="8:8">
      <c r="H494418" s="12"/>
    </row>
    <row r="494419" spans="8:8">
      <c r="H494419" s="12"/>
    </row>
    <row r="494420" spans="8:8">
      <c r="H494420" s="12"/>
    </row>
    <row r="494421" spans="8:8">
      <c r="H494421" s="12"/>
    </row>
    <row r="494422" spans="8:8">
      <c r="H494422" s="12"/>
    </row>
    <row r="494423" spans="8:8">
      <c r="H494423" s="12"/>
    </row>
    <row r="494424" spans="8:8">
      <c r="H494424" s="12"/>
    </row>
    <row r="494425" spans="8:8">
      <c r="H494425" s="12"/>
    </row>
    <row r="494426" spans="8:8">
      <c r="H494426" s="12"/>
    </row>
    <row r="494427" spans="8:8">
      <c r="H494427" s="12"/>
    </row>
    <row r="494428" spans="8:8">
      <c r="H494428" s="12"/>
    </row>
    <row r="494429" spans="8:8">
      <c r="H494429" s="12"/>
    </row>
    <row r="494430" spans="8:8">
      <c r="H494430" s="12"/>
    </row>
    <row r="494431" spans="8:8">
      <c r="H494431" s="12"/>
    </row>
    <row r="494432" spans="8:8">
      <c r="H494432" s="12"/>
    </row>
    <row r="494433" spans="8:8">
      <c r="H494433" s="12"/>
    </row>
    <row r="494434" spans="8:8">
      <c r="H494434" s="12"/>
    </row>
    <row r="494435" spans="8:8">
      <c r="H494435" s="12"/>
    </row>
    <row r="494436" spans="8:8">
      <c r="H494436" s="12"/>
    </row>
    <row r="494437" spans="8:8">
      <c r="H494437" s="12"/>
    </row>
    <row r="494438" spans="8:8">
      <c r="H494438" s="12"/>
    </row>
    <row r="494439" spans="8:8">
      <c r="H494439" s="12"/>
    </row>
    <row r="494440" spans="8:8">
      <c r="H494440" s="12"/>
    </row>
    <row r="494441" spans="8:8">
      <c r="H494441" s="12"/>
    </row>
    <row r="494442" spans="8:8">
      <c r="H494442" s="12"/>
    </row>
    <row r="494443" spans="8:8">
      <c r="H494443" s="12"/>
    </row>
    <row r="494444" spans="8:8">
      <c r="H494444" s="12"/>
    </row>
    <row r="494445" spans="8:8">
      <c r="H494445" s="12"/>
    </row>
    <row r="494446" spans="8:8">
      <c r="H494446" s="12"/>
    </row>
    <row r="494447" spans="8:8">
      <c r="H494447" s="12"/>
    </row>
    <row r="494448" spans="8:8">
      <c r="H494448" s="12"/>
    </row>
    <row r="494449" spans="8:8">
      <c r="H494449" s="12"/>
    </row>
    <row r="494450" spans="8:8">
      <c r="H494450" s="12"/>
    </row>
    <row r="494451" spans="8:8">
      <c r="H494451" s="12"/>
    </row>
    <row r="494452" spans="8:8">
      <c r="H494452" s="12"/>
    </row>
    <row r="494453" spans="8:8">
      <c r="H494453" s="12"/>
    </row>
    <row r="494454" spans="8:8">
      <c r="H494454" s="12"/>
    </row>
    <row r="494455" spans="8:8">
      <c r="H494455" s="12"/>
    </row>
    <row r="494456" spans="8:8">
      <c r="H494456" s="12"/>
    </row>
    <row r="494457" spans="8:8">
      <c r="H494457" s="12"/>
    </row>
    <row r="494458" spans="8:8">
      <c r="H494458" s="12"/>
    </row>
    <row r="494459" spans="8:8">
      <c r="H494459" s="12"/>
    </row>
    <row r="494460" spans="8:8">
      <c r="H494460" s="12"/>
    </row>
    <row r="494461" spans="8:8">
      <c r="H494461" s="12"/>
    </row>
    <row r="494462" spans="8:8">
      <c r="H494462" s="12"/>
    </row>
    <row r="494463" spans="8:8">
      <c r="H494463" s="12"/>
    </row>
    <row r="494464" spans="8:8">
      <c r="H494464" s="12"/>
    </row>
    <row r="494465" spans="8:8">
      <c r="H494465" s="12"/>
    </row>
    <row r="494466" spans="8:8">
      <c r="H494466" s="12"/>
    </row>
    <row r="494467" spans="8:8">
      <c r="H494467" s="12"/>
    </row>
    <row r="494468" spans="8:8">
      <c r="H494468" s="12"/>
    </row>
    <row r="494469" spans="8:8">
      <c r="H494469" s="12"/>
    </row>
    <row r="494470" spans="8:8">
      <c r="H494470" s="12"/>
    </row>
    <row r="494471" spans="8:8">
      <c r="H494471" s="12"/>
    </row>
    <row r="494472" spans="8:8">
      <c r="H494472" s="12"/>
    </row>
    <row r="494473" spans="8:8">
      <c r="H494473" s="12"/>
    </row>
    <row r="494474" spans="8:8">
      <c r="H494474" s="12"/>
    </row>
    <row r="494475" spans="8:8">
      <c r="H494475" s="12"/>
    </row>
    <row r="494476" spans="8:8">
      <c r="H494476" s="12"/>
    </row>
    <row r="494477" spans="8:8">
      <c r="H494477" s="12"/>
    </row>
    <row r="494478" spans="8:8">
      <c r="H494478" s="12"/>
    </row>
    <row r="494479" spans="8:8">
      <c r="H494479" s="12"/>
    </row>
    <row r="494480" spans="8:8">
      <c r="H494480" s="12"/>
    </row>
    <row r="494481" spans="8:8">
      <c r="H494481" s="12"/>
    </row>
    <row r="494482" spans="8:8">
      <c r="H494482" s="12"/>
    </row>
    <row r="494483" spans="8:8">
      <c r="H494483" s="12"/>
    </row>
    <row r="494484" spans="8:8">
      <c r="H494484" s="12"/>
    </row>
    <row r="494485" spans="8:8">
      <c r="H494485" s="12"/>
    </row>
    <row r="494486" spans="8:8">
      <c r="H494486" s="12"/>
    </row>
    <row r="494487" spans="8:8">
      <c r="H494487" s="12"/>
    </row>
    <row r="494488" spans="8:8">
      <c r="H494488" s="12"/>
    </row>
    <row r="494489" spans="8:8">
      <c r="H494489" s="12"/>
    </row>
    <row r="494490" spans="8:8">
      <c r="H494490" s="12"/>
    </row>
    <row r="494491" spans="8:8">
      <c r="H494491" s="12"/>
    </row>
    <row r="494492" spans="8:8">
      <c r="H494492" s="12"/>
    </row>
    <row r="494493" spans="8:8">
      <c r="H494493" s="12"/>
    </row>
    <row r="494494" spans="8:8">
      <c r="H494494" s="12"/>
    </row>
    <row r="494495" spans="8:8">
      <c r="H494495" s="12"/>
    </row>
    <row r="494496" spans="8:8">
      <c r="H494496" s="12"/>
    </row>
    <row r="494497" spans="8:8">
      <c r="H494497" s="12"/>
    </row>
    <row r="494498" spans="8:8">
      <c r="H494498" s="12"/>
    </row>
    <row r="494499" spans="8:8">
      <c r="H494499" s="12"/>
    </row>
    <row r="494500" spans="8:8">
      <c r="H494500" s="12"/>
    </row>
    <row r="494501" spans="8:8">
      <c r="H494501" s="12"/>
    </row>
    <row r="494502" spans="8:8">
      <c r="H494502" s="12"/>
    </row>
    <row r="494503" spans="8:8">
      <c r="H494503" s="12"/>
    </row>
    <row r="494504" spans="8:8">
      <c r="H494504" s="12"/>
    </row>
    <row r="494505" spans="8:8">
      <c r="H494505" s="12"/>
    </row>
    <row r="494506" spans="8:8">
      <c r="H494506" s="12"/>
    </row>
    <row r="494507" spans="8:8">
      <c r="H494507" s="12"/>
    </row>
    <row r="494508" spans="8:8">
      <c r="H494508" s="12"/>
    </row>
    <row r="494509" spans="8:8">
      <c r="H494509" s="12"/>
    </row>
    <row r="494510" spans="8:8">
      <c r="H494510" s="12"/>
    </row>
    <row r="494511" spans="8:8">
      <c r="H494511" s="12"/>
    </row>
    <row r="494512" spans="8:8">
      <c r="H494512" s="12"/>
    </row>
    <row r="494513" spans="8:8">
      <c r="H494513" s="12"/>
    </row>
    <row r="494514" spans="8:8">
      <c r="H494514" s="12"/>
    </row>
    <row r="494515" spans="8:8">
      <c r="H494515" s="12"/>
    </row>
    <row r="494516" spans="8:8">
      <c r="H494516" s="12"/>
    </row>
    <row r="494517" spans="8:8">
      <c r="H494517" s="12"/>
    </row>
    <row r="494518" spans="8:8">
      <c r="H494518" s="12"/>
    </row>
    <row r="494519" spans="8:8">
      <c r="H494519" s="12"/>
    </row>
    <row r="494520" spans="8:8">
      <c r="H494520" s="12"/>
    </row>
    <row r="494521" spans="8:8">
      <c r="H494521" s="12"/>
    </row>
    <row r="494522" spans="8:8">
      <c r="H494522" s="12"/>
    </row>
    <row r="494523" spans="8:8">
      <c r="H494523" s="12"/>
    </row>
    <row r="494524" spans="8:8">
      <c r="H494524" s="12"/>
    </row>
    <row r="494525" spans="8:8">
      <c r="H494525" s="12"/>
    </row>
    <row r="494526" spans="8:8">
      <c r="H494526" s="12"/>
    </row>
    <row r="494527" spans="8:8">
      <c r="H494527" s="12"/>
    </row>
    <row r="494528" spans="8:8">
      <c r="H494528" s="12"/>
    </row>
    <row r="494529" spans="8:8">
      <c r="H494529" s="12"/>
    </row>
    <row r="494530" spans="8:8">
      <c r="H494530" s="12"/>
    </row>
    <row r="494531" spans="8:8">
      <c r="H494531" s="12"/>
    </row>
    <row r="494532" spans="8:8">
      <c r="H494532" s="12"/>
    </row>
    <row r="494533" spans="8:8">
      <c r="H494533" s="12"/>
    </row>
    <row r="494534" spans="8:8">
      <c r="H494534" s="12"/>
    </row>
    <row r="494535" spans="8:8">
      <c r="H494535" s="12"/>
    </row>
    <row r="494536" spans="8:8">
      <c r="H494536" s="12"/>
    </row>
    <row r="494537" spans="8:8">
      <c r="H494537" s="12"/>
    </row>
    <row r="494538" spans="8:8">
      <c r="H494538" s="12"/>
    </row>
    <row r="494539" spans="8:8">
      <c r="H494539" s="12"/>
    </row>
    <row r="494540" spans="8:8">
      <c r="H494540" s="12"/>
    </row>
    <row r="494541" spans="8:8">
      <c r="H494541" s="12"/>
    </row>
    <row r="494542" spans="8:8">
      <c r="H494542" s="12"/>
    </row>
    <row r="494543" spans="8:8">
      <c r="H494543" s="12"/>
    </row>
    <row r="494544" spans="8:8">
      <c r="H494544" s="12"/>
    </row>
    <row r="494545" spans="8:8">
      <c r="H494545" s="12"/>
    </row>
    <row r="494546" spans="8:8">
      <c r="H494546" s="12"/>
    </row>
    <row r="494547" spans="8:8">
      <c r="H494547" s="12"/>
    </row>
    <row r="494548" spans="8:8">
      <c r="H494548" s="12"/>
    </row>
    <row r="494549" spans="8:8">
      <c r="H494549" s="12"/>
    </row>
    <row r="494550" spans="8:8">
      <c r="H494550" s="12"/>
    </row>
    <row r="494551" spans="8:8">
      <c r="H494551" s="12"/>
    </row>
    <row r="494552" spans="8:8">
      <c r="H494552" s="12"/>
    </row>
    <row r="494553" spans="8:8">
      <c r="H494553" s="12"/>
    </row>
    <row r="494554" spans="8:8">
      <c r="H494554" s="12"/>
    </row>
    <row r="494555" spans="8:8">
      <c r="H494555" s="12"/>
    </row>
    <row r="494556" spans="8:8">
      <c r="H494556" s="12"/>
    </row>
    <row r="494557" spans="8:8">
      <c r="H494557" s="12"/>
    </row>
    <row r="494558" spans="8:8">
      <c r="H494558" s="12"/>
    </row>
    <row r="494559" spans="8:8">
      <c r="H494559" s="12"/>
    </row>
    <row r="494560" spans="8:8">
      <c r="H494560" s="12"/>
    </row>
    <row r="494561" spans="8:8">
      <c r="H494561" s="12"/>
    </row>
    <row r="494562" spans="8:8">
      <c r="H494562" s="12"/>
    </row>
    <row r="494563" spans="8:8">
      <c r="H494563" s="12"/>
    </row>
    <row r="494564" spans="8:8">
      <c r="H494564" s="12"/>
    </row>
    <row r="494565" spans="8:8">
      <c r="H494565" s="12"/>
    </row>
    <row r="494566" spans="8:8">
      <c r="H494566" s="12"/>
    </row>
    <row r="494567" spans="8:8">
      <c r="H494567" s="12"/>
    </row>
    <row r="494568" spans="8:8">
      <c r="H494568" s="12"/>
    </row>
    <row r="494569" spans="8:8">
      <c r="H494569" s="12"/>
    </row>
    <row r="494570" spans="8:8">
      <c r="H494570" s="12"/>
    </row>
    <row r="494571" spans="8:8">
      <c r="H494571" s="12"/>
    </row>
    <row r="494572" spans="8:8">
      <c r="H494572" s="12"/>
    </row>
    <row r="494573" spans="8:8">
      <c r="H494573" s="12"/>
    </row>
    <row r="494574" spans="8:8">
      <c r="H494574" s="12"/>
    </row>
    <row r="494575" spans="8:8">
      <c r="H494575" s="12"/>
    </row>
    <row r="494576" spans="8:8">
      <c r="H494576" s="12"/>
    </row>
    <row r="494577" spans="8:8">
      <c r="H494577" s="12"/>
    </row>
    <row r="494578" spans="8:8">
      <c r="H494578" s="12"/>
    </row>
    <row r="494579" spans="8:8">
      <c r="H494579" s="12"/>
    </row>
    <row r="494580" spans="8:8">
      <c r="H494580" s="12"/>
    </row>
    <row r="494581" spans="8:8">
      <c r="H494581" s="12"/>
    </row>
    <row r="494582" spans="8:8">
      <c r="H494582" s="12"/>
    </row>
    <row r="494583" spans="8:8">
      <c r="H494583" s="12"/>
    </row>
    <row r="494584" spans="8:8">
      <c r="H494584" s="12"/>
    </row>
    <row r="494585" spans="8:8">
      <c r="H494585" s="12"/>
    </row>
    <row r="494586" spans="8:8">
      <c r="H494586" s="12"/>
    </row>
    <row r="494587" spans="8:8">
      <c r="H494587" s="12"/>
    </row>
    <row r="494588" spans="8:8">
      <c r="H494588" s="12"/>
    </row>
    <row r="494589" spans="8:8">
      <c r="H494589" s="12"/>
    </row>
    <row r="494590" spans="8:8">
      <c r="H494590" s="12"/>
    </row>
    <row r="494591" spans="8:8">
      <c r="H494591" s="12"/>
    </row>
    <row r="494592" spans="8:8">
      <c r="H494592" s="12"/>
    </row>
    <row r="494593" spans="8:8">
      <c r="H494593" s="12"/>
    </row>
    <row r="494594" spans="8:8">
      <c r="H494594" s="12"/>
    </row>
    <row r="494595" spans="8:8">
      <c r="H494595" s="12"/>
    </row>
    <row r="494596" spans="8:8">
      <c r="H494596" s="12"/>
    </row>
    <row r="494597" spans="8:8">
      <c r="H494597" s="12"/>
    </row>
    <row r="494598" spans="8:8">
      <c r="H494598" s="12"/>
    </row>
    <row r="494599" spans="8:8">
      <c r="H494599" s="12"/>
    </row>
    <row r="494600" spans="8:8">
      <c r="H494600" s="12"/>
    </row>
    <row r="494601" spans="8:8">
      <c r="H494601" s="12"/>
    </row>
    <row r="494602" spans="8:8">
      <c r="H494602" s="12"/>
    </row>
    <row r="494603" spans="8:8">
      <c r="H494603" s="12"/>
    </row>
    <row r="494604" spans="8:8">
      <c r="H494604" s="12"/>
    </row>
    <row r="494605" spans="8:8">
      <c r="H494605" s="12"/>
    </row>
    <row r="494606" spans="8:8">
      <c r="H494606" s="12"/>
    </row>
    <row r="494607" spans="8:8">
      <c r="H494607" s="12"/>
    </row>
    <row r="494608" spans="8:8">
      <c r="H494608" s="12"/>
    </row>
    <row r="494609" spans="8:8">
      <c r="H494609" s="12"/>
    </row>
    <row r="494610" spans="8:8">
      <c r="H494610" s="12"/>
    </row>
    <row r="494611" spans="8:8">
      <c r="H494611" s="12"/>
    </row>
    <row r="494612" spans="8:8">
      <c r="H494612" s="12"/>
    </row>
    <row r="494613" spans="8:8">
      <c r="H494613" s="12"/>
    </row>
    <row r="494614" spans="8:8">
      <c r="H494614" s="12"/>
    </row>
    <row r="494615" spans="8:8">
      <c r="H494615" s="12"/>
    </row>
    <row r="494616" spans="8:8">
      <c r="H494616" s="12"/>
    </row>
    <row r="494617" spans="8:8">
      <c r="H494617" s="12"/>
    </row>
    <row r="494618" spans="8:8">
      <c r="H494618" s="12"/>
    </row>
    <row r="494619" spans="8:8">
      <c r="H494619" s="12"/>
    </row>
    <row r="494620" spans="8:8">
      <c r="H494620" s="12"/>
    </row>
    <row r="494621" spans="8:8">
      <c r="H494621" s="12"/>
    </row>
    <row r="494622" spans="8:8">
      <c r="H494622" s="12"/>
    </row>
    <row r="494623" spans="8:8">
      <c r="H494623" s="12"/>
    </row>
    <row r="494624" spans="8:8">
      <c r="H494624" s="12"/>
    </row>
    <row r="494625" spans="8:8">
      <c r="H494625" s="12"/>
    </row>
    <row r="494626" spans="8:8">
      <c r="H494626" s="12"/>
    </row>
    <row r="494627" spans="8:8">
      <c r="H494627" s="12"/>
    </row>
    <row r="494628" spans="8:8">
      <c r="H494628" s="12"/>
    </row>
    <row r="494629" spans="8:8">
      <c r="H494629" s="12"/>
    </row>
    <row r="494630" spans="8:8">
      <c r="H494630" s="12"/>
    </row>
    <row r="494631" spans="8:8">
      <c r="H494631" s="12"/>
    </row>
    <row r="494632" spans="8:8">
      <c r="H494632" s="12"/>
    </row>
    <row r="494633" spans="8:8">
      <c r="H494633" s="12"/>
    </row>
    <row r="494634" spans="8:8">
      <c r="H494634" s="12"/>
    </row>
    <row r="494635" spans="8:8">
      <c r="H494635" s="12"/>
    </row>
    <row r="494636" spans="8:8">
      <c r="H494636" s="12"/>
    </row>
    <row r="494637" spans="8:8">
      <c r="H494637" s="12"/>
    </row>
    <row r="494638" spans="8:8">
      <c r="H494638" s="12"/>
    </row>
    <row r="494639" spans="8:8">
      <c r="H494639" s="12"/>
    </row>
    <row r="494640" spans="8:8">
      <c r="H494640" s="12"/>
    </row>
    <row r="494641" spans="8:8">
      <c r="H494641" s="12"/>
    </row>
    <row r="494642" spans="8:8">
      <c r="H494642" s="12"/>
    </row>
    <row r="494643" spans="8:8">
      <c r="H494643" s="12"/>
    </row>
    <row r="494644" spans="8:8">
      <c r="H494644" s="12"/>
    </row>
    <row r="494645" spans="8:8">
      <c r="H494645" s="12"/>
    </row>
    <row r="494646" spans="8:8">
      <c r="H494646" s="12"/>
    </row>
    <row r="494647" spans="8:8">
      <c r="H494647" s="12"/>
    </row>
    <row r="494648" spans="8:8">
      <c r="H494648" s="12"/>
    </row>
    <row r="494649" spans="8:8">
      <c r="H494649" s="12"/>
    </row>
    <row r="494650" spans="8:8">
      <c r="H494650" s="12"/>
    </row>
    <row r="494651" spans="8:8">
      <c r="H494651" s="12"/>
    </row>
    <row r="494652" spans="8:8">
      <c r="H494652" s="12"/>
    </row>
    <row r="494653" spans="8:8">
      <c r="H494653" s="12"/>
    </row>
    <row r="494654" spans="8:8">
      <c r="H494654" s="12"/>
    </row>
    <row r="494655" spans="8:8">
      <c r="H494655" s="12"/>
    </row>
    <row r="494656" spans="8:8">
      <c r="H494656" s="12"/>
    </row>
    <row r="494657" spans="8:8">
      <c r="H494657" s="12"/>
    </row>
    <row r="494658" spans="8:8">
      <c r="H494658" s="12"/>
    </row>
    <row r="494659" spans="8:8">
      <c r="H494659" s="12"/>
    </row>
    <row r="494660" spans="8:8">
      <c r="H494660" s="12"/>
    </row>
    <row r="494661" spans="8:8">
      <c r="H494661" s="12"/>
    </row>
    <row r="494662" spans="8:8">
      <c r="H494662" s="12"/>
    </row>
    <row r="494663" spans="8:8">
      <c r="H494663" s="12"/>
    </row>
    <row r="494664" spans="8:8">
      <c r="H494664" s="12"/>
    </row>
    <row r="494665" spans="8:8">
      <c r="H494665" s="12"/>
    </row>
    <row r="494666" spans="8:8">
      <c r="H494666" s="12"/>
    </row>
    <row r="494667" spans="8:8">
      <c r="H494667" s="12"/>
    </row>
    <row r="494668" spans="8:8">
      <c r="H494668" s="12"/>
    </row>
    <row r="494669" spans="8:8">
      <c r="H494669" s="12"/>
    </row>
    <row r="494670" spans="8:8">
      <c r="H494670" s="12"/>
    </row>
    <row r="494671" spans="8:8">
      <c r="H494671" s="12"/>
    </row>
    <row r="494672" spans="8:8">
      <c r="H494672" s="12"/>
    </row>
    <row r="494673" spans="8:8">
      <c r="H494673" s="12"/>
    </row>
    <row r="494674" spans="8:8">
      <c r="H494674" s="12"/>
    </row>
    <row r="494675" spans="8:8">
      <c r="H494675" s="12"/>
    </row>
    <row r="494676" spans="8:8">
      <c r="H494676" s="12"/>
    </row>
    <row r="494677" spans="8:8">
      <c r="H494677" s="12"/>
    </row>
    <row r="494678" spans="8:8">
      <c r="H494678" s="12"/>
    </row>
    <row r="494679" spans="8:8">
      <c r="H494679" s="12"/>
    </row>
    <row r="494680" spans="8:8">
      <c r="H494680" s="12"/>
    </row>
    <row r="494681" spans="8:8">
      <c r="H494681" s="12"/>
    </row>
    <row r="494682" spans="8:8">
      <c r="H494682" s="12"/>
    </row>
    <row r="494683" spans="8:8">
      <c r="H494683" s="12"/>
    </row>
    <row r="494684" spans="8:8">
      <c r="H494684" s="12"/>
    </row>
    <row r="494685" spans="8:8">
      <c r="H494685" s="12"/>
    </row>
    <row r="494686" spans="8:8">
      <c r="H494686" s="12"/>
    </row>
    <row r="494687" spans="8:8">
      <c r="H494687" s="12"/>
    </row>
    <row r="494688" spans="8:8">
      <c r="H494688" s="12"/>
    </row>
    <row r="494689" spans="8:8">
      <c r="H494689" s="12"/>
    </row>
    <row r="494690" spans="8:8">
      <c r="H494690" s="12"/>
    </row>
    <row r="494691" spans="8:8">
      <c r="H494691" s="12"/>
    </row>
    <row r="494692" spans="8:8">
      <c r="H494692" s="12"/>
    </row>
    <row r="494693" spans="8:8">
      <c r="H494693" s="12"/>
    </row>
    <row r="494694" spans="8:8">
      <c r="H494694" s="12"/>
    </row>
    <row r="494695" spans="8:8">
      <c r="H494695" s="12"/>
    </row>
    <row r="494696" spans="8:8">
      <c r="H494696" s="12"/>
    </row>
    <row r="494697" spans="8:8">
      <c r="H494697" s="12"/>
    </row>
    <row r="494698" spans="8:8">
      <c r="H494698" s="12"/>
    </row>
    <row r="494699" spans="8:8">
      <c r="H494699" s="12"/>
    </row>
    <row r="494700" spans="8:8">
      <c r="H494700" s="12"/>
    </row>
    <row r="494701" spans="8:8">
      <c r="H494701" s="12"/>
    </row>
    <row r="494702" spans="8:8">
      <c r="H494702" s="12"/>
    </row>
    <row r="494703" spans="8:8">
      <c r="H494703" s="12"/>
    </row>
    <row r="494704" spans="8:8">
      <c r="H494704" s="12"/>
    </row>
    <row r="494705" spans="8:8">
      <c r="H494705" s="12"/>
    </row>
    <row r="494706" spans="8:8">
      <c r="H494706" s="12"/>
    </row>
    <row r="494707" spans="8:8">
      <c r="H494707" s="12"/>
    </row>
    <row r="494708" spans="8:8">
      <c r="H494708" s="12"/>
    </row>
    <row r="494709" spans="8:8">
      <c r="H494709" s="12"/>
    </row>
    <row r="494710" spans="8:8">
      <c r="H494710" s="12"/>
    </row>
    <row r="494711" spans="8:8">
      <c r="H494711" s="12"/>
    </row>
    <row r="494712" spans="8:8">
      <c r="H494712" s="12"/>
    </row>
    <row r="494713" spans="8:8">
      <c r="H494713" s="12"/>
    </row>
    <row r="494714" spans="8:8">
      <c r="H494714" s="12"/>
    </row>
    <row r="494715" spans="8:8">
      <c r="H494715" s="12"/>
    </row>
    <row r="494716" spans="8:8">
      <c r="H494716" s="12"/>
    </row>
    <row r="494717" spans="8:8">
      <c r="H494717" s="12"/>
    </row>
    <row r="494718" spans="8:8">
      <c r="H494718" s="12"/>
    </row>
    <row r="494719" spans="8:8">
      <c r="H494719" s="12"/>
    </row>
    <row r="494720" spans="8:8">
      <c r="H494720" s="12"/>
    </row>
    <row r="494721" spans="8:8">
      <c r="H494721" s="12"/>
    </row>
    <row r="494722" spans="8:8">
      <c r="H494722" s="12"/>
    </row>
    <row r="494723" spans="8:8">
      <c r="H494723" s="12"/>
    </row>
    <row r="494724" spans="8:8">
      <c r="H494724" s="12"/>
    </row>
    <row r="494725" spans="8:8">
      <c r="H494725" s="12"/>
    </row>
    <row r="494726" spans="8:8">
      <c r="H494726" s="12"/>
    </row>
    <row r="494727" spans="8:8">
      <c r="H494727" s="12"/>
    </row>
    <row r="494728" spans="8:8">
      <c r="H494728" s="12"/>
    </row>
    <row r="494729" spans="8:8">
      <c r="H494729" s="12"/>
    </row>
    <row r="494730" spans="8:8">
      <c r="H494730" s="12"/>
    </row>
    <row r="494731" spans="8:8">
      <c r="H494731" s="12"/>
    </row>
    <row r="494732" spans="8:8">
      <c r="H494732" s="12"/>
    </row>
    <row r="494733" spans="8:8">
      <c r="H494733" s="12"/>
    </row>
    <row r="494734" spans="8:8">
      <c r="H494734" s="12"/>
    </row>
    <row r="494735" spans="8:8">
      <c r="H494735" s="12"/>
    </row>
    <row r="494736" spans="8:8">
      <c r="H494736" s="12"/>
    </row>
    <row r="494737" spans="8:8">
      <c r="H494737" s="12"/>
    </row>
    <row r="494738" spans="8:8">
      <c r="H494738" s="12"/>
    </row>
    <row r="494739" spans="8:8">
      <c r="H494739" s="12"/>
    </row>
    <row r="494740" spans="8:8">
      <c r="H494740" s="12"/>
    </row>
    <row r="494741" spans="8:8">
      <c r="H494741" s="12"/>
    </row>
    <row r="494742" spans="8:8">
      <c r="H494742" s="12"/>
    </row>
    <row r="494743" spans="8:8">
      <c r="H494743" s="12"/>
    </row>
    <row r="494744" spans="8:8">
      <c r="H494744" s="12"/>
    </row>
    <row r="494745" spans="8:8">
      <c r="H494745" s="12"/>
    </row>
    <row r="494746" spans="8:8">
      <c r="H494746" s="12"/>
    </row>
    <row r="494747" spans="8:8">
      <c r="H494747" s="12"/>
    </row>
    <row r="494748" spans="8:8">
      <c r="H494748" s="12"/>
    </row>
    <row r="494749" spans="8:8">
      <c r="H494749" s="12"/>
    </row>
    <row r="494750" spans="8:8">
      <c r="H494750" s="12"/>
    </row>
    <row r="494751" spans="8:8">
      <c r="H494751" s="12"/>
    </row>
    <row r="494752" spans="8:8">
      <c r="H494752" s="12"/>
    </row>
    <row r="494753" spans="8:8">
      <c r="H494753" s="12"/>
    </row>
    <row r="494754" spans="8:8">
      <c r="H494754" s="12"/>
    </row>
    <row r="494755" spans="8:8">
      <c r="H494755" s="12"/>
    </row>
    <row r="494756" spans="8:8">
      <c r="H494756" s="12"/>
    </row>
    <row r="494757" spans="8:8">
      <c r="H494757" s="12"/>
    </row>
    <row r="494758" spans="8:8">
      <c r="H494758" s="12"/>
    </row>
    <row r="494759" spans="8:8">
      <c r="H494759" s="12"/>
    </row>
    <row r="494760" spans="8:8">
      <c r="H494760" s="12"/>
    </row>
    <row r="494761" spans="8:8">
      <c r="H494761" s="12"/>
    </row>
    <row r="494762" spans="8:8">
      <c r="H494762" s="12"/>
    </row>
    <row r="494763" spans="8:8">
      <c r="H494763" s="12"/>
    </row>
    <row r="494764" spans="8:8">
      <c r="H494764" s="12"/>
    </row>
    <row r="494765" spans="8:8">
      <c r="H494765" s="12"/>
    </row>
    <row r="494766" spans="8:8">
      <c r="H494766" s="12"/>
    </row>
    <row r="494767" spans="8:8">
      <c r="H494767" s="12"/>
    </row>
    <row r="494768" spans="8:8">
      <c r="H494768" s="12"/>
    </row>
    <row r="494769" spans="8:8">
      <c r="H494769" s="12"/>
    </row>
    <row r="494770" spans="8:8">
      <c r="H494770" s="12"/>
    </row>
    <row r="494771" spans="8:8">
      <c r="H494771" s="12"/>
    </row>
    <row r="494772" spans="8:8">
      <c r="H494772" s="12"/>
    </row>
    <row r="494773" spans="8:8">
      <c r="H494773" s="12"/>
    </row>
    <row r="494774" spans="8:8">
      <c r="H494774" s="12"/>
    </row>
    <row r="494775" spans="8:8">
      <c r="H494775" s="12"/>
    </row>
    <row r="494776" spans="8:8">
      <c r="H494776" s="12"/>
    </row>
    <row r="494777" spans="8:8">
      <c r="H494777" s="12"/>
    </row>
    <row r="494778" spans="8:8">
      <c r="H494778" s="12"/>
    </row>
    <row r="494779" spans="8:8">
      <c r="H494779" s="12"/>
    </row>
    <row r="494780" spans="8:8">
      <c r="H494780" s="12"/>
    </row>
    <row r="494781" spans="8:8">
      <c r="H494781" s="12"/>
    </row>
    <row r="494782" spans="8:8">
      <c r="H494782" s="12"/>
    </row>
    <row r="494783" spans="8:8">
      <c r="H494783" s="12"/>
    </row>
    <row r="494784" spans="8:8">
      <c r="H494784" s="12"/>
    </row>
    <row r="494785" spans="8:8">
      <c r="H494785" s="12"/>
    </row>
    <row r="494786" spans="8:8">
      <c r="H494786" s="12"/>
    </row>
    <row r="494787" spans="8:8">
      <c r="H494787" s="12"/>
    </row>
    <row r="494788" spans="8:8">
      <c r="H494788" s="12"/>
    </row>
    <row r="494789" spans="8:8">
      <c r="H494789" s="12"/>
    </row>
    <row r="494790" spans="8:8">
      <c r="H494790" s="12"/>
    </row>
    <row r="494791" spans="8:8">
      <c r="H494791" s="12"/>
    </row>
    <row r="494792" spans="8:8">
      <c r="H494792" s="12"/>
    </row>
    <row r="494793" spans="8:8">
      <c r="H494793" s="12"/>
    </row>
    <row r="494794" spans="8:8">
      <c r="H494794" s="12"/>
    </row>
    <row r="494795" spans="8:8">
      <c r="H494795" s="12"/>
    </row>
    <row r="494796" spans="8:8">
      <c r="H494796" s="12"/>
    </row>
    <row r="494797" spans="8:8">
      <c r="H494797" s="12"/>
    </row>
    <row r="494798" spans="8:8">
      <c r="H494798" s="12"/>
    </row>
    <row r="494799" spans="8:8">
      <c r="H494799" s="12"/>
    </row>
    <row r="494800" spans="8:8">
      <c r="H494800" s="12"/>
    </row>
    <row r="494801" spans="8:8">
      <c r="H494801" s="12"/>
    </row>
    <row r="494802" spans="8:8">
      <c r="H494802" s="12"/>
    </row>
    <row r="494803" spans="8:8">
      <c r="H494803" s="12"/>
    </row>
    <row r="494804" spans="8:8">
      <c r="H494804" s="12"/>
    </row>
    <row r="494805" spans="8:8">
      <c r="H494805" s="12"/>
    </row>
    <row r="494806" spans="8:8">
      <c r="H494806" s="12"/>
    </row>
    <row r="494807" spans="8:8">
      <c r="H494807" s="12"/>
    </row>
    <row r="494808" spans="8:8">
      <c r="H494808" s="12"/>
    </row>
    <row r="494809" spans="8:8">
      <c r="H494809" s="12"/>
    </row>
    <row r="494810" spans="8:8">
      <c r="H494810" s="12"/>
    </row>
    <row r="494811" spans="8:8">
      <c r="H494811" s="12"/>
    </row>
    <row r="494812" spans="8:8">
      <c r="H494812" s="12"/>
    </row>
    <row r="494813" spans="8:8">
      <c r="H494813" s="12"/>
    </row>
    <row r="494814" spans="8:8">
      <c r="H494814" s="12"/>
    </row>
    <row r="494815" spans="8:8">
      <c r="H494815" s="12"/>
    </row>
    <row r="494816" spans="8:8">
      <c r="H494816" s="12"/>
    </row>
    <row r="494817" spans="8:8">
      <c r="H494817" s="12"/>
    </row>
    <row r="494818" spans="8:8">
      <c r="H494818" s="12"/>
    </row>
    <row r="494819" spans="8:8">
      <c r="H494819" s="12"/>
    </row>
    <row r="494820" spans="8:8">
      <c r="H494820" s="12"/>
    </row>
    <row r="494821" spans="8:8">
      <c r="H494821" s="12"/>
    </row>
    <row r="494822" spans="8:8">
      <c r="H494822" s="12"/>
    </row>
    <row r="494823" spans="8:8">
      <c r="H494823" s="12"/>
    </row>
    <row r="494824" spans="8:8">
      <c r="H494824" s="12"/>
    </row>
    <row r="494825" spans="8:8">
      <c r="H494825" s="12"/>
    </row>
    <row r="494826" spans="8:8">
      <c r="H494826" s="12"/>
    </row>
    <row r="494827" spans="8:8">
      <c r="H494827" s="12"/>
    </row>
    <row r="494828" spans="8:8">
      <c r="H494828" s="12"/>
    </row>
    <row r="494829" spans="8:8">
      <c r="H494829" s="12"/>
    </row>
    <row r="494830" spans="8:8">
      <c r="H494830" s="12"/>
    </row>
    <row r="494831" spans="8:8">
      <c r="H494831" s="12"/>
    </row>
    <row r="494832" spans="8:8">
      <c r="H494832" s="12"/>
    </row>
    <row r="494833" spans="8:8">
      <c r="H494833" s="12"/>
    </row>
    <row r="494834" spans="8:8">
      <c r="H494834" s="12"/>
    </row>
    <row r="494835" spans="8:8">
      <c r="H494835" s="12"/>
    </row>
    <row r="494836" spans="8:8">
      <c r="H494836" s="12"/>
    </row>
    <row r="494837" spans="8:8">
      <c r="H494837" s="12"/>
    </row>
    <row r="494838" spans="8:8">
      <c r="H494838" s="12"/>
    </row>
    <row r="494839" spans="8:8">
      <c r="H494839" s="12"/>
    </row>
    <row r="494840" spans="8:8">
      <c r="H494840" s="12"/>
    </row>
    <row r="494841" spans="8:8">
      <c r="H494841" s="12"/>
    </row>
    <row r="494842" spans="8:8">
      <c r="H494842" s="12"/>
    </row>
    <row r="494843" spans="8:8">
      <c r="H494843" s="12"/>
    </row>
    <row r="494844" spans="8:8">
      <c r="H494844" s="12"/>
    </row>
    <row r="494845" spans="8:8">
      <c r="H494845" s="12"/>
    </row>
    <row r="494846" spans="8:8">
      <c r="H494846" s="12"/>
    </row>
    <row r="494847" spans="8:8">
      <c r="H494847" s="12"/>
    </row>
    <row r="494848" spans="8:8">
      <c r="H494848" s="12"/>
    </row>
    <row r="494849" spans="8:8">
      <c r="H494849" s="12"/>
    </row>
    <row r="494850" spans="8:8">
      <c r="H494850" s="12"/>
    </row>
    <row r="494851" spans="8:8">
      <c r="H494851" s="12"/>
    </row>
    <row r="494852" spans="8:8">
      <c r="H494852" s="12"/>
    </row>
    <row r="494853" spans="8:8">
      <c r="H494853" s="12"/>
    </row>
    <row r="494854" spans="8:8">
      <c r="H494854" s="12"/>
    </row>
    <row r="494855" spans="8:8">
      <c r="H494855" s="12"/>
    </row>
    <row r="494856" spans="8:8">
      <c r="H494856" s="12"/>
    </row>
    <row r="494857" spans="8:8">
      <c r="H494857" s="12"/>
    </row>
    <row r="494858" spans="8:8">
      <c r="H494858" s="12"/>
    </row>
    <row r="494859" spans="8:8">
      <c r="H494859" s="12"/>
    </row>
    <row r="494860" spans="8:8">
      <c r="H494860" s="12"/>
    </row>
    <row r="494861" spans="8:8">
      <c r="H494861" s="12"/>
    </row>
    <row r="494862" spans="8:8">
      <c r="H494862" s="12"/>
    </row>
    <row r="494863" spans="8:8">
      <c r="H494863" s="12"/>
    </row>
    <row r="494864" spans="8:8">
      <c r="H494864" s="12"/>
    </row>
    <row r="494865" spans="8:8">
      <c r="H494865" s="12"/>
    </row>
    <row r="494866" spans="8:8">
      <c r="H494866" s="12"/>
    </row>
    <row r="494867" spans="8:8">
      <c r="H494867" s="12"/>
    </row>
    <row r="494868" spans="8:8">
      <c r="H494868" s="12"/>
    </row>
    <row r="494869" spans="8:8">
      <c r="H494869" s="12"/>
    </row>
    <row r="494870" spans="8:8">
      <c r="H494870" s="12"/>
    </row>
    <row r="494871" spans="8:8">
      <c r="H494871" s="12"/>
    </row>
    <row r="494872" spans="8:8">
      <c r="H494872" s="12"/>
    </row>
    <row r="494873" spans="8:8">
      <c r="H494873" s="12"/>
    </row>
    <row r="494874" spans="8:8">
      <c r="H494874" s="12"/>
    </row>
    <row r="494875" spans="8:8">
      <c r="H494875" s="12"/>
    </row>
    <row r="494876" spans="8:8">
      <c r="H494876" s="12"/>
    </row>
    <row r="494877" spans="8:8">
      <c r="H494877" s="12"/>
    </row>
    <row r="494878" spans="8:8">
      <c r="H494878" s="12"/>
    </row>
    <row r="494879" spans="8:8">
      <c r="H494879" s="12"/>
    </row>
    <row r="494880" spans="8:8">
      <c r="H494880" s="12"/>
    </row>
    <row r="494881" spans="8:8">
      <c r="H494881" s="12"/>
    </row>
    <row r="494882" spans="8:8">
      <c r="H494882" s="12"/>
    </row>
    <row r="494883" spans="8:8">
      <c r="H494883" s="12"/>
    </row>
    <row r="494884" spans="8:8">
      <c r="H494884" s="12"/>
    </row>
    <row r="494885" spans="8:8">
      <c r="H494885" s="12"/>
    </row>
    <row r="494886" spans="8:8">
      <c r="H494886" s="12"/>
    </row>
    <row r="494887" spans="8:8">
      <c r="H494887" s="12"/>
    </row>
    <row r="494888" spans="8:8">
      <c r="H494888" s="12"/>
    </row>
    <row r="494889" spans="8:8">
      <c r="H494889" s="12"/>
    </row>
    <row r="494890" spans="8:8">
      <c r="H494890" s="12"/>
    </row>
    <row r="494891" spans="8:8">
      <c r="H494891" s="12"/>
    </row>
    <row r="494892" spans="8:8">
      <c r="H494892" s="12"/>
    </row>
    <row r="494893" spans="8:8">
      <c r="H494893" s="12"/>
    </row>
    <row r="494894" spans="8:8">
      <c r="H494894" s="12"/>
    </row>
    <row r="494895" spans="8:8">
      <c r="H494895" s="12"/>
    </row>
    <row r="494896" spans="8:8">
      <c r="H494896" s="12"/>
    </row>
    <row r="494897" spans="8:8">
      <c r="H494897" s="12"/>
    </row>
    <row r="494898" spans="8:8">
      <c r="H494898" s="12"/>
    </row>
    <row r="494899" spans="8:8">
      <c r="H494899" s="12"/>
    </row>
    <row r="494900" spans="8:8">
      <c r="H494900" s="12"/>
    </row>
    <row r="494901" spans="8:8">
      <c r="H494901" s="12"/>
    </row>
    <row r="494902" spans="8:8">
      <c r="H494902" s="12"/>
    </row>
    <row r="494903" spans="8:8">
      <c r="H494903" s="12"/>
    </row>
    <row r="494904" spans="8:8">
      <c r="H494904" s="12"/>
    </row>
    <row r="494905" spans="8:8">
      <c r="H494905" s="12"/>
    </row>
    <row r="494906" spans="8:8">
      <c r="H494906" s="12"/>
    </row>
    <row r="494907" spans="8:8">
      <c r="H494907" s="12"/>
    </row>
    <row r="494908" spans="8:8">
      <c r="H494908" s="12"/>
    </row>
    <row r="494909" spans="8:8">
      <c r="H494909" s="12"/>
    </row>
    <row r="494910" spans="8:8">
      <c r="H494910" s="12"/>
    </row>
    <row r="494911" spans="8:8">
      <c r="H494911" s="12"/>
    </row>
    <row r="494912" spans="8:8">
      <c r="H494912" s="12"/>
    </row>
    <row r="494913" spans="8:8">
      <c r="H494913" s="12"/>
    </row>
    <row r="494914" spans="8:8">
      <c r="H494914" s="12"/>
    </row>
    <row r="494915" spans="8:8">
      <c r="H494915" s="12"/>
    </row>
    <row r="494916" spans="8:8">
      <c r="H494916" s="12"/>
    </row>
    <row r="494917" spans="8:8">
      <c r="H494917" s="12"/>
    </row>
    <row r="494918" spans="8:8">
      <c r="H494918" s="12"/>
    </row>
    <row r="494919" spans="8:8">
      <c r="H494919" s="12"/>
    </row>
    <row r="494920" spans="8:8">
      <c r="H494920" s="12"/>
    </row>
    <row r="494921" spans="8:8">
      <c r="H494921" s="12"/>
    </row>
    <row r="494922" spans="8:8">
      <c r="H494922" s="12"/>
    </row>
    <row r="494923" spans="8:8">
      <c r="H494923" s="12"/>
    </row>
    <row r="494924" spans="8:8">
      <c r="H494924" s="12"/>
    </row>
    <row r="494925" spans="8:8">
      <c r="H494925" s="12"/>
    </row>
    <row r="494926" spans="8:8">
      <c r="H494926" s="12"/>
    </row>
    <row r="494927" spans="8:8">
      <c r="H494927" s="12"/>
    </row>
    <row r="494928" spans="8:8">
      <c r="H494928" s="12"/>
    </row>
    <row r="494929" spans="8:8">
      <c r="H494929" s="12"/>
    </row>
    <row r="494930" spans="8:8">
      <c r="H494930" s="12"/>
    </row>
    <row r="494931" spans="8:8">
      <c r="H494931" s="12"/>
    </row>
    <row r="494932" spans="8:8">
      <c r="H494932" s="12"/>
    </row>
    <row r="494933" spans="8:8">
      <c r="H494933" s="12"/>
    </row>
    <row r="494934" spans="8:8">
      <c r="H494934" s="12"/>
    </row>
    <row r="494935" spans="8:8">
      <c r="H494935" s="12"/>
    </row>
    <row r="494936" spans="8:8">
      <c r="H494936" s="12"/>
    </row>
    <row r="494937" spans="8:8">
      <c r="H494937" s="12"/>
    </row>
    <row r="494938" spans="8:8">
      <c r="H494938" s="12"/>
    </row>
    <row r="494939" spans="8:8">
      <c r="H494939" s="12"/>
    </row>
    <row r="494940" spans="8:8">
      <c r="H494940" s="12"/>
    </row>
    <row r="494941" spans="8:8">
      <c r="H494941" s="12"/>
    </row>
    <row r="494942" spans="8:8">
      <c r="H494942" s="12"/>
    </row>
    <row r="494943" spans="8:8">
      <c r="H494943" s="12"/>
    </row>
    <row r="494944" spans="8:8">
      <c r="H494944" s="12"/>
    </row>
    <row r="494945" spans="8:8">
      <c r="H494945" s="12"/>
    </row>
    <row r="494946" spans="8:8">
      <c r="H494946" s="12"/>
    </row>
    <row r="494947" spans="8:8">
      <c r="H494947" s="12"/>
    </row>
    <row r="494948" spans="8:8">
      <c r="H494948" s="12"/>
    </row>
    <row r="494949" spans="8:8">
      <c r="H494949" s="12"/>
    </row>
    <row r="494950" spans="8:8">
      <c r="H494950" s="12"/>
    </row>
    <row r="494951" spans="8:8">
      <c r="H494951" s="12"/>
    </row>
    <row r="494952" spans="8:8">
      <c r="H494952" s="12"/>
    </row>
    <row r="494953" spans="8:8">
      <c r="H494953" s="12"/>
    </row>
    <row r="494954" spans="8:8">
      <c r="H494954" s="12"/>
    </row>
    <row r="494955" spans="8:8">
      <c r="H494955" s="12"/>
    </row>
    <row r="494956" spans="8:8">
      <c r="H494956" s="12"/>
    </row>
    <row r="494957" spans="8:8">
      <c r="H494957" s="12"/>
    </row>
    <row r="494958" spans="8:8">
      <c r="H494958" s="12"/>
    </row>
    <row r="494959" spans="8:8">
      <c r="H494959" s="12"/>
    </row>
    <row r="494960" spans="8:8">
      <c r="H494960" s="12"/>
    </row>
    <row r="494961" spans="8:8">
      <c r="H494961" s="12"/>
    </row>
    <row r="494962" spans="8:8">
      <c r="H494962" s="12"/>
    </row>
    <row r="494963" spans="8:8">
      <c r="H494963" s="12"/>
    </row>
    <row r="494964" spans="8:8">
      <c r="H494964" s="12"/>
    </row>
    <row r="494965" spans="8:8">
      <c r="H494965" s="12"/>
    </row>
    <row r="494966" spans="8:8">
      <c r="H494966" s="12"/>
    </row>
    <row r="494967" spans="8:8">
      <c r="H494967" s="12"/>
    </row>
    <row r="494968" spans="8:8">
      <c r="H494968" s="12"/>
    </row>
    <row r="494969" spans="8:8">
      <c r="H494969" s="12"/>
    </row>
    <row r="494970" spans="8:8">
      <c r="H494970" s="12"/>
    </row>
    <row r="494971" spans="8:8">
      <c r="H494971" s="12"/>
    </row>
    <row r="494972" spans="8:8">
      <c r="H494972" s="12"/>
    </row>
    <row r="494973" spans="8:8">
      <c r="H494973" s="12"/>
    </row>
    <row r="494974" spans="8:8">
      <c r="H494974" s="12"/>
    </row>
    <row r="494975" spans="8:8">
      <c r="H494975" s="12"/>
    </row>
    <row r="494976" spans="8:8">
      <c r="H494976" s="12"/>
    </row>
    <row r="494977" spans="8:8">
      <c r="H494977" s="12"/>
    </row>
    <row r="494978" spans="8:8">
      <c r="H494978" s="12"/>
    </row>
    <row r="494979" spans="8:8">
      <c r="H494979" s="12"/>
    </row>
    <row r="494980" spans="8:8">
      <c r="H494980" s="12"/>
    </row>
    <row r="494981" spans="8:8">
      <c r="H494981" s="12"/>
    </row>
    <row r="494982" spans="8:8">
      <c r="H494982" s="12"/>
    </row>
    <row r="494983" spans="8:8">
      <c r="H494983" s="12"/>
    </row>
    <row r="494984" spans="8:8">
      <c r="H494984" s="12"/>
    </row>
    <row r="494985" spans="8:8">
      <c r="H494985" s="12"/>
    </row>
    <row r="494986" spans="8:8">
      <c r="H494986" s="12"/>
    </row>
    <row r="494987" spans="8:8">
      <c r="H494987" s="12"/>
    </row>
    <row r="494988" spans="8:8">
      <c r="H494988" s="12"/>
    </row>
    <row r="494989" spans="8:8">
      <c r="H494989" s="12"/>
    </row>
    <row r="494990" spans="8:8">
      <c r="H494990" s="12"/>
    </row>
    <row r="494991" spans="8:8">
      <c r="H494991" s="12"/>
    </row>
    <row r="494992" spans="8:8">
      <c r="H494992" s="12"/>
    </row>
    <row r="494993" spans="8:8">
      <c r="H494993" s="12"/>
    </row>
    <row r="494994" spans="8:8">
      <c r="H494994" s="12"/>
    </row>
    <row r="494995" spans="8:8">
      <c r="H494995" s="12"/>
    </row>
    <row r="494996" spans="8:8">
      <c r="H494996" s="12"/>
    </row>
    <row r="494997" spans="8:8">
      <c r="H494997" s="12"/>
    </row>
    <row r="494998" spans="8:8">
      <c r="H494998" s="12"/>
    </row>
    <row r="494999" spans="8:8">
      <c r="H494999" s="12"/>
    </row>
    <row r="495000" spans="8:8">
      <c r="H495000" s="12"/>
    </row>
    <row r="495001" spans="8:8">
      <c r="H495001" s="12"/>
    </row>
    <row r="495002" spans="8:8">
      <c r="H495002" s="12"/>
    </row>
    <row r="495003" spans="8:8">
      <c r="H495003" s="12"/>
    </row>
    <row r="495004" spans="8:8">
      <c r="H495004" s="12"/>
    </row>
    <row r="495005" spans="8:8">
      <c r="H495005" s="12"/>
    </row>
    <row r="495006" spans="8:8">
      <c r="H495006" s="12"/>
    </row>
    <row r="495007" spans="8:8">
      <c r="H495007" s="12"/>
    </row>
    <row r="495008" spans="8:8">
      <c r="H495008" s="12"/>
    </row>
    <row r="495009" spans="8:8">
      <c r="H495009" s="12"/>
    </row>
    <row r="495010" spans="8:8">
      <c r="H495010" s="12"/>
    </row>
    <row r="495011" spans="8:8">
      <c r="H495011" s="12"/>
    </row>
    <row r="495012" spans="8:8">
      <c r="H495012" s="12"/>
    </row>
    <row r="495013" spans="8:8">
      <c r="H495013" s="12"/>
    </row>
    <row r="495014" spans="8:8">
      <c r="H495014" s="12"/>
    </row>
    <row r="495015" spans="8:8">
      <c r="H495015" s="12"/>
    </row>
    <row r="495016" spans="8:8">
      <c r="H495016" s="12"/>
    </row>
    <row r="495017" spans="8:8">
      <c r="H495017" s="12"/>
    </row>
    <row r="495018" spans="8:8">
      <c r="H495018" s="12"/>
    </row>
    <row r="495019" spans="8:8">
      <c r="H495019" s="12"/>
    </row>
    <row r="495020" spans="8:8">
      <c r="H495020" s="12"/>
    </row>
    <row r="495021" spans="8:8">
      <c r="H495021" s="12"/>
    </row>
    <row r="495022" spans="8:8">
      <c r="H495022" s="12"/>
    </row>
    <row r="495023" spans="8:8">
      <c r="H495023" s="12"/>
    </row>
    <row r="495024" spans="8:8">
      <c r="H495024" s="12"/>
    </row>
    <row r="495025" spans="8:8">
      <c r="H495025" s="12"/>
    </row>
    <row r="495026" spans="8:8">
      <c r="H495026" s="12"/>
    </row>
    <row r="495027" spans="8:8">
      <c r="H495027" s="12"/>
    </row>
    <row r="495028" spans="8:8">
      <c r="H495028" s="12"/>
    </row>
    <row r="495029" spans="8:8">
      <c r="H495029" s="12"/>
    </row>
    <row r="495030" spans="8:8">
      <c r="H495030" s="12"/>
    </row>
    <row r="495031" spans="8:8">
      <c r="H495031" s="12"/>
    </row>
    <row r="495032" spans="8:8">
      <c r="H495032" s="12"/>
    </row>
    <row r="495033" spans="8:8">
      <c r="H495033" s="12"/>
    </row>
    <row r="495034" spans="8:8">
      <c r="H495034" s="12"/>
    </row>
    <row r="495035" spans="8:8">
      <c r="H495035" s="12"/>
    </row>
    <row r="495036" spans="8:8">
      <c r="H495036" s="12"/>
    </row>
    <row r="495037" spans="8:8">
      <c r="H495037" s="12"/>
    </row>
    <row r="495038" spans="8:8">
      <c r="H495038" s="12"/>
    </row>
    <row r="495039" spans="8:8">
      <c r="H495039" s="12"/>
    </row>
    <row r="495040" spans="8:8">
      <c r="H495040" s="12"/>
    </row>
    <row r="495041" spans="8:8">
      <c r="H495041" s="12"/>
    </row>
    <row r="495042" spans="8:8">
      <c r="H495042" s="12"/>
    </row>
    <row r="495043" spans="8:8">
      <c r="H495043" s="12"/>
    </row>
    <row r="495044" spans="8:8">
      <c r="H495044" s="12"/>
    </row>
    <row r="495045" spans="8:8">
      <c r="H495045" s="12"/>
    </row>
    <row r="495046" spans="8:8">
      <c r="H495046" s="12"/>
    </row>
    <row r="495047" spans="8:8">
      <c r="H495047" s="12"/>
    </row>
    <row r="495048" spans="8:8">
      <c r="H495048" s="12"/>
    </row>
    <row r="495049" spans="8:8">
      <c r="H495049" s="12"/>
    </row>
    <row r="495050" spans="8:8">
      <c r="H495050" s="12"/>
    </row>
    <row r="495051" spans="8:8">
      <c r="H495051" s="12"/>
    </row>
    <row r="495052" spans="8:8">
      <c r="H495052" s="12"/>
    </row>
    <row r="495053" spans="8:8">
      <c r="H495053" s="12"/>
    </row>
    <row r="495054" spans="8:8">
      <c r="H495054" s="12"/>
    </row>
    <row r="495055" spans="8:8">
      <c r="H495055" s="12"/>
    </row>
    <row r="495056" spans="8:8">
      <c r="H495056" s="12"/>
    </row>
    <row r="495057" spans="8:8">
      <c r="H495057" s="12"/>
    </row>
    <row r="495058" spans="8:8">
      <c r="H495058" s="12"/>
    </row>
    <row r="495059" spans="8:8">
      <c r="H495059" s="12"/>
    </row>
    <row r="495060" spans="8:8">
      <c r="H495060" s="12"/>
    </row>
    <row r="495061" spans="8:8">
      <c r="H495061" s="12"/>
    </row>
    <row r="495062" spans="8:8">
      <c r="H495062" s="12"/>
    </row>
    <row r="495063" spans="8:8">
      <c r="H495063" s="12"/>
    </row>
    <row r="495064" spans="8:8">
      <c r="H495064" s="12"/>
    </row>
    <row r="495065" spans="8:8">
      <c r="H495065" s="12"/>
    </row>
    <row r="495066" spans="8:8">
      <c r="H495066" s="12"/>
    </row>
    <row r="495067" spans="8:8">
      <c r="H495067" s="12"/>
    </row>
    <row r="495068" spans="8:8">
      <c r="H495068" s="12"/>
    </row>
    <row r="495069" spans="8:8">
      <c r="H495069" s="12"/>
    </row>
    <row r="495070" spans="8:8">
      <c r="H495070" s="12"/>
    </row>
    <row r="495071" spans="8:8">
      <c r="H495071" s="12"/>
    </row>
    <row r="495072" spans="8:8">
      <c r="H495072" s="12"/>
    </row>
    <row r="495073" spans="8:8">
      <c r="H495073" s="12"/>
    </row>
    <row r="495074" spans="8:8">
      <c r="H495074" s="12"/>
    </row>
    <row r="495075" spans="8:8">
      <c r="H495075" s="12"/>
    </row>
    <row r="495076" spans="8:8">
      <c r="H495076" s="12"/>
    </row>
    <row r="495077" spans="8:8">
      <c r="H495077" s="12"/>
    </row>
    <row r="495078" spans="8:8">
      <c r="H495078" s="12"/>
    </row>
    <row r="495079" spans="8:8">
      <c r="H495079" s="12"/>
    </row>
    <row r="495080" spans="8:8">
      <c r="H495080" s="12"/>
    </row>
    <row r="495081" spans="8:8">
      <c r="H495081" s="12"/>
    </row>
    <row r="495082" spans="8:8">
      <c r="H495082" s="12"/>
    </row>
    <row r="495083" spans="8:8">
      <c r="H495083" s="12"/>
    </row>
    <row r="495084" spans="8:8">
      <c r="H495084" s="12"/>
    </row>
    <row r="495085" spans="8:8">
      <c r="H495085" s="12"/>
    </row>
    <row r="495086" spans="8:8">
      <c r="H495086" s="12"/>
    </row>
    <row r="495087" spans="8:8">
      <c r="H495087" s="12"/>
    </row>
    <row r="495088" spans="8:8">
      <c r="H495088" s="12"/>
    </row>
    <row r="495089" spans="8:8">
      <c r="H495089" s="12"/>
    </row>
    <row r="495090" spans="8:8">
      <c r="H495090" s="12"/>
    </row>
    <row r="495091" spans="8:8">
      <c r="H495091" s="12"/>
    </row>
    <row r="495092" spans="8:8">
      <c r="H495092" s="12"/>
    </row>
    <row r="495093" spans="8:8">
      <c r="H495093" s="12"/>
    </row>
    <row r="495094" spans="8:8">
      <c r="H495094" s="12"/>
    </row>
    <row r="495095" spans="8:8">
      <c r="H495095" s="12"/>
    </row>
    <row r="495096" spans="8:8">
      <c r="H495096" s="12"/>
    </row>
    <row r="495097" spans="8:8">
      <c r="H495097" s="12"/>
    </row>
    <row r="495098" spans="8:8">
      <c r="H495098" s="12"/>
    </row>
    <row r="495099" spans="8:8">
      <c r="H495099" s="12"/>
    </row>
    <row r="495100" spans="8:8">
      <c r="H495100" s="12"/>
    </row>
    <row r="495101" spans="8:8">
      <c r="H495101" s="12"/>
    </row>
    <row r="495102" spans="8:8">
      <c r="H495102" s="12"/>
    </row>
    <row r="495103" spans="8:8">
      <c r="H495103" s="12"/>
    </row>
    <row r="495104" spans="8:8">
      <c r="H495104" s="12"/>
    </row>
    <row r="495105" spans="8:8">
      <c r="H495105" s="12"/>
    </row>
    <row r="495106" spans="8:8">
      <c r="H495106" s="12"/>
    </row>
    <row r="495107" spans="8:8">
      <c r="H495107" s="12"/>
    </row>
    <row r="495108" spans="8:8">
      <c r="H495108" s="12"/>
    </row>
    <row r="495109" spans="8:8">
      <c r="H495109" s="12"/>
    </row>
    <row r="495110" spans="8:8">
      <c r="H495110" s="12"/>
    </row>
    <row r="495111" spans="8:8">
      <c r="H495111" s="12"/>
    </row>
    <row r="495112" spans="8:8">
      <c r="H495112" s="12"/>
    </row>
    <row r="495113" spans="8:8">
      <c r="H495113" s="12"/>
    </row>
    <row r="495114" spans="8:8">
      <c r="H495114" s="12"/>
    </row>
    <row r="495115" spans="8:8">
      <c r="H495115" s="12"/>
    </row>
    <row r="495116" spans="8:8">
      <c r="H495116" s="12"/>
    </row>
    <row r="495117" spans="8:8">
      <c r="H495117" s="12"/>
    </row>
    <row r="495118" spans="8:8">
      <c r="H495118" s="12"/>
    </row>
    <row r="495119" spans="8:8">
      <c r="H495119" s="12"/>
    </row>
    <row r="495120" spans="8:8">
      <c r="H495120" s="12"/>
    </row>
    <row r="495121" spans="8:8">
      <c r="H495121" s="12"/>
    </row>
    <row r="495122" spans="8:8">
      <c r="H495122" s="12"/>
    </row>
    <row r="495123" spans="8:8">
      <c r="H495123" s="12"/>
    </row>
    <row r="495124" spans="8:8">
      <c r="H495124" s="12"/>
    </row>
    <row r="495125" spans="8:8">
      <c r="H495125" s="12"/>
    </row>
    <row r="495126" spans="8:8">
      <c r="H495126" s="12"/>
    </row>
    <row r="495127" spans="8:8">
      <c r="H495127" s="12"/>
    </row>
    <row r="495128" spans="8:8">
      <c r="H495128" s="12"/>
    </row>
    <row r="495129" spans="8:8">
      <c r="H495129" s="12"/>
    </row>
    <row r="495130" spans="8:8">
      <c r="H495130" s="12"/>
    </row>
    <row r="495131" spans="8:8">
      <c r="H495131" s="12"/>
    </row>
    <row r="495132" spans="8:8">
      <c r="H495132" s="12"/>
    </row>
    <row r="495133" spans="8:8">
      <c r="H495133" s="12"/>
    </row>
    <row r="495134" spans="8:8">
      <c r="H495134" s="12"/>
    </row>
    <row r="495135" spans="8:8">
      <c r="H495135" s="12"/>
    </row>
    <row r="495136" spans="8:8">
      <c r="H495136" s="12"/>
    </row>
    <row r="495137" spans="8:8">
      <c r="H495137" s="12"/>
    </row>
    <row r="495138" spans="8:8">
      <c r="H495138" s="12"/>
    </row>
    <row r="495139" spans="8:8">
      <c r="H495139" s="12"/>
    </row>
    <row r="495140" spans="8:8">
      <c r="H495140" s="12"/>
    </row>
    <row r="495141" spans="8:8">
      <c r="H495141" s="12"/>
    </row>
    <row r="495142" spans="8:8">
      <c r="H495142" s="12"/>
    </row>
    <row r="495143" spans="8:8">
      <c r="H495143" s="12"/>
    </row>
    <row r="495144" spans="8:8">
      <c r="H495144" s="12"/>
    </row>
    <row r="495145" spans="8:8">
      <c r="H495145" s="12"/>
    </row>
    <row r="495146" spans="8:8">
      <c r="H495146" s="12"/>
    </row>
    <row r="495147" spans="8:8">
      <c r="H495147" s="12"/>
    </row>
    <row r="495148" spans="8:8">
      <c r="H495148" s="12"/>
    </row>
    <row r="495149" spans="8:8">
      <c r="H495149" s="12"/>
    </row>
    <row r="495150" spans="8:8">
      <c r="H495150" s="12"/>
    </row>
    <row r="495151" spans="8:8">
      <c r="H495151" s="12"/>
    </row>
    <row r="495152" spans="8:8">
      <c r="H495152" s="12"/>
    </row>
    <row r="495153" spans="8:8">
      <c r="H495153" s="12"/>
    </row>
    <row r="495154" spans="8:8">
      <c r="H495154" s="12"/>
    </row>
    <row r="495155" spans="8:8">
      <c r="H495155" s="12"/>
    </row>
    <row r="495156" spans="8:8">
      <c r="H495156" s="12"/>
    </row>
    <row r="495157" spans="8:8">
      <c r="H495157" s="12"/>
    </row>
    <row r="495158" spans="8:8">
      <c r="H495158" s="12"/>
    </row>
    <row r="495159" spans="8:8">
      <c r="H495159" s="12"/>
    </row>
    <row r="495160" spans="8:8">
      <c r="H495160" s="12"/>
    </row>
    <row r="495161" spans="8:8">
      <c r="H495161" s="12"/>
    </row>
    <row r="495162" spans="8:8">
      <c r="H495162" s="12"/>
    </row>
    <row r="495163" spans="8:8">
      <c r="H495163" s="12"/>
    </row>
    <row r="495164" spans="8:8">
      <c r="H495164" s="12"/>
    </row>
    <row r="495165" spans="8:8">
      <c r="H495165" s="12"/>
    </row>
    <row r="495166" spans="8:8">
      <c r="H495166" s="12"/>
    </row>
    <row r="495167" spans="8:8">
      <c r="H495167" s="12"/>
    </row>
    <row r="495168" spans="8:8">
      <c r="H495168" s="12"/>
    </row>
    <row r="495169" spans="8:8">
      <c r="H495169" s="12"/>
    </row>
    <row r="495170" spans="8:8">
      <c r="H495170" s="12"/>
    </row>
    <row r="495171" spans="8:8">
      <c r="H495171" s="12"/>
    </row>
    <row r="495172" spans="8:8">
      <c r="H495172" s="12"/>
    </row>
    <row r="495173" spans="8:8">
      <c r="H495173" s="12"/>
    </row>
    <row r="495174" spans="8:8">
      <c r="H495174" s="12"/>
    </row>
    <row r="495175" spans="8:8">
      <c r="H495175" s="12"/>
    </row>
    <row r="495176" spans="8:8">
      <c r="H495176" s="12"/>
    </row>
    <row r="495177" spans="8:8">
      <c r="H495177" s="12"/>
    </row>
    <row r="495178" spans="8:8">
      <c r="H495178" s="12"/>
    </row>
    <row r="495179" spans="8:8">
      <c r="H495179" s="12"/>
    </row>
    <row r="495180" spans="8:8">
      <c r="H495180" s="12"/>
    </row>
    <row r="495181" spans="8:8">
      <c r="H495181" s="12"/>
    </row>
    <row r="495182" spans="8:8">
      <c r="H495182" s="12"/>
    </row>
    <row r="495183" spans="8:8">
      <c r="H495183" s="12"/>
    </row>
    <row r="495184" spans="8:8">
      <c r="H495184" s="12"/>
    </row>
    <row r="495185" spans="8:8">
      <c r="H495185" s="12"/>
    </row>
    <row r="495186" spans="8:8">
      <c r="H495186" s="12"/>
    </row>
    <row r="495187" spans="8:8">
      <c r="H495187" s="12"/>
    </row>
    <row r="495188" spans="8:8">
      <c r="H495188" s="12"/>
    </row>
    <row r="495189" spans="8:8">
      <c r="H495189" s="12"/>
    </row>
    <row r="495190" spans="8:8">
      <c r="H495190" s="12"/>
    </row>
    <row r="495191" spans="8:8">
      <c r="H495191" s="12"/>
    </row>
    <row r="495192" spans="8:8">
      <c r="H495192" s="12"/>
    </row>
    <row r="495193" spans="8:8">
      <c r="H495193" s="12"/>
    </row>
    <row r="495194" spans="8:8">
      <c r="H495194" s="12"/>
    </row>
    <row r="495195" spans="8:8">
      <c r="H495195" s="12"/>
    </row>
    <row r="495196" spans="8:8">
      <c r="H495196" s="12"/>
    </row>
    <row r="495197" spans="8:8">
      <c r="H495197" s="12"/>
    </row>
    <row r="495198" spans="8:8">
      <c r="H495198" s="12"/>
    </row>
    <row r="495199" spans="8:8">
      <c r="H495199" s="12"/>
    </row>
    <row r="495200" spans="8:8">
      <c r="H495200" s="12"/>
    </row>
    <row r="495201" spans="8:8">
      <c r="H495201" s="12"/>
    </row>
    <row r="495202" spans="8:8">
      <c r="H495202" s="12"/>
    </row>
    <row r="495203" spans="8:8">
      <c r="H495203" s="12"/>
    </row>
    <row r="495204" spans="8:8">
      <c r="H495204" s="12"/>
    </row>
    <row r="495205" spans="8:8">
      <c r="H495205" s="12"/>
    </row>
    <row r="495206" spans="8:8">
      <c r="H495206" s="12"/>
    </row>
    <row r="495207" spans="8:8">
      <c r="H495207" s="12"/>
    </row>
    <row r="495208" spans="8:8">
      <c r="H495208" s="12"/>
    </row>
    <row r="495209" spans="8:8">
      <c r="H495209" s="12"/>
    </row>
    <row r="495210" spans="8:8">
      <c r="H495210" s="12"/>
    </row>
    <row r="495211" spans="8:8">
      <c r="H495211" s="12"/>
    </row>
    <row r="495212" spans="8:8">
      <c r="H495212" s="12"/>
    </row>
    <row r="495213" spans="8:8">
      <c r="H495213" s="12"/>
    </row>
    <row r="495214" spans="8:8">
      <c r="H495214" s="12"/>
    </row>
    <row r="495215" spans="8:8">
      <c r="H495215" s="12"/>
    </row>
    <row r="495216" spans="8:8">
      <c r="H495216" s="12"/>
    </row>
    <row r="495217" spans="8:8">
      <c r="H495217" s="12"/>
    </row>
    <row r="495218" spans="8:8">
      <c r="H495218" s="12"/>
    </row>
    <row r="495219" spans="8:8">
      <c r="H495219" s="12"/>
    </row>
    <row r="495220" spans="8:8">
      <c r="H495220" s="12"/>
    </row>
    <row r="495221" spans="8:8">
      <c r="H495221" s="12"/>
    </row>
    <row r="495222" spans="8:8">
      <c r="H495222" s="12"/>
    </row>
    <row r="495223" spans="8:8">
      <c r="H495223" s="12"/>
    </row>
    <row r="495224" spans="8:8">
      <c r="H495224" s="12"/>
    </row>
    <row r="495225" spans="8:8">
      <c r="H495225" s="12"/>
    </row>
    <row r="495226" spans="8:8">
      <c r="H495226" s="12"/>
    </row>
    <row r="495227" spans="8:8">
      <c r="H495227" s="12"/>
    </row>
    <row r="495228" spans="8:8">
      <c r="H495228" s="12"/>
    </row>
    <row r="495229" spans="8:8">
      <c r="H495229" s="12"/>
    </row>
    <row r="495230" spans="8:8">
      <c r="H495230" s="12"/>
    </row>
    <row r="495231" spans="8:8">
      <c r="H495231" s="12"/>
    </row>
    <row r="495232" spans="8:8">
      <c r="H495232" s="12"/>
    </row>
    <row r="495233" spans="8:8">
      <c r="H495233" s="12"/>
    </row>
    <row r="495234" spans="8:8">
      <c r="H495234" s="12"/>
    </row>
    <row r="495235" spans="8:8">
      <c r="H495235" s="12"/>
    </row>
    <row r="495236" spans="8:8">
      <c r="H495236" s="12"/>
    </row>
    <row r="495237" spans="8:8">
      <c r="H495237" s="12"/>
    </row>
    <row r="495238" spans="8:8">
      <c r="H495238" s="12"/>
    </row>
    <row r="495239" spans="8:8">
      <c r="H495239" s="12"/>
    </row>
    <row r="495240" spans="8:8">
      <c r="H495240" s="12"/>
    </row>
    <row r="495241" spans="8:8">
      <c r="H495241" s="12"/>
    </row>
    <row r="495242" spans="8:8">
      <c r="H495242" s="12"/>
    </row>
    <row r="495243" spans="8:8">
      <c r="H495243" s="12"/>
    </row>
    <row r="495244" spans="8:8">
      <c r="H495244" s="12"/>
    </row>
    <row r="495245" spans="8:8">
      <c r="H495245" s="12"/>
    </row>
    <row r="495246" spans="8:8">
      <c r="H495246" s="12"/>
    </row>
    <row r="495247" spans="8:8">
      <c r="H495247" s="12"/>
    </row>
    <row r="495248" spans="8:8">
      <c r="H495248" s="12"/>
    </row>
    <row r="495249" spans="8:8">
      <c r="H495249" s="12"/>
    </row>
    <row r="495250" spans="8:8">
      <c r="H495250" s="12"/>
    </row>
    <row r="495251" spans="8:8">
      <c r="H495251" s="12"/>
    </row>
    <row r="495252" spans="8:8">
      <c r="H495252" s="12"/>
    </row>
    <row r="495253" spans="8:8">
      <c r="H495253" s="12"/>
    </row>
    <row r="495254" spans="8:8">
      <c r="H495254" s="12"/>
    </row>
    <row r="495255" spans="8:8">
      <c r="H495255" s="12"/>
    </row>
    <row r="495256" spans="8:8">
      <c r="H495256" s="12"/>
    </row>
    <row r="495257" spans="8:8">
      <c r="H495257" s="12"/>
    </row>
    <row r="495258" spans="8:8">
      <c r="H495258" s="12"/>
    </row>
    <row r="495259" spans="8:8">
      <c r="H495259" s="12"/>
    </row>
    <row r="495260" spans="8:8">
      <c r="H495260" s="12"/>
    </row>
    <row r="495261" spans="8:8">
      <c r="H495261" s="12"/>
    </row>
    <row r="495262" spans="8:8">
      <c r="H495262" s="12"/>
    </row>
    <row r="495263" spans="8:8">
      <c r="H495263" s="12"/>
    </row>
    <row r="495264" spans="8:8">
      <c r="H495264" s="12"/>
    </row>
    <row r="495265" spans="8:8">
      <c r="H495265" s="12"/>
    </row>
    <row r="495266" spans="8:8">
      <c r="H495266" s="12"/>
    </row>
    <row r="495267" spans="8:8">
      <c r="H495267" s="12"/>
    </row>
    <row r="495268" spans="8:8">
      <c r="H495268" s="12"/>
    </row>
    <row r="495269" spans="8:8">
      <c r="H495269" s="12"/>
    </row>
    <row r="495270" spans="8:8">
      <c r="H495270" s="12"/>
    </row>
    <row r="495271" spans="8:8">
      <c r="H495271" s="12"/>
    </row>
    <row r="495272" spans="8:8">
      <c r="H495272" s="12"/>
    </row>
    <row r="495273" spans="8:8">
      <c r="H495273" s="12"/>
    </row>
    <row r="495274" spans="8:8">
      <c r="H495274" s="12"/>
    </row>
    <row r="495275" spans="8:8">
      <c r="H495275" s="12"/>
    </row>
    <row r="495276" spans="8:8">
      <c r="H495276" s="12"/>
    </row>
    <row r="495277" spans="8:8">
      <c r="H495277" s="12"/>
    </row>
    <row r="495278" spans="8:8">
      <c r="H495278" s="12"/>
    </row>
    <row r="495279" spans="8:8">
      <c r="H495279" s="12"/>
    </row>
    <row r="495280" spans="8:8">
      <c r="H495280" s="12"/>
    </row>
    <row r="495281" spans="8:8">
      <c r="H495281" s="12"/>
    </row>
    <row r="495282" spans="8:8">
      <c r="H495282" s="12"/>
    </row>
    <row r="495283" spans="8:8">
      <c r="H495283" s="12"/>
    </row>
    <row r="495284" spans="8:8">
      <c r="H495284" s="12"/>
    </row>
    <row r="495285" spans="8:8">
      <c r="H495285" s="12"/>
    </row>
    <row r="495286" spans="8:8">
      <c r="H495286" s="12"/>
    </row>
    <row r="495287" spans="8:8">
      <c r="H495287" s="12"/>
    </row>
    <row r="495288" spans="8:8">
      <c r="H495288" s="12"/>
    </row>
    <row r="495289" spans="8:8">
      <c r="H495289" s="12"/>
    </row>
    <row r="495290" spans="8:8">
      <c r="H495290" s="12"/>
    </row>
    <row r="495291" spans="8:8">
      <c r="H495291" s="12"/>
    </row>
    <row r="495292" spans="8:8">
      <c r="H495292" s="12"/>
    </row>
    <row r="495293" spans="8:8">
      <c r="H495293" s="12"/>
    </row>
    <row r="495294" spans="8:8">
      <c r="H495294" s="12"/>
    </row>
    <row r="495295" spans="8:8">
      <c r="H495295" s="12"/>
    </row>
    <row r="495296" spans="8:8">
      <c r="H495296" s="12"/>
    </row>
    <row r="495297" spans="8:8">
      <c r="H495297" s="12"/>
    </row>
    <row r="495298" spans="8:8">
      <c r="H495298" s="12"/>
    </row>
    <row r="495299" spans="8:8">
      <c r="H495299" s="12"/>
    </row>
    <row r="495300" spans="8:8">
      <c r="H495300" s="12"/>
    </row>
    <row r="495301" spans="8:8">
      <c r="H495301" s="12"/>
    </row>
    <row r="495302" spans="8:8">
      <c r="H495302" s="12"/>
    </row>
    <row r="495303" spans="8:8">
      <c r="H495303" s="12"/>
    </row>
    <row r="495304" spans="8:8">
      <c r="H495304" s="12"/>
    </row>
    <row r="495305" spans="8:8">
      <c r="H495305" s="12"/>
    </row>
    <row r="495306" spans="8:8">
      <c r="H495306" s="12"/>
    </row>
    <row r="495307" spans="8:8">
      <c r="H495307" s="12"/>
    </row>
    <row r="495308" spans="8:8">
      <c r="H495308" s="12"/>
    </row>
    <row r="495309" spans="8:8">
      <c r="H495309" s="12"/>
    </row>
    <row r="495310" spans="8:8">
      <c r="H495310" s="12"/>
    </row>
    <row r="495311" spans="8:8">
      <c r="H495311" s="12"/>
    </row>
    <row r="495312" spans="8:8">
      <c r="H495312" s="12"/>
    </row>
    <row r="495313" spans="8:8">
      <c r="H495313" s="12"/>
    </row>
    <row r="495314" spans="8:8">
      <c r="H495314" s="12"/>
    </row>
    <row r="495315" spans="8:8">
      <c r="H495315" s="12"/>
    </row>
    <row r="495316" spans="8:8">
      <c r="H495316" s="12"/>
    </row>
    <row r="495317" spans="8:8">
      <c r="H495317" s="12"/>
    </row>
    <row r="495318" spans="8:8">
      <c r="H495318" s="12"/>
    </row>
    <row r="495319" spans="8:8">
      <c r="H495319" s="12"/>
    </row>
    <row r="495320" spans="8:8">
      <c r="H495320" s="12"/>
    </row>
    <row r="495321" spans="8:8">
      <c r="H495321" s="12"/>
    </row>
    <row r="495322" spans="8:8">
      <c r="H495322" s="12"/>
    </row>
    <row r="495323" spans="8:8">
      <c r="H495323" s="12"/>
    </row>
    <row r="495324" spans="8:8">
      <c r="H495324" s="12"/>
    </row>
    <row r="495325" spans="8:8">
      <c r="H495325" s="12"/>
    </row>
    <row r="495326" spans="8:8">
      <c r="H495326" s="12"/>
    </row>
    <row r="495327" spans="8:8">
      <c r="H495327" s="12"/>
    </row>
    <row r="495328" spans="8:8">
      <c r="H495328" s="12"/>
    </row>
    <row r="495329" spans="8:8">
      <c r="H495329" s="12"/>
    </row>
    <row r="495330" spans="8:8">
      <c r="H495330" s="12"/>
    </row>
    <row r="495331" spans="8:8">
      <c r="H495331" s="12"/>
    </row>
    <row r="495332" spans="8:8">
      <c r="H495332" s="12"/>
    </row>
    <row r="495333" spans="8:8">
      <c r="H495333" s="12"/>
    </row>
    <row r="495334" spans="8:8">
      <c r="H495334" s="12"/>
    </row>
    <row r="495335" spans="8:8">
      <c r="H495335" s="12"/>
    </row>
    <row r="495336" spans="8:8">
      <c r="H495336" s="12"/>
    </row>
    <row r="495337" spans="8:8">
      <c r="H495337" s="12"/>
    </row>
    <row r="495338" spans="8:8">
      <c r="H495338" s="12"/>
    </row>
    <row r="495339" spans="8:8">
      <c r="H495339" s="12"/>
    </row>
    <row r="495340" spans="8:8">
      <c r="H495340" s="12"/>
    </row>
    <row r="495341" spans="8:8">
      <c r="H495341" s="12"/>
    </row>
    <row r="495342" spans="8:8">
      <c r="H495342" s="12"/>
    </row>
    <row r="495343" spans="8:8">
      <c r="H495343" s="12"/>
    </row>
    <row r="495344" spans="8:8">
      <c r="H495344" s="12"/>
    </row>
    <row r="495345" spans="8:8">
      <c r="H495345" s="12"/>
    </row>
    <row r="495346" spans="8:8">
      <c r="H495346" s="12"/>
    </row>
    <row r="495347" spans="8:8">
      <c r="H495347" s="12"/>
    </row>
    <row r="495348" spans="8:8">
      <c r="H495348" s="12"/>
    </row>
    <row r="495349" spans="8:8">
      <c r="H495349" s="12"/>
    </row>
    <row r="495350" spans="8:8">
      <c r="H495350" s="12"/>
    </row>
    <row r="495351" spans="8:8">
      <c r="H495351" s="12"/>
    </row>
    <row r="495352" spans="8:8">
      <c r="H495352" s="12"/>
    </row>
    <row r="495353" spans="8:8">
      <c r="H495353" s="12"/>
    </row>
    <row r="495354" spans="8:8">
      <c r="H495354" s="12"/>
    </row>
    <row r="495355" spans="8:8">
      <c r="H495355" s="12"/>
    </row>
    <row r="495356" spans="8:8">
      <c r="H495356" s="12"/>
    </row>
    <row r="495357" spans="8:8">
      <c r="H495357" s="12"/>
    </row>
    <row r="495358" spans="8:8">
      <c r="H495358" s="12"/>
    </row>
    <row r="495359" spans="8:8">
      <c r="H495359" s="12"/>
    </row>
    <row r="495360" spans="8:8">
      <c r="H495360" s="12"/>
    </row>
    <row r="495361" spans="8:8">
      <c r="H495361" s="12"/>
    </row>
    <row r="495362" spans="8:8">
      <c r="H495362" s="12"/>
    </row>
    <row r="495363" spans="8:8">
      <c r="H495363" s="12"/>
    </row>
    <row r="495364" spans="8:8">
      <c r="H495364" s="12"/>
    </row>
    <row r="495365" spans="8:8">
      <c r="H495365" s="12"/>
    </row>
    <row r="495366" spans="8:8">
      <c r="H495366" s="12"/>
    </row>
    <row r="495367" spans="8:8">
      <c r="H495367" s="12"/>
    </row>
    <row r="495368" spans="8:8">
      <c r="H495368" s="12"/>
    </row>
    <row r="495369" spans="8:8">
      <c r="H495369" s="12"/>
    </row>
    <row r="495370" spans="8:8">
      <c r="H495370" s="12"/>
    </row>
    <row r="495371" spans="8:8">
      <c r="H495371" s="12"/>
    </row>
    <row r="495372" spans="8:8">
      <c r="H495372" s="12"/>
    </row>
    <row r="495373" spans="8:8">
      <c r="H495373" s="12"/>
    </row>
    <row r="495374" spans="8:8">
      <c r="H495374" s="12"/>
    </row>
    <row r="495375" spans="8:8">
      <c r="H495375" s="12"/>
    </row>
    <row r="495376" spans="8:8">
      <c r="H495376" s="12"/>
    </row>
    <row r="495377" spans="8:8">
      <c r="H495377" s="12"/>
    </row>
    <row r="495378" spans="8:8">
      <c r="H495378" s="12"/>
    </row>
    <row r="495379" spans="8:8">
      <c r="H495379" s="12"/>
    </row>
    <row r="495380" spans="8:8">
      <c r="H495380" s="12"/>
    </row>
    <row r="495381" spans="8:8">
      <c r="H495381" s="12"/>
    </row>
    <row r="495382" spans="8:8">
      <c r="H495382" s="12"/>
    </row>
    <row r="495383" spans="8:8">
      <c r="H495383" s="12"/>
    </row>
    <row r="495384" spans="8:8">
      <c r="H495384" s="12"/>
    </row>
    <row r="495385" spans="8:8">
      <c r="H495385" s="12"/>
    </row>
    <row r="495386" spans="8:8">
      <c r="H495386" s="12"/>
    </row>
    <row r="495387" spans="8:8">
      <c r="H495387" s="12"/>
    </row>
    <row r="495388" spans="8:8">
      <c r="H495388" s="12"/>
    </row>
    <row r="495389" spans="8:8">
      <c r="H495389" s="12"/>
    </row>
    <row r="495390" spans="8:8">
      <c r="H495390" s="12"/>
    </row>
    <row r="495391" spans="8:8">
      <c r="H495391" s="12"/>
    </row>
    <row r="495392" spans="8:8">
      <c r="H495392" s="12"/>
    </row>
    <row r="495393" spans="8:8">
      <c r="H495393" s="12"/>
    </row>
    <row r="495394" spans="8:8">
      <c r="H495394" s="12"/>
    </row>
    <row r="495395" spans="8:8">
      <c r="H495395" s="12"/>
    </row>
    <row r="495396" spans="8:8">
      <c r="H495396" s="12"/>
    </row>
    <row r="495397" spans="8:8">
      <c r="H495397" s="12"/>
    </row>
    <row r="495398" spans="8:8">
      <c r="H495398" s="12"/>
    </row>
    <row r="495399" spans="8:8">
      <c r="H495399" s="12"/>
    </row>
    <row r="495400" spans="8:8">
      <c r="H495400" s="12"/>
    </row>
    <row r="495401" spans="8:8">
      <c r="H495401" s="12"/>
    </row>
    <row r="495402" spans="8:8">
      <c r="H495402" s="12"/>
    </row>
    <row r="495403" spans="8:8">
      <c r="H495403" s="12"/>
    </row>
    <row r="495404" spans="8:8">
      <c r="H495404" s="12"/>
    </row>
    <row r="495405" spans="8:8">
      <c r="H495405" s="12"/>
    </row>
    <row r="495406" spans="8:8">
      <c r="H495406" s="12"/>
    </row>
    <row r="495407" spans="8:8">
      <c r="H495407" s="12"/>
    </row>
    <row r="495408" spans="8:8">
      <c r="H495408" s="12"/>
    </row>
    <row r="495409" spans="8:8">
      <c r="H495409" s="12"/>
    </row>
    <row r="495410" spans="8:8">
      <c r="H495410" s="12"/>
    </row>
    <row r="495411" spans="8:8">
      <c r="H495411" s="12"/>
    </row>
    <row r="495412" spans="8:8">
      <c r="H495412" s="12"/>
    </row>
    <row r="495413" spans="8:8">
      <c r="H495413" s="12"/>
    </row>
    <row r="495414" spans="8:8">
      <c r="H495414" s="12"/>
    </row>
    <row r="495415" spans="8:8">
      <c r="H495415" s="12"/>
    </row>
    <row r="495416" spans="8:8">
      <c r="H495416" s="12"/>
    </row>
    <row r="495417" spans="8:8">
      <c r="H495417" s="12"/>
    </row>
    <row r="495418" spans="8:8">
      <c r="H495418" s="12"/>
    </row>
    <row r="495419" spans="8:8">
      <c r="H495419" s="12"/>
    </row>
    <row r="495420" spans="8:8">
      <c r="H495420" s="12"/>
    </row>
    <row r="495421" spans="8:8">
      <c r="H495421" s="12"/>
    </row>
    <row r="495422" spans="8:8">
      <c r="H495422" s="12"/>
    </row>
    <row r="495423" spans="8:8">
      <c r="H495423" s="12"/>
    </row>
    <row r="495424" spans="8:8">
      <c r="H495424" s="12"/>
    </row>
    <row r="495425" spans="8:8">
      <c r="H495425" s="12"/>
    </row>
    <row r="495426" spans="8:8">
      <c r="H495426" s="12"/>
    </row>
    <row r="495427" spans="8:8">
      <c r="H495427" s="12"/>
    </row>
    <row r="495428" spans="8:8">
      <c r="H495428" s="12"/>
    </row>
    <row r="495429" spans="8:8">
      <c r="H495429" s="12"/>
    </row>
    <row r="495430" spans="8:8">
      <c r="H495430" s="12"/>
    </row>
    <row r="495431" spans="8:8">
      <c r="H495431" s="12"/>
    </row>
    <row r="495432" spans="8:8">
      <c r="H495432" s="12"/>
    </row>
    <row r="495433" spans="8:8">
      <c r="H495433" s="12"/>
    </row>
    <row r="495434" spans="8:8">
      <c r="H495434" s="12"/>
    </row>
    <row r="495435" spans="8:8">
      <c r="H495435" s="12"/>
    </row>
    <row r="495436" spans="8:8">
      <c r="H495436" s="12"/>
    </row>
    <row r="495437" spans="8:8">
      <c r="H495437" s="12"/>
    </row>
    <row r="495438" spans="8:8">
      <c r="H495438" s="12"/>
    </row>
    <row r="495439" spans="8:8">
      <c r="H495439" s="12"/>
    </row>
    <row r="495440" spans="8:8">
      <c r="H495440" s="12"/>
    </row>
    <row r="495441" spans="8:8">
      <c r="H495441" s="12"/>
    </row>
    <row r="495442" spans="8:8">
      <c r="H495442" s="12"/>
    </row>
    <row r="495443" spans="8:8">
      <c r="H495443" s="12"/>
    </row>
    <row r="495444" spans="8:8">
      <c r="H495444" s="12"/>
    </row>
    <row r="495445" spans="8:8">
      <c r="H495445" s="12"/>
    </row>
    <row r="495446" spans="8:8">
      <c r="H495446" s="12"/>
    </row>
    <row r="495447" spans="8:8">
      <c r="H495447" s="12"/>
    </row>
    <row r="495448" spans="8:8">
      <c r="H495448" s="12"/>
    </row>
    <row r="495449" spans="8:8">
      <c r="H495449" s="12"/>
    </row>
    <row r="495450" spans="8:8">
      <c r="H495450" s="12"/>
    </row>
    <row r="495451" spans="8:8">
      <c r="H495451" s="12"/>
    </row>
    <row r="495452" spans="8:8">
      <c r="H495452" s="12"/>
    </row>
    <row r="495453" spans="8:8">
      <c r="H495453" s="12"/>
    </row>
    <row r="495454" spans="8:8">
      <c r="H495454" s="12"/>
    </row>
    <row r="495455" spans="8:8">
      <c r="H495455" s="12"/>
    </row>
    <row r="495456" spans="8:8">
      <c r="H495456" s="12"/>
    </row>
    <row r="495457" spans="8:8">
      <c r="H495457" s="12"/>
    </row>
    <row r="495458" spans="8:8">
      <c r="H495458" s="12"/>
    </row>
    <row r="495459" spans="8:8">
      <c r="H495459" s="12"/>
    </row>
    <row r="495460" spans="8:8">
      <c r="H495460" s="12"/>
    </row>
    <row r="495461" spans="8:8">
      <c r="H495461" s="12"/>
    </row>
    <row r="495462" spans="8:8">
      <c r="H495462" s="12"/>
    </row>
    <row r="495463" spans="8:8">
      <c r="H495463" s="12"/>
    </row>
    <row r="495464" spans="8:8">
      <c r="H495464" s="12"/>
    </row>
    <row r="495465" spans="8:8">
      <c r="H495465" s="12"/>
    </row>
    <row r="495466" spans="8:8">
      <c r="H495466" s="12"/>
    </row>
    <row r="495467" spans="8:8">
      <c r="H495467" s="12"/>
    </row>
    <row r="495468" spans="8:8">
      <c r="H495468" s="12"/>
    </row>
    <row r="495469" spans="8:8">
      <c r="H495469" s="12"/>
    </row>
    <row r="495470" spans="8:8">
      <c r="H495470" s="12"/>
    </row>
    <row r="495471" spans="8:8">
      <c r="H495471" s="12"/>
    </row>
    <row r="495472" spans="8:8">
      <c r="H495472" s="12"/>
    </row>
    <row r="495473" spans="8:8">
      <c r="H495473" s="12"/>
    </row>
    <row r="495474" spans="8:8">
      <c r="H495474" s="12"/>
    </row>
    <row r="495475" spans="8:8">
      <c r="H495475" s="12"/>
    </row>
    <row r="495476" spans="8:8">
      <c r="H495476" s="12"/>
    </row>
    <row r="495477" spans="8:8">
      <c r="H495477" s="12"/>
    </row>
    <row r="495478" spans="8:8">
      <c r="H495478" s="12"/>
    </row>
    <row r="495479" spans="8:8">
      <c r="H495479" s="12"/>
    </row>
    <row r="495480" spans="8:8">
      <c r="H495480" s="12"/>
    </row>
    <row r="495481" spans="8:8">
      <c r="H495481" s="12"/>
    </row>
    <row r="495482" spans="8:8">
      <c r="H495482" s="12"/>
    </row>
    <row r="495483" spans="8:8">
      <c r="H495483" s="12"/>
    </row>
    <row r="495484" spans="8:8">
      <c r="H495484" s="12"/>
    </row>
    <row r="495485" spans="8:8">
      <c r="H495485" s="12"/>
    </row>
    <row r="495486" spans="8:8">
      <c r="H495486" s="12"/>
    </row>
    <row r="495487" spans="8:8">
      <c r="H495487" s="12"/>
    </row>
    <row r="495488" spans="8:8">
      <c r="H495488" s="12"/>
    </row>
    <row r="495489" spans="8:8">
      <c r="H495489" s="12"/>
    </row>
    <row r="495490" spans="8:8">
      <c r="H495490" s="12"/>
    </row>
    <row r="495491" spans="8:8">
      <c r="H495491" s="12"/>
    </row>
    <row r="495492" spans="8:8">
      <c r="H495492" s="12"/>
    </row>
    <row r="495493" spans="8:8">
      <c r="H495493" s="12"/>
    </row>
    <row r="495494" spans="8:8">
      <c r="H495494" s="12"/>
    </row>
    <row r="495495" spans="8:8">
      <c r="H495495" s="12"/>
    </row>
    <row r="495496" spans="8:8">
      <c r="H495496" s="12"/>
    </row>
    <row r="495497" spans="8:8">
      <c r="H495497" s="12"/>
    </row>
    <row r="495498" spans="8:8">
      <c r="H495498" s="12"/>
    </row>
    <row r="495499" spans="8:8">
      <c r="H495499" s="12"/>
    </row>
    <row r="495500" spans="8:8">
      <c r="H495500" s="12"/>
    </row>
    <row r="495501" spans="8:8">
      <c r="H495501" s="12"/>
    </row>
    <row r="495502" spans="8:8">
      <c r="H495502" s="12"/>
    </row>
    <row r="495503" spans="8:8">
      <c r="H495503" s="12"/>
    </row>
    <row r="495504" spans="8:8">
      <c r="H495504" s="12"/>
    </row>
    <row r="495505" spans="8:8">
      <c r="H495505" s="12"/>
    </row>
    <row r="495506" spans="8:8">
      <c r="H495506" s="12"/>
    </row>
    <row r="495507" spans="8:8">
      <c r="H495507" s="12"/>
    </row>
    <row r="495508" spans="8:8">
      <c r="H495508" s="12"/>
    </row>
    <row r="495509" spans="8:8">
      <c r="H495509" s="12"/>
    </row>
    <row r="495510" spans="8:8">
      <c r="H495510" s="12"/>
    </row>
    <row r="495511" spans="8:8">
      <c r="H495511" s="12"/>
    </row>
    <row r="495512" spans="8:8">
      <c r="H495512" s="12"/>
    </row>
    <row r="495513" spans="8:8">
      <c r="H495513" s="12"/>
    </row>
    <row r="495514" spans="8:8">
      <c r="H495514" s="12"/>
    </row>
    <row r="495515" spans="8:8">
      <c r="H495515" s="12"/>
    </row>
    <row r="495516" spans="8:8">
      <c r="H495516" s="12"/>
    </row>
    <row r="495517" spans="8:8">
      <c r="H495517" s="12"/>
    </row>
    <row r="495518" spans="8:8">
      <c r="H495518" s="12"/>
    </row>
    <row r="495519" spans="8:8">
      <c r="H495519" s="12"/>
    </row>
    <row r="495520" spans="8:8">
      <c r="H495520" s="12"/>
    </row>
    <row r="495521" spans="8:8">
      <c r="H495521" s="12"/>
    </row>
    <row r="495522" spans="8:8">
      <c r="H495522" s="12"/>
    </row>
    <row r="495523" spans="8:8">
      <c r="H495523" s="12"/>
    </row>
    <row r="495524" spans="8:8">
      <c r="H495524" s="12"/>
    </row>
    <row r="495525" spans="8:8">
      <c r="H495525" s="12"/>
    </row>
    <row r="495526" spans="8:8">
      <c r="H495526" s="12"/>
    </row>
    <row r="495527" spans="8:8">
      <c r="H495527" s="12"/>
    </row>
    <row r="495528" spans="8:8">
      <c r="H495528" s="12"/>
    </row>
    <row r="495529" spans="8:8">
      <c r="H495529" s="12"/>
    </row>
    <row r="495530" spans="8:8">
      <c r="H495530" s="12"/>
    </row>
    <row r="495531" spans="8:8">
      <c r="H495531" s="12"/>
    </row>
    <row r="495532" spans="8:8">
      <c r="H495532" s="12"/>
    </row>
    <row r="495533" spans="8:8">
      <c r="H495533" s="12"/>
    </row>
    <row r="495534" spans="8:8">
      <c r="H495534" s="12"/>
    </row>
    <row r="495535" spans="8:8">
      <c r="H495535" s="12"/>
    </row>
    <row r="495536" spans="8:8">
      <c r="H495536" s="12"/>
    </row>
    <row r="495537" spans="8:8">
      <c r="H495537" s="12"/>
    </row>
    <row r="495538" spans="8:8">
      <c r="H495538" s="12"/>
    </row>
    <row r="495539" spans="8:8">
      <c r="H495539" s="12"/>
    </row>
    <row r="495540" spans="8:8">
      <c r="H495540" s="12"/>
    </row>
    <row r="495541" spans="8:8">
      <c r="H495541" s="12"/>
    </row>
    <row r="495542" spans="8:8">
      <c r="H495542" s="12"/>
    </row>
    <row r="495543" spans="8:8">
      <c r="H495543" s="12"/>
    </row>
    <row r="495544" spans="8:8">
      <c r="H495544" s="12"/>
    </row>
    <row r="495545" spans="8:8">
      <c r="H495545" s="12"/>
    </row>
    <row r="495546" spans="8:8">
      <c r="H495546" s="12"/>
    </row>
    <row r="495547" spans="8:8">
      <c r="H495547" s="12"/>
    </row>
    <row r="495548" spans="8:8">
      <c r="H495548" s="12"/>
    </row>
    <row r="495549" spans="8:8">
      <c r="H495549" s="12"/>
    </row>
    <row r="495550" spans="8:8">
      <c r="H495550" s="12"/>
    </row>
    <row r="495551" spans="8:8">
      <c r="H495551" s="12"/>
    </row>
    <row r="495552" spans="8:8">
      <c r="H495552" s="12"/>
    </row>
    <row r="495553" spans="8:8">
      <c r="H495553" s="12"/>
    </row>
    <row r="495554" spans="8:8">
      <c r="H495554" s="12"/>
    </row>
    <row r="495555" spans="8:8">
      <c r="H495555" s="12"/>
    </row>
    <row r="495556" spans="8:8">
      <c r="H495556" s="12"/>
    </row>
    <row r="495557" spans="8:8">
      <c r="H495557" s="12"/>
    </row>
    <row r="495558" spans="8:8">
      <c r="H495558" s="12"/>
    </row>
    <row r="495559" spans="8:8">
      <c r="H495559" s="12"/>
    </row>
    <row r="495560" spans="8:8">
      <c r="H495560" s="12"/>
    </row>
    <row r="495561" spans="8:8">
      <c r="H495561" s="12"/>
    </row>
    <row r="495562" spans="8:8">
      <c r="H495562" s="12"/>
    </row>
    <row r="495563" spans="8:8">
      <c r="H495563" s="12"/>
    </row>
    <row r="495564" spans="8:8">
      <c r="H495564" s="12"/>
    </row>
    <row r="495565" spans="8:8">
      <c r="H495565" s="12"/>
    </row>
    <row r="495566" spans="8:8">
      <c r="H495566" s="12"/>
    </row>
    <row r="495567" spans="8:8">
      <c r="H495567" s="12"/>
    </row>
    <row r="495568" spans="8:8">
      <c r="H495568" s="12"/>
    </row>
    <row r="495569" spans="8:8">
      <c r="H495569" s="12"/>
    </row>
    <row r="495570" spans="8:8">
      <c r="H495570" s="12"/>
    </row>
    <row r="495571" spans="8:8">
      <c r="H495571" s="12"/>
    </row>
    <row r="495572" spans="8:8">
      <c r="H495572" s="12"/>
    </row>
    <row r="495573" spans="8:8">
      <c r="H495573" s="12"/>
    </row>
    <row r="495574" spans="8:8">
      <c r="H495574" s="12"/>
    </row>
    <row r="495575" spans="8:8">
      <c r="H495575" s="12"/>
    </row>
    <row r="495576" spans="8:8">
      <c r="H495576" s="12"/>
    </row>
    <row r="495577" spans="8:8">
      <c r="H495577" s="12"/>
    </row>
    <row r="495578" spans="8:8">
      <c r="H495578" s="12"/>
    </row>
    <row r="495579" spans="8:8">
      <c r="H495579" s="12"/>
    </row>
    <row r="495580" spans="8:8">
      <c r="H495580" s="12"/>
    </row>
    <row r="495581" spans="8:8">
      <c r="H495581" s="12"/>
    </row>
    <row r="495582" spans="8:8">
      <c r="H495582" s="12"/>
    </row>
    <row r="495583" spans="8:8">
      <c r="H495583" s="12"/>
    </row>
    <row r="495584" spans="8:8">
      <c r="H495584" s="12"/>
    </row>
    <row r="495585" spans="8:8">
      <c r="H495585" s="12"/>
    </row>
    <row r="495586" spans="8:8">
      <c r="H495586" s="12"/>
    </row>
    <row r="495587" spans="8:8">
      <c r="H495587" s="12"/>
    </row>
    <row r="495588" spans="8:8">
      <c r="H495588" s="12"/>
    </row>
    <row r="495589" spans="8:8">
      <c r="H495589" s="12"/>
    </row>
    <row r="495590" spans="8:8">
      <c r="H495590" s="12"/>
    </row>
    <row r="495591" spans="8:8">
      <c r="H495591" s="12"/>
    </row>
    <row r="495592" spans="8:8">
      <c r="H495592" s="12"/>
    </row>
    <row r="495593" spans="8:8">
      <c r="H495593" s="12"/>
    </row>
    <row r="495594" spans="8:8">
      <c r="H495594" s="12"/>
    </row>
    <row r="495595" spans="8:8">
      <c r="H495595" s="12"/>
    </row>
    <row r="495596" spans="8:8">
      <c r="H495596" s="12"/>
    </row>
    <row r="495597" spans="8:8">
      <c r="H495597" s="12"/>
    </row>
    <row r="495598" spans="8:8">
      <c r="H495598" s="12"/>
    </row>
    <row r="495599" spans="8:8">
      <c r="H495599" s="12"/>
    </row>
    <row r="495600" spans="8:8">
      <c r="H495600" s="12"/>
    </row>
    <row r="495601" spans="8:8">
      <c r="H495601" s="12"/>
    </row>
    <row r="495602" spans="8:8">
      <c r="H495602" s="12"/>
    </row>
    <row r="495603" spans="8:8">
      <c r="H495603" s="12"/>
    </row>
    <row r="495604" spans="8:8">
      <c r="H495604" s="12"/>
    </row>
    <row r="495605" spans="8:8">
      <c r="H495605" s="12"/>
    </row>
    <row r="495606" spans="8:8">
      <c r="H495606" s="12"/>
    </row>
    <row r="495607" spans="8:8">
      <c r="H495607" s="12"/>
    </row>
    <row r="495608" spans="8:8">
      <c r="H495608" s="12"/>
    </row>
    <row r="495609" spans="8:8">
      <c r="H495609" s="12"/>
    </row>
    <row r="495610" spans="8:8">
      <c r="H495610" s="12"/>
    </row>
    <row r="495611" spans="8:8">
      <c r="H495611" s="12"/>
    </row>
    <row r="495612" spans="8:8">
      <c r="H495612" s="12"/>
    </row>
    <row r="495613" spans="8:8">
      <c r="H495613" s="12"/>
    </row>
    <row r="495614" spans="8:8">
      <c r="H495614" s="12"/>
    </row>
    <row r="495615" spans="8:8">
      <c r="H495615" s="12"/>
    </row>
    <row r="495616" spans="8:8">
      <c r="H495616" s="12"/>
    </row>
    <row r="495617" spans="8:8">
      <c r="H495617" s="12"/>
    </row>
    <row r="495618" spans="8:8">
      <c r="H495618" s="12"/>
    </row>
    <row r="495619" spans="8:8">
      <c r="H495619" s="12"/>
    </row>
    <row r="495620" spans="8:8">
      <c r="H495620" s="12"/>
    </row>
    <row r="495621" spans="8:8">
      <c r="H495621" s="12"/>
    </row>
    <row r="495622" spans="8:8">
      <c r="H495622" s="12"/>
    </row>
    <row r="495623" spans="8:8">
      <c r="H495623" s="12"/>
    </row>
    <row r="495624" spans="8:8">
      <c r="H495624" s="12"/>
    </row>
    <row r="495625" spans="8:8">
      <c r="H495625" s="12"/>
    </row>
    <row r="495626" spans="8:8">
      <c r="H495626" s="12"/>
    </row>
    <row r="495627" spans="8:8">
      <c r="H495627" s="12"/>
    </row>
    <row r="495628" spans="8:8">
      <c r="H495628" s="12"/>
    </row>
    <row r="495629" spans="8:8">
      <c r="H495629" s="12"/>
    </row>
    <row r="495630" spans="8:8">
      <c r="H495630" s="12"/>
    </row>
    <row r="495631" spans="8:8">
      <c r="H495631" s="12"/>
    </row>
    <row r="495632" spans="8:8">
      <c r="H495632" s="12"/>
    </row>
    <row r="495633" spans="8:8">
      <c r="H495633" s="12"/>
    </row>
    <row r="495634" spans="8:8">
      <c r="H495634" s="12"/>
    </row>
    <row r="495635" spans="8:8">
      <c r="H495635" s="12"/>
    </row>
    <row r="495636" spans="8:8">
      <c r="H495636" s="12"/>
    </row>
    <row r="495637" spans="8:8">
      <c r="H495637" s="12"/>
    </row>
    <row r="495638" spans="8:8">
      <c r="H495638" s="12"/>
    </row>
    <row r="495639" spans="8:8">
      <c r="H495639" s="12"/>
    </row>
    <row r="495640" spans="8:8">
      <c r="H495640" s="12"/>
    </row>
    <row r="495641" spans="8:8">
      <c r="H495641" s="12"/>
    </row>
    <row r="495642" spans="8:8">
      <c r="H495642" s="12"/>
    </row>
    <row r="495643" spans="8:8">
      <c r="H495643" s="12"/>
    </row>
    <row r="495644" spans="8:8">
      <c r="H495644" s="12"/>
    </row>
    <row r="495645" spans="8:8">
      <c r="H495645" s="12"/>
    </row>
    <row r="495646" spans="8:8">
      <c r="H495646" s="12"/>
    </row>
    <row r="495647" spans="8:8">
      <c r="H495647" s="12"/>
    </row>
    <row r="495648" spans="8:8">
      <c r="H495648" s="12"/>
    </row>
    <row r="495649" spans="8:8">
      <c r="H495649" s="12"/>
    </row>
    <row r="495650" spans="8:8">
      <c r="H495650" s="12"/>
    </row>
    <row r="495651" spans="8:8">
      <c r="H495651" s="12"/>
    </row>
    <row r="495652" spans="8:8">
      <c r="H495652" s="12"/>
    </row>
    <row r="495653" spans="8:8">
      <c r="H495653" s="12"/>
    </row>
    <row r="495654" spans="8:8">
      <c r="H495654" s="12"/>
    </row>
    <row r="495655" spans="8:8">
      <c r="H495655" s="12"/>
    </row>
    <row r="495656" spans="8:8">
      <c r="H495656" s="12"/>
    </row>
    <row r="495657" spans="8:8">
      <c r="H495657" s="12"/>
    </row>
    <row r="495658" spans="8:8">
      <c r="H495658" s="12"/>
    </row>
    <row r="495659" spans="8:8">
      <c r="H495659" s="12"/>
    </row>
    <row r="495660" spans="8:8">
      <c r="H495660" s="12"/>
    </row>
    <row r="495661" spans="8:8">
      <c r="H495661" s="12"/>
    </row>
    <row r="495662" spans="8:8">
      <c r="H495662" s="12"/>
    </row>
    <row r="495663" spans="8:8">
      <c r="H495663" s="12"/>
    </row>
    <row r="495664" spans="8:8">
      <c r="H495664" s="12"/>
    </row>
    <row r="495665" spans="8:8">
      <c r="H495665" s="12"/>
    </row>
    <row r="495666" spans="8:8">
      <c r="H495666" s="12"/>
    </row>
    <row r="495667" spans="8:8">
      <c r="H495667" s="12"/>
    </row>
    <row r="495668" spans="8:8">
      <c r="H495668" s="12"/>
    </row>
    <row r="495669" spans="8:8">
      <c r="H495669" s="12"/>
    </row>
    <row r="495670" spans="8:8">
      <c r="H495670" s="12"/>
    </row>
    <row r="495671" spans="8:8">
      <c r="H495671" s="12"/>
    </row>
    <row r="495672" spans="8:8">
      <c r="H495672" s="12"/>
    </row>
    <row r="495673" spans="8:8">
      <c r="H495673" s="12"/>
    </row>
    <row r="495674" spans="8:8">
      <c r="H495674" s="12"/>
    </row>
    <row r="495675" spans="8:8">
      <c r="H495675" s="12"/>
    </row>
    <row r="495676" spans="8:8">
      <c r="H495676" s="12"/>
    </row>
    <row r="495677" spans="8:8">
      <c r="H495677" s="12"/>
    </row>
    <row r="495678" spans="8:8">
      <c r="H495678" s="12"/>
    </row>
    <row r="495679" spans="8:8">
      <c r="H495679" s="12"/>
    </row>
    <row r="495680" spans="8:8">
      <c r="H495680" s="12"/>
    </row>
    <row r="495681" spans="8:8">
      <c r="H495681" s="12"/>
    </row>
    <row r="495682" spans="8:8">
      <c r="H495682" s="12"/>
    </row>
    <row r="495683" spans="8:8">
      <c r="H495683" s="12"/>
    </row>
    <row r="495684" spans="8:8">
      <c r="H495684" s="12"/>
    </row>
    <row r="495685" spans="8:8">
      <c r="H495685" s="12"/>
    </row>
    <row r="495686" spans="8:8">
      <c r="H495686" s="12"/>
    </row>
    <row r="495687" spans="8:8">
      <c r="H495687" s="12"/>
    </row>
    <row r="495688" spans="8:8">
      <c r="H495688" s="12"/>
    </row>
    <row r="495689" spans="8:8">
      <c r="H495689" s="12"/>
    </row>
    <row r="495690" spans="8:8">
      <c r="H495690" s="12"/>
    </row>
    <row r="495691" spans="8:8">
      <c r="H495691" s="12"/>
    </row>
    <row r="495692" spans="8:8">
      <c r="H495692" s="12"/>
    </row>
    <row r="495693" spans="8:8">
      <c r="H495693" s="12"/>
    </row>
    <row r="495694" spans="8:8">
      <c r="H495694" s="12"/>
    </row>
    <row r="495695" spans="8:8">
      <c r="H495695" s="12"/>
    </row>
    <row r="495696" spans="8:8">
      <c r="H495696" s="12"/>
    </row>
    <row r="495697" spans="8:8">
      <c r="H495697" s="12"/>
    </row>
    <row r="495698" spans="8:8">
      <c r="H495698" s="12"/>
    </row>
    <row r="495699" spans="8:8">
      <c r="H495699" s="12"/>
    </row>
    <row r="495700" spans="8:8">
      <c r="H495700" s="12"/>
    </row>
    <row r="495701" spans="8:8">
      <c r="H495701" s="12"/>
    </row>
    <row r="495702" spans="8:8">
      <c r="H495702" s="12"/>
    </row>
    <row r="495703" spans="8:8">
      <c r="H495703" s="12"/>
    </row>
    <row r="495704" spans="8:8">
      <c r="H495704" s="12"/>
    </row>
    <row r="495705" spans="8:8">
      <c r="H495705" s="12"/>
    </row>
    <row r="495706" spans="8:8">
      <c r="H495706" s="12"/>
    </row>
    <row r="495707" spans="8:8">
      <c r="H495707" s="12"/>
    </row>
    <row r="495708" spans="8:8">
      <c r="H495708" s="12"/>
    </row>
    <row r="495709" spans="8:8">
      <c r="H495709" s="12"/>
    </row>
    <row r="495710" spans="8:8">
      <c r="H495710" s="12"/>
    </row>
    <row r="495711" spans="8:8">
      <c r="H495711" s="12"/>
    </row>
    <row r="495712" spans="8:8">
      <c r="H495712" s="12"/>
    </row>
    <row r="495713" spans="8:8">
      <c r="H495713" s="12"/>
    </row>
    <row r="495714" spans="8:8">
      <c r="H495714" s="12"/>
    </row>
    <row r="495715" spans="8:8">
      <c r="H495715" s="12"/>
    </row>
    <row r="495716" spans="8:8">
      <c r="H495716" s="12"/>
    </row>
    <row r="495717" spans="8:8">
      <c r="H495717" s="12"/>
    </row>
    <row r="495718" spans="8:8">
      <c r="H495718" s="12"/>
    </row>
    <row r="495719" spans="8:8">
      <c r="H495719" s="12"/>
    </row>
    <row r="495720" spans="8:8">
      <c r="H495720" s="12"/>
    </row>
    <row r="495721" spans="8:8">
      <c r="H495721" s="12"/>
    </row>
    <row r="495722" spans="8:8">
      <c r="H495722" s="12"/>
    </row>
    <row r="495723" spans="8:8">
      <c r="H495723" s="12"/>
    </row>
    <row r="495724" spans="8:8">
      <c r="H495724" s="12"/>
    </row>
    <row r="495725" spans="8:8">
      <c r="H495725" s="12"/>
    </row>
    <row r="495726" spans="8:8">
      <c r="H495726" s="12"/>
    </row>
    <row r="495727" spans="8:8">
      <c r="H495727" s="12"/>
    </row>
    <row r="495728" spans="8:8">
      <c r="H495728" s="12"/>
    </row>
    <row r="495729" spans="8:8">
      <c r="H495729" s="12"/>
    </row>
    <row r="495730" spans="8:8">
      <c r="H495730" s="12"/>
    </row>
    <row r="495731" spans="8:8">
      <c r="H495731" s="12"/>
    </row>
    <row r="495732" spans="8:8">
      <c r="H495732" s="12"/>
    </row>
    <row r="495733" spans="8:8">
      <c r="H495733" s="12"/>
    </row>
    <row r="495734" spans="8:8">
      <c r="H495734" s="12"/>
    </row>
    <row r="495735" spans="8:8">
      <c r="H495735" s="12"/>
    </row>
    <row r="495736" spans="8:8">
      <c r="H495736" s="12"/>
    </row>
    <row r="495737" spans="8:8">
      <c r="H495737" s="12"/>
    </row>
    <row r="495738" spans="8:8">
      <c r="H495738" s="12"/>
    </row>
    <row r="495739" spans="8:8">
      <c r="H495739" s="12"/>
    </row>
    <row r="495740" spans="8:8">
      <c r="H495740" s="12"/>
    </row>
    <row r="495741" spans="8:8">
      <c r="H495741" s="12"/>
    </row>
    <row r="495742" spans="8:8">
      <c r="H495742" s="12"/>
    </row>
    <row r="495743" spans="8:8">
      <c r="H495743" s="12"/>
    </row>
    <row r="495744" spans="8:8">
      <c r="H495744" s="12"/>
    </row>
    <row r="495745" spans="8:8">
      <c r="H495745" s="12"/>
    </row>
    <row r="495746" spans="8:8">
      <c r="H495746" s="12"/>
    </row>
    <row r="495747" spans="8:8">
      <c r="H495747" s="12"/>
    </row>
    <row r="495748" spans="8:8">
      <c r="H495748" s="12"/>
    </row>
    <row r="495749" spans="8:8">
      <c r="H495749" s="12"/>
    </row>
    <row r="495750" spans="8:8">
      <c r="H495750" s="12"/>
    </row>
    <row r="495751" spans="8:8">
      <c r="H495751" s="12"/>
    </row>
    <row r="495752" spans="8:8">
      <c r="H495752" s="12"/>
    </row>
    <row r="495753" spans="8:8">
      <c r="H495753" s="12"/>
    </row>
    <row r="495754" spans="8:8">
      <c r="H495754" s="12"/>
    </row>
    <row r="495755" spans="8:8">
      <c r="H495755" s="12"/>
    </row>
    <row r="495756" spans="8:8">
      <c r="H495756" s="12"/>
    </row>
    <row r="495757" spans="8:8">
      <c r="H495757" s="12"/>
    </row>
    <row r="495758" spans="8:8">
      <c r="H495758" s="12"/>
    </row>
    <row r="495759" spans="8:8">
      <c r="H495759" s="12"/>
    </row>
    <row r="495760" spans="8:8">
      <c r="H495760" s="12"/>
    </row>
    <row r="495761" spans="8:8">
      <c r="H495761" s="12"/>
    </row>
    <row r="495762" spans="8:8">
      <c r="H495762" s="12"/>
    </row>
    <row r="495763" spans="8:8">
      <c r="H495763" s="12"/>
    </row>
    <row r="495764" spans="8:8">
      <c r="H495764" s="12"/>
    </row>
    <row r="495765" spans="8:8">
      <c r="H495765" s="12"/>
    </row>
    <row r="495766" spans="8:8">
      <c r="H495766" s="12"/>
    </row>
    <row r="495767" spans="8:8">
      <c r="H495767" s="12"/>
    </row>
    <row r="495768" spans="8:8">
      <c r="H495768" s="12"/>
    </row>
    <row r="495769" spans="8:8">
      <c r="H495769" s="12"/>
    </row>
    <row r="495770" spans="8:8">
      <c r="H495770" s="12"/>
    </row>
    <row r="495771" spans="8:8">
      <c r="H495771" s="12"/>
    </row>
    <row r="495772" spans="8:8">
      <c r="H495772" s="12"/>
    </row>
    <row r="495773" spans="8:8">
      <c r="H495773" s="12"/>
    </row>
    <row r="495774" spans="8:8">
      <c r="H495774" s="12"/>
    </row>
    <row r="495775" spans="8:8">
      <c r="H495775" s="12"/>
    </row>
    <row r="495776" spans="8:8">
      <c r="H495776" s="12"/>
    </row>
    <row r="495777" spans="8:8">
      <c r="H495777" s="12"/>
    </row>
    <row r="495778" spans="8:8">
      <c r="H495778" s="12"/>
    </row>
    <row r="495779" spans="8:8">
      <c r="H495779" s="12"/>
    </row>
    <row r="495780" spans="8:8">
      <c r="H495780" s="12"/>
    </row>
    <row r="495781" spans="8:8">
      <c r="H495781" s="12"/>
    </row>
    <row r="495782" spans="8:8">
      <c r="H495782" s="12"/>
    </row>
    <row r="495783" spans="8:8">
      <c r="H495783" s="12"/>
    </row>
    <row r="495784" spans="8:8">
      <c r="H495784" s="12"/>
    </row>
    <row r="495785" spans="8:8">
      <c r="H495785" s="12"/>
    </row>
    <row r="495786" spans="8:8">
      <c r="H495786" s="12"/>
    </row>
    <row r="495787" spans="8:8">
      <c r="H495787" s="12"/>
    </row>
    <row r="495788" spans="8:8">
      <c r="H495788" s="12"/>
    </row>
    <row r="495789" spans="8:8">
      <c r="H495789" s="12"/>
    </row>
    <row r="495790" spans="8:8">
      <c r="H495790" s="12"/>
    </row>
    <row r="495791" spans="8:8">
      <c r="H495791" s="12"/>
    </row>
    <row r="495792" spans="8:8">
      <c r="H495792" s="12"/>
    </row>
    <row r="495793" spans="8:8">
      <c r="H495793" s="12"/>
    </row>
    <row r="495794" spans="8:8">
      <c r="H495794" s="12"/>
    </row>
    <row r="495795" spans="8:8">
      <c r="H495795" s="12"/>
    </row>
    <row r="495796" spans="8:8">
      <c r="H495796" s="12"/>
    </row>
    <row r="495797" spans="8:8">
      <c r="H495797" s="12"/>
    </row>
    <row r="495798" spans="8:8">
      <c r="H495798" s="12"/>
    </row>
    <row r="495799" spans="8:8">
      <c r="H495799" s="12"/>
    </row>
    <row r="495800" spans="8:8">
      <c r="H495800" s="12"/>
    </row>
    <row r="495801" spans="8:8">
      <c r="H495801" s="12"/>
    </row>
    <row r="495802" spans="8:8">
      <c r="H495802" s="12"/>
    </row>
    <row r="495803" spans="8:8">
      <c r="H495803" s="12"/>
    </row>
    <row r="495804" spans="8:8">
      <c r="H495804" s="12"/>
    </row>
    <row r="495805" spans="8:8">
      <c r="H495805" s="12"/>
    </row>
    <row r="495806" spans="8:8">
      <c r="H495806" s="12"/>
    </row>
    <row r="495807" spans="8:8">
      <c r="H495807" s="12"/>
    </row>
    <row r="495808" spans="8:8">
      <c r="H495808" s="12"/>
    </row>
    <row r="495809" spans="8:8">
      <c r="H495809" s="12"/>
    </row>
    <row r="495810" spans="8:8">
      <c r="H495810" s="12"/>
    </row>
    <row r="495811" spans="8:8">
      <c r="H495811" s="12"/>
    </row>
    <row r="495812" spans="8:8">
      <c r="H495812" s="12"/>
    </row>
    <row r="495813" spans="8:8">
      <c r="H495813" s="12"/>
    </row>
    <row r="495814" spans="8:8">
      <c r="H495814" s="12"/>
    </row>
    <row r="495815" spans="8:8">
      <c r="H495815" s="12"/>
    </row>
    <row r="495816" spans="8:8">
      <c r="H495816" s="12"/>
    </row>
    <row r="495817" spans="8:8">
      <c r="H495817" s="12"/>
    </row>
    <row r="495818" spans="8:8">
      <c r="H495818" s="12"/>
    </row>
    <row r="495819" spans="8:8">
      <c r="H495819" s="12"/>
    </row>
    <row r="495820" spans="8:8">
      <c r="H495820" s="12"/>
    </row>
    <row r="495821" spans="8:8">
      <c r="H495821" s="12"/>
    </row>
    <row r="495822" spans="8:8">
      <c r="H495822" s="12"/>
    </row>
    <row r="495823" spans="8:8">
      <c r="H495823" s="12"/>
    </row>
    <row r="495824" spans="8:8">
      <c r="H495824" s="12"/>
    </row>
    <row r="495825" spans="8:8">
      <c r="H495825" s="12"/>
    </row>
    <row r="495826" spans="8:8">
      <c r="H495826" s="12"/>
    </row>
    <row r="495827" spans="8:8">
      <c r="H495827" s="12"/>
    </row>
    <row r="495828" spans="8:8">
      <c r="H495828" s="12"/>
    </row>
    <row r="495829" spans="8:8">
      <c r="H495829" s="12"/>
    </row>
    <row r="495830" spans="8:8">
      <c r="H495830" s="12"/>
    </row>
    <row r="495831" spans="8:8">
      <c r="H495831" s="12"/>
    </row>
    <row r="495832" spans="8:8">
      <c r="H495832" s="12"/>
    </row>
    <row r="495833" spans="8:8">
      <c r="H495833" s="12"/>
    </row>
    <row r="495834" spans="8:8">
      <c r="H495834" s="12"/>
    </row>
    <row r="495835" spans="8:8">
      <c r="H495835" s="12"/>
    </row>
    <row r="495836" spans="8:8">
      <c r="H495836" s="12"/>
    </row>
    <row r="495837" spans="8:8">
      <c r="H495837" s="12"/>
    </row>
    <row r="495838" spans="8:8">
      <c r="H495838" s="12"/>
    </row>
    <row r="495839" spans="8:8">
      <c r="H495839" s="12"/>
    </row>
    <row r="495840" spans="8:8">
      <c r="H495840" s="12"/>
    </row>
    <row r="495841" spans="8:8">
      <c r="H495841" s="12"/>
    </row>
    <row r="495842" spans="8:8">
      <c r="H495842" s="12"/>
    </row>
    <row r="495843" spans="8:8">
      <c r="H495843" s="12"/>
    </row>
    <row r="495844" spans="8:8">
      <c r="H495844" s="12"/>
    </row>
    <row r="495845" spans="8:8">
      <c r="H495845" s="12"/>
    </row>
    <row r="495846" spans="8:8">
      <c r="H495846" s="12"/>
    </row>
    <row r="495847" spans="8:8">
      <c r="H495847" s="12"/>
    </row>
    <row r="495848" spans="8:8">
      <c r="H495848" s="12"/>
    </row>
    <row r="495849" spans="8:8">
      <c r="H495849" s="12"/>
    </row>
    <row r="495850" spans="8:8">
      <c r="H495850" s="12"/>
    </row>
    <row r="495851" spans="8:8">
      <c r="H495851" s="12"/>
    </row>
    <row r="495852" spans="8:8">
      <c r="H495852" s="12"/>
    </row>
    <row r="495853" spans="8:8">
      <c r="H495853" s="12"/>
    </row>
    <row r="495854" spans="8:8">
      <c r="H495854" s="12"/>
    </row>
    <row r="495855" spans="8:8">
      <c r="H495855" s="12"/>
    </row>
    <row r="495856" spans="8:8">
      <c r="H495856" s="12"/>
    </row>
    <row r="495857" spans="8:8">
      <c r="H495857" s="12"/>
    </row>
    <row r="495858" spans="8:8">
      <c r="H495858" s="12"/>
    </row>
    <row r="495859" spans="8:8">
      <c r="H495859" s="12"/>
    </row>
    <row r="495860" spans="8:8">
      <c r="H495860" s="12"/>
    </row>
    <row r="495861" spans="8:8">
      <c r="H495861" s="12"/>
    </row>
    <row r="495862" spans="8:8">
      <c r="H495862" s="12"/>
    </row>
    <row r="495863" spans="8:8">
      <c r="H495863" s="12"/>
    </row>
    <row r="495864" spans="8:8">
      <c r="H495864" s="12"/>
    </row>
    <row r="495865" spans="8:8">
      <c r="H495865" s="12"/>
    </row>
    <row r="495866" spans="8:8">
      <c r="H495866" s="12"/>
    </row>
    <row r="495867" spans="8:8">
      <c r="H495867" s="12"/>
    </row>
    <row r="495868" spans="8:8">
      <c r="H495868" s="12"/>
    </row>
    <row r="495869" spans="8:8">
      <c r="H495869" s="12"/>
    </row>
    <row r="495870" spans="8:8">
      <c r="H495870" s="12"/>
    </row>
    <row r="495871" spans="8:8">
      <c r="H495871" s="12"/>
    </row>
    <row r="495872" spans="8:8">
      <c r="H495872" s="12"/>
    </row>
    <row r="495873" spans="8:8">
      <c r="H495873" s="12"/>
    </row>
    <row r="495874" spans="8:8">
      <c r="H495874" s="12"/>
    </row>
    <row r="495875" spans="8:8">
      <c r="H495875" s="12"/>
    </row>
    <row r="495876" spans="8:8">
      <c r="H495876" s="12"/>
    </row>
    <row r="495877" spans="8:8">
      <c r="H495877" s="12"/>
    </row>
    <row r="495878" spans="8:8">
      <c r="H495878" s="12"/>
    </row>
    <row r="495879" spans="8:8">
      <c r="H495879" s="12"/>
    </row>
    <row r="495880" spans="8:8">
      <c r="H495880" s="12"/>
    </row>
    <row r="495881" spans="8:8">
      <c r="H495881" s="12"/>
    </row>
    <row r="495882" spans="8:8">
      <c r="H495882" s="12"/>
    </row>
    <row r="495883" spans="8:8">
      <c r="H495883" s="12"/>
    </row>
    <row r="495884" spans="8:8">
      <c r="H495884" s="12"/>
    </row>
    <row r="495885" spans="8:8">
      <c r="H495885" s="12"/>
    </row>
    <row r="495886" spans="8:8">
      <c r="H495886" s="12"/>
    </row>
    <row r="495887" spans="8:8">
      <c r="H495887" s="12"/>
    </row>
    <row r="495888" spans="8:8">
      <c r="H495888" s="12"/>
    </row>
    <row r="495889" spans="8:8">
      <c r="H495889" s="12"/>
    </row>
    <row r="495890" spans="8:8">
      <c r="H495890" s="12"/>
    </row>
    <row r="495891" spans="8:8">
      <c r="H495891" s="12"/>
    </row>
    <row r="495892" spans="8:8">
      <c r="H495892" s="12"/>
    </row>
    <row r="495893" spans="8:8">
      <c r="H495893" s="12"/>
    </row>
    <row r="495894" spans="8:8">
      <c r="H495894" s="12"/>
    </row>
    <row r="495895" spans="8:8">
      <c r="H495895" s="12"/>
    </row>
    <row r="495896" spans="8:8">
      <c r="H495896" s="12"/>
    </row>
    <row r="495897" spans="8:8">
      <c r="H495897" s="12"/>
    </row>
    <row r="495898" spans="8:8">
      <c r="H495898" s="12"/>
    </row>
    <row r="495899" spans="8:8">
      <c r="H495899" s="12"/>
    </row>
    <row r="495900" spans="8:8">
      <c r="H495900" s="12"/>
    </row>
    <row r="495901" spans="8:8">
      <c r="H495901" s="12"/>
    </row>
    <row r="495902" spans="8:8">
      <c r="H495902" s="12"/>
    </row>
    <row r="495903" spans="8:8">
      <c r="H495903" s="12"/>
    </row>
    <row r="495904" spans="8:8">
      <c r="H495904" s="12"/>
    </row>
    <row r="495905" spans="8:8">
      <c r="H495905" s="12"/>
    </row>
    <row r="495906" spans="8:8">
      <c r="H495906" s="12"/>
    </row>
    <row r="495907" spans="8:8">
      <c r="H495907" s="12"/>
    </row>
    <row r="495908" spans="8:8">
      <c r="H495908" s="12"/>
    </row>
    <row r="495909" spans="8:8">
      <c r="H495909" s="12"/>
    </row>
    <row r="495910" spans="8:8">
      <c r="H495910" s="12"/>
    </row>
    <row r="495911" spans="8:8">
      <c r="H495911" s="12"/>
    </row>
    <row r="495912" spans="8:8">
      <c r="H495912" s="12"/>
    </row>
    <row r="495913" spans="8:8">
      <c r="H495913" s="12"/>
    </row>
    <row r="495914" spans="8:8">
      <c r="H495914" s="12"/>
    </row>
    <row r="495915" spans="8:8">
      <c r="H495915" s="12"/>
    </row>
    <row r="495916" spans="8:8">
      <c r="H495916" s="12"/>
    </row>
    <row r="495917" spans="8:8">
      <c r="H495917" s="12"/>
    </row>
    <row r="495918" spans="8:8">
      <c r="H495918" s="12"/>
    </row>
    <row r="495919" spans="8:8">
      <c r="H495919" s="12"/>
    </row>
    <row r="495920" spans="8:8">
      <c r="H495920" s="12"/>
    </row>
    <row r="495921" spans="8:8">
      <c r="H495921" s="12"/>
    </row>
    <row r="495922" spans="8:8">
      <c r="H495922" s="12"/>
    </row>
    <row r="495923" spans="8:8">
      <c r="H495923" s="12"/>
    </row>
    <row r="495924" spans="8:8">
      <c r="H495924" s="12"/>
    </row>
    <row r="495925" spans="8:8">
      <c r="H495925" s="12"/>
    </row>
    <row r="495926" spans="8:8">
      <c r="H495926" s="12"/>
    </row>
    <row r="495927" spans="8:8">
      <c r="H495927" s="12"/>
    </row>
    <row r="495928" spans="8:8">
      <c r="H495928" s="12"/>
    </row>
    <row r="495929" spans="8:8">
      <c r="H495929" s="12"/>
    </row>
    <row r="495930" spans="8:8">
      <c r="H495930" s="12"/>
    </row>
    <row r="495931" spans="8:8">
      <c r="H495931" s="12"/>
    </row>
    <row r="495932" spans="8:8">
      <c r="H495932" s="12"/>
    </row>
    <row r="495933" spans="8:8">
      <c r="H495933" s="12"/>
    </row>
    <row r="495934" spans="8:8">
      <c r="H495934" s="12"/>
    </row>
    <row r="495935" spans="8:8">
      <c r="H495935" s="12"/>
    </row>
    <row r="495936" spans="8:8">
      <c r="H495936" s="12"/>
    </row>
    <row r="495937" spans="8:8">
      <c r="H495937" s="12"/>
    </row>
    <row r="495938" spans="8:8">
      <c r="H495938" s="12"/>
    </row>
    <row r="495939" spans="8:8">
      <c r="H495939" s="12"/>
    </row>
    <row r="495940" spans="8:8">
      <c r="H495940" s="12"/>
    </row>
    <row r="495941" spans="8:8">
      <c r="H495941" s="12"/>
    </row>
    <row r="495942" spans="8:8">
      <c r="H495942" s="12"/>
    </row>
    <row r="495943" spans="8:8">
      <c r="H495943" s="12"/>
    </row>
    <row r="495944" spans="8:8">
      <c r="H495944" s="12"/>
    </row>
    <row r="495945" spans="8:8">
      <c r="H495945" s="12"/>
    </row>
    <row r="495946" spans="8:8">
      <c r="H495946" s="12"/>
    </row>
    <row r="495947" spans="8:8">
      <c r="H495947" s="12"/>
    </row>
    <row r="495948" spans="8:8">
      <c r="H495948" s="12"/>
    </row>
    <row r="495949" spans="8:8">
      <c r="H495949" s="12"/>
    </row>
    <row r="495950" spans="8:8">
      <c r="H495950" s="12"/>
    </row>
    <row r="495951" spans="8:8">
      <c r="H495951" s="12"/>
    </row>
    <row r="495952" spans="8:8">
      <c r="H495952" s="12"/>
    </row>
    <row r="495953" spans="8:8">
      <c r="H495953" s="12"/>
    </row>
    <row r="495954" spans="8:8">
      <c r="H495954" s="12"/>
    </row>
    <row r="495955" spans="8:8">
      <c r="H495955" s="12"/>
    </row>
    <row r="495956" spans="8:8">
      <c r="H495956" s="12"/>
    </row>
    <row r="495957" spans="8:8">
      <c r="H495957" s="12"/>
    </row>
    <row r="495958" spans="8:8">
      <c r="H495958" s="12"/>
    </row>
    <row r="495959" spans="8:8">
      <c r="H495959" s="12"/>
    </row>
    <row r="495960" spans="8:8">
      <c r="H495960" s="12"/>
    </row>
    <row r="495961" spans="8:8">
      <c r="H495961" s="12"/>
    </row>
    <row r="495962" spans="8:8">
      <c r="H495962" s="12"/>
    </row>
    <row r="495963" spans="8:8">
      <c r="H495963" s="12"/>
    </row>
    <row r="495964" spans="8:8">
      <c r="H495964" s="12"/>
    </row>
    <row r="495965" spans="8:8">
      <c r="H495965" s="12"/>
    </row>
    <row r="495966" spans="8:8">
      <c r="H495966" s="12"/>
    </row>
    <row r="495967" spans="8:8">
      <c r="H495967" s="12"/>
    </row>
    <row r="495968" spans="8:8">
      <c r="H495968" s="12"/>
    </row>
    <row r="495969" spans="8:8">
      <c r="H495969" s="12"/>
    </row>
    <row r="495970" spans="8:8">
      <c r="H495970" s="12"/>
    </row>
    <row r="495971" spans="8:8">
      <c r="H495971" s="12"/>
    </row>
    <row r="495972" spans="8:8">
      <c r="H495972" s="12"/>
    </row>
    <row r="495973" spans="8:8">
      <c r="H495973" s="12"/>
    </row>
    <row r="495974" spans="8:8">
      <c r="H495974" s="12"/>
    </row>
    <row r="495975" spans="8:8">
      <c r="H495975" s="12"/>
    </row>
    <row r="495976" spans="8:8">
      <c r="H495976" s="12"/>
    </row>
    <row r="495977" spans="8:8">
      <c r="H495977" s="12"/>
    </row>
    <row r="495978" spans="8:8">
      <c r="H495978" s="12"/>
    </row>
    <row r="495979" spans="8:8">
      <c r="H495979" s="12"/>
    </row>
    <row r="495980" spans="8:8">
      <c r="H495980" s="12"/>
    </row>
    <row r="495981" spans="8:8">
      <c r="H495981" s="12"/>
    </row>
    <row r="495982" spans="8:8">
      <c r="H495982" s="12"/>
    </row>
    <row r="495983" spans="8:8">
      <c r="H495983" s="12"/>
    </row>
    <row r="495984" spans="8:8">
      <c r="H495984" s="12"/>
    </row>
    <row r="495985" spans="8:8">
      <c r="H495985" s="12"/>
    </row>
    <row r="495986" spans="8:8">
      <c r="H495986" s="12"/>
    </row>
    <row r="495987" spans="8:8">
      <c r="H495987" s="12"/>
    </row>
    <row r="495988" spans="8:8">
      <c r="H495988" s="12"/>
    </row>
    <row r="495989" spans="8:8">
      <c r="H495989" s="12"/>
    </row>
    <row r="495990" spans="8:8">
      <c r="H495990" s="12"/>
    </row>
    <row r="495991" spans="8:8">
      <c r="H495991" s="12"/>
    </row>
    <row r="495992" spans="8:8">
      <c r="H495992" s="12"/>
    </row>
    <row r="495993" spans="8:8">
      <c r="H495993" s="12"/>
    </row>
    <row r="495994" spans="8:8">
      <c r="H495994" s="12"/>
    </row>
    <row r="495995" spans="8:8">
      <c r="H495995" s="12"/>
    </row>
    <row r="495996" spans="8:8">
      <c r="H495996" s="12"/>
    </row>
    <row r="495997" spans="8:8">
      <c r="H495997" s="12"/>
    </row>
    <row r="495998" spans="8:8">
      <c r="H495998" s="12"/>
    </row>
    <row r="495999" spans="8:8">
      <c r="H495999" s="12"/>
    </row>
    <row r="496000" spans="8:8">
      <c r="H496000" s="12"/>
    </row>
    <row r="496001" spans="8:8">
      <c r="H496001" s="12"/>
    </row>
    <row r="496002" spans="8:8">
      <c r="H496002" s="12"/>
    </row>
    <row r="496003" spans="8:8">
      <c r="H496003" s="12"/>
    </row>
    <row r="496004" spans="8:8">
      <c r="H496004" s="12"/>
    </row>
    <row r="496005" spans="8:8">
      <c r="H496005" s="12"/>
    </row>
    <row r="496006" spans="8:8">
      <c r="H496006" s="12"/>
    </row>
    <row r="496007" spans="8:8">
      <c r="H496007" s="12"/>
    </row>
    <row r="496008" spans="8:8">
      <c r="H496008" s="12"/>
    </row>
    <row r="496009" spans="8:8">
      <c r="H496009" s="12"/>
    </row>
    <row r="496010" spans="8:8">
      <c r="H496010" s="12"/>
    </row>
    <row r="496011" spans="8:8">
      <c r="H496011" s="12"/>
    </row>
    <row r="496012" spans="8:8">
      <c r="H496012" s="12"/>
    </row>
    <row r="496013" spans="8:8">
      <c r="H496013" s="12"/>
    </row>
    <row r="496014" spans="8:8">
      <c r="H496014" s="12"/>
    </row>
    <row r="496015" spans="8:8">
      <c r="H496015" s="12"/>
    </row>
    <row r="496016" spans="8:8">
      <c r="H496016" s="12"/>
    </row>
    <row r="496017" spans="8:8">
      <c r="H496017" s="12"/>
    </row>
    <row r="496018" spans="8:8">
      <c r="H496018" s="12"/>
    </row>
    <row r="496019" spans="8:8">
      <c r="H496019" s="12"/>
    </row>
    <row r="496020" spans="8:8">
      <c r="H496020" s="12"/>
    </row>
    <row r="496021" spans="8:8">
      <c r="H496021" s="12"/>
    </row>
    <row r="496022" spans="8:8">
      <c r="H496022" s="12"/>
    </row>
    <row r="496023" spans="8:8">
      <c r="H496023" s="12"/>
    </row>
    <row r="496024" spans="8:8">
      <c r="H496024" s="12"/>
    </row>
    <row r="496025" spans="8:8">
      <c r="H496025" s="12"/>
    </row>
    <row r="496026" spans="8:8">
      <c r="H496026" s="12"/>
    </row>
    <row r="496027" spans="8:8">
      <c r="H496027" s="12"/>
    </row>
    <row r="496028" spans="8:8">
      <c r="H496028" s="12"/>
    </row>
    <row r="496029" spans="8:8">
      <c r="H496029" s="12"/>
    </row>
    <row r="496030" spans="8:8">
      <c r="H496030" s="12"/>
    </row>
    <row r="496031" spans="8:8">
      <c r="H496031" s="12"/>
    </row>
    <row r="496032" spans="8:8">
      <c r="H496032" s="12"/>
    </row>
    <row r="496033" spans="8:8">
      <c r="H496033" s="12"/>
    </row>
    <row r="496034" spans="8:8">
      <c r="H496034" s="12"/>
    </row>
    <row r="496035" spans="8:8">
      <c r="H496035" s="12"/>
    </row>
    <row r="496036" spans="8:8">
      <c r="H496036" s="12"/>
    </row>
    <row r="496037" spans="8:8">
      <c r="H496037" s="12"/>
    </row>
    <row r="496038" spans="8:8">
      <c r="H496038" s="12"/>
    </row>
    <row r="496039" spans="8:8">
      <c r="H496039" s="12"/>
    </row>
    <row r="496040" spans="8:8">
      <c r="H496040" s="12"/>
    </row>
    <row r="496041" spans="8:8">
      <c r="H496041" s="12"/>
    </row>
    <row r="496042" spans="8:8">
      <c r="H496042" s="12"/>
    </row>
    <row r="496043" spans="8:8">
      <c r="H496043" s="12"/>
    </row>
    <row r="496044" spans="8:8">
      <c r="H496044" s="12"/>
    </row>
    <row r="496045" spans="8:8">
      <c r="H496045" s="12"/>
    </row>
    <row r="496046" spans="8:8">
      <c r="H496046" s="12"/>
    </row>
    <row r="496047" spans="8:8">
      <c r="H496047" s="12"/>
    </row>
    <row r="496048" spans="8:8">
      <c r="H496048" s="12"/>
    </row>
    <row r="496049" spans="8:8">
      <c r="H496049" s="12"/>
    </row>
    <row r="496050" spans="8:8">
      <c r="H496050" s="12"/>
    </row>
    <row r="496051" spans="8:8">
      <c r="H496051" s="12"/>
    </row>
    <row r="496052" spans="8:8">
      <c r="H496052" s="12"/>
    </row>
    <row r="496053" spans="8:8">
      <c r="H496053" s="12"/>
    </row>
    <row r="496054" spans="8:8">
      <c r="H496054" s="12"/>
    </row>
    <row r="496055" spans="8:8">
      <c r="H496055" s="12"/>
    </row>
    <row r="496056" spans="8:8">
      <c r="H496056" s="12"/>
    </row>
    <row r="496057" spans="8:8">
      <c r="H496057" s="12"/>
    </row>
    <row r="496058" spans="8:8">
      <c r="H496058" s="12"/>
    </row>
    <row r="496059" spans="8:8">
      <c r="H496059" s="12"/>
    </row>
    <row r="496060" spans="8:8">
      <c r="H496060" s="12"/>
    </row>
    <row r="496061" spans="8:8">
      <c r="H496061" s="12"/>
    </row>
    <row r="496062" spans="8:8">
      <c r="H496062" s="12"/>
    </row>
    <row r="496063" spans="8:8">
      <c r="H496063" s="12"/>
    </row>
    <row r="496064" spans="8:8">
      <c r="H496064" s="12"/>
    </row>
    <row r="496065" spans="8:8">
      <c r="H496065" s="12"/>
    </row>
    <row r="496066" spans="8:8">
      <c r="H496066" s="12"/>
    </row>
    <row r="496067" spans="8:8">
      <c r="H496067" s="12"/>
    </row>
    <row r="496068" spans="8:8">
      <c r="H496068" s="12"/>
    </row>
    <row r="496069" spans="8:8">
      <c r="H496069" s="12"/>
    </row>
    <row r="496070" spans="8:8">
      <c r="H496070" s="12"/>
    </row>
    <row r="496071" spans="8:8">
      <c r="H496071" s="12"/>
    </row>
    <row r="496072" spans="8:8">
      <c r="H496072" s="12"/>
    </row>
    <row r="496073" spans="8:8">
      <c r="H496073" s="12"/>
    </row>
    <row r="496074" spans="8:8">
      <c r="H496074" s="12"/>
    </row>
    <row r="496075" spans="8:8">
      <c r="H496075" s="12"/>
    </row>
    <row r="496076" spans="8:8">
      <c r="H496076" s="12"/>
    </row>
    <row r="496077" spans="8:8">
      <c r="H496077" s="12"/>
    </row>
    <row r="496078" spans="8:8">
      <c r="H496078" s="12"/>
    </row>
    <row r="496079" spans="8:8">
      <c r="H496079" s="12"/>
    </row>
    <row r="496080" spans="8:8">
      <c r="H496080" s="12"/>
    </row>
    <row r="496081" spans="8:8">
      <c r="H496081" s="12"/>
    </row>
    <row r="496082" spans="8:8">
      <c r="H496082" s="12"/>
    </row>
    <row r="496083" spans="8:8">
      <c r="H496083" s="12"/>
    </row>
    <row r="496084" spans="8:8">
      <c r="H496084" s="12"/>
    </row>
    <row r="496085" spans="8:8">
      <c r="H496085" s="12"/>
    </row>
    <row r="496086" spans="8:8">
      <c r="H496086" s="12"/>
    </row>
    <row r="496087" spans="8:8">
      <c r="H496087" s="12"/>
    </row>
    <row r="496088" spans="8:8">
      <c r="H496088" s="12"/>
    </row>
    <row r="496089" spans="8:8">
      <c r="H496089" s="12"/>
    </row>
    <row r="496090" spans="8:8">
      <c r="H496090" s="12"/>
    </row>
    <row r="496091" spans="8:8">
      <c r="H496091" s="12"/>
    </row>
    <row r="496092" spans="8:8">
      <c r="H496092" s="12"/>
    </row>
    <row r="496093" spans="8:8">
      <c r="H496093" s="12"/>
    </row>
    <row r="496094" spans="8:8">
      <c r="H496094" s="12"/>
    </row>
    <row r="496095" spans="8:8">
      <c r="H496095" s="12"/>
    </row>
    <row r="496096" spans="8:8">
      <c r="H496096" s="12"/>
    </row>
    <row r="496097" spans="8:8">
      <c r="H496097" s="12"/>
    </row>
    <row r="496098" spans="8:8">
      <c r="H496098" s="12"/>
    </row>
    <row r="496099" spans="8:8">
      <c r="H496099" s="12"/>
    </row>
    <row r="496100" spans="8:8">
      <c r="H496100" s="12"/>
    </row>
    <row r="496101" spans="8:8">
      <c r="H496101" s="12"/>
    </row>
    <row r="496102" spans="8:8">
      <c r="H496102" s="12"/>
    </row>
    <row r="496103" spans="8:8">
      <c r="H496103" s="12"/>
    </row>
    <row r="496104" spans="8:8">
      <c r="H496104" s="12"/>
    </row>
    <row r="496105" spans="8:8">
      <c r="H496105" s="12"/>
    </row>
    <row r="496106" spans="8:8">
      <c r="H496106" s="12"/>
    </row>
    <row r="496107" spans="8:8">
      <c r="H496107" s="12"/>
    </row>
    <row r="496108" spans="8:8">
      <c r="H496108" s="12"/>
    </row>
    <row r="496109" spans="8:8">
      <c r="H496109" s="12"/>
    </row>
    <row r="496110" spans="8:8">
      <c r="H496110" s="12"/>
    </row>
    <row r="496111" spans="8:8">
      <c r="H496111" s="12"/>
    </row>
    <row r="496112" spans="8:8">
      <c r="H496112" s="12"/>
    </row>
    <row r="496113" spans="8:8">
      <c r="H496113" s="12"/>
    </row>
    <row r="496114" spans="8:8">
      <c r="H496114" s="12"/>
    </row>
    <row r="496115" spans="8:8">
      <c r="H496115" s="12"/>
    </row>
    <row r="496116" spans="8:8">
      <c r="H496116" s="12"/>
    </row>
    <row r="496117" spans="8:8">
      <c r="H496117" s="12"/>
    </row>
    <row r="496118" spans="8:8">
      <c r="H496118" s="12"/>
    </row>
    <row r="496119" spans="8:8">
      <c r="H496119" s="12"/>
    </row>
    <row r="496120" spans="8:8">
      <c r="H496120" s="12"/>
    </row>
    <row r="496121" spans="8:8">
      <c r="H496121" s="12"/>
    </row>
    <row r="496122" spans="8:8">
      <c r="H496122" s="12"/>
    </row>
    <row r="496123" spans="8:8">
      <c r="H496123" s="12"/>
    </row>
    <row r="496124" spans="8:8">
      <c r="H496124" s="12"/>
    </row>
    <row r="496125" spans="8:8">
      <c r="H496125" s="12"/>
    </row>
    <row r="496126" spans="8:8">
      <c r="H496126" s="12"/>
    </row>
    <row r="496127" spans="8:8">
      <c r="H496127" s="12"/>
    </row>
    <row r="496128" spans="8:8">
      <c r="H496128" s="12"/>
    </row>
    <row r="496129" spans="8:8">
      <c r="H496129" s="12"/>
    </row>
    <row r="496130" spans="8:8">
      <c r="H496130" s="12"/>
    </row>
    <row r="496131" spans="8:8">
      <c r="H496131" s="12"/>
    </row>
    <row r="496132" spans="8:8">
      <c r="H496132" s="12"/>
    </row>
    <row r="496133" spans="8:8">
      <c r="H496133" s="12"/>
    </row>
    <row r="496134" spans="8:8">
      <c r="H496134" s="12"/>
    </row>
    <row r="496135" spans="8:8">
      <c r="H496135" s="12"/>
    </row>
    <row r="496136" spans="8:8">
      <c r="H496136" s="12"/>
    </row>
    <row r="496137" spans="8:8">
      <c r="H496137" s="12"/>
    </row>
    <row r="496138" spans="8:8">
      <c r="H496138" s="12"/>
    </row>
    <row r="496139" spans="8:8">
      <c r="H496139" s="12"/>
    </row>
    <row r="496140" spans="8:8">
      <c r="H496140" s="12"/>
    </row>
    <row r="496141" spans="8:8">
      <c r="H496141" s="12"/>
    </row>
    <row r="496142" spans="8:8">
      <c r="H496142" s="12"/>
    </row>
    <row r="496143" spans="8:8">
      <c r="H496143" s="12"/>
    </row>
    <row r="496144" spans="8:8">
      <c r="H496144" s="12"/>
    </row>
    <row r="496145" spans="8:8">
      <c r="H496145" s="12"/>
    </row>
    <row r="496146" spans="8:8">
      <c r="H496146" s="12"/>
    </row>
    <row r="496147" spans="8:8">
      <c r="H496147" s="12"/>
    </row>
    <row r="496148" spans="8:8">
      <c r="H496148" s="12"/>
    </row>
    <row r="496149" spans="8:8">
      <c r="H496149" s="12"/>
    </row>
    <row r="496150" spans="8:8">
      <c r="H496150" s="12"/>
    </row>
    <row r="496151" spans="8:8">
      <c r="H496151" s="12"/>
    </row>
    <row r="496152" spans="8:8">
      <c r="H496152" s="12"/>
    </row>
    <row r="496153" spans="8:8">
      <c r="H496153" s="12"/>
    </row>
    <row r="496154" spans="8:8">
      <c r="H496154" s="12"/>
    </row>
    <row r="496155" spans="8:8">
      <c r="H496155" s="12"/>
    </row>
    <row r="496156" spans="8:8">
      <c r="H496156" s="12"/>
    </row>
    <row r="496157" spans="8:8">
      <c r="H496157" s="12"/>
    </row>
    <row r="496158" spans="8:8">
      <c r="H496158" s="12"/>
    </row>
    <row r="496159" spans="8:8">
      <c r="H496159" s="12"/>
    </row>
    <row r="496160" spans="8:8">
      <c r="H496160" s="12"/>
    </row>
    <row r="496161" spans="8:8">
      <c r="H496161" s="12"/>
    </row>
    <row r="496162" spans="8:8">
      <c r="H496162" s="12"/>
    </row>
    <row r="496163" spans="8:8">
      <c r="H496163" s="12"/>
    </row>
    <row r="496164" spans="8:8">
      <c r="H496164" s="12"/>
    </row>
    <row r="496165" spans="8:8">
      <c r="H496165" s="12"/>
    </row>
    <row r="496166" spans="8:8">
      <c r="H496166" s="12"/>
    </row>
    <row r="496167" spans="8:8">
      <c r="H496167" s="12"/>
    </row>
    <row r="496168" spans="8:8">
      <c r="H496168" s="12"/>
    </row>
    <row r="496169" spans="8:8">
      <c r="H496169" s="12"/>
    </row>
    <row r="496170" spans="8:8">
      <c r="H496170" s="12"/>
    </row>
    <row r="496171" spans="8:8">
      <c r="H496171" s="12"/>
    </row>
    <row r="496172" spans="8:8">
      <c r="H496172" s="12"/>
    </row>
    <row r="496173" spans="8:8">
      <c r="H496173" s="12"/>
    </row>
    <row r="496174" spans="8:8">
      <c r="H496174" s="12"/>
    </row>
    <row r="496175" spans="8:8">
      <c r="H496175" s="12"/>
    </row>
    <row r="496176" spans="8:8">
      <c r="H496176" s="12"/>
    </row>
    <row r="496177" spans="8:8">
      <c r="H496177" s="12"/>
    </row>
    <row r="496178" spans="8:8">
      <c r="H496178" s="12"/>
    </row>
    <row r="496179" spans="8:8">
      <c r="H496179" s="12"/>
    </row>
    <row r="496180" spans="8:8">
      <c r="H496180" s="12"/>
    </row>
    <row r="496181" spans="8:8">
      <c r="H496181" s="12"/>
    </row>
    <row r="496182" spans="8:8">
      <c r="H496182" s="12"/>
    </row>
    <row r="496183" spans="8:8">
      <c r="H496183" s="12"/>
    </row>
    <row r="496184" spans="8:8">
      <c r="H496184" s="12"/>
    </row>
    <row r="496185" spans="8:8">
      <c r="H496185" s="12"/>
    </row>
    <row r="496186" spans="8:8">
      <c r="H496186" s="12"/>
    </row>
    <row r="496187" spans="8:8">
      <c r="H496187" s="12"/>
    </row>
    <row r="496188" spans="8:8">
      <c r="H496188" s="12"/>
    </row>
    <row r="496189" spans="8:8">
      <c r="H496189" s="12"/>
    </row>
    <row r="496190" spans="8:8">
      <c r="H496190" s="12"/>
    </row>
    <row r="496191" spans="8:8">
      <c r="H496191" s="12"/>
    </row>
    <row r="496192" spans="8:8">
      <c r="H496192" s="12"/>
    </row>
    <row r="496193" spans="8:8">
      <c r="H496193" s="12"/>
    </row>
    <row r="496194" spans="8:8">
      <c r="H496194" s="12"/>
    </row>
    <row r="496195" spans="8:8">
      <c r="H496195" s="12"/>
    </row>
    <row r="496196" spans="8:8">
      <c r="H496196" s="12"/>
    </row>
    <row r="496197" spans="8:8">
      <c r="H496197" s="12"/>
    </row>
    <row r="496198" spans="8:8">
      <c r="H496198" s="12"/>
    </row>
    <row r="496199" spans="8:8">
      <c r="H496199" s="12"/>
    </row>
    <row r="496200" spans="8:8">
      <c r="H496200" s="12"/>
    </row>
    <row r="496201" spans="8:8">
      <c r="H496201" s="12"/>
    </row>
    <row r="496202" spans="8:8">
      <c r="H496202" s="12"/>
    </row>
    <row r="496203" spans="8:8">
      <c r="H496203" s="12"/>
    </row>
    <row r="496204" spans="8:8">
      <c r="H496204" s="12"/>
    </row>
    <row r="496205" spans="8:8">
      <c r="H496205" s="12"/>
    </row>
    <row r="496206" spans="8:8">
      <c r="H496206" s="12"/>
    </row>
    <row r="496207" spans="8:8">
      <c r="H496207" s="12"/>
    </row>
    <row r="496208" spans="8:8">
      <c r="H496208" s="12"/>
    </row>
    <row r="496209" spans="8:8">
      <c r="H496209" s="12"/>
    </row>
    <row r="496210" spans="8:8">
      <c r="H496210" s="12"/>
    </row>
    <row r="496211" spans="8:8">
      <c r="H496211" s="12"/>
    </row>
    <row r="496212" spans="8:8">
      <c r="H496212" s="12"/>
    </row>
    <row r="496213" spans="8:8">
      <c r="H496213" s="12"/>
    </row>
    <row r="496214" spans="8:8">
      <c r="H496214" s="12"/>
    </row>
    <row r="496215" spans="8:8">
      <c r="H496215" s="12"/>
    </row>
    <row r="496216" spans="8:8">
      <c r="H496216" s="12"/>
    </row>
    <row r="496217" spans="8:8">
      <c r="H496217" s="12"/>
    </row>
    <row r="496218" spans="8:8">
      <c r="H496218" s="12"/>
    </row>
    <row r="496219" spans="8:8">
      <c r="H496219" s="12"/>
    </row>
    <row r="496220" spans="8:8">
      <c r="H496220" s="12"/>
    </row>
    <row r="496221" spans="8:8">
      <c r="H496221" s="12"/>
    </row>
    <row r="496222" spans="8:8">
      <c r="H496222" s="12"/>
    </row>
    <row r="496223" spans="8:8">
      <c r="H496223" s="12"/>
    </row>
    <row r="496224" spans="8:8">
      <c r="H496224" s="12"/>
    </row>
    <row r="496225" spans="8:8">
      <c r="H496225" s="12"/>
    </row>
    <row r="496226" spans="8:8">
      <c r="H496226" s="12"/>
    </row>
    <row r="496227" spans="8:8">
      <c r="H496227" s="12"/>
    </row>
    <row r="496228" spans="8:8">
      <c r="H496228" s="12"/>
    </row>
    <row r="496229" spans="8:8">
      <c r="H496229" s="12"/>
    </row>
    <row r="496230" spans="8:8">
      <c r="H496230" s="12"/>
    </row>
    <row r="496231" spans="8:8">
      <c r="H496231" s="12"/>
    </row>
    <row r="496232" spans="8:8">
      <c r="H496232" s="12"/>
    </row>
    <row r="496233" spans="8:8">
      <c r="H496233" s="12"/>
    </row>
    <row r="496234" spans="8:8">
      <c r="H496234" s="12"/>
    </row>
    <row r="496235" spans="8:8">
      <c r="H496235" s="12"/>
    </row>
    <row r="496236" spans="8:8">
      <c r="H496236" s="12"/>
    </row>
    <row r="496237" spans="8:8">
      <c r="H496237" s="12"/>
    </row>
    <row r="496238" spans="8:8">
      <c r="H496238" s="12"/>
    </row>
    <row r="496239" spans="8:8">
      <c r="H496239" s="12"/>
    </row>
    <row r="496240" spans="8:8">
      <c r="H496240" s="12"/>
    </row>
    <row r="496241" spans="8:8">
      <c r="H496241" s="12"/>
    </row>
    <row r="496242" spans="8:8">
      <c r="H496242" s="12"/>
    </row>
    <row r="496243" spans="8:8">
      <c r="H496243" s="12"/>
    </row>
    <row r="496244" spans="8:8">
      <c r="H496244" s="12"/>
    </row>
    <row r="496245" spans="8:8">
      <c r="H496245" s="12"/>
    </row>
    <row r="496246" spans="8:8">
      <c r="H496246" s="12"/>
    </row>
    <row r="496247" spans="8:8">
      <c r="H496247" s="12"/>
    </row>
    <row r="496248" spans="8:8">
      <c r="H496248" s="12"/>
    </row>
    <row r="496249" spans="8:8">
      <c r="H496249" s="12"/>
    </row>
    <row r="496250" spans="8:8">
      <c r="H496250" s="12"/>
    </row>
    <row r="496251" spans="8:8">
      <c r="H496251" s="12"/>
    </row>
    <row r="496252" spans="8:8">
      <c r="H496252" s="12"/>
    </row>
    <row r="496253" spans="8:8">
      <c r="H496253" s="12"/>
    </row>
    <row r="496254" spans="8:8">
      <c r="H496254" s="12"/>
    </row>
    <row r="496255" spans="8:8">
      <c r="H496255" s="12"/>
    </row>
    <row r="496256" spans="8:8">
      <c r="H496256" s="12"/>
    </row>
    <row r="496257" spans="8:8">
      <c r="H496257" s="12"/>
    </row>
    <row r="496258" spans="8:8">
      <c r="H496258" s="12"/>
    </row>
    <row r="496259" spans="8:8">
      <c r="H496259" s="12"/>
    </row>
    <row r="496260" spans="8:8">
      <c r="H496260" s="12"/>
    </row>
    <row r="496261" spans="8:8">
      <c r="H496261" s="12"/>
    </row>
    <row r="496262" spans="8:8">
      <c r="H496262" s="12"/>
    </row>
    <row r="496263" spans="8:8">
      <c r="H496263" s="12"/>
    </row>
    <row r="496264" spans="8:8">
      <c r="H496264" s="12"/>
    </row>
    <row r="496265" spans="8:8">
      <c r="H496265" s="12"/>
    </row>
    <row r="496266" spans="8:8">
      <c r="H496266" s="12"/>
    </row>
    <row r="496267" spans="8:8">
      <c r="H496267" s="12"/>
    </row>
    <row r="496268" spans="8:8">
      <c r="H496268" s="12"/>
    </row>
    <row r="496269" spans="8:8">
      <c r="H496269" s="12"/>
    </row>
    <row r="496270" spans="8:8">
      <c r="H496270" s="12"/>
    </row>
    <row r="496271" spans="8:8">
      <c r="H496271" s="12"/>
    </row>
    <row r="496272" spans="8:8">
      <c r="H496272" s="12"/>
    </row>
    <row r="496273" spans="8:8">
      <c r="H496273" s="12"/>
    </row>
    <row r="496274" spans="8:8">
      <c r="H496274" s="12"/>
    </row>
    <row r="496275" spans="8:8">
      <c r="H496275" s="12"/>
    </row>
    <row r="496276" spans="8:8">
      <c r="H496276" s="12"/>
    </row>
    <row r="496277" spans="8:8">
      <c r="H496277" s="12"/>
    </row>
    <row r="496278" spans="8:8">
      <c r="H496278" s="12"/>
    </row>
    <row r="496279" spans="8:8">
      <c r="H496279" s="12"/>
    </row>
    <row r="496280" spans="8:8">
      <c r="H496280" s="12"/>
    </row>
    <row r="496281" spans="8:8">
      <c r="H496281" s="12"/>
    </row>
    <row r="496282" spans="8:8">
      <c r="H496282" s="12"/>
    </row>
    <row r="496283" spans="8:8">
      <c r="H496283" s="12"/>
    </row>
    <row r="496284" spans="8:8">
      <c r="H496284" s="12"/>
    </row>
    <row r="496285" spans="8:8">
      <c r="H496285" s="12"/>
    </row>
    <row r="496286" spans="8:8">
      <c r="H496286" s="12"/>
    </row>
    <row r="496287" spans="8:8">
      <c r="H496287" s="12"/>
    </row>
    <row r="496288" spans="8:8">
      <c r="H496288" s="12"/>
    </row>
    <row r="496289" spans="8:8">
      <c r="H496289" s="12"/>
    </row>
    <row r="496290" spans="8:8">
      <c r="H496290" s="12"/>
    </row>
    <row r="496291" spans="8:8">
      <c r="H496291" s="12"/>
    </row>
    <row r="496292" spans="8:8">
      <c r="H496292" s="12"/>
    </row>
    <row r="496293" spans="8:8">
      <c r="H496293" s="12"/>
    </row>
    <row r="496294" spans="8:8">
      <c r="H496294" s="12"/>
    </row>
    <row r="496295" spans="8:8">
      <c r="H496295" s="12"/>
    </row>
    <row r="496296" spans="8:8">
      <c r="H496296" s="12"/>
    </row>
    <row r="496297" spans="8:8">
      <c r="H496297" s="12"/>
    </row>
    <row r="496298" spans="8:8">
      <c r="H496298" s="12"/>
    </row>
    <row r="496299" spans="8:8">
      <c r="H496299" s="12"/>
    </row>
    <row r="496300" spans="8:8">
      <c r="H496300" s="12"/>
    </row>
    <row r="496301" spans="8:8">
      <c r="H496301" s="12"/>
    </row>
    <row r="496302" spans="8:8">
      <c r="H496302" s="12"/>
    </row>
    <row r="496303" spans="8:8">
      <c r="H496303" s="12"/>
    </row>
    <row r="496304" spans="8:8">
      <c r="H496304" s="12"/>
    </row>
    <row r="496305" spans="8:8">
      <c r="H496305" s="12"/>
    </row>
    <row r="496306" spans="8:8">
      <c r="H496306" s="12"/>
    </row>
    <row r="496307" spans="8:8">
      <c r="H496307" s="12"/>
    </row>
    <row r="496308" spans="8:8">
      <c r="H496308" s="12"/>
    </row>
    <row r="496309" spans="8:8">
      <c r="H496309" s="12"/>
    </row>
    <row r="496310" spans="8:8">
      <c r="H496310" s="12"/>
    </row>
    <row r="496311" spans="8:8">
      <c r="H496311" s="12"/>
    </row>
    <row r="496312" spans="8:8">
      <c r="H496312" s="12"/>
    </row>
    <row r="496313" spans="8:8">
      <c r="H496313" s="12"/>
    </row>
    <row r="496314" spans="8:8">
      <c r="H496314" s="12"/>
    </row>
    <row r="496315" spans="8:8">
      <c r="H496315" s="12"/>
    </row>
    <row r="496316" spans="8:8">
      <c r="H496316" s="12"/>
    </row>
    <row r="496317" spans="8:8">
      <c r="H496317" s="12"/>
    </row>
    <row r="496318" spans="8:8">
      <c r="H496318" s="12"/>
    </row>
    <row r="496319" spans="8:8">
      <c r="H496319" s="12"/>
    </row>
    <row r="496320" spans="8:8">
      <c r="H496320" s="12"/>
    </row>
    <row r="496321" spans="8:8">
      <c r="H496321" s="12"/>
    </row>
    <row r="496322" spans="8:8">
      <c r="H496322" s="12"/>
    </row>
    <row r="496323" spans="8:8">
      <c r="H496323" s="12"/>
    </row>
    <row r="496324" spans="8:8">
      <c r="H496324" s="12"/>
    </row>
    <row r="496325" spans="8:8">
      <c r="H496325" s="12"/>
    </row>
    <row r="496326" spans="8:8">
      <c r="H496326" s="12"/>
    </row>
    <row r="496327" spans="8:8">
      <c r="H496327" s="12"/>
    </row>
    <row r="496328" spans="8:8">
      <c r="H496328" s="12"/>
    </row>
    <row r="496329" spans="8:8">
      <c r="H496329" s="12"/>
    </row>
    <row r="496330" spans="8:8">
      <c r="H496330" s="12"/>
    </row>
    <row r="496331" spans="8:8">
      <c r="H496331" s="12"/>
    </row>
    <row r="496332" spans="8:8">
      <c r="H496332" s="12"/>
    </row>
    <row r="496333" spans="8:8">
      <c r="H496333" s="12"/>
    </row>
    <row r="496334" spans="8:8">
      <c r="H496334" s="12"/>
    </row>
    <row r="496335" spans="8:8">
      <c r="H496335" s="12"/>
    </row>
    <row r="496336" spans="8:8">
      <c r="H496336" s="12"/>
    </row>
    <row r="496337" spans="8:8">
      <c r="H496337" s="12"/>
    </row>
    <row r="496338" spans="8:8">
      <c r="H496338" s="12"/>
    </row>
    <row r="496339" spans="8:8">
      <c r="H496339" s="12"/>
    </row>
    <row r="496340" spans="8:8">
      <c r="H496340" s="12"/>
    </row>
    <row r="496341" spans="8:8">
      <c r="H496341" s="12"/>
    </row>
    <row r="496342" spans="8:8">
      <c r="H496342" s="12"/>
    </row>
    <row r="496343" spans="8:8">
      <c r="H496343" s="12"/>
    </row>
    <row r="496344" spans="8:8">
      <c r="H496344" s="12"/>
    </row>
    <row r="496345" spans="8:8">
      <c r="H496345" s="12"/>
    </row>
    <row r="496346" spans="8:8">
      <c r="H496346" s="12"/>
    </row>
    <row r="496347" spans="8:8">
      <c r="H496347" s="12"/>
    </row>
    <row r="496348" spans="8:8">
      <c r="H496348" s="12"/>
    </row>
    <row r="496349" spans="8:8">
      <c r="H496349" s="12"/>
    </row>
    <row r="496350" spans="8:8">
      <c r="H496350" s="12"/>
    </row>
    <row r="496351" spans="8:8">
      <c r="H496351" s="12"/>
    </row>
    <row r="496352" spans="8:8">
      <c r="H496352" s="12"/>
    </row>
    <row r="496353" spans="8:8">
      <c r="H496353" s="12"/>
    </row>
    <row r="496354" spans="8:8">
      <c r="H496354" s="12"/>
    </row>
    <row r="496355" spans="8:8">
      <c r="H496355" s="12"/>
    </row>
    <row r="496356" spans="8:8">
      <c r="H496356" s="12"/>
    </row>
    <row r="496357" spans="8:8">
      <c r="H496357" s="12"/>
    </row>
    <row r="496358" spans="8:8">
      <c r="H496358" s="12"/>
    </row>
    <row r="496359" spans="8:8">
      <c r="H496359" s="12"/>
    </row>
    <row r="496360" spans="8:8">
      <c r="H496360" s="12"/>
    </row>
    <row r="496361" spans="8:8">
      <c r="H496361" s="12"/>
    </row>
    <row r="496362" spans="8:8">
      <c r="H496362" s="12"/>
    </row>
    <row r="496363" spans="8:8">
      <c r="H496363" s="12"/>
    </row>
    <row r="496364" spans="8:8">
      <c r="H496364" s="12"/>
    </row>
    <row r="496365" spans="8:8">
      <c r="H496365" s="12"/>
    </row>
    <row r="496366" spans="8:8">
      <c r="H496366" s="12"/>
    </row>
    <row r="496367" spans="8:8">
      <c r="H496367" s="12"/>
    </row>
    <row r="496368" spans="8:8">
      <c r="H496368" s="12"/>
    </row>
    <row r="496369" spans="8:8">
      <c r="H496369" s="12"/>
    </row>
    <row r="496370" spans="8:8">
      <c r="H496370" s="12"/>
    </row>
    <row r="496371" spans="8:8">
      <c r="H496371" s="12"/>
    </row>
    <row r="496372" spans="8:8">
      <c r="H496372" s="12"/>
    </row>
    <row r="496373" spans="8:8">
      <c r="H496373" s="12"/>
    </row>
    <row r="496374" spans="8:8">
      <c r="H496374" s="12"/>
    </row>
    <row r="496375" spans="8:8">
      <c r="H496375" s="12"/>
    </row>
    <row r="496376" spans="8:8">
      <c r="H496376" s="12"/>
    </row>
    <row r="496377" spans="8:8">
      <c r="H496377" s="12"/>
    </row>
    <row r="496378" spans="8:8">
      <c r="H496378" s="12"/>
    </row>
    <row r="496379" spans="8:8">
      <c r="H496379" s="12"/>
    </row>
    <row r="496380" spans="8:8">
      <c r="H496380" s="12"/>
    </row>
    <row r="496381" spans="8:8">
      <c r="H496381" s="12"/>
    </row>
    <row r="496382" spans="8:8">
      <c r="H496382" s="12"/>
    </row>
    <row r="496383" spans="8:8">
      <c r="H496383" s="12"/>
    </row>
    <row r="496384" spans="8:8">
      <c r="H496384" s="12"/>
    </row>
    <row r="496385" spans="8:8">
      <c r="H496385" s="12"/>
    </row>
    <row r="496386" spans="8:8">
      <c r="H496386" s="12"/>
    </row>
    <row r="496387" spans="8:8">
      <c r="H496387" s="12"/>
    </row>
    <row r="496388" spans="8:8">
      <c r="H496388" s="12"/>
    </row>
    <row r="496389" spans="8:8">
      <c r="H496389" s="12"/>
    </row>
    <row r="496390" spans="8:8">
      <c r="H496390" s="12"/>
    </row>
    <row r="496391" spans="8:8">
      <c r="H496391" s="12"/>
    </row>
    <row r="496392" spans="8:8">
      <c r="H496392" s="12"/>
    </row>
    <row r="496393" spans="8:8">
      <c r="H496393" s="12"/>
    </row>
    <row r="496394" spans="8:8">
      <c r="H496394" s="12"/>
    </row>
    <row r="496395" spans="8:8">
      <c r="H496395" s="12"/>
    </row>
    <row r="496396" spans="8:8">
      <c r="H496396" s="12"/>
    </row>
    <row r="496397" spans="8:8">
      <c r="H496397" s="12"/>
    </row>
    <row r="496398" spans="8:8">
      <c r="H496398" s="12"/>
    </row>
    <row r="496399" spans="8:8">
      <c r="H496399" s="12"/>
    </row>
    <row r="496400" spans="8:8">
      <c r="H496400" s="12"/>
    </row>
    <row r="496401" spans="8:8">
      <c r="H496401" s="12"/>
    </row>
    <row r="496402" spans="8:8">
      <c r="H496402" s="12"/>
    </row>
    <row r="496403" spans="8:8">
      <c r="H496403" s="12"/>
    </row>
    <row r="496404" spans="8:8">
      <c r="H496404" s="12"/>
    </row>
    <row r="496405" spans="8:8">
      <c r="H496405" s="12"/>
    </row>
    <row r="496406" spans="8:8">
      <c r="H496406" s="12"/>
    </row>
    <row r="496407" spans="8:8">
      <c r="H496407" s="12"/>
    </row>
    <row r="496408" spans="8:8">
      <c r="H496408" s="12"/>
    </row>
    <row r="496409" spans="8:8">
      <c r="H496409" s="12"/>
    </row>
    <row r="496410" spans="8:8">
      <c r="H496410" s="12"/>
    </row>
    <row r="496411" spans="8:8">
      <c r="H496411" s="12"/>
    </row>
    <row r="496412" spans="8:8">
      <c r="H496412" s="12"/>
    </row>
    <row r="496413" spans="8:8">
      <c r="H496413" s="12"/>
    </row>
    <row r="496414" spans="8:8">
      <c r="H496414" s="12"/>
    </row>
    <row r="496415" spans="8:8">
      <c r="H496415" s="12"/>
    </row>
    <row r="496416" spans="8:8">
      <c r="H496416" s="12"/>
    </row>
    <row r="496417" spans="8:8">
      <c r="H496417" s="12"/>
    </row>
    <row r="496418" spans="8:8">
      <c r="H496418" s="12"/>
    </row>
    <row r="496419" spans="8:8">
      <c r="H496419" s="12"/>
    </row>
    <row r="496420" spans="8:8">
      <c r="H496420" s="12"/>
    </row>
    <row r="496421" spans="8:8">
      <c r="H496421" s="12"/>
    </row>
    <row r="496422" spans="8:8">
      <c r="H496422" s="12"/>
    </row>
    <row r="496423" spans="8:8">
      <c r="H496423" s="12"/>
    </row>
    <row r="496424" spans="8:8">
      <c r="H496424" s="12"/>
    </row>
    <row r="496425" spans="8:8">
      <c r="H496425" s="12"/>
    </row>
    <row r="496426" spans="8:8">
      <c r="H496426" s="12"/>
    </row>
    <row r="496427" spans="8:8">
      <c r="H496427" s="12"/>
    </row>
    <row r="496428" spans="8:8">
      <c r="H496428" s="12"/>
    </row>
    <row r="496429" spans="8:8">
      <c r="H496429" s="12"/>
    </row>
    <row r="496430" spans="8:8">
      <c r="H496430" s="12"/>
    </row>
    <row r="496431" spans="8:8">
      <c r="H496431" s="12"/>
    </row>
    <row r="496432" spans="8:8">
      <c r="H496432" s="12"/>
    </row>
    <row r="496433" spans="8:8">
      <c r="H496433" s="12"/>
    </row>
    <row r="496434" spans="8:8">
      <c r="H496434" s="12"/>
    </row>
    <row r="496435" spans="8:8">
      <c r="H496435" s="12"/>
    </row>
    <row r="496436" spans="8:8">
      <c r="H496436" s="12"/>
    </row>
    <row r="496437" spans="8:8">
      <c r="H496437" s="12"/>
    </row>
    <row r="496438" spans="8:8">
      <c r="H496438" s="12"/>
    </row>
    <row r="496439" spans="8:8">
      <c r="H496439" s="12"/>
    </row>
    <row r="496440" spans="8:8">
      <c r="H496440" s="12"/>
    </row>
    <row r="496441" spans="8:8">
      <c r="H496441" s="12"/>
    </row>
    <row r="496442" spans="8:8">
      <c r="H496442" s="12"/>
    </row>
    <row r="496443" spans="8:8">
      <c r="H496443" s="12"/>
    </row>
    <row r="496444" spans="8:8">
      <c r="H496444" s="12"/>
    </row>
    <row r="496445" spans="8:8">
      <c r="H496445" s="12"/>
    </row>
    <row r="496446" spans="8:8">
      <c r="H496446" s="12"/>
    </row>
    <row r="496447" spans="8:8">
      <c r="H496447" s="12"/>
    </row>
    <row r="496448" spans="8:8">
      <c r="H496448" s="12"/>
    </row>
    <row r="496449" spans="8:8">
      <c r="H496449" s="12"/>
    </row>
    <row r="496450" spans="8:8">
      <c r="H496450" s="12"/>
    </row>
    <row r="496451" spans="8:8">
      <c r="H496451" s="12"/>
    </row>
    <row r="496452" spans="8:8">
      <c r="H496452" s="12"/>
    </row>
    <row r="496453" spans="8:8">
      <c r="H496453" s="12"/>
    </row>
    <row r="496454" spans="8:8">
      <c r="H496454" s="12"/>
    </row>
    <row r="496455" spans="8:8">
      <c r="H496455" s="12"/>
    </row>
    <row r="496456" spans="8:8">
      <c r="H496456" s="12"/>
    </row>
    <row r="496457" spans="8:8">
      <c r="H496457" s="12"/>
    </row>
    <row r="496458" spans="8:8">
      <c r="H496458" s="12"/>
    </row>
    <row r="496459" spans="8:8">
      <c r="H496459" s="12"/>
    </row>
    <row r="496460" spans="8:8">
      <c r="H496460" s="12"/>
    </row>
    <row r="496461" spans="8:8">
      <c r="H496461" s="12"/>
    </row>
    <row r="496462" spans="8:8">
      <c r="H496462" s="12"/>
    </row>
    <row r="496463" spans="8:8">
      <c r="H496463" s="12"/>
    </row>
    <row r="496464" spans="8:8">
      <c r="H496464" s="12"/>
    </row>
    <row r="496465" spans="8:8">
      <c r="H496465" s="12"/>
    </row>
    <row r="496466" spans="8:8">
      <c r="H496466" s="12"/>
    </row>
    <row r="496467" spans="8:8">
      <c r="H496467" s="12"/>
    </row>
    <row r="496468" spans="8:8">
      <c r="H496468" s="12"/>
    </row>
    <row r="496469" spans="8:8">
      <c r="H496469" s="12"/>
    </row>
    <row r="496470" spans="8:8">
      <c r="H496470" s="12"/>
    </row>
    <row r="496471" spans="8:8">
      <c r="H496471" s="12"/>
    </row>
    <row r="496472" spans="8:8">
      <c r="H496472" s="12"/>
    </row>
    <row r="496473" spans="8:8">
      <c r="H496473" s="12"/>
    </row>
    <row r="496474" spans="8:8">
      <c r="H496474" s="12"/>
    </row>
    <row r="496475" spans="8:8">
      <c r="H496475" s="12"/>
    </row>
    <row r="496476" spans="8:8">
      <c r="H496476" s="12"/>
    </row>
    <row r="496477" spans="8:8">
      <c r="H496477" s="12"/>
    </row>
    <row r="496478" spans="8:8">
      <c r="H496478" s="12"/>
    </row>
    <row r="496479" spans="8:8">
      <c r="H496479" s="12"/>
    </row>
    <row r="496480" spans="8:8">
      <c r="H496480" s="12"/>
    </row>
    <row r="496481" spans="8:8">
      <c r="H496481" s="12"/>
    </row>
    <row r="496482" spans="8:8">
      <c r="H496482" s="12"/>
    </row>
    <row r="496483" spans="8:8">
      <c r="H496483" s="12"/>
    </row>
    <row r="496484" spans="8:8">
      <c r="H496484" s="12"/>
    </row>
    <row r="496485" spans="8:8">
      <c r="H496485" s="12"/>
    </row>
    <row r="496486" spans="8:8">
      <c r="H496486" s="12"/>
    </row>
    <row r="496487" spans="8:8">
      <c r="H496487" s="12"/>
    </row>
    <row r="496488" spans="8:8">
      <c r="H496488" s="12"/>
    </row>
    <row r="496489" spans="8:8">
      <c r="H496489" s="12"/>
    </row>
    <row r="496490" spans="8:8">
      <c r="H496490" s="12"/>
    </row>
    <row r="496491" spans="8:8">
      <c r="H496491" s="12"/>
    </row>
    <row r="496492" spans="8:8">
      <c r="H496492" s="12"/>
    </row>
    <row r="496493" spans="8:8">
      <c r="H496493" s="12"/>
    </row>
    <row r="496494" spans="8:8">
      <c r="H496494" s="12"/>
    </row>
    <row r="496495" spans="8:8">
      <c r="H496495" s="12"/>
    </row>
    <row r="496496" spans="8:8">
      <c r="H496496" s="12"/>
    </row>
    <row r="496497" spans="8:8">
      <c r="H496497" s="12"/>
    </row>
    <row r="496498" spans="8:8">
      <c r="H496498" s="12"/>
    </row>
    <row r="496499" spans="8:8">
      <c r="H496499" s="12"/>
    </row>
    <row r="496500" spans="8:8">
      <c r="H496500" s="12"/>
    </row>
    <row r="496501" spans="8:8">
      <c r="H496501" s="12"/>
    </row>
    <row r="496502" spans="8:8">
      <c r="H496502" s="12"/>
    </row>
    <row r="496503" spans="8:8">
      <c r="H496503" s="12"/>
    </row>
    <row r="496504" spans="8:8">
      <c r="H496504" s="12"/>
    </row>
    <row r="496505" spans="8:8">
      <c r="H496505" s="12"/>
    </row>
    <row r="496506" spans="8:8">
      <c r="H496506" s="12"/>
    </row>
    <row r="496507" spans="8:8">
      <c r="H496507" s="12"/>
    </row>
    <row r="496508" spans="8:8">
      <c r="H496508" s="12"/>
    </row>
    <row r="496509" spans="8:8">
      <c r="H496509" s="12"/>
    </row>
    <row r="496510" spans="8:8">
      <c r="H496510" s="12"/>
    </row>
    <row r="496511" spans="8:8">
      <c r="H496511" s="12"/>
    </row>
    <row r="496512" spans="8:8">
      <c r="H496512" s="12"/>
    </row>
    <row r="496513" spans="8:8">
      <c r="H496513" s="12"/>
    </row>
    <row r="496514" spans="8:8">
      <c r="H496514" s="12"/>
    </row>
    <row r="496515" spans="8:8">
      <c r="H496515" s="12"/>
    </row>
    <row r="496516" spans="8:8">
      <c r="H496516" s="12"/>
    </row>
    <row r="496517" spans="8:8">
      <c r="H496517" s="12"/>
    </row>
    <row r="496518" spans="8:8">
      <c r="H496518" s="12"/>
    </row>
    <row r="496519" spans="8:8">
      <c r="H496519" s="12"/>
    </row>
    <row r="496520" spans="8:8">
      <c r="H496520" s="12"/>
    </row>
    <row r="496521" spans="8:8">
      <c r="H496521" s="12"/>
    </row>
    <row r="496522" spans="8:8">
      <c r="H496522" s="12"/>
    </row>
    <row r="496523" spans="8:8">
      <c r="H496523" s="12"/>
    </row>
    <row r="496524" spans="8:8">
      <c r="H496524" s="12"/>
    </row>
    <row r="496525" spans="8:8">
      <c r="H496525" s="12"/>
    </row>
    <row r="496526" spans="8:8">
      <c r="H496526" s="12"/>
    </row>
    <row r="496527" spans="8:8">
      <c r="H496527" s="12"/>
    </row>
    <row r="496528" spans="8:8">
      <c r="H496528" s="12"/>
    </row>
    <row r="496529" spans="8:8">
      <c r="H496529" s="12"/>
    </row>
    <row r="496530" spans="8:8">
      <c r="H496530" s="12"/>
    </row>
    <row r="496531" spans="8:8">
      <c r="H496531" s="12"/>
    </row>
    <row r="496532" spans="8:8">
      <c r="H496532" s="12"/>
    </row>
    <row r="496533" spans="8:8">
      <c r="H496533" s="12"/>
    </row>
    <row r="496534" spans="8:8">
      <c r="H496534" s="12"/>
    </row>
    <row r="496535" spans="8:8">
      <c r="H496535" s="12"/>
    </row>
    <row r="496536" spans="8:8">
      <c r="H496536" s="12"/>
    </row>
    <row r="496537" spans="8:8">
      <c r="H496537" s="12"/>
    </row>
    <row r="496538" spans="8:8">
      <c r="H496538" s="12"/>
    </row>
    <row r="496539" spans="8:8">
      <c r="H496539" s="12"/>
    </row>
    <row r="496540" spans="8:8">
      <c r="H496540" s="12"/>
    </row>
    <row r="496541" spans="8:8">
      <c r="H496541" s="12"/>
    </row>
    <row r="496542" spans="8:8">
      <c r="H496542" s="12"/>
    </row>
    <row r="496543" spans="8:8">
      <c r="H496543" s="12"/>
    </row>
    <row r="496544" spans="8:8">
      <c r="H496544" s="12"/>
    </row>
    <row r="496545" spans="8:8">
      <c r="H496545" s="12"/>
    </row>
    <row r="496546" spans="8:8">
      <c r="H496546" s="12"/>
    </row>
    <row r="496547" spans="8:8">
      <c r="H496547" s="12"/>
    </row>
    <row r="496548" spans="8:8">
      <c r="H496548" s="12"/>
    </row>
    <row r="496549" spans="8:8">
      <c r="H496549" s="12"/>
    </row>
    <row r="496550" spans="8:8">
      <c r="H496550" s="12"/>
    </row>
    <row r="496551" spans="8:8">
      <c r="H496551" s="12"/>
    </row>
    <row r="496552" spans="8:8">
      <c r="H496552" s="12"/>
    </row>
    <row r="496553" spans="8:8">
      <c r="H496553" s="12"/>
    </row>
    <row r="496554" spans="8:8">
      <c r="H496554" s="12"/>
    </row>
    <row r="496555" spans="8:8">
      <c r="H496555" s="12"/>
    </row>
    <row r="496556" spans="8:8">
      <c r="H496556" s="12"/>
    </row>
    <row r="496557" spans="8:8">
      <c r="H496557" s="12"/>
    </row>
    <row r="496558" spans="8:8">
      <c r="H496558" s="12"/>
    </row>
    <row r="496559" spans="8:8">
      <c r="H496559" s="12"/>
    </row>
    <row r="496560" spans="8:8">
      <c r="H496560" s="12"/>
    </row>
    <row r="496561" spans="8:8">
      <c r="H496561" s="12"/>
    </row>
    <row r="496562" spans="8:8">
      <c r="H496562" s="12"/>
    </row>
    <row r="496563" spans="8:8">
      <c r="H496563" s="12"/>
    </row>
    <row r="496564" spans="8:8">
      <c r="H496564" s="12"/>
    </row>
    <row r="496565" spans="8:8">
      <c r="H496565" s="12"/>
    </row>
    <row r="496566" spans="8:8">
      <c r="H496566" s="12"/>
    </row>
    <row r="496567" spans="8:8">
      <c r="H496567" s="12"/>
    </row>
    <row r="496568" spans="8:8">
      <c r="H496568" s="12"/>
    </row>
    <row r="496569" spans="8:8">
      <c r="H496569" s="12"/>
    </row>
    <row r="496570" spans="8:8">
      <c r="H496570" s="12"/>
    </row>
    <row r="496571" spans="8:8">
      <c r="H496571" s="12"/>
    </row>
    <row r="496572" spans="8:8">
      <c r="H496572" s="12"/>
    </row>
    <row r="496573" spans="8:8">
      <c r="H496573" s="12"/>
    </row>
    <row r="496574" spans="8:8">
      <c r="H496574" s="12"/>
    </row>
    <row r="496575" spans="8:8">
      <c r="H496575" s="12"/>
    </row>
    <row r="496576" spans="8:8">
      <c r="H496576" s="12"/>
    </row>
    <row r="496577" spans="8:8">
      <c r="H496577" s="12"/>
    </row>
    <row r="496578" spans="8:8">
      <c r="H496578" s="12"/>
    </row>
    <row r="496579" spans="8:8">
      <c r="H496579" s="12"/>
    </row>
    <row r="496580" spans="8:8">
      <c r="H496580" s="12"/>
    </row>
    <row r="496581" spans="8:8">
      <c r="H496581" s="12"/>
    </row>
    <row r="496582" spans="8:8">
      <c r="H496582" s="12"/>
    </row>
    <row r="496583" spans="8:8">
      <c r="H496583" s="12"/>
    </row>
    <row r="496584" spans="8:8">
      <c r="H496584" s="12"/>
    </row>
    <row r="496585" spans="8:8">
      <c r="H496585" s="12"/>
    </row>
    <row r="496586" spans="8:8">
      <c r="H496586" s="12"/>
    </row>
    <row r="496587" spans="8:8">
      <c r="H496587" s="12"/>
    </row>
    <row r="496588" spans="8:8">
      <c r="H496588" s="12"/>
    </row>
    <row r="496589" spans="8:8">
      <c r="H496589" s="12"/>
    </row>
    <row r="496590" spans="8:8">
      <c r="H496590" s="12"/>
    </row>
    <row r="496591" spans="8:8">
      <c r="H496591" s="12"/>
    </row>
    <row r="496592" spans="8:8">
      <c r="H496592" s="12"/>
    </row>
    <row r="496593" spans="8:8">
      <c r="H496593" s="12"/>
    </row>
    <row r="496594" spans="8:8">
      <c r="H496594" s="12"/>
    </row>
    <row r="496595" spans="8:8">
      <c r="H496595" s="12"/>
    </row>
    <row r="496596" spans="8:8">
      <c r="H496596" s="12"/>
    </row>
    <row r="496597" spans="8:8">
      <c r="H496597" s="12"/>
    </row>
    <row r="496598" spans="8:8">
      <c r="H496598" s="12"/>
    </row>
    <row r="496599" spans="8:8">
      <c r="H496599" s="12"/>
    </row>
    <row r="496600" spans="8:8">
      <c r="H496600" s="12"/>
    </row>
    <row r="496601" spans="8:8">
      <c r="H496601" s="12"/>
    </row>
    <row r="496602" spans="8:8">
      <c r="H496602" s="12"/>
    </row>
    <row r="496603" spans="8:8">
      <c r="H496603" s="12"/>
    </row>
    <row r="496604" spans="8:8">
      <c r="H496604" s="12"/>
    </row>
    <row r="496605" spans="8:8">
      <c r="H496605" s="12"/>
    </row>
    <row r="496606" spans="8:8">
      <c r="H496606" s="12"/>
    </row>
    <row r="496607" spans="8:8">
      <c r="H496607" s="12"/>
    </row>
    <row r="496608" spans="8:8">
      <c r="H496608" s="12"/>
    </row>
    <row r="496609" spans="8:8">
      <c r="H496609" s="12"/>
    </row>
    <row r="496610" spans="8:8">
      <c r="H496610" s="12"/>
    </row>
    <row r="496611" spans="8:8">
      <c r="H496611" s="12"/>
    </row>
    <row r="496612" spans="8:8">
      <c r="H496612" s="12"/>
    </row>
    <row r="496613" spans="8:8">
      <c r="H496613" s="12"/>
    </row>
    <row r="496614" spans="8:8">
      <c r="H496614" s="12"/>
    </row>
    <row r="496615" spans="8:8">
      <c r="H496615" s="12"/>
    </row>
    <row r="496616" spans="8:8">
      <c r="H496616" s="12"/>
    </row>
    <row r="496617" spans="8:8">
      <c r="H496617" s="12"/>
    </row>
    <row r="496618" spans="8:8">
      <c r="H496618" s="12"/>
    </row>
    <row r="496619" spans="8:8">
      <c r="H496619" s="12"/>
    </row>
    <row r="496620" spans="8:8">
      <c r="H496620" s="12"/>
    </row>
    <row r="496621" spans="8:8">
      <c r="H496621" s="12"/>
    </row>
    <row r="496622" spans="8:8">
      <c r="H496622" s="12"/>
    </row>
    <row r="496623" spans="8:8">
      <c r="H496623" s="12"/>
    </row>
    <row r="496624" spans="8:8">
      <c r="H496624" s="12"/>
    </row>
    <row r="496625" spans="8:8">
      <c r="H496625" s="12"/>
    </row>
    <row r="496626" spans="8:8">
      <c r="H496626" s="12"/>
    </row>
    <row r="496627" spans="8:8">
      <c r="H496627" s="12"/>
    </row>
    <row r="496628" spans="8:8">
      <c r="H496628" s="12"/>
    </row>
    <row r="496629" spans="8:8">
      <c r="H496629" s="12"/>
    </row>
    <row r="496630" spans="8:8">
      <c r="H496630" s="12"/>
    </row>
    <row r="496631" spans="8:8">
      <c r="H496631" s="12"/>
    </row>
    <row r="496632" spans="8:8">
      <c r="H496632" s="12"/>
    </row>
    <row r="496633" spans="8:8">
      <c r="H496633" s="12"/>
    </row>
    <row r="496634" spans="8:8">
      <c r="H496634" s="12"/>
    </row>
    <row r="496635" spans="8:8">
      <c r="H496635" s="12"/>
    </row>
    <row r="496636" spans="8:8">
      <c r="H496636" s="12"/>
    </row>
    <row r="496637" spans="8:8">
      <c r="H496637" s="12"/>
    </row>
    <row r="496638" spans="8:8">
      <c r="H496638" s="12"/>
    </row>
    <row r="496639" spans="8:8">
      <c r="H496639" s="12"/>
    </row>
    <row r="496640" spans="8:8">
      <c r="H496640" s="12"/>
    </row>
    <row r="496641" spans="8:8">
      <c r="H496641" s="12"/>
    </row>
    <row r="496642" spans="8:8">
      <c r="H496642" s="12"/>
    </row>
    <row r="496643" spans="8:8">
      <c r="H496643" s="12"/>
    </row>
    <row r="496644" spans="8:8">
      <c r="H496644" s="12"/>
    </row>
    <row r="496645" spans="8:8">
      <c r="H496645" s="12"/>
    </row>
    <row r="496646" spans="8:8">
      <c r="H496646" s="12"/>
    </row>
    <row r="496647" spans="8:8">
      <c r="H496647" s="12"/>
    </row>
    <row r="496648" spans="8:8">
      <c r="H496648" s="12"/>
    </row>
    <row r="496649" spans="8:8">
      <c r="H496649" s="12"/>
    </row>
    <row r="496650" spans="8:8">
      <c r="H496650" s="12"/>
    </row>
    <row r="496651" spans="8:8">
      <c r="H496651" s="12"/>
    </row>
    <row r="496652" spans="8:8">
      <c r="H496652" s="12"/>
    </row>
    <row r="496653" spans="8:8">
      <c r="H496653" s="12"/>
    </row>
    <row r="496654" spans="8:8">
      <c r="H496654" s="12"/>
    </row>
    <row r="496655" spans="8:8">
      <c r="H496655" s="12"/>
    </row>
    <row r="496656" spans="8:8">
      <c r="H496656" s="12"/>
    </row>
    <row r="496657" spans="8:8">
      <c r="H496657" s="12"/>
    </row>
    <row r="496658" spans="8:8">
      <c r="H496658" s="12"/>
    </row>
    <row r="496659" spans="8:8">
      <c r="H496659" s="12"/>
    </row>
    <row r="496660" spans="8:8">
      <c r="H496660" s="12"/>
    </row>
    <row r="496661" spans="8:8">
      <c r="H496661" s="12"/>
    </row>
    <row r="496662" spans="8:8">
      <c r="H496662" s="12"/>
    </row>
    <row r="496663" spans="8:8">
      <c r="H496663" s="12"/>
    </row>
    <row r="496664" spans="8:8">
      <c r="H496664" s="12"/>
    </row>
    <row r="496665" spans="8:8">
      <c r="H496665" s="12"/>
    </row>
    <row r="496666" spans="8:8">
      <c r="H496666" s="12"/>
    </row>
    <row r="496667" spans="8:8">
      <c r="H496667" s="12"/>
    </row>
    <row r="496668" spans="8:8">
      <c r="H496668" s="12"/>
    </row>
    <row r="496669" spans="8:8">
      <c r="H496669" s="12"/>
    </row>
    <row r="496670" spans="8:8">
      <c r="H496670" s="12"/>
    </row>
    <row r="496671" spans="8:8">
      <c r="H496671" s="12"/>
    </row>
    <row r="496672" spans="8:8">
      <c r="H496672" s="12"/>
    </row>
    <row r="496673" spans="8:8">
      <c r="H496673" s="12"/>
    </row>
    <row r="496674" spans="8:8">
      <c r="H496674" s="12"/>
    </row>
    <row r="496675" spans="8:8">
      <c r="H496675" s="12"/>
    </row>
    <row r="496676" spans="8:8">
      <c r="H496676" s="12"/>
    </row>
    <row r="496677" spans="8:8">
      <c r="H496677" s="12"/>
    </row>
    <row r="496678" spans="8:8">
      <c r="H496678" s="12"/>
    </row>
    <row r="496679" spans="8:8">
      <c r="H496679" s="12"/>
    </row>
    <row r="496680" spans="8:8">
      <c r="H496680" s="12"/>
    </row>
    <row r="496681" spans="8:8">
      <c r="H496681" s="12"/>
    </row>
    <row r="496682" spans="8:8">
      <c r="H496682" s="12"/>
    </row>
    <row r="496683" spans="8:8">
      <c r="H496683" s="12"/>
    </row>
    <row r="496684" spans="8:8">
      <c r="H496684" s="12"/>
    </row>
    <row r="496685" spans="8:8">
      <c r="H496685" s="12"/>
    </row>
    <row r="496686" spans="8:8">
      <c r="H496686" s="12"/>
    </row>
    <row r="496687" spans="8:8">
      <c r="H496687" s="12"/>
    </row>
    <row r="496688" spans="8:8">
      <c r="H496688" s="12"/>
    </row>
    <row r="496689" spans="8:8">
      <c r="H496689" s="12"/>
    </row>
    <row r="496690" spans="8:8">
      <c r="H496690" s="12"/>
    </row>
    <row r="496691" spans="8:8">
      <c r="H496691" s="12"/>
    </row>
    <row r="496692" spans="8:8">
      <c r="H496692" s="12"/>
    </row>
    <row r="496693" spans="8:8">
      <c r="H496693" s="12"/>
    </row>
    <row r="496694" spans="8:8">
      <c r="H496694" s="12"/>
    </row>
    <row r="496695" spans="8:8">
      <c r="H496695" s="12"/>
    </row>
    <row r="496696" spans="8:8">
      <c r="H496696" s="12"/>
    </row>
    <row r="496697" spans="8:8">
      <c r="H496697" s="12"/>
    </row>
    <row r="496698" spans="8:8">
      <c r="H496698" s="12"/>
    </row>
    <row r="496699" spans="8:8">
      <c r="H496699" s="12"/>
    </row>
    <row r="496700" spans="8:8">
      <c r="H496700" s="12"/>
    </row>
    <row r="496701" spans="8:8">
      <c r="H496701" s="12"/>
    </row>
    <row r="496702" spans="8:8">
      <c r="H496702" s="12"/>
    </row>
    <row r="496703" spans="8:8">
      <c r="H496703" s="12"/>
    </row>
    <row r="496704" spans="8:8">
      <c r="H496704" s="12"/>
    </row>
    <row r="496705" spans="8:8">
      <c r="H496705" s="12"/>
    </row>
    <row r="496706" spans="8:8">
      <c r="H496706" s="12"/>
    </row>
    <row r="496707" spans="8:8">
      <c r="H496707" s="12"/>
    </row>
    <row r="496708" spans="8:8">
      <c r="H496708" s="12"/>
    </row>
    <row r="496709" spans="8:8">
      <c r="H496709" s="12"/>
    </row>
    <row r="496710" spans="8:8">
      <c r="H496710" s="12"/>
    </row>
    <row r="496711" spans="8:8">
      <c r="H496711" s="12"/>
    </row>
    <row r="496712" spans="8:8">
      <c r="H496712" s="12"/>
    </row>
    <row r="496713" spans="8:8">
      <c r="H496713" s="12"/>
    </row>
    <row r="496714" spans="8:8">
      <c r="H496714" s="12"/>
    </row>
    <row r="496715" spans="8:8">
      <c r="H496715" s="12"/>
    </row>
    <row r="496716" spans="8:8">
      <c r="H496716" s="12"/>
    </row>
    <row r="496717" spans="8:8">
      <c r="H496717" s="12"/>
    </row>
    <row r="496718" spans="8:8">
      <c r="H496718" s="12"/>
    </row>
    <row r="496719" spans="8:8">
      <c r="H496719" s="12"/>
    </row>
    <row r="496720" spans="8:8">
      <c r="H496720" s="12"/>
    </row>
    <row r="496721" spans="8:8">
      <c r="H496721" s="12"/>
    </row>
    <row r="496722" spans="8:8">
      <c r="H496722" s="12"/>
    </row>
    <row r="496723" spans="8:8">
      <c r="H496723" s="12"/>
    </row>
    <row r="496724" spans="8:8">
      <c r="H496724" s="12"/>
    </row>
    <row r="496725" spans="8:8">
      <c r="H496725" s="12"/>
    </row>
    <row r="496726" spans="8:8">
      <c r="H496726" s="12"/>
    </row>
    <row r="496727" spans="8:8">
      <c r="H496727" s="12"/>
    </row>
    <row r="496728" spans="8:8">
      <c r="H496728" s="12"/>
    </row>
    <row r="496729" spans="8:8">
      <c r="H496729" s="12"/>
    </row>
    <row r="496730" spans="8:8">
      <c r="H496730" s="12"/>
    </row>
    <row r="496731" spans="8:8">
      <c r="H496731" s="12"/>
    </row>
    <row r="496732" spans="8:8">
      <c r="H496732" s="12"/>
    </row>
    <row r="496733" spans="8:8">
      <c r="H496733" s="12"/>
    </row>
    <row r="496734" spans="8:8">
      <c r="H496734" s="12"/>
    </row>
    <row r="496735" spans="8:8">
      <c r="H496735" s="12"/>
    </row>
    <row r="496736" spans="8:8">
      <c r="H496736" s="12"/>
    </row>
    <row r="496737" spans="8:8">
      <c r="H496737" s="12"/>
    </row>
    <row r="496738" spans="8:8">
      <c r="H496738" s="12"/>
    </row>
    <row r="496739" spans="8:8">
      <c r="H496739" s="12"/>
    </row>
    <row r="496740" spans="8:8">
      <c r="H496740" s="12"/>
    </row>
    <row r="496741" spans="8:8">
      <c r="H496741" s="12"/>
    </row>
    <row r="496742" spans="8:8">
      <c r="H496742" s="12"/>
    </row>
    <row r="496743" spans="8:8">
      <c r="H496743" s="12"/>
    </row>
    <row r="496744" spans="8:8">
      <c r="H496744" s="12"/>
    </row>
    <row r="496745" spans="8:8">
      <c r="H496745" s="12"/>
    </row>
    <row r="496746" spans="8:8">
      <c r="H496746" s="12"/>
    </row>
    <row r="496747" spans="8:8">
      <c r="H496747" s="12"/>
    </row>
    <row r="496748" spans="8:8">
      <c r="H496748" s="12"/>
    </row>
    <row r="496749" spans="8:8">
      <c r="H496749" s="12"/>
    </row>
    <row r="496750" spans="8:8">
      <c r="H496750" s="12"/>
    </row>
    <row r="496751" spans="8:8">
      <c r="H496751" s="12"/>
    </row>
    <row r="496752" spans="8:8">
      <c r="H496752" s="12"/>
    </row>
    <row r="496753" spans="8:8">
      <c r="H496753" s="12"/>
    </row>
    <row r="496754" spans="8:8">
      <c r="H496754" s="12"/>
    </row>
    <row r="496755" spans="8:8">
      <c r="H496755" s="12"/>
    </row>
    <row r="496756" spans="8:8">
      <c r="H496756" s="12"/>
    </row>
    <row r="496757" spans="8:8">
      <c r="H496757" s="12"/>
    </row>
    <row r="496758" spans="8:8">
      <c r="H496758" s="12"/>
    </row>
    <row r="496759" spans="8:8">
      <c r="H496759" s="12"/>
    </row>
    <row r="496760" spans="8:8">
      <c r="H496760" s="12"/>
    </row>
    <row r="496761" spans="8:8">
      <c r="H496761" s="12"/>
    </row>
    <row r="496762" spans="8:8">
      <c r="H496762" s="12"/>
    </row>
    <row r="496763" spans="8:8">
      <c r="H496763" s="12"/>
    </row>
    <row r="496764" spans="8:8">
      <c r="H496764" s="12"/>
    </row>
    <row r="496765" spans="8:8">
      <c r="H496765" s="12"/>
    </row>
    <row r="496766" spans="8:8">
      <c r="H496766" s="12"/>
    </row>
    <row r="496767" spans="8:8">
      <c r="H496767" s="12"/>
    </row>
    <row r="496768" spans="8:8">
      <c r="H496768" s="12"/>
    </row>
    <row r="496769" spans="8:8">
      <c r="H496769" s="12"/>
    </row>
    <row r="496770" spans="8:8">
      <c r="H496770" s="12"/>
    </row>
    <row r="496771" spans="8:8">
      <c r="H496771" s="12"/>
    </row>
    <row r="496772" spans="8:8">
      <c r="H496772" s="12"/>
    </row>
    <row r="496773" spans="8:8">
      <c r="H496773" s="12"/>
    </row>
    <row r="496774" spans="8:8">
      <c r="H496774" s="12"/>
    </row>
    <row r="496775" spans="8:8">
      <c r="H496775" s="12"/>
    </row>
    <row r="496776" spans="8:8">
      <c r="H496776" s="12"/>
    </row>
    <row r="496777" spans="8:8">
      <c r="H496777" s="12"/>
    </row>
    <row r="496778" spans="8:8">
      <c r="H496778" s="12"/>
    </row>
    <row r="496779" spans="8:8">
      <c r="H496779" s="12"/>
    </row>
    <row r="496780" spans="8:8">
      <c r="H496780" s="12"/>
    </row>
    <row r="496781" spans="8:8">
      <c r="H496781" s="12"/>
    </row>
    <row r="496782" spans="8:8">
      <c r="H496782" s="12"/>
    </row>
    <row r="496783" spans="8:8">
      <c r="H496783" s="12"/>
    </row>
    <row r="496784" spans="8:8">
      <c r="H496784" s="12"/>
    </row>
    <row r="496785" spans="8:8">
      <c r="H496785" s="12"/>
    </row>
    <row r="496786" spans="8:8">
      <c r="H496786" s="12"/>
    </row>
    <row r="496787" spans="8:8">
      <c r="H496787" s="12"/>
    </row>
    <row r="496788" spans="8:8">
      <c r="H496788" s="12"/>
    </row>
    <row r="496789" spans="8:8">
      <c r="H496789" s="12"/>
    </row>
    <row r="496790" spans="8:8">
      <c r="H496790" s="12"/>
    </row>
    <row r="496791" spans="8:8">
      <c r="H496791" s="12"/>
    </row>
    <row r="496792" spans="8:8">
      <c r="H496792" s="12"/>
    </row>
    <row r="496793" spans="8:8">
      <c r="H496793" s="12"/>
    </row>
    <row r="496794" spans="8:8">
      <c r="H496794" s="12"/>
    </row>
    <row r="496795" spans="8:8">
      <c r="H496795" s="12"/>
    </row>
    <row r="496796" spans="8:8">
      <c r="H496796" s="12"/>
    </row>
    <row r="496797" spans="8:8">
      <c r="H496797" s="12"/>
    </row>
    <row r="496798" spans="8:8">
      <c r="H496798" s="12"/>
    </row>
    <row r="496799" spans="8:8">
      <c r="H496799" s="12"/>
    </row>
    <row r="496800" spans="8:8">
      <c r="H496800" s="12"/>
    </row>
    <row r="496801" spans="8:8">
      <c r="H496801" s="12"/>
    </row>
    <row r="496802" spans="8:8">
      <c r="H496802" s="12"/>
    </row>
    <row r="496803" spans="8:8">
      <c r="H496803" s="12"/>
    </row>
    <row r="496804" spans="8:8">
      <c r="H496804" s="12"/>
    </row>
    <row r="496805" spans="8:8">
      <c r="H496805" s="12"/>
    </row>
    <row r="496806" spans="8:8">
      <c r="H496806" s="12"/>
    </row>
    <row r="496807" spans="8:8">
      <c r="H496807" s="12"/>
    </row>
    <row r="496808" spans="8:8">
      <c r="H496808" s="12"/>
    </row>
    <row r="496809" spans="8:8">
      <c r="H496809" s="12"/>
    </row>
    <row r="496810" spans="8:8">
      <c r="H496810" s="12"/>
    </row>
    <row r="496811" spans="8:8">
      <c r="H496811" s="12"/>
    </row>
    <row r="496812" spans="8:8">
      <c r="H496812" s="12"/>
    </row>
    <row r="496813" spans="8:8">
      <c r="H496813" s="12"/>
    </row>
    <row r="496814" spans="8:8">
      <c r="H496814" s="12"/>
    </row>
    <row r="496815" spans="8:8">
      <c r="H496815" s="12"/>
    </row>
    <row r="496816" spans="8:8">
      <c r="H496816" s="12"/>
    </row>
    <row r="496817" spans="8:8">
      <c r="H496817" s="12"/>
    </row>
    <row r="496818" spans="8:8">
      <c r="H496818" s="12"/>
    </row>
    <row r="496819" spans="8:8">
      <c r="H496819" s="12"/>
    </row>
    <row r="496820" spans="8:8">
      <c r="H496820" s="12"/>
    </row>
    <row r="496821" spans="8:8">
      <c r="H496821" s="12"/>
    </row>
    <row r="496822" spans="8:8">
      <c r="H496822" s="12"/>
    </row>
    <row r="496823" spans="8:8">
      <c r="H496823" s="12"/>
    </row>
    <row r="496824" spans="8:8">
      <c r="H496824" s="12"/>
    </row>
    <row r="496825" spans="8:8">
      <c r="H496825" s="12"/>
    </row>
    <row r="496826" spans="8:8">
      <c r="H496826" s="12"/>
    </row>
    <row r="496827" spans="8:8">
      <c r="H496827" s="12"/>
    </row>
    <row r="496828" spans="8:8">
      <c r="H496828" s="12"/>
    </row>
    <row r="496829" spans="8:8">
      <c r="H496829" s="12"/>
    </row>
    <row r="496830" spans="8:8">
      <c r="H496830" s="12"/>
    </row>
    <row r="496831" spans="8:8">
      <c r="H496831" s="12"/>
    </row>
    <row r="496832" spans="8:8">
      <c r="H496832" s="12"/>
    </row>
    <row r="496833" spans="8:8">
      <c r="H496833" s="12"/>
    </row>
    <row r="496834" spans="8:8">
      <c r="H496834" s="12"/>
    </row>
    <row r="496835" spans="8:8">
      <c r="H496835" s="12"/>
    </row>
    <row r="496836" spans="8:8">
      <c r="H496836" s="12"/>
    </row>
    <row r="496837" spans="8:8">
      <c r="H496837" s="12"/>
    </row>
    <row r="496838" spans="8:8">
      <c r="H496838" s="12"/>
    </row>
    <row r="496839" spans="8:8">
      <c r="H496839" s="12"/>
    </row>
    <row r="496840" spans="8:8">
      <c r="H496840" s="12"/>
    </row>
    <row r="496841" spans="8:8">
      <c r="H496841" s="12"/>
    </row>
    <row r="496842" spans="8:8">
      <c r="H496842" s="12"/>
    </row>
    <row r="496843" spans="8:8">
      <c r="H496843" s="12"/>
    </row>
    <row r="496844" spans="8:8">
      <c r="H496844" s="12"/>
    </row>
    <row r="496845" spans="8:8">
      <c r="H496845" s="12"/>
    </row>
    <row r="496846" spans="8:8">
      <c r="H496846" s="12"/>
    </row>
    <row r="496847" spans="8:8">
      <c r="H496847" s="12"/>
    </row>
    <row r="496848" spans="8:8">
      <c r="H496848" s="12"/>
    </row>
    <row r="496849" spans="8:8">
      <c r="H496849" s="12"/>
    </row>
    <row r="496850" spans="8:8">
      <c r="H496850" s="12"/>
    </row>
    <row r="496851" spans="8:8">
      <c r="H496851" s="12"/>
    </row>
    <row r="496852" spans="8:8">
      <c r="H496852" s="12"/>
    </row>
    <row r="496853" spans="8:8">
      <c r="H496853" s="12"/>
    </row>
    <row r="496854" spans="8:8">
      <c r="H496854" s="12"/>
    </row>
    <row r="496855" spans="8:8">
      <c r="H496855" s="12"/>
    </row>
    <row r="496856" spans="8:8">
      <c r="H496856" s="12"/>
    </row>
    <row r="496857" spans="8:8">
      <c r="H496857" s="12"/>
    </row>
    <row r="496858" spans="8:8">
      <c r="H496858" s="12"/>
    </row>
    <row r="496859" spans="8:8">
      <c r="H496859" s="12"/>
    </row>
    <row r="496860" spans="8:8">
      <c r="H496860" s="12"/>
    </row>
    <row r="496861" spans="8:8">
      <c r="H496861" s="12"/>
    </row>
    <row r="496862" spans="8:8">
      <c r="H496862" s="12"/>
    </row>
    <row r="496863" spans="8:8">
      <c r="H496863" s="12"/>
    </row>
    <row r="496864" spans="8:8">
      <c r="H496864" s="12"/>
    </row>
    <row r="496865" spans="8:8">
      <c r="H496865" s="12"/>
    </row>
    <row r="496866" spans="8:8">
      <c r="H496866" s="12"/>
    </row>
    <row r="496867" spans="8:8">
      <c r="H496867" s="12"/>
    </row>
    <row r="496868" spans="8:8">
      <c r="H496868" s="12"/>
    </row>
    <row r="496869" spans="8:8">
      <c r="H496869" s="12"/>
    </row>
    <row r="496870" spans="8:8">
      <c r="H496870" s="12"/>
    </row>
    <row r="496871" spans="8:8">
      <c r="H496871" s="12"/>
    </row>
    <row r="496872" spans="8:8">
      <c r="H496872" s="12"/>
    </row>
    <row r="496873" spans="8:8">
      <c r="H496873" s="12"/>
    </row>
    <row r="496874" spans="8:8">
      <c r="H496874" s="12"/>
    </row>
    <row r="496875" spans="8:8">
      <c r="H496875" s="12"/>
    </row>
    <row r="496876" spans="8:8">
      <c r="H496876" s="12"/>
    </row>
    <row r="496877" spans="8:8">
      <c r="H496877" s="12"/>
    </row>
    <row r="496878" spans="8:8">
      <c r="H496878" s="12"/>
    </row>
    <row r="496879" spans="8:8">
      <c r="H496879" s="12"/>
    </row>
    <row r="496880" spans="8:8">
      <c r="H496880" s="12"/>
    </row>
    <row r="496881" spans="8:8">
      <c r="H496881" s="12"/>
    </row>
    <row r="496882" spans="8:8">
      <c r="H496882" s="12"/>
    </row>
    <row r="496883" spans="8:8">
      <c r="H496883" s="12"/>
    </row>
    <row r="496884" spans="8:8">
      <c r="H496884" s="12"/>
    </row>
    <row r="496885" spans="8:8">
      <c r="H496885" s="12"/>
    </row>
    <row r="496886" spans="8:8">
      <c r="H496886" s="12"/>
    </row>
    <row r="496887" spans="8:8">
      <c r="H496887" s="12"/>
    </row>
    <row r="496888" spans="8:8">
      <c r="H496888" s="12"/>
    </row>
    <row r="496889" spans="8:8">
      <c r="H496889" s="12"/>
    </row>
    <row r="496890" spans="8:8">
      <c r="H496890" s="12"/>
    </row>
    <row r="496891" spans="8:8">
      <c r="H496891" s="12"/>
    </row>
    <row r="496892" spans="8:8">
      <c r="H496892" s="12"/>
    </row>
    <row r="496893" spans="8:8">
      <c r="H496893" s="12"/>
    </row>
    <row r="496894" spans="8:8">
      <c r="H496894" s="12"/>
    </row>
    <row r="496895" spans="8:8">
      <c r="H496895" s="12"/>
    </row>
    <row r="496896" spans="8:8">
      <c r="H496896" s="12"/>
    </row>
    <row r="496897" spans="8:8">
      <c r="H496897" s="12"/>
    </row>
    <row r="496898" spans="8:8">
      <c r="H496898" s="12"/>
    </row>
    <row r="496899" spans="8:8">
      <c r="H496899" s="12"/>
    </row>
    <row r="496900" spans="8:8">
      <c r="H496900" s="12"/>
    </row>
    <row r="496901" spans="8:8">
      <c r="H496901" s="12"/>
    </row>
    <row r="496902" spans="8:8">
      <c r="H496902" s="12"/>
    </row>
    <row r="496903" spans="8:8">
      <c r="H496903" s="12"/>
    </row>
    <row r="496904" spans="8:8">
      <c r="H496904" s="12"/>
    </row>
    <row r="496905" spans="8:8">
      <c r="H496905" s="12"/>
    </row>
    <row r="496906" spans="8:8">
      <c r="H496906" s="12"/>
    </row>
    <row r="496907" spans="8:8">
      <c r="H496907" s="12"/>
    </row>
    <row r="496908" spans="8:8">
      <c r="H496908" s="12"/>
    </row>
    <row r="496909" spans="8:8">
      <c r="H496909" s="12"/>
    </row>
    <row r="496910" spans="8:8">
      <c r="H496910" s="12"/>
    </row>
    <row r="496911" spans="8:8">
      <c r="H496911" s="12"/>
    </row>
    <row r="496912" spans="8:8">
      <c r="H496912" s="12"/>
    </row>
    <row r="496913" spans="8:8">
      <c r="H496913" s="12"/>
    </row>
    <row r="496914" spans="8:8">
      <c r="H496914" s="12"/>
    </row>
    <row r="496915" spans="8:8">
      <c r="H496915" s="12"/>
    </row>
    <row r="496916" spans="8:8">
      <c r="H496916" s="12"/>
    </row>
    <row r="496917" spans="8:8">
      <c r="H496917" s="12"/>
    </row>
    <row r="496918" spans="8:8">
      <c r="H496918" s="12"/>
    </row>
    <row r="496919" spans="8:8">
      <c r="H496919" s="12"/>
    </row>
    <row r="496920" spans="8:8">
      <c r="H496920" s="12"/>
    </row>
    <row r="496921" spans="8:8">
      <c r="H496921" s="12"/>
    </row>
    <row r="496922" spans="8:8">
      <c r="H496922" s="12"/>
    </row>
    <row r="496923" spans="8:8">
      <c r="H496923" s="12"/>
    </row>
    <row r="496924" spans="8:8">
      <c r="H496924" s="12"/>
    </row>
    <row r="496925" spans="8:8">
      <c r="H496925" s="12"/>
    </row>
    <row r="496926" spans="8:8">
      <c r="H496926" s="12"/>
    </row>
    <row r="496927" spans="8:8">
      <c r="H496927" s="12"/>
    </row>
    <row r="496928" spans="8:8">
      <c r="H496928" s="12"/>
    </row>
    <row r="496929" spans="8:8">
      <c r="H496929" s="12"/>
    </row>
    <row r="496930" spans="8:8">
      <c r="H496930" s="12"/>
    </row>
    <row r="496931" spans="8:8">
      <c r="H496931" s="12"/>
    </row>
    <row r="496932" spans="8:8">
      <c r="H496932" s="12"/>
    </row>
    <row r="496933" spans="8:8">
      <c r="H496933" s="12"/>
    </row>
    <row r="496934" spans="8:8">
      <c r="H496934" s="12"/>
    </row>
    <row r="496935" spans="8:8">
      <c r="H496935" s="12"/>
    </row>
    <row r="496936" spans="8:8">
      <c r="H496936" s="12"/>
    </row>
    <row r="496937" spans="8:8">
      <c r="H496937" s="12"/>
    </row>
    <row r="496938" spans="8:8">
      <c r="H496938" s="12"/>
    </row>
    <row r="496939" spans="8:8">
      <c r="H496939" s="12"/>
    </row>
    <row r="496940" spans="8:8">
      <c r="H496940" s="12"/>
    </row>
    <row r="496941" spans="8:8">
      <c r="H496941" s="12"/>
    </row>
    <row r="496942" spans="8:8">
      <c r="H496942" s="12"/>
    </row>
    <row r="496943" spans="8:8">
      <c r="H496943" s="12"/>
    </row>
    <row r="496944" spans="8:8">
      <c r="H496944" s="12"/>
    </row>
    <row r="496945" spans="8:8">
      <c r="H496945" s="12"/>
    </row>
    <row r="496946" spans="8:8">
      <c r="H496946" s="12"/>
    </row>
    <row r="496947" spans="8:8">
      <c r="H496947" s="12"/>
    </row>
    <row r="496948" spans="8:8">
      <c r="H496948" s="12"/>
    </row>
    <row r="496949" spans="8:8">
      <c r="H496949" s="12"/>
    </row>
    <row r="496950" spans="8:8">
      <c r="H496950" s="12"/>
    </row>
    <row r="496951" spans="8:8">
      <c r="H496951" s="12"/>
    </row>
    <row r="496952" spans="8:8">
      <c r="H496952" s="12"/>
    </row>
    <row r="496953" spans="8:8">
      <c r="H496953" s="12"/>
    </row>
    <row r="496954" spans="8:8">
      <c r="H496954" s="12"/>
    </row>
    <row r="496955" spans="8:8">
      <c r="H496955" s="12"/>
    </row>
    <row r="496956" spans="8:8">
      <c r="H496956" s="12"/>
    </row>
    <row r="496957" spans="8:8">
      <c r="H496957" s="12"/>
    </row>
    <row r="496958" spans="8:8">
      <c r="H496958" s="12"/>
    </row>
    <row r="496959" spans="8:8">
      <c r="H496959" s="12"/>
    </row>
    <row r="496960" spans="8:8">
      <c r="H496960" s="12"/>
    </row>
    <row r="496961" spans="8:8">
      <c r="H496961" s="12"/>
    </row>
    <row r="496962" spans="8:8">
      <c r="H496962" s="12"/>
    </row>
    <row r="496963" spans="8:8">
      <c r="H496963" s="12"/>
    </row>
    <row r="496964" spans="8:8">
      <c r="H496964" s="12"/>
    </row>
    <row r="496965" spans="8:8">
      <c r="H496965" s="12"/>
    </row>
    <row r="496966" spans="8:8">
      <c r="H496966" s="12"/>
    </row>
    <row r="496967" spans="8:8">
      <c r="H496967" s="12"/>
    </row>
    <row r="496968" spans="8:8">
      <c r="H496968" s="12"/>
    </row>
    <row r="496969" spans="8:8">
      <c r="H496969" s="12"/>
    </row>
    <row r="496970" spans="8:8">
      <c r="H496970" s="12"/>
    </row>
    <row r="496971" spans="8:8">
      <c r="H496971" s="12"/>
    </row>
    <row r="496972" spans="8:8">
      <c r="H496972" s="12"/>
    </row>
    <row r="496973" spans="8:8">
      <c r="H496973" s="12"/>
    </row>
    <row r="496974" spans="8:8">
      <c r="H496974" s="12"/>
    </row>
    <row r="496975" spans="8:8">
      <c r="H496975" s="12"/>
    </row>
    <row r="496976" spans="8:8">
      <c r="H496976" s="12"/>
    </row>
    <row r="496977" spans="8:8">
      <c r="H496977" s="12"/>
    </row>
    <row r="496978" spans="8:8">
      <c r="H496978" s="12"/>
    </row>
    <row r="496979" spans="8:8">
      <c r="H496979" s="12"/>
    </row>
    <row r="496980" spans="8:8">
      <c r="H496980" s="12"/>
    </row>
    <row r="496981" spans="8:8">
      <c r="H496981" s="12"/>
    </row>
    <row r="496982" spans="8:8">
      <c r="H496982" s="12"/>
    </row>
    <row r="496983" spans="8:8">
      <c r="H496983" s="12"/>
    </row>
    <row r="496984" spans="8:8">
      <c r="H496984" s="12"/>
    </row>
    <row r="496985" spans="8:8">
      <c r="H496985" s="12"/>
    </row>
    <row r="496986" spans="8:8">
      <c r="H496986" s="12"/>
    </row>
    <row r="496987" spans="8:8">
      <c r="H496987" s="12"/>
    </row>
    <row r="496988" spans="8:8">
      <c r="H496988" s="12"/>
    </row>
    <row r="496989" spans="8:8">
      <c r="H496989" s="12"/>
    </row>
    <row r="496990" spans="8:8">
      <c r="H496990" s="12"/>
    </row>
    <row r="496991" spans="8:8">
      <c r="H496991" s="12"/>
    </row>
    <row r="496992" spans="8:8">
      <c r="H496992" s="12"/>
    </row>
    <row r="496993" spans="8:8">
      <c r="H496993" s="12"/>
    </row>
    <row r="496994" spans="8:8">
      <c r="H496994" s="12"/>
    </row>
    <row r="496995" spans="8:8">
      <c r="H496995" s="12"/>
    </row>
    <row r="496996" spans="8:8">
      <c r="H496996" s="12"/>
    </row>
    <row r="496997" spans="8:8">
      <c r="H496997" s="12"/>
    </row>
    <row r="496998" spans="8:8">
      <c r="H496998" s="12"/>
    </row>
    <row r="496999" spans="8:8">
      <c r="H496999" s="12"/>
    </row>
    <row r="497000" spans="8:8">
      <c r="H497000" s="12"/>
    </row>
    <row r="497001" spans="8:8">
      <c r="H497001" s="12"/>
    </row>
    <row r="497002" spans="8:8">
      <c r="H497002" s="12"/>
    </row>
    <row r="497003" spans="8:8">
      <c r="H497003" s="12"/>
    </row>
    <row r="497004" spans="8:8">
      <c r="H497004" s="12"/>
    </row>
    <row r="497005" spans="8:8">
      <c r="H497005" s="12"/>
    </row>
    <row r="497006" spans="8:8">
      <c r="H497006" s="12"/>
    </row>
    <row r="497007" spans="8:8">
      <c r="H497007" s="12"/>
    </row>
    <row r="497008" spans="8:8">
      <c r="H497008" s="12"/>
    </row>
    <row r="497009" spans="8:8">
      <c r="H497009" s="12"/>
    </row>
    <row r="497010" spans="8:8">
      <c r="H497010" s="12"/>
    </row>
    <row r="497011" spans="8:8">
      <c r="H497011" s="12"/>
    </row>
    <row r="497012" spans="8:8">
      <c r="H497012" s="12"/>
    </row>
    <row r="497013" spans="8:8">
      <c r="H497013" s="12"/>
    </row>
    <row r="497014" spans="8:8">
      <c r="H497014" s="12"/>
    </row>
    <row r="497015" spans="8:8">
      <c r="H497015" s="12"/>
    </row>
    <row r="497016" spans="8:8">
      <c r="H497016" s="12"/>
    </row>
    <row r="497017" spans="8:8">
      <c r="H497017" s="12"/>
    </row>
    <row r="497018" spans="8:8">
      <c r="H497018" s="12"/>
    </row>
    <row r="497019" spans="8:8">
      <c r="H497019" s="12"/>
    </row>
    <row r="497020" spans="8:8">
      <c r="H497020" s="12"/>
    </row>
    <row r="497021" spans="8:8">
      <c r="H497021" s="12"/>
    </row>
    <row r="497022" spans="8:8">
      <c r="H497022" s="12"/>
    </row>
    <row r="497023" spans="8:8">
      <c r="H497023" s="12"/>
    </row>
    <row r="497024" spans="8:8">
      <c r="H497024" s="12"/>
    </row>
    <row r="497025" spans="8:8">
      <c r="H497025" s="12"/>
    </row>
    <row r="497026" spans="8:8">
      <c r="H497026" s="12"/>
    </row>
    <row r="497027" spans="8:8">
      <c r="H497027" s="12"/>
    </row>
    <row r="497028" spans="8:8">
      <c r="H497028" s="12"/>
    </row>
    <row r="497029" spans="8:8">
      <c r="H497029" s="12"/>
    </row>
    <row r="497030" spans="8:8">
      <c r="H497030" s="12"/>
    </row>
    <row r="497031" spans="8:8">
      <c r="H497031" s="12"/>
    </row>
    <row r="497032" spans="8:8">
      <c r="H497032" s="12"/>
    </row>
    <row r="497033" spans="8:8">
      <c r="H497033" s="12"/>
    </row>
    <row r="497034" spans="8:8">
      <c r="H497034" s="12"/>
    </row>
    <row r="497035" spans="8:8">
      <c r="H497035" s="12"/>
    </row>
    <row r="497036" spans="8:8">
      <c r="H497036" s="12"/>
    </row>
    <row r="497037" spans="8:8">
      <c r="H497037" s="12"/>
    </row>
    <row r="497038" spans="8:8">
      <c r="H497038" s="12"/>
    </row>
    <row r="497039" spans="8:8">
      <c r="H497039" s="12"/>
    </row>
    <row r="497040" spans="8:8">
      <c r="H497040" s="12"/>
    </row>
    <row r="497041" spans="8:8">
      <c r="H497041" s="12"/>
    </row>
    <row r="497042" spans="8:8">
      <c r="H497042" s="12"/>
    </row>
    <row r="497043" spans="8:8">
      <c r="H497043" s="12"/>
    </row>
    <row r="497044" spans="8:8">
      <c r="H497044" s="12"/>
    </row>
    <row r="497045" spans="8:8">
      <c r="H497045" s="12"/>
    </row>
    <row r="497046" spans="8:8">
      <c r="H497046" s="12"/>
    </row>
    <row r="497047" spans="8:8">
      <c r="H497047" s="12"/>
    </row>
    <row r="497048" spans="8:8">
      <c r="H497048" s="12"/>
    </row>
    <row r="497049" spans="8:8">
      <c r="H497049" s="12"/>
    </row>
    <row r="497050" spans="8:8">
      <c r="H497050" s="12"/>
    </row>
    <row r="497051" spans="8:8">
      <c r="H497051" s="12"/>
    </row>
    <row r="497052" spans="8:8">
      <c r="H497052" s="12"/>
    </row>
    <row r="497053" spans="8:8">
      <c r="H497053" s="12"/>
    </row>
    <row r="497054" spans="8:8">
      <c r="H497054" s="12"/>
    </row>
    <row r="497055" spans="8:8">
      <c r="H497055" s="12"/>
    </row>
    <row r="497056" spans="8:8">
      <c r="H497056" s="12"/>
    </row>
    <row r="497057" spans="8:8">
      <c r="H497057" s="12"/>
    </row>
    <row r="497058" spans="8:8">
      <c r="H497058" s="12"/>
    </row>
    <row r="497059" spans="8:8">
      <c r="H497059" s="12"/>
    </row>
    <row r="497060" spans="8:8">
      <c r="H497060" s="12"/>
    </row>
    <row r="497061" spans="8:8">
      <c r="H497061" s="12"/>
    </row>
    <row r="497062" spans="8:8">
      <c r="H497062" s="12"/>
    </row>
    <row r="497063" spans="8:8">
      <c r="H497063" s="12"/>
    </row>
    <row r="497064" spans="8:8">
      <c r="H497064" s="12"/>
    </row>
    <row r="497065" spans="8:8">
      <c r="H497065" s="12"/>
    </row>
    <row r="497066" spans="8:8">
      <c r="H497066" s="12"/>
    </row>
    <row r="497067" spans="8:8">
      <c r="H497067" s="12"/>
    </row>
    <row r="497068" spans="8:8">
      <c r="H497068" s="12"/>
    </row>
    <row r="497069" spans="8:8">
      <c r="H497069" s="12"/>
    </row>
    <row r="497070" spans="8:8">
      <c r="H497070" s="12"/>
    </row>
    <row r="497071" spans="8:8">
      <c r="H497071" s="12"/>
    </row>
    <row r="497072" spans="8:8">
      <c r="H497072" s="12"/>
    </row>
    <row r="497073" spans="8:8">
      <c r="H497073" s="12"/>
    </row>
    <row r="497074" spans="8:8">
      <c r="H497074" s="12"/>
    </row>
    <row r="497075" spans="8:8">
      <c r="H497075" s="12"/>
    </row>
    <row r="497076" spans="8:8">
      <c r="H497076" s="12"/>
    </row>
    <row r="497077" spans="8:8">
      <c r="H497077" s="12"/>
    </row>
    <row r="497078" spans="8:8">
      <c r="H497078" s="12"/>
    </row>
    <row r="497079" spans="8:8">
      <c r="H497079" s="12"/>
    </row>
    <row r="497080" spans="8:8">
      <c r="H497080" s="12"/>
    </row>
    <row r="497081" spans="8:8">
      <c r="H497081" s="12"/>
    </row>
    <row r="497082" spans="8:8">
      <c r="H497082" s="12"/>
    </row>
    <row r="497083" spans="8:8">
      <c r="H497083" s="12"/>
    </row>
    <row r="497084" spans="8:8">
      <c r="H497084" s="12"/>
    </row>
    <row r="497085" spans="8:8">
      <c r="H497085" s="12"/>
    </row>
    <row r="497086" spans="8:8">
      <c r="H497086" s="12"/>
    </row>
    <row r="497087" spans="8:8">
      <c r="H497087" s="12"/>
    </row>
    <row r="497088" spans="8:8">
      <c r="H497088" s="12"/>
    </row>
    <row r="497089" spans="8:8">
      <c r="H497089" s="12"/>
    </row>
    <row r="497090" spans="8:8">
      <c r="H497090" s="12"/>
    </row>
    <row r="497091" spans="8:8">
      <c r="H497091" s="12"/>
    </row>
    <row r="497092" spans="8:8">
      <c r="H497092" s="12"/>
    </row>
    <row r="497093" spans="8:8">
      <c r="H497093" s="12"/>
    </row>
    <row r="497094" spans="8:8">
      <c r="H497094" s="12"/>
    </row>
    <row r="497095" spans="8:8">
      <c r="H497095" s="12"/>
    </row>
    <row r="497096" spans="8:8">
      <c r="H497096" s="12"/>
    </row>
    <row r="497097" spans="8:8">
      <c r="H497097" s="12"/>
    </row>
    <row r="497098" spans="8:8">
      <c r="H497098" s="12"/>
    </row>
    <row r="497099" spans="8:8">
      <c r="H497099" s="12"/>
    </row>
    <row r="497100" spans="8:8">
      <c r="H497100" s="12"/>
    </row>
    <row r="497101" spans="8:8">
      <c r="H497101" s="12"/>
    </row>
    <row r="497102" spans="8:8">
      <c r="H497102" s="12"/>
    </row>
    <row r="497103" spans="8:8">
      <c r="H497103" s="12"/>
    </row>
    <row r="497104" spans="8:8">
      <c r="H497104" s="12"/>
    </row>
    <row r="497105" spans="8:8">
      <c r="H497105" s="12"/>
    </row>
    <row r="497106" spans="8:8">
      <c r="H497106" s="12"/>
    </row>
    <row r="497107" spans="8:8">
      <c r="H497107" s="12"/>
    </row>
    <row r="497108" spans="8:8">
      <c r="H497108" s="12"/>
    </row>
    <row r="497109" spans="8:8">
      <c r="H497109" s="12"/>
    </row>
    <row r="497110" spans="8:8">
      <c r="H497110" s="12"/>
    </row>
    <row r="497111" spans="8:8">
      <c r="H497111" s="12"/>
    </row>
    <row r="497112" spans="8:8">
      <c r="H497112" s="12"/>
    </row>
    <row r="497113" spans="8:8">
      <c r="H497113" s="12"/>
    </row>
    <row r="497114" spans="8:8">
      <c r="H497114" s="12"/>
    </row>
    <row r="497115" spans="8:8">
      <c r="H497115" s="12"/>
    </row>
    <row r="497116" spans="8:8">
      <c r="H497116" s="12"/>
    </row>
    <row r="497117" spans="8:8">
      <c r="H497117" s="12"/>
    </row>
    <row r="497118" spans="8:8">
      <c r="H497118" s="12"/>
    </row>
    <row r="497119" spans="8:8">
      <c r="H497119" s="12"/>
    </row>
    <row r="497120" spans="8:8">
      <c r="H497120" s="12"/>
    </row>
    <row r="497121" spans="8:8">
      <c r="H497121" s="12"/>
    </row>
    <row r="497122" spans="8:8">
      <c r="H497122" s="12"/>
    </row>
    <row r="497123" spans="8:8">
      <c r="H497123" s="12"/>
    </row>
    <row r="497124" spans="8:8">
      <c r="H497124" s="12"/>
    </row>
    <row r="497125" spans="8:8">
      <c r="H497125" s="12"/>
    </row>
    <row r="497126" spans="8:8">
      <c r="H497126" s="12"/>
    </row>
    <row r="497127" spans="8:8">
      <c r="H497127" s="12"/>
    </row>
    <row r="497128" spans="8:8">
      <c r="H497128" s="12"/>
    </row>
    <row r="497129" spans="8:8">
      <c r="H497129" s="12"/>
    </row>
    <row r="497130" spans="8:8">
      <c r="H497130" s="12"/>
    </row>
    <row r="497131" spans="8:8">
      <c r="H497131" s="12"/>
    </row>
    <row r="497132" spans="8:8">
      <c r="H497132" s="12"/>
    </row>
    <row r="497133" spans="8:8">
      <c r="H497133" s="12"/>
    </row>
    <row r="497134" spans="8:8">
      <c r="H497134" s="12"/>
    </row>
    <row r="497135" spans="8:8">
      <c r="H497135" s="12"/>
    </row>
    <row r="497136" spans="8:8">
      <c r="H497136" s="12"/>
    </row>
    <row r="497137" spans="8:8">
      <c r="H497137" s="12"/>
    </row>
    <row r="497138" spans="8:8">
      <c r="H497138" s="12"/>
    </row>
    <row r="497139" spans="8:8">
      <c r="H497139" s="12"/>
    </row>
    <row r="497140" spans="8:8">
      <c r="H497140" s="12"/>
    </row>
    <row r="497141" spans="8:8">
      <c r="H497141" s="12"/>
    </row>
    <row r="497142" spans="8:8">
      <c r="H497142" s="12"/>
    </row>
    <row r="497143" spans="8:8">
      <c r="H497143" s="12"/>
    </row>
    <row r="497144" spans="8:8">
      <c r="H497144" s="12"/>
    </row>
    <row r="497145" spans="8:8">
      <c r="H497145" s="12"/>
    </row>
    <row r="497146" spans="8:8">
      <c r="H497146" s="12"/>
    </row>
    <row r="497147" spans="8:8">
      <c r="H497147" s="12"/>
    </row>
    <row r="497148" spans="8:8">
      <c r="H497148" s="12"/>
    </row>
    <row r="497149" spans="8:8">
      <c r="H497149" s="12"/>
    </row>
    <row r="497150" spans="8:8">
      <c r="H497150" s="12"/>
    </row>
    <row r="497151" spans="8:8">
      <c r="H497151" s="12"/>
    </row>
    <row r="497152" spans="8:8">
      <c r="H497152" s="12"/>
    </row>
    <row r="497153" spans="8:8">
      <c r="H497153" s="12"/>
    </row>
    <row r="497154" spans="8:8">
      <c r="H497154" s="12"/>
    </row>
    <row r="497155" spans="8:8">
      <c r="H497155" s="12"/>
    </row>
    <row r="497156" spans="8:8">
      <c r="H497156" s="12"/>
    </row>
    <row r="497157" spans="8:8">
      <c r="H497157" s="12"/>
    </row>
    <row r="497158" spans="8:8">
      <c r="H497158" s="12"/>
    </row>
    <row r="497159" spans="8:8">
      <c r="H497159" s="12"/>
    </row>
    <row r="497160" spans="8:8">
      <c r="H497160" s="12"/>
    </row>
    <row r="497161" spans="8:8">
      <c r="H497161" s="12"/>
    </row>
    <row r="497162" spans="8:8">
      <c r="H497162" s="12"/>
    </row>
    <row r="497163" spans="8:8">
      <c r="H497163" s="12"/>
    </row>
    <row r="497164" spans="8:8">
      <c r="H497164" s="12"/>
    </row>
    <row r="497165" spans="8:8">
      <c r="H497165" s="12"/>
    </row>
    <row r="497166" spans="8:8">
      <c r="H497166" s="12"/>
    </row>
    <row r="497167" spans="8:8">
      <c r="H497167" s="12"/>
    </row>
    <row r="497168" spans="8:8">
      <c r="H497168" s="12"/>
    </row>
    <row r="497169" spans="8:8">
      <c r="H497169" s="12"/>
    </row>
    <row r="497170" spans="8:8">
      <c r="H497170" s="12"/>
    </row>
    <row r="497171" spans="8:8">
      <c r="H497171" s="12"/>
    </row>
    <row r="497172" spans="8:8">
      <c r="H497172" s="12"/>
    </row>
    <row r="497173" spans="8:8">
      <c r="H497173" s="12"/>
    </row>
    <row r="497174" spans="8:8">
      <c r="H497174" s="12"/>
    </row>
    <row r="497175" spans="8:8">
      <c r="H497175" s="12"/>
    </row>
    <row r="497176" spans="8:8">
      <c r="H497176" s="12"/>
    </row>
    <row r="497177" spans="8:8">
      <c r="H497177" s="12"/>
    </row>
    <row r="497178" spans="8:8">
      <c r="H497178" s="12"/>
    </row>
    <row r="497179" spans="8:8">
      <c r="H497179" s="12"/>
    </row>
    <row r="497180" spans="8:8">
      <c r="H497180" s="12"/>
    </row>
    <row r="497181" spans="8:8">
      <c r="H497181" s="12"/>
    </row>
    <row r="497182" spans="8:8">
      <c r="H497182" s="12"/>
    </row>
    <row r="497183" spans="8:8">
      <c r="H497183" s="12"/>
    </row>
    <row r="497184" spans="8:8">
      <c r="H497184" s="12"/>
    </row>
    <row r="497185" spans="8:8">
      <c r="H497185" s="12"/>
    </row>
    <row r="497186" spans="8:8">
      <c r="H497186" s="12"/>
    </row>
    <row r="497187" spans="8:8">
      <c r="H497187" s="12"/>
    </row>
    <row r="497188" spans="8:8">
      <c r="H497188" s="12"/>
    </row>
    <row r="497189" spans="8:8">
      <c r="H497189" s="12"/>
    </row>
    <row r="497190" spans="8:8">
      <c r="H497190" s="12"/>
    </row>
    <row r="497191" spans="8:8">
      <c r="H497191" s="12"/>
    </row>
    <row r="497192" spans="8:8">
      <c r="H497192" s="12"/>
    </row>
    <row r="497193" spans="8:8">
      <c r="H497193" s="12"/>
    </row>
    <row r="497194" spans="8:8">
      <c r="H497194" s="12"/>
    </row>
    <row r="497195" spans="8:8">
      <c r="H497195" s="12"/>
    </row>
    <row r="497196" spans="8:8">
      <c r="H497196" s="12"/>
    </row>
    <row r="497197" spans="8:8">
      <c r="H497197" s="12"/>
    </row>
    <row r="497198" spans="8:8">
      <c r="H497198" s="12"/>
    </row>
    <row r="497199" spans="8:8">
      <c r="H497199" s="12"/>
    </row>
    <row r="497200" spans="8:8">
      <c r="H497200" s="12"/>
    </row>
    <row r="497201" spans="8:8">
      <c r="H497201" s="12"/>
    </row>
    <row r="497202" spans="8:8">
      <c r="H497202" s="12"/>
    </row>
    <row r="497203" spans="8:8">
      <c r="H497203" s="12"/>
    </row>
    <row r="497204" spans="8:8">
      <c r="H497204" s="12"/>
    </row>
    <row r="497205" spans="8:8">
      <c r="H497205" s="12"/>
    </row>
    <row r="497206" spans="8:8">
      <c r="H497206" s="12"/>
    </row>
    <row r="497207" spans="8:8">
      <c r="H497207" s="12"/>
    </row>
    <row r="497208" spans="8:8">
      <c r="H497208" s="12"/>
    </row>
    <row r="497209" spans="8:8">
      <c r="H497209" s="12"/>
    </row>
    <row r="497210" spans="8:8">
      <c r="H497210" s="12"/>
    </row>
    <row r="497211" spans="8:8">
      <c r="H497211" s="12"/>
    </row>
    <row r="497212" spans="8:8">
      <c r="H497212" s="12"/>
    </row>
    <row r="497213" spans="8:8">
      <c r="H497213" s="12"/>
    </row>
    <row r="497214" spans="8:8">
      <c r="H497214" s="12"/>
    </row>
    <row r="497215" spans="8:8">
      <c r="H497215" s="12"/>
    </row>
    <row r="497216" spans="8:8">
      <c r="H497216" s="12"/>
    </row>
    <row r="497217" spans="8:8">
      <c r="H497217" s="12"/>
    </row>
    <row r="497218" spans="8:8">
      <c r="H497218" s="12"/>
    </row>
    <row r="497219" spans="8:8">
      <c r="H497219" s="12"/>
    </row>
    <row r="497220" spans="8:8">
      <c r="H497220" s="12"/>
    </row>
    <row r="497221" spans="8:8">
      <c r="H497221" s="12"/>
    </row>
    <row r="497222" spans="8:8">
      <c r="H497222" s="12"/>
    </row>
    <row r="497223" spans="8:8">
      <c r="H497223" s="12"/>
    </row>
    <row r="497224" spans="8:8">
      <c r="H497224" s="12"/>
    </row>
    <row r="497225" spans="8:8">
      <c r="H497225" s="12"/>
    </row>
    <row r="497226" spans="8:8">
      <c r="H497226" s="12"/>
    </row>
    <row r="497227" spans="8:8">
      <c r="H497227" s="12"/>
    </row>
    <row r="497228" spans="8:8">
      <c r="H497228" s="12"/>
    </row>
    <row r="497229" spans="8:8">
      <c r="H497229" s="12"/>
    </row>
    <row r="497230" spans="8:8">
      <c r="H497230" s="12"/>
    </row>
    <row r="497231" spans="8:8">
      <c r="H497231" s="12"/>
    </row>
    <row r="497232" spans="8:8">
      <c r="H497232" s="12"/>
    </row>
    <row r="497233" spans="8:8">
      <c r="H497233" s="12"/>
    </row>
    <row r="497234" spans="8:8">
      <c r="H497234" s="12"/>
    </row>
    <row r="497235" spans="8:8">
      <c r="H497235" s="12"/>
    </row>
    <row r="497236" spans="8:8">
      <c r="H497236" s="12"/>
    </row>
    <row r="497237" spans="8:8">
      <c r="H497237" s="12"/>
    </row>
    <row r="497238" spans="8:8">
      <c r="H497238" s="12"/>
    </row>
    <row r="497239" spans="8:8">
      <c r="H497239" s="12"/>
    </row>
    <row r="497240" spans="8:8">
      <c r="H497240" s="12"/>
    </row>
    <row r="497241" spans="8:8">
      <c r="H497241" s="12"/>
    </row>
    <row r="497242" spans="8:8">
      <c r="H497242" s="12"/>
    </row>
    <row r="497243" spans="8:8">
      <c r="H497243" s="12"/>
    </row>
    <row r="497244" spans="8:8">
      <c r="H497244" s="12"/>
    </row>
    <row r="497245" spans="8:8">
      <c r="H497245" s="12"/>
    </row>
    <row r="497246" spans="8:8">
      <c r="H497246" s="12"/>
    </row>
    <row r="497247" spans="8:8">
      <c r="H497247" s="12"/>
    </row>
    <row r="497248" spans="8:8">
      <c r="H497248" s="12"/>
    </row>
    <row r="497249" spans="8:8">
      <c r="H497249" s="12"/>
    </row>
    <row r="497250" spans="8:8">
      <c r="H497250" s="12"/>
    </row>
    <row r="497251" spans="8:8">
      <c r="H497251" s="12"/>
    </row>
    <row r="497252" spans="8:8">
      <c r="H497252" s="12"/>
    </row>
    <row r="497253" spans="8:8">
      <c r="H497253" s="12"/>
    </row>
    <row r="497254" spans="8:8">
      <c r="H497254" s="12"/>
    </row>
    <row r="497255" spans="8:8">
      <c r="H497255" s="12"/>
    </row>
    <row r="497256" spans="8:8">
      <c r="H497256" s="12"/>
    </row>
    <row r="497257" spans="8:8">
      <c r="H497257" s="12"/>
    </row>
    <row r="497258" spans="8:8">
      <c r="H497258" s="12"/>
    </row>
    <row r="497259" spans="8:8">
      <c r="H497259" s="12"/>
    </row>
    <row r="497260" spans="8:8">
      <c r="H497260" s="12"/>
    </row>
    <row r="497261" spans="8:8">
      <c r="H497261" s="12"/>
    </row>
    <row r="497262" spans="8:8">
      <c r="H497262" s="12"/>
    </row>
    <row r="497263" spans="8:8">
      <c r="H497263" s="12"/>
    </row>
    <row r="497264" spans="8:8">
      <c r="H497264" s="12"/>
    </row>
    <row r="497265" spans="8:8">
      <c r="H497265" s="12"/>
    </row>
    <row r="497266" spans="8:8">
      <c r="H497266" s="12"/>
    </row>
    <row r="497267" spans="8:8">
      <c r="H497267" s="12"/>
    </row>
    <row r="497268" spans="8:8">
      <c r="H497268" s="12"/>
    </row>
    <row r="497269" spans="8:8">
      <c r="H497269" s="12"/>
    </row>
    <row r="497270" spans="8:8">
      <c r="H497270" s="12"/>
    </row>
    <row r="497271" spans="8:8">
      <c r="H497271" s="12"/>
    </row>
    <row r="497272" spans="8:8">
      <c r="H497272" s="12"/>
    </row>
    <row r="497273" spans="8:8">
      <c r="H497273" s="12"/>
    </row>
    <row r="497274" spans="8:8">
      <c r="H497274" s="12"/>
    </row>
    <row r="497275" spans="8:8">
      <c r="H497275" s="12"/>
    </row>
    <row r="497276" spans="8:8">
      <c r="H497276" s="12"/>
    </row>
    <row r="497277" spans="8:8">
      <c r="H497277" s="12"/>
    </row>
    <row r="497278" spans="8:8">
      <c r="H497278" s="12"/>
    </row>
    <row r="497279" spans="8:8">
      <c r="H497279" s="12"/>
    </row>
    <row r="497280" spans="8:8">
      <c r="H497280" s="12"/>
    </row>
    <row r="497281" spans="8:8">
      <c r="H497281" s="12"/>
    </row>
    <row r="497282" spans="8:8">
      <c r="H497282" s="12"/>
    </row>
    <row r="497283" spans="8:8">
      <c r="H497283" s="12"/>
    </row>
    <row r="497284" spans="8:8">
      <c r="H497284" s="12"/>
    </row>
    <row r="497285" spans="8:8">
      <c r="H497285" s="12"/>
    </row>
    <row r="497286" spans="8:8">
      <c r="H497286" s="12"/>
    </row>
    <row r="497287" spans="8:8">
      <c r="H497287" s="12"/>
    </row>
    <row r="497288" spans="8:8">
      <c r="H497288" s="12"/>
    </row>
    <row r="497289" spans="8:8">
      <c r="H497289" s="12"/>
    </row>
    <row r="497290" spans="8:8">
      <c r="H497290" s="12"/>
    </row>
    <row r="497291" spans="8:8">
      <c r="H497291" s="12"/>
    </row>
    <row r="497292" spans="8:8">
      <c r="H497292" s="12"/>
    </row>
    <row r="497293" spans="8:8">
      <c r="H497293" s="12"/>
    </row>
    <row r="497294" spans="8:8">
      <c r="H497294" s="12"/>
    </row>
    <row r="497295" spans="8:8">
      <c r="H497295" s="12"/>
    </row>
    <row r="497296" spans="8:8">
      <c r="H497296" s="12"/>
    </row>
    <row r="497297" spans="8:8">
      <c r="H497297" s="12"/>
    </row>
    <row r="497298" spans="8:8">
      <c r="H497298" s="12"/>
    </row>
    <row r="497299" spans="8:8">
      <c r="H497299" s="12"/>
    </row>
    <row r="497300" spans="8:8">
      <c r="H497300" s="12"/>
    </row>
    <row r="497301" spans="8:8">
      <c r="H497301" s="12"/>
    </row>
    <row r="497302" spans="8:8">
      <c r="H497302" s="12"/>
    </row>
    <row r="497303" spans="8:8">
      <c r="H497303" s="12"/>
    </row>
    <row r="497304" spans="8:8">
      <c r="H497304" s="12"/>
    </row>
    <row r="497305" spans="8:8">
      <c r="H497305" s="12"/>
    </row>
    <row r="497306" spans="8:8">
      <c r="H497306" s="12"/>
    </row>
    <row r="497307" spans="8:8">
      <c r="H497307" s="12"/>
    </row>
    <row r="497308" spans="8:8">
      <c r="H497308" s="12"/>
    </row>
    <row r="497309" spans="8:8">
      <c r="H497309" s="12"/>
    </row>
    <row r="497310" spans="8:8">
      <c r="H497310" s="12"/>
    </row>
    <row r="497311" spans="8:8">
      <c r="H497311" s="12"/>
    </row>
    <row r="497312" spans="8:8">
      <c r="H497312" s="12"/>
    </row>
    <row r="497313" spans="8:8">
      <c r="H497313" s="12"/>
    </row>
    <row r="497314" spans="8:8">
      <c r="H497314" s="12"/>
    </row>
    <row r="497315" spans="8:8">
      <c r="H497315" s="12"/>
    </row>
    <row r="497316" spans="8:8">
      <c r="H497316" s="12"/>
    </row>
    <row r="497317" spans="8:8">
      <c r="H497317" s="12"/>
    </row>
    <row r="497318" spans="8:8">
      <c r="H497318" s="12"/>
    </row>
    <row r="497319" spans="8:8">
      <c r="H497319" s="12"/>
    </row>
    <row r="497320" spans="8:8">
      <c r="H497320" s="12"/>
    </row>
    <row r="497321" spans="8:8">
      <c r="H497321" s="12"/>
    </row>
    <row r="497322" spans="8:8">
      <c r="H497322" s="12"/>
    </row>
    <row r="497323" spans="8:8">
      <c r="H497323" s="12"/>
    </row>
    <row r="497324" spans="8:8">
      <c r="H497324" s="12"/>
    </row>
    <row r="497325" spans="8:8">
      <c r="H497325" s="12"/>
    </row>
    <row r="497326" spans="8:8">
      <c r="H497326" s="12"/>
    </row>
    <row r="497327" spans="8:8">
      <c r="H497327" s="12"/>
    </row>
    <row r="497328" spans="8:8">
      <c r="H497328" s="12"/>
    </row>
    <row r="497329" spans="8:8">
      <c r="H497329" s="12"/>
    </row>
    <row r="497330" spans="8:8">
      <c r="H497330" s="12"/>
    </row>
    <row r="497331" spans="8:8">
      <c r="H497331" s="12"/>
    </row>
    <row r="497332" spans="8:8">
      <c r="H497332" s="12"/>
    </row>
    <row r="497333" spans="8:8">
      <c r="H497333" s="12"/>
    </row>
    <row r="497334" spans="8:8">
      <c r="H497334" s="12"/>
    </row>
    <row r="497335" spans="8:8">
      <c r="H497335" s="12"/>
    </row>
    <row r="497336" spans="8:8">
      <c r="H497336" s="12"/>
    </row>
    <row r="497337" spans="8:8">
      <c r="H497337" s="12"/>
    </row>
    <row r="497338" spans="8:8">
      <c r="H497338" s="12"/>
    </row>
    <row r="497339" spans="8:8">
      <c r="H497339" s="12"/>
    </row>
    <row r="497340" spans="8:8">
      <c r="H497340" s="12"/>
    </row>
    <row r="497341" spans="8:8">
      <c r="H497341" s="12"/>
    </row>
    <row r="497342" spans="8:8">
      <c r="H497342" s="12"/>
    </row>
    <row r="497343" spans="8:8">
      <c r="H497343" s="12"/>
    </row>
    <row r="497344" spans="8:8">
      <c r="H497344" s="12"/>
    </row>
    <row r="497345" spans="8:8">
      <c r="H497345" s="12"/>
    </row>
    <row r="497346" spans="8:8">
      <c r="H497346" s="12"/>
    </row>
    <row r="497347" spans="8:8">
      <c r="H497347" s="12"/>
    </row>
    <row r="497348" spans="8:8">
      <c r="H497348" s="12"/>
    </row>
    <row r="497349" spans="8:8">
      <c r="H497349" s="12"/>
    </row>
    <row r="497350" spans="8:8">
      <c r="H497350" s="12"/>
    </row>
    <row r="497351" spans="8:8">
      <c r="H497351" s="12"/>
    </row>
    <row r="497352" spans="8:8">
      <c r="H497352" s="12"/>
    </row>
    <row r="497353" spans="8:8">
      <c r="H497353" s="12"/>
    </row>
    <row r="497354" spans="8:8">
      <c r="H497354" s="12"/>
    </row>
    <row r="497355" spans="8:8">
      <c r="H497355" s="12"/>
    </row>
    <row r="497356" spans="8:8">
      <c r="H497356" s="12"/>
    </row>
    <row r="497357" spans="8:8">
      <c r="H497357" s="12"/>
    </row>
    <row r="497358" spans="8:8">
      <c r="H497358" s="12"/>
    </row>
    <row r="497359" spans="8:8">
      <c r="H497359" s="12"/>
    </row>
    <row r="497360" spans="8:8">
      <c r="H497360" s="12"/>
    </row>
    <row r="497361" spans="8:8">
      <c r="H497361" s="12"/>
    </row>
    <row r="497362" spans="8:8">
      <c r="H497362" s="12"/>
    </row>
    <row r="497363" spans="8:8">
      <c r="H497363" s="12"/>
    </row>
    <row r="497364" spans="8:8">
      <c r="H497364" s="12"/>
    </row>
    <row r="497365" spans="8:8">
      <c r="H497365" s="12"/>
    </row>
    <row r="497366" spans="8:8">
      <c r="H497366" s="12"/>
    </row>
    <row r="497367" spans="8:8">
      <c r="H497367" s="12"/>
    </row>
    <row r="497368" spans="8:8">
      <c r="H497368" s="12"/>
    </row>
    <row r="497369" spans="8:8">
      <c r="H497369" s="12"/>
    </row>
    <row r="497370" spans="8:8">
      <c r="H497370" s="12"/>
    </row>
    <row r="497371" spans="8:8">
      <c r="H497371" s="12"/>
    </row>
    <row r="497372" spans="8:8">
      <c r="H497372" s="12"/>
    </row>
    <row r="497373" spans="8:8">
      <c r="H497373" s="12"/>
    </row>
    <row r="497374" spans="8:8">
      <c r="H497374" s="12"/>
    </row>
    <row r="497375" spans="8:8">
      <c r="H497375" s="12"/>
    </row>
    <row r="497376" spans="8:8">
      <c r="H497376" s="12"/>
    </row>
    <row r="497377" spans="8:8">
      <c r="H497377" s="12"/>
    </row>
    <row r="497378" spans="8:8">
      <c r="H497378" s="12"/>
    </row>
    <row r="497379" spans="8:8">
      <c r="H497379" s="12"/>
    </row>
    <row r="497380" spans="8:8">
      <c r="H497380" s="12"/>
    </row>
    <row r="497381" spans="8:8">
      <c r="H497381" s="12"/>
    </row>
    <row r="497382" spans="8:8">
      <c r="H497382" s="12"/>
    </row>
    <row r="497383" spans="8:8">
      <c r="H497383" s="12"/>
    </row>
    <row r="497384" spans="8:8">
      <c r="H497384" s="12"/>
    </row>
    <row r="497385" spans="8:8">
      <c r="H497385" s="12"/>
    </row>
    <row r="497386" spans="8:8">
      <c r="H497386" s="12"/>
    </row>
    <row r="497387" spans="8:8">
      <c r="H497387" s="12"/>
    </row>
    <row r="497388" spans="8:8">
      <c r="H497388" s="12"/>
    </row>
    <row r="497389" spans="8:8">
      <c r="H497389" s="12"/>
    </row>
    <row r="497390" spans="8:8">
      <c r="H497390" s="12"/>
    </row>
    <row r="497391" spans="8:8">
      <c r="H497391" s="12"/>
    </row>
    <row r="497392" spans="8:8">
      <c r="H497392" s="12"/>
    </row>
    <row r="497393" spans="8:8">
      <c r="H497393" s="12"/>
    </row>
    <row r="497394" spans="8:8">
      <c r="H497394" s="12"/>
    </row>
    <row r="497395" spans="8:8">
      <c r="H497395" s="12"/>
    </row>
    <row r="497396" spans="8:8">
      <c r="H497396" s="12"/>
    </row>
    <row r="497397" spans="8:8">
      <c r="H497397" s="12"/>
    </row>
    <row r="497398" spans="8:8">
      <c r="H497398" s="12"/>
    </row>
    <row r="497399" spans="8:8">
      <c r="H497399" s="12"/>
    </row>
    <row r="497400" spans="8:8">
      <c r="H497400" s="12"/>
    </row>
    <row r="497401" spans="8:8">
      <c r="H497401" s="12"/>
    </row>
    <row r="497402" spans="8:8">
      <c r="H497402" s="12"/>
    </row>
    <row r="497403" spans="8:8">
      <c r="H497403" s="12"/>
    </row>
    <row r="497404" spans="8:8">
      <c r="H497404" s="12"/>
    </row>
    <row r="497405" spans="8:8">
      <c r="H497405" s="12"/>
    </row>
    <row r="497406" spans="8:8">
      <c r="H497406" s="12"/>
    </row>
    <row r="497407" spans="8:8">
      <c r="H497407" s="12"/>
    </row>
    <row r="497408" spans="8:8">
      <c r="H497408" s="12"/>
    </row>
    <row r="497409" spans="8:8">
      <c r="H497409" s="12"/>
    </row>
    <row r="497410" spans="8:8">
      <c r="H497410" s="12"/>
    </row>
    <row r="497411" spans="8:8">
      <c r="H497411" s="12"/>
    </row>
    <row r="497412" spans="8:8">
      <c r="H497412" s="12"/>
    </row>
    <row r="497413" spans="8:8">
      <c r="H497413" s="12"/>
    </row>
    <row r="497414" spans="8:8">
      <c r="H497414" s="12"/>
    </row>
    <row r="497415" spans="8:8">
      <c r="H497415" s="12"/>
    </row>
    <row r="497416" spans="8:8">
      <c r="H497416" s="12"/>
    </row>
    <row r="497417" spans="8:8">
      <c r="H497417" s="12"/>
    </row>
    <row r="497418" spans="8:8">
      <c r="H497418" s="12"/>
    </row>
    <row r="497419" spans="8:8">
      <c r="H497419" s="12"/>
    </row>
    <row r="497420" spans="8:8">
      <c r="H497420" s="12"/>
    </row>
    <row r="497421" spans="8:8">
      <c r="H497421" s="12"/>
    </row>
    <row r="497422" spans="8:8">
      <c r="H497422" s="12"/>
    </row>
    <row r="497423" spans="8:8">
      <c r="H497423" s="12"/>
    </row>
    <row r="497424" spans="8:8">
      <c r="H497424" s="12"/>
    </row>
    <row r="497425" spans="8:8">
      <c r="H497425" s="12"/>
    </row>
    <row r="497426" spans="8:8">
      <c r="H497426" s="12"/>
    </row>
    <row r="497427" spans="8:8">
      <c r="H497427" s="12"/>
    </row>
    <row r="497428" spans="8:8">
      <c r="H497428" s="12"/>
    </row>
    <row r="497429" spans="8:8">
      <c r="H497429" s="12"/>
    </row>
    <row r="497430" spans="8:8">
      <c r="H497430" s="12"/>
    </row>
    <row r="497431" spans="8:8">
      <c r="H497431" s="12"/>
    </row>
    <row r="497432" spans="8:8">
      <c r="H497432" s="12"/>
    </row>
    <row r="497433" spans="8:8">
      <c r="H497433" s="12"/>
    </row>
    <row r="497434" spans="8:8">
      <c r="H497434" s="12"/>
    </row>
    <row r="497435" spans="8:8">
      <c r="H497435" s="12"/>
    </row>
    <row r="497436" spans="8:8">
      <c r="H497436" s="12"/>
    </row>
    <row r="497437" spans="8:8">
      <c r="H497437" s="12"/>
    </row>
    <row r="497438" spans="8:8">
      <c r="H497438" s="12"/>
    </row>
    <row r="497439" spans="8:8">
      <c r="H497439" s="12"/>
    </row>
    <row r="497440" spans="8:8">
      <c r="H497440" s="12"/>
    </row>
    <row r="497441" spans="8:8">
      <c r="H497441" s="12"/>
    </row>
    <row r="497442" spans="8:8">
      <c r="H497442" s="12"/>
    </row>
    <row r="497443" spans="8:8">
      <c r="H497443" s="12"/>
    </row>
    <row r="497444" spans="8:8">
      <c r="H497444" s="12"/>
    </row>
    <row r="497445" spans="8:8">
      <c r="H497445" s="12"/>
    </row>
    <row r="497446" spans="8:8">
      <c r="H497446" s="12"/>
    </row>
    <row r="497447" spans="8:8">
      <c r="H497447" s="12"/>
    </row>
    <row r="497448" spans="8:8">
      <c r="H497448" s="12"/>
    </row>
    <row r="497449" spans="8:8">
      <c r="H497449" s="12"/>
    </row>
    <row r="497450" spans="8:8">
      <c r="H497450" s="12"/>
    </row>
    <row r="497451" spans="8:8">
      <c r="H497451" s="12"/>
    </row>
    <row r="497452" spans="8:8">
      <c r="H497452" s="12"/>
    </row>
    <row r="497453" spans="8:8">
      <c r="H497453" s="12"/>
    </row>
    <row r="497454" spans="8:8">
      <c r="H497454" s="12"/>
    </row>
    <row r="497455" spans="8:8">
      <c r="H497455" s="12"/>
    </row>
    <row r="497456" spans="8:8">
      <c r="H497456" s="12"/>
    </row>
    <row r="497457" spans="8:8">
      <c r="H497457" s="12"/>
    </row>
    <row r="497458" spans="8:8">
      <c r="H497458" s="12"/>
    </row>
    <row r="497459" spans="8:8">
      <c r="H497459" s="12"/>
    </row>
    <row r="497460" spans="8:8">
      <c r="H497460" s="12"/>
    </row>
    <row r="497461" spans="8:8">
      <c r="H497461" s="12"/>
    </row>
    <row r="497462" spans="8:8">
      <c r="H497462" s="12"/>
    </row>
    <row r="497463" spans="8:8">
      <c r="H497463" s="12"/>
    </row>
    <row r="497464" spans="8:8">
      <c r="H497464" s="12"/>
    </row>
    <row r="497465" spans="8:8">
      <c r="H497465" s="12"/>
    </row>
    <row r="497466" spans="8:8">
      <c r="H497466" s="12"/>
    </row>
    <row r="497467" spans="8:8">
      <c r="H497467" s="12"/>
    </row>
    <row r="497468" spans="8:8">
      <c r="H497468" s="12"/>
    </row>
    <row r="497469" spans="8:8">
      <c r="H497469" s="12"/>
    </row>
    <row r="497470" spans="8:8">
      <c r="H497470" s="12"/>
    </row>
    <row r="497471" spans="8:8">
      <c r="H497471" s="12"/>
    </row>
    <row r="497472" spans="8:8">
      <c r="H497472" s="12"/>
    </row>
    <row r="497473" spans="8:8">
      <c r="H497473" s="12"/>
    </row>
    <row r="497474" spans="8:8">
      <c r="H497474" s="12"/>
    </row>
    <row r="497475" spans="8:8">
      <c r="H497475" s="12"/>
    </row>
    <row r="497476" spans="8:8">
      <c r="H497476" s="12"/>
    </row>
    <row r="497477" spans="8:8">
      <c r="H497477" s="12"/>
    </row>
    <row r="497478" spans="8:8">
      <c r="H497478" s="12"/>
    </row>
    <row r="497479" spans="8:8">
      <c r="H497479" s="12"/>
    </row>
    <row r="497480" spans="8:8">
      <c r="H497480" s="12"/>
    </row>
    <row r="497481" spans="8:8">
      <c r="H497481" s="12"/>
    </row>
    <row r="497482" spans="8:8">
      <c r="H497482" s="12"/>
    </row>
    <row r="497483" spans="8:8">
      <c r="H497483" s="12"/>
    </row>
    <row r="497484" spans="8:8">
      <c r="H497484" s="12"/>
    </row>
    <row r="497485" spans="8:8">
      <c r="H497485" s="12"/>
    </row>
    <row r="497486" spans="8:8">
      <c r="H497486" s="12"/>
    </row>
    <row r="497487" spans="8:8">
      <c r="H497487" s="12"/>
    </row>
    <row r="497488" spans="8:8">
      <c r="H497488" s="12"/>
    </row>
    <row r="497489" spans="8:8">
      <c r="H497489" s="12"/>
    </row>
    <row r="497490" spans="8:8">
      <c r="H497490" s="12"/>
    </row>
    <row r="497491" spans="8:8">
      <c r="H497491" s="12"/>
    </row>
    <row r="497492" spans="8:8">
      <c r="H497492" s="12"/>
    </row>
    <row r="497493" spans="8:8">
      <c r="H497493" s="12"/>
    </row>
    <row r="497494" spans="8:8">
      <c r="H497494" s="12"/>
    </row>
    <row r="497495" spans="8:8">
      <c r="H497495" s="12"/>
    </row>
    <row r="497496" spans="8:8">
      <c r="H497496" s="12"/>
    </row>
    <row r="497497" spans="8:8">
      <c r="H497497" s="12"/>
    </row>
    <row r="497498" spans="8:8">
      <c r="H497498" s="12"/>
    </row>
    <row r="497499" spans="8:8">
      <c r="H497499" s="12"/>
    </row>
    <row r="497500" spans="8:8">
      <c r="H497500" s="12"/>
    </row>
    <row r="497501" spans="8:8">
      <c r="H497501" s="12"/>
    </row>
    <row r="497502" spans="8:8">
      <c r="H497502" s="12"/>
    </row>
    <row r="497503" spans="8:8">
      <c r="H497503" s="12"/>
    </row>
    <row r="497504" spans="8:8">
      <c r="H497504" s="12"/>
    </row>
    <row r="497505" spans="8:8">
      <c r="H497505" s="12"/>
    </row>
    <row r="497506" spans="8:8">
      <c r="H497506" s="12"/>
    </row>
    <row r="497507" spans="8:8">
      <c r="H497507" s="12"/>
    </row>
    <row r="497508" spans="8:8">
      <c r="H497508" s="12"/>
    </row>
    <row r="497509" spans="8:8">
      <c r="H497509" s="12"/>
    </row>
    <row r="497510" spans="8:8">
      <c r="H497510" s="12"/>
    </row>
    <row r="497511" spans="8:8">
      <c r="H497511" s="12"/>
    </row>
    <row r="497512" spans="8:8">
      <c r="H497512" s="12"/>
    </row>
    <row r="497513" spans="8:8">
      <c r="H497513" s="12"/>
    </row>
    <row r="497514" spans="8:8">
      <c r="H497514" s="12"/>
    </row>
    <row r="497515" spans="8:8">
      <c r="H497515" s="12"/>
    </row>
    <row r="497516" spans="8:8">
      <c r="H497516" s="12"/>
    </row>
    <row r="497517" spans="8:8">
      <c r="H497517" s="12"/>
    </row>
    <row r="497518" spans="8:8">
      <c r="H497518" s="12"/>
    </row>
    <row r="497519" spans="8:8">
      <c r="H497519" s="12"/>
    </row>
    <row r="497520" spans="8:8">
      <c r="H497520" s="12"/>
    </row>
    <row r="497521" spans="8:8">
      <c r="H497521" s="12"/>
    </row>
    <row r="497522" spans="8:8">
      <c r="H497522" s="12"/>
    </row>
    <row r="497523" spans="8:8">
      <c r="H497523" s="12"/>
    </row>
    <row r="497524" spans="8:8">
      <c r="H497524" s="12"/>
    </row>
    <row r="497525" spans="8:8">
      <c r="H497525" s="12"/>
    </row>
    <row r="497526" spans="8:8">
      <c r="H497526" s="12"/>
    </row>
    <row r="497527" spans="8:8">
      <c r="H497527" s="12"/>
    </row>
    <row r="497528" spans="8:8">
      <c r="H497528" s="12"/>
    </row>
    <row r="497529" spans="8:8">
      <c r="H497529" s="12"/>
    </row>
    <row r="497530" spans="8:8">
      <c r="H497530" s="12"/>
    </row>
    <row r="497531" spans="8:8">
      <c r="H497531" s="12"/>
    </row>
    <row r="497532" spans="8:8">
      <c r="H497532" s="12"/>
    </row>
    <row r="497533" spans="8:8">
      <c r="H497533" s="12"/>
    </row>
    <row r="497534" spans="8:8">
      <c r="H497534" s="12"/>
    </row>
    <row r="497535" spans="8:8">
      <c r="H497535" s="12"/>
    </row>
    <row r="497536" spans="8:8">
      <c r="H497536" s="12"/>
    </row>
    <row r="497537" spans="8:8">
      <c r="H497537" s="12"/>
    </row>
    <row r="497538" spans="8:8">
      <c r="H497538" s="12"/>
    </row>
    <row r="497539" spans="8:8">
      <c r="H497539" s="12"/>
    </row>
    <row r="497540" spans="8:8">
      <c r="H497540" s="12"/>
    </row>
    <row r="497541" spans="8:8">
      <c r="H497541" s="12"/>
    </row>
    <row r="497542" spans="8:8">
      <c r="H497542" s="12"/>
    </row>
    <row r="497543" spans="8:8">
      <c r="H497543" s="12"/>
    </row>
    <row r="497544" spans="8:8">
      <c r="H497544" s="12"/>
    </row>
    <row r="497545" spans="8:8">
      <c r="H497545" s="12"/>
    </row>
    <row r="497546" spans="8:8">
      <c r="H497546" s="12"/>
    </row>
    <row r="497547" spans="8:8">
      <c r="H497547" s="12"/>
    </row>
    <row r="497548" spans="8:8">
      <c r="H497548" s="12"/>
    </row>
    <row r="497549" spans="8:8">
      <c r="H497549" s="12"/>
    </row>
    <row r="497550" spans="8:8">
      <c r="H497550" s="12"/>
    </row>
    <row r="497551" spans="8:8">
      <c r="H497551" s="12"/>
    </row>
    <row r="497552" spans="8:8">
      <c r="H497552" s="12"/>
    </row>
    <row r="497553" spans="8:8">
      <c r="H497553" s="12"/>
    </row>
    <row r="497554" spans="8:8">
      <c r="H497554" s="12"/>
    </row>
    <row r="497555" spans="8:8">
      <c r="H497555" s="12"/>
    </row>
    <row r="497556" spans="8:8">
      <c r="H497556" s="12"/>
    </row>
    <row r="497557" spans="8:8">
      <c r="H497557" s="12"/>
    </row>
    <row r="497558" spans="8:8">
      <c r="H497558" s="12"/>
    </row>
    <row r="497559" spans="8:8">
      <c r="H497559" s="12"/>
    </row>
    <row r="497560" spans="8:8">
      <c r="H497560" s="12"/>
    </row>
    <row r="497561" spans="8:8">
      <c r="H497561" s="12"/>
    </row>
    <row r="497562" spans="8:8">
      <c r="H497562" s="12"/>
    </row>
    <row r="497563" spans="8:8">
      <c r="H497563" s="12"/>
    </row>
    <row r="497564" spans="8:8">
      <c r="H497564" s="12"/>
    </row>
    <row r="497565" spans="8:8">
      <c r="H497565" s="12"/>
    </row>
    <row r="497566" spans="8:8">
      <c r="H497566" s="12"/>
    </row>
    <row r="497567" spans="8:8">
      <c r="H497567" s="12"/>
    </row>
    <row r="497568" spans="8:8">
      <c r="H497568" s="12"/>
    </row>
    <row r="497569" spans="8:8">
      <c r="H497569" s="12"/>
    </row>
    <row r="497570" spans="8:8">
      <c r="H497570" s="12"/>
    </row>
    <row r="497571" spans="8:8">
      <c r="H497571" s="12"/>
    </row>
    <row r="497572" spans="8:8">
      <c r="H497572" s="12"/>
    </row>
    <row r="497573" spans="8:8">
      <c r="H497573" s="12"/>
    </row>
    <row r="497574" spans="8:8">
      <c r="H497574" s="12"/>
    </row>
    <row r="497575" spans="8:8">
      <c r="H497575" s="12"/>
    </row>
    <row r="497576" spans="8:8">
      <c r="H497576" s="12"/>
    </row>
    <row r="497577" spans="8:8">
      <c r="H497577" s="12"/>
    </row>
    <row r="497578" spans="8:8">
      <c r="H497578" s="12"/>
    </row>
    <row r="497579" spans="8:8">
      <c r="H497579" s="12"/>
    </row>
    <row r="497580" spans="8:8">
      <c r="H497580" s="12"/>
    </row>
    <row r="497581" spans="8:8">
      <c r="H497581" s="12"/>
    </row>
    <row r="497582" spans="8:8">
      <c r="H497582" s="12"/>
    </row>
    <row r="497583" spans="8:8">
      <c r="H497583" s="12"/>
    </row>
    <row r="497584" spans="8:8">
      <c r="H497584" s="12"/>
    </row>
    <row r="497585" spans="8:8">
      <c r="H497585" s="12"/>
    </row>
    <row r="497586" spans="8:8">
      <c r="H497586" s="12"/>
    </row>
    <row r="497587" spans="8:8">
      <c r="H497587" s="12"/>
    </row>
    <row r="497588" spans="8:8">
      <c r="H497588" s="12"/>
    </row>
    <row r="497589" spans="8:8">
      <c r="H497589" s="12"/>
    </row>
    <row r="497590" spans="8:8">
      <c r="H497590" s="12"/>
    </row>
    <row r="497591" spans="8:8">
      <c r="H497591" s="12"/>
    </row>
    <row r="497592" spans="8:8">
      <c r="H497592" s="12"/>
    </row>
    <row r="497593" spans="8:8">
      <c r="H497593" s="12"/>
    </row>
    <row r="497594" spans="8:8">
      <c r="H497594" s="12"/>
    </row>
    <row r="497595" spans="8:8">
      <c r="H497595" s="12"/>
    </row>
    <row r="497596" spans="8:8">
      <c r="H497596" s="12"/>
    </row>
    <row r="497597" spans="8:8">
      <c r="H497597" s="12"/>
    </row>
    <row r="497598" spans="8:8">
      <c r="H497598" s="12"/>
    </row>
    <row r="497599" spans="8:8">
      <c r="H497599" s="12"/>
    </row>
    <row r="497600" spans="8:8">
      <c r="H497600" s="12"/>
    </row>
    <row r="497601" spans="8:8">
      <c r="H497601" s="12"/>
    </row>
    <row r="497602" spans="8:8">
      <c r="H497602" s="12"/>
    </row>
    <row r="497603" spans="8:8">
      <c r="H497603" s="12"/>
    </row>
    <row r="497604" spans="8:8">
      <c r="H497604" s="12"/>
    </row>
    <row r="497605" spans="8:8">
      <c r="H497605" s="12"/>
    </row>
    <row r="497606" spans="8:8">
      <c r="H497606" s="12"/>
    </row>
    <row r="497607" spans="8:8">
      <c r="H497607" s="12"/>
    </row>
    <row r="497608" spans="8:8">
      <c r="H497608" s="12"/>
    </row>
    <row r="497609" spans="8:8">
      <c r="H497609" s="12"/>
    </row>
    <row r="497610" spans="8:8">
      <c r="H497610" s="12"/>
    </row>
    <row r="497611" spans="8:8">
      <c r="H497611" s="12"/>
    </row>
    <row r="497612" spans="8:8">
      <c r="H497612" s="12"/>
    </row>
    <row r="497613" spans="8:8">
      <c r="H497613" s="12"/>
    </row>
    <row r="497614" spans="8:8">
      <c r="H497614" s="12"/>
    </row>
    <row r="497615" spans="8:8">
      <c r="H497615" s="12"/>
    </row>
    <row r="497616" spans="8:8">
      <c r="H497616" s="12"/>
    </row>
    <row r="497617" spans="8:8">
      <c r="H497617" s="12"/>
    </row>
    <row r="497618" spans="8:8">
      <c r="H497618" s="12"/>
    </row>
    <row r="497619" spans="8:8">
      <c r="H497619" s="12"/>
    </row>
    <row r="497620" spans="8:8">
      <c r="H497620" s="12"/>
    </row>
    <row r="497621" spans="8:8">
      <c r="H497621" s="12"/>
    </row>
    <row r="497622" spans="8:8">
      <c r="H497622" s="12"/>
    </row>
    <row r="497623" spans="8:8">
      <c r="H497623" s="12"/>
    </row>
    <row r="497624" spans="8:8">
      <c r="H497624" s="12"/>
    </row>
    <row r="497625" spans="8:8">
      <c r="H497625" s="12"/>
    </row>
    <row r="497626" spans="8:8">
      <c r="H497626" s="12"/>
    </row>
    <row r="497627" spans="8:8">
      <c r="H497627" s="12"/>
    </row>
    <row r="497628" spans="8:8">
      <c r="H497628" s="12"/>
    </row>
    <row r="497629" spans="8:8">
      <c r="H497629" s="12"/>
    </row>
    <row r="497630" spans="8:8">
      <c r="H497630" s="12"/>
    </row>
    <row r="497631" spans="8:8">
      <c r="H497631" s="12"/>
    </row>
    <row r="497632" spans="8:8">
      <c r="H497632" s="12"/>
    </row>
    <row r="497633" spans="8:8">
      <c r="H497633" s="12"/>
    </row>
    <row r="497634" spans="8:8">
      <c r="H497634" s="12"/>
    </row>
    <row r="497635" spans="8:8">
      <c r="H497635" s="12"/>
    </row>
    <row r="497636" spans="8:8">
      <c r="H497636" s="12"/>
    </row>
    <row r="497637" spans="8:8">
      <c r="H497637" s="12"/>
    </row>
    <row r="497638" spans="8:8">
      <c r="H497638" s="12"/>
    </row>
    <row r="497639" spans="8:8">
      <c r="H497639" s="12"/>
    </row>
    <row r="497640" spans="8:8">
      <c r="H497640" s="12"/>
    </row>
    <row r="497641" spans="8:8">
      <c r="H497641" s="12"/>
    </row>
    <row r="497642" spans="8:8">
      <c r="H497642" s="12"/>
    </row>
    <row r="497643" spans="8:8">
      <c r="H497643" s="12"/>
    </row>
    <row r="497644" spans="8:8">
      <c r="H497644" s="12"/>
    </row>
    <row r="497645" spans="8:8">
      <c r="H497645" s="12"/>
    </row>
    <row r="497646" spans="8:8">
      <c r="H497646" s="12"/>
    </row>
    <row r="497647" spans="8:8">
      <c r="H497647" s="12"/>
    </row>
    <row r="497648" spans="8:8">
      <c r="H497648" s="12"/>
    </row>
    <row r="497649" spans="8:8">
      <c r="H497649" s="12"/>
    </row>
    <row r="497650" spans="8:8">
      <c r="H497650" s="12"/>
    </row>
    <row r="497651" spans="8:8">
      <c r="H497651" s="12"/>
    </row>
    <row r="497652" spans="8:8">
      <c r="H497652" s="12"/>
    </row>
    <row r="497653" spans="8:8">
      <c r="H497653" s="12"/>
    </row>
    <row r="497654" spans="8:8">
      <c r="H497654" s="12"/>
    </row>
    <row r="497655" spans="8:8">
      <c r="H497655" s="12"/>
    </row>
    <row r="497656" spans="8:8">
      <c r="H497656" s="12"/>
    </row>
    <row r="497657" spans="8:8">
      <c r="H497657" s="12"/>
    </row>
    <row r="497658" spans="8:8">
      <c r="H497658" s="12"/>
    </row>
    <row r="497659" spans="8:8">
      <c r="H497659" s="12"/>
    </row>
    <row r="497660" spans="8:8">
      <c r="H497660" s="12"/>
    </row>
    <row r="497661" spans="8:8">
      <c r="H497661" s="12"/>
    </row>
    <row r="497662" spans="8:8">
      <c r="H497662" s="12"/>
    </row>
    <row r="497663" spans="8:8">
      <c r="H497663" s="12"/>
    </row>
    <row r="497664" spans="8:8">
      <c r="H497664" s="12"/>
    </row>
    <row r="497665" spans="8:8">
      <c r="H497665" s="12"/>
    </row>
    <row r="497666" spans="8:8">
      <c r="H497666" s="12"/>
    </row>
    <row r="497667" spans="8:8">
      <c r="H497667" s="12"/>
    </row>
    <row r="497668" spans="8:8">
      <c r="H497668" s="12"/>
    </row>
    <row r="497669" spans="8:8">
      <c r="H497669" s="12"/>
    </row>
    <row r="497670" spans="8:8">
      <c r="H497670" s="12"/>
    </row>
    <row r="497671" spans="8:8">
      <c r="H497671" s="12"/>
    </row>
    <row r="497672" spans="8:8">
      <c r="H497672" s="12"/>
    </row>
    <row r="497673" spans="8:8">
      <c r="H497673" s="12"/>
    </row>
    <row r="497674" spans="8:8">
      <c r="H497674" s="12"/>
    </row>
    <row r="497675" spans="8:8">
      <c r="H497675" s="12"/>
    </row>
    <row r="497676" spans="8:8">
      <c r="H497676" s="12"/>
    </row>
    <row r="497677" spans="8:8">
      <c r="H497677" s="12"/>
    </row>
    <row r="497678" spans="8:8">
      <c r="H497678" s="12"/>
    </row>
    <row r="497679" spans="8:8">
      <c r="H497679" s="12"/>
    </row>
    <row r="497680" spans="8:8">
      <c r="H497680" s="12"/>
    </row>
    <row r="497681" spans="8:8">
      <c r="H497681" s="12"/>
    </row>
    <row r="497682" spans="8:8">
      <c r="H497682" s="12"/>
    </row>
    <row r="497683" spans="8:8">
      <c r="H497683" s="12"/>
    </row>
    <row r="497684" spans="8:8">
      <c r="H497684" s="12"/>
    </row>
    <row r="497685" spans="8:8">
      <c r="H497685" s="12"/>
    </row>
    <row r="497686" spans="8:8">
      <c r="H497686" s="12"/>
    </row>
    <row r="497687" spans="8:8">
      <c r="H497687" s="12"/>
    </row>
    <row r="497688" spans="8:8">
      <c r="H497688" s="12"/>
    </row>
    <row r="497689" spans="8:8">
      <c r="H497689" s="12"/>
    </row>
    <row r="497690" spans="8:8">
      <c r="H497690" s="12"/>
    </row>
    <row r="497691" spans="8:8">
      <c r="H497691" s="12"/>
    </row>
    <row r="497692" spans="8:8">
      <c r="H497692" s="12"/>
    </row>
    <row r="497693" spans="8:8">
      <c r="H497693" s="12"/>
    </row>
    <row r="497694" spans="8:8">
      <c r="H497694" s="12"/>
    </row>
    <row r="497695" spans="8:8">
      <c r="H497695" s="12"/>
    </row>
    <row r="497696" spans="8:8">
      <c r="H497696" s="12"/>
    </row>
    <row r="497697" spans="8:8">
      <c r="H497697" s="12"/>
    </row>
    <row r="497698" spans="8:8">
      <c r="H497698" s="12"/>
    </row>
    <row r="497699" spans="8:8">
      <c r="H497699" s="12"/>
    </row>
    <row r="497700" spans="8:8">
      <c r="H497700" s="12"/>
    </row>
    <row r="497701" spans="8:8">
      <c r="H497701" s="12"/>
    </row>
    <row r="497702" spans="8:8">
      <c r="H497702" s="12"/>
    </row>
    <row r="497703" spans="8:8">
      <c r="H497703" s="12"/>
    </row>
    <row r="497704" spans="8:8">
      <c r="H497704" s="12"/>
    </row>
    <row r="497705" spans="8:8">
      <c r="H497705" s="12"/>
    </row>
    <row r="497706" spans="8:8">
      <c r="H497706" s="12"/>
    </row>
    <row r="497707" spans="8:8">
      <c r="H497707" s="12"/>
    </row>
    <row r="497708" spans="8:8">
      <c r="H497708" s="12"/>
    </row>
    <row r="497709" spans="8:8">
      <c r="H497709" s="12"/>
    </row>
    <row r="497710" spans="8:8">
      <c r="H497710" s="12"/>
    </row>
    <row r="497711" spans="8:8">
      <c r="H497711" s="12"/>
    </row>
    <row r="497712" spans="8:8">
      <c r="H497712" s="12"/>
    </row>
    <row r="497713" spans="8:8">
      <c r="H497713" s="12"/>
    </row>
    <row r="497714" spans="8:8">
      <c r="H497714" s="12"/>
    </row>
    <row r="497715" spans="8:8">
      <c r="H497715" s="12"/>
    </row>
    <row r="497716" spans="8:8">
      <c r="H497716" s="12"/>
    </row>
    <row r="497717" spans="8:8">
      <c r="H497717" s="12"/>
    </row>
    <row r="497718" spans="8:8">
      <c r="H497718" s="12"/>
    </row>
    <row r="497719" spans="8:8">
      <c r="H497719" s="12"/>
    </row>
    <row r="497720" spans="8:8">
      <c r="H497720" s="12"/>
    </row>
    <row r="497721" spans="8:8">
      <c r="H497721" s="12"/>
    </row>
    <row r="497722" spans="8:8">
      <c r="H497722" s="12"/>
    </row>
    <row r="497723" spans="8:8">
      <c r="H497723" s="12"/>
    </row>
    <row r="497724" spans="8:8">
      <c r="H497724" s="12"/>
    </row>
    <row r="497725" spans="8:8">
      <c r="H497725" s="12"/>
    </row>
    <row r="497726" spans="8:8">
      <c r="H497726" s="12"/>
    </row>
    <row r="497727" spans="8:8">
      <c r="H497727" s="12"/>
    </row>
    <row r="497728" spans="8:8">
      <c r="H497728" s="12"/>
    </row>
    <row r="497729" spans="8:8">
      <c r="H497729" s="12"/>
    </row>
    <row r="497730" spans="8:8">
      <c r="H497730" s="12"/>
    </row>
    <row r="497731" spans="8:8">
      <c r="H497731" s="12"/>
    </row>
    <row r="497732" spans="8:8">
      <c r="H497732" s="12"/>
    </row>
    <row r="497733" spans="8:8">
      <c r="H497733" s="12"/>
    </row>
    <row r="497734" spans="8:8">
      <c r="H497734" s="12"/>
    </row>
    <row r="497735" spans="8:8">
      <c r="H497735" s="12"/>
    </row>
    <row r="497736" spans="8:8">
      <c r="H497736" s="12"/>
    </row>
    <row r="497737" spans="8:8">
      <c r="H497737" s="12"/>
    </row>
    <row r="497738" spans="8:8">
      <c r="H497738" s="12"/>
    </row>
    <row r="497739" spans="8:8">
      <c r="H497739" s="12"/>
    </row>
    <row r="497740" spans="8:8">
      <c r="H497740" s="12"/>
    </row>
    <row r="497741" spans="8:8">
      <c r="H497741" s="12"/>
    </row>
    <row r="497742" spans="8:8">
      <c r="H497742" s="12"/>
    </row>
    <row r="497743" spans="8:8">
      <c r="H497743" s="12"/>
    </row>
    <row r="497744" spans="8:8">
      <c r="H497744" s="12"/>
    </row>
    <row r="497745" spans="8:8">
      <c r="H497745" s="12"/>
    </row>
    <row r="497746" spans="8:8">
      <c r="H497746" s="12"/>
    </row>
    <row r="497747" spans="8:8">
      <c r="H497747" s="12"/>
    </row>
    <row r="497748" spans="8:8">
      <c r="H497748" s="12"/>
    </row>
    <row r="497749" spans="8:8">
      <c r="H497749" s="12"/>
    </row>
    <row r="497750" spans="8:8">
      <c r="H497750" s="12"/>
    </row>
    <row r="497751" spans="8:8">
      <c r="H497751" s="12"/>
    </row>
    <row r="497752" spans="8:8">
      <c r="H497752" s="12"/>
    </row>
    <row r="497753" spans="8:8">
      <c r="H497753" s="12"/>
    </row>
    <row r="497754" spans="8:8">
      <c r="H497754" s="12"/>
    </row>
    <row r="497755" spans="8:8">
      <c r="H497755" s="12"/>
    </row>
    <row r="497756" spans="8:8">
      <c r="H497756" s="12"/>
    </row>
    <row r="497757" spans="8:8">
      <c r="H497757" s="12"/>
    </row>
    <row r="497758" spans="8:8">
      <c r="H497758" s="12"/>
    </row>
    <row r="497759" spans="8:8">
      <c r="H497759" s="12"/>
    </row>
    <row r="497760" spans="8:8">
      <c r="H497760" s="12"/>
    </row>
    <row r="497761" spans="8:8">
      <c r="H497761" s="12"/>
    </row>
    <row r="497762" spans="8:8">
      <c r="H497762" s="12"/>
    </row>
    <row r="497763" spans="8:8">
      <c r="H497763" s="12"/>
    </row>
    <row r="497764" spans="8:8">
      <c r="H497764" s="12"/>
    </row>
    <row r="497765" spans="8:8">
      <c r="H497765" s="12"/>
    </row>
    <row r="497766" spans="8:8">
      <c r="H497766" s="12"/>
    </row>
    <row r="497767" spans="8:8">
      <c r="H497767" s="12"/>
    </row>
    <row r="497768" spans="8:8">
      <c r="H497768" s="12"/>
    </row>
    <row r="497769" spans="8:8">
      <c r="H497769" s="12"/>
    </row>
    <row r="497770" spans="8:8">
      <c r="H497770" s="12"/>
    </row>
    <row r="497771" spans="8:8">
      <c r="H497771" s="12"/>
    </row>
    <row r="497772" spans="8:8">
      <c r="H497772" s="12"/>
    </row>
    <row r="497773" spans="8:8">
      <c r="H497773" s="12"/>
    </row>
    <row r="497774" spans="8:8">
      <c r="H497774" s="12"/>
    </row>
    <row r="497775" spans="8:8">
      <c r="H497775" s="12"/>
    </row>
    <row r="497776" spans="8:8">
      <c r="H497776" s="12"/>
    </row>
    <row r="497777" spans="8:8">
      <c r="H497777" s="12"/>
    </row>
    <row r="497778" spans="8:8">
      <c r="H497778" s="12"/>
    </row>
    <row r="497779" spans="8:8">
      <c r="H497779" s="12"/>
    </row>
    <row r="497780" spans="8:8">
      <c r="H497780" s="12"/>
    </row>
    <row r="497781" spans="8:8">
      <c r="H497781" s="12"/>
    </row>
    <row r="497782" spans="8:8">
      <c r="H497782" s="12"/>
    </row>
    <row r="497783" spans="8:8">
      <c r="H497783" s="12"/>
    </row>
    <row r="497784" spans="8:8">
      <c r="H497784" s="12"/>
    </row>
    <row r="497785" spans="8:8">
      <c r="H497785" s="12"/>
    </row>
    <row r="497786" spans="8:8">
      <c r="H497786" s="12"/>
    </row>
    <row r="497787" spans="8:8">
      <c r="H497787" s="12"/>
    </row>
    <row r="497788" spans="8:8">
      <c r="H497788" s="12"/>
    </row>
    <row r="497789" spans="8:8">
      <c r="H497789" s="12"/>
    </row>
    <row r="497790" spans="8:8">
      <c r="H497790" s="12"/>
    </row>
    <row r="497791" spans="8:8">
      <c r="H497791" s="12"/>
    </row>
    <row r="497792" spans="8:8">
      <c r="H497792" s="12"/>
    </row>
    <row r="497793" spans="8:8">
      <c r="H497793" s="12"/>
    </row>
    <row r="497794" spans="8:8">
      <c r="H497794" s="12"/>
    </row>
    <row r="497795" spans="8:8">
      <c r="H497795" s="12"/>
    </row>
    <row r="497796" spans="8:8">
      <c r="H497796" s="12"/>
    </row>
    <row r="497797" spans="8:8">
      <c r="H497797" s="12"/>
    </row>
    <row r="497798" spans="8:8">
      <c r="H497798" s="12"/>
    </row>
    <row r="497799" spans="8:8">
      <c r="H497799" s="12"/>
    </row>
    <row r="497800" spans="8:8">
      <c r="H497800" s="12"/>
    </row>
    <row r="497801" spans="8:8">
      <c r="H497801" s="12"/>
    </row>
    <row r="497802" spans="8:8">
      <c r="H497802" s="12"/>
    </row>
    <row r="497803" spans="8:8">
      <c r="H497803" s="12"/>
    </row>
    <row r="497804" spans="8:8">
      <c r="H497804" s="12"/>
    </row>
    <row r="497805" spans="8:8">
      <c r="H497805" s="12"/>
    </row>
    <row r="497806" spans="8:8">
      <c r="H497806" s="12"/>
    </row>
    <row r="497807" spans="8:8">
      <c r="H497807" s="12"/>
    </row>
    <row r="497808" spans="8:8">
      <c r="H497808" s="12"/>
    </row>
    <row r="497809" spans="8:8">
      <c r="H497809" s="12"/>
    </row>
    <row r="497810" spans="8:8">
      <c r="H497810" s="12"/>
    </row>
    <row r="497811" spans="8:8">
      <c r="H497811" s="12"/>
    </row>
    <row r="497812" spans="8:8">
      <c r="H497812" s="12"/>
    </row>
    <row r="497813" spans="8:8">
      <c r="H497813" s="12"/>
    </row>
    <row r="497814" spans="8:8">
      <c r="H497814" s="12"/>
    </row>
    <row r="497815" spans="8:8">
      <c r="H497815" s="12"/>
    </row>
    <row r="497816" spans="8:8">
      <c r="H497816" s="12"/>
    </row>
    <row r="497817" spans="8:8">
      <c r="H497817" s="12"/>
    </row>
    <row r="497818" spans="8:8">
      <c r="H497818" s="12"/>
    </row>
    <row r="497819" spans="8:8">
      <c r="H497819" s="12"/>
    </row>
    <row r="497820" spans="8:8">
      <c r="H497820" s="12"/>
    </row>
    <row r="497821" spans="8:8">
      <c r="H497821" s="12"/>
    </row>
    <row r="497822" spans="8:8">
      <c r="H497822" s="12"/>
    </row>
    <row r="497823" spans="8:8">
      <c r="H497823" s="12"/>
    </row>
    <row r="497824" spans="8:8">
      <c r="H497824" s="12"/>
    </row>
    <row r="497825" spans="8:8">
      <c r="H497825" s="12"/>
    </row>
    <row r="497826" spans="8:8">
      <c r="H497826" s="12"/>
    </row>
    <row r="497827" spans="8:8">
      <c r="H497827" s="12"/>
    </row>
    <row r="497828" spans="8:8">
      <c r="H497828" s="12"/>
    </row>
    <row r="497829" spans="8:8">
      <c r="H497829" s="12"/>
    </row>
    <row r="497830" spans="8:8">
      <c r="H497830" s="12"/>
    </row>
    <row r="497831" spans="8:8">
      <c r="H497831" s="12"/>
    </row>
    <row r="497832" spans="8:8">
      <c r="H497832" s="12"/>
    </row>
    <row r="497833" spans="8:8">
      <c r="H497833" s="12"/>
    </row>
    <row r="497834" spans="8:8">
      <c r="H497834" s="12"/>
    </row>
    <row r="497835" spans="8:8">
      <c r="H497835" s="12"/>
    </row>
    <row r="497836" spans="8:8">
      <c r="H497836" s="12"/>
    </row>
    <row r="497837" spans="8:8">
      <c r="H497837" s="12"/>
    </row>
    <row r="497838" spans="8:8">
      <c r="H497838" s="12"/>
    </row>
    <row r="497839" spans="8:8">
      <c r="H497839" s="12"/>
    </row>
    <row r="497840" spans="8:8">
      <c r="H497840" s="12"/>
    </row>
    <row r="497841" spans="8:8">
      <c r="H497841" s="12"/>
    </row>
    <row r="497842" spans="8:8">
      <c r="H497842" s="12"/>
    </row>
    <row r="497843" spans="8:8">
      <c r="H497843" s="12"/>
    </row>
    <row r="497844" spans="8:8">
      <c r="H497844" s="12"/>
    </row>
    <row r="497845" spans="8:8">
      <c r="H497845" s="12"/>
    </row>
    <row r="497846" spans="8:8">
      <c r="H497846" s="12"/>
    </row>
    <row r="497847" spans="8:8">
      <c r="H497847" s="12"/>
    </row>
    <row r="497848" spans="8:8">
      <c r="H497848" s="12"/>
    </row>
    <row r="497849" spans="8:8">
      <c r="H497849" s="12"/>
    </row>
    <row r="497850" spans="8:8">
      <c r="H497850" s="12"/>
    </row>
    <row r="497851" spans="8:8">
      <c r="H497851" s="12"/>
    </row>
    <row r="497852" spans="8:8">
      <c r="H497852" s="12"/>
    </row>
    <row r="497853" spans="8:8">
      <c r="H497853" s="12"/>
    </row>
    <row r="497854" spans="8:8">
      <c r="H497854" s="12"/>
    </row>
    <row r="497855" spans="8:8">
      <c r="H497855" s="12"/>
    </row>
    <row r="497856" spans="8:8">
      <c r="H497856" s="12"/>
    </row>
    <row r="497857" spans="8:8">
      <c r="H497857" s="12"/>
    </row>
    <row r="497858" spans="8:8">
      <c r="H497858" s="12"/>
    </row>
    <row r="497859" spans="8:8">
      <c r="H497859" s="12"/>
    </row>
    <row r="497860" spans="8:8">
      <c r="H497860" s="12"/>
    </row>
    <row r="497861" spans="8:8">
      <c r="H497861" s="12"/>
    </row>
    <row r="497862" spans="8:8">
      <c r="H497862" s="12"/>
    </row>
    <row r="497863" spans="8:8">
      <c r="H497863" s="12"/>
    </row>
    <row r="497864" spans="8:8">
      <c r="H497864" s="12"/>
    </row>
    <row r="497865" spans="8:8">
      <c r="H497865" s="12"/>
    </row>
    <row r="497866" spans="8:8">
      <c r="H497866" s="12"/>
    </row>
    <row r="497867" spans="8:8">
      <c r="H497867" s="12"/>
    </row>
    <row r="497868" spans="8:8">
      <c r="H497868" s="12"/>
    </row>
    <row r="497869" spans="8:8">
      <c r="H497869" s="12"/>
    </row>
    <row r="497870" spans="8:8">
      <c r="H497870" s="12"/>
    </row>
    <row r="497871" spans="8:8">
      <c r="H497871" s="12"/>
    </row>
    <row r="497872" spans="8:8">
      <c r="H497872" s="12"/>
    </row>
    <row r="497873" spans="8:8">
      <c r="H497873" s="12"/>
    </row>
    <row r="497874" spans="8:8">
      <c r="H497874" s="12"/>
    </row>
    <row r="497875" spans="8:8">
      <c r="H497875" s="12"/>
    </row>
    <row r="497876" spans="8:8">
      <c r="H497876" s="12"/>
    </row>
    <row r="497877" spans="8:8">
      <c r="H497877" s="12"/>
    </row>
    <row r="497878" spans="8:8">
      <c r="H497878" s="12"/>
    </row>
    <row r="497879" spans="8:8">
      <c r="H497879" s="12"/>
    </row>
    <row r="497880" spans="8:8">
      <c r="H497880" s="12"/>
    </row>
    <row r="497881" spans="8:8">
      <c r="H497881" s="12"/>
    </row>
    <row r="497882" spans="8:8">
      <c r="H497882" s="12"/>
    </row>
    <row r="497883" spans="8:8">
      <c r="H497883" s="12"/>
    </row>
    <row r="497884" spans="8:8">
      <c r="H497884" s="12"/>
    </row>
    <row r="497885" spans="8:8">
      <c r="H497885" s="12"/>
    </row>
    <row r="497886" spans="8:8">
      <c r="H497886" s="12"/>
    </row>
    <row r="497887" spans="8:8">
      <c r="H497887" s="12"/>
    </row>
    <row r="497888" spans="8:8">
      <c r="H497888" s="12"/>
    </row>
    <row r="497889" spans="8:8">
      <c r="H497889" s="12"/>
    </row>
    <row r="497890" spans="8:8">
      <c r="H497890" s="12"/>
    </row>
    <row r="497891" spans="8:8">
      <c r="H497891" s="12"/>
    </row>
    <row r="497892" spans="8:8">
      <c r="H497892" s="12"/>
    </row>
    <row r="497893" spans="8:8">
      <c r="H497893" s="12"/>
    </row>
    <row r="497894" spans="8:8">
      <c r="H497894" s="12"/>
    </row>
    <row r="497895" spans="8:8">
      <c r="H497895" s="12"/>
    </row>
    <row r="497896" spans="8:8">
      <c r="H497896" s="12"/>
    </row>
    <row r="497897" spans="8:8">
      <c r="H497897" s="12"/>
    </row>
    <row r="497898" spans="8:8">
      <c r="H497898" s="12"/>
    </row>
    <row r="497899" spans="8:8">
      <c r="H497899" s="12"/>
    </row>
    <row r="497900" spans="8:8">
      <c r="H497900" s="12"/>
    </row>
    <row r="497901" spans="8:8">
      <c r="H497901" s="12"/>
    </row>
    <row r="497902" spans="8:8">
      <c r="H497902" s="12"/>
    </row>
    <row r="497903" spans="8:8">
      <c r="H497903" s="12"/>
    </row>
    <row r="497904" spans="8:8">
      <c r="H497904" s="12"/>
    </row>
    <row r="497905" spans="8:8">
      <c r="H497905" s="12"/>
    </row>
    <row r="497906" spans="8:8">
      <c r="H497906" s="12"/>
    </row>
    <row r="497907" spans="8:8">
      <c r="H497907" s="12"/>
    </row>
    <row r="497908" spans="8:8">
      <c r="H497908" s="12"/>
    </row>
    <row r="497909" spans="8:8">
      <c r="H497909" s="12"/>
    </row>
    <row r="497910" spans="8:8">
      <c r="H497910" s="12"/>
    </row>
    <row r="497911" spans="8:8">
      <c r="H497911" s="12"/>
    </row>
    <row r="497912" spans="8:8">
      <c r="H497912" s="12"/>
    </row>
    <row r="497913" spans="8:8">
      <c r="H497913" s="12"/>
    </row>
    <row r="497914" spans="8:8">
      <c r="H497914" s="12"/>
    </row>
    <row r="497915" spans="8:8">
      <c r="H497915" s="12"/>
    </row>
    <row r="497916" spans="8:8">
      <c r="H497916" s="12"/>
    </row>
    <row r="497917" spans="8:8">
      <c r="H497917" s="12"/>
    </row>
    <row r="497918" spans="8:8">
      <c r="H497918" s="12"/>
    </row>
    <row r="497919" spans="8:8">
      <c r="H497919" s="12"/>
    </row>
    <row r="497920" spans="8:8">
      <c r="H497920" s="12"/>
    </row>
    <row r="497921" spans="8:8">
      <c r="H497921" s="12"/>
    </row>
    <row r="497922" spans="8:8">
      <c r="H497922" s="12"/>
    </row>
    <row r="497923" spans="8:8">
      <c r="H497923" s="12"/>
    </row>
    <row r="497924" spans="8:8">
      <c r="H497924" s="12"/>
    </row>
    <row r="497925" spans="8:8">
      <c r="H497925" s="12"/>
    </row>
    <row r="497926" spans="8:8">
      <c r="H497926" s="12"/>
    </row>
    <row r="497927" spans="8:8">
      <c r="H497927" s="12"/>
    </row>
    <row r="497928" spans="8:8">
      <c r="H497928" s="12"/>
    </row>
    <row r="497929" spans="8:8">
      <c r="H497929" s="12"/>
    </row>
    <row r="497930" spans="8:8">
      <c r="H497930" s="12"/>
    </row>
    <row r="497931" spans="8:8">
      <c r="H497931" s="12"/>
    </row>
    <row r="497932" spans="8:8">
      <c r="H497932" s="12"/>
    </row>
    <row r="497933" spans="8:8">
      <c r="H497933" s="12"/>
    </row>
    <row r="497934" spans="8:8">
      <c r="H497934" s="12"/>
    </row>
    <row r="497935" spans="8:8">
      <c r="H497935" s="12"/>
    </row>
    <row r="497936" spans="8:8">
      <c r="H497936" s="12"/>
    </row>
    <row r="497937" spans="8:8">
      <c r="H497937" s="12"/>
    </row>
    <row r="497938" spans="8:8">
      <c r="H497938" s="12"/>
    </row>
    <row r="497939" spans="8:8">
      <c r="H497939" s="12"/>
    </row>
    <row r="497940" spans="8:8">
      <c r="H497940" s="12"/>
    </row>
    <row r="497941" spans="8:8">
      <c r="H497941" s="12"/>
    </row>
    <row r="497942" spans="8:8">
      <c r="H497942" s="12"/>
    </row>
    <row r="497943" spans="8:8">
      <c r="H497943" s="12"/>
    </row>
    <row r="497944" spans="8:8">
      <c r="H497944" s="12"/>
    </row>
    <row r="497945" spans="8:8">
      <c r="H497945" s="12"/>
    </row>
    <row r="497946" spans="8:8">
      <c r="H497946" s="12"/>
    </row>
    <row r="497947" spans="8:8">
      <c r="H497947" s="12"/>
    </row>
    <row r="497948" spans="8:8">
      <c r="H497948" s="12"/>
    </row>
    <row r="497949" spans="8:8">
      <c r="H497949" s="12"/>
    </row>
    <row r="497950" spans="8:8">
      <c r="H497950" s="12"/>
    </row>
    <row r="497951" spans="8:8">
      <c r="H497951" s="12"/>
    </row>
    <row r="497952" spans="8:8">
      <c r="H497952" s="12"/>
    </row>
    <row r="497953" spans="8:8">
      <c r="H497953" s="12"/>
    </row>
    <row r="497954" spans="8:8">
      <c r="H497954" s="12"/>
    </row>
    <row r="497955" spans="8:8">
      <c r="H497955" s="12"/>
    </row>
    <row r="497956" spans="8:8">
      <c r="H497956" s="12"/>
    </row>
    <row r="497957" spans="8:8">
      <c r="H497957" s="12"/>
    </row>
    <row r="497958" spans="8:8">
      <c r="H497958" s="12"/>
    </row>
    <row r="497959" spans="8:8">
      <c r="H497959" s="12"/>
    </row>
    <row r="497960" spans="8:8">
      <c r="H497960" s="12"/>
    </row>
    <row r="497961" spans="8:8">
      <c r="H497961" s="12"/>
    </row>
    <row r="497962" spans="8:8">
      <c r="H497962" s="12"/>
    </row>
    <row r="497963" spans="8:8">
      <c r="H497963" s="12"/>
    </row>
    <row r="497964" spans="8:8">
      <c r="H497964" s="12"/>
    </row>
    <row r="497965" spans="8:8">
      <c r="H497965" s="12"/>
    </row>
    <row r="497966" spans="8:8">
      <c r="H497966" s="12"/>
    </row>
    <row r="497967" spans="8:8">
      <c r="H497967" s="12"/>
    </row>
    <row r="497968" spans="8:8">
      <c r="H497968" s="12"/>
    </row>
    <row r="497969" spans="8:8">
      <c r="H497969" s="12"/>
    </row>
    <row r="497970" spans="8:8">
      <c r="H497970" s="12"/>
    </row>
    <row r="497971" spans="8:8">
      <c r="H497971" s="12"/>
    </row>
    <row r="497972" spans="8:8">
      <c r="H497972" s="12"/>
    </row>
    <row r="497973" spans="8:8">
      <c r="H497973" s="12"/>
    </row>
    <row r="497974" spans="8:8">
      <c r="H497974" s="12"/>
    </row>
    <row r="497975" spans="8:8">
      <c r="H497975" s="12"/>
    </row>
    <row r="497976" spans="8:8">
      <c r="H497976" s="12"/>
    </row>
    <row r="497977" spans="8:8">
      <c r="H497977" s="12"/>
    </row>
    <row r="497978" spans="8:8">
      <c r="H497978" s="12"/>
    </row>
    <row r="497979" spans="8:8">
      <c r="H497979" s="12"/>
    </row>
    <row r="497980" spans="8:8">
      <c r="H497980" s="12"/>
    </row>
    <row r="497981" spans="8:8">
      <c r="H497981" s="12"/>
    </row>
    <row r="497982" spans="8:8">
      <c r="H497982" s="12"/>
    </row>
    <row r="497983" spans="8:8">
      <c r="H497983" s="12"/>
    </row>
    <row r="497984" spans="8:8">
      <c r="H497984" s="12"/>
    </row>
    <row r="497985" spans="8:8">
      <c r="H497985" s="12"/>
    </row>
    <row r="497986" spans="8:8">
      <c r="H497986" s="12"/>
    </row>
    <row r="497987" spans="8:8">
      <c r="H497987" s="12"/>
    </row>
    <row r="497988" spans="8:8">
      <c r="H497988" s="12"/>
    </row>
    <row r="497989" spans="8:8">
      <c r="H497989" s="12"/>
    </row>
    <row r="497990" spans="8:8">
      <c r="H497990" s="12"/>
    </row>
    <row r="497991" spans="8:8">
      <c r="H497991" s="12"/>
    </row>
    <row r="497992" spans="8:8">
      <c r="H497992" s="12"/>
    </row>
    <row r="497993" spans="8:8">
      <c r="H497993" s="12"/>
    </row>
    <row r="497994" spans="8:8">
      <c r="H497994" s="12"/>
    </row>
    <row r="497995" spans="8:8">
      <c r="H497995" s="12"/>
    </row>
    <row r="497996" spans="8:8">
      <c r="H497996" s="12"/>
    </row>
    <row r="497997" spans="8:8">
      <c r="H497997" s="12"/>
    </row>
    <row r="497998" spans="8:8">
      <c r="H497998" s="12"/>
    </row>
    <row r="497999" spans="8:8">
      <c r="H497999" s="12"/>
    </row>
    <row r="498000" spans="8:8">
      <c r="H498000" s="12"/>
    </row>
    <row r="498001" spans="8:8">
      <c r="H498001" s="12"/>
    </row>
    <row r="498002" spans="8:8">
      <c r="H498002" s="12"/>
    </row>
    <row r="498003" spans="8:8">
      <c r="H498003" s="12"/>
    </row>
    <row r="498004" spans="8:8">
      <c r="H498004" s="12"/>
    </row>
    <row r="498005" spans="8:8">
      <c r="H498005" s="12"/>
    </row>
    <row r="498006" spans="8:8">
      <c r="H498006" s="12"/>
    </row>
    <row r="498007" spans="8:8">
      <c r="H498007" s="12"/>
    </row>
    <row r="498008" spans="8:8">
      <c r="H498008" s="12"/>
    </row>
    <row r="498009" spans="8:8">
      <c r="H498009" s="12"/>
    </row>
    <row r="498010" spans="8:8">
      <c r="H498010" s="12"/>
    </row>
    <row r="498011" spans="8:8">
      <c r="H498011" s="12"/>
    </row>
    <row r="498012" spans="8:8">
      <c r="H498012" s="12"/>
    </row>
    <row r="498013" spans="8:8">
      <c r="H498013" s="12"/>
    </row>
    <row r="498014" spans="8:8">
      <c r="H498014" s="12"/>
    </row>
    <row r="498015" spans="8:8">
      <c r="H498015" s="12"/>
    </row>
    <row r="498016" spans="8:8">
      <c r="H498016" s="12"/>
    </row>
    <row r="498017" spans="8:8">
      <c r="H498017" s="12"/>
    </row>
    <row r="498018" spans="8:8">
      <c r="H498018" s="12"/>
    </row>
    <row r="498019" spans="8:8">
      <c r="H498019" s="12"/>
    </row>
    <row r="498020" spans="8:8">
      <c r="H498020" s="12"/>
    </row>
    <row r="498021" spans="8:8">
      <c r="H498021" s="12"/>
    </row>
    <row r="498022" spans="8:8">
      <c r="H498022" s="12"/>
    </row>
    <row r="498023" spans="8:8">
      <c r="H498023" s="12"/>
    </row>
    <row r="498024" spans="8:8">
      <c r="H498024" s="12"/>
    </row>
    <row r="498025" spans="8:8">
      <c r="H498025" s="12"/>
    </row>
    <row r="498026" spans="8:8">
      <c r="H498026" s="12"/>
    </row>
    <row r="498027" spans="8:8">
      <c r="H498027" s="12"/>
    </row>
    <row r="498028" spans="8:8">
      <c r="H498028" s="12"/>
    </row>
    <row r="498029" spans="8:8">
      <c r="H498029" s="12"/>
    </row>
    <row r="498030" spans="8:8">
      <c r="H498030" s="12"/>
    </row>
    <row r="498031" spans="8:8">
      <c r="H498031" s="12"/>
    </row>
    <row r="498032" spans="8:8">
      <c r="H498032" s="12"/>
    </row>
    <row r="498033" spans="8:8">
      <c r="H498033" s="12"/>
    </row>
    <row r="498034" spans="8:8">
      <c r="H498034" s="12"/>
    </row>
    <row r="498035" spans="8:8">
      <c r="H498035" s="12"/>
    </row>
    <row r="498036" spans="8:8">
      <c r="H498036" s="12"/>
    </row>
    <row r="498037" spans="8:8">
      <c r="H498037" s="12"/>
    </row>
    <row r="498038" spans="8:8">
      <c r="H498038" s="12"/>
    </row>
    <row r="498039" spans="8:8">
      <c r="H498039" s="12"/>
    </row>
    <row r="498040" spans="8:8">
      <c r="H498040" s="12"/>
    </row>
    <row r="498041" spans="8:8">
      <c r="H498041" s="12"/>
    </row>
    <row r="498042" spans="8:8">
      <c r="H498042" s="12"/>
    </row>
    <row r="498043" spans="8:8">
      <c r="H498043" s="12"/>
    </row>
    <row r="498044" spans="8:8">
      <c r="H498044" s="12"/>
    </row>
    <row r="498045" spans="8:8">
      <c r="H498045" s="12"/>
    </row>
    <row r="498046" spans="8:8">
      <c r="H498046" s="12"/>
    </row>
    <row r="498047" spans="8:8">
      <c r="H498047" s="12"/>
    </row>
    <row r="498048" spans="8:8">
      <c r="H498048" s="12"/>
    </row>
    <row r="498049" spans="8:8">
      <c r="H498049" s="12"/>
    </row>
    <row r="498050" spans="8:8">
      <c r="H498050" s="12"/>
    </row>
    <row r="498051" spans="8:8">
      <c r="H498051" s="12"/>
    </row>
    <row r="498052" spans="8:8">
      <c r="H498052" s="12"/>
    </row>
    <row r="498053" spans="8:8">
      <c r="H498053" s="12"/>
    </row>
    <row r="498054" spans="8:8">
      <c r="H498054" s="12"/>
    </row>
    <row r="498055" spans="8:8">
      <c r="H498055" s="12"/>
    </row>
    <row r="498056" spans="8:8">
      <c r="H498056" s="12"/>
    </row>
    <row r="498057" spans="8:8">
      <c r="H498057" s="12"/>
    </row>
    <row r="498058" spans="8:8">
      <c r="H498058" s="12"/>
    </row>
    <row r="498059" spans="8:8">
      <c r="H498059" s="12"/>
    </row>
    <row r="498060" spans="8:8">
      <c r="H498060" s="12"/>
    </row>
    <row r="498061" spans="8:8">
      <c r="H498061" s="12"/>
    </row>
    <row r="498062" spans="8:8">
      <c r="H498062" s="12"/>
    </row>
    <row r="498063" spans="8:8">
      <c r="H498063" s="12"/>
    </row>
    <row r="498064" spans="8:8">
      <c r="H498064" s="12"/>
    </row>
    <row r="498065" spans="8:8">
      <c r="H498065" s="12"/>
    </row>
    <row r="498066" spans="8:8">
      <c r="H498066" s="12"/>
    </row>
    <row r="498067" spans="8:8">
      <c r="H498067" s="12"/>
    </row>
    <row r="498068" spans="8:8">
      <c r="H498068" s="12"/>
    </row>
    <row r="498069" spans="8:8">
      <c r="H498069" s="12"/>
    </row>
    <row r="498070" spans="8:8">
      <c r="H498070" s="12"/>
    </row>
    <row r="498071" spans="8:8">
      <c r="H498071" s="12"/>
    </row>
    <row r="498072" spans="8:8">
      <c r="H498072" s="12"/>
    </row>
    <row r="498073" spans="8:8">
      <c r="H498073" s="12"/>
    </row>
    <row r="498074" spans="8:8">
      <c r="H498074" s="12"/>
    </row>
    <row r="498075" spans="8:8">
      <c r="H498075" s="12"/>
    </row>
    <row r="498076" spans="8:8">
      <c r="H498076" s="12"/>
    </row>
    <row r="498077" spans="8:8">
      <c r="H498077" s="12"/>
    </row>
    <row r="498078" spans="8:8">
      <c r="H498078" s="12"/>
    </row>
    <row r="498079" spans="8:8">
      <c r="H498079" s="12"/>
    </row>
    <row r="498080" spans="8:8">
      <c r="H498080" s="12"/>
    </row>
    <row r="498081" spans="8:8">
      <c r="H498081" s="12"/>
    </row>
    <row r="498082" spans="8:8">
      <c r="H498082" s="12"/>
    </row>
    <row r="498083" spans="8:8">
      <c r="H498083" s="12"/>
    </row>
    <row r="498084" spans="8:8">
      <c r="H498084" s="12"/>
    </row>
    <row r="498085" spans="8:8">
      <c r="H498085" s="12"/>
    </row>
    <row r="498086" spans="8:8">
      <c r="H498086" s="12"/>
    </row>
    <row r="498087" spans="8:8">
      <c r="H498087" s="12"/>
    </row>
    <row r="498088" spans="8:8">
      <c r="H498088" s="12"/>
    </row>
    <row r="498089" spans="8:8">
      <c r="H498089" s="12"/>
    </row>
    <row r="498090" spans="8:8">
      <c r="H498090" s="12"/>
    </row>
    <row r="498091" spans="8:8">
      <c r="H498091" s="12"/>
    </row>
    <row r="498092" spans="8:8">
      <c r="H498092" s="12"/>
    </row>
    <row r="498093" spans="8:8">
      <c r="H498093" s="12"/>
    </row>
    <row r="498094" spans="8:8">
      <c r="H498094" s="12"/>
    </row>
    <row r="498095" spans="8:8">
      <c r="H498095" s="12"/>
    </row>
    <row r="498096" spans="8:8">
      <c r="H498096" s="12"/>
    </row>
    <row r="498097" spans="8:8">
      <c r="H498097" s="12"/>
    </row>
    <row r="498098" spans="8:8">
      <c r="H498098" s="12"/>
    </row>
    <row r="498099" spans="8:8">
      <c r="H498099" s="12"/>
    </row>
    <row r="498100" spans="8:8">
      <c r="H498100" s="12"/>
    </row>
    <row r="498101" spans="8:8">
      <c r="H498101" s="12"/>
    </row>
    <row r="498102" spans="8:8">
      <c r="H498102" s="12"/>
    </row>
    <row r="498103" spans="8:8">
      <c r="H498103" s="12"/>
    </row>
    <row r="498104" spans="8:8">
      <c r="H498104" s="12"/>
    </row>
    <row r="498105" spans="8:8">
      <c r="H498105" s="12"/>
    </row>
    <row r="498106" spans="8:8">
      <c r="H498106" s="12"/>
    </row>
    <row r="498107" spans="8:8">
      <c r="H498107" s="12"/>
    </row>
    <row r="498108" spans="8:8">
      <c r="H498108" s="12"/>
    </row>
    <row r="498109" spans="8:8">
      <c r="H498109" s="12"/>
    </row>
    <row r="498110" spans="8:8">
      <c r="H498110" s="12"/>
    </row>
    <row r="498111" spans="8:8">
      <c r="H498111" s="12"/>
    </row>
    <row r="498112" spans="8:8">
      <c r="H498112" s="12"/>
    </row>
    <row r="498113" spans="8:8">
      <c r="H498113" s="12"/>
    </row>
    <row r="498114" spans="8:8">
      <c r="H498114" s="12"/>
    </row>
    <row r="498115" spans="8:8">
      <c r="H498115" s="12"/>
    </row>
    <row r="498116" spans="8:8">
      <c r="H498116" s="12"/>
    </row>
    <row r="498117" spans="8:8">
      <c r="H498117" s="12"/>
    </row>
    <row r="498118" spans="8:8">
      <c r="H498118" s="12"/>
    </row>
    <row r="498119" spans="8:8">
      <c r="H498119" s="12"/>
    </row>
    <row r="498120" spans="8:8">
      <c r="H498120" s="12"/>
    </row>
    <row r="498121" spans="8:8">
      <c r="H498121" s="12"/>
    </row>
    <row r="498122" spans="8:8">
      <c r="H498122" s="12"/>
    </row>
    <row r="498123" spans="8:8">
      <c r="H498123" s="12"/>
    </row>
    <row r="498124" spans="8:8">
      <c r="H498124" s="12"/>
    </row>
    <row r="498125" spans="8:8">
      <c r="H498125" s="12"/>
    </row>
    <row r="498126" spans="8:8">
      <c r="H498126" s="12"/>
    </row>
    <row r="498127" spans="8:8">
      <c r="H498127" s="12"/>
    </row>
    <row r="498128" spans="8:8">
      <c r="H498128" s="12"/>
    </row>
    <row r="498129" spans="8:8">
      <c r="H498129" s="12"/>
    </row>
    <row r="498130" spans="8:8">
      <c r="H498130" s="12"/>
    </row>
    <row r="498131" spans="8:8">
      <c r="H498131" s="12"/>
    </row>
    <row r="498132" spans="8:8">
      <c r="H498132" s="12"/>
    </row>
    <row r="498133" spans="8:8">
      <c r="H498133" s="12"/>
    </row>
    <row r="498134" spans="8:8">
      <c r="H498134" s="12"/>
    </row>
    <row r="498135" spans="8:8">
      <c r="H498135" s="12"/>
    </row>
    <row r="498136" spans="8:8">
      <c r="H498136" s="12"/>
    </row>
    <row r="498137" spans="8:8">
      <c r="H498137" s="12"/>
    </row>
    <row r="498138" spans="8:8">
      <c r="H498138" s="12"/>
    </row>
    <row r="498139" spans="8:8">
      <c r="H498139" s="12"/>
    </row>
    <row r="498140" spans="8:8">
      <c r="H498140" s="12"/>
    </row>
    <row r="498141" spans="8:8">
      <c r="H498141" s="12"/>
    </row>
    <row r="498142" spans="8:8">
      <c r="H498142" s="12"/>
    </row>
    <row r="498143" spans="8:8">
      <c r="H498143" s="12"/>
    </row>
    <row r="498144" spans="8:8">
      <c r="H498144" s="12"/>
    </row>
    <row r="498145" spans="8:8">
      <c r="H498145" s="12"/>
    </row>
    <row r="498146" spans="8:8">
      <c r="H498146" s="12"/>
    </row>
    <row r="498147" spans="8:8">
      <c r="H498147" s="12"/>
    </row>
    <row r="498148" spans="8:8">
      <c r="H498148" s="12"/>
    </row>
    <row r="498149" spans="8:8">
      <c r="H498149" s="12"/>
    </row>
    <row r="498150" spans="8:8">
      <c r="H498150" s="12"/>
    </row>
    <row r="498151" spans="8:8">
      <c r="H498151" s="12"/>
    </row>
    <row r="498152" spans="8:8">
      <c r="H498152" s="12"/>
    </row>
    <row r="498153" spans="8:8">
      <c r="H498153" s="12"/>
    </row>
    <row r="498154" spans="8:8">
      <c r="H498154" s="12"/>
    </row>
    <row r="498155" spans="8:8">
      <c r="H498155" s="12"/>
    </row>
    <row r="498156" spans="8:8">
      <c r="H498156" s="12"/>
    </row>
    <row r="498157" spans="8:8">
      <c r="H498157" s="12"/>
    </row>
    <row r="498158" spans="8:8">
      <c r="H498158" s="12"/>
    </row>
    <row r="498159" spans="8:8">
      <c r="H498159" s="12"/>
    </row>
    <row r="498160" spans="8:8">
      <c r="H498160" s="12"/>
    </row>
    <row r="498161" spans="8:8">
      <c r="H498161" s="12"/>
    </row>
    <row r="498162" spans="8:8">
      <c r="H498162" s="12"/>
    </row>
    <row r="498163" spans="8:8">
      <c r="H498163" s="12"/>
    </row>
    <row r="498164" spans="8:8">
      <c r="H498164" s="12"/>
    </row>
    <row r="498165" spans="8:8">
      <c r="H498165" s="12"/>
    </row>
    <row r="498166" spans="8:8">
      <c r="H498166" s="12"/>
    </row>
    <row r="498167" spans="8:8">
      <c r="H498167" s="12"/>
    </row>
    <row r="498168" spans="8:8">
      <c r="H498168" s="12"/>
    </row>
    <row r="498169" spans="8:8">
      <c r="H498169" s="12"/>
    </row>
    <row r="498170" spans="8:8">
      <c r="H498170" s="12"/>
    </row>
    <row r="498171" spans="8:8">
      <c r="H498171" s="12"/>
    </row>
    <row r="498172" spans="8:8">
      <c r="H498172" s="12"/>
    </row>
    <row r="498173" spans="8:8">
      <c r="H498173" s="12"/>
    </row>
    <row r="498174" spans="8:8">
      <c r="H498174" s="12"/>
    </row>
    <row r="498175" spans="8:8">
      <c r="H498175" s="12"/>
    </row>
    <row r="498176" spans="8:8">
      <c r="H498176" s="12"/>
    </row>
    <row r="498177" spans="8:8">
      <c r="H498177" s="12"/>
    </row>
    <row r="498178" spans="8:8">
      <c r="H498178" s="12"/>
    </row>
    <row r="498179" spans="8:8">
      <c r="H498179" s="12"/>
    </row>
    <row r="498180" spans="8:8">
      <c r="H498180" s="12"/>
    </row>
    <row r="498181" spans="8:8">
      <c r="H498181" s="12"/>
    </row>
    <row r="498182" spans="8:8">
      <c r="H498182" s="12"/>
    </row>
    <row r="498183" spans="8:8">
      <c r="H498183" s="12"/>
    </row>
    <row r="498184" spans="8:8">
      <c r="H498184" s="12"/>
    </row>
    <row r="498185" spans="8:8">
      <c r="H498185" s="12"/>
    </row>
    <row r="498186" spans="8:8">
      <c r="H498186" s="12"/>
    </row>
    <row r="498187" spans="8:8">
      <c r="H498187" s="12"/>
    </row>
    <row r="498188" spans="8:8">
      <c r="H498188" s="12"/>
    </row>
    <row r="498189" spans="8:8">
      <c r="H498189" s="12"/>
    </row>
    <row r="498190" spans="8:8">
      <c r="H498190" s="12"/>
    </row>
    <row r="498191" spans="8:8">
      <c r="H498191" s="12"/>
    </row>
    <row r="498192" spans="8:8">
      <c r="H498192" s="12"/>
    </row>
    <row r="498193" spans="8:8">
      <c r="H498193" s="12"/>
    </row>
    <row r="498194" spans="8:8">
      <c r="H498194" s="12"/>
    </row>
    <row r="498195" spans="8:8">
      <c r="H498195" s="12"/>
    </row>
    <row r="498196" spans="8:8">
      <c r="H498196" s="12"/>
    </row>
    <row r="498197" spans="8:8">
      <c r="H498197" s="12"/>
    </row>
    <row r="498198" spans="8:8">
      <c r="H498198" s="12"/>
    </row>
    <row r="498199" spans="8:8">
      <c r="H498199" s="12"/>
    </row>
    <row r="498200" spans="8:8">
      <c r="H498200" s="12"/>
    </row>
    <row r="498201" spans="8:8">
      <c r="H498201" s="12"/>
    </row>
    <row r="498202" spans="8:8">
      <c r="H498202" s="12"/>
    </row>
    <row r="498203" spans="8:8">
      <c r="H498203" s="12"/>
    </row>
    <row r="498204" spans="8:8">
      <c r="H498204" s="12"/>
    </row>
    <row r="498205" spans="8:8">
      <c r="H498205" s="12"/>
    </row>
    <row r="498206" spans="8:8">
      <c r="H498206" s="12"/>
    </row>
    <row r="498207" spans="8:8">
      <c r="H498207" s="12"/>
    </row>
    <row r="498208" spans="8:8">
      <c r="H498208" s="12"/>
    </row>
    <row r="498209" spans="8:8">
      <c r="H498209" s="12"/>
    </row>
    <row r="498210" spans="8:8">
      <c r="H498210" s="12"/>
    </row>
    <row r="498211" spans="8:8">
      <c r="H498211" s="12"/>
    </row>
    <row r="498212" spans="8:8">
      <c r="H498212" s="12"/>
    </row>
    <row r="498213" spans="8:8">
      <c r="H498213" s="12"/>
    </row>
    <row r="498214" spans="8:8">
      <c r="H498214" s="12"/>
    </row>
    <row r="498215" spans="8:8">
      <c r="H498215" s="12"/>
    </row>
    <row r="498216" spans="8:8">
      <c r="H498216" s="12"/>
    </row>
    <row r="498217" spans="8:8">
      <c r="H498217" s="12"/>
    </row>
    <row r="498218" spans="8:8">
      <c r="H498218" s="12"/>
    </row>
    <row r="498219" spans="8:8">
      <c r="H498219" s="12"/>
    </row>
    <row r="498220" spans="8:8">
      <c r="H498220" s="12"/>
    </row>
    <row r="498221" spans="8:8">
      <c r="H498221" s="12"/>
    </row>
    <row r="498222" spans="8:8">
      <c r="H498222" s="12"/>
    </row>
    <row r="498223" spans="8:8">
      <c r="H498223" s="12"/>
    </row>
    <row r="498224" spans="8:8">
      <c r="H498224" s="12"/>
    </row>
    <row r="498225" spans="8:8">
      <c r="H498225" s="12"/>
    </row>
    <row r="498226" spans="8:8">
      <c r="H498226" s="12"/>
    </row>
    <row r="498227" spans="8:8">
      <c r="H498227" s="12"/>
    </row>
    <row r="498228" spans="8:8">
      <c r="H498228" s="12"/>
    </row>
    <row r="498229" spans="8:8">
      <c r="H498229" s="12"/>
    </row>
    <row r="498230" spans="8:8">
      <c r="H498230" s="12"/>
    </row>
    <row r="498231" spans="8:8">
      <c r="H498231" s="12"/>
    </row>
    <row r="498232" spans="8:8">
      <c r="H498232" s="12"/>
    </row>
    <row r="498233" spans="8:8">
      <c r="H498233" s="12"/>
    </row>
    <row r="498234" spans="8:8">
      <c r="H498234" s="12"/>
    </row>
    <row r="498235" spans="8:8">
      <c r="H498235" s="12"/>
    </row>
    <row r="498236" spans="8:8">
      <c r="H498236" s="12"/>
    </row>
    <row r="498237" spans="8:8">
      <c r="H498237" s="12"/>
    </row>
    <row r="498238" spans="8:8">
      <c r="H498238" s="12"/>
    </row>
    <row r="498239" spans="8:8">
      <c r="H498239" s="12"/>
    </row>
    <row r="498240" spans="8:8">
      <c r="H498240" s="12"/>
    </row>
    <row r="498241" spans="8:8">
      <c r="H498241" s="12"/>
    </row>
    <row r="498242" spans="8:8">
      <c r="H498242" s="12"/>
    </row>
    <row r="498243" spans="8:8">
      <c r="H498243" s="12"/>
    </row>
    <row r="498244" spans="8:8">
      <c r="H498244" s="12"/>
    </row>
    <row r="498245" spans="8:8">
      <c r="H498245" s="12"/>
    </row>
    <row r="498246" spans="8:8">
      <c r="H498246" s="12"/>
    </row>
    <row r="498247" spans="8:8">
      <c r="H498247" s="12"/>
    </row>
    <row r="498248" spans="8:8">
      <c r="H498248" s="12"/>
    </row>
    <row r="498249" spans="8:8">
      <c r="H498249" s="12"/>
    </row>
    <row r="498250" spans="8:8">
      <c r="H498250" s="12"/>
    </row>
    <row r="498251" spans="8:8">
      <c r="H498251" s="12"/>
    </row>
    <row r="498252" spans="8:8">
      <c r="H498252" s="12"/>
    </row>
    <row r="498253" spans="8:8">
      <c r="H498253" s="12"/>
    </row>
    <row r="498254" spans="8:8">
      <c r="H498254" s="12"/>
    </row>
    <row r="498255" spans="8:8">
      <c r="H498255" s="12"/>
    </row>
    <row r="498256" spans="8:8">
      <c r="H498256" s="12"/>
    </row>
    <row r="498257" spans="8:8">
      <c r="H498257" s="12"/>
    </row>
    <row r="498258" spans="8:8">
      <c r="H498258" s="12"/>
    </row>
    <row r="498259" spans="8:8">
      <c r="H498259" s="12"/>
    </row>
    <row r="498260" spans="8:8">
      <c r="H498260" s="12"/>
    </row>
    <row r="498261" spans="8:8">
      <c r="H498261" s="12"/>
    </row>
    <row r="498262" spans="8:8">
      <c r="H498262" s="12"/>
    </row>
    <row r="498263" spans="8:8">
      <c r="H498263" s="12"/>
    </row>
    <row r="498264" spans="8:8">
      <c r="H498264" s="12"/>
    </row>
    <row r="498265" spans="8:8">
      <c r="H498265" s="12"/>
    </row>
    <row r="498266" spans="8:8">
      <c r="H498266" s="12"/>
    </row>
    <row r="498267" spans="8:8">
      <c r="H498267" s="12"/>
    </row>
    <row r="498268" spans="8:8">
      <c r="H498268" s="12"/>
    </row>
    <row r="498269" spans="8:8">
      <c r="H498269" s="12"/>
    </row>
    <row r="498270" spans="8:8">
      <c r="H498270" s="12"/>
    </row>
    <row r="498271" spans="8:8">
      <c r="H498271" s="12"/>
    </row>
    <row r="498272" spans="8:8">
      <c r="H498272" s="12"/>
    </row>
    <row r="498273" spans="8:8">
      <c r="H498273" s="12"/>
    </row>
    <row r="498274" spans="8:8">
      <c r="H498274" s="12"/>
    </row>
    <row r="498275" spans="8:8">
      <c r="H498275" s="12"/>
    </row>
    <row r="498276" spans="8:8">
      <c r="H498276" s="12"/>
    </row>
    <row r="498277" spans="8:8">
      <c r="H498277" s="12"/>
    </row>
    <row r="498278" spans="8:8">
      <c r="H498278" s="12"/>
    </row>
    <row r="498279" spans="8:8">
      <c r="H498279" s="12"/>
    </row>
    <row r="498280" spans="8:8">
      <c r="H498280" s="12"/>
    </row>
    <row r="498281" spans="8:8">
      <c r="H498281" s="12"/>
    </row>
    <row r="498282" spans="8:8">
      <c r="H498282" s="12"/>
    </row>
    <row r="498283" spans="8:8">
      <c r="H498283" s="12"/>
    </row>
    <row r="498284" spans="8:8">
      <c r="H498284" s="12"/>
    </row>
    <row r="498285" spans="8:8">
      <c r="H498285" s="12"/>
    </row>
    <row r="498286" spans="8:8">
      <c r="H498286" s="12"/>
    </row>
    <row r="498287" spans="8:8">
      <c r="H498287" s="12"/>
    </row>
    <row r="498288" spans="8:8">
      <c r="H498288" s="12"/>
    </row>
    <row r="498289" spans="8:8">
      <c r="H498289" s="12"/>
    </row>
    <row r="498290" spans="8:8">
      <c r="H498290" s="12"/>
    </row>
    <row r="498291" spans="8:8">
      <c r="H498291" s="12"/>
    </row>
    <row r="498292" spans="8:8">
      <c r="H498292" s="12"/>
    </row>
    <row r="498293" spans="8:8">
      <c r="H498293" s="12"/>
    </row>
    <row r="498294" spans="8:8">
      <c r="H498294" s="12"/>
    </row>
    <row r="498295" spans="8:8">
      <c r="H498295" s="12"/>
    </row>
    <row r="498296" spans="8:8">
      <c r="H498296" s="12"/>
    </row>
    <row r="498297" spans="8:8">
      <c r="H498297" s="12"/>
    </row>
    <row r="498298" spans="8:8">
      <c r="H498298" s="12"/>
    </row>
    <row r="498299" spans="8:8">
      <c r="H498299" s="12"/>
    </row>
    <row r="498300" spans="8:8">
      <c r="H498300" s="12"/>
    </row>
    <row r="498301" spans="8:8">
      <c r="H498301" s="12"/>
    </row>
    <row r="498302" spans="8:8">
      <c r="H498302" s="12"/>
    </row>
    <row r="498303" spans="8:8">
      <c r="H498303" s="12"/>
    </row>
    <row r="498304" spans="8:8">
      <c r="H498304" s="12"/>
    </row>
    <row r="498305" spans="8:8">
      <c r="H498305" s="12"/>
    </row>
    <row r="498306" spans="8:8">
      <c r="H498306" s="12"/>
    </row>
    <row r="498307" spans="8:8">
      <c r="H498307" s="12"/>
    </row>
    <row r="498308" spans="8:8">
      <c r="H498308" s="12"/>
    </row>
    <row r="498309" spans="8:8">
      <c r="H498309" s="12"/>
    </row>
    <row r="498310" spans="8:8">
      <c r="H498310" s="12"/>
    </row>
    <row r="498311" spans="8:8">
      <c r="H498311" s="12"/>
    </row>
    <row r="498312" spans="8:8">
      <c r="H498312" s="12"/>
    </row>
    <row r="498313" spans="8:8">
      <c r="H498313" s="12"/>
    </row>
    <row r="498314" spans="8:8">
      <c r="H498314" s="12"/>
    </row>
    <row r="498315" spans="8:8">
      <c r="H498315" s="12"/>
    </row>
    <row r="498316" spans="8:8">
      <c r="H498316" s="12"/>
    </row>
    <row r="498317" spans="8:8">
      <c r="H498317" s="12"/>
    </row>
    <row r="498318" spans="8:8">
      <c r="H498318" s="12"/>
    </row>
    <row r="498319" spans="8:8">
      <c r="H498319" s="12"/>
    </row>
    <row r="498320" spans="8:8">
      <c r="H498320" s="12"/>
    </row>
    <row r="498321" spans="8:8">
      <c r="H498321" s="12"/>
    </row>
    <row r="498322" spans="8:8">
      <c r="H498322" s="12"/>
    </row>
    <row r="498323" spans="8:8">
      <c r="H498323" s="12"/>
    </row>
    <row r="498324" spans="8:8">
      <c r="H498324" s="12"/>
    </row>
    <row r="498325" spans="8:8">
      <c r="H498325" s="12"/>
    </row>
    <row r="498326" spans="8:8">
      <c r="H498326" s="12"/>
    </row>
    <row r="498327" spans="8:8">
      <c r="H498327" s="12"/>
    </row>
    <row r="498328" spans="8:8">
      <c r="H498328" s="12"/>
    </row>
    <row r="498329" spans="8:8">
      <c r="H498329" s="12"/>
    </row>
    <row r="498330" spans="8:8">
      <c r="H498330" s="12"/>
    </row>
    <row r="498331" spans="8:8">
      <c r="H498331" s="12"/>
    </row>
    <row r="498332" spans="8:8">
      <c r="H498332" s="12"/>
    </row>
    <row r="498333" spans="8:8">
      <c r="H498333" s="12"/>
    </row>
    <row r="498334" spans="8:8">
      <c r="H498334" s="12"/>
    </row>
    <row r="498335" spans="8:8">
      <c r="H498335" s="12"/>
    </row>
    <row r="498336" spans="8:8">
      <c r="H498336" s="12"/>
    </row>
    <row r="498337" spans="8:8">
      <c r="H498337" s="12"/>
    </row>
    <row r="498338" spans="8:8">
      <c r="H498338" s="12"/>
    </row>
    <row r="498339" spans="8:8">
      <c r="H498339" s="12"/>
    </row>
    <row r="498340" spans="8:8">
      <c r="H498340" s="12"/>
    </row>
    <row r="498341" spans="8:8">
      <c r="H498341" s="12"/>
    </row>
    <row r="498342" spans="8:8">
      <c r="H498342" s="12"/>
    </row>
    <row r="498343" spans="8:8">
      <c r="H498343" s="12"/>
    </row>
    <row r="498344" spans="8:8">
      <c r="H498344" s="12"/>
    </row>
    <row r="498345" spans="8:8">
      <c r="H498345" s="12"/>
    </row>
    <row r="498346" spans="8:8">
      <c r="H498346" s="12"/>
    </row>
    <row r="498347" spans="8:8">
      <c r="H498347" s="12"/>
    </row>
    <row r="498348" spans="8:8">
      <c r="H498348" s="12"/>
    </row>
    <row r="498349" spans="8:8">
      <c r="H498349" s="12"/>
    </row>
    <row r="498350" spans="8:8">
      <c r="H498350" s="12"/>
    </row>
    <row r="498351" spans="8:8">
      <c r="H498351" s="12"/>
    </row>
    <row r="498352" spans="8:8">
      <c r="H498352" s="12"/>
    </row>
    <row r="498353" spans="8:8">
      <c r="H498353" s="12"/>
    </row>
    <row r="498354" spans="8:8">
      <c r="H498354" s="12"/>
    </row>
    <row r="498355" spans="8:8">
      <c r="H498355" s="12"/>
    </row>
    <row r="498356" spans="8:8">
      <c r="H498356" s="12"/>
    </row>
    <row r="498357" spans="8:8">
      <c r="H498357" s="12"/>
    </row>
    <row r="498358" spans="8:8">
      <c r="H498358" s="12"/>
    </row>
    <row r="498359" spans="8:8">
      <c r="H498359" s="12"/>
    </row>
    <row r="498360" spans="8:8">
      <c r="H498360" s="12"/>
    </row>
    <row r="498361" spans="8:8">
      <c r="H498361" s="12"/>
    </row>
    <row r="498362" spans="8:8">
      <c r="H498362" s="12"/>
    </row>
    <row r="498363" spans="8:8">
      <c r="H498363" s="12"/>
    </row>
    <row r="498364" spans="8:8">
      <c r="H498364" s="12"/>
    </row>
    <row r="498365" spans="8:8">
      <c r="H498365" s="12"/>
    </row>
    <row r="498366" spans="8:8">
      <c r="H498366" s="12"/>
    </row>
    <row r="498367" spans="8:8">
      <c r="H498367" s="12"/>
    </row>
    <row r="498368" spans="8:8">
      <c r="H498368" s="12"/>
    </row>
    <row r="498369" spans="8:8">
      <c r="H498369" s="12"/>
    </row>
    <row r="498370" spans="8:8">
      <c r="H498370" s="12"/>
    </row>
    <row r="498371" spans="8:8">
      <c r="H498371" s="12"/>
    </row>
    <row r="498372" spans="8:8">
      <c r="H498372" s="12"/>
    </row>
    <row r="498373" spans="8:8">
      <c r="H498373" s="12"/>
    </row>
    <row r="498374" spans="8:8">
      <c r="H498374" s="12"/>
    </row>
    <row r="498375" spans="8:8">
      <c r="H498375" s="12"/>
    </row>
    <row r="498376" spans="8:8">
      <c r="H498376" s="12"/>
    </row>
    <row r="498377" spans="8:8">
      <c r="H498377" s="12"/>
    </row>
    <row r="498378" spans="8:8">
      <c r="H498378" s="12"/>
    </row>
    <row r="498379" spans="8:8">
      <c r="H498379" s="12"/>
    </row>
    <row r="498380" spans="8:8">
      <c r="H498380" s="12"/>
    </row>
    <row r="498381" spans="8:8">
      <c r="H498381" s="12"/>
    </row>
    <row r="498382" spans="8:8">
      <c r="H498382" s="12"/>
    </row>
    <row r="498383" spans="8:8">
      <c r="H498383" s="12"/>
    </row>
    <row r="498384" spans="8:8">
      <c r="H498384" s="12"/>
    </row>
    <row r="498385" spans="8:8">
      <c r="H498385" s="12"/>
    </row>
    <row r="498386" spans="8:8">
      <c r="H498386" s="12"/>
    </row>
    <row r="498387" spans="8:8">
      <c r="H498387" s="12"/>
    </row>
    <row r="498388" spans="8:8">
      <c r="H498388" s="12"/>
    </row>
    <row r="498389" spans="8:8">
      <c r="H498389" s="12"/>
    </row>
    <row r="498390" spans="8:8">
      <c r="H498390" s="12"/>
    </row>
    <row r="498391" spans="8:8">
      <c r="H498391" s="12"/>
    </row>
    <row r="498392" spans="8:8">
      <c r="H498392" s="12"/>
    </row>
    <row r="498393" spans="8:8">
      <c r="H498393" s="12"/>
    </row>
    <row r="498394" spans="8:8">
      <c r="H498394" s="12"/>
    </row>
    <row r="498395" spans="8:8">
      <c r="H498395" s="12"/>
    </row>
    <row r="498396" spans="8:8">
      <c r="H498396" s="12"/>
    </row>
    <row r="498397" spans="8:8">
      <c r="H498397" s="12"/>
    </row>
    <row r="498398" spans="8:8">
      <c r="H498398" s="12"/>
    </row>
    <row r="498399" spans="8:8">
      <c r="H498399" s="12"/>
    </row>
    <row r="498400" spans="8:8">
      <c r="H498400" s="12"/>
    </row>
    <row r="498401" spans="8:8">
      <c r="H498401" s="12"/>
    </row>
    <row r="498402" spans="8:8">
      <c r="H498402" s="12"/>
    </row>
    <row r="498403" spans="8:8">
      <c r="H498403" s="12"/>
    </row>
    <row r="498404" spans="8:8">
      <c r="H498404" s="12"/>
    </row>
    <row r="498405" spans="8:8">
      <c r="H498405" s="12"/>
    </row>
    <row r="498406" spans="8:8">
      <c r="H498406" s="12"/>
    </row>
    <row r="498407" spans="8:8">
      <c r="H498407" s="12"/>
    </row>
    <row r="498408" spans="8:8">
      <c r="H498408" s="12"/>
    </row>
    <row r="498409" spans="8:8">
      <c r="H498409" s="12"/>
    </row>
    <row r="498410" spans="8:8">
      <c r="H498410" s="12"/>
    </row>
    <row r="498411" spans="8:8">
      <c r="H498411" s="12"/>
    </row>
    <row r="498412" spans="8:8">
      <c r="H498412" s="12"/>
    </row>
    <row r="498413" spans="8:8">
      <c r="H498413" s="12"/>
    </row>
    <row r="498414" spans="8:8">
      <c r="H498414" s="12"/>
    </row>
    <row r="498415" spans="8:8">
      <c r="H498415" s="12"/>
    </row>
    <row r="498416" spans="8:8">
      <c r="H498416" s="12"/>
    </row>
    <row r="498417" spans="8:8">
      <c r="H498417" s="12"/>
    </row>
    <row r="498418" spans="8:8">
      <c r="H498418" s="12"/>
    </row>
    <row r="498419" spans="8:8">
      <c r="H498419" s="12"/>
    </row>
    <row r="498420" spans="8:8">
      <c r="H498420" s="12"/>
    </row>
    <row r="498421" spans="8:8">
      <c r="H498421" s="12"/>
    </row>
    <row r="498422" spans="8:8">
      <c r="H498422" s="12"/>
    </row>
    <row r="498423" spans="8:8">
      <c r="H498423" s="12"/>
    </row>
    <row r="498424" spans="8:8">
      <c r="H498424" s="12"/>
    </row>
    <row r="498425" spans="8:8">
      <c r="H498425" s="12"/>
    </row>
    <row r="498426" spans="8:8">
      <c r="H498426" s="12"/>
    </row>
    <row r="498427" spans="8:8">
      <c r="H498427" s="12"/>
    </row>
    <row r="498428" spans="8:8">
      <c r="H498428" s="12"/>
    </row>
    <row r="498429" spans="8:8">
      <c r="H498429" s="12"/>
    </row>
    <row r="498430" spans="8:8">
      <c r="H498430" s="12"/>
    </row>
    <row r="498431" spans="8:8">
      <c r="H498431" s="12"/>
    </row>
    <row r="498432" spans="8:8">
      <c r="H498432" s="12"/>
    </row>
    <row r="498433" spans="8:8">
      <c r="H498433" s="12"/>
    </row>
    <row r="498434" spans="8:8">
      <c r="H498434" s="12"/>
    </row>
    <row r="498435" spans="8:8">
      <c r="H498435" s="12"/>
    </row>
    <row r="498436" spans="8:8">
      <c r="H498436" s="12"/>
    </row>
    <row r="498437" spans="8:8">
      <c r="H498437" s="12"/>
    </row>
    <row r="498438" spans="8:8">
      <c r="H498438" s="12"/>
    </row>
    <row r="498439" spans="8:8">
      <c r="H498439" s="12"/>
    </row>
    <row r="498440" spans="8:8">
      <c r="H498440" s="12"/>
    </row>
    <row r="498441" spans="8:8">
      <c r="H498441" s="12"/>
    </row>
    <row r="498442" spans="8:8">
      <c r="H498442" s="12"/>
    </row>
    <row r="498443" spans="8:8">
      <c r="H498443" s="12"/>
    </row>
    <row r="498444" spans="8:8">
      <c r="H498444" s="12"/>
    </row>
    <row r="498445" spans="8:8">
      <c r="H498445" s="12"/>
    </row>
    <row r="498446" spans="8:8">
      <c r="H498446" s="12"/>
    </row>
    <row r="498447" spans="8:8">
      <c r="H498447" s="12"/>
    </row>
    <row r="498448" spans="8:8">
      <c r="H498448" s="12"/>
    </row>
    <row r="498449" spans="8:8">
      <c r="H498449" s="12"/>
    </row>
    <row r="498450" spans="8:8">
      <c r="H498450" s="12"/>
    </row>
    <row r="498451" spans="8:8">
      <c r="H498451" s="12"/>
    </row>
    <row r="498452" spans="8:8">
      <c r="H498452" s="12"/>
    </row>
    <row r="498453" spans="8:8">
      <c r="H498453" s="12"/>
    </row>
    <row r="498454" spans="8:8">
      <c r="H498454" s="12"/>
    </row>
    <row r="498455" spans="8:8">
      <c r="H498455" s="12"/>
    </row>
    <row r="498456" spans="8:8">
      <c r="H498456" s="12"/>
    </row>
    <row r="498457" spans="8:8">
      <c r="H498457" s="12"/>
    </row>
    <row r="498458" spans="8:8">
      <c r="H498458" s="12"/>
    </row>
    <row r="498459" spans="8:8">
      <c r="H498459" s="12"/>
    </row>
    <row r="498460" spans="8:8">
      <c r="H498460" s="12"/>
    </row>
    <row r="498461" spans="8:8">
      <c r="H498461" s="12"/>
    </row>
    <row r="498462" spans="8:8">
      <c r="H498462" s="12"/>
    </row>
    <row r="498463" spans="8:8">
      <c r="H498463" s="12"/>
    </row>
    <row r="498464" spans="8:8">
      <c r="H498464" s="12"/>
    </row>
    <row r="498465" spans="8:8">
      <c r="H498465" s="12"/>
    </row>
    <row r="498466" spans="8:8">
      <c r="H498466" s="12"/>
    </row>
    <row r="498467" spans="8:8">
      <c r="H498467" s="12"/>
    </row>
    <row r="498468" spans="8:8">
      <c r="H498468" s="12"/>
    </row>
    <row r="498469" spans="8:8">
      <c r="H498469" s="12"/>
    </row>
    <row r="498470" spans="8:8">
      <c r="H498470" s="12"/>
    </row>
    <row r="498471" spans="8:8">
      <c r="H498471" s="12"/>
    </row>
    <row r="498472" spans="8:8">
      <c r="H498472" s="12"/>
    </row>
    <row r="498473" spans="8:8">
      <c r="H498473" s="12"/>
    </row>
    <row r="498474" spans="8:8">
      <c r="H498474" s="12"/>
    </row>
    <row r="498475" spans="8:8">
      <c r="H498475" s="12"/>
    </row>
    <row r="498476" spans="8:8">
      <c r="H498476" s="12"/>
    </row>
    <row r="498477" spans="8:8">
      <c r="H498477" s="12"/>
    </row>
    <row r="498478" spans="8:8">
      <c r="H498478" s="12"/>
    </row>
    <row r="498479" spans="8:8">
      <c r="H498479" s="12"/>
    </row>
    <row r="498480" spans="8:8">
      <c r="H498480" s="12"/>
    </row>
    <row r="498481" spans="8:8">
      <c r="H498481" s="12"/>
    </row>
    <row r="498482" spans="8:8">
      <c r="H498482" s="12"/>
    </row>
    <row r="498483" spans="8:8">
      <c r="H498483" s="12"/>
    </row>
    <row r="498484" spans="8:8">
      <c r="H498484" s="12"/>
    </row>
    <row r="498485" spans="8:8">
      <c r="H498485" s="12"/>
    </row>
    <row r="498486" spans="8:8">
      <c r="H498486" s="12"/>
    </row>
    <row r="498487" spans="8:8">
      <c r="H498487" s="12"/>
    </row>
    <row r="498488" spans="8:8">
      <c r="H498488" s="12"/>
    </row>
    <row r="498489" spans="8:8">
      <c r="H498489" s="12"/>
    </row>
    <row r="498490" spans="8:8">
      <c r="H498490" s="12"/>
    </row>
    <row r="498491" spans="8:8">
      <c r="H498491" s="12"/>
    </row>
    <row r="498492" spans="8:8">
      <c r="H498492" s="12"/>
    </row>
    <row r="498493" spans="8:8">
      <c r="H498493" s="12"/>
    </row>
    <row r="498494" spans="8:8">
      <c r="H498494" s="12"/>
    </row>
    <row r="498495" spans="8:8">
      <c r="H498495" s="12"/>
    </row>
    <row r="498496" spans="8:8">
      <c r="H498496" s="12"/>
    </row>
    <row r="498497" spans="8:8">
      <c r="H498497" s="12"/>
    </row>
    <row r="498498" spans="8:8">
      <c r="H498498" s="12"/>
    </row>
    <row r="498499" spans="8:8">
      <c r="H498499" s="12"/>
    </row>
    <row r="498500" spans="8:8">
      <c r="H498500" s="12"/>
    </row>
    <row r="498501" spans="8:8">
      <c r="H498501" s="12"/>
    </row>
    <row r="498502" spans="8:8">
      <c r="H498502" s="12"/>
    </row>
    <row r="498503" spans="8:8">
      <c r="H498503" s="12"/>
    </row>
    <row r="498504" spans="8:8">
      <c r="H498504" s="12"/>
    </row>
    <row r="498505" spans="8:8">
      <c r="H498505" s="12"/>
    </row>
    <row r="498506" spans="8:8">
      <c r="H498506" s="12"/>
    </row>
    <row r="498507" spans="8:8">
      <c r="H498507" s="12"/>
    </row>
    <row r="498508" spans="8:8">
      <c r="H498508" s="12"/>
    </row>
    <row r="498509" spans="8:8">
      <c r="H498509" s="12"/>
    </row>
    <row r="498510" spans="8:8">
      <c r="H498510" s="12"/>
    </row>
    <row r="498511" spans="8:8">
      <c r="H498511" s="12"/>
    </row>
    <row r="498512" spans="8:8">
      <c r="H498512" s="12"/>
    </row>
    <row r="498513" spans="8:8">
      <c r="H498513" s="12"/>
    </row>
    <row r="498514" spans="8:8">
      <c r="H498514" s="12"/>
    </row>
    <row r="498515" spans="8:8">
      <c r="H498515" s="12"/>
    </row>
    <row r="498516" spans="8:8">
      <c r="H498516" s="12"/>
    </row>
    <row r="498517" spans="8:8">
      <c r="H498517" s="12"/>
    </row>
    <row r="498518" spans="8:8">
      <c r="H498518" s="12"/>
    </row>
    <row r="498519" spans="8:8">
      <c r="H498519" s="12"/>
    </row>
    <row r="498520" spans="8:8">
      <c r="H498520" s="12"/>
    </row>
    <row r="498521" spans="8:8">
      <c r="H498521" s="12"/>
    </row>
    <row r="498522" spans="8:8">
      <c r="H498522" s="12"/>
    </row>
    <row r="498523" spans="8:8">
      <c r="H498523" s="12"/>
    </row>
    <row r="498524" spans="8:8">
      <c r="H498524" s="12"/>
    </row>
    <row r="498525" spans="8:8">
      <c r="H498525" s="12"/>
    </row>
    <row r="498526" spans="8:8">
      <c r="H498526" s="12"/>
    </row>
    <row r="498527" spans="8:8">
      <c r="H498527" s="12"/>
    </row>
    <row r="498528" spans="8:8">
      <c r="H498528" s="12"/>
    </row>
    <row r="498529" spans="8:8">
      <c r="H498529" s="12"/>
    </row>
    <row r="498530" spans="8:8">
      <c r="H498530" s="12"/>
    </row>
    <row r="498531" spans="8:8">
      <c r="H498531" s="12"/>
    </row>
    <row r="498532" spans="8:8">
      <c r="H498532" s="12"/>
    </row>
    <row r="498533" spans="8:8">
      <c r="H498533" s="12"/>
    </row>
    <row r="498534" spans="8:8">
      <c r="H498534" s="12"/>
    </row>
    <row r="498535" spans="8:8">
      <c r="H498535" s="12"/>
    </row>
    <row r="498536" spans="8:8">
      <c r="H498536" s="12"/>
    </row>
    <row r="498537" spans="8:8">
      <c r="H498537" s="12"/>
    </row>
    <row r="498538" spans="8:8">
      <c r="H498538" s="12"/>
    </row>
    <row r="498539" spans="8:8">
      <c r="H498539" s="12"/>
    </row>
    <row r="498540" spans="8:8">
      <c r="H498540" s="12"/>
    </row>
    <row r="498541" spans="8:8">
      <c r="H498541" s="12"/>
    </row>
    <row r="498542" spans="8:8">
      <c r="H498542" s="12"/>
    </row>
    <row r="498543" spans="8:8">
      <c r="H498543" s="12"/>
    </row>
    <row r="498544" spans="8:8">
      <c r="H498544" s="12"/>
    </row>
    <row r="498545" spans="8:8">
      <c r="H498545" s="12"/>
    </row>
    <row r="498546" spans="8:8">
      <c r="H498546" s="12"/>
    </row>
    <row r="498547" spans="8:8">
      <c r="H498547" s="12"/>
    </row>
    <row r="498548" spans="8:8">
      <c r="H498548" s="12"/>
    </row>
    <row r="498549" spans="8:8">
      <c r="H498549" s="12"/>
    </row>
    <row r="498550" spans="8:8">
      <c r="H498550" s="12"/>
    </row>
    <row r="498551" spans="8:8">
      <c r="H498551" s="12"/>
    </row>
    <row r="498552" spans="8:8">
      <c r="H498552" s="12"/>
    </row>
    <row r="498553" spans="8:8">
      <c r="H498553" s="12"/>
    </row>
    <row r="498554" spans="8:8">
      <c r="H498554" s="12"/>
    </row>
    <row r="498555" spans="8:8">
      <c r="H498555" s="12"/>
    </row>
    <row r="498556" spans="8:8">
      <c r="H498556" s="12"/>
    </row>
    <row r="498557" spans="8:8">
      <c r="H498557" s="12"/>
    </row>
    <row r="498558" spans="8:8">
      <c r="H498558" s="12"/>
    </row>
    <row r="498559" spans="8:8">
      <c r="H498559" s="12"/>
    </row>
    <row r="498560" spans="8:8">
      <c r="H498560" s="12"/>
    </row>
    <row r="498561" spans="8:8">
      <c r="H498561" s="12"/>
    </row>
    <row r="498562" spans="8:8">
      <c r="H498562" s="12"/>
    </row>
    <row r="498563" spans="8:8">
      <c r="H498563" s="12"/>
    </row>
    <row r="498564" spans="8:8">
      <c r="H498564" s="12"/>
    </row>
    <row r="498565" spans="8:8">
      <c r="H498565" s="12"/>
    </row>
    <row r="498566" spans="8:8">
      <c r="H498566" s="12"/>
    </row>
    <row r="498567" spans="8:8">
      <c r="H498567" s="12"/>
    </row>
    <row r="498568" spans="8:8">
      <c r="H498568" s="12"/>
    </row>
    <row r="498569" spans="8:8">
      <c r="H498569" s="12"/>
    </row>
    <row r="498570" spans="8:8">
      <c r="H498570" s="12"/>
    </row>
    <row r="498571" spans="8:8">
      <c r="H498571" s="12"/>
    </row>
    <row r="498572" spans="8:8">
      <c r="H498572" s="12"/>
    </row>
    <row r="498573" spans="8:8">
      <c r="H498573" s="12"/>
    </row>
    <row r="498574" spans="8:8">
      <c r="H498574" s="12"/>
    </row>
    <row r="498575" spans="8:8">
      <c r="H498575" s="12"/>
    </row>
    <row r="498576" spans="8:8">
      <c r="H498576" s="12"/>
    </row>
    <row r="498577" spans="8:8">
      <c r="H498577" s="12"/>
    </row>
    <row r="498578" spans="8:8">
      <c r="H498578" s="12"/>
    </row>
    <row r="498579" spans="8:8">
      <c r="H498579" s="12"/>
    </row>
    <row r="498580" spans="8:8">
      <c r="H498580" s="12"/>
    </row>
    <row r="498581" spans="8:8">
      <c r="H498581" s="12"/>
    </row>
    <row r="498582" spans="8:8">
      <c r="H498582" s="12"/>
    </row>
    <row r="498583" spans="8:8">
      <c r="H498583" s="12"/>
    </row>
    <row r="498584" spans="8:8">
      <c r="H498584" s="12"/>
    </row>
    <row r="498585" spans="8:8">
      <c r="H498585" s="12"/>
    </row>
    <row r="498586" spans="8:8">
      <c r="H498586" s="12"/>
    </row>
    <row r="498587" spans="8:8">
      <c r="H498587" s="12"/>
    </row>
    <row r="498588" spans="8:8">
      <c r="H498588" s="12"/>
    </row>
    <row r="498589" spans="8:8">
      <c r="H498589" s="12"/>
    </row>
    <row r="498590" spans="8:8">
      <c r="H498590" s="12"/>
    </row>
    <row r="498591" spans="8:8">
      <c r="H498591" s="12"/>
    </row>
    <row r="498592" spans="8:8">
      <c r="H498592" s="12"/>
    </row>
    <row r="498593" spans="8:8">
      <c r="H498593" s="12"/>
    </row>
    <row r="498594" spans="8:8">
      <c r="H498594" s="12"/>
    </row>
    <row r="498595" spans="8:8">
      <c r="H498595" s="12"/>
    </row>
    <row r="498596" spans="8:8">
      <c r="H498596" s="12"/>
    </row>
    <row r="498597" spans="8:8">
      <c r="H498597" s="12"/>
    </row>
    <row r="498598" spans="8:8">
      <c r="H498598" s="12"/>
    </row>
    <row r="498599" spans="8:8">
      <c r="H498599" s="12"/>
    </row>
    <row r="498600" spans="8:8">
      <c r="H498600" s="12"/>
    </row>
    <row r="498601" spans="8:8">
      <c r="H498601" s="12"/>
    </row>
    <row r="498602" spans="8:8">
      <c r="H498602" s="12"/>
    </row>
    <row r="498603" spans="8:8">
      <c r="H498603" s="12"/>
    </row>
    <row r="498604" spans="8:8">
      <c r="H498604" s="12"/>
    </row>
    <row r="498605" spans="8:8">
      <c r="H498605" s="12"/>
    </row>
    <row r="498606" spans="8:8">
      <c r="H498606" s="12"/>
    </row>
    <row r="498607" spans="8:8">
      <c r="H498607" s="12"/>
    </row>
    <row r="498608" spans="8:8">
      <c r="H498608" s="12"/>
    </row>
    <row r="498609" spans="8:8">
      <c r="H498609" s="12"/>
    </row>
    <row r="498610" spans="8:8">
      <c r="H498610" s="12"/>
    </row>
    <row r="498611" spans="8:8">
      <c r="H498611" s="12"/>
    </row>
    <row r="498612" spans="8:8">
      <c r="H498612" s="12"/>
    </row>
    <row r="498613" spans="8:8">
      <c r="H498613" s="12"/>
    </row>
    <row r="498614" spans="8:8">
      <c r="H498614" s="12"/>
    </row>
    <row r="498615" spans="8:8">
      <c r="H498615" s="12"/>
    </row>
    <row r="498616" spans="8:8">
      <c r="H498616" s="12"/>
    </row>
    <row r="498617" spans="8:8">
      <c r="H498617" s="12"/>
    </row>
    <row r="498618" spans="8:8">
      <c r="H498618" s="12"/>
    </row>
    <row r="498619" spans="8:8">
      <c r="H498619" s="12"/>
    </row>
    <row r="498620" spans="8:8">
      <c r="H498620" s="12"/>
    </row>
    <row r="498621" spans="8:8">
      <c r="H498621" s="12"/>
    </row>
    <row r="498622" spans="8:8">
      <c r="H498622" s="12"/>
    </row>
    <row r="498623" spans="8:8">
      <c r="H498623" s="12"/>
    </row>
    <row r="498624" spans="8:8">
      <c r="H498624" s="12"/>
    </row>
    <row r="498625" spans="8:8">
      <c r="H498625" s="12"/>
    </row>
    <row r="498626" spans="8:8">
      <c r="H498626" s="12"/>
    </row>
    <row r="498627" spans="8:8">
      <c r="H498627" s="12"/>
    </row>
    <row r="498628" spans="8:8">
      <c r="H498628" s="12"/>
    </row>
    <row r="498629" spans="8:8">
      <c r="H498629" s="12"/>
    </row>
    <row r="498630" spans="8:8">
      <c r="H498630" s="12"/>
    </row>
    <row r="498631" spans="8:8">
      <c r="H498631" s="12"/>
    </row>
    <row r="498632" spans="8:8">
      <c r="H498632" s="12"/>
    </row>
    <row r="498633" spans="8:8">
      <c r="H498633" s="12"/>
    </row>
    <row r="498634" spans="8:8">
      <c r="H498634" s="12"/>
    </row>
    <row r="498635" spans="8:8">
      <c r="H498635" s="12"/>
    </row>
    <row r="498636" spans="8:8">
      <c r="H498636" s="12"/>
    </row>
    <row r="498637" spans="8:8">
      <c r="H498637" s="12"/>
    </row>
    <row r="498638" spans="8:8">
      <c r="H498638" s="12"/>
    </row>
    <row r="498639" spans="8:8">
      <c r="H498639" s="12"/>
    </row>
    <row r="498640" spans="8:8">
      <c r="H498640" s="12"/>
    </row>
    <row r="498641" spans="8:8">
      <c r="H498641" s="12"/>
    </row>
    <row r="498642" spans="8:8">
      <c r="H498642" s="12"/>
    </row>
    <row r="498643" spans="8:8">
      <c r="H498643" s="12"/>
    </row>
    <row r="498644" spans="8:8">
      <c r="H498644" s="12"/>
    </row>
    <row r="498645" spans="8:8">
      <c r="H498645" s="12"/>
    </row>
    <row r="498646" spans="8:8">
      <c r="H498646" s="12"/>
    </row>
    <row r="498647" spans="8:8">
      <c r="H498647" s="12"/>
    </row>
    <row r="498648" spans="8:8">
      <c r="H498648" s="12"/>
    </row>
    <row r="498649" spans="8:8">
      <c r="H498649" s="12"/>
    </row>
    <row r="498650" spans="8:8">
      <c r="H498650" s="12"/>
    </row>
    <row r="498651" spans="8:8">
      <c r="H498651" s="12"/>
    </row>
    <row r="498652" spans="8:8">
      <c r="H498652" s="12"/>
    </row>
    <row r="498653" spans="8:8">
      <c r="H498653" s="12"/>
    </row>
    <row r="498654" spans="8:8">
      <c r="H498654" s="12"/>
    </row>
    <row r="498655" spans="8:8">
      <c r="H498655" s="12"/>
    </row>
    <row r="498656" spans="8:8">
      <c r="H498656" s="12"/>
    </row>
    <row r="498657" spans="8:8">
      <c r="H498657" s="12"/>
    </row>
    <row r="498658" spans="8:8">
      <c r="H498658" s="12"/>
    </row>
    <row r="498659" spans="8:8">
      <c r="H498659" s="12"/>
    </row>
    <row r="498660" spans="8:8">
      <c r="H498660" s="12"/>
    </row>
    <row r="498661" spans="8:8">
      <c r="H498661" s="12"/>
    </row>
    <row r="498662" spans="8:8">
      <c r="H498662" s="12"/>
    </row>
    <row r="498663" spans="8:8">
      <c r="H498663" s="12"/>
    </row>
    <row r="498664" spans="8:8">
      <c r="H498664" s="12"/>
    </row>
    <row r="498665" spans="8:8">
      <c r="H498665" s="12"/>
    </row>
    <row r="498666" spans="8:8">
      <c r="H498666" s="12"/>
    </row>
    <row r="498667" spans="8:8">
      <c r="H498667" s="12"/>
    </row>
    <row r="498668" spans="8:8">
      <c r="H498668" s="12"/>
    </row>
    <row r="498669" spans="8:8">
      <c r="H498669" s="12"/>
    </row>
    <row r="498670" spans="8:8">
      <c r="H498670" s="12"/>
    </row>
    <row r="498671" spans="8:8">
      <c r="H498671" s="12"/>
    </row>
    <row r="498672" spans="8:8">
      <c r="H498672" s="12"/>
    </row>
    <row r="498673" spans="8:8">
      <c r="H498673" s="12"/>
    </row>
    <row r="498674" spans="8:8">
      <c r="H498674" s="12"/>
    </row>
    <row r="498675" spans="8:8">
      <c r="H498675" s="12"/>
    </row>
    <row r="498676" spans="8:8">
      <c r="H498676" s="12"/>
    </row>
    <row r="498677" spans="8:8">
      <c r="H498677" s="12"/>
    </row>
    <row r="498678" spans="8:8">
      <c r="H498678" s="12"/>
    </row>
    <row r="498679" spans="8:8">
      <c r="H498679" s="12"/>
    </row>
    <row r="498680" spans="8:8">
      <c r="H498680" s="12"/>
    </row>
    <row r="498681" spans="8:8">
      <c r="H498681" s="12"/>
    </row>
    <row r="498682" spans="8:8">
      <c r="H498682" s="12"/>
    </row>
    <row r="498683" spans="8:8">
      <c r="H498683" s="12"/>
    </row>
    <row r="498684" spans="8:8">
      <c r="H498684" s="12"/>
    </row>
    <row r="498685" spans="8:8">
      <c r="H498685" s="12"/>
    </row>
    <row r="498686" spans="8:8">
      <c r="H498686" s="12"/>
    </row>
    <row r="498687" spans="8:8">
      <c r="H498687" s="12"/>
    </row>
    <row r="498688" spans="8:8">
      <c r="H498688" s="12"/>
    </row>
    <row r="498689" spans="8:8">
      <c r="H498689" s="12"/>
    </row>
    <row r="498690" spans="8:8">
      <c r="H498690" s="12"/>
    </row>
    <row r="498691" spans="8:8">
      <c r="H498691" s="12"/>
    </row>
    <row r="498692" spans="8:8">
      <c r="H498692" s="12"/>
    </row>
    <row r="498693" spans="8:8">
      <c r="H498693" s="12"/>
    </row>
    <row r="498694" spans="8:8">
      <c r="H498694" s="12"/>
    </row>
    <row r="498695" spans="8:8">
      <c r="H498695" s="12"/>
    </row>
    <row r="498696" spans="8:8">
      <c r="H498696" s="12"/>
    </row>
    <row r="498697" spans="8:8">
      <c r="H498697" s="12"/>
    </row>
    <row r="498698" spans="8:8">
      <c r="H498698" s="12"/>
    </row>
    <row r="498699" spans="8:8">
      <c r="H498699" s="12"/>
    </row>
    <row r="498700" spans="8:8">
      <c r="H498700" s="12"/>
    </row>
    <row r="498701" spans="8:8">
      <c r="H498701" s="12"/>
    </row>
    <row r="498702" spans="8:8">
      <c r="H498702" s="12"/>
    </row>
    <row r="498703" spans="8:8">
      <c r="H498703" s="12"/>
    </row>
    <row r="498704" spans="8:8">
      <c r="H498704" s="12"/>
    </row>
    <row r="498705" spans="8:8">
      <c r="H498705" s="12"/>
    </row>
    <row r="498706" spans="8:8">
      <c r="H498706" s="12"/>
    </row>
    <row r="498707" spans="8:8">
      <c r="H498707" s="12"/>
    </row>
    <row r="498708" spans="8:8">
      <c r="H498708" s="12"/>
    </row>
    <row r="498709" spans="8:8">
      <c r="H498709" s="12"/>
    </row>
    <row r="498710" spans="8:8">
      <c r="H498710" s="12"/>
    </row>
    <row r="498711" spans="8:8">
      <c r="H498711" s="12"/>
    </row>
    <row r="498712" spans="8:8">
      <c r="H498712" s="12"/>
    </row>
    <row r="498713" spans="8:8">
      <c r="H498713" s="12"/>
    </row>
    <row r="498714" spans="8:8">
      <c r="H498714" s="12"/>
    </row>
    <row r="498715" spans="8:8">
      <c r="H498715" s="12"/>
    </row>
    <row r="498716" spans="8:8">
      <c r="H498716" s="12"/>
    </row>
    <row r="498717" spans="8:8">
      <c r="H498717" s="12"/>
    </row>
    <row r="498718" spans="8:8">
      <c r="H498718" s="12"/>
    </row>
    <row r="498719" spans="8:8">
      <c r="H498719" s="12"/>
    </row>
    <row r="498720" spans="8:8">
      <c r="H498720" s="12"/>
    </row>
    <row r="498721" spans="8:8">
      <c r="H498721" s="12"/>
    </row>
    <row r="498722" spans="8:8">
      <c r="H498722" s="12"/>
    </row>
    <row r="498723" spans="8:8">
      <c r="H498723" s="12"/>
    </row>
    <row r="498724" spans="8:8">
      <c r="H498724" s="12"/>
    </row>
    <row r="498725" spans="8:8">
      <c r="H498725" s="12"/>
    </row>
    <row r="498726" spans="8:8">
      <c r="H498726" s="12"/>
    </row>
    <row r="498727" spans="8:8">
      <c r="H498727" s="12"/>
    </row>
    <row r="498728" spans="8:8">
      <c r="H498728" s="12"/>
    </row>
    <row r="498729" spans="8:8">
      <c r="H498729" s="12"/>
    </row>
    <row r="498730" spans="8:8">
      <c r="H498730" s="12"/>
    </row>
    <row r="498731" spans="8:8">
      <c r="H498731" s="12"/>
    </row>
    <row r="498732" spans="8:8">
      <c r="H498732" s="12"/>
    </row>
    <row r="498733" spans="8:8">
      <c r="H498733" s="12"/>
    </row>
    <row r="498734" spans="8:8">
      <c r="H498734" s="12"/>
    </row>
    <row r="498735" spans="8:8">
      <c r="H498735" s="12"/>
    </row>
    <row r="498736" spans="8:8">
      <c r="H498736" s="12"/>
    </row>
    <row r="498737" spans="8:8">
      <c r="H498737" s="12"/>
    </row>
    <row r="498738" spans="8:8">
      <c r="H498738" s="12"/>
    </row>
    <row r="498739" spans="8:8">
      <c r="H498739" s="12"/>
    </row>
    <row r="498740" spans="8:8">
      <c r="H498740" s="12"/>
    </row>
    <row r="498741" spans="8:8">
      <c r="H498741" s="12"/>
    </row>
    <row r="498742" spans="8:8">
      <c r="H498742" s="12"/>
    </row>
    <row r="498743" spans="8:8">
      <c r="H498743" s="12"/>
    </row>
    <row r="498744" spans="8:8">
      <c r="H498744" s="12"/>
    </row>
    <row r="498745" spans="8:8">
      <c r="H498745" s="12"/>
    </row>
    <row r="498746" spans="8:8">
      <c r="H498746" s="12"/>
    </row>
    <row r="498747" spans="8:8">
      <c r="H498747" s="12"/>
    </row>
    <row r="498748" spans="8:8">
      <c r="H498748" s="12"/>
    </row>
    <row r="498749" spans="8:8">
      <c r="H498749" s="12"/>
    </row>
    <row r="498750" spans="8:8">
      <c r="H498750" s="12"/>
    </row>
    <row r="498751" spans="8:8">
      <c r="H498751" s="12"/>
    </row>
    <row r="498752" spans="8:8">
      <c r="H498752" s="12"/>
    </row>
    <row r="498753" spans="8:8">
      <c r="H498753" s="12"/>
    </row>
    <row r="498754" spans="8:8">
      <c r="H498754" s="12"/>
    </row>
    <row r="498755" spans="8:8">
      <c r="H498755" s="12"/>
    </row>
    <row r="498756" spans="8:8">
      <c r="H498756" s="12"/>
    </row>
    <row r="498757" spans="8:8">
      <c r="H498757" s="12"/>
    </row>
    <row r="498758" spans="8:8">
      <c r="H498758" s="12"/>
    </row>
    <row r="498759" spans="8:8">
      <c r="H498759" s="12"/>
    </row>
    <row r="498760" spans="8:8">
      <c r="H498760" s="12"/>
    </row>
    <row r="498761" spans="8:8">
      <c r="H498761" s="12"/>
    </row>
    <row r="498762" spans="8:8">
      <c r="H498762" s="12"/>
    </row>
    <row r="498763" spans="8:8">
      <c r="H498763" s="12"/>
    </row>
    <row r="498764" spans="8:8">
      <c r="H498764" s="12"/>
    </row>
    <row r="498765" spans="8:8">
      <c r="H498765" s="12"/>
    </row>
    <row r="498766" spans="8:8">
      <c r="H498766" s="12"/>
    </row>
    <row r="498767" spans="8:8">
      <c r="H498767" s="12"/>
    </row>
    <row r="498768" spans="8:8">
      <c r="H498768" s="12"/>
    </row>
    <row r="498769" spans="8:8">
      <c r="H498769" s="12"/>
    </row>
    <row r="498770" spans="8:8">
      <c r="H498770" s="12"/>
    </row>
    <row r="498771" spans="8:8">
      <c r="H498771" s="12"/>
    </row>
    <row r="498772" spans="8:8">
      <c r="H498772" s="12"/>
    </row>
    <row r="498773" spans="8:8">
      <c r="H498773" s="12"/>
    </row>
    <row r="498774" spans="8:8">
      <c r="H498774" s="12"/>
    </row>
    <row r="498775" spans="8:8">
      <c r="H498775" s="12"/>
    </row>
    <row r="498776" spans="8:8">
      <c r="H498776" s="12"/>
    </row>
    <row r="498777" spans="8:8">
      <c r="H498777" s="12"/>
    </row>
    <row r="498778" spans="8:8">
      <c r="H498778" s="12"/>
    </row>
    <row r="498779" spans="8:8">
      <c r="H498779" s="12"/>
    </row>
    <row r="498780" spans="8:8">
      <c r="H498780" s="12"/>
    </row>
    <row r="498781" spans="8:8">
      <c r="H498781" s="12"/>
    </row>
    <row r="498782" spans="8:8">
      <c r="H498782" s="12"/>
    </row>
    <row r="498783" spans="8:8">
      <c r="H498783" s="12"/>
    </row>
    <row r="498784" spans="8:8">
      <c r="H498784" s="12"/>
    </row>
    <row r="498785" spans="8:8">
      <c r="H498785" s="12"/>
    </row>
    <row r="498786" spans="8:8">
      <c r="H498786" s="12"/>
    </row>
    <row r="498787" spans="8:8">
      <c r="H498787" s="12"/>
    </row>
    <row r="498788" spans="8:8">
      <c r="H498788" s="12"/>
    </row>
    <row r="498789" spans="8:8">
      <c r="H498789" s="12"/>
    </row>
    <row r="498790" spans="8:8">
      <c r="H498790" s="12"/>
    </row>
    <row r="498791" spans="8:8">
      <c r="H498791" s="12"/>
    </row>
    <row r="498792" spans="8:8">
      <c r="H498792" s="12"/>
    </row>
    <row r="498793" spans="8:8">
      <c r="H498793" s="12"/>
    </row>
    <row r="498794" spans="8:8">
      <c r="H498794" s="12"/>
    </row>
    <row r="498795" spans="8:8">
      <c r="H498795" s="12"/>
    </row>
    <row r="498796" spans="8:8">
      <c r="H498796" s="12"/>
    </row>
    <row r="498797" spans="8:8">
      <c r="H498797" s="12"/>
    </row>
    <row r="498798" spans="8:8">
      <c r="H498798" s="12"/>
    </row>
    <row r="498799" spans="8:8">
      <c r="H498799" s="12"/>
    </row>
    <row r="498800" spans="8:8">
      <c r="H498800" s="12"/>
    </row>
    <row r="498801" spans="8:8">
      <c r="H498801" s="12"/>
    </row>
    <row r="498802" spans="8:8">
      <c r="H498802" s="12"/>
    </row>
    <row r="498803" spans="8:8">
      <c r="H498803" s="12"/>
    </row>
    <row r="498804" spans="8:8">
      <c r="H498804" s="12"/>
    </row>
    <row r="498805" spans="8:8">
      <c r="H498805" s="12"/>
    </row>
    <row r="498806" spans="8:8">
      <c r="H498806" s="12"/>
    </row>
    <row r="498807" spans="8:8">
      <c r="H498807" s="12"/>
    </row>
    <row r="498808" spans="8:8">
      <c r="H498808" s="12"/>
    </row>
    <row r="498809" spans="8:8">
      <c r="H498809" s="12"/>
    </row>
    <row r="498810" spans="8:8">
      <c r="H498810" s="12"/>
    </row>
    <row r="498811" spans="8:8">
      <c r="H498811" s="12"/>
    </row>
    <row r="498812" spans="8:8">
      <c r="H498812" s="12"/>
    </row>
    <row r="498813" spans="8:8">
      <c r="H498813" s="12"/>
    </row>
    <row r="498814" spans="8:8">
      <c r="H498814" s="12"/>
    </row>
    <row r="498815" spans="8:8">
      <c r="H498815" s="12"/>
    </row>
    <row r="498816" spans="8:8">
      <c r="H498816" s="12"/>
    </row>
    <row r="498817" spans="8:8">
      <c r="H498817" s="12"/>
    </row>
    <row r="498818" spans="8:8">
      <c r="H498818" s="12"/>
    </row>
    <row r="498819" spans="8:8">
      <c r="H498819" s="12"/>
    </row>
    <row r="498820" spans="8:8">
      <c r="H498820" s="12"/>
    </row>
    <row r="498821" spans="8:8">
      <c r="H498821" s="12"/>
    </row>
    <row r="498822" spans="8:8">
      <c r="H498822" s="12"/>
    </row>
    <row r="498823" spans="8:8">
      <c r="H498823" s="12"/>
    </row>
    <row r="498824" spans="8:8">
      <c r="H498824" s="12"/>
    </row>
    <row r="498825" spans="8:8">
      <c r="H498825" s="12"/>
    </row>
    <row r="498826" spans="8:8">
      <c r="H498826" s="12"/>
    </row>
    <row r="498827" spans="8:8">
      <c r="H498827" s="12"/>
    </row>
    <row r="498828" spans="8:8">
      <c r="H498828" s="12"/>
    </row>
    <row r="498829" spans="8:8">
      <c r="H498829" s="12"/>
    </row>
    <row r="498830" spans="8:8">
      <c r="H498830" s="12"/>
    </row>
    <row r="498831" spans="8:8">
      <c r="H498831" s="12"/>
    </row>
    <row r="498832" spans="8:8">
      <c r="H498832" s="12"/>
    </row>
    <row r="498833" spans="8:8">
      <c r="H498833" s="12"/>
    </row>
    <row r="498834" spans="8:8">
      <c r="H498834" s="12"/>
    </row>
    <row r="498835" spans="8:8">
      <c r="H498835" s="12"/>
    </row>
    <row r="498836" spans="8:8">
      <c r="H498836" s="12"/>
    </row>
    <row r="498837" spans="8:8">
      <c r="H498837" s="12"/>
    </row>
    <row r="498838" spans="8:8">
      <c r="H498838" s="12"/>
    </row>
    <row r="498839" spans="8:8">
      <c r="H498839" s="12"/>
    </row>
    <row r="498840" spans="8:8">
      <c r="H498840" s="12"/>
    </row>
    <row r="498841" spans="8:8">
      <c r="H498841" s="12"/>
    </row>
    <row r="498842" spans="8:8">
      <c r="H498842" s="12"/>
    </row>
    <row r="498843" spans="8:8">
      <c r="H498843" s="12"/>
    </row>
    <row r="498844" spans="8:8">
      <c r="H498844" s="12"/>
    </row>
    <row r="498845" spans="8:8">
      <c r="H498845" s="12"/>
    </row>
    <row r="498846" spans="8:8">
      <c r="H498846" s="12"/>
    </row>
    <row r="498847" spans="8:8">
      <c r="H498847" s="12"/>
    </row>
    <row r="498848" spans="8:8">
      <c r="H498848" s="12"/>
    </row>
    <row r="498849" spans="8:8">
      <c r="H498849" s="12"/>
    </row>
    <row r="498850" spans="8:8">
      <c r="H498850" s="12"/>
    </row>
    <row r="498851" spans="8:8">
      <c r="H498851" s="12"/>
    </row>
    <row r="498852" spans="8:8">
      <c r="H498852" s="12"/>
    </row>
    <row r="498853" spans="8:8">
      <c r="H498853" s="12"/>
    </row>
    <row r="498854" spans="8:8">
      <c r="H498854" s="12"/>
    </row>
    <row r="498855" spans="8:8">
      <c r="H498855" s="12"/>
    </row>
    <row r="498856" spans="8:8">
      <c r="H498856" s="12"/>
    </row>
    <row r="498857" spans="8:8">
      <c r="H498857" s="12"/>
    </row>
    <row r="498858" spans="8:8">
      <c r="H498858" s="12"/>
    </row>
    <row r="498859" spans="8:8">
      <c r="H498859" s="12"/>
    </row>
    <row r="498860" spans="8:8">
      <c r="H498860" s="12"/>
    </row>
    <row r="498861" spans="8:8">
      <c r="H498861" s="12"/>
    </row>
    <row r="498862" spans="8:8">
      <c r="H498862" s="12"/>
    </row>
    <row r="498863" spans="8:8">
      <c r="H498863" s="12"/>
    </row>
    <row r="498864" spans="8:8">
      <c r="H498864" s="12"/>
    </row>
    <row r="498865" spans="8:8">
      <c r="H498865" s="12"/>
    </row>
    <row r="498866" spans="8:8">
      <c r="H498866" s="12"/>
    </row>
    <row r="498867" spans="8:8">
      <c r="H498867" s="12"/>
    </row>
    <row r="498868" spans="8:8">
      <c r="H498868" s="12"/>
    </row>
    <row r="498869" spans="8:8">
      <c r="H498869" s="12"/>
    </row>
    <row r="498870" spans="8:8">
      <c r="H498870" s="12"/>
    </row>
    <row r="498871" spans="8:8">
      <c r="H498871" s="12"/>
    </row>
    <row r="498872" spans="8:8">
      <c r="H498872" s="12"/>
    </row>
    <row r="498873" spans="8:8">
      <c r="H498873" s="12"/>
    </row>
    <row r="498874" spans="8:8">
      <c r="H498874" s="12"/>
    </row>
    <row r="498875" spans="8:8">
      <c r="H498875" s="12"/>
    </row>
    <row r="498876" spans="8:8">
      <c r="H498876" s="12"/>
    </row>
    <row r="498877" spans="8:8">
      <c r="H498877" s="12"/>
    </row>
    <row r="498878" spans="8:8">
      <c r="H498878" s="12"/>
    </row>
    <row r="498879" spans="8:8">
      <c r="H498879" s="12"/>
    </row>
    <row r="498880" spans="8:8">
      <c r="H498880" s="12"/>
    </row>
    <row r="498881" spans="8:8">
      <c r="H498881" s="12"/>
    </row>
    <row r="498882" spans="8:8">
      <c r="H498882" s="12"/>
    </row>
    <row r="498883" spans="8:8">
      <c r="H498883" s="12"/>
    </row>
    <row r="498884" spans="8:8">
      <c r="H498884" s="12"/>
    </row>
    <row r="498885" spans="8:8">
      <c r="H498885" s="12"/>
    </row>
    <row r="498886" spans="8:8">
      <c r="H498886" s="12"/>
    </row>
    <row r="498887" spans="8:8">
      <c r="H498887" s="12"/>
    </row>
    <row r="498888" spans="8:8">
      <c r="H498888" s="12"/>
    </row>
    <row r="498889" spans="8:8">
      <c r="H498889" s="12"/>
    </row>
    <row r="498890" spans="8:8">
      <c r="H498890" s="12"/>
    </row>
    <row r="498891" spans="8:8">
      <c r="H498891" s="12"/>
    </row>
    <row r="498892" spans="8:8">
      <c r="H498892" s="12"/>
    </row>
    <row r="498893" spans="8:8">
      <c r="H498893" s="12"/>
    </row>
    <row r="498894" spans="8:8">
      <c r="H498894" s="12"/>
    </row>
    <row r="498895" spans="8:8">
      <c r="H498895" s="12"/>
    </row>
    <row r="498896" spans="8:8">
      <c r="H498896" s="12"/>
    </row>
    <row r="498897" spans="8:8">
      <c r="H498897" s="12"/>
    </row>
    <row r="498898" spans="8:8">
      <c r="H498898" s="12"/>
    </row>
    <row r="498899" spans="8:8">
      <c r="H498899" s="12"/>
    </row>
    <row r="498900" spans="8:8">
      <c r="H498900" s="12"/>
    </row>
    <row r="498901" spans="8:8">
      <c r="H498901" s="12"/>
    </row>
    <row r="498902" spans="8:8">
      <c r="H498902" s="12"/>
    </row>
    <row r="498903" spans="8:8">
      <c r="H498903" s="12"/>
    </row>
    <row r="498904" spans="8:8">
      <c r="H498904" s="12"/>
    </row>
    <row r="498905" spans="8:8">
      <c r="H498905" s="12"/>
    </row>
    <row r="498906" spans="8:8">
      <c r="H498906" s="12"/>
    </row>
    <row r="498907" spans="8:8">
      <c r="H498907" s="12"/>
    </row>
    <row r="498908" spans="8:8">
      <c r="H498908" s="12"/>
    </row>
    <row r="498909" spans="8:8">
      <c r="H498909" s="12"/>
    </row>
    <row r="498910" spans="8:8">
      <c r="H498910" s="12"/>
    </row>
    <row r="498911" spans="8:8">
      <c r="H498911" s="12"/>
    </row>
    <row r="498912" spans="8:8">
      <c r="H498912" s="12"/>
    </row>
    <row r="498913" spans="8:8">
      <c r="H498913" s="12"/>
    </row>
    <row r="498914" spans="8:8">
      <c r="H498914" s="12"/>
    </row>
    <row r="498915" spans="8:8">
      <c r="H498915" s="12"/>
    </row>
    <row r="498916" spans="8:8">
      <c r="H498916" s="12"/>
    </row>
    <row r="498917" spans="8:8">
      <c r="H498917" s="12"/>
    </row>
    <row r="498918" spans="8:8">
      <c r="H498918" s="12"/>
    </row>
    <row r="498919" spans="8:8">
      <c r="H498919" s="12"/>
    </row>
    <row r="498920" spans="8:8">
      <c r="H498920" s="12"/>
    </row>
    <row r="498921" spans="8:8">
      <c r="H498921" s="12"/>
    </row>
    <row r="498922" spans="8:8">
      <c r="H498922" s="12"/>
    </row>
    <row r="498923" spans="8:8">
      <c r="H498923" s="12"/>
    </row>
    <row r="498924" spans="8:8">
      <c r="H498924" s="12"/>
    </row>
    <row r="498925" spans="8:8">
      <c r="H498925" s="12"/>
    </row>
    <row r="498926" spans="8:8">
      <c r="H498926" s="12"/>
    </row>
    <row r="498927" spans="8:8">
      <c r="H498927" s="12"/>
    </row>
    <row r="498928" spans="8:8">
      <c r="H498928" s="12"/>
    </row>
    <row r="498929" spans="8:8">
      <c r="H498929" s="12"/>
    </row>
    <row r="498930" spans="8:8">
      <c r="H498930" s="12"/>
    </row>
    <row r="498931" spans="8:8">
      <c r="H498931" s="12"/>
    </row>
    <row r="498932" spans="8:8">
      <c r="H498932" s="12"/>
    </row>
    <row r="498933" spans="8:8">
      <c r="H498933" s="12"/>
    </row>
    <row r="498934" spans="8:8">
      <c r="H498934" s="12"/>
    </row>
    <row r="498935" spans="8:8">
      <c r="H498935" s="12"/>
    </row>
    <row r="498936" spans="8:8">
      <c r="H498936" s="12"/>
    </row>
    <row r="498937" spans="8:8">
      <c r="H498937" s="12"/>
    </row>
    <row r="498938" spans="8:8">
      <c r="H498938" s="12"/>
    </row>
    <row r="498939" spans="8:8">
      <c r="H498939" s="12"/>
    </row>
    <row r="498940" spans="8:8">
      <c r="H498940" s="12"/>
    </row>
    <row r="498941" spans="8:8">
      <c r="H498941" s="12"/>
    </row>
    <row r="498942" spans="8:8">
      <c r="H498942" s="12"/>
    </row>
    <row r="498943" spans="8:8">
      <c r="H498943" s="12"/>
    </row>
    <row r="498944" spans="8:8">
      <c r="H498944" s="12"/>
    </row>
    <row r="498945" spans="8:8">
      <c r="H498945" s="12"/>
    </row>
    <row r="498946" spans="8:8">
      <c r="H498946" s="12"/>
    </row>
    <row r="498947" spans="8:8">
      <c r="H498947" s="12"/>
    </row>
    <row r="498948" spans="8:8">
      <c r="H498948" s="12"/>
    </row>
    <row r="498949" spans="8:8">
      <c r="H498949" s="12"/>
    </row>
    <row r="498950" spans="8:8">
      <c r="H498950" s="12"/>
    </row>
    <row r="498951" spans="8:8">
      <c r="H498951" s="12"/>
    </row>
    <row r="498952" spans="8:8">
      <c r="H498952" s="12"/>
    </row>
    <row r="498953" spans="8:8">
      <c r="H498953" s="12"/>
    </row>
    <row r="498954" spans="8:8">
      <c r="H498954" s="12"/>
    </row>
    <row r="498955" spans="8:8">
      <c r="H498955" s="12"/>
    </row>
    <row r="498956" spans="8:8">
      <c r="H498956" s="12"/>
    </row>
    <row r="498957" spans="8:8">
      <c r="H498957" s="12"/>
    </row>
    <row r="498958" spans="8:8">
      <c r="H498958" s="12"/>
    </row>
    <row r="498959" spans="8:8">
      <c r="H498959" s="12"/>
    </row>
    <row r="498960" spans="8:8">
      <c r="H498960" s="12"/>
    </row>
    <row r="498961" spans="8:8">
      <c r="H498961" s="12"/>
    </row>
    <row r="498962" spans="8:8">
      <c r="H498962" s="12"/>
    </row>
    <row r="498963" spans="8:8">
      <c r="H498963" s="12"/>
    </row>
    <row r="498964" spans="8:8">
      <c r="H498964" s="12"/>
    </row>
    <row r="498965" spans="8:8">
      <c r="H498965" s="12"/>
    </row>
    <row r="498966" spans="8:8">
      <c r="H498966" s="12"/>
    </row>
    <row r="498967" spans="8:8">
      <c r="H498967" s="12"/>
    </row>
    <row r="498968" spans="8:8">
      <c r="H498968" s="12"/>
    </row>
    <row r="498969" spans="8:8">
      <c r="H498969" s="12"/>
    </row>
    <row r="498970" spans="8:8">
      <c r="H498970" s="12"/>
    </row>
    <row r="498971" spans="8:8">
      <c r="H498971" s="12"/>
    </row>
    <row r="498972" spans="8:8">
      <c r="H498972" s="12"/>
    </row>
    <row r="498973" spans="8:8">
      <c r="H498973" s="12"/>
    </row>
    <row r="498974" spans="8:8">
      <c r="H498974" s="12"/>
    </row>
    <row r="498975" spans="8:8">
      <c r="H498975" s="12"/>
    </row>
    <row r="498976" spans="8:8">
      <c r="H498976" s="12"/>
    </row>
    <row r="498977" spans="8:8">
      <c r="H498977" s="12"/>
    </row>
    <row r="498978" spans="8:8">
      <c r="H498978" s="12"/>
    </row>
    <row r="498979" spans="8:8">
      <c r="H498979" s="12"/>
    </row>
    <row r="498980" spans="8:8">
      <c r="H498980" s="12"/>
    </row>
    <row r="498981" spans="8:8">
      <c r="H498981" s="12"/>
    </row>
    <row r="498982" spans="8:8">
      <c r="H498982" s="12"/>
    </row>
    <row r="498983" spans="8:8">
      <c r="H498983" s="12"/>
    </row>
    <row r="498984" spans="8:8">
      <c r="H498984" s="12"/>
    </row>
    <row r="498985" spans="8:8">
      <c r="H498985" s="12"/>
    </row>
    <row r="498986" spans="8:8">
      <c r="H498986" s="12"/>
    </row>
    <row r="498987" spans="8:8">
      <c r="H498987" s="12"/>
    </row>
    <row r="498988" spans="8:8">
      <c r="H498988" s="12"/>
    </row>
    <row r="498989" spans="8:8">
      <c r="H498989" s="12"/>
    </row>
    <row r="498990" spans="8:8">
      <c r="H498990" s="12"/>
    </row>
    <row r="498991" spans="8:8">
      <c r="H498991" s="12"/>
    </row>
    <row r="498992" spans="8:8">
      <c r="H498992" s="12"/>
    </row>
    <row r="498993" spans="8:8">
      <c r="H498993" s="12"/>
    </row>
    <row r="498994" spans="8:8">
      <c r="H498994" s="12"/>
    </row>
    <row r="498995" spans="8:8">
      <c r="H498995" s="12"/>
    </row>
    <row r="498996" spans="8:8">
      <c r="H498996" s="12"/>
    </row>
    <row r="498997" spans="8:8">
      <c r="H498997" s="12"/>
    </row>
    <row r="498998" spans="8:8">
      <c r="H498998" s="12"/>
    </row>
    <row r="498999" spans="8:8">
      <c r="H498999" s="12"/>
    </row>
    <row r="499000" spans="8:8">
      <c r="H499000" s="12"/>
    </row>
    <row r="499001" spans="8:8">
      <c r="H499001" s="12"/>
    </row>
    <row r="499002" spans="8:8">
      <c r="H499002" s="12"/>
    </row>
    <row r="499003" spans="8:8">
      <c r="H499003" s="12"/>
    </row>
    <row r="499004" spans="8:8">
      <c r="H499004" s="12"/>
    </row>
    <row r="499005" spans="8:8">
      <c r="H499005" s="12"/>
    </row>
    <row r="499006" spans="8:8">
      <c r="H499006" s="12"/>
    </row>
    <row r="499007" spans="8:8">
      <c r="H499007" s="12"/>
    </row>
    <row r="499008" spans="8:8">
      <c r="H499008" s="12"/>
    </row>
    <row r="499009" spans="8:8">
      <c r="H499009" s="12"/>
    </row>
    <row r="499010" spans="8:8">
      <c r="H499010" s="12"/>
    </row>
    <row r="499011" spans="8:8">
      <c r="H499011" s="12"/>
    </row>
    <row r="499012" spans="8:8">
      <c r="H499012" s="12"/>
    </row>
    <row r="499013" spans="8:8">
      <c r="H499013" s="12"/>
    </row>
    <row r="499014" spans="8:8">
      <c r="H499014" s="12"/>
    </row>
    <row r="499015" spans="8:8">
      <c r="H499015" s="12"/>
    </row>
    <row r="499016" spans="8:8">
      <c r="H499016" s="12"/>
    </row>
    <row r="499017" spans="8:8">
      <c r="H499017" s="12"/>
    </row>
    <row r="499018" spans="8:8">
      <c r="H499018" s="12"/>
    </row>
    <row r="499019" spans="8:8">
      <c r="H499019" s="12"/>
    </row>
    <row r="499020" spans="8:8">
      <c r="H499020" s="12"/>
    </row>
    <row r="499021" spans="8:8">
      <c r="H499021" s="12"/>
    </row>
    <row r="499022" spans="8:8">
      <c r="H499022" s="12"/>
    </row>
    <row r="499023" spans="8:8">
      <c r="H499023" s="12"/>
    </row>
    <row r="499024" spans="8:8">
      <c r="H499024" s="12"/>
    </row>
    <row r="499025" spans="8:8">
      <c r="H499025" s="12"/>
    </row>
    <row r="499026" spans="8:8">
      <c r="H499026" s="12"/>
    </row>
    <row r="499027" spans="8:8">
      <c r="H499027" s="12"/>
    </row>
    <row r="499028" spans="8:8">
      <c r="H499028" s="12"/>
    </row>
    <row r="499029" spans="8:8">
      <c r="H499029" s="12"/>
    </row>
    <row r="499030" spans="8:8">
      <c r="H499030" s="12"/>
    </row>
    <row r="499031" spans="8:8">
      <c r="H499031" s="12"/>
    </row>
    <row r="499032" spans="8:8">
      <c r="H499032" s="12"/>
    </row>
    <row r="499033" spans="8:8">
      <c r="H499033" s="12"/>
    </row>
    <row r="499034" spans="8:8">
      <c r="H499034" s="12"/>
    </row>
    <row r="499035" spans="8:8">
      <c r="H499035" s="12"/>
    </row>
    <row r="499036" spans="8:8">
      <c r="H499036" s="12"/>
    </row>
    <row r="499037" spans="8:8">
      <c r="H499037" s="12"/>
    </row>
    <row r="499038" spans="8:8">
      <c r="H499038" s="12"/>
    </row>
    <row r="499039" spans="8:8">
      <c r="H499039" s="12"/>
    </row>
    <row r="499040" spans="8:8">
      <c r="H499040" s="12"/>
    </row>
    <row r="499041" spans="8:8">
      <c r="H499041" s="12"/>
    </row>
    <row r="499042" spans="8:8">
      <c r="H499042" s="12"/>
    </row>
    <row r="499043" spans="8:8">
      <c r="H499043" s="12"/>
    </row>
    <row r="499044" spans="8:8">
      <c r="H499044" s="12"/>
    </row>
    <row r="499045" spans="8:8">
      <c r="H499045" s="12"/>
    </row>
    <row r="499046" spans="8:8">
      <c r="H499046" s="12"/>
    </row>
    <row r="499047" spans="8:8">
      <c r="H499047" s="12"/>
    </row>
    <row r="499048" spans="8:8">
      <c r="H499048" s="12"/>
    </row>
    <row r="499049" spans="8:8">
      <c r="H499049" s="12"/>
    </row>
    <row r="499050" spans="8:8">
      <c r="H499050" s="12"/>
    </row>
    <row r="499051" spans="8:8">
      <c r="H499051" s="12"/>
    </row>
    <row r="499052" spans="8:8">
      <c r="H499052" s="12"/>
    </row>
    <row r="499053" spans="8:8">
      <c r="H499053" s="12"/>
    </row>
    <row r="499054" spans="8:8">
      <c r="H499054" s="12"/>
    </row>
    <row r="499055" spans="8:8">
      <c r="H499055" s="12"/>
    </row>
    <row r="499056" spans="8:8">
      <c r="H499056" s="12"/>
    </row>
    <row r="499057" spans="8:8">
      <c r="H499057" s="12"/>
    </row>
    <row r="499058" spans="8:8">
      <c r="H499058" s="12"/>
    </row>
    <row r="499059" spans="8:8">
      <c r="H499059" s="12"/>
    </row>
    <row r="499060" spans="8:8">
      <c r="H499060" s="12"/>
    </row>
    <row r="499061" spans="8:8">
      <c r="H499061" s="12"/>
    </row>
    <row r="499062" spans="8:8">
      <c r="H499062" s="12"/>
    </row>
    <row r="499063" spans="8:8">
      <c r="H499063" s="12"/>
    </row>
    <row r="499064" spans="8:8">
      <c r="H499064" s="12"/>
    </row>
    <row r="499065" spans="8:8">
      <c r="H499065" s="12"/>
    </row>
    <row r="499066" spans="8:8">
      <c r="H499066" s="12"/>
    </row>
    <row r="499067" spans="8:8">
      <c r="H499067" s="12"/>
    </row>
    <row r="499068" spans="8:8">
      <c r="H499068" s="12"/>
    </row>
    <row r="499069" spans="8:8">
      <c r="H499069" s="12"/>
    </row>
    <row r="499070" spans="8:8">
      <c r="H499070" s="12"/>
    </row>
    <row r="499071" spans="8:8">
      <c r="H499071" s="12"/>
    </row>
    <row r="499072" spans="8:8">
      <c r="H499072" s="12"/>
    </row>
    <row r="499073" spans="8:8">
      <c r="H499073" s="12"/>
    </row>
    <row r="499074" spans="8:8">
      <c r="H499074" s="12"/>
    </row>
    <row r="499075" spans="8:8">
      <c r="H499075" s="12"/>
    </row>
    <row r="499076" spans="8:8">
      <c r="H499076" s="12"/>
    </row>
    <row r="499077" spans="8:8">
      <c r="H499077" s="12"/>
    </row>
    <row r="499078" spans="8:8">
      <c r="H499078" s="12"/>
    </row>
    <row r="499079" spans="8:8">
      <c r="H499079" s="12"/>
    </row>
    <row r="499080" spans="8:8">
      <c r="H499080" s="12"/>
    </row>
    <row r="499081" spans="8:8">
      <c r="H499081" s="12"/>
    </row>
    <row r="499082" spans="8:8">
      <c r="H499082" s="12"/>
    </row>
    <row r="499083" spans="8:8">
      <c r="H499083" s="12"/>
    </row>
    <row r="499084" spans="8:8">
      <c r="H499084" s="12"/>
    </row>
    <row r="499085" spans="8:8">
      <c r="H499085" s="12"/>
    </row>
    <row r="499086" spans="8:8">
      <c r="H499086" s="12"/>
    </row>
    <row r="499087" spans="8:8">
      <c r="H499087" s="12"/>
    </row>
    <row r="499088" spans="8:8">
      <c r="H499088" s="12"/>
    </row>
    <row r="499089" spans="8:8">
      <c r="H499089" s="12"/>
    </row>
    <row r="499090" spans="8:8">
      <c r="H499090" s="12"/>
    </row>
    <row r="499091" spans="8:8">
      <c r="H499091" s="12"/>
    </row>
    <row r="499092" spans="8:8">
      <c r="H499092" s="12"/>
    </row>
    <row r="499093" spans="8:8">
      <c r="H499093" s="12"/>
    </row>
    <row r="499094" spans="8:8">
      <c r="H499094" s="12"/>
    </row>
    <row r="499095" spans="8:8">
      <c r="H499095" s="12"/>
    </row>
    <row r="499096" spans="8:8">
      <c r="H499096" s="12"/>
    </row>
    <row r="499097" spans="8:8">
      <c r="H499097" s="12"/>
    </row>
    <row r="499098" spans="8:8">
      <c r="H499098" s="12"/>
    </row>
    <row r="499099" spans="8:8">
      <c r="H499099" s="12"/>
    </row>
    <row r="499100" spans="8:8">
      <c r="H499100" s="12"/>
    </row>
    <row r="499101" spans="8:8">
      <c r="H499101" s="12"/>
    </row>
    <row r="499102" spans="8:8">
      <c r="H499102" s="12"/>
    </row>
    <row r="499103" spans="8:8">
      <c r="H499103" s="12"/>
    </row>
    <row r="499104" spans="8:8">
      <c r="H499104" s="12"/>
    </row>
    <row r="499105" spans="8:8">
      <c r="H499105" s="12"/>
    </row>
    <row r="499106" spans="8:8">
      <c r="H499106" s="12"/>
    </row>
    <row r="499107" spans="8:8">
      <c r="H499107" s="12"/>
    </row>
    <row r="499108" spans="8:8">
      <c r="H499108" s="12"/>
    </row>
    <row r="499109" spans="8:8">
      <c r="H499109" s="12"/>
    </row>
    <row r="499110" spans="8:8">
      <c r="H499110" s="12"/>
    </row>
    <row r="499111" spans="8:8">
      <c r="H499111" s="12"/>
    </row>
    <row r="499112" spans="8:8">
      <c r="H499112" s="12"/>
    </row>
    <row r="499113" spans="8:8">
      <c r="H499113" s="12"/>
    </row>
    <row r="499114" spans="8:8">
      <c r="H499114" s="12"/>
    </row>
    <row r="499115" spans="8:8">
      <c r="H499115" s="12"/>
    </row>
    <row r="499116" spans="8:8">
      <c r="H499116" s="12"/>
    </row>
    <row r="499117" spans="8:8">
      <c r="H499117" s="12"/>
    </row>
    <row r="499118" spans="8:8">
      <c r="H499118" s="12"/>
    </row>
    <row r="499119" spans="8:8">
      <c r="H499119" s="12"/>
    </row>
    <row r="499120" spans="8:8">
      <c r="H499120" s="12"/>
    </row>
    <row r="499121" spans="8:8">
      <c r="H499121" s="12"/>
    </row>
    <row r="499122" spans="8:8">
      <c r="H499122" s="12"/>
    </row>
    <row r="499123" spans="8:8">
      <c r="H499123" s="12"/>
    </row>
    <row r="499124" spans="8:8">
      <c r="H499124" s="12"/>
    </row>
    <row r="499125" spans="8:8">
      <c r="H499125" s="12"/>
    </row>
    <row r="499126" spans="8:8">
      <c r="H499126" s="12"/>
    </row>
    <row r="499127" spans="8:8">
      <c r="H499127" s="12"/>
    </row>
    <row r="499128" spans="8:8">
      <c r="H499128" s="12"/>
    </row>
    <row r="499129" spans="8:8">
      <c r="H499129" s="12"/>
    </row>
    <row r="499130" spans="8:8">
      <c r="H499130" s="12"/>
    </row>
    <row r="499131" spans="8:8">
      <c r="H499131" s="12"/>
    </row>
    <row r="499132" spans="8:8">
      <c r="H499132" s="12"/>
    </row>
    <row r="499133" spans="8:8">
      <c r="H499133" s="12"/>
    </row>
    <row r="499134" spans="8:8">
      <c r="H499134" s="12"/>
    </row>
    <row r="499135" spans="8:8">
      <c r="H499135" s="12"/>
    </row>
    <row r="499136" spans="8:8">
      <c r="H499136" s="12"/>
    </row>
    <row r="499137" spans="8:8">
      <c r="H499137" s="12"/>
    </row>
    <row r="499138" spans="8:8">
      <c r="H499138" s="12"/>
    </row>
    <row r="499139" spans="8:8">
      <c r="H499139" s="12"/>
    </row>
    <row r="499140" spans="8:8">
      <c r="H499140" s="12"/>
    </row>
    <row r="499141" spans="8:8">
      <c r="H499141" s="12"/>
    </row>
    <row r="499142" spans="8:8">
      <c r="H499142" s="12"/>
    </row>
    <row r="499143" spans="8:8">
      <c r="H499143" s="12"/>
    </row>
    <row r="499144" spans="8:8">
      <c r="H499144" s="12"/>
    </row>
    <row r="499145" spans="8:8">
      <c r="H499145" s="12"/>
    </row>
    <row r="499146" spans="8:8">
      <c r="H499146" s="12"/>
    </row>
    <row r="499147" spans="8:8">
      <c r="H499147" s="12"/>
    </row>
    <row r="499148" spans="8:8">
      <c r="H499148" s="12"/>
    </row>
    <row r="499149" spans="8:8">
      <c r="H499149" s="12"/>
    </row>
    <row r="499150" spans="8:8">
      <c r="H499150" s="12"/>
    </row>
    <row r="499151" spans="8:8">
      <c r="H499151" s="12"/>
    </row>
    <row r="499152" spans="8:8">
      <c r="H499152" s="12"/>
    </row>
    <row r="499153" spans="8:8">
      <c r="H499153" s="12"/>
    </row>
    <row r="499154" spans="8:8">
      <c r="H499154" s="12"/>
    </row>
    <row r="499155" spans="8:8">
      <c r="H499155" s="12"/>
    </row>
    <row r="499156" spans="8:8">
      <c r="H499156" s="12"/>
    </row>
    <row r="499157" spans="8:8">
      <c r="H499157" s="12"/>
    </row>
    <row r="499158" spans="8:8">
      <c r="H499158" s="12"/>
    </row>
    <row r="499159" spans="8:8">
      <c r="H499159" s="12"/>
    </row>
    <row r="499160" spans="8:8">
      <c r="H499160" s="12"/>
    </row>
    <row r="499161" spans="8:8">
      <c r="H499161" s="12"/>
    </row>
    <row r="499162" spans="8:8">
      <c r="H499162" s="12"/>
    </row>
    <row r="499163" spans="8:8">
      <c r="H499163" s="12"/>
    </row>
    <row r="499164" spans="8:8">
      <c r="H499164" s="12"/>
    </row>
    <row r="499165" spans="8:8">
      <c r="H499165" s="12"/>
    </row>
    <row r="499166" spans="8:8">
      <c r="H499166" s="12"/>
    </row>
    <row r="499167" spans="8:8">
      <c r="H499167" s="12"/>
    </row>
    <row r="499168" spans="8:8">
      <c r="H499168" s="12"/>
    </row>
    <row r="499169" spans="8:8">
      <c r="H499169" s="12"/>
    </row>
    <row r="499170" spans="8:8">
      <c r="H499170" s="12"/>
    </row>
    <row r="499171" spans="8:8">
      <c r="H499171" s="12"/>
    </row>
    <row r="499172" spans="8:8">
      <c r="H499172" s="12"/>
    </row>
    <row r="499173" spans="8:8">
      <c r="H499173" s="12"/>
    </row>
    <row r="499174" spans="8:8">
      <c r="H499174" s="12"/>
    </row>
    <row r="499175" spans="8:8">
      <c r="H499175" s="12"/>
    </row>
    <row r="499176" spans="8:8">
      <c r="H499176" s="12"/>
    </row>
    <row r="499177" spans="8:8">
      <c r="H499177" s="12"/>
    </row>
    <row r="499178" spans="8:8">
      <c r="H499178" s="12"/>
    </row>
    <row r="499179" spans="8:8">
      <c r="H499179" s="12"/>
    </row>
    <row r="499180" spans="8:8">
      <c r="H499180" s="12"/>
    </row>
    <row r="499181" spans="8:8">
      <c r="H499181" s="12"/>
    </row>
    <row r="499182" spans="8:8">
      <c r="H499182" s="12"/>
    </row>
    <row r="499183" spans="8:8">
      <c r="H499183" s="12"/>
    </row>
    <row r="499184" spans="8:8">
      <c r="H499184" s="12"/>
    </row>
    <row r="499185" spans="8:8">
      <c r="H499185" s="12"/>
    </row>
    <row r="499186" spans="8:8">
      <c r="H499186" s="12"/>
    </row>
    <row r="499187" spans="8:8">
      <c r="H499187" s="12"/>
    </row>
    <row r="499188" spans="8:8">
      <c r="H499188" s="12"/>
    </row>
    <row r="499189" spans="8:8">
      <c r="H499189" s="12"/>
    </row>
    <row r="499190" spans="8:8">
      <c r="H499190" s="12"/>
    </row>
    <row r="499191" spans="8:8">
      <c r="H499191" s="12"/>
    </row>
    <row r="499192" spans="8:8">
      <c r="H499192" s="12"/>
    </row>
    <row r="499193" spans="8:8">
      <c r="H499193" s="12"/>
    </row>
    <row r="499194" spans="8:8">
      <c r="H499194" s="12"/>
    </row>
    <row r="499195" spans="8:8">
      <c r="H499195" s="12"/>
    </row>
    <row r="499196" spans="8:8">
      <c r="H499196" s="12"/>
    </row>
    <row r="499197" spans="8:8">
      <c r="H499197" s="12"/>
    </row>
    <row r="499198" spans="8:8">
      <c r="H499198" s="12"/>
    </row>
    <row r="499199" spans="8:8">
      <c r="H499199" s="12"/>
    </row>
    <row r="499200" spans="8:8">
      <c r="H499200" s="12"/>
    </row>
    <row r="499201" spans="8:8">
      <c r="H499201" s="12"/>
    </row>
    <row r="499202" spans="8:8">
      <c r="H499202" s="12"/>
    </row>
    <row r="499203" spans="8:8">
      <c r="H499203" s="12"/>
    </row>
    <row r="499204" spans="8:8">
      <c r="H499204" s="12"/>
    </row>
    <row r="499205" spans="8:8">
      <c r="H499205" s="12"/>
    </row>
    <row r="499206" spans="8:8">
      <c r="H499206" s="12"/>
    </row>
    <row r="499207" spans="8:8">
      <c r="H499207" s="12"/>
    </row>
    <row r="499208" spans="8:8">
      <c r="H499208" s="12"/>
    </row>
    <row r="499209" spans="8:8">
      <c r="H499209" s="12"/>
    </row>
    <row r="499210" spans="8:8">
      <c r="H499210" s="12"/>
    </row>
    <row r="499211" spans="8:8">
      <c r="H499211" s="12"/>
    </row>
    <row r="499212" spans="8:8">
      <c r="H499212" s="12"/>
    </row>
    <row r="499213" spans="8:8">
      <c r="H499213" s="12"/>
    </row>
    <row r="499214" spans="8:8">
      <c r="H499214" s="12"/>
    </row>
    <row r="499215" spans="8:8">
      <c r="H499215" s="12"/>
    </row>
    <row r="499216" spans="8:8">
      <c r="H499216" s="12"/>
    </row>
    <row r="499217" spans="8:8">
      <c r="H499217" s="12"/>
    </row>
    <row r="499218" spans="8:8">
      <c r="H499218" s="12"/>
    </row>
    <row r="499219" spans="8:8">
      <c r="H499219" s="12"/>
    </row>
    <row r="499220" spans="8:8">
      <c r="H499220" s="12"/>
    </row>
    <row r="499221" spans="8:8">
      <c r="H499221" s="12"/>
    </row>
    <row r="499222" spans="8:8">
      <c r="H499222" s="12"/>
    </row>
    <row r="499223" spans="8:8">
      <c r="H499223" s="12"/>
    </row>
    <row r="499224" spans="8:8">
      <c r="H499224" s="12"/>
    </row>
    <row r="499225" spans="8:8">
      <c r="H499225" s="12"/>
    </row>
    <row r="499226" spans="8:8">
      <c r="H499226" s="12"/>
    </row>
    <row r="499227" spans="8:8">
      <c r="H499227" s="12"/>
    </row>
    <row r="499228" spans="8:8">
      <c r="H499228" s="12"/>
    </row>
    <row r="499229" spans="8:8">
      <c r="H499229" s="12"/>
    </row>
    <row r="499230" spans="8:8">
      <c r="H499230" s="12"/>
    </row>
    <row r="499231" spans="8:8">
      <c r="H499231" s="12"/>
    </row>
    <row r="499232" spans="8:8">
      <c r="H499232" s="12"/>
    </row>
    <row r="499233" spans="8:8">
      <c r="H499233" s="12"/>
    </row>
    <row r="499234" spans="8:8">
      <c r="H499234" s="12"/>
    </row>
    <row r="499235" spans="8:8">
      <c r="H499235" s="12"/>
    </row>
    <row r="499236" spans="8:8">
      <c r="H499236" s="12"/>
    </row>
    <row r="499237" spans="8:8">
      <c r="H499237" s="12"/>
    </row>
    <row r="499238" spans="8:8">
      <c r="H499238" s="12"/>
    </row>
    <row r="499239" spans="8:8">
      <c r="H499239" s="12"/>
    </row>
    <row r="499240" spans="8:8">
      <c r="H499240" s="12"/>
    </row>
    <row r="499241" spans="8:8">
      <c r="H499241" s="12"/>
    </row>
    <row r="499242" spans="8:8">
      <c r="H499242" s="12"/>
    </row>
    <row r="499243" spans="8:8">
      <c r="H499243" s="12"/>
    </row>
    <row r="499244" spans="8:8">
      <c r="H499244" s="12"/>
    </row>
    <row r="499245" spans="8:8">
      <c r="H499245" s="12"/>
    </row>
    <row r="499246" spans="8:8">
      <c r="H499246" s="12"/>
    </row>
    <row r="499247" spans="8:8">
      <c r="H499247" s="12"/>
    </row>
    <row r="499248" spans="8:8">
      <c r="H499248" s="12"/>
    </row>
    <row r="499249" spans="8:8">
      <c r="H499249" s="12"/>
    </row>
    <row r="499250" spans="8:8">
      <c r="H499250" s="12"/>
    </row>
    <row r="499251" spans="8:8">
      <c r="H499251" s="12"/>
    </row>
    <row r="499252" spans="8:8">
      <c r="H499252" s="12"/>
    </row>
    <row r="499253" spans="8:8">
      <c r="H499253" s="12"/>
    </row>
    <row r="499254" spans="8:8">
      <c r="H499254" s="12"/>
    </row>
    <row r="499255" spans="8:8">
      <c r="H499255" s="12"/>
    </row>
    <row r="499256" spans="8:8">
      <c r="H499256" s="12"/>
    </row>
    <row r="499257" spans="8:8">
      <c r="H499257" s="12"/>
    </row>
    <row r="499258" spans="8:8">
      <c r="H499258" s="12"/>
    </row>
    <row r="499259" spans="8:8">
      <c r="H499259" s="12"/>
    </row>
    <row r="499260" spans="8:8">
      <c r="H499260" s="12"/>
    </row>
    <row r="499261" spans="8:8">
      <c r="H499261" s="12"/>
    </row>
    <row r="499262" spans="8:8">
      <c r="H499262" s="12"/>
    </row>
    <row r="499263" spans="8:8">
      <c r="H499263" s="12"/>
    </row>
    <row r="499264" spans="8:8">
      <c r="H499264" s="12"/>
    </row>
    <row r="499265" spans="8:8">
      <c r="H499265" s="12"/>
    </row>
    <row r="499266" spans="8:8">
      <c r="H499266" s="12"/>
    </row>
    <row r="499267" spans="8:8">
      <c r="H499267" s="12"/>
    </row>
    <row r="499268" spans="8:8">
      <c r="H499268" s="12"/>
    </row>
    <row r="499269" spans="8:8">
      <c r="H499269" s="12"/>
    </row>
    <row r="499270" spans="8:8">
      <c r="H499270" s="12"/>
    </row>
    <row r="499271" spans="8:8">
      <c r="H499271" s="12"/>
    </row>
    <row r="499272" spans="8:8">
      <c r="H499272" s="12"/>
    </row>
    <row r="499273" spans="8:8">
      <c r="H499273" s="12"/>
    </row>
    <row r="499274" spans="8:8">
      <c r="H499274" s="12"/>
    </row>
    <row r="499275" spans="8:8">
      <c r="H499275" s="12"/>
    </row>
    <row r="499276" spans="8:8">
      <c r="H499276" s="12"/>
    </row>
    <row r="499277" spans="8:8">
      <c r="H499277" s="12"/>
    </row>
    <row r="499278" spans="8:8">
      <c r="H499278" s="12"/>
    </row>
    <row r="499279" spans="8:8">
      <c r="H499279" s="12"/>
    </row>
    <row r="499280" spans="8:8">
      <c r="H499280" s="12"/>
    </row>
    <row r="499281" spans="8:8">
      <c r="H499281" s="12"/>
    </row>
    <row r="499282" spans="8:8">
      <c r="H499282" s="12"/>
    </row>
    <row r="499283" spans="8:8">
      <c r="H499283" s="12"/>
    </row>
    <row r="499284" spans="8:8">
      <c r="H499284" s="12"/>
    </row>
    <row r="499285" spans="8:8">
      <c r="H499285" s="12"/>
    </row>
    <row r="499286" spans="8:8">
      <c r="H499286" s="12"/>
    </row>
    <row r="499287" spans="8:8">
      <c r="H499287" s="12"/>
    </row>
    <row r="499288" spans="8:8">
      <c r="H499288" s="12"/>
    </row>
    <row r="499289" spans="8:8">
      <c r="H499289" s="12"/>
    </row>
    <row r="499290" spans="8:8">
      <c r="H499290" s="12"/>
    </row>
    <row r="499291" spans="8:8">
      <c r="H499291" s="12"/>
    </row>
    <row r="499292" spans="8:8">
      <c r="H499292" s="12"/>
    </row>
    <row r="499293" spans="8:8">
      <c r="H499293" s="12"/>
    </row>
    <row r="499294" spans="8:8">
      <c r="H499294" s="12"/>
    </row>
    <row r="499295" spans="8:8">
      <c r="H499295" s="12"/>
    </row>
    <row r="499296" spans="8:8">
      <c r="H499296" s="12"/>
    </row>
    <row r="499297" spans="8:8">
      <c r="H499297" s="12"/>
    </row>
    <row r="499298" spans="8:8">
      <c r="H499298" s="12"/>
    </row>
    <row r="499299" spans="8:8">
      <c r="H499299" s="12"/>
    </row>
    <row r="499300" spans="8:8">
      <c r="H499300" s="12"/>
    </row>
    <row r="499301" spans="8:8">
      <c r="H499301" s="12"/>
    </row>
    <row r="499302" spans="8:8">
      <c r="H499302" s="12"/>
    </row>
    <row r="499303" spans="8:8">
      <c r="H499303" s="12"/>
    </row>
    <row r="499304" spans="8:8">
      <c r="H499304" s="12"/>
    </row>
    <row r="499305" spans="8:8">
      <c r="H499305" s="12"/>
    </row>
    <row r="499306" spans="8:8">
      <c r="H499306" s="12"/>
    </row>
    <row r="499307" spans="8:8">
      <c r="H499307" s="12"/>
    </row>
    <row r="499308" spans="8:8">
      <c r="H499308" s="12"/>
    </row>
    <row r="499309" spans="8:8">
      <c r="H499309" s="12"/>
    </row>
    <row r="499310" spans="8:8">
      <c r="H499310" s="12"/>
    </row>
    <row r="499311" spans="8:8">
      <c r="H499311" s="12"/>
    </row>
    <row r="499312" spans="8:8">
      <c r="H499312" s="12"/>
    </row>
    <row r="499313" spans="8:8">
      <c r="H499313" s="12"/>
    </row>
    <row r="499314" spans="8:8">
      <c r="H499314" s="12"/>
    </row>
    <row r="499315" spans="8:8">
      <c r="H499315" s="12"/>
    </row>
    <row r="499316" spans="8:8">
      <c r="H499316" s="12"/>
    </row>
    <row r="499317" spans="8:8">
      <c r="H499317" s="12"/>
    </row>
    <row r="499318" spans="8:8">
      <c r="H499318" s="12"/>
    </row>
    <row r="499319" spans="8:8">
      <c r="H499319" s="12"/>
    </row>
    <row r="499320" spans="8:8">
      <c r="H499320" s="12"/>
    </row>
    <row r="499321" spans="8:8">
      <c r="H499321" s="12"/>
    </row>
    <row r="499322" spans="8:8">
      <c r="H499322" s="12"/>
    </row>
    <row r="499323" spans="8:8">
      <c r="H499323" s="12"/>
    </row>
    <row r="499324" spans="8:8">
      <c r="H499324" s="12"/>
    </row>
    <row r="499325" spans="8:8">
      <c r="H499325" s="12"/>
    </row>
    <row r="499326" spans="8:8">
      <c r="H499326" s="12"/>
    </row>
    <row r="499327" spans="8:8">
      <c r="H499327" s="12"/>
    </row>
    <row r="499328" spans="8:8">
      <c r="H499328" s="12"/>
    </row>
    <row r="499329" spans="8:8">
      <c r="H499329" s="12"/>
    </row>
    <row r="499330" spans="8:8">
      <c r="H499330" s="12"/>
    </row>
    <row r="499331" spans="8:8">
      <c r="H499331" s="12"/>
    </row>
    <row r="499332" spans="8:8">
      <c r="H499332" s="12"/>
    </row>
    <row r="499333" spans="8:8">
      <c r="H499333" s="12"/>
    </row>
    <row r="499334" spans="8:8">
      <c r="H499334" s="12"/>
    </row>
    <row r="499335" spans="8:8">
      <c r="H499335" s="12"/>
    </row>
    <row r="499336" spans="8:8">
      <c r="H499336" s="12"/>
    </row>
    <row r="499337" spans="8:8">
      <c r="H499337" s="12"/>
    </row>
    <row r="499338" spans="8:8">
      <c r="H499338" s="12"/>
    </row>
    <row r="499339" spans="8:8">
      <c r="H499339" s="12"/>
    </row>
    <row r="499340" spans="8:8">
      <c r="H499340" s="12"/>
    </row>
    <row r="499341" spans="8:8">
      <c r="H499341" s="12"/>
    </row>
    <row r="499342" spans="8:8">
      <c r="H499342" s="12"/>
    </row>
    <row r="499343" spans="8:8">
      <c r="H499343" s="12"/>
    </row>
    <row r="499344" spans="8:8">
      <c r="H499344" s="12"/>
    </row>
    <row r="499345" spans="8:8">
      <c r="H499345" s="12"/>
    </row>
    <row r="499346" spans="8:8">
      <c r="H499346" s="12"/>
    </row>
    <row r="499347" spans="8:8">
      <c r="H499347" s="12"/>
    </row>
    <row r="499348" spans="8:8">
      <c r="H499348" s="12"/>
    </row>
    <row r="499349" spans="8:8">
      <c r="H499349" s="12"/>
    </row>
    <row r="499350" spans="8:8">
      <c r="H499350" s="12"/>
    </row>
    <row r="499351" spans="8:8">
      <c r="H499351" s="12"/>
    </row>
    <row r="499352" spans="8:8">
      <c r="H499352" s="12"/>
    </row>
    <row r="499353" spans="8:8">
      <c r="H499353" s="12"/>
    </row>
    <row r="499354" spans="8:8">
      <c r="H499354" s="12"/>
    </row>
    <row r="499355" spans="8:8">
      <c r="H499355" s="12"/>
    </row>
    <row r="499356" spans="8:8">
      <c r="H499356" s="12"/>
    </row>
    <row r="499357" spans="8:8">
      <c r="H499357" s="12"/>
    </row>
    <row r="499358" spans="8:8">
      <c r="H499358" s="12"/>
    </row>
    <row r="499359" spans="8:8">
      <c r="H499359" s="12"/>
    </row>
    <row r="499360" spans="8:8">
      <c r="H499360" s="12"/>
    </row>
    <row r="499361" spans="8:8">
      <c r="H499361" s="12"/>
    </row>
    <row r="499362" spans="8:8">
      <c r="H499362" s="12"/>
    </row>
    <row r="499363" spans="8:8">
      <c r="H499363" s="12"/>
    </row>
    <row r="499364" spans="8:8">
      <c r="H499364" s="12"/>
    </row>
    <row r="499365" spans="8:8">
      <c r="H499365" s="12"/>
    </row>
    <row r="499366" spans="8:8">
      <c r="H499366" s="12"/>
    </row>
    <row r="499367" spans="8:8">
      <c r="H499367" s="12"/>
    </row>
    <row r="499368" spans="8:8">
      <c r="H499368" s="12"/>
    </row>
    <row r="499369" spans="8:8">
      <c r="H499369" s="12"/>
    </row>
    <row r="499370" spans="8:8">
      <c r="H499370" s="12"/>
    </row>
    <row r="499371" spans="8:8">
      <c r="H499371" s="12"/>
    </row>
    <row r="499372" spans="8:8">
      <c r="H499372" s="12"/>
    </row>
    <row r="499373" spans="8:8">
      <c r="H499373" s="12"/>
    </row>
    <row r="499374" spans="8:8">
      <c r="H499374" s="12"/>
    </row>
    <row r="499375" spans="8:8">
      <c r="H499375" s="12"/>
    </row>
    <row r="499376" spans="8:8">
      <c r="H499376" s="12"/>
    </row>
    <row r="499377" spans="8:8">
      <c r="H499377" s="12"/>
    </row>
    <row r="499378" spans="8:8">
      <c r="H499378" s="12"/>
    </row>
    <row r="499379" spans="8:8">
      <c r="H499379" s="12"/>
    </row>
    <row r="499380" spans="8:8">
      <c r="H499380" s="12"/>
    </row>
    <row r="499381" spans="8:8">
      <c r="H499381" s="12"/>
    </row>
    <row r="499382" spans="8:8">
      <c r="H499382" s="12"/>
    </row>
    <row r="499383" spans="8:8">
      <c r="H499383" s="12"/>
    </row>
    <row r="499384" spans="8:8">
      <c r="H499384" s="12"/>
    </row>
    <row r="499385" spans="8:8">
      <c r="H499385" s="12"/>
    </row>
    <row r="499386" spans="8:8">
      <c r="H499386" s="12"/>
    </row>
    <row r="499387" spans="8:8">
      <c r="H499387" s="12"/>
    </row>
    <row r="499388" spans="8:8">
      <c r="H499388" s="12"/>
    </row>
    <row r="499389" spans="8:8">
      <c r="H499389" s="12"/>
    </row>
    <row r="499390" spans="8:8">
      <c r="H499390" s="12"/>
    </row>
    <row r="499391" spans="8:8">
      <c r="H499391" s="12"/>
    </row>
    <row r="499392" spans="8:8">
      <c r="H499392" s="12"/>
    </row>
    <row r="499393" spans="8:8">
      <c r="H499393" s="12"/>
    </row>
    <row r="499394" spans="8:8">
      <c r="H499394" s="12"/>
    </row>
    <row r="499395" spans="8:8">
      <c r="H499395" s="12"/>
    </row>
    <row r="499396" spans="8:8">
      <c r="H499396" s="12"/>
    </row>
    <row r="499397" spans="8:8">
      <c r="H499397" s="12"/>
    </row>
    <row r="499398" spans="8:8">
      <c r="H499398" s="12"/>
    </row>
    <row r="499399" spans="8:8">
      <c r="H499399" s="12"/>
    </row>
    <row r="499400" spans="8:8">
      <c r="H499400" s="12"/>
    </row>
    <row r="499401" spans="8:8">
      <c r="H499401" s="12"/>
    </row>
    <row r="499402" spans="8:8">
      <c r="H499402" s="12"/>
    </row>
    <row r="499403" spans="8:8">
      <c r="H499403" s="12"/>
    </row>
    <row r="499404" spans="8:8">
      <c r="H499404" s="12"/>
    </row>
    <row r="499405" spans="8:8">
      <c r="H499405" s="12"/>
    </row>
    <row r="499406" spans="8:8">
      <c r="H499406" s="12"/>
    </row>
    <row r="499407" spans="8:8">
      <c r="H499407" s="12"/>
    </row>
    <row r="499408" spans="8:8">
      <c r="H499408" s="12"/>
    </row>
    <row r="499409" spans="8:8">
      <c r="H499409" s="12"/>
    </row>
    <row r="499410" spans="8:8">
      <c r="H499410" s="12"/>
    </row>
    <row r="499411" spans="8:8">
      <c r="H499411" s="12"/>
    </row>
    <row r="499412" spans="8:8">
      <c r="H499412" s="12"/>
    </row>
    <row r="499413" spans="8:8">
      <c r="H499413" s="12"/>
    </row>
    <row r="499414" spans="8:8">
      <c r="H499414" s="12"/>
    </row>
    <row r="499415" spans="8:8">
      <c r="H499415" s="12"/>
    </row>
    <row r="499416" spans="8:8">
      <c r="H499416" s="12"/>
    </row>
    <row r="499417" spans="8:8">
      <c r="H499417" s="12"/>
    </row>
    <row r="499418" spans="8:8">
      <c r="H499418" s="12"/>
    </row>
    <row r="499419" spans="8:8">
      <c r="H499419" s="12"/>
    </row>
    <row r="499420" spans="8:8">
      <c r="H499420" s="12"/>
    </row>
    <row r="499421" spans="8:8">
      <c r="H499421" s="12"/>
    </row>
    <row r="499422" spans="8:8">
      <c r="H499422" s="12"/>
    </row>
    <row r="499423" spans="8:8">
      <c r="H499423" s="12"/>
    </row>
    <row r="499424" spans="8:8">
      <c r="H499424" s="12"/>
    </row>
    <row r="499425" spans="8:8">
      <c r="H499425" s="12"/>
    </row>
    <row r="499426" spans="8:8">
      <c r="H499426" s="12"/>
    </row>
    <row r="499427" spans="8:8">
      <c r="H499427" s="12"/>
    </row>
    <row r="499428" spans="8:8">
      <c r="H499428" s="12"/>
    </row>
    <row r="499429" spans="8:8">
      <c r="H499429" s="12"/>
    </row>
    <row r="499430" spans="8:8">
      <c r="H499430" s="12"/>
    </row>
    <row r="499431" spans="8:8">
      <c r="H499431" s="12"/>
    </row>
    <row r="499432" spans="8:8">
      <c r="H499432" s="12"/>
    </row>
    <row r="499433" spans="8:8">
      <c r="H499433" s="12"/>
    </row>
    <row r="499434" spans="8:8">
      <c r="H499434" s="12"/>
    </row>
    <row r="499435" spans="8:8">
      <c r="H499435" s="12"/>
    </row>
    <row r="499436" spans="8:8">
      <c r="H499436" s="12"/>
    </row>
    <row r="499437" spans="8:8">
      <c r="H499437" s="12"/>
    </row>
    <row r="499438" spans="8:8">
      <c r="H499438" s="12"/>
    </row>
    <row r="499439" spans="8:8">
      <c r="H499439" s="12"/>
    </row>
    <row r="499440" spans="8:8">
      <c r="H499440" s="12"/>
    </row>
    <row r="499441" spans="8:8">
      <c r="H499441" s="12"/>
    </row>
    <row r="499442" spans="8:8">
      <c r="H499442" s="12"/>
    </row>
    <row r="499443" spans="8:8">
      <c r="H499443" s="12"/>
    </row>
    <row r="499444" spans="8:8">
      <c r="H499444" s="12"/>
    </row>
    <row r="499445" spans="8:8">
      <c r="H499445" s="12"/>
    </row>
    <row r="499446" spans="8:8">
      <c r="H499446" s="12"/>
    </row>
    <row r="499447" spans="8:8">
      <c r="H499447" s="12"/>
    </row>
    <row r="499448" spans="8:8">
      <c r="H499448" s="12"/>
    </row>
    <row r="499449" spans="8:8">
      <c r="H499449" s="12"/>
    </row>
    <row r="499450" spans="8:8">
      <c r="H499450" s="12"/>
    </row>
    <row r="499451" spans="8:8">
      <c r="H499451" s="12"/>
    </row>
    <row r="499452" spans="8:8">
      <c r="H499452" s="12"/>
    </row>
    <row r="499453" spans="8:8">
      <c r="H499453" s="12"/>
    </row>
    <row r="499454" spans="8:8">
      <c r="H499454" s="12"/>
    </row>
    <row r="499455" spans="8:8">
      <c r="H499455" s="12"/>
    </row>
    <row r="499456" spans="8:8">
      <c r="H499456" s="12"/>
    </row>
    <row r="499457" spans="8:8">
      <c r="H499457" s="12"/>
    </row>
    <row r="499458" spans="8:8">
      <c r="H499458" s="12"/>
    </row>
    <row r="499459" spans="8:8">
      <c r="H499459" s="12"/>
    </row>
    <row r="499460" spans="8:8">
      <c r="H499460" s="12"/>
    </row>
    <row r="499461" spans="8:8">
      <c r="H499461" s="12"/>
    </row>
    <row r="499462" spans="8:8">
      <c r="H499462" s="12"/>
    </row>
    <row r="499463" spans="8:8">
      <c r="H499463" s="12"/>
    </row>
    <row r="499464" spans="8:8">
      <c r="H499464" s="12"/>
    </row>
    <row r="499465" spans="8:8">
      <c r="H499465" s="12"/>
    </row>
    <row r="499466" spans="8:8">
      <c r="H499466" s="12"/>
    </row>
    <row r="499467" spans="8:8">
      <c r="H499467" s="12"/>
    </row>
    <row r="499468" spans="8:8">
      <c r="H499468" s="12"/>
    </row>
    <row r="499469" spans="8:8">
      <c r="H499469" s="12"/>
    </row>
    <row r="499470" spans="8:8">
      <c r="H499470" s="12"/>
    </row>
    <row r="499471" spans="8:8">
      <c r="H499471" s="12"/>
    </row>
    <row r="499472" spans="8:8">
      <c r="H499472" s="12"/>
    </row>
    <row r="499473" spans="8:8">
      <c r="H499473" s="12"/>
    </row>
    <row r="499474" spans="8:8">
      <c r="H499474" s="12"/>
    </row>
    <row r="499475" spans="8:8">
      <c r="H499475" s="12"/>
    </row>
    <row r="499476" spans="8:8">
      <c r="H499476" s="12"/>
    </row>
    <row r="499477" spans="8:8">
      <c r="H499477" s="12"/>
    </row>
    <row r="499478" spans="8:8">
      <c r="H499478" s="12"/>
    </row>
    <row r="499479" spans="8:8">
      <c r="H499479" s="12"/>
    </row>
    <row r="499480" spans="8:8">
      <c r="H499480" s="12"/>
    </row>
    <row r="499481" spans="8:8">
      <c r="H499481" s="12"/>
    </row>
    <row r="499482" spans="8:8">
      <c r="H499482" s="12"/>
    </row>
    <row r="499483" spans="8:8">
      <c r="H499483" s="12"/>
    </row>
    <row r="499484" spans="8:8">
      <c r="H499484" s="12"/>
    </row>
    <row r="499485" spans="8:8">
      <c r="H499485" s="12"/>
    </row>
    <row r="499486" spans="8:8">
      <c r="H499486" s="12"/>
    </row>
    <row r="499487" spans="8:8">
      <c r="H499487" s="12"/>
    </row>
    <row r="499488" spans="8:8">
      <c r="H499488" s="12"/>
    </row>
    <row r="499489" spans="8:8">
      <c r="H499489" s="12"/>
    </row>
    <row r="499490" spans="8:8">
      <c r="H499490" s="12"/>
    </row>
    <row r="499491" spans="8:8">
      <c r="H499491" s="12"/>
    </row>
    <row r="499492" spans="8:8">
      <c r="H499492" s="12"/>
    </row>
    <row r="499493" spans="8:8">
      <c r="H499493" s="12"/>
    </row>
    <row r="499494" spans="8:8">
      <c r="H499494" s="12"/>
    </row>
    <row r="499495" spans="8:8">
      <c r="H499495" s="12"/>
    </row>
    <row r="499496" spans="8:8">
      <c r="H499496" s="12"/>
    </row>
    <row r="499497" spans="8:8">
      <c r="H499497" s="12"/>
    </row>
    <row r="499498" spans="8:8">
      <c r="H499498" s="12"/>
    </row>
    <row r="499499" spans="8:8">
      <c r="H499499" s="12"/>
    </row>
    <row r="499500" spans="8:8">
      <c r="H499500" s="12"/>
    </row>
    <row r="499501" spans="8:8">
      <c r="H499501" s="12"/>
    </row>
    <row r="499502" spans="8:8">
      <c r="H499502" s="12"/>
    </row>
    <row r="499503" spans="8:8">
      <c r="H499503" s="12"/>
    </row>
    <row r="499504" spans="8:8">
      <c r="H499504" s="12"/>
    </row>
    <row r="499505" spans="8:8">
      <c r="H499505" s="12"/>
    </row>
    <row r="499506" spans="8:8">
      <c r="H499506" s="12"/>
    </row>
    <row r="499507" spans="8:8">
      <c r="H499507" s="12"/>
    </row>
    <row r="499508" spans="8:8">
      <c r="H499508" s="12"/>
    </row>
    <row r="499509" spans="8:8">
      <c r="H499509" s="12"/>
    </row>
    <row r="499510" spans="8:8">
      <c r="H499510" s="12"/>
    </row>
    <row r="499511" spans="8:8">
      <c r="H499511" s="12"/>
    </row>
    <row r="499512" spans="8:8">
      <c r="H499512" s="12"/>
    </row>
    <row r="499513" spans="8:8">
      <c r="H499513" s="12"/>
    </row>
    <row r="499514" spans="8:8">
      <c r="H499514" s="12"/>
    </row>
    <row r="499515" spans="8:8">
      <c r="H499515" s="12"/>
    </row>
    <row r="499516" spans="8:8">
      <c r="H499516" s="12"/>
    </row>
    <row r="499517" spans="8:8">
      <c r="H499517" s="12"/>
    </row>
    <row r="499518" spans="8:8">
      <c r="H499518" s="12"/>
    </row>
    <row r="499519" spans="8:8">
      <c r="H499519" s="12"/>
    </row>
    <row r="499520" spans="8:8">
      <c r="H499520" s="12"/>
    </row>
    <row r="499521" spans="8:8">
      <c r="H499521" s="12"/>
    </row>
    <row r="499522" spans="8:8">
      <c r="H499522" s="12"/>
    </row>
    <row r="499523" spans="8:8">
      <c r="H499523" s="12"/>
    </row>
    <row r="499524" spans="8:8">
      <c r="H499524" s="12"/>
    </row>
    <row r="499525" spans="8:8">
      <c r="H499525" s="12"/>
    </row>
    <row r="499526" spans="8:8">
      <c r="H499526" s="12"/>
    </row>
    <row r="499527" spans="8:8">
      <c r="H499527" s="12"/>
    </row>
    <row r="499528" spans="8:8">
      <c r="H499528" s="12"/>
    </row>
    <row r="499529" spans="8:8">
      <c r="H499529" s="12"/>
    </row>
    <row r="499530" spans="8:8">
      <c r="H499530" s="12"/>
    </row>
    <row r="499531" spans="8:8">
      <c r="H499531" s="12"/>
    </row>
    <row r="499532" spans="8:8">
      <c r="H499532" s="12"/>
    </row>
    <row r="499533" spans="8:8">
      <c r="H499533" s="12"/>
    </row>
    <row r="499534" spans="8:8">
      <c r="H499534" s="12"/>
    </row>
    <row r="499535" spans="8:8">
      <c r="H499535" s="12"/>
    </row>
    <row r="499536" spans="8:8">
      <c r="H499536" s="12"/>
    </row>
    <row r="499537" spans="8:8">
      <c r="H499537" s="12"/>
    </row>
    <row r="499538" spans="8:8">
      <c r="H499538" s="12"/>
    </row>
    <row r="499539" spans="8:8">
      <c r="H499539" s="12"/>
    </row>
    <row r="499540" spans="8:8">
      <c r="H499540" s="12"/>
    </row>
    <row r="499541" spans="8:8">
      <c r="H499541" s="12"/>
    </row>
    <row r="499542" spans="8:8">
      <c r="H499542" s="12"/>
    </row>
    <row r="499543" spans="8:8">
      <c r="H499543" s="12"/>
    </row>
    <row r="499544" spans="8:8">
      <c r="H499544" s="12"/>
    </row>
    <row r="499545" spans="8:8">
      <c r="H499545" s="12"/>
    </row>
    <row r="499546" spans="8:8">
      <c r="H499546" s="12"/>
    </row>
    <row r="499547" spans="8:8">
      <c r="H499547" s="12"/>
    </row>
    <row r="499548" spans="8:8">
      <c r="H499548" s="12"/>
    </row>
    <row r="499549" spans="8:8">
      <c r="H499549" s="12"/>
    </row>
    <row r="499550" spans="8:8">
      <c r="H499550" s="12"/>
    </row>
    <row r="499551" spans="8:8">
      <c r="H499551" s="12"/>
    </row>
    <row r="499552" spans="8:8">
      <c r="H499552" s="12"/>
    </row>
    <row r="499553" spans="8:8">
      <c r="H499553" s="12"/>
    </row>
    <row r="499554" spans="8:8">
      <c r="H499554" s="12"/>
    </row>
    <row r="499555" spans="8:8">
      <c r="H499555" s="12"/>
    </row>
    <row r="499556" spans="8:8">
      <c r="H499556" s="12"/>
    </row>
    <row r="499557" spans="8:8">
      <c r="H499557" s="12"/>
    </row>
    <row r="499558" spans="8:8">
      <c r="H499558" s="12"/>
    </row>
    <row r="499559" spans="8:8">
      <c r="H499559" s="12"/>
    </row>
    <row r="499560" spans="8:8">
      <c r="H499560" s="12"/>
    </row>
    <row r="499561" spans="8:8">
      <c r="H499561" s="12"/>
    </row>
    <row r="499562" spans="8:8">
      <c r="H499562" s="12"/>
    </row>
    <row r="499563" spans="8:8">
      <c r="H499563" s="12"/>
    </row>
    <row r="499564" spans="8:8">
      <c r="H499564" s="12"/>
    </row>
    <row r="499565" spans="8:8">
      <c r="H499565" s="12"/>
    </row>
    <row r="499566" spans="8:8">
      <c r="H499566" s="12"/>
    </row>
    <row r="499567" spans="8:8">
      <c r="H499567" s="12"/>
    </row>
    <row r="499568" spans="8:8">
      <c r="H499568" s="12"/>
    </row>
    <row r="499569" spans="8:8">
      <c r="H499569" s="12"/>
    </row>
    <row r="499570" spans="8:8">
      <c r="H499570" s="12"/>
    </row>
    <row r="499571" spans="8:8">
      <c r="H499571" s="12"/>
    </row>
    <row r="499572" spans="8:8">
      <c r="H499572" s="12"/>
    </row>
    <row r="499573" spans="8:8">
      <c r="H499573" s="12"/>
    </row>
    <row r="499574" spans="8:8">
      <c r="H499574" s="12"/>
    </row>
    <row r="499575" spans="8:8">
      <c r="H499575" s="12"/>
    </row>
    <row r="499576" spans="8:8">
      <c r="H499576" s="12"/>
    </row>
    <row r="499577" spans="8:8">
      <c r="H499577" s="12"/>
    </row>
    <row r="499578" spans="8:8">
      <c r="H499578" s="12"/>
    </row>
    <row r="499579" spans="8:8">
      <c r="H499579" s="12"/>
    </row>
    <row r="499580" spans="8:8">
      <c r="H499580" s="12"/>
    </row>
    <row r="499581" spans="8:8">
      <c r="H499581" s="12"/>
    </row>
    <row r="499582" spans="8:8">
      <c r="H499582" s="12"/>
    </row>
    <row r="499583" spans="8:8">
      <c r="H499583" s="12"/>
    </row>
    <row r="499584" spans="8:8">
      <c r="H499584" s="12"/>
    </row>
    <row r="499585" spans="8:8">
      <c r="H499585" s="12"/>
    </row>
    <row r="499586" spans="8:8">
      <c r="H499586" s="12"/>
    </row>
    <row r="499587" spans="8:8">
      <c r="H499587" s="12"/>
    </row>
    <row r="499588" spans="8:8">
      <c r="H499588" s="12"/>
    </row>
    <row r="499589" spans="8:8">
      <c r="H499589" s="12"/>
    </row>
    <row r="499590" spans="8:8">
      <c r="H499590" s="12"/>
    </row>
    <row r="499591" spans="8:8">
      <c r="H499591" s="12"/>
    </row>
    <row r="499592" spans="8:8">
      <c r="H499592" s="12"/>
    </row>
    <row r="499593" spans="8:8">
      <c r="H499593" s="12"/>
    </row>
    <row r="499594" spans="8:8">
      <c r="H499594" s="12"/>
    </row>
    <row r="499595" spans="8:8">
      <c r="H499595" s="12"/>
    </row>
    <row r="499596" spans="8:8">
      <c r="H499596" s="12"/>
    </row>
    <row r="499597" spans="8:8">
      <c r="H499597" s="12"/>
    </row>
    <row r="499598" spans="8:8">
      <c r="H499598" s="12"/>
    </row>
    <row r="499599" spans="8:8">
      <c r="H499599" s="12"/>
    </row>
    <row r="499600" spans="8:8">
      <c r="H499600" s="12"/>
    </row>
    <row r="499601" spans="8:8">
      <c r="H499601" s="12"/>
    </row>
    <row r="499602" spans="8:8">
      <c r="H499602" s="12"/>
    </row>
    <row r="499603" spans="8:8">
      <c r="H499603" s="12"/>
    </row>
    <row r="499604" spans="8:8">
      <c r="H499604" s="12"/>
    </row>
    <row r="499605" spans="8:8">
      <c r="H499605" s="12"/>
    </row>
    <row r="499606" spans="8:8">
      <c r="H499606" s="12"/>
    </row>
    <row r="499607" spans="8:8">
      <c r="H499607" s="12"/>
    </row>
    <row r="499608" spans="8:8">
      <c r="H499608" s="12"/>
    </row>
    <row r="499609" spans="8:8">
      <c r="H499609" s="12"/>
    </row>
    <row r="499610" spans="8:8">
      <c r="H499610" s="12"/>
    </row>
    <row r="499611" spans="8:8">
      <c r="H499611" s="12"/>
    </row>
    <row r="499612" spans="8:8">
      <c r="H499612" s="12"/>
    </row>
    <row r="499613" spans="8:8">
      <c r="H499613" s="12"/>
    </row>
    <row r="499614" spans="8:8">
      <c r="H499614" s="12"/>
    </row>
    <row r="499615" spans="8:8">
      <c r="H499615" s="12"/>
    </row>
    <row r="499616" spans="8:8">
      <c r="H499616" s="12"/>
    </row>
    <row r="499617" spans="8:8">
      <c r="H499617" s="12"/>
    </row>
    <row r="499618" spans="8:8">
      <c r="H499618" s="12"/>
    </row>
    <row r="499619" spans="8:8">
      <c r="H499619" s="12"/>
    </row>
    <row r="499620" spans="8:8">
      <c r="H499620" s="12"/>
    </row>
    <row r="499621" spans="8:8">
      <c r="H499621" s="12"/>
    </row>
    <row r="499622" spans="8:8">
      <c r="H499622" s="12"/>
    </row>
    <row r="499623" spans="8:8">
      <c r="H499623" s="12"/>
    </row>
    <row r="499624" spans="8:8">
      <c r="H499624" s="12"/>
    </row>
    <row r="499625" spans="8:8">
      <c r="H499625" s="12"/>
    </row>
    <row r="499626" spans="8:8">
      <c r="H499626" s="12"/>
    </row>
    <row r="499627" spans="8:8">
      <c r="H499627" s="12"/>
    </row>
    <row r="499628" spans="8:8">
      <c r="H499628" s="12"/>
    </row>
    <row r="499629" spans="8:8">
      <c r="H499629" s="12"/>
    </row>
    <row r="499630" spans="8:8">
      <c r="H499630" s="12"/>
    </row>
    <row r="499631" spans="8:8">
      <c r="H499631" s="12"/>
    </row>
    <row r="499632" spans="8:8">
      <c r="H499632" s="12"/>
    </row>
    <row r="499633" spans="8:8">
      <c r="H499633" s="12"/>
    </row>
    <row r="499634" spans="8:8">
      <c r="H499634" s="12"/>
    </row>
    <row r="499635" spans="8:8">
      <c r="H499635" s="12"/>
    </row>
    <row r="499636" spans="8:8">
      <c r="H499636" s="12"/>
    </row>
    <row r="499637" spans="8:8">
      <c r="H499637" s="12"/>
    </row>
    <row r="499638" spans="8:8">
      <c r="H499638" s="12"/>
    </row>
    <row r="499639" spans="8:8">
      <c r="H499639" s="12"/>
    </row>
    <row r="499640" spans="8:8">
      <c r="H499640" s="12"/>
    </row>
    <row r="499641" spans="8:8">
      <c r="H499641" s="12"/>
    </row>
    <row r="499642" spans="8:8">
      <c r="H499642" s="12"/>
    </row>
    <row r="499643" spans="8:8">
      <c r="H499643" s="12"/>
    </row>
    <row r="499644" spans="8:8">
      <c r="H499644" s="12"/>
    </row>
    <row r="499645" spans="8:8">
      <c r="H499645" s="12"/>
    </row>
    <row r="499646" spans="8:8">
      <c r="H499646" s="12"/>
    </row>
    <row r="499647" spans="8:8">
      <c r="H499647" s="12"/>
    </row>
    <row r="499648" spans="8:8">
      <c r="H499648" s="12"/>
    </row>
    <row r="499649" spans="8:8">
      <c r="H499649" s="12"/>
    </row>
    <row r="499650" spans="8:8">
      <c r="H499650" s="12"/>
    </row>
    <row r="499651" spans="8:8">
      <c r="H499651" s="12"/>
    </row>
    <row r="499652" spans="8:8">
      <c r="H499652" s="12"/>
    </row>
    <row r="499653" spans="8:8">
      <c r="H499653" s="12"/>
    </row>
    <row r="499654" spans="8:8">
      <c r="H499654" s="12"/>
    </row>
    <row r="499655" spans="8:8">
      <c r="H499655" s="12"/>
    </row>
    <row r="499656" spans="8:8">
      <c r="H499656" s="12"/>
    </row>
    <row r="499657" spans="8:8">
      <c r="H499657" s="12"/>
    </row>
    <row r="499658" spans="8:8">
      <c r="H499658" s="12"/>
    </row>
    <row r="499659" spans="8:8">
      <c r="H499659" s="12"/>
    </row>
    <row r="499660" spans="8:8">
      <c r="H499660" s="12"/>
    </row>
    <row r="499661" spans="8:8">
      <c r="H499661" s="12"/>
    </row>
    <row r="499662" spans="8:8">
      <c r="H499662" s="12"/>
    </row>
    <row r="499663" spans="8:8">
      <c r="H499663" s="12"/>
    </row>
    <row r="499664" spans="8:8">
      <c r="H499664" s="12"/>
    </row>
    <row r="499665" spans="8:8">
      <c r="H499665" s="12"/>
    </row>
    <row r="499666" spans="8:8">
      <c r="H499666" s="12"/>
    </row>
    <row r="499667" spans="8:8">
      <c r="H499667" s="12"/>
    </row>
    <row r="499668" spans="8:8">
      <c r="H499668" s="12"/>
    </row>
    <row r="499669" spans="8:8">
      <c r="H499669" s="12"/>
    </row>
    <row r="499670" spans="8:8">
      <c r="H499670" s="12"/>
    </row>
    <row r="499671" spans="8:8">
      <c r="H499671" s="12"/>
    </row>
    <row r="499672" spans="8:8">
      <c r="H499672" s="12"/>
    </row>
    <row r="499673" spans="8:8">
      <c r="H499673" s="12"/>
    </row>
    <row r="499674" spans="8:8">
      <c r="H499674" s="12"/>
    </row>
    <row r="499675" spans="8:8">
      <c r="H499675" s="12"/>
    </row>
    <row r="499676" spans="8:8">
      <c r="H499676" s="12"/>
    </row>
    <row r="499677" spans="8:8">
      <c r="H499677" s="12"/>
    </row>
    <row r="499678" spans="8:8">
      <c r="H499678" s="12"/>
    </row>
    <row r="499679" spans="8:8">
      <c r="H499679" s="12"/>
    </row>
    <row r="499680" spans="8:8">
      <c r="H499680" s="12"/>
    </row>
    <row r="499681" spans="8:8">
      <c r="H499681" s="12"/>
    </row>
    <row r="499682" spans="8:8">
      <c r="H499682" s="12"/>
    </row>
    <row r="499683" spans="8:8">
      <c r="H499683" s="12"/>
    </row>
    <row r="499684" spans="8:8">
      <c r="H499684" s="12"/>
    </row>
    <row r="499685" spans="8:8">
      <c r="H499685" s="12"/>
    </row>
    <row r="499686" spans="8:8">
      <c r="H499686" s="12"/>
    </row>
    <row r="499687" spans="8:8">
      <c r="H499687" s="12"/>
    </row>
    <row r="499688" spans="8:8">
      <c r="H499688" s="12"/>
    </row>
    <row r="499689" spans="8:8">
      <c r="H499689" s="12"/>
    </row>
    <row r="499690" spans="8:8">
      <c r="H499690" s="12"/>
    </row>
    <row r="499691" spans="8:8">
      <c r="H499691" s="12"/>
    </row>
    <row r="499692" spans="8:8">
      <c r="H499692" s="12"/>
    </row>
    <row r="499693" spans="8:8">
      <c r="H499693" s="12"/>
    </row>
    <row r="499694" spans="8:8">
      <c r="H499694" s="12"/>
    </row>
    <row r="499695" spans="8:8">
      <c r="H499695" s="12"/>
    </row>
    <row r="499696" spans="8:8">
      <c r="H499696" s="12"/>
    </row>
    <row r="499697" spans="8:8">
      <c r="H499697" s="12"/>
    </row>
    <row r="499698" spans="8:8">
      <c r="H499698" s="12"/>
    </row>
    <row r="499699" spans="8:8">
      <c r="H499699" s="12"/>
    </row>
    <row r="499700" spans="8:8">
      <c r="H499700" s="12"/>
    </row>
    <row r="499701" spans="8:8">
      <c r="H499701" s="12"/>
    </row>
    <row r="499702" spans="8:8">
      <c r="H499702" s="12"/>
    </row>
    <row r="499703" spans="8:8">
      <c r="H499703" s="12"/>
    </row>
    <row r="499704" spans="8:8">
      <c r="H499704" s="12"/>
    </row>
    <row r="499705" spans="8:8">
      <c r="H499705" s="12"/>
    </row>
    <row r="499706" spans="8:8">
      <c r="H499706" s="12"/>
    </row>
    <row r="499707" spans="8:8">
      <c r="H499707" s="12"/>
    </row>
    <row r="499708" spans="8:8">
      <c r="H499708" s="12"/>
    </row>
    <row r="499709" spans="8:8">
      <c r="H499709" s="12"/>
    </row>
    <row r="499710" spans="8:8">
      <c r="H499710" s="12"/>
    </row>
    <row r="499711" spans="8:8">
      <c r="H499711" s="12"/>
    </row>
    <row r="499712" spans="8:8">
      <c r="H499712" s="12"/>
    </row>
    <row r="499713" spans="8:8">
      <c r="H499713" s="12"/>
    </row>
    <row r="499714" spans="8:8">
      <c r="H499714" s="12"/>
    </row>
    <row r="499715" spans="8:8">
      <c r="H499715" s="12"/>
    </row>
    <row r="499716" spans="8:8">
      <c r="H499716" s="12"/>
    </row>
    <row r="499717" spans="8:8">
      <c r="H499717" s="12"/>
    </row>
    <row r="499718" spans="8:8">
      <c r="H499718" s="12"/>
    </row>
    <row r="499719" spans="8:8">
      <c r="H499719" s="12"/>
    </row>
    <row r="499720" spans="8:8">
      <c r="H499720" s="12"/>
    </row>
    <row r="499721" spans="8:8">
      <c r="H499721" s="12"/>
    </row>
    <row r="499722" spans="8:8">
      <c r="H499722" s="12"/>
    </row>
    <row r="499723" spans="8:8">
      <c r="H499723" s="12"/>
    </row>
    <row r="499724" spans="8:8">
      <c r="H499724" s="12"/>
    </row>
    <row r="499725" spans="8:8">
      <c r="H499725" s="12"/>
    </row>
    <row r="499726" spans="8:8">
      <c r="H499726" s="12"/>
    </row>
    <row r="499727" spans="8:8">
      <c r="H499727" s="12"/>
    </row>
    <row r="499728" spans="8:8">
      <c r="H499728" s="12"/>
    </row>
    <row r="499729" spans="8:8">
      <c r="H499729" s="12"/>
    </row>
    <row r="499730" spans="8:8">
      <c r="H499730" s="12"/>
    </row>
    <row r="499731" spans="8:8">
      <c r="H499731" s="12"/>
    </row>
    <row r="499732" spans="8:8">
      <c r="H499732" s="12"/>
    </row>
    <row r="499733" spans="8:8">
      <c r="H499733" s="12"/>
    </row>
    <row r="499734" spans="8:8">
      <c r="H499734" s="12"/>
    </row>
    <row r="499735" spans="8:8">
      <c r="H499735" s="12"/>
    </row>
    <row r="499736" spans="8:8">
      <c r="H499736" s="12"/>
    </row>
    <row r="499737" spans="8:8">
      <c r="H499737" s="12"/>
    </row>
    <row r="499738" spans="8:8">
      <c r="H499738" s="12"/>
    </row>
    <row r="499739" spans="8:8">
      <c r="H499739" s="12"/>
    </row>
    <row r="499740" spans="8:8">
      <c r="H499740" s="12"/>
    </row>
    <row r="499741" spans="8:8">
      <c r="H499741" s="12"/>
    </row>
    <row r="499742" spans="8:8">
      <c r="H499742" s="12"/>
    </row>
    <row r="499743" spans="8:8">
      <c r="H499743" s="12"/>
    </row>
    <row r="499744" spans="8:8">
      <c r="H499744" s="12"/>
    </row>
    <row r="499745" spans="8:8">
      <c r="H499745" s="12"/>
    </row>
    <row r="499746" spans="8:8">
      <c r="H499746" s="12"/>
    </row>
    <row r="499747" spans="8:8">
      <c r="H499747" s="12"/>
    </row>
    <row r="499748" spans="8:8">
      <c r="H499748" s="12"/>
    </row>
    <row r="499749" spans="8:8">
      <c r="H499749" s="12"/>
    </row>
    <row r="499750" spans="8:8">
      <c r="H499750" s="12"/>
    </row>
    <row r="499751" spans="8:8">
      <c r="H499751" s="12"/>
    </row>
    <row r="499752" spans="8:8">
      <c r="H499752" s="12"/>
    </row>
    <row r="499753" spans="8:8">
      <c r="H499753" s="12"/>
    </row>
    <row r="499754" spans="8:8">
      <c r="H499754" s="12"/>
    </row>
    <row r="499755" spans="8:8">
      <c r="H499755" s="12"/>
    </row>
    <row r="499756" spans="8:8">
      <c r="H499756" s="12"/>
    </row>
    <row r="499757" spans="8:8">
      <c r="H499757" s="12"/>
    </row>
    <row r="499758" spans="8:8">
      <c r="H499758" s="12"/>
    </row>
    <row r="499759" spans="8:8">
      <c r="H499759" s="12"/>
    </row>
    <row r="499760" spans="8:8">
      <c r="H499760" s="12"/>
    </row>
    <row r="499761" spans="8:8">
      <c r="H499761" s="12"/>
    </row>
    <row r="499762" spans="8:8">
      <c r="H499762" s="12"/>
    </row>
    <row r="499763" spans="8:8">
      <c r="H499763" s="12"/>
    </row>
    <row r="499764" spans="8:8">
      <c r="H499764" s="12"/>
    </row>
    <row r="499765" spans="8:8">
      <c r="H499765" s="12"/>
    </row>
    <row r="499766" spans="8:8">
      <c r="H499766" s="12"/>
    </row>
    <row r="499767" spans="8:8">
      <c r="H499767" s="12"/>
    </row>
    <row r="499768" spans="8:8">
      <c r="H499768" s="12"/>
    </row>
    <row r="499769" spans="8:8">
      <c r="H499769" s="12"/>
    </row>
    <row r="499770" spans="8:8">
      <c r="H499770" s="12"/>
    </row>
    <row r="499771" spans="8:8">
      <c r="H499771" s="12"/>
    </row>
    <row r="499772" spans="8:8">
      <c r="H499772" s="12"/>
    </row>
    <row r="499773" spans="8:8">
      <c r="H499773" s="12"/>
    </row>
    <row r="499774" spans="8:8">
      <c r="H499774" s="12"/>
    </row>
    <row r="499775" spans="8:8">
      <c r="H499775" s="12"/>
    </row>
    <row r="499776" spans="8:8">
      <c r="H499776" s="12"/>
    </row>
    <row r="499777" spans="8:8">
      <c r="H499777" s="12"/>
    </row>
    <row r="499778" spans="8:8">
      <c r="H499778" s="12"/>
    </row>
    <row r="499779" spans="8:8">
      <c r="H499779" s="12"/>
    </row>
    <row r="499780" spans="8:8">
      <c r="H499780" s="12"/>
    </row>
    <row r="499781" spans="8:8">
      <c r="H499781" s="12"/>
    </row>
    <row r="499782" spans="8:8">
      <c r="H499782" s="12"/>
    </row>
    <row r="499783" spans="8:8">
      <c r="H499783" s="12"/>
    </row>
    <row r="499784" spans="8:8">
      <c r="H499784" s="12"/>
    </row>
    <row r="499785" spans="8:8">
      <c r="H499785" s="12"/>
    </row>
    <row r="499786" spans="8:8">
      <c r="H499786" s="12"/>
    </row>
    <row r="499787" spans="8:8">
      <c r="H499787" s="12"/>
    </row>
    <row r="499788" spans="8:8">
      <c r="H499788" s="12"/>
    </row>
    <row r="499789" spans="8:8">
      <c r="H499789" s="12"/>
    </row>
    <row r="499790" spans="8:8">
      <c r="H499790" s="12"/>
    </row>
    <row r="499791" spans="8:8">
      <c r="H499791" s="12"/>
    </row>
    <row r="499792" spans="8:8">
      <c r="H499792" s="12"/>
    </row>
    <row r="499793" spans="8:8">
      <c r="H499793" s="12"/>
    </row>
    <row r="499794" spans="8:8">
      <c r="H499794" s="12"/>
    </row>
    <row r="499795" spans="8:8">
      <c r="H499795" s="12"/>
    </row>
    <row r="499796" spans="8:8">
      <c r="H499796" s="12"/>
    </row>
    <row r="499797" spans="8:8">
      <c r="H499797" s="12"/>
    </row>
    <row r="499798" spans="8:8">
      <c r="H499798" s="12"/>
    </row>
    <row r="499799" spans="8:8">
      <c r="H499799" s="12"/>
    </row>
    <row r="499800" spans="8:8">
      <c r="H499800" s="12"/>
    </row>
    <row r="499801" spans="8:8">
      <c r="H499801" s="12"/>
    </row>
    <row r="499802" spans="8:8">
      <c r="H499802" s="12"/>
    </row>
    <row r="499803" spans="8:8">
      <c r="H499803" s="12"/>
    </row>
    <row r="499804" spans="8:8">
      <c r="H499804" s="12"/>
    </row>
    <row r="499805" spans="8:8">
      <c r="H499805" s="12"/>
    </row>
    <row r="499806" spans="8:8">
      <c r="H499806" s="12"/>
    </row>
    <row r="499807" spans="8:8">
      <c r="H499807" s="12"/>
    </row>
    <row r="499808" spans="8:8">
      <c r="H499808" s="12"/>
    </row>
    <row r="499809" spans="8:8">
      <c r="H499809" s="12"/>
    </row>
    <row r="499810" spans="8:8">
      <c r="H499810" s="12"/>
    </row>
    <row r="499811" spans="8:8">
      <c r="H499811" s="12"/>
    </row>
    <row r="499812" spans="8:8">
      <c r="H499812" s="12"/>
    </row>
    <row r="499813" spans="8:8">
      <c r="H499813" s="12"/>
    </row>
    <row r="499814" spans="8:8">
      <c r="H499814" s="12"/>
    </row>
    <row r="499815" spans="8:8">
      <c r="H499815" s="12"/>
    </row>
    <row r="499816" spans="8:8">
      <c r="H499816" s="12"/>
    </row>
    <row r="499817" spans="8:8">
      <c r="H499817" s="12"/>
    </row>
    <row r="499818" spans="8:8">
      <c r="H499818" s="12"/>
    </row>
    <row r="499819" spans="8:8">
      <c r="H499819" s="12"/>
    </row>
    <row r="499820" spans="8:8">
      <c r="H499820" s="12"/>
    </row>
    <row r="499821" spans="8:8">
      <c r="H499821" s="12"/>
    </row>
    <row r="499822" spans="8:8">
      <c r="H499822" s="12"/>
    </row>
    <row r="499823" spans="8:8">
      <c r="H499823" s="12"/>
    </row>
    <row r="499824" spans="8:8">
      <c r="H499824" s="12"/>
    </row>
    <row r="499825" spans="8:8">
      <c r="H499825" s="12"/>
    </row>
    <row r="499826" spans="8:8">
      <c r="H499826" s="12"/>
    </row>
    <row r="499827" spans="8:8">
      <c r="H499827" s="12"/>
    </row>
    <row r="499828" spans="8:8">
      <c r="H499828" s="12"/>
    </row>
    <row r="499829" spans="8:8">
      <c r="H499829" s="12"/>
    </row>
    <row r="499830" spans="8:8">
      <c r="H499830" s="12"/>
    </row>
    <row r="499831" spans="8:8">
      <c r="H499831" s="12"/>
    </row>
    <row r="499832" spans="8:8">
      <c r="H499832" s="12"/>
    </row>
    <row r="499833" spans="8:8">
      <c r="H499833" s="12"/>
    </row>
    <row r="499834" spans="8:8">
      <c r="H499834" s="12"/>
    </row>
    <row r="499835" spans="8:8">
      <c r="H499835" s="12"/>
    </row>
    <row r="499836" spans="8:8">
      <c r="H499836" s="12"/>
    </row>
    <row r="499837" spans="8:8">
      <c r="H499837" s="12"/>
    </row>
    <row r="499838" spans="8:8">
      <c r="H499838" s="12"/>
    </row>
    <row r="499839" spans="8:8">
      <c r="H499839" s="12"/>
    </row>
    <row r="499840" spans="8:8">
      <c r="H499840" s="12"/>
    </row>
    <row r="499841" spans="8:8">
      <c r="H499841" s="12"/>
    </row>
    <row r="499842" spans="8:8">
      <c r="H499842" s="12"/>
    </row>
    <row r="499843" spans="8:8">
      <c r="H499843" s="12"/>
    </row>
    <row r="499844" spans="8:8">
      <c r="H499844" s="12"/>
    </row>
    <row r="499845" spans="8:8">
      <c r="H499845" s="12"/>
    </row>
    <row r="499846" spans="8:8">
      <c r="H499846" s="12"/>
    </row>
    <row r="499847" spans="8:8">
      <c r="H499847" s="12"/>
    </row>
    <row r="499848" spans="8:8">
      <c r="H499848" s="12"/>
    </row>
    <row r="499849" spans="8:8">
      <c r="H499849" s="12"/>
    </row>
    <row r="499850" spans="8:8">
      <c r="H499850" s="12"/>
    </row>
    <row r="499851" spans="8:8">
      <c r="H499851" s="12"/>
    </row>
    <row r="499852" spans="8:8">
      <c r="H499852" s="12"/>
    </row>
    <row r="499853" spans="8:8">
      <c r="H499853" s="12"/>
    </row>
    <row r="499854" spans="8:8">
      <c r="H499854" s="12"/>
    </row>
    <row r="499855" spans="8:8">
      <c r="H499855" s="12"/>
    </row>
    <row r="499856" spans="8:8">
      <c r="H499856" s="12"/>
    </row>
    <row r="499857" spans="8:8">
      <c r="H499857" s="12"/>
    </row>
    <row r="499858" spans="8:8">
      <c r="H499858" s="12"/>
    </row>
    <row r="499859" spans="8:8">
      <c r="H499859" s="12"/>
    </row>
    <row r="499860" spans="8:8">
      <c r="H499860" s="12"/>
    </row>
    <row r="499861" spans="8:8">
      <c r="H499861" s="12"/>
    </row>
    <row r="499862" spans="8:8">
      <c r="H499862" s="12"/>
    </row>
    <row r="499863" spans="8:8">
      <c r="H499863" s="12"/>
    </row>
    <row r="499864" spans="8:8">
      <c r="H499864" s="12"/>
    </row>
    <row r="499865" spans="8:8">
      <c r="H499865" s="12"/>
    </row>
    <row r="499866" spans="8:8">
      <c r="H499866" s="12"/>
    </row>
    <row r="499867" spans="8:8">
      <c r="H499867" s="12"/>
    </row>
    <row r="499868" spans="8:8">
      <c r="H499868" s="12"/>
    </row>
    <row r="499869" spans="8:8">
      <c r="H499869" s="12"/>
    </row>
    <row r="499870" spans="8:8">
      <c r="H499870" s="12"/>
    </row>
    <row r="499871" spans="8:8">
      <c r="H499871" s="12"/>
    </row>
    <row r="499872" spans="8:8">
      <c r="H499872" s="12"/>
    </row>
    <row r="499873" spans="8:8">
      <c r="H499873" s="12"/>
    </row>
    <row r="499874" spans="8:8">
      <c r="H499874" s="12"/>
    </row>
    <row r="499875" spans="8:8">
      <c r="H499875" s="12"/>
    </row>
    <row r="499876" spans="8:8">
      <c r="H499876" s="12"/>
    </row>
    <row r="499877" spans="8:8">
      <c r="H499877" s="12"/>
    </row>
    <row r="499878" spans="8:8">
      <c r="H499878" s="12"/>
    </row>
    <row r="499879" spans="8:8">
      <c r="H499879" s="12"/>
    </row>
    <row r="499880" spans="8:8">
      <c r="H499880" s="12"/>
    </row>
    <row r="499881" spans="8:8">
      <c r="H499881" s="12"/>
    </row>
    <row r="499882" spans="8:8">
      <c r="H499882" s="12"/>
    </row>
    <row r="499883" spans="8:8">
      <c r="H499883" s="12"/>
    </row>
    <row r="499884" spans="8:8">
      <c r="H499884" s="12"/>
    </row>
    <row r="499885" spans="8:8">
      <c r="H499885" s="12"/>
    </row>
    <row r="499886" spans="8:8">
      <c r="H499886" s="12"/>
    </row>
    <row r="499887" spans="8:8">
      <c r="H499887" s="12"/>
    </row>
    <row r="499888" spans="8:8">
      <c r="H499888" s="12"/>
    </row>
    <row r="499889" spans="8:8">
      <c r="H499889" s="12"/>
    </row>
    <row r="499890" spans="8:8">
      <c r="H499890" s="12"/>
    </row>
    <row r="499891" spans="8:8">
      <c r="H499891" s="12"/>
    </row>
    <row r="499892" spans="8:8">
      <c r="H499892" s="12"/>
    </row>
    <row r="499893" spans="8:8">
      <c r="H499893" s="12"/>
    </row>
    <row r="499894" spans="8:8">
      <c r="H499894" s="12"/>
    </row>
    <row r="499895" spans="8:8">
      <c r="H499895" s="12"/>
    </row>
    <row r="499896" spans="8:8">
      <c r="H499896" s="12"/>
    </row>
    <row r="499897" spans="8:8">
      <c r="H499897" s="12"/>
    </row>
    <row r="499898" spans="8:8">
      <c r="H499898" s="12"/>
    </row>
    <row r="499899" spans="8:8">
      <c r="H499899" s="12"/>
    </row>
    <row r="499900" spans="8:8">
      <c r="H499900" s="12"/>
    </row>
    <row r="499901" spans="8:8">
      <c r="H499901" s="12"/>
    </row>
    <row r="499902" spans="8:8">
      <c r="H499902" s="12"/>
    </row>
    <row r="499903" spans="8:8">
      <c r="H499903" s="12"/>
    </row>
    <row r="499904" spans="8:8">
      <c r="H499904" s="12"/>
    </row>
    <row r="499905" spans="8:8">
      <c r="H499905" s="12"/>
    </row>
    <row r="499906" spans="8:8">
      <c r="H499906" s="12"/>
    </row>
    <row r="499907" spans="8:8">
      <c r="H499907" s="12"/>
    </row>
    <row r="499908" spans="8:8">
      <c r="H499908" s="12"/>
    </row>
    <row r="499909" spans="8:8">
      <c r="H499909" s="12"/>
    </row>
    <row r="499910" spans="8:8">
      <c r="H499910" s="12"/>
    </row>
    <row r="499911" spans="8:8">
      <c r="H499911" s="12"/>
    </row>
    <row r="499912" spans="8:8">
      <c r="H499912" s="12"/>
    </row>
    <row r="499913" spans="8:8">
      <c r="H499913" s="12"/>
    </row>
    <row r="499914" spans="8:8">
      <c r="H499914" s="12"/>
    </row>
    <row r="499915" spans="8:8">
      <c r="H499915" s="12"/>
    </row>
    <row r="499916" spans="8:8">
      <c r="H499916" s="12"/>
    </row>
    <row r="499917" spans="8:8">
      <c r="H499917" s="12"/>
    </row>
    <row r="499918" spans="8:8">
      <c r="H499918" s="12"/>
    </row>
    <row r="499919" spans="8:8">
      <c r="H499919" s="12"/>
    </row>
    <row r="499920" spans="8:8">
      <c r="H499920" s="12"/>
    </row>
    <row r="499921" spans="8:8">
      <c r="H499921" s="12"/>
    </row>
    <row r="499922" spans="8:8">
      <c r="H499922" s="12"/>
    </row>
    <row r="499923" spans="8:8">
      <c r="H499923" s="12"/>
    </row>
    <row r="499924" spans="8:8">
      <c r="H499924" s="12"/>
    </row>
    <row r="499925" spans="8:8">
      <c r="H499925" s="12"/>
    </row>
    <row r="499926" spans="8:8">
      <c r="H499926" s="12"/>
    </row>
    <row r="499927" spans="8:8">
      <c r="H499927" s="12"/>
    </row>
    <row r="499928" spans="8:8">
      <c r="H499928" s="12"/>
    </row>
    <row r="499929" spans="8:8">
      <c r="H499929" s="12"/>
    </row>
    <row r="499930" spans="8:8">
      <c r="H499930" s="12"/>
    </row>
    <row r="499931" spans="8:8">
      <c r="H499931" s="12"/>
    </row>
    <row r="499932" spans="8:8">
      <c r="H499932" s="12"/>
    </row>
    <row r="499933" spans="8:8">
      <c r="H499933" s="12"/>
    </row>
    <row r="499934" spans="8:8">
      <c r="H499934" s="12"/>
    </row>
    <row r="499935" spans="8:8">
      <c r="H499935" s="12"/>
    </row>
    <row r="499936" spans="8:8">
      <c r="H499936" s="12"/>
    </row>
    <row r="499937" spans="8:8">
      <c r="H499937" s="12"/>
    </row>
    <row r="499938" spans="8:8">
      <c r="H499938" s="12"/>
    </row>
    <row r="499939" spans="8:8">
      <c r="H499939" s="12"/>
    </row>
    <row r="499940" spans="8:8">
      <c r="H499940" s="12"/>
    </row>
    <row r="499941" spans="8:8">
      <c r="H499941" s="12"/>
    </row>
    <row r="499942" spans="8:8">
      <c r="H499942" s="12"/>
    </row>
    <row r="499943" spans="8:8">
      <c r="H499943" s="12"/>
    </row>
    <row r="499944" spans="8:8">
      <c r="H499944" s="12"/>
    </row>
    <row r="499945" spans="8:8">
      <c r="H499945" s="12"/>
    </row>
    <row r="499946" spans="8:8">
      <c r="H499946" s="12"/>
    </row>
    <row r="499947" spans="8:8">
      <c r="H499947" s="12"/>
    </row>
    <row r="499948" spans="8:8">
      <c r="H499948" s="12"/>
    </row>
    <row r="499949" spans="8:8">
      <c r="H499949" s="12"/>
    </row>
    <row r="499950" spans="8:8">
      <c r="H499950" s="12"/>
    </row>
    <row r="499951" spans="8:8">
      <c r="H499951" s="12"/>
    </row>
    <row r="499952" spans="8:8">
      <c r="H499952" s="12"/>
    </row>
    <row r="499953" spans="8:8">
      <c r="H499953" s="12"/>
    </row>
    <row r="499954" spans="8:8">
      <c r="H499954" s="12"/>
    </row>
    <row r="499955" spans="8:8">
      <c r="H499955" s="12"/>
    </row>
    <row r="499956" spans="8:8">
      <c r="H499956" s="12"/>
    </row>
    <row r="499957" spans="8:8">
      <c r="H499957" s="12"/>
    </row>
    <row r="499958" spans="8:8">
      <c r="H499958" s="12"/>
    </row>
    <row r="499959" spans="8:8">
      <c r="H499959" s="12"/>
    </row>
    <row r="499960" spans="8:8">
      <c r="H499960" s="12"/>
    </row>
    <row r="499961" spans="8:8">
      <c r="H499961" s="12"/>
    </row>
    <row r="499962" spans="8:8">
      <c r="H499962" s="12"/>
    </row>
    <row r="499963" spans="8:8">
      <c r="H499963" s="12"/>
    </row>
    <row r="499964" spans="8:8">
      <c r="H499964" s="12"/>
    </row>
    <row r="499965" spans="8:8">
      <c r="H499965" s="12"/>
    </row>
    <row r="499966" spans="8:8">
      <c r="H499966" s="12"/>
    </row>
    <row r="499967" spans="8:8">
      <c r="H499967" s="12"/>
    </row>
    <row r="499968" spans="8:8">
      <c r="H499968" s="12"/>
    </row>
    <row r="499969" spans="8:8">
      <c r="H499969" s="12"/>
    </row>
    <row r="499970" spans="8:8">
      <c r="H499970" s="12"/>
    </row>
    <row r="499971" spans="8:8">
      <c r="H499971" s="12"/>
    </row>
    <row r="499972" spans="8:8">
      <c r="H499972" s="12"/>
    </row>
    <row r="499973" spans="8:8">
      <c r="H499973" s="12"/>
    </row>
    <row r="499974" spans="8:8">
      <c r="H499974" s="12"/>
    </row>
    <row r="499975" spans="8:8">
      <c r="H499975" s="12"/>
    </row>
    <row r="499976" spans="8:8">
      <c r="H499976" s="12"/>
    </row>
    <row r="499977" spans="8:8">
      <c r="H499977" s="12"/>
    </row>
    <row r="499978" spans="8:8">
      <c r="H499978" s="12"/>
    </row>
    <row r="499979" spans="8:8">
      <c r="H499979" s="12"/>
    </row>
    <row r="499980" spans="8:8">
      <c r="H499980" s="12"/>
    </row>
    <row r="499981" spans="8:8">
      <c r="H499981" s="12"/>
    </row>
    <row r="499982" spans="8:8">
      <c r="H499982" s="12"/>
    </row>
    <row r="499983" spans="8:8">
      <c r="H499983" s="12"/>
    </row>
    <row r="499984" spans="8:8">
      <c r="H499984" s="12"/>
    </row>
    <row r="499985" spans="8:8">
      <c r="H499985" s="12"/>
    </row>
    <row r="499986" spans="8:8">
      <c r="H499986" s="12"/>
    </row>
    <row r="499987" spans="8:8">
      <c r="H499987" s="12"/>
    </row>
    <row r="499988" spans="8:8">
      <c r="H499988" s="12"/>
    </row>
    <row r="499989" spans="8:8">
      <c r="H499989" s="12"/>
    </row>
    <row r="499990" spans="8:8">
      <c r="H499990" s="12"/>
    </row>
    <row r="499991" spans="8:8">
      <c r="H499991" s="12"/>
    </row>
    <row r="499992" spans="8:8">
      <c r="H499992" s="12"/>
    </row>
    <row r="499993" spans="8:8">
      <c r="H499993" s="12"/>
    </row>
    <row r="499994" spans="8:8">
      <c r="H499994" s="12"/>
    </row>
    <row r="499995" spans="8:8">
      <c r="H499995" s="12"/>
    </row>
    <row r="499996" spans="8:8">
      <c r="H499996" s="12"/>
    </row>
    <row r="499997" spans="8:8">
      <c r="H499997" s="12"/>
    </row>
    <row r="499998" spans="8:8">
      <c r="H499998" s="12"/>
    </row>
    <row r="499999" spans="8:8">
      <c r="H499999" s="12"/>
    </row>
    <row r="500000" spans="8:8">
      <c r="H500000" s="12"/>
    </row>
    <row r="500001" spans="8:8">
      <c r="H500001" s="12"/>
    </row>
    <row r="500002" spans="8:8">
      <c r="H500002" s="12"/>
    </row>
    <row r="500003" spans="8:8">
      <c r="H500003" s="12"/>
    </row>
    <row r="500004" spans="8:8">
      <c r="H500004" s="12"/>
    </row>
    <row r="500005" spans="8:8">
      <c r="H500005" s="12"/>
    </row>
    <row r="500006" spans="8:8">
      <c r="H500006" s="12"/>
    </row>
    <row r="500007" spans="8:8">
      <c r="H500007" s="12"/>
    </row>
    <row r="500008" spans="8:8">
      <c r="H500008" s="12"/>
    </row>
    <row r="500009" spans="8:8">
      <c r="H500009" s="12"/>
    </row>
    <row r="500010" spans="8:8">
      <c r="H500010" s="12"/>
    </row>
    <row r="500011" spans="8:8">
      <c r="H500011" s="12"/>
    </row>
    <row r="500012" spans="8:8">
      <c r="H500012" s="12"/>
    </row>
    <row r="500013" spans="8:8">
      <c r="H500013" s="12"/>
    </row>
    <row r="500014" spans="8:8">
      <c r="H500014" s="12"/>
    </row>
    <row r="500015" spans="8:8">
      <c r="H500015" s="12"/>
    </row>
    <row r="500016" spans="8:8">
      <c r="H500016" s="12"/>
    </row>
    <row r="500017" spans="8:8">
      <c r="H500017" s="12"/>
    </row>
    <row r="500018" spans="8:8">
      <c r="H500018" s="12"/>
    </row>
    <row r="500019" spans="8:8">
      <c r="H500019" s="12"/>
    </row>
    <row r="500020" spans="8:8">
      <c r="H500020" s="12"/>
    </row>
    <row r="500021" spans="8:8">
      <c r="H500021" s="12"/>
    </row>
    <row r="500022" spans="8:8">
      <c r="H500022" s="12"/>
    </row>
    <row r="500023" spans="8:8">
      <c r="H500023" s="12"/>
    </row>
    <row r="500024" spans="8:8">
      <c r="H500024" s="12"/>
    </row>
    <row r="500025" spans="8:8">
      <c r="H500025" s="12"/>
    </row>
    <row r="500026" spans="8:8">
      <c r="H500026" s="12"/>
    </row>
    <row r="500027" spans="8:8">
      <c r="H500027" s="12"/>
    </row>
    <row r="500028" spans="8:8">
      <c r="H500028" s="12"/>
    </row>
    <row r="500029" spans="8:8">
      <c r="H500029" s="12"/>
    </row>
    <row r="500030" spans="8:8">
      <c r="H500030" s="12"/>
    </row>
    <row r="500031" spans="8:8">
      <c r="H500031" s="12"/>
    </row>
    <row r="500032" spans="8:8">
      <c r="H500032" s="12"/>
    </row>
    <row r="500033" spans="8:8">
      <c r="H500033" s="12"/>
    </row>
    <row r="500034" spans="8:8">
      <c r="H500034" s="12"/>
    </row>
    <row r="500035" spans="8:8">
      <c r="H500035" s="12"/>
    </row>
    <row r="500036" spans="8:8">
      <c r="H500036" s="12"/>
    </row>
    <row r="500037" spans="8:8">
      <c r="H500037" s="12"/>
    </row>
    <row r="500038" spans="8:8">
      <c r="H500038" s="12"/>
    </row>
    <row r="500039" spans="8:8">
      <c r="H500039" s="12"/>
    </row>
    <row r="500040" spans="8:8">
      <c r="H500040" s="12"/>
    </row>
    <row r="500041" spans="8:8">
      <c r="H500041" s="12"/>
    </row>
    <row r="500042" spans="8:8">
      <c r="H500042" s="12"/>
    </row>
    <row r="500043" spans="8:8">
      <c r="H500043" s="12"/>
    </row>
    <row r="500044" spans="8:8">
      <c r="H500044" s="12"/>
    </row>
    <row r="500045" spans="8:8">
      <c r="H500045" s="12"/>
    </row>
    <row r="500046" spans="8:8">
      <c r="H500046" s="12"/>
    </row>
    <row r="500047" spans="8:8">
      <c r="H500047" s="12"/>
    </row>
    <row r="500048" spans="8:8">
      <c r="H500048" s="12"/>
    </row>
    <row r="500049" spans="8:8">
      <c r="H500049" s="12"/>
    </row>
    <row r="500050" spans="8:8">
      <c r="H500050" s="12"/>
    </row>
    <row r="500051" spans="8:8">
      <c r="H500051" s="12"/>
    </row>
    <row r="500052" spans="8:8">
      <c r="H500052" s="12"/>
    </row>
    <row r="500053" spans="8:8">
      <c r="H500053" s="12"/>
    </row>
    <row r="500054" spans="8:8">
      <c r="H500054" s="12"/>
    </row>
    <row r="500055" spans="8:8">
      <c r="H500055" s="12"/>
    </row>
    <row r="500056" spans="8:8">
      <c r="H500056" s="12"/>
    </row>
    <row r="500057" spans="8:8">
      <c r="H500057" s="12"/>
    </row>
    <row r="500058" spans="8:8">
      <c r="H500058" s="12"/>
    </row>
    <row r="500059" spans="8:8">
      <c r="H500059" s="12"/>
    </row>
    <row r="500060" spans="8:8">
      <c r="H500060" s="12"/>
    </row>
    <row r="500061" spans="8:8">
      <c r="H500061" s="12"/>
    </row>
    <row r="500062" spans="8:8">
      <c r="H500062" s="12"/>
    </row>
    <row r="500063" spans="8:8">
      <c r="H500063" s="12"/>
    </row>
    <row r="500064" spans="8:8">
      <c r="H500064" s="12"/>
    </row>
    <row r="500065" spans="8:8">
      <c r="H500065" s="12"/>
    </row>
    <row r="500066" spans="8:8">
      <c r="H500066" s="12"/>
    </row>
    <row r="500067" spans="8:8">
      <c r="H500067" s="12"/>
    </row>
    <row r="500068" spans="8:8">
      <c r="H500068" s="12"/>
    </row>
    <row r="500069" spans="8:8">
      <c r="H500069" s="12"/>
    </row>
    <row r="500070" spans="8:8">
      <c r="H500070" s="12"/>
    </row>
    <row r="500071" spans="8:8">
      <c r="H500071" s="12"/>
    </row>
    <row r="500072" spans="8:8">
      <c r="H500072" s="12"/>
    </row>
    <row r="500073" spans="8:8">
      <c r="H500073" s="12"/>
    </row>
    <row r="500074" spans="8:8">
      <c r="H500074" s="12"/>
    </row>
    <row r="500075" spans="8:8">
      <c r="H500075" s="12"/>
    </row>
    <row r="500076" spans="8:8">
      <c r="H500076" s="12"/>
    </row>
    <row r="500077" spans="8:8">
      <c r="H500077" s="12"/>
    </row>
    <row r="500078" spans="8:8">
      <c r="H500078" s="12"/>
    </row>
    <row r="500079" spans="8:8">
      <c r="H500079" s="12"/>
    </row>
    <row r="500080" spans="8:8">
      <c r="H500080" s="12"/>
    </row>
    <row r="500081" spans="8:8">
      <c r="H500081" s="12"/>
    </row>
    <row r="500082" spans="8:8">
      <c r="H500082" s="12"/>
    </row>
    <row r="500083" spans="8:8">
      <c r="H500083" s="12"/>
    </row>
    <row r="500084" spans="8:8">
      <c r="H500084" s="12"/>
    </row>
    <row r="500085" spans="8:8">
      <c r="H500085" s="12"/>
    </row>
    <row r="500086" spans="8:8">
      <c r="H500086" s="12"/>
    </row>
    <row r="500087" spans="8:8">
      <c r="H500087" s="12"/>
    </row>
    <row r="500088" spans="8:8">
      <c r="H500088" s="12"/>
    </row>
    <row r="500089" spans="8:8">
      <c r="H500089" s="12"/>
    </row>
    <row r="500090" spans="8:8">
      <c r="H500090" s="12"/>
    </row>
    <row r="500091" spans="8:8">
      <c r="H500091" s="12"/>
    </row>
    <row r="500092" spans="8:8">
      <c r="H500092" s="12"/>
    </row>
    <row r="500093" spans="8:8">
      <c r="H500093" s="12"/>
    </row>
    <row r="500094" spans="8:8">
      <c r="H500094" s="12"/>
    </row>
    <row r="500095" spans="8:8">
      <c r="H500095" s="12"/>
    </row>
    <row r="500096" spans="8:8">
      <c r="H500096" s="12"/>
    </row>
    <row r="500097" spans="8:8">
      <c r="H500097" s="12"/>
    </row>
    <row r="500098" spans="8:8">
      <c r="H500098" s="12"/>
    </row>
    <row r="500099" spans="8:8">
      <c r="H500099" s="12"/>
    </row>
    <row r="500100" spans="8:8">
      <c r="H500100" s="12"/>
    </row>
    <row r="500101" spans="8:8">
      <c r="H500101" s="12"/>
    </row>
    <row r="500102" spans="8:8">
      <c r="H500102" s="12"/>
    </row>
    <row r="500103" spans="8:8">
      <c r="H500103" s="12"/>
    </row>
    <row r="500104" spans="8:8">
      <c r="H500104" s="12"/>
    </row>
    <row r="500105" spans="8:8">
      <c r="H500105" s="12"/>
    </row>
    <row r="500106" spans="8:8">
      <c r="H500106" s="12"/>
    </row>
    <row r="500107" spans="8:8">
      <c r="H500107" s="12"/>
    </row>
    <row r="500108" spans="8:8">
      <c r="H500108" s="12"/>
    </row>
    <row r="500109" spans="8:8">
      <c r="H500109" s="12"/>
    </row>
    <row r="500110" spans="8:8">
      <c r="H500110" s="12"/>
    </row>
    <row r="500111" spans="8:8">
      <c r="H500111" s="12"/>
    </row>
    <row r="500112" spans="8:8">
      <c r="H500112" s="12"/>
    </row>
    <row r="500113" spans="8:8">
      <c r="H500113" s="12"/>
    </row>
    <row r="500114" spans="8:8">
      <c r="H500114" s="12"/>
    </row>
    <row r="500115" spans="8:8">
      <c r="H500115" s="12"/>
    </row>
    <row r="500116" spans="8:8">
      <c r="H500116" s="12"/>
    </row>
    <row r="500117" spans="8:8">
      <c r="H500117" s="12"/>
    </row>
    <row r="500118" spans="8:8">
      <c r="H500118" s="12"/>
    </row>
    <row r="500119" spans="8:8">
      <c r="H500119" s="12"/>
    </row>
    <row r="500120" spans="8:8">
      <c r="H500120" s="12"/>
    </row>
    <row r="500121" spans="8:8">
      <c r="H500121" s="12"/>
    </row>
    <row r="500122" spans="8:8">
      <c r="H500122" s="12"/>
    </row>
    <row r="500123" spans="8:8">
      <c r="H500123" s="12"/>
    </row>
    <row r="500124" spans="8:8">
      <c r="H500124" s="12"/>
    </row>
    <row r="500125" spans="8:8">
      <c r="H500125" s="12"/>
    </row>
    <row r="500126" spans="8:8">
      <c r="H500126" s="12"/>
    </row>
    <row r="500127" spans="8:8">
      <c r="H500127" s="12"/>
    </row>
    <row r="500128" spans="8:8">
      <c r="H500128" s="12"/>
    </row>
    <row r="500129" spans="8:8">
      <c r="H500129" s="12"/>
    </row>
    <row r="500130" spans="8:8">
      <c r="H500130" s="12"/>
    </row>
    <row r="500131" spans="8:8">
      <c r="H500131" s="12"/>
    </row>
    <row r="500132" spans="8:8">
      <c r="H500132" s="12"/>
    </row>
    <row r="500133" spans="8:8">
      <c r="H500133" s="12"/>
    </row>
    <row r="500134" spans="8:8">
      <c r="H500134" s="12"/>
    </row>
    <row r="500135" spans="8:8">
      <c r="H500135" s="12"/>
    </row>
    <row r="500136" spans="8:8">
      <c r="H500136" s="12"/>
    </row>
    <row r="500137" spans="8:8">
      <c r="H500137" s="12"/>
    </row>
    <row r="500138" spans="8:8">
      <c r="H500138" s="12"/>
    </row>
    <row r="500139" spans="8:8">
      <c r="H500139" s="12"/>
    </row>
    <row r="500140" spans="8:8">
      <c r="H500140" s="12"/>
    </row>
    <row r="500141" spans="8:8">
      <c r="H500141" s="12"/>
    </row>
    <row r="500142" spans="8:8">
      <c r="H500142" s="12"/>
    </row>
    <row r="500143" spans="8:8">
      <c r="H500143" s="12"/>
    </row>
    <row r="500144" spans="8:8">
      <c r="H500144" s="12"/>
    </row>
    <row r="500145" spans="8:8">
      <c r="H500145" s="12"/>
    </row>
    <row r="500146" spans="8:8">
      <c r="H500146" s="12"/>
    </row>
    <row r="500147" spans="8:8">
      <c r="H500147" s="12"/>
    </row>
    <row r="500148" spans="8:8">
      <c r="H500148" s="12"/>
    </row>
    <row r="500149" spans="8:8">
      <c r="H500149" s="12"/>
    </row>
    <row r="500150" spans="8:8">
      <c r="H500150" s="12"/>
    </row>
    <row r="500151" spans="8:8">
      <c r="H500151" s="12"/>
    </row>
    <row r="500152" spans="8:8">
      <c r="H500152" s="12"/>
    </row>
    <row r="500153" spans="8:8">
      <c r="H500153" s="12"/>
    </row>
    <row r="500154" spans="8:8">
      <c r="H500154" s="12"/>
    </row>
    <row r="500155" spans="8:8">
      <c r="H500155" s="12"/>
    </row>
    <row r="500156" spans="8:8">
      <c r="H500156" s="12"/>
    </row>
    <row r="500157" spans="8:8">
      <c r="H500157" s="12"/>
    </row>
    <row r="500158" spans="8:8">
      <c r="H500158" s="12"/>
    </row>
    <row r="500159" spans="8:8">
      <c r="H500159" s="12"/>
    </row>
    <row r="500160" spans="8:8">
      <c r="H500160" s="12"/>
    </row>
    <row r="500161" spans="8:8">
      <c r="H500161" s="12"/>
    </row>
    <row r="500162" spans="8:8">
      <c r="H500162" s="12"/>
    </row>
    <row r="500163" spans="8:8">
      <c r="H500163" s="12"/>
    </row>
    <row r="500164" spans="8:8">
      <c r="H500164" s="12"/>
    </row>
    <row r="500165" spans="8:8">
      <c r="H500165" s="12"/>
    </row>
    <row r="500166" spans="8:8">
      <c r="H500166" s="12"/>
    </row>
    <row r="500167" spans="8:8">
      <c r="H500167" s="12"/>
    </row>
    <row r="500168" spans="8:8">
      <c r="H500168" s="12"/>
    </row>
    <row r="500169" spans="8:8">
      <c r="H500169" s="12"/>
    </row>
    <row r="500170" spans="8:8">
      <c r="H500170" s="12"/>
    </row>
    <row r="500171" spans="8:8">
      <c r="H500171" s="12"/>
    </row>
    <row r="500172" spans="8:8">
      <c r="H500172" s="12"/>
    </row>
    <row r="500173" spans="8:8">
      <c r="H500173" s="12"/>
    </row>
    <row r="500174" spans="8:8">
      <c r="H500174" s="12"/>
    </row>
    <row r="500175" spans="8:8">
      <c r="H500175" s="12"/>
    </row>
    <row r="500176" spans="8:8">
      <c r="H500176" s="12"/>
    </row>
    <row r="500177" spans="8:8">
      <c r="H500177" s="12"/>
    </row>
    <row r="500178" spans="8:8">
      <c r="H500178" s="12"/>
    </row>
    <row r="500179" spans="8:8">
      <c r="H500179" s="12"/>
    </row>
    <row r="500180" spans="8:8">
      <c r="H500180" s="12"/>
    </row>
    <row r="500181" spans="8:8">
      <c r="H500181" s="12"/>
    </row>
    <row r="500182" spans="8:8">
      <c r="H500182" s="12"/>
    </row>
    <row r="500183" spans="8:8">
      <c r="H500183" s="12"/>
    </row>
    <row r="500184" spans="8:8">
      <c r="H500184" s="12"/>
    </row>
    <row r="500185" spans="8:8">
      <c r="H500185" s="12"/>
    </row>
    <row r="500186" spans="8:8">
      <c r="H500186" s="12"/>
    </row>
    <row r="500187" spans="8:8">
      <c r="H500187" s="12"/>
    </row>
    <row r="500188" spans="8:8">
      <c r="H500188" s="12"/>
    </row>
    <row r="500189" spans="8:8">
      <c r="H500189" s="12"/>
    </row>
    <row r="500190" spans="8:8">
      <c r="H500190" s="12"/>
    </row>
    <row r="500191" spans="8:8">
      <c r="H500191" s="12"/>
    </row>
    <row r="500192" spans="8:8">
      <c r="H500192" s="12"/>
    </row>
    <row r="500193" spans="8:8">
      <c r="H500193" s="12"/>
    </row>
    <row r="500194" spans="8:8">
      <c r="H500194" s="12"/>
    </row>
    <row r="500195" spans="8:8">
      <c r="H500195" s="12"/>
    </row>
    <row r="500196" spans="8:8">
      <c r="H500196" s="12"/>
    </row>
    <row r="500197" spans="8:8">
      <c r="H500197" s="12"/>
    </row>
    <row r="500198" spans="8:8">
      <c r="H500198" s="12"/>
    </row>
    <row r="500199" spans="8:8">
      <c r="H500199" s="12"/>
    </row>
    <row r="500200" spans="8:8">
      <c r="H500200" s="12"/>
    </row>
    <row r="500201" spans="8:8">
      <c r="H500201" s="12"/>
    </row>
    <row r="500202" spans="8:8">
      <c r="H500202" s="12"/>
    </row>
    <row r="500203" spans="8:8">
      <c r="H500203" s="12"/>
    </row>
    <row r="500204" spans="8:8">
      <c r="H500204" s="12"/>
    </row>
    <row r="500205" spans="8:8">
      <c r="H500205" s="12"/>
    </row>
    <row r="500206" spans="8:8">
      <c r="H500206" s="12"/>
    </row>
    <row r="500207" spans="8:8">
      <c r="H500207" s="12"/>
    </row>
    <row r="500208" spans="8:8">
      <c r="H500208" s="12"/>
    </row>
    <row r="500209" spans="8:8">
      <c r="H500209" s="12"/>
    </row>
    <row r="500210" spans="8:8">
      <c r="H500210" s="12"/>
    </row>
    <row r="500211" spans="8:8">
      <c r="H500211" s="12"/>
    </row>
    <row r="500212" spans="8:8">
      <c r="H500212" s="12"/>
    </row>
    <row r="500213" spans="8:8">
      <c r="H500213" s="12"/>
    </row>
    <row r="500214" spans="8:8">
      <c r="H500214" s="12"/>
    </row>
    <row r="500215" spans="8:8">
      <c r="H500215" s="12"/>
    </row>
    <row r="500216" spans="8:8">
      <c r="H500216" s="12"/>
    </row>
    <row r="500217" spans="8:8">
      <c r="H500217" s="12"/>
    </row>
    <row r="500218" spans="8:8">
      <c r="H500218" s="12"/>
    </row>
    <row r="500219" spans="8:8">
      <c r="H500219" s="12"/>
    </row>
    <row r="500220" spans="8:8">
      <c r="H500220" s="12"/>
    </row>
    <row r="500221" spans="8:8">
      <c r="H500221" s="12"/>
    </row>
    <row r="500222" spans="8:8">
      <c r="H500222" s="12"/>
    </row>
    <row r="500223" spans="8:8">
      <c r="H500223" s="12"/>
    </row>
    <row r="500224" spans="8:8">
      <c r="H500224" s="12"/>
    </row>
    <row r="500225" spans="8:8">
      <c r="H500225" s="12"/>
    </row>
    <row r="500226" spans="8:8">
      <c r="H500226" s="12"/>
    </row>
    <row r="500227" spans="8:8">
      <c r="H500227" s="12"/>
    </row>
    <row r="500228" spans="8:8">
      <c r="H500228" s="12"/>
    </row>
    <row r="500229" spans="8:8">
      <c r="H500229" s="12"/>
    </row>
    <row r="500230" spans="8:8">
      <c r="H500230" s="12"/>
    </row>
    <row r="500231" spans="8:8">
      <c r="H500231" s="12"/>
    </row>
    <row r="500232" spans="8:8">
      <c r="H500232" s="12"/>
    </row>
    <row r="500233" spans="8:8">
      <c r="H500233" s="12"/>
    </row>
    <row r="500234" spans="8:8">
      <c r="H500234" s="12"/>
    </row>
    <row r="500235" spans="8:8">
      <c r="H500235" s="12"/>
    </row>
    <row r="500236" spans="8:8">
      <c r="H500236" s="12"/>
    </row>
    <row r="500237" spans="8:8">
      <c r="H500237" s="12"/>
    </row>
    <row r="500238" spans="8:8">
      <c r="H500238" s="12"/>
    </row>
    <row r="500239" spans="8:8">
      <c r="H500239" s="12"/>
    </row>
    <row r="500240" spans="8:8">
      <c r="H500240" s="12"/>
    </row>
    <row r="500241" spans="8:8">
      <c r="H500241" s="12"/>
    </row>
    <row r="500242" spans="8:8">
      <c r="H500242" s="12"/>
    </row>
    <row r="500243" spans="8:8">
      <c r="H500243" s="12"/>
    </row>
    <row r="500244" spans="8:8">
      <c r="H500244" s="12"/>
    </row>
    <row r="500245" spans="8:8">
      <c r="H500245" s="12"/>
    </row>
    <row r="500246" spans="8:8">
      <c r="H500246" s="12"/>
    </row>
    <row r="500247" spans="8:8">
      <c r="H500247" s="12"/>
    </row>
    <row r="500248" spans="8:8">
      <c r="H500248" s="12"/>
    </row>
    <row r="500249" spans="8:8">
      <c r="H500249" s="12"/>
    </row>
    <row r="500250" spans="8:8">
      <c r="H500250" s="12"/>
    </row>
    <row r="500251" spans="8:8">
      <c r="H500251" s="12"/>
    </row>
    <row r="500252" spans="8:8">
      <c r="H500252" s="12"/>
    </row>
    <row r="500253" spans="8:8">
      <c r="H500253" s="12"/>
    </row>
    <row r="500254" spans="8:8">
      <c r="H500254" s="12"/>
    </row>
    <row r="500255" spans="8:8">
      <c r="H500255" s="12"/>
    </row>
    <row r="500256" spans="8:8">
      <c r="H500256" s="12"/>
    </row>
    <row r="500257" spans="8:8">
      <c r="H500257" s="12"/>
    </row>
    <row r="500258" spans="8:8">
      <c r="H500258" s="12"/>
    </row>
    <row r="500259" spans="8:8">
      <c r="H500259" s="12"/>
    </row>
    <row r="500260" spans="8:8">
      <c r="H500260" s="12"/>
    </row>
    <row r="500261" spans="8:8">
      <c r="H500261" s="12"/>
    </row>
    <row r="500262" spans="8:8">
      <c r="H500262" s="12"/>
    </row>
    <row r="500263" spans="8:8">
      <c r="H500263" s="12"/>
    </row>
    <row r="500264" spans="8:8">
      <c r="H500264" s="12"/>
    </row>
    <row r="500265" spans="8:8">
      <c r="H500265" s="12"/>
    </row>
    <row r="500266" spans="8:8">
      <c r="H500266" s="12"/>
    </row>
    <row r="500267" spans="8:8">
      <c r="H500267" s="12"/>
    </row>
    <row r="500268" spans="8:8">
      <c r="H500268" s="12"/>
    </row>
    <row r="500269" spans="8:8">
      <c r="H500269" s="12"/>
    </row>
    <row r="500270" spans="8:8">
      <c r="H500270" s="12"/>
    </row>
    <row r="500271" spans="8:8">
      <c r="H500271" s="12"/>
    </row>
    <row r="500272" spans="8:8">
      <c r="H500272" s="12"/>
    </row>
    <row r="500273" spans="8:8">
      <c r="H500273" s="12"/>
    </row>
    <row r="500274" spans="8:8">
      <c r="H500274" s="12"/>
    </row>
    <row r="500275" spans="8:8">
      <c r="H500275" s="12"/>
    </row>
    <row r="500276" spans="8:8">
      <c r="H500276" s="12"/>
    </row>
    <row r="500277" spans="8:8">
      <c r="H500277" s="12"/>
    </row>
    <row r="500278" spans="8:8">
      <c r="H500278" s="12"/>
    </row>
    <row r="500279" spans="8:8">
      <c r="H500279" s="12"/>
    </row>
    <row r="500280" spans="8:8">
      <c r="H500280" s="12"/>
    </row>
    <row r="500281" spans="8:8">
      <c r="H500281" s="12"/>
    </row>
    <row r="500282" spans="8:8">
      <c r="H500282" s="12"/>
    </row>
    <row r="500283" spans="8:8">
      <c r="H500283" s="12"/>
    </row>
    <row r="500284" spans="8:8">
      <c r="H500284" s="12"/>
    </row>
    <row r="500285" spans="8:8">
      <c r="H500285" s="12"/>
    </row>
    <row r="500286" spans="8:8">
      <c r="H500286" s="12"/>
    </row>
    <row r="500287" spans="8:8">
      <c r="H500287" s="12"/>
    </row>
    <row r="500288" spans="8:8">
      <c r="H500288" s="12"/>
    </row>
    <row r="500289" spans="8:8">
      <c r="H500289" s="12"/>
    </row>
    <row r="500290" spans="8:8">
      <c r="H500290" s="12"/>
    </row>
    <row r="500291" spans="8:8">
      <c r="H500291" s="12"/>
    </row>
    <row r="500292" spans="8:8">
      <c r="H500292" s="12"/>
    </row>
    <row r="500293" spans="8:8">
      <c r="H500293" s="12"/>
    </row>
    <row r="500294" spans="8:8">
      <c r="H500294" s="12"/>
    </row>
    <row r="500295" spans="8:8">
      <c r="H500295" s="12"/>
    </row>
    <row r="500296" spans="8:8">
      <c r="H500296" s="12"/>
    </row>
    <row r="500297" spans="8:8">
      <c r="H500297" s="12"/>
    </row>
    <row r="500298" spans="8:8">
      <c r="H500298" s="12"/>
    </row>
    <row r="500299" spans="8:8">
      <c r="H500299" s="12"/>
    </row>
    <row r="500300" spans="8:8">
      <c r="H500300" s="12"/>
    </row>
    <row r="500301" spans="8:8">
      <c r="H500301" s="12"/>
    </row>
    <row r="500302" spans="8:8">
      <c r="H500302" s="12"/>
    </row>
    <row r="500303" spans="8:8">
      <c r="H500303" s="12"/>
    </row>
    <row r="500304" spans="8:8">
      <c r="H500304" s="12"/>
    </row>
    <row r="500305" spans="8:8">
      <c r="H500305" s="12"/>
    </row>
    <row r="500306" spans="8:8">
      <c r="H500306" s="12"/>
    </row>
    <row r="500307" spans="8:8">
      <c r="H500307" s="12"/>
    </row>
    <row r="500308" spans="8:8">
      <c r="H500308" s="12"/>
    </row>
    <row r="500309" spans="8:8">
      <c r="H500309" s="12"/>
    </row>
    <row r="500310" spans="8:8">
      <c r="H500310" s="12"/>
    </row>
    <row r="500311" spans="8:8">
      <c r="H500311" s="12"/>
    </row>
    <row r="500312" spans="8:8">
      <c r="H500312" s="12"/>
    </row>
    <row r="500313" spans="8:8">
      <c r="H500313" s="12"/>
    </row>
    <row r="500314" spans="8:8">
      <c r="H500314" s="12"/>
    </row>
    <row r="500315" spans="8:8">
      <c r="H500315" s="12"/>
    </row>
    <row r="500316" spans="8:8">
      <c r="H500316" s="12"/>
    </row>
    <row r="500317" spans="8:8">
      <c r="H500317" s="12"/>
    </row>
    <row r="500318" spans="8:8">
      <c r="H500318" s="12"/>
    </row>
    <row r="500319" spans="8:8">
      <c r="H500319" s="12"/>
    </row>
    <row r="500320" spans="8:8">
      <c r="H500320" s="12"/>
    </row>
    <row r="500321" spans="8:8">
      <c r="H500321" s="12"/>
    </row>
    <row r="500322" spans="8:8">
      <c r="H500322" s="12"/>
    </row>
    <row r="500323" spans="8:8">
      <c r="H500323" s="12"/>
    </row>
    <row r="500324" spans="8:8">
      <c r="H500324" s="12"/>
    </row>
    <row r="500325" spans="8:8">
      <c r="H500325" s="12"/>
    </row>
    <row r="500326" spans="8:8">
      <c r="H500326" s="12"/>
    </row>
    <row r="500327" spans="8:8">
      <c r="H500327" s="12"/>
    </row>
    <row r="500328" spans="8:8">
      <c r="H500328" s="12"/>
    </row>
    <row r="500329" spans="8:8">
      <c r="H500329" s="12"/>
    </row>
    <row r="500330" spans="8:8">
      <c r="H500330" s="12"/>
    </row>
    <row r="500331" spans="8:8">
      <c r="H500331" s="12"/>
    </row>
    <row r="500332" spans="8:8">
      <c r="H500332" s="12"/>
    </row>
    <row r="500333" spans="8:8">
      <c r="H500333" s="12"/>
    </row>
    <row r="500334" spans="8:8">
      <c r="H500334" s="12"/>
    </row>
    <row r="500335" spans="8:8">
      <c r="H500335" s="12"/>
    </row>
    <row r="500336" spans="8:8">
      <c r="H500336" s="12"/>
    </row>
    <row r="500337" spans="8:8">
      <c r="H500337" s="12"/>
    </row>
    <row r="500338" spans="8:8">
      <c r="H500338" s="12"/>
    </row>
    <row r="500339" spans="8:8">
      <c r="H500339" s="12"/>
    </row>
    <row r="500340" spans="8:8">
      <c r="H500340" s="12"/>
    </row>
    <row r="500341" spans="8:8">
      <c r="H500341" s="12"/>
    </row>
    <row r="500342" spans="8:8">
      <c r="H500342" s="12"/>
    </row>
    <row r="500343" spans="8:8">
      <c r="H500343" s="12"/>
    </row>
    <row r="500344" spans="8:8">
      <c r="H500344" s="12"/>
    </row>
    <row r="500345" spans="8:8">
      <c r="H500345" s="12"/>
    </row>
    <row r="500346" spans="8:8">
      <c r="H500346" s="12"/>
    </row>
    <row r="500347" spans="8:8">
      <c r="H500347" s="12"/>
    </row>
    <row r="500348" spans="8:8">
      <c r="H500348" s="12"/>
    </row>
    <row r="500349" spans="8:8">
      <c r="H500349" s="12"/>
    </row>
    <row r="500350" spans="8:8">
      <c r="H500350" s="12"/>
    </row>
    <row r="500351" spans="8:8">
      <c r="H500351" s="12"/>
    </row>
    <row r="500352" spans="8:8">
      <c r="H500352" s="12"/>
    </row>
    <row r="500353" spans="8:8">
      <c r="H500353" s="12"/>
    </row>
    <row r="500354" spans="8:8">
      <c r="H500354" s="12"/>
    </row>
    <row r="500355" spans="8:8">
      <c r="H500355" s="12"/>
    </row>
    <row r="500356" spans="8:8">
      <c r="H500356" s="12"/>
    </row>
    <row r="500357" spans="8:8">
      <c r="H500357" s="12"/>
    </row>
    <row r="500358" spans="8:8">
      <c r="H500358" s="12"/>
    </row>
    <row r="500359" spans="8:8">
      <c r="H500359" s="12"/>
    </row>
    <row r="500360" spans="8:8">
      <c r="H500360" s="12"/>
    </row>
    <row r="500361" spans="8:8">
      <c r="H500361" s="12"/>
    </row>
    <row r="500362" spans="8:8">
      <c r="H500362" s="12"/>
    </row>
    <row r="500363" spans="8:8">
      <c r="H500363" s="12"/>
    </row>
    <row r="500364" spans="8:8">
      <c r="H500364" s="12"/>
    </row>
    <row r="500365" spans="8:8">
      <c r="H500365" s="12"/>
    </row>
    <row r="500366" spans="8:8">
      <c r="H500366" s="12"/>
    </row>
    <row r="500367" spans="8:8">
      <c r="H500367" s="12"/>
    </row>
    <row r="500368" spans="8:8">
      <c r="H500368" s="12"/>
    </row>
    <row r="500369" spans="8:8">
      <c r="H500369" s="12"/>
    </row>
    <row r="500370" spans="8:8">
      <c r="H500370" s="12"/>
    </row>
    <row r="500371" spans="8:8">
      <c r="H500371" s="12"/>
    </row>
    <row r="500372" spans="8:8">
      <c r="H500372" s="12"/>
    </row>
    <row r="500373" spans="8:8">
      <c r="H500373" s="12"/>
    </row>
    <row r="500374" spans="8:8">
      <c r="H500374" s="12"/>
    </row>
    <row r="500375" spans="8:8">
      <c r="H500375" s="12"/>
    </row>
    <row r="500376" spans="8:8">
      <c r="H500376" s="12"/>
    </row>
    <row r="500377" spans="8:8">
      <c r="H500377" s="12"/>
    </row>
    <row r="500378" spans="8:8">
      <c r="H500378" s="12"/>
    </row>
    <row r="500379" spans="8:8">
      <c r="H500379" s="12"/>
    </row>
    <row r="500380" spans="8:8">
      <c r="H500380" s="12"/>
    </row>
    <row r="500381" spans="8:8">
      <c r="H500381" s="12"/>
    </row>
    <row r="500382" spans="8:8">
      <c r="H500382" s="12"/>
    </row>
    <row r="500383" spans="8:8">
      <c r="H500383" s="12"/>
    </row>
    <row r="500384" spans="8:8">
      <c r="H500384" s="12"/>
    </row>
    <row r="500385" spans="8:8">
      <c r="H500385" s="12"/>
    </row>
    <row r="500386" spans="8:8">
      <c r="H500386" s="12"/>
    </row>
    <row r="500387" spans="8:8">
      <c r="H500387" s="12"/>
    </row>
    <row r="500388" spans="8:8">
      <c r="H500388" s="12"/>
    </row>
    <row r="500389" spans="8:8">
      <c r="H500389" s="12"/>
    </row>
    <row r="500390" spans="8:8">
      <c r="H500390" s="12"/>
    </row>
    <row r="500391" spans="8:8">
      <c r="H500391" s="12"/>
    </row>
    <row r="500392" spans="8:8">
      <c r="H500392" s="12"/>
    </row>
    <row r="500393" spans="8:8">
      <c r="H500393" s="12"/>
    </row>
    <row r="500394" spans="8:8">
      <c r="H500394" s="12"/>
    </row>
    <row r="500395" spans="8:8">
      <c r="H500395" s="12"/>
    </row>
    <row r="500396" spans="8:8">
      <c r="H500396" s="12"/>
    </row>
    <row r="500397" spans="8:8">
      <c r="H500397" s="12"/>
    </row>
    <row r="500398" spans="8:8">
      <c r="H500398" s="12"/>
    </row>
    <row r="500399" spans="8:8">
      <c r="H500399" s="12"/>
    </row>
    <row r="500400" spans="8:8">
      <c r="H500400" s="12"/>
    </row>
    <row r="500401" spans="8:8">
      <c r="H500401" s="12"/>
    </row>
    <row r="500402" spans="8:8">
      <c r="H500402" s="12"/>
    </row>
    <row r="500403" spans="8:8">
      <c r="H500403" s="12"/>
    </row>
    <row r="500404" spans="8:8">
      <c r="H500404" s="12"/>
    </row>
    <row r="500405" spans="8:8">
      <c r="H500405" s="12"/>
    </row>
    <row r="500406" spans="8:8">
      <c r="H500406" s="12"/>
    </row>
    <row r="500407" spans="8:8">
      <c r="H500407" s="12"/>
    </row>
    <row r="500408" spans="8:8">
      <c r="H500408" s="12"/>
    </row>
    <row r="500409" spans="8:8">
      <c r="H500409" s="12"/>
    </row>
    <row r="500410" spans="8:8">
      <c r="H500410" s="12"/>
    </row>
    <row r="500411" spans="8:8">
      <c r="H500411" s="12"/>
    </row>
    <row r="500412" spans="8:8">
      <c r="H500412" s="12"/>
    </row>
    <row r="500413" spans="8:8">
      <c r="H500413" s="12"/>
    </row>
    <row r="500414" spans="8:8">
      <c r="H500414" s="12"/>
    </row>
    <row r="500415" spans="8:8">
      <c r="H500415" s="12"/>
    </row>
    <row r="500416" spans="8:8">
      <c r="H500416" s="12"/>
    </row>
    <row r="500417" spans="8:8">
      <c r="H500417" s="12"/>
    </row>
    <row r="500418" spans="8:8">
      <c r="H500418" s="12"/>
    </row>
    <row r="500419" spans="8:8">
      <c r="H500419" s="12"/>
    </row>
    <row r="500420" spans="8:8">
      <c r="H500420" s="12"/>
    </row>
    <row r="500421" spans="8:8">
      <c r="H500421" s="12"/>
    </row>
    <row r="500422" spans="8:8">
      <c r="H500422" s="12"/>
    </row>
    <row r="500423" spans="8:8">
      <c r="H500423" s="12"/>
    </row>
    <row r="500424" spans="8:8">
      <c r="H500424" s="12"/>
    </row>
    <row r="500425" spans="8:8">
      <c r="H500425" s="12"/>
    </row>
    <row r="500426" spans="8:8">
      <c r="H500426" s="12"/>
    </row>
    <row r="500427" spans="8:8">
      <c r="H500427" s="12"/>
    </row>
    <row r="500428" spans="8:8">
      <c r="H500428" s="12"/>
    </row>
    <row r="500429" spans="8:8">
      <c r="H500429" s="12"/>
    </row>
    <row r="500430" spans="8:8">
      <c r="H500430" s="12"/>
    </row>
    <row r="500431" spans="8:8">
      <c r="H500431" s="12"/>
    </row>
    <row r="500432" spans="8:8">
      <c r="H500432" s="12"/>
    </row>
    <row r="500433" spans="8:8">
      <c r="H500433" s="12"/>
    </row>
    <row r="500434" spans="8:8">
      <c r="H500434" s="12"/>
    </row>
    <row r="500435" spans="8:8">
      <c r="H500435" s="12"/>
    </row>
    <row r="500436" spans="8:8">
      <c r="H500436" s="12"/>
    </row>
    <row r="500437" spans="8:8">
      <c r="H500437" s="12"/>
    </row>
    <row r="500438" spans="8:8">
      <c r="H500438" s="12"/>
    </row>
    <row r="500439" spans="8:8">
      <c r="H500439" s="12"/>
    </row>
    <row r="500440" spans="8:8">
      <c r="H500440" s="12"/>
    </row>
    <row r="500441" spans="8:8">
      <c r="H500441" s="12"/>
    </row>
    <row r="500442" spans="8:8">
      <c r="H500442" s="12"/>
    </row>
    <row r="500443" spans="8:8">
      <c r="H500443" s="12"/>
    </row>
    <row r="500444" spans="8:8">
      <c r="H500444" s="12"/>
    </row>
    <row r="500445" spans="8:8">
      <c r="H500445" s="12"/>
    </row>
    <row r="500446" spans="8:8">
      <c r="H500446" s="12"/>
    </row>
    <row r="500447" spans="8:8">
      <c r="H500447" s="12"/>
    </row>
    <row r="500448" spans="8:8">
      <c r="H500448" s="12"/>
    </row>
    <row r="500449" spans="8:8">
      <c r="H500449" s="12"/>
    </row>
    <row r="500450" spans="8:8">
      <c r="H500450" s="12"/>
    </row>
    <row r="500451" spans="8:8">
      <c r="H500451" s="12"/>
    </row>
    <row r="500452" spans="8:8">
      <c r="H500452" s="12"/>
    </row>
    <row r="500453" spans="8:8">
      <c r="H500453" s="12"/>
    </row>
    <row r="500454" spans="8:8">
      <c r="H500454" s="12"/>
    </row>
    <row r="500455" spans="8:8">
      <c r="H500455" s="12"/>
    </row>
    <row r="500456" spans="8:8">
      <c r="H500456" s="12"/>
    </row>
    <row r="500457" spans="8:8">
      <c r="H500457" s="12"/>
    </row>
    <row r="500458" spans="8:8">
      <c r="H500458" s="12"/>
    </row>
    <row r="500459" spans="8:8">
      <c r="H500459" s="12"/>
    </row>
    <row r="500460" spans="8:8">
      <c r="H500460" s="12"/>
    </row>
    <row r="500461" spans="8:8">
      <c r="H500461" s="12"/>
    </row>
    <row r="500462" spans="8:8">
      <c r="H500462" s="12"/>
    </row>
    <row r="500463" spans="8:8">
      <c r="H500463" s="12"/>
    </row>
    <row r="500464" spans="8:8">
      <c r="H500464" s="12"/>
    </row>
    <row r="500465" spans="8:8">
      <c r="H500465" s="12"/>
    </row>
    <row r="500466" spans="8:8">
      <c r="H500466" s="12"/>
    </row>
    <row r="500467" spans="8:8">
      <c r="H500467" s="12"/>
    </row>
    <row r="500468" spans="8:8">
      <c r="H500468" s="12"/>
    </row>
    <row r="500469" spans="8:8">
      <c r="H500469" s="12"/>
    </row>
    <row r="500470" spans="8:8">
      <c r="H500470" s="12"/>
    </row>
    <row r="500471" spans="8:8">
      <c r="H500471" s="12"/>
    </row>
    <row r="500472" spans="8:8">
      <c r="H500472" s="12"/>
    </row>
    <row r="500473" spans="8:8">
      <c r="H500473" s="12"/>
    </row>
    <row r="500474" spans="8:8">
      <c r="H500474" s="12"/>
    </row>
    <row r="500475" spans="8:8">
      <c r="H500475" s="12"/>
    </row>
    <row r="500476" spans="8:8">
      <c r="H500476" s="12"/>
    </row>
    <row r="500477" spans="8:8">
      <c r="H500477" s="12"/>
    </row>
    <row r="500478" spans="8:8">
      <c r="H500478" s="12"/>
    </row>
    <row r="500479" spans="8:8">
      <c r="H500479" s="12"/>
    </row>
    <row r="500480" spans="8:8">
      <c r="H500480" s="12"/>
    </row>
    <row r="500481" spans="8:8">
      <c r="H500481" s="12"/>
    </row>
    <row r="500482" spans="8:8">
      <c r="H500482" s="12"/>
    </row>
    <row r="500483" spans="8:8">
      <c r="H500483" s="12"/>
    </row>
    <row r="500484" spans="8:8">
      <c r="H500484" s="12"/>
    </row>
    <row r="500485" spans="8:8">
      <c r="H500485" s="12"/>
    </row>
    <row r="500486" spans="8:8">
      <c r="H500486" s="12"/>
    </row>
    <row r="500487" spans="8:8">
      <c r="H500487" s="12"/>
    </row>
    <row r="500488" spans="8:8">
      <c r="H500488" s="12"/>
    </row>
    <row r="500489" spans="8:8">
      <c r="H500489" s="12"/>
    </row>
    <row r="500490" spans="8:8">
      <c r="H500490" s="12"/>
    </row>
    <row r="500491" spans="8:8">
      <c r="H500491" s="12"/>
    </row>
    <row r="500492" spans="8:8">
      <c r="H500492" s="12"/>
    </row>
    <row r="500493" spans="8:8">
      <c r="H500493" s="12"/>
    </row>
    <row r="500494" spans="8:8">
      <c r="H500494" s="12"/>
    </row>
    <row r="500495" spans="8:8">
      <c r="H500495" s="12"/>
    </row>
    <row r="500496" spans="8:8">
      <c r="H500496" s="12"/>
    </row>
    <row r="500497" spans="8:8">
      <c r="H500497" s="12"/>
    </row>
    <row r="500498" spans="8:8">
      <c r="H500498" s="12"/>
    </row>
    <row r="500499" spans="8:8">
      <c r="H500499" s="12"/>
    </row>
    <row r="500500" spans="8:8">
      <c r="H500500" s="12"/>
    </row>
    <row r="500501" spans="8:8">
      <c r="H500501" s="12"/>
    </row>
    <row r="500502" spans="8:8">
      <c r="H500502" s="12"/>
    </row>
    <row r="500503" spans="8:8">
      <c r="H500503" s="12"/>
    </row>
    <row r="500504" spans="8:8">
      <c r="H500504" s="12"/>
    </row>
    <row r="500505" spans="8:8">
      <c r="H500505" s="12"/>
    </row>
    <row r="500506" spans="8:8">
      <c r="H500506" s="12"/>
    </row>
    <row r="500507" spans="8:8">
      <c r="H500507" s="12"/>
    </row>
    <row r="500508" spans="8:8">
      <c r="H500508" s="12"/>
    </row>
    <row r="500509" spans="8:8">
      <c r="H500509" s="12"/>
    </row>
    <row r="500510" spans="8:8">
      <c r="H500510" s="12"/>
    </row>
    <row r="500511" spans="8:8">
      <c r="H500511" s="12"/>
    </row>
    <row r="500512" spans="8:8">
      <c r="H500512" s="12"/>
    </row>
    <row r="500513" spans="8:8">
      <c r="H500513" s="12"/>
    </row>
    <row r="500514" spans="8:8">
      <c r="H500514" s="12"/>
    </row>
    <row r="500515" spans="8:8">
      <c r="H500515" s="12"/>
    </row>
    <row r="500516" spans="8:8">
      <c r="H500516" s="12"/>
    </row>
    <row r="500517" spans="8:8">
      <c r="H500517" s="12"/>
    </row>
    <row r="500518" spans="8:8">
      <c r="H500518" s="12"/>
    </row>
    <row r="500519" spans="8:8">
      <c r="H500519" s="12"/>
    </row>
    <row r="500520" spans="8:8">
      <c r="H500520" s="12"/>
    </row>
    <row r="500521" spans="8:8">
      <c r="H500521" s="12"/>
    </row>
    <row r="500522" spans="8:8">
      <c r="H500522" s="12"/>
    </row>
    <row r="500523" spans="8:8">
      <c r="H500523" s="12"/>
    </row>
    <row r="500524" spans="8:8">
      <c r="H500524" s="12"/>
    </row>
    <row r="500525" spans="8:8">
      <c r="H500525" s="12"/>
    </row>
    <row r="500526" spans="8:8">
      <c r="H500526" s="12"/>
    </row>
    <row r="500527" spans="8:8">
      <c r="H500527" s="12"/>
    </row>
    <row r="500528" spans="8:8">
      <c r="H500528" s="12"/>
    </row>
    <row r="500529" spans="8:8">
      <c r="H500529" s="12"/>
    </row>
    <row r="500530" spans="8:8">
      <c r="H500530" s="12"/>
    </row>
    <row r="500531" spans="8:8">
      <c r="H500531" s="12"/>
    </row>
    <row r="500532" spans="8:8">
      <c r="H500532" s="12"/>
    </row>
    <row r="500533" spans="8:8">
      <c r="H500533" s="12"/>
    </row>
    <row r="500534" spans="8:8">
      <c r="H500534" s="12"/>
    </row>
    <row r="500535" spans="8:8">
      <c r="H500535" s="12"/>
    </row>
    <row r="500536" spans="8:8">
      <c r="H500536" s="12"/>
    </row>
    <row r="500537" spans="8:8">
      <c r="H500537" s="12"/>
    </row>
    <row r="500538" spans="8:8">
      <c r="H500538" s="12"/>
    </row>
    <row r="500539" spans="8:8">
      <c r="H500539" s="12"/>
    </row>
    <row r="500540" spans="8:8">
      <c r="H500540" s="12"/>
    </row>
    <row r="500541" spans="8:8">
      <c r="H500541" s="12"/>
    </row>
    <row r="500542" spans="8:8">
      <c r="H500542" s="12"/>
    </row>
    <row r="500543" spans="8:8">
      <c r="H500543" s="12"/>
    </row>
    <row r="500544" spans="8:8">
      <c r="H500544" s="12"/>
    </row>
    <row r="500545" spans="8:8">
      <c r="H500545" s="12"/>
    </row>
    <row r="500546" spans="8:8">
      <c r="H500546" s="12"/>
    </row>
    <row r="500547" spans="8:8">
      <c r="H500547" s="12"/>
    </row>
    <row r="500548" spans="8:8">
      <c r="H500548" s="12"/>
    </row>
    <row r="500549" spans="8:8">
      <c r="H500549" s="12"/>
    </row>
    <row r="500550" spans="8:8">
      <c r="H500550" s="12"/>
    </row>
    <row r="500551" spans="8:8">
      <c r="H500551" s="12"/>
    </row>
    <row r="500552" spans="8:8">
      <c r="H500552" s="12"/>
    </row>
    <row r="500553" spans="8:8">
      <c r="H500553" s="12"/>
    </row>
    <row r="500554" spans="8:8">
      <c r="H500554" s="12"/>
    </row>
    <row r="500555" spans="8:8">
      <c r="H500555" s="12"/>
    </row>
    <row r="500556" spans="8:8">
      <c r="H500556" s="12"/>
    </row>
    <row r="500557" spans="8:8">
      <c r="H500557" s="12"/>
    </row>
    <row r="500558" spans="8:8">
      <c r="H500558" s="12"/>
    </row>
    <row r="500559" spans="8:8">
      <c r="H500559" s="12"/>
    </row>
    <row r="500560" spans="8:8">
      <c r="H500560" s="12"/>
    </row>
    <row r="500561" spans="8:8">
      <c r="H500561" s="12"/>
    </row>
    <row r="500562" spans="8:8">
      <c r="H500562" s="12"/>
    </row>
    <row r="500563" spans="8:8">
      <c r="H500563" s="12"/>
    </row>
    <row r="500564" spans="8:8">
      <c r="H500564" s="12"/>
    </row>
    <row r="500565" spans="8:8">
      <c r="H500565" s="12"/>
    </row>
    <row r="500566" spans="8:8">
      <c r="H500566" s="12"/>
    </row>
    <row r="500567" spans="8:8">
      <c r="H500567" s="12"/>
    </row>
    <row r="500568" spans="8:8">
      <c r="H500568" s="12"/>
    </row>
    <row r="500569" spans="8:8">
      <c r="H500569" s="12"/>
    </row>
    <row r="500570" spans="8:8">
      <c r="H500570" s="12"/>
    </row>
    <row r="500571" spans="8:8">
      <c r="H500571" s="12"/>
    </row>
    <row r="500572" spans="8:8">
      <c r="H500572" s="12"/>
    </row>
    <row r="500573" spans="8:8">
      <c r="H500573" s="12"/>
    </row>
    <row r="500574" spans="8:8">
      <c r="H500574" s="12"/>
    </row>
    <row r="500575" spans="8:8">
      <c r="H500575" s="12"/>
    </row>
    <row r="500576" spans="8:8">
      <c r="H500576" s="12"/>
    </row>
    <row r="500577" spans="8:8">
      <c r="H500577" s="12"/>
    </row>
    <row r="500578" spans="8:8">
      <c r="H500578" s="12"/>
    </row>
    <row r="500579" spans="8:8">
      <c r="H500579" s="12"/>
    </row>
    <row r="500580" spans="8:8">
      <c r="H500580" s="12"/>
    </row>
    <row r="500581" spans="8:8">
      <c r="H500581" s="12"/>
    </row>
    <row r="500582" spans="8:8">
      <c r="H500582" s="12"/>
    </row>
    <row r="500583" spans="8:8">
      <c r="H500583" s="12"/>
    </row>
    <row r="500584" spans="8:8">
      <c r="H500584" s="12"/>
    </row>
    <row r="500585" spans="8:8">
      <c r="H500585" s="12"/>
    </row>
    <row r="500586" spans="8:8">
      <c r="H500586" s="12"/>
    </row>
    <row r="500587" spans="8:8">
      <c r="H500587" s="12"/>
    </row>
    <row r="500588" spans="8:8">
      <c r="H500588" s="12"/>
    </row>
    <row r="500589" spans="8:8">
      <c r="H500589" s="12"/>
    </row>
    <row r="500590" spans="8:8">
      <c r="H500590" s="12"/>
    </row>
    <row r="500591" spans="8:8">
      <c r="H500591" s="12"/>
    </row>
    <row r="500592" spans="8:8">
      <c r="H500592" s="12"/>
    </row>
    <row r="500593" spans="8:8">
      <c r="H500593" s="12"/>
    </row>
    <row r="500594" spans="8:8">
      <c r="H500594" s="12"/>
    </row>
    <row r="500595" spans="8:8">
      <c r="H500595" s="12"/>
    </row>
    <row r="500596" spans="8:8">
      <c r="H500596" s="12"/>
    </row>
    <row r="500597" spans="8:8">
      <c r="H500597" s="12"/>
    </row>
    <row r="500598" spans="8:8">
      <c r="H500598" s="12"/>
    </row>
    <row r="500599" spans="8:8">
      <c r="H500599" s="12"/>
    </row>
    <row r="500600" spans="8:8">
      <c r="H500600" s="12"/>
    </row>
    <row r="500601" spans="8:8">
      <c r="H500601" s="12"/>
    </row>
    <row r="500602" spans="8:8">
      <c r="H500602" s="12"/>
    </row>
    <row r="500603" spans="8:8">
      <c r="H500603" s="12"/>
    </row>
    <row r="500604" spans="8:8">
      <c r="H500604" s="12"/>
    </row>
    <row r="500605" spans="8:8">
      <c r="H500605" s="12"/>
    </row>
    <row r="500606" spans="8:8">
      <c r="H500606" s="12"/>
    </row>
    <row r="500607" spans="8:8">
      <c r="H500607" s="12"/>
    </row>
    <row r="500608" spans="8:8">
      <c r="H500608" s="12"/>
    </row>
    <row r="500609" spans="8:8">
      <c r="H500609" s="12"/>
    </row>
    <row r="500610" spans="8:8">
      <c r="H500610" s="12"/>
    </row>
    <row r="500611" spans="8:8">
      <c r="H500611" s="12"/>
    </row>
    <row r="500612" spans="8:8">
      <c r="H500612" s="12"/>
    </row>
    <row r="500613" spans="8:8">
      <c r="H500613" s="12"/>
    </row>
    <row r="500614" spans="8:8">
      <c r="H500614" s="12"/>
    </row>
    <row r="500615" spans="8:8">
      <c r="H500615" s="12"/>
    </row>
    <row r="500616" spans="8:8">
      <c r="H500616" s="12"/>
    </row>
    <row r="500617" spans="8:8">
      <c r="H500617" s="12"/>
    </row>
    <row r="500618" spans="8:8">
      <c r="H500618" s="12"/>
    </row>
    <row r="500619" spans="8:8">
      <c r="H500619" s="12"/>
    </row>
    <row r="500620" spans="8:8">
      <c r="H500620" s="12"/>
    </row>
    <row r="500621" spans="8:8">
      <c r="H500621" s="12"/>
    </row>
    <row r="500622" spans="8:8">
      <c r="H500622" s="12"/>
    </row>
    <row r="500623" spans="8:8">
      <c r="H500623" s="12"/>
    </row>
    <row r="500624" spans="8:8">
      <c r="H500624" s="12"/>
    </row>
    <row r="500625" spans="8:8">
      <c r="H500625" s="12"/>
    </row>
    <row r="500626" spans="8:8">
      <c r="H500626" s="12"/>
    </row>
    <row r="500627" spans="8:8">
      <c r="H500627" s="12"/>
    </row>
    <row r="500628" spans="8:8">
      <c r="H500628" s="12"/>
    </row>
    <row r="500629" spans="8:8">
      <c r="H500629" s="12"/>
    </row>
    <row r="500630" spans="8:8">
      <c r="H500630" s="12"/>
    </row>
    <row r="500631" spans="8:8">
      <c r="H500631" s="12"/>
    </row>
    <row r="500632" spans="8:8">
      <c r="H500632" s="12"/>
    </row>
    <row r="500633" spans="8:8">
      <c r="H500633" s="12"/>
    </row>
    <row r="500634" spans="8:8">
      <c r="H500634" s="12"/>
    </row>
    <row r="500635" spans="8:8">
      <c r="H500635" s="12"/>
    </row>
    <row r="500636" spans="8:8">
      <c r="H500636" s="12"/>
    </row>
    <row r="500637" spans="8:8">
      <c r="H500637" s="12"/>
    </row>
    <row r="500638" spans="8:8">
      <c r="H500638" s="12"/>
    </row>
    <row r="500639" spans="8:8">
      <c r="H500639" s="12"/>
    </row>
    <row r="500640" spans="8:8">
      <c r="H500640" s="12"/>
    </row>
    <row r="500641" spans="8:8">
      <c r="H500641" s="12"/>
    </row>
    <row r="500642" spans="8:8">
      <c r="H500642" s="12"/>
    </row>
    <row r="500643" spans="8:8">
      <c r="H500643" s="12"/>
    </row>
    <row r="500644" spans="8:8">
      <c r="H500644" s="12"/>
    </row>
    <row r="500645" spans="8:8">
      <c r="H500645" s="12"/>
    </row>
    <row r="500646" spans="8:8">
      <c r="H500646" s="12"/>
    </row>
    <row r="500647" spans="8:8">
      <c r="H500647" s="12"/>
    </row>
    <row r="500648" spans="8:8">
      <c r="H500648" s="12"/>
    </row>
    <row r="500649" spans="8:8">
      <c r="H500649" s="12"/>
    </row>
    <row r="500650" spans="8:8">
      <c r="H500650" s="12"/>
    </row>
    <row r="500651" spans="8:8">
      <c r="H500651" s="12"/>
    </row>
    <row r="500652" spans="8:8">
      <c r="H500652" s="12"/>
    </row>
    <row r="500653" spans="8:8">
      <c r="H500653" s="12"/>
    </row>
    <row r="500654" spans="8:8">
      <c r="H500654" s="12"/>
    </row>
    <row r="500655" spans="8:8">
      <c r="H500655" s="12"/>
    </row>
    <row r="500656" spans="8:8">
      <c r="H500656" s="12"/>
    </row>
    <row r="500657" spans="8:8">
      <c r="H500657" s="12"/>
    </row>
    <row r="500658" spans="8:8">
      <c r="H500658" s="12"/>
    </row>
    <row r="500659" spans="8:8">
      <c r="H500659" s="12"/>
    </row>
    <row r="500660" spans="8:8">
      <c r="H500660" s="12"/>
    </row>
    <row r="500661" spans="8:8">
      <c r="H500661" s="12"/>
    </row>
    <row r="500662" spans="8:8">
      <c r="H500662" s="12"/>
    </row>
    <row r="500663" spans="8:8">
      <c r="H500663" s="12"/>
    </row>
    <row r="500664" spans="8:8">
      <c r="H500664" s="12"/>
    </row>
    <row r="500665" spans="8:8">
      <c r="H500665" s="12"/>
    </row>
    <row r="500666" spans="8:8">
      <c r="H500666" s="12"/>
    </row>
    <row r="500667" spans="8:8">
      <c r="H500667" s="12"/>
    </row>
    <row r="500668" spans="8:8">
      <c r="H500668" s="12"/>
    </row>
    <row r="500669" spans="8:8">
      <c r="H500669" s="12"/>
    </row>
    <row r="500670" spans="8:8">
      <c r="H500670" s="12"/>
    </row>
    <row r="500671" spans="8:8">
      <c r="H500671" s="12"/>
    </row>
    <row r="500672" spans="8:8">
      <c r="H500672" s="12"/>
    </row>
    <row r="500673" spans="8:8">
      <c r="H500673" s="12"/>
    </row>
    <row r="500674" spans="8:8">
      <c r="H500674" s="12"/>
    </row>
    <row r="500675" spans="8:8">
      <c r="H500675" s="12"/>
    </row>
    <row r="500676" spans="8:8">
      <c r="H500676" s="12"/>
    </row>
    <row r="500677" spans="8:8">
      <c r="H500677" s="12"/>
    </row>
    <row r="500678" spans="8:8">
      <c r="H500678" s="12"/>
    </row>
    <row r="500679" spans="8:8">
      <c r="H500679" s="12"/>
    </row>
    <row r="500680" spans="8:8">
      <c r="H500680" s="12"/>
    </row>
    <row r="500681" spans="8:8">
      <c r="H500681" s="12"/>
    </row>
    <row r="500682" spans="8:8">
      <c r="H500682" s="12"/>
    </row>
    <row r="500683" spans="8:8">
      <c r="H500683" s="12"/>
    </row>
    <row r="500684" spans="8:8">
      <c r="H500684" s="12"/>
    </row>
    <row r="500685" spans="8:8">
      <c r="H500685" s="12"/>
    </row>
    <row r="500686" spans="8:8">
      <c r="H500686" s="12"/>
    </row>
    <row r="500687" spans="8:8">
      <c r="H500687" s="12"/>
    </row>
    <row r="500688" spans="8:8">
      <c r="H500688" s="12"/>
    </row>
    <row r="500689" spans="8:8">
      <c r="H500689" s="12"/>
    </row>
    <row r="500690" spans="8:8">
      <c r="H500690" s="12"/>
    </row>
    <row r="500691" spans="8:8">
      <c r="H500691" s="12"/>
    </row>
    <row r="500692" spans="8:8">
      <c r="H500692" s="12"/>
    </row>
    <row r="500693" spans="8:8">
      <c r="H500693" s="12"/>
    </row>
    <row r="500694" spans="8:8">
      <c r="H500694" s="12"/>
    </row>
    <row r="500695" spans="8:8">
      <c r="H500695" s="12"/>
    </row>
    <row r="500696" spans="8:8">
      <c r="H500696" s="12"/>
    </row>
    <row r="500697" spans="8:8">
      <c r="H500697" s="12"/>
    </row>
    <row r="500698" spans="8:8">
      <c r="H500698" s="12"/>
    </row>
    <row r="500699" spans="8:8">
      <c r="H500699" s="12"/>
    </row>
    <row r="500700" spans="8:8">
      <c r="H500700" s="12"/>
    </row>
    <row r="500701" spans="8:8">
      <c r="H500701" s="12"/>
    </row>
    <row r="500702" spans="8:8">
      <c r="H500702" s="12"/>
    </row>
    <row r="500703" spans="8:8">
      <c r="H500703" s="12"/>
    </row>
    <row r="500704" spans="8:8">
      <c r="H500704" s="12"/>
    </row>
    <row r="500705" spans="8:8">
      <c r="H500705" s="12"/>
    </row>
    <row r="500706" spans="8:8">
      <c r="H500706" s="12"/>
    </row>
    <row r="500707" spans="8:8">
      <c r="H500707" s="12"/>
    </row>
    <row r="500708" spans="8:8">
      <c r="H500708" s="12"/>
    </row>
    <row r="500709" spans="8:8">
      <c r="H500709" s="12"/>
    </row>
    <row r="500710" spans="8:8">
      <c r="H500710" s="12"/>
    </row>
    <row r="500711" spans="8:8">
      <c r="H500711" s="12"/>
    </row>
    <row r="500712" spans="8:8">
      <c r="H500712" s="12"/>
    </row>
    <row r="500713" spans="8:8">
      <c r="H500713" s="12"/>
    </row>
    <row r="500714" spans="8:8">
      <c r="H500714" s="12"/>
    </row>
    <row r="500715" spans="8:8">
      <c r="H500715" s="12"/>
    </row>
    <row r="500716" spans="8:8">
      <c r="H500716" s="12"/>
    </row>
    <row r="500717" spans="8:8">
      <c r="H500717" s="12"/>
    </row>
    <row r="500718" spans="8:8">
      <c r="H500718" s="12"/>
    </row>
    <row r="500719" spans="8:8">
      <c r="H500719" s="12"/>
    </row>
    <row r="500720" spans="8:8">
      <c r="H500720" s="12"/>
    </row>
    <row r="500721" spans="8:8">
      <c r="H500721" s="12"/>
    </row>
    <row r="500722" spans="8:8">
      <c r="H500722" s="12"/>
    </row>
    <row r="500723" spans="8:8">
      <c r="H500723" s="12"/>
    </row>
    <row r="500724" spans="8:8">
      <c r="H500724" s="12"/>
    </row>
    <row r="500725" spans="8:8">
      <c r="H500725" s="12"/>
    </row>
    <row r="500726" spans="8:8">
      <c r="H500726" s="12"/>
    </row>
    <row r="500727" spans="8:8">
      <c r="H500727" s="12"/>
    </row>
    <row r="500728" spans="8:8">
      <c r="H500728" s="12"/>
    </row>
    <row r="500729" spans="8:8">
      <c r="H500729" s="12"/>
    </row>
    <row r="500730" spans="8:8">
      <c r="H500730" s="12"/>
    </row>
    <row r="500731" spans="8:8">
      <c r="H500731" s="12"/>
    </row>
    <row r="500732" spans="8:8">
      <c r="H500732" s="12"/>
    </row>
    <row r="500733" spans="8:8">
      <c r="H500733" s="12"/>
    </row>
    <row r="500734" spans="8:8">
      <c r="H500734" s="12"/>
    </row>
    <row r="500735" spans="8:8">
      <c r="H500735" s="12"/>
    </row>
    <row r="500736" spans="8:8">
      <c r="H500736" s="12"/>
    </row>
    <row r="500737" spans="8:8">
      <c r="H500737" s="12"/>
    </row>
    <row r="500738" spans="8:8">
      <c r="H500738" s="12"/>
    </row>
    <row r="500739" spans="8:8">
      <c r="H500739" s="12"/>
    </row>
    <row r="500740" spans="8:8">
      <c r="H500740" s="12"/>
    </row>
    <row r="500741" spans="8:8">
      <c r="H500741" s="12"/>
    </row>
    <row r="500742" spans="8:8">
      <c r="H500742" s="12"/>
    </row>
    <row r="500743" spans="8:8">
      <c r="H500743" s="12"/>
    </row>
    <row r="500744" spans="8:8">
      <c r="H500744" s="12"/>
    </row>
    <row r="500745" spans="8:8">
      <c r="H500745" s="12"/>
    </row>
    <row r="500746" spans="8:8">
      <c r="H500746" s="12"/>
    </row>
    <row r="500747" spans="8:8">
      <c r="H500747" s="12"/>
    </row>
    <row r="500748" spans="8:8">
      <c r="H500748" s="12"/>
    </row>
    <row r="500749" spans="8:8">
      <c r="H500749" s="12"/>
    </row>
    <row r="500750" spans="8:8">
      <c r="H500750" s="12"/>
    </row>
    <row r="500751" spans="8:8">
      <c r="H500751" s="12"/>
    </row>
    <row r="500752" spans="8:8">
      <c r="H500752" s="12"/>
    </row>
    <row r="500753" spans="8:8">
      <c r="H500753" s="12"/>
    </row>
    <row r="500754" spans="8:8">
      <c r="H500754" s="12"/>
    </row>
    <row r="500755" spans="8:8">
      <c r="H500755" s="12"/>
    </row>
    <row r="500756" spans="8:8">
      <c r="H500756" s="12"/>
    </row>
    <row r="500757" spans="8:8">
      <c r="H500757" s="12"/>
    </row>
    <row r="500758" spans="8:8">
      <c r="H500758" s="12"/>
    </row>
    <row r="500759" spans="8:8">
      <c r="H500759" s="12"/>
    </row>
    <row r="500760" spans="8:8">
      <c r="H500760" s="12"/>
    </row>
    <row r="500761" spans="8:8">
      <c r="H500761" s="12"/>
    </row>
    <row r="500762" spans="8:8">
      <c r="H500762" s="12"/>
    </row>
    <row r="500763" spans="8:8">
      <c r="H500763" s="12"/>
    </row>
    <row r="500764" spans="8:8">
      <c r="H500764" s="12"/>
    </row>
    <row r="500765" spans="8:8">
      <c r="H500765" s="12"/>
    </row>
    <row r="500766" spans="8:8">
      <c r="H500766" s="12"/>
    </row>
    <row r="500767" spans="8:8">
      <c r="H500767" s="12"/>
    </row>
    <row r="500768" spans="8:8">
      <c r="H500768" s="12"/>
    </row>
    <row r="500769" spans="8:8">
      <c r="H500769" s="12"/>
    </row>
    <row r="500770" spans="8:8">
      <c r="H500770" s="12"/>
    </row>
    <row r="500771" spans="8:8">
      <c r="H500771" s="12"/>
    </row>
    <row r="500772" spans="8:8">
      <c r="H500772" s="12"/>
    </row>
    <row r="500773" spans="8:8">
      <c r="H500773" s="12"/>
    </row>
    <row r="500774" spans="8:8">
      <c r="H500774" s="12"/>
    </row>
    <row r="500775" spans="8:8">
      <c r="H500775" s="12"/>
    </row>
    <row r="500776" spans="8:8">
      <c r="H500776" s="12"/>
    </row>
    <row r="500777" spans="8:8">
      <c r="H500777" s="12"/>
    </row>
    <row r="500778" spans="8:8">
      <c r="H500778" s="12"/>
    </row>
    <row r="500779" spans="8:8">
      <c r="H500779" s="12"/>
    </row>
    <row r="500780" spans="8:8">
      <c r="H500780" s="12"/>
    </row>
    <row r="500781" spans="8:8">
      <c r="H500781" s="12"/>
    </row>
    <row r="500782" spans="8:8">
      <c r="H500782" s="12"/>
    </row>
    <row r="500783" spans="8:8">
      <c r="H500783" s="12"/>
    </row>
    <row r="500784" spans="8:8">
      <c r="H500784" s="12"/>
    </row>
    <row r="500785" spans="8:8">
      <c r="H500785" s="12"/>
    </row>
    <row r="500786" spans="8:8">
      <c r="H500786" s="12"/>
    </row>
    <row r="500787" spans="8:8">
      <c r="H500787" s="12"/>
    </row>
    <row r="500788" spans="8:8">
      <c r="H500788" s="12"/>
    </row>
    <row r="500789" spans="8:8">
      <c r="H500789" s="12"/>
    </row>
    <row r="500790" spans="8:8">
      <c r="H500790" s="12"/>
    </row>
    <row r="500791" spans="8:8">
      <c r="H500791" s="12"/>
    </row>
    <row r="500792" spans="8:8">
      <c r="H500792" s="12"/>
    </row>
    <row r="500793" spans="8:8">
      <c r="H500793" s="12"/>
    </row>
    <row r="500794" spans="8:8">
      <c r="H500794" s="12"/>
    </row>
    <row r="500795" spans="8:8">
      <c r="H500795" s="12"/>
    </row>
    <row r="500796" spans="8:8">
      <c r="H500796" s="12"/>
    </row>
    <row r="500797" spans="8:8">
      <c r="H500797" s="12"/>
    </row>
    <row r="500798" spans="8:8">
      <c r="H500798" s="12"/>
    </row>
    <row r="500799" spans="8:8">
      <c r="H500799" s="12"/>
    </row>
    <row r="500800" spans="8:8">
      <c r="H500800" s="12"/>
    </row>
    <row r="500801" spans="8:8">
      <c r="H500801" s="12"/>
    </row>
    <row r="500802" spans="8:8">
      <c r="H500802" s="12"/>
    </row>
    <row r="500803" spans="8:8">
      <c r="H500803" s="12"/>
    </row>
    <row r="500804" spans="8:8">
      <c r="H500804" s="12"/>
    </row>
    <row r="500805" spans="8:8">
      <c r="H500805" s="12"/>
    </row>
    <row r="500806" spans="8:8">
      <c r="H500806" s="12"/>
    </row>
    <row r="500807" spans="8:8">
      <c r="H500807" s="12"/>
    </row>
    <row r="500808" spans="8:8">
      <c r="H500808" s="12"/>
    </row>
    <row r="500809" spans="8:8">
      <c r="H500809" s="12"/>
    </row>
    <row r="500810" spans="8:8">
      <c r="H500810" s="12"/>
    </row>
    <row r="500811" spans="8:8">
      <c r="H500811" s="12"/>
    </row>
    <row r="500812" spans="8:8">
      <c r="H500812" s="12"/>
    </row>
    <row r="500813" spans="8:8">
      <c r="H500813" s="12"/>
    </row>
    <row r="500814" spans="8:8">
      <c r="H500814" s="12"/>
    </row>
    <row r="500815" spans="8:8">
      <c r="H500815" s="12"/>
    </row>
    <row r="500816" spans="8:8">
      <c r="H500816" s="12"/>
    </row>
    <row r="500817" spans="8:8">
      <c r="H500817" s="12"/>
    </row>
    <row r="500818" spans="8:8">
      <c r="H500818" s="12"/>
    </row>
    <row r="500819" spans="8:8">
      <c r="H500819" s="12"/>
    </row>
    <row r="500820" spans="8:8">
      <c r="H500820" s="12"/>
    </row>
    <row r="500821" spans="8:8">
      <c r="H500821" s="12"/>
    </row>
    <row r="500822" spans="8:8">
      <c r="H500822" s="12"/>
    </row>
    <row r="500823" spans="8:8">
      <c r="H500823" s="12"/>
    </row>
    <row r="500824" spans="8:8">
      <c r="H500824" s="12"/>
    </row>
    <row r="500825" spans="8:8">
      <c r="H500825" s="12"/>
    </row>
    <row r="500826" spans="8:8">
      <c r="H500826" s="12"/>
    </row>
    <row r="500827" spans="8:8">
      <c r="H500827" s="12"/>
    </row>
    <row r="500828" spans="8:8">
      <c r="H500828" s="12"/>
    </row>
    <row r="500829" spans="8:8">
      <c r="H500829" s="12"/>
    </row>
    <row r="500830" spans="8:8">
      <c r="H500830" s="12"/>
    </row>
    <row r="500831" spans="8:8">
      <c r="H500831" s="12"/>
    </row>
    <row r="500832" spans="8:8">
      <c r="H500832" s="12"/>
    </row>
    <row r="500833" spans="8:8">
      <c r="H500833" s="12"/>
    </row>
    <row r="500834" spans="8:8">
      <c r="H500834" s="12"/>
    </row>
    <row r="500835" spans="8:8">
      <c r="H500835" s="12"/>
    </row>
    <row r="500836" spans="8:8">
      <c r="H500836" s="12"/>
    </row>
    <row r="500837" spans="8:8">
      <c r="H500837" s="12"/>
    </row>
    <row r="500838" spans="8:8">
      <c r="H500838" s="12"/>
    </row>
    <row r="500839" spans="8:8">
      <c r="H500839" s="12"/>
    </row>
    <row r="500840" spans="8:8">
      <c r="H500840" s="12"/>
    </row>
    <row r="500841" spans="8:8">
      <c r="H500841" s="12"/>
    </row>
    <row r="500842" spans="8:8">
      <c r="H500842" s="12"/>
    </row>
    <row r="500843" spans="8:8">
      <c r="H500843" s="12"/>
    </row>
    <row r="500844" spans="8:8">
      <c r="H500844" s="12"/>
    </row>
    <row r="500845" spans="8:8">
      <c r="H500845" s="12"/>
    </row>
    <row r="500846" spans="8:8">
      <c r="H500846" s="12"/>
    </row>
    <row r="500847" spans="8:8">
      <c r="H500847" s="12"/>
    </row>
    <row r="500848" spans="8:8">
      <c r="H500848" s="12"/>
    </row>
    <row r="500849" spans="8:8">
      <c r="H500849" s="12"/>
    </row>
    <row r="500850" spans="8:8">
      <c r="H500850" s="12"/>
    </row>
    <row r="500851" spans="8:8">
      <c r="H500851" s="12"/>
    </row>
    <row r="500852" spans="8:8">
      <c r="H500852" s="12"/>
    </row>
    <row r="500853" spans="8:8">
      <c r="H500853" s="12"/>
    </row>
    <row r="500854" spans="8:8">
      <c r="H500854" s="12"/>
    </row>
    <row r="500855" spans="8:8">
      <c r="H500855" s="12"/>
    </row>
    <row r="500856" spans="8:8">
      <c r="H500856" s="12"/>
    </row>
    <row r="500857" spans="8:8">
      <c r="H500857" s="12"/>
    </row>
    <row r="500858" spans="8:8">
      <c r="H500858" s="12"/>
    </row>
    <row r="500859" spans="8:8">
      <c r="H500859" s="12"/>
    </row>
    <row r="500860" spans="8:8">
      <c r="H500860" s="12"/>
    </row>
    <row r="500861" spans="8:8">
      <c r="H500861" s="12"/>
    </row>
    <row r="500862" spans="8:8">
      <c r="H500862" s="12"/>
    </row>
    <row r="500863" spans="8:8">
      <c r="H500863" s="12"/>
    </row>
    <row r="500864" spans="8:8">
      <c r="H500864" s="12"/>
    </row>
    <row r="500865" spans="8:8">
      <c r="H500865" s="12"/>
    </row>
    <row r="500866" spans="8:8">
      <c r="H500866" s="12"/>
    </row>
    <row r="500867" spans="8:8">
      <c r="H500867" s="12"/>
    </row>
    <row r="500868" spans="8:8">
      <c r="H500868" s="12"/>
    </row>
    <row r="500869" spans="8:8">
      <c r="H500869" s="12"/>
    </row>
    <row r="500870" spans="8:8">
      <c r="H500870" s="12"/>
    </row>
    <row r="500871" spans="8:8">
      <c r="H500871" s="12"/>
    </row>
    <row r="500872" spans="8:8">
      <c r="H500872" s="12"/>
    </row>
    <row r="500873" spans="8:8">
      <c r="H500873" s="12"/>
    </row>
    <row r="500874" spans="8:8">
      <c r="H500874" s="12"/>
    </row>
    <row r="500875" spans="8:8">
      <c r="H500875" s="12"/>
    </row>
    <row r="500876" spans="8:8">
      <c r="H500876" s="12"/>
    </row>
    <row r="500877" spans="8:8">
      <c r="H500877" s="12"/>
    </row>
    <row r="500878" spans="8:8">
      <c r="H500878" s="12"/>
    </row>
    <row r="500879" spans="8:8">
      <c r="H500879" s="12"/>
    </row>
    <row r="500880" spans="8:8">
      <c r="H500880" s="12"/>
    </row>
    <row r="500881" spans="8:8">
      <c r="H500881" s="12"/>
    </row>
    <row r="500882" spans="8:8">
      <c r="H500882" s="12"/>
    </row>
    <row r="500883" spans="8:8">
      <c r="H500883" s="12"/>
    </row>
    <row r="500884" spans="8:8">
      <c r="H500884" s="12"/>
    </row>
    <row r="500885" spans="8:8">
      <c r="H500885" s="12"/>
    </row>
    <row r="500886" spans="8:8">
      <c r="H500886" s="12"/>
    </row>
    <row r="500887" spans="8:8">
      <c r="H500887" s="12"/>
    </row>
    <row r="500888" spans="8:8">
      <c r="H500888" s="12"/>
    </row>
    <row r="500889" spans="8:8">
      <c r="H500889" s="12"/>
    </row>
    <row r="500890" spans="8:8">
      <c r="H500890" s="12"/>
    </row>
    <row r="500891" spans="8:8">
      <c r="H500891" s="12"/>
    </row>
    <row r="500892" spans="8:8">
      <c r="H500892" s="12"/>
    </row>
    <row r="500893" spans="8:8">
      <c r="H500893" s="12"/>
    </row>
    <row r="500894" spans="8:8">
      <c r="H500894" s="12"/>
    </row>
    <row r="500895" spans="8:8">
      <c r="H500895" s="12"/>
    </row>
    <row r="500896" spans="8:8">
      <c r="H500896" s="12"/>
    </row>
    <row r="500897" spans="8:8">
      <c r="H500897" s="12"/>
    </row>
    <row r="500898" spans="8:8">
      <c r="H500898" s="12"/>
    </row>
    <row r="500899" spans="8:8">
      <c r="H500899" s="12"/>
    </row>
    <row r="500900" spans="8:8">
      <c r="H500900" s="12"/>
    </row>
    <row r="500901" spans="8:8">
      <c r="H500901" s="12"/>
    </row>
    <row r="500902" spans="8:8">
      <c r="H500902" s="12"/>
    </row>
    <row r="500903" spans="8:8">
      <c r="H500903" s="12"/>
    </row>
    <row r="500904" spans="8:8">
      <c r="H500904" s="12"/>
    </row>
    <row r="500905" spans="8:8">
      <c r="H500905" s="12"/>
    </row>
    <row r="500906" spans="8:8">
      <c r="H500906" s="12"/>
    </row>
    <row r="500907" spans="8:8">
      <c r="H500907" s="12"/>
    </row>
    <row r="500908" spans="8:8">
      <c r="H500908" s="12"/>
    </row>
    <row r="500909" spans="8:8">
      <c r="H500909" s="12"/>
    </row>
    <row r="500910" spans="8:8">
      <c r="H500910" s="12"/>
    </row>
    <row r="500911" spans="8:8">
      <c r="H500911" s="12"/>
    </row>
    <row r="500912" spans="8:8">
      <c r="H500912" s="12"/>
    </row>
    <row r="500913" spans="8:8">
      <c r="H500913" s="12"/>
    </row>
    <row r="500914" spans="8:8">
      <c r="H500914" s="12"/>
    </row>
    <row r="500915" spans="8:8">
      <c r="H500915" s="12"/>
    </row>
    <row r="500916" spans="8:8">
      <c r="H500916" s="12"/>
    </row>
    <row r="500917" spans="8:8">
      <c r="H500917" s="12"/>
    </row>
    <row r="500918" spans="8:8">
      <c r="H500918" s="12"/>
    </row>
    <row r="500919" spans="8:8">
      <c r="H500919" s="12"/>
    </row>
    <row r="500920" spans="8:8">
      <c r="H500920" s="12"/>
    </row>
    <row r="500921" spans="8:8">
      <c r="H500921" s="12"/>
    </row>
    <row r="500922" spans="8:8">
      <c r="H500922" s="12"/>
    </row>
    <row r="500923" spans="8:8">
      <c r="H500923" s="12"/>
    </row>
    <row r="500924" spans="8:8">
      <c r="H500924" s="12"/>
    </row>
    <row r="500925" spans="8:8">
      <c r="H500925" s="12"/>
    </row>
    <row r="500926" spans="8:8">
      <c r="H500926" s="12"/>
    </row>
    <row r="500927" spans="8:8">
      <c r="H500927" s="12"/>
    </row>
    <row r="500928" spans="8:8">
      <c r="H500928" s="12"/>
    </row>
    <row r="500929" spans="8:8">
      <c r="H500929" s="12"/>
    </row>
    <row r="500930" spans="8:8">
      <c r="H500930" s="12"/>
    </row>
    <row r="500931" spans="8:8">
      <c r="H500931" s="12"/>
    </row>
    <row r="500932" spans="8:8">
      <c r="H500932" s="12"/>
    </row>
    <row r="500933" spans="8:8">
      <c r="H500933" s="12"/>
    </row>
    <row r="500934" spans="8:8">
      <c r="H500934" s="12"/>
    </row>
    <row r="500935" spans="8:8">
      <c r="H500935" s="12"/>
    </row>
    <row r="500936" spans="8:8">
      <c r="H500936" s="12"/>
    </row>
    <row r="500937" spans="8:8">
      <c r="H500937" s="12"/>
    </row>
    <row r="500938" spans="8:8">
      <c r="H500938" s="12"/>
    </row>
    <row r="500939" spans="8:8">
      <c r="H500939" s="12"/>
    </row>
    <row r="500940" spans="8:8">
      <c r="H500940" s="12"/>
    </row>
    <row r="500941" spans="8:8">
      <c r="H500941" s="12"/>
    </row>
    <row r="500942" spans="8:8">
      <c r="H500942" s="12"/>
    </row>
    <row r="500943" spans="8:8">
      <c r="H500943" s="12"/>
    </row>
    <row r="500944" spans="8:8">
      <c r="H500944" s="12"/>
    </row>
    <row r="500945" spans="8:8">
      <c r="H500945" s="12"/>
    </row>
    <row r="500946" spans="8:8">
      <c r="H500946" s="12"/>
    </row>
    <row r="500947" spans="8:8">
      <c r="H500947" s="12"/>
    </row>
    <row r="500948" spans="8:8">
      <c r="H500948" s="12"/>
    </row>
    <row r="500949" spans="8:8">
      <c r="H500949" s="12"/>
    </row>
    <row r="500950" spans="8:8">
      <c r="H500950" s="12"/>
    </row>
    <row r="500951" spans="8:8">
      <c r="H500951" s="12"/>
    </row>
    <row r="500952" spans="8:8">
      <c r="H500952" s="12"/>
    </row>
    <row r="500953" spans="8:8">
      <c r="H500953" s="12"/>
    </row>
    <row r="500954" spans="8:8">
      <c r="H500954" s="12"/>
    </row>
    <row r="500955" spans="8:8">
      <c r="H500955" s="12"/>
    </row>
    <row r="500956" spans="8:8">
      <c r="H500956" s="12"/>
    </row>
    <row r="500957" spans="8:8">
      <c r="H500957" s="12"/>
    </row>
    <row r="500958" spans="8:8">
      <c r="H500958" s="12"/>
    </row>
    <row r="500959" spans="8:8">
      <c r="H500959" s="12"/>
    </row>
    <row r="500960" spans="8:8">
      <c r="H500960" s="12"/>
    </row>
    <row r="500961" spans="8:8">
      <c r="H500961" s="12"/>
    </row>
    <row r="500962" spans="8:8">
      <c r="H500962" s="12"/>
    </row>
    <row r="500963" spans="8:8">
      <c r="H500963" s="12"/>
    </row>
    <row r="500964" spans="8:8">
      <c r="H500964" s="12"/>
    </row>
    <row r="500965" spans="8:8">
      <c r="H500965" s="12"/>
    </row>
    <row r="500966" spans="8:8">
      <c r="H500966" s="12"/>
    </row>
    <row r="500967" spans="8:8">
      <c r="H500967" s="12"/>
    </row>
    <row r="500968" spans="8:8">
      <c r="H500968" s="12"/>
    </row>
    <row r="500969" spans="8:8">
      <c r="H500969" s="12"/>
    </row>
    <row r="500970" spans="8:8">
      <c r="H500970" s="12"/>
    </row>
    <row r="500971" spans="8:8">
      <c r="H500971" s="12"/>
    </row>
    <row r="500972" spans="8:8">
      <c r="H500972" s="12"/>
    </row>
    <row r="500973" spans="8:8">
      <c r="H500973" s="12"/>
    </row>
    <row r="500974" spans="8:8">
      <c r="H500974" s="12"/>
    </row>
    <row r="500975" spans="8:8">
      <c r="H500975" s="12"/>
    </row>
    <row r="500976" spans="8:8">
      <c r="H500976" s="12"/>
    </row>
    <row r="500977" spans="8:8">
      <c r="H500977" s="12"/>
    </row>
    <row r="500978" spans="8:8">
      <c r="H500978" s="12"/>
    </row>
    <row r="500979" spans="8:8">
      <c r="H500979" s="12"/>
    </row>
    <row r="500980" spans="8:8">
      <c r="H500980" s="12"/>
    </row>
    <row r="500981" spans="8:8">
      <c r="H500981" s="12"/>
    </row>
    <row r="500982" spans="8:8">
      <c r="H500982" s="12"/>
    </row>
    <row r="500983" spans="8:8">
      <c r="H500983" s="12"/>
    </row>
    <row r="500984" spans="8:8">
      <c r="H500984" s="12"/>
    </row>
    <row r="500985" spans="8:8">
      <c r="H500985" s="12"/>
    </row>
    <row r="500986" spans="8:8">
      <c r="H500986" s="12"/>
    </row>
    <row r="500987" spans="8:8">
      <c r="H500987" s="12"/>
    </row>
    <row r="500988" spans="8:8">
      <c r="H500988" s="12"/>
    </row>
    <row r="500989" spans="8:8">
      <c r="H500989" s="12"/>
    </row>
    <row r="500990" spans="8:8">
      <c r="H500990" s="12"/>
    </row>
    <row r="500991" spans="8:8">
      <c r="H500991" s="12"/>
    </row>
    <row r="500992" spans="8:8">
      <c r="H500992" s="12"/>
    </row>
    <row r="500993" spans="8:8">
      <c r="H500993" s="12"/>
    </row>
    <row r="500994" spans="8:8">
      <c r="H500994" s="12"/>
    </row>
    <row r="500995" spans="8:8">
      <c r="H500995" s="12"/>
    </row>
    <row r="500996" spans="8:8">
      <c r="H500996" s="12"/>
    </row>
    <row r="500997" spans="8:8">
      <c r="H500997" s="12"/>
    </row>
    <row r="500998" spans="8:8">
      <c r="H500998" s="12"/>
    </row>
    <row r="500999" spans="8:8">
      <c r="H500999" s="12"/>
    </row>
    <row r="501000" spans="8:8">
      <c r="H501000" s="12"/>
    </row>
    <row r="501001" spans="8:8">
      <c r="H501001" s="12"/>
    </row>
    <row r="501002" spans="8:8">
      <c r="H501002" s="12"/>
    </row>
    <row r="501003" spans="8:8">
      <c r="H501003" s="12"/>
    </row>
    <row r="501004" spans="8:8">
      <c r="H501004" s="12"/>
    </row>
    <row r="501005" spans="8:8">
      <c r="H501005" s="12"/>
    </row>
    <row r="501006" spans="8:8">
      <c r="H501006" s="12"/>
    </row>
    <row r="501007" spans="8:8">
      <c r="H501007" s="12"/>
    </row>
    <row r="501008" spans="8:8">
      <c r="H501008" s="12"/>
    </row>
    <row r="501009" spans="8:8">
      <c r="H501009" s="12"/>
    </row>
    <row r="501010" spans="8:8">
      <c r="H501010" s="12"/>
    </row>
    <row r="501011" spans="8:8">
      <c r="H501011" s="12"/>
    </row>
    <row r="501012" spans="8:8">
      <c r="H501012" s="12"/>
    </row>
    <row r="501013" spans="8:8">
      <c r="H501013" s="12"/>
    </row>
    <row r="501014" spans="8:8">
      <c r="H501014" s="12"/>
    </row>
    <row r="501015" spans="8:8">
      <c r="H501015" s="12"/>
    </row>
    <row r="501016" spans="8:8">
      <c r="H501016" s="12"/>
    </row>
    <row r="501017" spans="8:8">
      <c r="H501017" s="12"/>
    </row>
    <row r="501018" spans="8:8">
      <c r="H501018" s="12"/>
    </row>
    <row r="501019" spans="8:8">
      <c r="H501019" s="12"/>
    </row>
    <row r="501020" spans="8:8">
      <c r="H501020" s="12"/>
    </row>
    <row r="501021" spans="8:8">
      <c r="H501021" s="12"/>
    </row>
    <row r="501022" spans="8:8">
      <c r="H501022" s="12"/>
    </row>
    <row r="501023" spans="8:8">
      <c r="H501023" s="12"/>
    </row>
    <row r="501024" spans="8:8">
      <c r="H501024" s="12"/>
    </row>
    <row r="501025" spans="8:8">
      <c r="H501025" s="12"/>
    </row>
    <row r="501026" spans="8:8">
      <c r="H501026" s="12"/>
    </row>
    <row r="501027" spans="8:8">
      <c r="H501027" s="12"/>
    </row>
    <row r="501028" spans="8:8">
      <c r="H501028" s="12"/>
    </row>
    <row r="501029" spans="8:8">
      <c r="H501029" s="12"/>
    </row>
    <row r="501030" spans="8:8">
      <c r="H501030" s="12"/>
    </row>
    <row r="501031" spans="8:8">
      <c r="H501031" s="12"/>
    </row>
    <row r="501032" spans="8:8">
      <c r="H501032" s="12"/>
    </row>
    <row r="501033" spans="8:8">
      <c r="H501033" s="12"/>
    </row>
    <row r="501034" spans="8:8">
      <c r="H501034" s="12"/>
    </row>
    <row r="501035" spans="8:8">
      <c r="H501035" s="12"/>
    </row>
    <row r="501036" spans="8:8">
      <c r="H501036" s="12"/>
    </row>
    <row r="501037" spans="8:8">
      <c r="H501037" s="12"/>
    </row>
    <row r="501038" spans="8:8">
      <c r="H501038" s="12"/>
    </row>
    <row r="501039" spans="8:8">
      <c r="H501039" s="12"/>
    </row>
    <row r="501040" spans="8:8">
      <c r="H501040" s="12"/>
    </row>
    <row r="501041" spans="8:8">
      <c r="H501041" s="12"/>
    </row>
    <row r="501042" spans="8:8">
      <c r="H501042" s="12"/>
    </row>
    <row r="501043" spans="8:8">
      <c r="H501043" s="12"/>
    </row>
    <row r="501044" spans="8:8">
      <c r="H501044" s="12"/>
    </row>
    <row r="501045" spans="8:8">
      <c r="H501045" s="12"/>
    </row>
    <row r="501046" spans="8:8">
      <c r="H501046" s="12"/>
    </row>
    <row r="501047" spans="8:8">
      <c r="H501047" s="12"/>
    </row>
    <row r="501048" spans="8:8">
      <c r="H501048" s="12"/>
    </row>
    <row r="501049" spans="8:8">
      <c r="H501049" s="12"/>
    </row>
    <row r="501050" spans="8:8">
      <c r="H501050" s="12"/>
    </row>
    <row r="501051" spans="8:8">
      <c r="H501051" s="12"/>
    </row>
    <row r="501052" spans="8:8">
      <c r="H501052" s="12"/>
    </row>
    <row r="501053" spans="8:8">
      <c r="H501053" s="12"/>
    </row>
    <row r="501054" spans="8:8">
      <c r="H501054" s="12"/>
    </row>
    <row r="501055" spans="8:8">
      <c r="H501055" s="12"/>
    </row>
    <row r="501056" spans="8:8">
      <c r="H501056" s="12"/>
    </row>
    <row r="501057" spans="8:8">
      <c r="H501057" s="12"/>
    </row>
    <row r="501058" spans="8:8">
      <c r="H501058" s="12"/>
    </row>
    <row r="501059" spans="8:8">
      <c r="H501059" s="12"/>
    </row>
    <row r="501060" spans="8:8">
      <c r="H501060" s="12"/>
    </row>
    <row r="501061" spans="8:8">
      <c r="H501061" s="12"/>
    </row>
    <row r="501062" spans="8:8">
      <c r="H501062" s="12"/>
    </row>
    <row r="501063" spans="8:8">
      <c r="H501063" s="12"/>
    </row>
    <row r="501064" spans="8:8">
      <c r="H501064" s="12"/>
    </row>
    <row r="501065" spans="8:8">
      <c r="H501065" s="12"/>
    </row>
    <row r="501066" spans="8:8">
      <c r="H501066" s="12"/>
    </row>
    <row r="501067" spans="8:8">
      <c r="H501067" s="12"/>
    </row>
    <row r="501068" spans="8:8">
      <c r="H501068" s="12"/>
    </row>
    <row r="501069" spans="8:8">
      <c r="H501069" s="12"/>
    </row>
    <row r="501070" spans="8:8">
      <c r="H501070" s="12"/>
    </row>
    <row r="501071" spans="8:8">
      <c r="H501071" s="12"/>
    </row>
    <row r="501072" spans="8:8">
      <c r="H501072" s="12"/>
    </row>
    <row r="501073" spans="8:8">
      <c r="H501073" s="12"/>
    </row>
    <row r="501074" spans="8:8">
      <c r="H501074" s="12"/>
    </row>
    <row r="501075" spans="8:8">
      <c r="H501075" s="12"/>
    </row>
    <row r="501076" spans="8:8">
      <c r="H501076" s="12"/>
    </row>
    <row r="501077" spans="8:8">
      <c r="H501077" s="12"/>
    </row>
    <row r="501078" spans="8:8">
      <c r="H501078" s="12"/>
    </row>
    <row r="501079" spans="8:8">
      <c r="H501079" s="12"/>
    </row>
    <row r="501080" spans="8:8">
      <c r="H501080" s="12"/>
    </row>
    <row r="501081" spans="8:8">
      <c r="H501081" s="12"/>
    </row>
    <row r="501082" spans="8:8">
      <c r="H501082" s="12"/>
    </row>
    <row r="501083" spans="8:8">
      <c r="H501083" s="12"/>
    </row>
    <row r="501084" spans="8:8">
      <c r="H501084" s="12"/>
    </row>
    <row r="501085" spans="8:8">
      <c r="H501085" s="12"/>
    </row>
    <row r="501086" spans="8:8">
      <c r="H501086" s="12"/>
    </row>
    <row r="501087" spans="8:8">
      <c r="H501087" s="12"/>
    </row>
    <row r="501088" spans="8:8">
      <c r="H501088" s="12"/>
    </row>
    <row r="501089" spans="8:8">
      <c r="H501089" s="12"/>
    </row>
    <row r="501090" spans="8:8">
      <c r="H501090" s="12"/>
    </row>
    <row r="501091" spans="8:8">
      <c r="H501091" s="12"/>
    </row>
    <row r="501092" spans="8:8">
      <c r="H501092" s="12"/>
    </row>
    <row r="501093" spans="8:8">
      <c r="H501093" s="12"/>
    </row>
    <row r="501094" spans="8:8">
      <c r="H501094" s="12"/>
    </row>
    <row r="501095" spans="8:8">
      <c r="H501095" s="12"/>
    </row>
    <row r="501096" spans="8:8">
      <c r="H501096" s="12"/>
    </row>
    <row r="501097" spans="8:8">
      <c r="H501097" s="12"/>
    </row>
    <row r="501098" spans="8:8">
      <c r="H501098" s="12"/>
    </row>
    <row r="501099" spans="8:8">
      <c r="H501099" s="12"/>
    </row>
    <row r="501100" spans="8:8">
      <c r="H501100" s="12"/>
    </row>
    <row r="501101" spans="8:8">
      <c r="H501101" s="12"/>
    </row>
    <row r="501102" spans="8:8">
      <c r="H501102" s="12"/>
    </row>
    <row r="501103" spans="8:8">
      <c r="H501103" s="12"/>
    </row>
    <row r="501104" spans="8:8">
      <c r="H501104" s="12"/>
    </row>
    <row r="501105" spans="8:8">
      <c r="H501105" s="12"/>
    </row>
    <row r="501106" spans="8:8">
      <c r="H501106" s="12"/>
    </row>
    <row r="501107" spans="8:8">
      <c r="H501107" s="12"/>
    </row>
    <row r="501108" spans="8:8">
      <c r="H501108" s="12"/>
    </row>
    <row r="501109" spans="8:8">
      <c r="H501109" s="12"/>
    </row>
    <row r="501110" spans="8:8">
      <c r="H501110" s="12"/>
    </row>
    <row r="501111" spans="8:8">
      <c r="H501111" s="12"/>
    </row>
    <row r="501112" spans="8:8">
      <c r="H501112" s="12"/>
    </row>
    <row r="501113" spans="8:8">
      <c r="H501113" s="12"/>
    </row>
    <row r="501114" spans="8:8">
      <c r="H501114" s="12"/>
    </row>
    <row r="501115" spans="8:8">
      <c r="H501115" s="12"/>
    </row>
    <row r="501116" spans="8:8">
      <c r="H501116" s="12"/>
    </row>
    <row r="501117" spans="8:8">
      <c r="H501117" s="12"/>
    </row>
    <row r="501118" spans="8:8">
      <c r="H501118" s="12"/>
    </row>
    <row r="501119" spans="8:8">
      <c r="H501119" s="12"/>
    </row>
    <row r="501120" spans="8:8">
      <c r="H501120" s="12"/>
    </row>
    <row r="501121" spans="8:8">
      <c r="H501121" s="12"/>
    </row>
    <row r="501122" spans="8:8">
      <c r="H501122" s="12"/>
    </row>
    <row r="501123" spans="8:8">
      <c r="H501123" s="12"/>
    </row>
    <row r="501124" spans="8:8">
      <c r="H501124" s="12"/>
    </row>
    <row r="501125" spans="8:8">
      <c r="H501125" s="12"/>
    </row>
    <row r="501126" spans="8:8">
      <c r="H501126" s="12"/>
    </row>
    <row r="501127" spans="8:8">
      <c r="H501127" s="12"/>
    </row>
    <row r="501128" spans="8:8">
      <c r="H501128" s="12"/>
    </row>
    <row r="501129" spans="8:8">
      <c r="H501129" s="12"/>
    </row>
    <row r="501130" spans="8:8">
      <c r="H501130" s="12"/>
    </row>
    <row r="501131" spans="8:8">
      <c r="H501131" s="12"/>
    </row>
    <row r="501132" spans="8:8">
      <c r="H501132" s="12"/>
    </row>
    <row r="501133" spans="8:8">
      <c r="H501133" s="12"/>
    </row>
    <row r="501134" spans="8:8">
      <c r="H501134" s="12"/>
    </row>
    <row r="501135" spans="8:8">
      <c r="H501135" s="12"/>
    </row>
    <row r="501136" spans="8:8">
      <c r="H501136" s="12"/>
    </row>
    <row r="501137" spans="8:8">
      <c r="H501137" s="12"/>
    </row>
    <row r="501138" spans="8:8">
      <c r="H501138" s="12"/>
    </row>
    <row r="501139" spans="8:8">
      <c r="H501139" s="12"/>
    </row>
    <row r="501140" spans="8:8">
      <c r="H501140" s="12"/>
    </row>
    <row r="501141" spans="8:8">
      <c r="H501141" s="12"/>
    </row>
    <row r="501142" spans="8:8">
      <c r="H501142" s="12"/>
    </row>
    <row r="501143" spans="8:8">
      <c r="H501143" s="12"/>
    </row>
    <row r="501144" spans="8:8">
      <c r="H501144" s="12"/>
    </row>
    <row r="501145" spans="8:8">
      <c r="H501145" s="12"/>
    </row>
    <row r="501146" spans="8:8">
      <c r="H501146" s="12"/>
    </row>
    <row r="501147" spans="8:8">
      <c r="H501147" s="12"/>
    </row>
    <row r="501148" spans="8:8">
      <c r="H501148" s="12"/>
    </row>
    <row r="501149" spans="8:8">
      <c r="H501149" s="12"/>
    </row>
    <row r="501150" spans="8:8">
      <c r="H501150" s="12"/>
    </row>
    <row r="501151" spans="8:8">
      <c r="H501151" s="12"/>
    </row>
    <row r="501152" spans="8:8">
      <c r="H501152" s="12"/>
    </row>
    <row r="501153" spans="8:8">
      <c r="H501153" s="12"/>
    </row>
    <row r="501154" spans="8:8">
      <c r="H501154" s="12"/>
    </row>
    <row r="501155" spans="8:8">
      <c r="H501155" s="12"/>
    </row>
    <row r="501156" spans="8:8">
      <c r="H501156" s="12"/>
    </row>
    <row r="501157" spans="8:8">
      <c r="H501157" s="12"/>
    </row>
    <row r="501158" spans="8:8">
      <c r="H501158" s="12"/>
    </row>
    <row r="501159" spans="8:8">
      <c r="H501159" s="12"/>
    </row>
    <row r="501160" spans="8:8">
      <c r="H501160" s="12"/>
    </row>
    <row r="501161" spans="8:8">
      <c r="H501161" s="12"/>
    </row>
    <row r="501162" spans="8:8">
      <c r="H501162" s="12"/>
    </row>
    <row r="501163" spans="8:8">
      <c r="H501163" s="12"/>
    </row>
    <row r="501164" spans="8:8">
      <c r="H501164" s="12"/>
    </row>
    <row r="501165" spans="8:8">
      <c r="H501165" s="12"/>
    </row>
    <row r="501166" spans="8:8">
      <c r="H501166" s="12"/>
    </row>
    <row r="501167" spans="8:8">
      <c r="H501167" s="12"/>
    </row>
    <row r="501168" spans="8:8">
      <c r="H501168" s="12"/>
    </row>
    <row r="501169" spans="8:8">
      <c r="H501169" s="12"/>
    </row>
    <row r="501170" spans="8:8">
      <c r="H501170" s="12"/>
    </row>
    <row r="501171" spans="8:8">
      <c r="H501171" s="12"/>
    </row>
    <row r="501172" spans="8:8">
      <c r="H501172" s="12"/>
    </row>
    <row r="501173" spans="8:8">
      <c r="H501173" s="12"/>
    </row>
    <row r="501174" spans="8:8">
      <c r="H501174" s="12"/>
    </row>
    <row r="501175" spans="8:8">
      <c r="H501175" s="12"/>
    </row>
    <row r="501176" spans="8:8">
      <c r="H501176" s="12"/>
    </row>
    <row r="501177" spans="8:8">
      <c r="H501177" s="12"/>
    </row>
    <row r="501178" spans="8:8">
      <c r="H501178" s="12"/>
    </row>
    <row r="501179" spans="8:8">
      <c r="H501179" s="12"/>
    </row>
    <row r="501180" spans="8:8">
      <c r="H501180" s="12"/>
    </row>
    <row r="501181" spans="8:8">
      <c r="H501181" s="12"/>
    </row>
    <row r="501182" spans="8:8">
      <c r="H501182" s="12"/>
    </row>
    <row r="501183" spans="8:8">
      <c r="H501183" s="12"/>
    </row>
    <row r="501184" spans="8:8">
      <c r="H501184" s="12"/>
    </row>
    <row r="501185" spans="8:8">
      <c r="H501185" s="12"/>
    </row>
    <row r="501186" spans="8:8">
      <c r="H501186" s="12"/>
    </row>
    <row r="501187" spans="8:8">
      <c r="H501187" s="12"/>
    </row>
    <row r="501188" spans="8:8">
      <c r="H501188" s="12"/>
    </row>
    <row r="501189" spans="8:8">
      <c r="H501189" s="12"/>
    </row>
    <row r="501190" spans="8:8">
      <c r="H501190" s="12"/>
    </row>
    <row r="501191" spans="8:8">
      <c r="H501191" s="12"/>
    </row>
    <row r="501192" spans="8:8">
      <c r="H501192" s="12"/>
    </row>
    <row r="501193" spans="8:8">
      <c r="H501193" s="12"/>
    </row>
    <row r="501194" spans="8:8">
      <c r="H501194" s="12"/>
    </row>
    <row r="501195" spans="8:8">
      <c r="H501195" s="12"/>
    </row>
    <row r="501196" spans="8:8">
      <c r="H501196" s="12"/>
    </row>
    <row r="501197" spans="8:8">
      <c r="H501197" s="12"/>
    </row>
    <row r="501198" spans="8:8">
      <c r="H501198" s="12"/>
    </row>
    <row r="501199" spans="8:8">
      <c r="H501199" s="12"/>
    </row>
    <row r="501200" spans="8:8">
      <c r="H501200" s="12"/>
    </row>
    <row r="501201" spans="8:8">
      <c r="H501201" s="12"/>
    </row>
    <row r="501202" spans="8:8">
      <c r="H501202" s="12"/>
    </row>
    <row r="501203" spans="8:8">
      <c r="H501203" s="12"/>
    </row>
    <row r="501204" spans="8:8">
      <c r="H501204" s="12"/>
    </row>
    <row r="501205" spans="8:8">
      <c r="H501205" s="12"/>
    </row>
    <row r="501206" spans="8:8">
      <c r="H501206" s="12"/>
    </row>
    <row r="501207" spans="8:8">
      <c r="H501207" s="12"/>
    </row>
    <row r="501208" spans="8:8">
      <c r="H501208" s="12"/>
    </row>
    <row r="501209" spans="8:8">
      <c r="H501209" s="12"/>
    </row>
    <row r="501210" spans="8:8">
      <c r="H501210" s="12"/>
    </row>
    <row r="501211" spans="8:8">
      <c r="H501211" s="12"/>
    </row>
    <row r="501212" spans="8:8">
      <c r="H501212" s="12"/>
    </row>
    <row r="501213" spans="8:8">
      <c r="H501213" s="12"/>
    </row>
    <row r="501214" spans="8:8">
      <c r="H501214" s="12"/>
    </row>
    <row r="501215" spans="8:8">
      <c r="H501215" s="12"/>
    </row>
    <row r="501216" spans="8:8">
      <c r="H501216" s="12"/>
    </row>
    <row r="501217" spans="8:8">
      <c r="H501217" s="12"/>
    </row>
    <row r="501218" spans="8:8">
      <c r="H501218" s="12"/>
    </row>
    <row r="501219" spans="8:8">
      <c r="H501219" s="12"/>
    </row>
    <row r="501220" spans="8:8">
      <c r="H501220" s="12"/>
    </row>
    <row r="501221" spans="8:8">
      <c r="H501221" s="12"/>
    </row>
    <row r="501222" spans="8:8">
      <c r="H501222" s="12"/>
    </row>
    <row r="501223" spans="8:8">
      <c r="H501223" s="12"/>
    </row>
    <row r="501224" spans="8:8">
      <c r="H501224" s="12"/>
    </row>
    <row r="501225" spans="8:8">
      <c r="H501225" s="12"/>
    </row>
    <row r="501226" spans="8:8">
      <c r="H501226" s="12"/>
    </row>
    <row r="501227" spans="8:8">
      <c r="H501227" s="12"/>
    </row>
    <row r="501228" spans="8:8">
      <c r="H501228" s="12"/>
    </row>
    <row r="501229" spans="8:8">
      <c r="H501229" s="12"/>
    </row>
    <row r="501230" spans="8:8">
      <c r="H501230" s="12"/>
    </row>
    <row r="501231" spans="8:8">
      <c r="H501231" s="12"/>
    </row>
    <row r="501232" spans="8:8">
      <c r="H501232" s="12"/>
    </row>
    <row r="501233" spans="8:8">
      <c r="H501233" s="12"/>
    </row>
    <row r="501234" spans="8:8">
      <c r="H501234" s="12"/>
    </row>
    <row r="501235" spans="8:8">
      <c r="H501235" s="12"/>
    </row>
    <row r="501236" spans="8:8">
      <c r="H501236" s="12"/>
    </row>
    <row r="501237" spans="8:8">
      <c r="H501237" s="12"/>
    </row>
    <row r="501238" spans="8:8">
      <c r="H501238" s="12"/>
    </row>
    <row r="501239" spans="8:8">
      <c r="H501239" s="12"/>
    </row>
    <row r="501240" spans="8:8">
      <c r="H501240" s="12"/>
    </row>
    <row r="501241" spans="8:8">
      <c r="H501241" s="12"/>
    </row>
    <row r="501242" spans="8:8">
      <c r="H501242" s="12"/>
    </row>
    <row r="501243" spans="8:8">
      <c r="H501243" s="12"/>
    </row>
    <row r="501244" spans="8:8">
      <c r="H501244" s="12"/>
    </row>
    <row r="501245" spans="8:8">
      <c r="H501245" s="12"/>
    </row>
    <row r="501246" spans="8:8">
      <c r="H501246" s="12"/>
    </row>
    <row r="501247" spans="8:8">
      <c r="H501247" s="12"/>
    </row>
    <row r="501248" spans="8:8">
      <c r="H501248" s="12"/>
    </row>
    <row r="501249" spans="8:8">
      <c r="H501249" s="12"/>
    </row>
    <row r="501250" spans="8:8">
      <c r="H501250" s="12"/>
    </row>
    <row r="501251" spans="8:8">
      <c r="H501251" s="12"/>
    </row>
    <row r="501252" spans="8:8">
      <c r="H501252" s="12"/>
    </row>
    <row r="501253" spans="8:8">
      <c r="H501253" s="12"/>
    </row>
    <row r="501254" spans="8:8">
      <c r="H501254" s="12"/>
    </row>
    <row r="501255" spans="8:8">
      <c r="H501255" s="12"/>
    </row>
    <row r="501256" spans="8:8">
      <c r="H501256" s="12"/>
    </row>
    <row r="501257" spans="8:8">
      <c r="H501257" s="12"/>
    </row>
    <row r="501258" spans="8:8">
      <c r="H501258" s="12"/>
    </row>
    <row r="501259" spans="8:8">
      <c r="H501259" s="12"/>
    </row>
    <row r="501260" spans="8:8">
      <c r="H501260" s="12"/>
    </row>
    <row r="501261" spans="8:8">
      <c r="H501261" s="12"/>
    </row>
    <row r="501262" spans="8:8">
      <c r="H501262" s="12"/>
    </row>
    <row r="501263" spans="8:8">
      <c r="H501263" s="12"/>
    </row>
    <row r="501264" spans="8:8">
      <c r="H501264" s="12"/>
    </row>
    <row r="501265" spans="8:8">
      <c r="H501265" s="12"/>
    </row>
    <row r="501266" spans="8:8">
      <c r="H501266" s="12"/>
    </row>
    <row r="501267" spans="8:8">
      <c r="H501267" s="12"/>
    </row>
    <row r="501268" spans="8:8">
      <c r="H501268" s="12"/>
    </row>
    <row r="501269" spans="8:8">
      <c r="H501269" s="12"/>
    </row>
    <row r="501270" spans="8:8">
      <c r="H501270" s="12"/>
    </row>
    <row r="501271" spans="8:8">
      <c r="H501271" s="12"/>
    </row>
    <row r="501272" spans="8:8">
      <c r="H501272" s="12"/>
    </row>
    <row r="501273" spans="8:8">
      <c r="H501273" s="12"/>
    </row>
    <row r="501274" spans="8:8">
      <c r="H501274" s="12"/>
    </row>
    <row r="501275" spans="8:8">
      <c r="H501275" s="12"/>
    </row>
    <row r="501276" spans="8:8">
      <c r="H501276" s="12"/>
    </row>
    <row r="501277" spans="8:8">
      <c r="H501277" s="12"/>
    </row>
    <row r="501278" spans="8:8">
      <c r="H501278" s="12"/>
    </row>
    <row r="501279" spans="8:8">
      <c r="H501279" s="12"/>
    </row>
    <row r="501280" spans="8:8">
      <c r="H501280" s="12"/>
    </row>
    <row r="501281" spans="8:8">
      <c r="H501281" s="12"/>
    </row>
    <row r="501282" spans="8:8">
      <c r="H501282" s="12"/>
    </row>
    <row r="501283" spans="8:8">
      <c r="H501283" s="12"/>
    </row>
    <row r="501284" spans="8:8">
      <c r="H501284" s="12"/>
    </row>
    <row r="501285" spans="8:8">
      <c r="H501285" s="12"/>
    </row>
    <row r="501286" spans="8:8">
      <c r="H501286" s="12"/>
    </row>
    <row r="501287" spans="8:8">
      <c r="H501287" s="12"/>
    </row>
    <row r="501288" spans="8:8">
      <c r="H501288" s="12"/>
    </row>
    <row r="501289" spans="8:8">
      <c r="H501289" s="12"/>
    </row>
    <row r="501290" spans="8:8">
      <c r="H501290" s="12"/>
    </row>
    <row r="501291" spans="8:8">
      <c r="H501291" s="12"/>
    </row>
    <row r="501292" spans="8:8">
      <c r="H501292" s="12"/>
    </row>
    <row r="501293" spans="8:8">
      <c r="H501293" s="12"/>
    </row>
    <row r="501294" spans="8:8">
      <c r="H501294" s="12"/>
    </row>
    <row r="501295" spans="8:8">
      <c r="H501295" s="12"/>
    </row>
    <row r="501296" spans="8:8">
      <c r="H501296" s="12"/>
    </row>
    <row r="501297" spans="8:8">
      <c r="H501297" s="12"/>
    </row>
    <row r="501298" spans="8:8">
      <c r="H501298" s="12"/>
    </row>
    <row r="501299" spans="8:8">
      <c r="H501299" s="12"/>
    </row>
    <row r="501300" spans="8:8">
      <c r="H501300" s="12"/>
    </row>
    <row r="501301" spans="8:8">
      <c r="H501301" s="12"/>
    </row>
    <row r="501302" spans="8:8">
      <c r="H501302" s="12"/>
    </row>
    <row r="501303" spans="8:8">
      <c r="H501303" s="12"/>
    </row>
    <row r="501304" spans="8:8">
      <c r="H501304" s="12"/>
    </row>
    <row r="501305" spans="8:8">
      <c r="H501305" s="12"/>
    </row>
    <row r="501306" spans="8:8">
      <c r="H501306" s="12"/>
    </row>
    <row r="501307" spans="8:8">
      <c r="H501307" s="12"/>
    </row>
    <row r="501308" spans="8:8">
      <c r="H501308" s="12"/>
    </row>
    <row r="501309" spans="8:8">
      <c r="H501309" s="12"/>
    </row>
    <row r="501310" spans="8:8">
      <c r="H501310" s="12"/>
    </row>
    <row r="501311" spans="8:8">
      <c r="H501311" s="12"/>
    </row>
    <row r="501312" spans="8:8">
      <c r="H501312" s="12"/>
    </row>
    <row r="501313" spans="8:8">
      <c r="H501313" s="12"/>
    </row>
    <row r="501314" spans="8:8">
      <c r="H501314" s="12"/>
    </row>
    <row r="501315" spans="8:8">
      <c r="H501315" s="12"/>
    </row>
    <row r="501316" spans="8:8">
      <c r="H501316" s="12"/>
    </row>
    <row r="501317" spans="8:8">
      <c r="H501317" s="12"/>
    </row>
    <row r="501318" spans="8:8">
      <c r="H501318" s="12"/>
    </row>
    <row r="501319" spans="8:8">
      <c r="H501319" s="12"/>
    </row>
    <row r="501320" spans="8:8">
      <c r="H501320" s="12"/>
    </row>
    <row r="501321" spans="8:8">
      <c r="H501321" s="12"/>
    </row>
    <row r="501322" spans="8:8">
      <c r="H501322" s="12"/>
    </row>
    <row r="501323" spans="8:8">
      <c r="H501323" s="12"/>
    </row>
    <row r="501324" spans="8:8">
      <c r="H501324" s="12"/>
    </row>
    <row r="501325" spans="8:8">
      <c r="H501325" s="12"/>
    </row>
    <row r="501326" spans="8:8">
      <c r="H501326" s="12"/>
    </row>
    <row r="501327" spans="8:8">
      <c r="H501327" s="12"/>
    </row>
    <row r="501328" spans="8:8">
      <c r="H501328" s="12"/>
    </row>
    <row r="501329" spans="8:8">
      <c r="H501329" s="12"/>
    </row>
    <row r="501330" spans="8:8">
      <c r="H501330" s="12"/>
    </row>
    <row r="501331" spans="8:8">
      <c r="H501331" s="12"/>
    </row>
    <row r="501332" spans="8:8">
      <c r="H501332" s="12"/>
    </row>
    <row r="501333" spans="8:8">
      <c r="H501333" s="12"/>
    </row>
    <row r="501334" spans="8:8">
      <c r="H501334" s="12"/>
    </row>
    <row r="501335" spans="8:8">
      <c r="H501335" s="12"/>
    </row>
    <row r="501336" spans="8:8">
      <c r="H501336" s="12"/>
    </row>
    <row r="501337" spans="8:8">
      <c r="H501337" s="12"/>
    </row>
    <row r="501338" spans="8:8">
      <c r="H501338" s="12"/>
    </row>
    <row r="501339" spans="8:8">
      <c r="H501339" s="12"/>
    </row>
    <row r="501340" spans="8:8">
      <c r="H501340" s="12"/>
    </row>
    <row r="501341" spans="8:8">
      <c r="H501341" s="12"/>
    </row>
    <row r="501342" spans="8:8">
      <c r="H501342" s="12"/>
    </row>
    <row r="501343" spans="8:8">
      <c r="H501343" s="12"/>
    </row>
    <row r="501344" spans="8:8">
      <c r="H501344" s="12"/>
    </row>
    <row r="501345" spans="8:8">
      <c r="H501345" s="12"/>
    </row>
    <row r="501346" spans="8:8">
      <c r="H501346" s="12"/>
    </row>
    <row r="501347" spans="8:8">
      <c r="H501347" s="12"/>
    </row>
    <row r="501348" spans="8:8">
      <c r="H501348" s="12"/>
    </row>
    <row r="501349" spans="8:8">
      <c r="H501349" s="12"/>
    </row>
    <row r="501350" spans="8:8">
      <c r="H501350" s="12"/>
    </row>
    <row r="501351" spans="8:8">
      <c r="H501351" s="12"/>
    </row>
    <row r="501352" spans="8:8">
      <c r="H501352" s="12"/>
    </row>
    <row r="501353" spans="8:8">
      <c r="H501353" s="12"/>
    </row>
    <row r="501354" spans="8:8">
      <c r="H501354" s="12"/>
    </row>
    <row r="501355" spans="8:8">
      <c r="H501355" s="12"/>
    </row>
    <row r="501356" spans="8:8">
      <c r="H501356" s="12"/>
    </row>
    <row r="501357" spans="8:8">
      <c r="H501357" s="12"/>
    </row>
    <row r="501358" spans="8:8">
      <c r="H501358" s="12"/>
    </row>
    <row r="501359" spans="8:8">
      <c r="H501359" s="12"/>
    </row>
    <row r="501360" spans="8:8">
      <c r="H501360" s="12"/>
    </row>
    <row r="501361" spans="8:8">
      <c r="H501361" s="12"/>
    </row>
    <row r="501362" spans="8:8">
      <c r="H501362" s="12"/>
    </row>
    <row r="501363" spans="8:8">
      <c r="H501363" s="12"/>
    </row>
    <row r="501364" spans="8:8">
      <c r="H501364" s="12"/>
    </row>
    <row r="501365" spans="8:8">
      <c r="H501365" s="12"/>
    </row>
    <row r="501366" spans="8:8">
      <c r="H501366" s="12"/>
    </row>
    <row r="501367" spans="8:8">
      <c r="H501367" s="12"/>
    </row>
    <row r="501368" spans="8:8">
      <c r="H501368" s="12"/>
    </row>
    <row r="501369" spans="8:8">
      <c r="H501369" s="12"/>
    </row>
    <row r="501370" spans="8:8">
      <c r="H501370" s="12"/>
    </row>
    <row r="501371" spans="8:8">
      <c r="H501371" s="12"/>
    </row>
    <row r="501372" spans="8:8">
      <c r="H501372" s="12"/>
    </row>
    <row r="501373" spans="8:8">
      <c r="H501373" s="12"/>
    </row>
    <row r="501374" spans="8:8">
      <c r="H501374" s="12"/>
    </row>
    <row r="501375" spans="8:8">
      <c r="H501375" s="12"/>
    </row>
    <row r="501376" spans="8:8">
      <c r="H501376" s="12"/>
    </row>
    <row r="501377" spans="8:8">
      <c r="H501377" s="12"/>
    </row>
    <row r="501378" spans="8:8">
      <c r="H501378" s="12"/>
    </row>
    <row r="501379" spans="8:8">
      <c r="H501379" s="12"/>
    </row>
    <row r="501380" spans="8:8">
      <c r="H501380" s="12"/>
    </row>
    <row r="501381" spans="8:8">
      <c r="H501381" s="12"/>
    </row>
    <row r="501382" spans="8:8">
      <c r="H501382" s="12"/>
    </row>
    <row r="501383" spans="8:8">
      <c r="H501383" s="12"/>
    </row>
    <row r="501384" spans="8:8">
      <c r="H501384" s="12"/>
    </row>
    <row r="501385" spans="8:8">
      <c r="H501385" s="12"/>
    </row>
    <row r="501386" spans="8:8">
      <c r="H501386" s="12"/>
    </row>
    <row r="501387" spans="8:8">
      <c r="H501387" s="12"/>
    </row>
    <row r="501388" spans="8:8">
      <c r="H501388" s="12"/>
    </row>
    <row r="501389" spans="8:8">
      <c r="H501389" s="12"/>
    </row>
    <row r="501390" spans="8:8">
      <c r="H501390" s="12"/>
    </row>
    <row r="501391" spans="8:8">
      <c r="H501391" s="12"/>
    </row>
    <row r="501392" spans="8:8">
      <c r="H501392" s="12"/>
    </row>
    <row r="501393" spans="8:8">
      <c r="H501393" s="12"/>
    </row>
    <row r="501394" spans="8:8">
      <c r="H501394" s="12"/>
    </row>
    <row r="501395" spans="8:8">
      <c r="H501395" s="12"/>
    </row>
    <row r="501396" spans="8:8">
      <c r="H501396" s="12"/>
    </row>
    <row r="501397" spans="8:8">
      <c r="H501397" s="12"/>
    </row>
    <row r="501398" spans="8:8">
      <c r="H501398" s="12"/>
    </row>
    <row r="501399" spans="8:8">
      <c r="H501399" s="12"/>
    </row>
    <row r="501400" spans="8:8">
      <c r="H501400" s="12"/>
    </row>
    <row r="501401" spans="8:8">
      <c r="H501401" s="12"/>
    </row>
    <row r="501402" spans="8:8">
      <c r="H501402" s="12"/>
    </row>
    <row r="501403" spans="8:8">
      <c r="H501403" s="12"/>
    </row>
    <row r="501404" spans="8:8">
      <c r="H501404" s="12"/>
    </row>
    <row r="501405" spans="8:8">
      <c r="H501405" s="12"/>
    </row>
    <row r="501406" spans="8:8">
      <c r="H501406" s="12"/>
    </row>
    <row r="501407" spans="8:8">
      <c r="H501407" s="12"/>
    </row>
    <row r="501408" spans="8:8">
      <c r="H501408" s="12"/>
    </row>
    <row r="501409" spans="8:8">
      <c r="H501409" s="12"/>
    </row>
    <row r="501410" spans="8:8">
      <c r="H501410" s="12"/>
    </row>
    <row r="501411" spans="8:8">
      <c r="H501411" s="12"/>
    </row>
    <row r="501412" spans="8:8">
      <c r="H501412" s="12"/>
    </row>
    <row r="501413" spans="8:8">
      <c r="H501413" s="12"/>
    </row>
    <row r="501414" spans="8:8">
      <c r="H501414" s="12"/>
    </row>
    <row r="501415" spans="8:8">
      <c r="H501415" s="12"/>
    </row>
    <row r="501416" spans="8:8">
      <c r="H501416" s="12"/>
    </row>
    <row r="501417" spans="8:8">
      <c r="H501417" s="12"/>
    </row>
    <row r="501418" spans="8:8">
      <c r="H501418" s="12"/>
    </row>
    <row r="501419" spans="8:8">
      <c r="H501419" s="12"/>
    </row>
    <row r="501420" spans="8:8">
      <c r="H501420" s="12"/>
    </row>
    <row r="501421" spans="8:8">
      <c r="H501421" s="12"/>
    </row>
    <row r="501422" spans="8:8">
      <c r="H501422" s="12"/>
    </row>
    <row r="501423" spans="8:8">
      <c r="H501423" s="12"/>
    </row>
    <row r="501424" spans="8:8">
      <c r="H501424" s="12"/>
    </row>
    <row r="501425" spans="8:8">
      <c r="H501425" s="12"/>
    </row>
    <row r="501426" spans="8:8">
      <c r="H501426" s="12"/>
    </row>
    <row r="501427" spans="8:8">
      <c r="H501427" s="12"/>
    </row>
    <row r="501428" spans="8:8">
      <c r="H501428" s="12"/>
    </row>
    <row r="501429" spans="8:8">
      <c r="H501429" s="12"/>
    </row>
    <row r="501430" spans="8:8">
      <c r="H501430" s="12"/>
    </row>
    <row r="501431" spans="8:8">
      <c r="H501431" s="12"/>
    </row>
    <row r="501432" spans="8:8">
      <c r="H501432" s="12"/>
    </row>
    <row r="501433" spans="8:8">
      <c r="H501433" s="12"/>
    </row>
    <row r="501434" spans="8:8">
      <c r="H501434" s="12"/>
    </row>
    <row r="501435" spans="8:8">
      <c r="H501435" s="12"/>
    </row>
    <row r="501436" spans="8:8">
      <c r="H501436" s="12"/>
    </row>
    <row r="501437" spans="8:8">
      <c r="H501437" s="12"/>
    </row>
    <row r="501438" spans="8:8">
      <c r="H501438" s="12"/>
    </row>
    <row r="501439" spans="8:8">
      <c r="H501439" s="12"/>
    </row>
    <row r="501440" spans="8:8">
      <c r="H501440" s="12"/>
    </row>
    <row r="501441" spans="8:8">
      <c r="H501441" s="12"/>
    </row>
    <row r="501442" spans="8:8">
      <c r="H501442" s="12"/>
    </row>
    <row r="501443" spans="8:8">
      <c r="H501443" s="12"/>
    </row>
    <row r="501444" spans="8:8">
      <c r="H501444" s="12"/>
    </row>
    <row r="501445" spans="8:8">
      <c r="H501445" s="12"/>
    </row>
    <row r="501446" spans="8:8">
      <c r="H501446" s="12"/>
    </row>
    <row r="501447" spans="8:8">
      <c r="H501447" s="12"/>
    </row>
    <row r="501448" spans="8:8">
      <c r="H501448" s="12"/>
    </row>
    <row r="501449" spans="8:8">
      <c r="H501449" s="12"/>
    </row>
    <row r="501450" spans="8:8">
      <c r="H501450" s="12"/>
    </row>
    <row r="501451" spans="8:8">
      <c r="H501451" s="12"/>
    </row>
    <row r="501452" spans="8:8">
      <c r="H501452" s="12"/>
    </row>
    <row r="501453" spans="8:8">
      <c r="H501453" s="12"/>
    </row>
    <row r="501454" spans="8:8">
      <c r="H501454" s="12"/>
    </row>
    <row r="501455" spans="8:8">
      <c r="H501455" s="12"/>
    </row>
    <row r="501456" spans="8:8">
      <c r="H501456" s="12"/>
    </row>
    <row r="501457" spans="8:8">
      <c r="H501457" s="12"/>
    </row>
    <row r="501458" spans="8:8">
      <c r="H501458" s="12"/>
    </row>
    <row r="501459" spans="8:8">
      <c r="H501459" s="12"/>
    </row>
    <row r="501460" spans="8:8">
      <c r="H501460" s="12"/>
    </row>
    <row r="501461" spans="8:8">
      <c r="H501461" s="12"/>
    </row>
    <row r="501462" spans="8:8">
      <c r="H501462" s="12"/>
    </row>
    <row r="501463" spans="8:8">
      <c r="H501463" s="12"/>
    </row>
    <row r="501464" spans="8:8">
      <c r="H501464" s="12"/>
    </row>
    <row r="501465" spans="8:8">
      <c r="H501465" s="12"/>
    </row>
    <row r="501466" spans="8:8">
      <c r="H501466" s="12"/>
    </row>
    <row r="501467" spans="8:8">
      <c r="H501467" s="12"/>
    </row>
    <row r="501468" spans="8:8">
      <c r="H501468" s="12"/>
    </row>
    <row r="501469" spans="8:8">
      <c r="H501469" s="12"/>
    </row>
    <row r="501470" spans="8:8">
      <c r="H501470" s="12"/>
    </row>
    <row r="501471" spans="8:8">
      <c r="H501471" s="12"/>
    </row>
    <row r="501472" spans="8:8">
      <c r="H501472" s="12"/>
    </row>
    <row r="501473" spans="8:8">
      <c r="H501473" s="12"/>
    </row>
    <row r="501474" spans="8:8">
      <c r="H501474" s="12"/>
    </row>
    <row r="501475" spans="8:8">
      <c r="H501475" s="12"/>
    </row>
    <row r="501476" spans="8:8">
      <c r="H501476" s="12"/>
    </row>
    <row r="501477" spans="8:8">
      <c r="H501477" s="12"/>
    </row>
    <row r="501478" spans="8:8">
      <c r="H501478" s="12"/>
    </row>
    <row r="501479" spans="8:8">
      <c r="H501479" s="12"/>
    </row>
    <row r="501480" spans="8:8">
      <c r="H501480" s="12"/>
    </row>
    <row r="501481" spans="8:8">
      <c r="H501481" s="12"/>
    </row>
    <row r="501482" spans="8:8">
      <c r="H501482" s="12"/>
    </row>
    <row r="501483" spans="8:8">
      <c r="H501483" s="12"/>
    </row>
    <row r="501484" spans="8:8">
      <c r="H501484" s="12"/>
    </row>
    <row r="501485" spans="8:8">
      <c r="H501485" s="12"/>
    </row>
    <row r="501486" spans="8:8">
      <c r="H501486" s="12"/>
    </row>
    <row r="501487" spans="8:8">
      <c r="H501487" s="12"/>
    </row>
    <row r="501488" spans="8:8">
      <c r="H501488" s="12"/>
    </row>
    <row r="501489" spans="8:8">
      <c r="H501489" s="12"/>
    </row>
    <row r="501490" spans="8:8">
      <c r="H501490" s="12"/>
    </row>
    <row r="501491" spans="8:8">
      <c r="H501491" s="12"/>
    </row>
    <row r="501492" spans="8:8">
      <c r="H501492" s="12"/>
    </row>
    <row r="501493" spans="8:8">
      <c r="H501493" s="12"/>
    </row>
    <row r="501494" spans="8:8">
      <c r="H501494" s="12"/>
    </row>
    <row r="501495" spans="8:8">
      <c r="H501495" s="12"/>
    </row>
    <row r="501496" spans="8:8">
      <c r="H501496" s="12"/>
    </row>
    <row r="501497" spans="8:8">
      <c r="H501497" s="12"/>
    </row>
    <row r="501498" spans="8:8">
      <c r="H501498" s="12"/>
    </row>
    <row r="501499" spans="8:8">
      <c r="H501499" s="12"/>
    </row>
    <row r="501500" spans="8:8">
      <c r="H501500" s="12"/>
    </row>
    <row r="501501" spans="8:8">
      <c r="H501501" s="12"/>
    </row>
    <row r="501502" spans="8:8">
      <c r="H501502" s="12"/>
    </row>
    <row r="501503" spans="8:8">
      <c r="H501503" s="12"/>
    </row>
    <row r="501504" spans="8:8">
      <c r="H501504" s="12"/>
    </row>
    <row r="501505" spans="8:8">
      <c r="H501505" s="12"/>
    </row>
    <row r="501506" spans="8:8">
      <c r="H501506" s="12"/>
    </row>
    <row r="501507" spans="8:8">
      <c r="H501507" s="12"/>
    </row>
    <row r="501508" spans="8:8">
      <c r="H501508" s="12"/>
    </row>
    <row r="501509" spans="8:8">
      <c r="H501509" s="12"/>
    </row>
    <row r="501510" spans="8:8">
      <c r="H501510" s="12"/>
    </row>
    <row r="501511" spans="8:8">
      <c r="H501511" s="12"/>
    </row>
    <row r="501512" spans="8:8">
      <c r="H501512" s="12"/>
    </row>
    <row r="501513" spans="8:8">
      <c r="H501513" s="12"/>
    </row>
    <row r="501514" spans="8:8">
      <c r="H501514" s="12"/>
    </row>
    <row r="501515" spans="8:8">
      <c r="H501515" s="12"/>
    </row>
    <row r="501516" spans="8:8">
      <c r="H501516" s="12"/>
    </row>
    <row r="501517" spans="8:8">
      <c r="H501517" s="12"/>
    </row>
    <row r="501518" spans="8:8">
      <c r="H501518" s="12"/>
    </row>
    <row r="501519" spans="8:8">
      <c r="H501519" s="12"/>
    </row>
    <row r="501520" spans="8:8">
      <c r="H501520" s="12"/>
    </row>
    <row r="501521" spans="8:8">
      <c r="H501521" s="12"/>
    </row>
    <row r="501522" spans="8:8">
      <c r="H501522" s="12"/>
    </row>
    <row r="501523" spans="8:8">
      <c r="H501523" s="12"/>
    </row>
    <row r="501524" spans="8:8">
      <c r="H501524" s="12"/>
    </row>
    <row r="501525" spans="8:8">
      <c r="H501525" s="12"/>
    </row>
    <row r="501526" spans="8:8">
      <c r="H501526" s="12"/>
    </row>
    <row r="501527" spans="8:8">
      <c r="H501527" s="12"/>
    </row>
    <row r="501528" spans="8:8">
      <c r="H501528" s="12"/>
    </row>
    <row r="501529" spans="8:8">
      <c r="H501529" s="12"/>
    </row>
    <row r="501530" spans="8:8">
      <c r="H501530" s="12"/>
    </row>
    <row r="501531" spans="8:8">
      <c r="H501531" s="12"/>
    </row>
    <row r="501532" spans="8:8">
      <c r="H501532" s="12"/>
    </row>
    <row r="501533" spans="8:8">
      <c r="H501533" s="12"/>
    </row>
    <row r="501534" spans="8:8">
      <c r="H501534" s="12"/>
    </row>
    <row r="501535" spans="8:8">
      <c r="H501535" s="12"/>
    </row>
    <row r="501536" spans="8:8">
      <c r="H501536" s="12"/>
    </row>
    <row r="501537" spans="8:8">
      <c r="H501537" s="12"/>
    </row>
    <row r="501538" spans="8:8">
      <c r="H501538" s="12"/>
    </row>
    <row r="501539" spans="8:8">
      <c r="H501539" s="12"/>
    </row>
    <row r="501540" spans="8:8">
      <c r="H501540" s="12"/>
    </row>
    <row r="501541" spans="8:8">
      <c r="H501541" s="12"/>
    </row>
    <row r="501542" spans="8:8">
      <c r="H501542" s="12"/>
    </row>
    <row r="501543" spans="8:8">
      <c r="H501543" s="12"/>
    </row>
    <row r="501544" spans="8:8">
      <c r="H501544" s="12"/>
    </row>
    <row r="501545" spans="8:8">
      <c r="H501545" s="12"/>
    </row>
    <row r="501546" spans="8:8">
      <c r="H501546" s="12"/>
    </row>
    <row r="501547" spans="8:8">
      <c r="H501547" s="12"/>
    </row>
    <row r="501548" spans="8:8">
      <c r="H501548" s="12"/>
    </row>
    <row r="501549" spans="8:8">
      <c r="H501549" s="12"/>
    </row>
    <row r="501550" spans="8:8">
      <c r="H501550" s="12"/>
    </row>
    <row r="501551" spans="8:8">
      <c r="H501551" s="12"/>
    </row>
    <row r="501552" spans="8:8">
      <c r="H501552" s="12"/>
    </row>
    <row r="501553" spans="8:8">
      <c r="H501553" s="12"/>
    </row>
    <row r="501554" spans="8:8">
      <c r="H501554" s="12"/>
    </row>
    <row r="501555" spans="8:8">
      <c r="H501555" s="12"/>
    </row>
    <row r="501556" spans="8:8">
      <c r="H501556" s="12"/>
    </row>
    <row r="501557" spans="8:8">
      <c r="H501557" s="12"/>
    </row>
    <row r="501558" spans="8:8">
      <c r="H501558" s="12"/>
    </row>
    <row r="501559" spans="8:8">
      <c r="H501559" s="12"/>
    </row>
    <row r="501560" spans="8:8">
      <c r="H501560" s="12"/>
    </row>
    <row r="501561" spans="8:8">
      <c r="H501561" s="12"/>
    </row>
    <row r="501562" spans="8:8">
      <c r="H501562" s="12"/>
    </row>
    <row r="501563" spans="8:8">
      <c r="H501563" s="12"/>
    </row>
    <row r="501564" spans="8:8">
      <c r="H501564" s="12"/>
    </row>
    <row r="501565" spans="8:8">
      <c r="H501565" s="12"/>
    </row>
    <row r="501566" spans="8:8">
      <c r="H501566" s="12"/>
    </row>
    <row r="501567" spans="8:8">
      <c r="H501567" s="12"/>
    </row>
    <row r="501568" spans="8:8">
      <c r="H501568" s="12"/>
    </row>
    <row r="501569" spans="8:8">
      <c r="H501569" s="12"/>
    </row>
    <row r="501570" spans="8:8">
      <c r="H501570" s="12"/>
    </row>
    <row r="501571" spans="8:8">
      <c r="H501571" s="12"/>
    </row>
    <row r="501572" spans="8:8">
      <c r="H501572" s="12"/>
    </row>
    <row r="501573" spans="8:8">
      <c r="H501573" s="12"/>
    </row>
    <row r="501574" spans="8:8">
      <c r="H501574" s="12"/>
    </row>
    <row r="501575" spans="8:8">
      <c r="H501575" s="12"/>
    </row>
    <row r="501576" spans="8:8">
      <c r="H501576" s="12"/>
    </row>
    <row r="501577" spans="8:8">
      <c r="H501577" s="12"/>
    </row>
    <row r="501578" spans="8:8">
      <c r="H501578" s="12"/>
    </row>
    <row r="501579" spans="8:8">
      <c r="H501579" s="12"/>
    </row>
    <row r="501580" spans="8:8">
      <c r="H501580" s="12"/>
    </row>
    <row r="501581" spans="8:8">
      <c r="H501581" s="12"/>
    </row>
    <row r="501582" spans="8:8">
      <c r="H501582" s="12"/>
    </row>
    <row r="501583" spans="8:8">
      <c r="H501583" s="12"/>
    </row>
    <row r="501584" spans="8:8">
      <c r="H501584" s="12"/>
    </row>
    <row r="501585" spans="8:8">
      <c r="H501585" s="12"/>
    </row>
    <row r="501586" spans="8:8">
      <c r="H501586" s="12"/>
    </row>
    <row r="501587" spans="8:8">
      <c r="H501587" s="12"/>
    </row>
    <row r="501588" spans="8:8">
      <c r="H501588" s="12"/>
    </row>
    <row r="501589" spans="8:8">
      <c r="H501589" s="12"/>
    </row>
    <row r="501590" spans="8:8">
      <c r="H501590" s="12"/>
    </row>
    <row r="501591" spans="8:8">
      <c r="H501591" s="12"/>
    </row>
    <row r="501592" spans="8:8">
      <c r="H501592" s="12"/>
    </row>
    <row r="501593" spans="8:8">
      <c r="H501593" s="12"/>
    </row>
    <row r="501594" spans="8:8">
      <c r="H501594" s="12"/>
    </row>
    <row r="501595" spans="8:8">
      <c r="H501595" s="12"/>
    </row>
    <row r="501596" spans="8:8">
      <c r="H501596" s="12"/>
    </row>
    <row r="501597" spans="8:8">
      <c r="H501597" s="12"/>
    </row>
    <row r="501598" spans="8:8">
      <c r="H501598" s="12"/>
    </row>
    <row r="501599" spans="8:8">
      <c r="H501599" s="12"/>
    </row>
    <row r="501600" spans="8:8">
      <c r="H501600" s="12"/>
    </row>
    <row r="501601" spans="8:8">
      <c r="H501601" s="12"/>
    </row>
    <row r="501602" spans="8:8">
      <c r="H501602" s="12"/>
    </row>
    <row r="501603" spans="8:8">
      <c r="H501603" s="12"/>
    </row>
    <row r="501604" spans="8:8">
      <c r="H501604" s="12"/>
    </row>
    <row r="501605" spans="8:8">
      <c r="H501605" s="12"/>
    </row>
    <row r="501606" spans="8:8">
      <c r="H501606" s="12"/>
    </row>
    <row r="501607" spans="8:8">
      <c r="H501607" s="12"/>
    </row>
    <row r="501608" spans="8:8">
      <c r="H501608" s="12"/>
    </row>
    <row r="501609" spans="8:8">
      <c r="H501609" s="12"/>
    </row>
    <row r="501610" spans="8:8">
      <c r="H501610" s="12"/>
    </row>
    <row r="501611" spans="8:8">
      <c r="H501611" s="12"/>
    </row>
    <row r="501612" spans="8:8">
      <c r="H501612" s="12"/>
    </row>
    <row r="501613" spans="8:8">
      <c r="H501613" s="12"/>
    </row>
    <row r="501614" spans="8:8">
      <c r="H501614" s="12"/>
    </row>
    <row r="501615" spans="8:8">
      <c r="H501615" s="12"/>
    </row>
    <row r="501616" spans="8:8">
      <c r="H501616" s="12"/>
    </row>
    <row r="501617" spans="8:8">
      <c r="H501617" s="12"/>
    </row>
    <row r="501618" spans="8:8">
      <c r="H501618" s="12"/>
    </row>
    <row r="501619" spans="8:8">
      <c r="H501619" s="12"/>
    </row>
    <row r="501620" spans="8:8">
      <c r="H501620" s="12"/>
    </row>
    <row r="501621" spans="8:8">
      <c r="H501621" s="12"/>
    </row>
    <row r="501622" spans="8:8">
      <c r="H501622" s="12"/>
    </row>
    <row r="501623" spans="8:8">
      <c r="H501623" s="12"/>
    </row>
    <row r="501624" spans="8:8">
      <c r="H501624" s="12"/>
    </row>
    <row r="501625" spans="8:8">
      <c r="H501625" s="12"/>
    </row>
    <row r="501626" spans="8:8">
      <c r="H501626" s="12"/>
    </row>
    <row r="501627" spans="8:8">
      <c r="H501627" s="12"/>
    </row>
    <row r="501628" spans="8:8">
      <c r="H501628" s="12"/>
    </row>
    <row r="501629" spans="8:8">
      <c r="H501629" s="12"/>
    </row>
    <row r="501630" spans="8:8">
      <c r="H501630" s="12"/>
    </row>
    <row r="501631" spans="8:8">
      <c r="H501631" s="12"/>
    </row>
    <row r="501632" spans="8:8">
      <c r="H501632" s="12"/>
    </row>
    <row r="501633" spans="8:8">
      <c r="H501633" s="12"/>
    </row>
    <row r="501634" spans="8:8">
      <c r="H501634" s="12"/>
    </row>
    <row r="501635" spans="8:8">
      <c r="H501635" s="12"/>
    </row>
    <row r="501636" spans="8:8">
      <c r="H501636" s="12"/>
    </row>
    <row r="501637" spans="8:8">
      <c r="H501637" s="12"/>
    </row>
    <row r="501638" spans="8:8">
      <c r="H501638" s="12"/>
    </row>
    <row r="501639" spans="8:8">
      <c r="H501639" s="12"/>
    </row>
    <row r="501640" spans="8:8">
      <c r="H501640" s="12"/>
    </row>
    <row r="501641" spans="8:8">
      <c r="H501641" s="12"/>
    </row>
    <row r="501642" spans="8:8">
      <c r="H501642" s="12"/>
    </row>
    <row r="501643" spans="8:8">
      <c r="H501643" s="12"/>
    </row>
    <row r="501644" spans="8:8">
      <c r="H501644" s="12"/>
    </row>
    <row r="501645" spans="8:8">
      <c r="H501645" s="12"/>
    </row>
    <row r="501646" spans="8:8">
      <c r="H501646" s="12"/>
    </row>
    <row r="501647" spans="8:8">
      <c r="H501647" s="12"/>
    </row>
    <row r="501648" spans="8:8">
      <c r="H501648" s="12"/>
    </row>
    <row r="501649" spans="8:8">
      <c r="H501649" s="12"/>
    </row>
    <row r="501650" spans="8:8">
      <c r="H501650" s="12"/>
    </row>
    <row r="501651" spans="8:8">
      <c r="H501651" s="12"/>
    </row>
    <row r="501652" spans="8:8">
      <c r="H501652" s="12"/>
    </row>
    <row r="501653" spans="8:8">
      <c r="H501653" s="12"/>
    </row>
    <row r="501654" spans="8:8">
      <c r="H501654" s="12"/>
    </row>
    <row r="501655" spans="8:8">
      <c r="H501655" s="12"/>
    </row>
    <row r="501656" spans="8:8">
      <c r="H501656" s="12"/>
    </row>
    <row r="501657" spans="8:8">
      <c r="H501657" s="12"/>
    </row>
    <row r="501658" spans="8:8">
      <c r="H501658" s="12"/>
    </row>
    <row r="501659" spans="8:8">
      <c r="H501659" s="12"/>
    </row>
    <row r="501660" spans="8:8">
      <c r="H501660" s="12"/>
    </row>
    <row r="501661" spans="8:8">
      <c r="H501661" s="12"/>
    </row>
    <row r="501662" spans="8:8">
      <c r="H501662" s="12"/>
    </row>
    <row r="501663" spans="8:8">
      <c r="H501663" s="12"/>
    </row>
    <row r="501664" spans="8:8">
      <c r="H501664" s="12"/>
    </row>
    <row r="501665" spans="8:8">
      <c r="H501665" s="12"/>
    </row>
    <row r="501666" spans="8:8">
      <c r="H501666" s="12"/>
    </row>
    <row r="501667" spans="8:8">
      <c r="H501667" s="12"/>
    </row>
    <row r="501668" spans="8:8">
      <c r="H501668" s="12"/>
    </row>
    <row r="501669" spans="8:8">
      <c r="H501669" s="12"/>
    </row>
    <row r="501670" spans="8:8">
      <c r="H501670" s="12"/>
    </row>
    <row r="501671" spans="8:8">
      <c r="H501671" s="12"/>
    </row>
    <row r="501672" spans="8:8">
      <c r="H501672" s="12"/>
    </row>
    <row r="501673" spans="8:8">
      <c r="H501673" s="12"/>
    </row>
    <row r="501674" spans="8:8">
      <c r="H501674" s="12"/>
    </row>
    <row r="501675" spans="8:8">
      <c r="H501675" s="12"/>
    </row>
    <row r="501676" spans="8:8">
      <c r="H501676" s="12"/>
    </row>
    <row r="501677" spans="8:8">
      <c r="H501677" s="12"/>
    </row>
    <row r="501678" spans="8:8">
      <c r="H501678" s="12"/>
    </row>
    <row r="501679" spans="8:8">
      <c r="H501679" s="12"/>
    </row>
    <row r="501680" spans="8:8">
      <c r="H501680" s="12"/>
    </row>
    <row r="501681" spans="8:8">
      <c r="H501681" s="12"/>
    </row>
    <row r="501682" spans="8:8">
      <c r="H501682" s="12"/>
    </row>
    <row r="501683" spans="8:8">
      <c r="H501683" s="12"/>
    </row>
    <row r="501684" spans="8:8">
      <c r="H501684" s="12"/>
    </row>
    <row r="501685" spans="8:8">
      <c r="H501685" s="12"/>
    </row>
    <row r="501686" spans="8:8">
      <c r="H501686" s="12"/>
    </row>
    <row r="501687" spans="8:8">
      <c r="H501687" s="12"/>
    </row>
    <row r="501688" spans="8:8">
      <c r="H501688" s="12"/>
    </row>
    <row r="501689" spans="8:8">
      <c r="H501689" s="12"/>
    </row>
    <row r="501690" spans="8:8">
      <c r="H501690" s="12"/>
    </row>
    <row r="501691" spans="8:8">
      <c r="H501691" s="12"/>
    </row>
    <row r="501692" spans="8:8">
      <c r="H501692" s="12"/>
    </row>
    <row r="501693" spans="8:8">
      <c r="H501693" s="12"/>
    </row>
    <row r="501694" spans="8:8">
      <c r="H501694" s="12"/>
    </row>
    <row r="501695" spans="8:8">
      <c r="H501695" s="12"/>
    </row>
    <row r="501696" spans="8:8">
      <c r="H501696" s="12"/>
    </row>
    <row r="501697" spans="8:8">
      <c r="H501697" s="12"/>
    </row>
    <row r="501698" spans="8:8">
      <c r="H501698" s="12"/>
    </row>
    <row r="501699" spans="8:8">
      <c r="H501699" s="12"/>
    </row>
    <row r="501700" spans="8:8">
      <c r="H501700" s="12"/>
    </row>
    <row r="501701" spans="8:8">
      <c r="H501701" s="12"/>
    </row>
    <row r="501702" spans="8:8">
      <c r="H501702" s="12"/>
    </row>
    <row r="501703" spans="8:8">
      <c r="H501703" s="12"/>
    </row>
    <row r="501704" spans="8:8">
      <c r="H501704" s="12"/>
    </row>
    <row r="501705" spans="8:8">
      <c r="H501705" s="12"/>
    </row>
    <row r="501706" spans="8:8">
      <c r="H501706" s="12"/>
    </row>
    <row r="501707" spans="8:8">
      <c r="H501707" s="12"/>
    </row>
    <row r="501708" spans="8:8">
      <c r="H501708" s="12"/>
    </row>
    <row r="501709" spans="8:8">
      <c r="H501709" s="12"/>
    </row>
    <row r="501710" spans="8:8">
      <c r="H501710" s="12"/>
    </row>
    <row r="501711" spans="8:8">
      <c r="H501711" s="12"/>
    </row>
    <row r="501712" spans="8:8">
      <c r="H501712" s="12"/>
    </row>
    <row r="501713" spans="8:8">
      <c r="H501713" s="12"/>
    </row>
    <row r="501714" spans="8:8">
      <c r="H501714" s="12"/>
    </row>
    <row r="501715" spans="8:8">
      <c r="H501715" s="12"/>
    </row>
    <row r="501716" spans="8:8">
      <c r="H501716" s="12"/>
    </row>
    <row r="501717" spans="8:8">
      <c r="H501717" s="12"/>
    </row>
    <row r="501718" spans="8:8">
      <c r="H501718" s="12"/>
    </row>
    <row r="501719" spans="8:8">
      <c r="H501719" s="12"/>
    </row>
    <row r="501720" spans="8:8">
      <c r="H501720" s="12"/>
    </row>
    <row r="501721" spans="8:8">
      <c r="H501721" s="12"/>
    </row>
    <row r="501722" spans="8:8">
      <c r="H501722" s="12"/>
    </row>
    <row r="501723" spans="8:8">
      <c r="H501723" s="12"/>
    </row>
    <row r="501724" spans="8:8">
      <c r="H501724" s="12"/>
    </row>
    <row r="501725" spans="8:8">
      <c r="H501725" s="12"/>
    </row>
    <row r="501726" spans="8:8">
      <c r="H501726" s="12"/>
    </row>
    <row r="501727" spans="8:8">
      <c r="H501727" s="12"/>
    </row>
    <row r="501728" spans="8:8">
      <c r="H501728" s="12"/>
    </row>
    <row r="501729" spans="8:8">
      <c r="H501729" s="12"/>
    </row>
    <row r="501730" spans="8:8">
      <c r="H501730" s="12"/>
    </row>
    <row r="501731" spans="8:8">
      <c r="H501731" s="12"/>
    </row>
    <row r="501732" spans="8:8">
      <c r="H501732" s="12"/>
    </row>
    <row r="501733" spans="8:8">
      <c r="H501733" s="12"/>
    </row>
    <row r="501734" spans="8:8">
      <c r="H501734" s="12"/>
    </row>
    <row r="501735" spans="8:8">
      <c r="H501735" s="12"/>
    </row>
    <row r="501736" spans="8:8">
      <c r="H501736" s="12"/>
    </row>
    <row r="501737" spans="8:8">
      <c r="H501737" s="12"/>
    </row>
    <row r="501738" spans="8:8">
      <c r="H501738" s="12"/>
    </row>
    <row r="501739" spans="8:8">
      <c r="H501739" s="12"/>
    </row>
    <row r="501740" spans="8:8">
      <c r="H501740" s="12"/>
    </row>
    <row r="501741" spans="8:8">
      <c r="H501741" s="12"/>
    </row>
    <row r="501742" spans="8:8">
      <c r="H501742" s="12"/>
    </row>
    <row r="501743" spans="8:8">
      <c r="H501743" s="12"/>
    </row>
    <row r="501744" spans="8:8">
      <c r="H501744" s="12"/>
    </row>
    <row r="501745" spans="8:8">
      <c r="H501745" s="12"/>
    </row>
    <row r="501746" spans="8:8">
      <c r="H501746" s="12"/>
    </row>
    <row r="501747" spans="8:8">
      <c r="H501747" s="12"/>
    </row>
    <row r="501748" spans="8:8">
      <c r="H501748" s="12"/>
    </row>
    <row r="501749" spans="8:8">
      <c r="H501749" s="12"/>
    </row>
    <row r="501750" spans="8:8">
      <c r="H501750" s="12"/>
    </row>
    <row r="501751" spans="8:8">
      <c r="H501751" s="12"/>
    </row>
    <row r="501752" spans="8:8">
      <c r="H501752" s="12"/>
    </row>
    <row r="501753" spans="8:8">
      <c r="H501753" s="12"/>
    </row>
    <row r="501754" spans="8:8">
      <c r="H501754" s="12"/>
    </row>
    <row r="501755" spans="8:8">
      <c r="H501755" s="12"/>
    </row>
    <row r="501756" spans="8:8">
      <c r="H501756" s="12"/>
    </row>
    <row r="501757" spans="8:8">
      <c r="H501757" s="12"/>
    </row>
    <row r="501758" spans="8:8">
      <c r="H501758" s="12"/>
    </row>
    <row r="501759" spans="8:8">
      <c r="H501759" s="12"/>
    </row>
    <row r="501760" spans="8:8">
      <c r="H501760" s="12"/>
    </row>
    <row r="501761" spans="8:8">
      <c r="H501761" s="12"/>
    </row>
    <row r="501762" spans="8:8">
      <c r="H501762" s="12"/>
    </row>
    <row r="501763" spans="8:8">
      <c r="H501763" s="12"/>
    </row>
    <row r="501764" spans="8:8">
      <c r="H501764" s="12"/>
    </row>
    <row r="501765" spans="8:8">
      <c r="H501765" s="12"/>
    </row>
    <row r="501766" spans="8:8">
      <c r="H501766" s="12"/>
    </row>
    <row r="501767" spans="8:8">
      <c r="H501767" s="12"/>
    </row>
    <row r="501768" spans="8:8">
      <c r="H501768" s="12"/>
    </row>
    <row r="501769" spans="8:8">
      <c r="H501769" s="12"/>
    </row>
    <row r="501770" spans="8:8">
      <c r="H501770" s="12"/>
    </row>
    <row r="501771" spans="8:8">
      <c r="H501771" s="12"/>
    </row>
    <row r="501772" spans="8:8">
      <c r="H501772" s="12"/>
    </row>
    <row r="501773" spans="8:8">
      <c r="H501773" s="12"/>
    </row>
    <row r="501774" spans="8:8">
      <c r="H501774" s="12"/>
    </row>
    <row r="501775" spans="8:8">
      <c r="H501775" s="12"/>
    </row>
    <row r="501776" spans="8:8">
      <c r="H501776" s="12"/>
    </row>
    <row r="501777" spans="8:8">
      <c r="H501777" s="12"/>
    </row>
    <row r="501778" spans="8:8">
      <c r="H501778" s="12"/>
    </row>
    <row r="501779" spans="8:8">
      <c r="H501779" s="12"/>
    </row>
    <row r="501780" spans="8:8">
      <c r="H501780" s="12"/>
    </row>
    <row r="501781" spans="8:8">
      <c r="H501781" s="12"/>
    </row>
    <row r="501782" spans="8:8">
      <c r="H501782" s="12"/>
    </row>
    <row r="501783" spans="8:8">
      <c r="H501783" s="12"/>
    </row>
    <row r="501784" spans="8:8">
      <c r="H501784" s="12"/>
    </row>
    <row r="501785" spans="8:8">
      <c r="H501785" s="12"/>
    </row>
    <row r="501786" spans="8:8">
      <c r="H501786" s="12"/>
    </row>
    <row r="501787" spans="8:8">
      <c r="H501787" s="12"/>
    </row>
    <row r="501788" spans="8:8">
      <c r="H501788" s="12"/>
    </row>
    <row r="501789" spans="8:8">
      <c r="H501789" s="12"/>
    </row>
    <row r="501790" spans="8:8">
      <c r="H501790" s="12"/>
    </row>
    <row r="501791" spans="8:8">
      <c r="H501791" s="12"/>
    </row>
    <row r="501792" spans="8:8">
      <c r="H501792" s="12"/>
    </row>
    <row r="501793" spans="8:8">
      <c r="H501793" s="12"/>
    </row>
    <row r="501794" spans="8:8">
      <c r="H501794" s="12"/>
    </row>
    <row r="501795" spans="8:8">
      <c r="H501795" s="12"/>
    </row>
    <row r="501796" spans="8:8">
      <c r="H501796" s="12"/>
    </row>
    <row r="501797" spans="8:8">
      <c r="H501797" s="12"/>
    </row>
    <row r="501798" spans="8:8">
      <c r="H501798" s="12"/>
    </row>
    <row r="501799" spans="8:8">
      <c r="H501799" s="12"/>
    </row>
    <row r="501800" spans="8:8">
      <c r="H501800" s="12"/>
    </row>
    <row r="501801" spans="8:8">
      <c r="H501801" s="12"/>
    </row>
    <row r="501802" spans="8:8">
      <c r="H501802" s="12"/>
    </row>
    <row r="501803" spans="8:8">
      <c r="H501803" s="12"/>
    </row>
    <row r="501804" spans="8:8">
      <c r="H501804" s="12"/>
    </row>
    <row r="501805" spans="8:8">
      <c r="H501805" s="12"/>
    </row>
    <row r="501806" spans="8:8">
      <c r="H501806" s="12"/>
    </row>
    <row r="501807" spans="8:8">
      <c r="H501807" s="12"/>
    </row>
    <row r="501808" spans="8:8">
      <c r="H501808" s="12"/>
    </row>
    <row r="501809" spans="8:8">
      <c r="H501809" s="12"/>
    </row>
    <row r="501810" spans="8:8">
      <c r="H501810" s="12"/>
    </row>
    <row r="501811" spans="8:8">
      <c r="H501811" s="12"/>
    </row>
    <row r="501812" spans="8:8">
      <c r="H501812" s="12"/>
    </row>
    <row r="501813" spans="8:8">
      <c r="H501813" s="12"/>
    </row>
    <row r="501814" spans="8:8">
      <c r="H501814" s="12"/>
    </row>
    <row r="501815" spans="8:8">
      <c r="H501815" s="12"/>
    </row>
    <row r="501816" spans="8:8">
      <c r="H501816" s="12"/>
    </row>
    <row r="501817" spans="8:8">
      <c r="H501817" s="12"/>
    </row>
    <row r="501818" spans="8:8">
      <c r="H501818" s="12"/>
    </row>
    <row r="501819" spans="8:8">
      <c r="H501819" s="12"/>
    </row>
    <row r="501820" spans="8:8">
      <c r="H501820" s="12"/>
    </row>
    <row r="501821" spans="8:8">
      <c r="H501821" s="12"/>
    </row>
    <row r="501822" spans="8:8">
      <c r="H501822" s="12"/>
    </row>
    <row r="501823" spans="8:8">
      <c r="H501823" s="12"/>
    </row>
    <row r="501824" spans="8:8">
      <c r="H501824" s="12"/>
    </row>
    <row r="501825" spans="8:8">
      <c r="H501825" s="12"/>
    </row>
    <row r="501826" spans="8:8">
      <c r="H501826" s="12"/>
    </row>
    <row r="501827" spans="8:8">
      <c r="H501827" s="12"/>
    </row>
    <row r="501828" spans="8:8">
      <c r="H501828" s="12"/>
    </row>
    <row r="501829" spans="8:8">
      <c r="H501829" s="12"/>
    </row>
    <row r="501830" spans="8:8">
      <c r="H501830" s="12"/>
    </row>
    <row r="501831" spans="8:8">
      <c r="H501831" s="12"/>
    </row>
    <row r="501832" spans="8:8">
      <c r="H501832" s="12"/>
    </row>
    <row r="501833" spans="8:8">
      <c r="H501833" s="12"/>
    </row>
    <row r="501834" spans="8:8">
      <c r="H501834" s="12"/>
    </row>
    <row r="501835" spans="8:8">
      <c r="H501835" s="12"/>
    </row>
    <row r="501836" spans="8:8">
      <c r="H501836" s="12"/>
    </row>
    <row r="501837" spans="8:8">
      <c r="H501837" s="12"/>
    </row>
    <row r="501838" spans="8:8">
      <c r="H501838" s="12"/>
    </row>
    <row r="501839" spans="8:8">
      <c r="H501839" s="12"/>
    </row>
    <row r="501840" spans="8:8">
      <c r="H501840" s="12"/>
    </row>
    <row r="501841" spans="8:8">
      <c r="H501841" s="12"/>
    </row>
    <row r="501842" spans="8:8">
      <c r="H501842" s="12"/>
    </row>
    <row r="501843" spans="8:8">
      <c r="H501843" s="12"/>
    </row>
    <row r="501844" spans="8:8">
      <c r="H501844" s="12"/>
    </row>
    <row r="501845" spans="8:8">
      <c r="H501845" s="12"/>
    </row>
    <row r="501846" spans="8:8">
      <c r="H501846" s="12"/>
    </row>
    <row r="501847" spans="8:8">
      <c r="H501847" s="12"/>
    </row>
    <row r="501848" spans="8:8">
      <c r="H501848" s="12"/>
    </row>
    <row r="501849" spans="8:8">
      <c r="H501849" s="12"/>
    </row>
    <row r="501850" spans="8:8">
      <c r="H501850" s="12"/>
    </row>
    <row r="501851" spans="8:8">
      <c r="H501851" s="12"/>
    </row>
    <row r="501852" spans="8:8">
      <c r="H501852" s="12"/>
    </row>
    <row r="501853" spans="8:8">
      <c r="H501853" s="12"/>
    </row>
    <row r="501854" spans="8:8">
      <c r="H501854" s="12"/>
    </row>
    <row r="501855" spans="8:8">
      <c r="H501855" s="12"/>
    </row>
    <row r="501856" spans="8:8">
      <c r="H501856" s="12"/>
    </row>
    <row r="501857" spans="8:8">
      <c r="H501857" s="12"/>
    </row>
    <row r="501858" spans="8:8">
      <c r="H501858" s="12"/>
    </row>
    <row r="501859" spans="8:8">
      <c r="H501859" s="12"/>
    </row>
    <row r="501860" spans="8:8">
      <c r="H501860" s="12"/>
    </row>
    <row r="501861" spans="8:8">
      <c r="H501861" s="12"/>
    </row>
    <row r="501862" spans="8:8">
      <c r="H501862" s="12"/>
    </row>
    <row r="501863" spans="8:8">
      <c r="H501863" s="12"/>
    </row>
    <row r="501864" spans="8:8">
      <c r="H501864" s="12"/>
    </row>
    <row r="501865" spans="8:8">
      <c r="H501865" s="12"/>
    </row>
    <row r="501866" spans="8:8">
      <c r="H501866" s="12"/>
    </row>
    <row r="501867" spans="8:8">
      <c r="H501867" s="12"/>
    </row>
    <row r="501868" spans="8:8">
      <c r="H501868" s="12"/>
    </row>
    <row r="501869" spans="8:8">
      <c r="H501869" s="12"/>
    </row>
    <row r="501870" spans="8:8">
      <c r="H501870" s="12"/>
    </row>
    <row r="501871" spans="8:8">
      <c r="H501871" s="12"/>
    </row>
    <row r="501872" spans="8:8">
      <c r="H501872" s="12"/>
    </row>
    <row r="501873" spans="8:8">
      <c r="H501873" s="12"/>
    </row>
    <row r="501874" spans="8:8">
      <c r="H501874" s="12"/>
    </row>
    <row r="501875" spans="8:8">
      <c r="H501875" s="12"/>
    </row>
    <row r="501876" spans="8:8">
      <c r="H501876" s="12"/>
    </row>
    <row r="501877" spans="8:8">
      <c r="H501877" s="12"/>
    </row>
    <row r="501878" spans="8:8">
      <c r="H501878" s="12"/>
    </row>
    <row r="501879" spans="8:8">
      <c r="H501879" s="12"/>
    </row>
    <row r="501880" spans="8:8">
      <c r="H501880" s="12"/>
    </row>
    <row r="501881" spans="8:8">
      <c r="H501881" s="12"/>
    </row>
    <row r="501882" spans="8:8">
      <c r="H501882" s="12"/>
    </row>
    <row r="501883" spans="8:8">
      <c r="H501883" s="12"/>
    </row>
    <row r="501884" spans="8:8">
      <c r="H501884" s="12"/>
    </row>
    <row r="501885" spans="8:8">
      <c r="H501885" s="12"/>
    </row>
    <row r="501886" spans="8:8">
      <c r="H501886" s="12"/>
    </row>
    <row r="501887" spans="8:8">
      <c r="H501887" s="12"/>
    </row>
    <row r="501888" spans="8:8">
      <c r="H501888" s="12"/>
    </row>
    <row r="501889" spans="8:8">
      <c r="H501889" s="12"/>
    </row>
    <row r="501890" spans="8:8">
      <c r="H501890" s="12"/>
    </row>
    <row r="501891" spans="8:8">
      <c r="H501891" s="12"/>
    </row>
    <row r="501892" spans="8:8">
      <c r="H501892" s="12"/>
    </row>
    <row r="501893" spans="8:8">
      <c r="H501893" s="12"/>
    </row>
    <row r="501894" spans="8:8">
      <c r="H501894" s="12"/>
    </row>
    <row r="501895" spans="8:8">
      <c r="H501895" s="12"/>
    </row>
    <row r="501896" spans="8:8">
      <c r="H501896" s="12"/>
    </row>
    <row r="501897" spans="8:8">
      <c r="H501897" s="12"/>
    </row>
    <row r="501898" spans="8:8">
      <c r="H501898" s="12"/>
    </row>
    <row r="501899" spans="8:8">
      <c r="H501899" s="12"/>
    </row>
    <row r="501900" spans="8:8">
      <c r="H501900" s="12"/>
    </row>
    <row r="501901" spans="8:8">
      <c r="H501901" s="12"/>
    </row>
    <row r="501902" spans="8:8">
      <c r="H501902" s="12"/>
    </row>
    <row r="501903" spans="8:8">
      <c r="H501903" s="12"/>
    </row>
    <row r="501904" spans="8:8">
      <c r="H501904" s="12"/>
    </row>
    <row r="501905" spans="8:8">
      <c r="H501905" s="12"/>
    </row>
    <row r="501906" spans="8:8">
      <c r="H501906" s="12"/>
    </row>
    <row r="501907" spans="8:8">
      <c r="H501907" s="12"/>
    </row>
    <row r="501908" spans="8:8">
      <c r="H501908" s="12"/>
    </row>
    <row r="501909" spans="8:8">
      <c r="H501909" s="12"/>
    </row>
    <row r="501910" spans="8:8">
      <c r="H501910" s="12"/>
    </row>
    <row r="501911" spans="8:8">
      <c r="H501911" s="12"/>
    </row>
    <row r="501912" spans="8:8">
      <c r="H501912" s="12"/>
    </row>
    <row r="501913" spans="8:8">
      <c r="H501913" s="12"/>
    </row>
    <row r="501914" spans="8:8">
      <c r="H501914" s="12"/>
    </row>
    <row r="501915" spans="8:8">
      <c r="H501915" s="12"/>
    </row>
    <row r="501916" spans="8:8">
      <c r="H501916" s="12"/>
    </row>
    <row r="501917" spans="8:8">
      <c r="H501917" s="12"/>
    </row>
    <row r="501918" spans="8:8">
      <c r="H501918" s="12"/>
    </row>
    <row r="501919" spans="8:8">
      <c r="H501919" s="12"/>
    </row>
    <row r="501920" spans="8:8">
      <c r="H501920" s="12"/>
    </row>
    <row r="501921" spans="8:8">
      <c r="H501921" s="12"/>
    </row>
    <row r="501922" spans="8:8">
      <c r="H501922" s="12"/>
    </row>
    <row r="501923" spans="8:8">
      <c r="H501923" s="12"/>
    </row>
    <row r="501924" spans="8:8">
      <c r="H501924" s="12"/>
    </row>
    <row r="501925" spans="8:8">
      <c r="H501925" s="12"/>
    </row>
    <row r="501926" spans="8:8">
      <c r="H501926" s="12"/>
    </row>
    <row r="501927" spans="8:8">
      <c r="H501927" s="12"/>
    </row>
    <row r="501928" spans="8:8">
      <c r="H501928" s="12"/>
    </row>
    <row r="501929" spans="8:8">
      <c r="H501929" s="12"/>
    </row>
    <row r="501930" spans="8:8">
      <c r="H501930" s="12"/>
    </row>
    <row r="501931" spans="8:8">
      <c r="H501931" s="12"/>
    </row>
    <row r="501932" spans="8:8">
      <c r="H501932" s="12"/>
    </row>
    <row r="501933" spans="8:8">
      <c r="H501933" s="12"/>
    </row>
    <row r="501934" spans="8:8">
      <c r="H501934" s="12"/>
    </row>
    <row r="501935" spans="8:8">
      <c r="H501935" s="12"/>
    </row>
    <row r="501936" spans="8:8">
      <c r="H501936" s="12"/>
    </row>
    <row r="501937" spans="8:8">
      <c r="H501937" s="12"/>
    </row>
    <row r="501938" spans="8:8">
      <c r="H501938" s="12"/>
    </row>
    <row r="501939" spans="8:8">
      <c r="H501939" s="12"/>
    </row>
    <row r="501940" spans="8:8">
      <c r="H501940" s="12"/>
    </row>
    <row r="501941" spans="8:8">
      <c r="H501941" s="12"/>
    </row>
    <row r="501942" spans="8:8">
      <c r="H501942" s="12"/>
    </row>
    <row r="501943" spans="8:8">
      <c r="H501943" s="12"/>
    </row>
    <row r="501944" spans="8:8">
      <c r="H501944" s="12"/>
    </row>
    <row r="501945" spans="8:8">
      <c r="H501945" s="12"/>
    </row>
    <row r="501946" spans="8:8">
      <c r="H501946" s="12"/>
    </row>
    <row r="501947" spans="8:8">
      <c r="H501947" s="12"/>
    </row>
    <row r="501948" spans="8:8">
      <c r="H501948" s="12"/>
    </row>
    <row r="501949" spans="8:8">
      <c r="H501949" s="12"/>
    </row>
    <row r="501950" spans="8:8">
      <c r="H501950" s="12"/>
    </row>
    <row r="501951" spans="8:8">
      <c r="H501951" s="12"/>
    </row>
    <row r="501952" spans="8:8">
      <c r="H501952" s="12"/>
    </row>
    <row r="501953" spans="8:8">
      <c r="H501953" s="12"/>
    </row>
    <row r="501954" spans="8:8">
      <c r="H501954" s="12"/>
    </row>
    <row r="501955" spans="8:8">
      <c r="H501955" s="12"/>
    </row>
    <row r="501956" spans="8:8">
      <c r="H501956" s="12"/>
    </row>
    <row r="501957" spans="8:8">
      <c r="H501957" s="12"/>
    </row>
    <row r="501958" spans="8:8">
      <c r="H501958" s="12"/>
    </row>
    <row r="501959" spans="8:8">
      <c r="H501959" s="12"/>
    </row>
    <row r="501960" spans="8:8">
      <c r="H501960" s="12"/>
    </row>
    <row r="501961" spans="8:8">
      <c r="H501961" s="12"/>
    </row>
    <row r="501962" spans="8:8">
      <c r="H501962" s="12"/>
    </row>
    <row r="501963" spans="8:8">
      <c r="H501963" s="12"/>
    </row>
    <row r="501964" spans="8:8">
      <c r="H501964" s="12"/>
    </row>
    <row r="501965" spans="8:8">
      <c r="H501965" s="12"/>
    </row>
    <row r="501966" spans="8:8">
      <c r="H501966" s="12"/>
    </row>
    <row r="501967" spans="8:8">
      <c r="H501967" s="12"/>
    </row>
    <row r="501968" spans="8:8">
      <c r="H501968" s="12"/>
    </row>
    <row r="501969" spans="8:8">
      <c r="H501969" s="12"/>
    </row>
    <row r="501970" spans="8:8">
      <c r="H501970" s="12"/>
    </row>
    <row r="501971" spans="8:8">
      <c r="H501971" s="12"/>
    </row>
    <row r="501972" spans="8:8">
      <c r="H501972" s="12"/>
    </row>
    <row r="501973" spans="8:8">
      <c r="H501973" s="12"/>
    </row>
    <row r="501974" spans="8:8">
      <c r="H501974" s="12"/>
    </row>
    <row r="501975" spans="8:8">
      <c r="H501975" s="12"/>
    </row>
    <row r="501976" spans="8:8">
      <c r="H501976" s="12"/>
    </row>
    <row r="501977" spans="8:8">
      <c r="H501977" s="12"/>
    </row>
    <row r="501978" spans="8:8">
      <c r="H501978" s="12"/>
    </row>
    <row r="501979" spans="8:8">
      <c r="H501979" s="12"/>
    </row>
    <row r="501980" spans="8:8">
      <c r="H501980" s="12"/>
    </row>
    <row r="501981" spans="8:8">
      <c r="H501981" s="12"/>
    </row>
    <row r="501982" spans="8:8">
      <c r="H501982" s="12"/>
    </row>
    <row r="501983" spans="8:8">
      <c r="H501983" s="12"/>
    </row>
    <row r="501984" spans="8:8">
      <c r="H501984" s="12"/>
    </row>
    <row r="501985" spans="8:8">
      <c r="H501985" s="12"/>
    </row>
    <row r="501986" spans="8:8">
      <c r="H501986" s="12"/>
    </row>
    <row r="501987" spans="8:8">
      <c r="H501987" s="12"/>
    </row>
    <row r="501988" spans="8:8">
      <c r="H501988" s="12"/>
    </row>
    <row r="501989" spans="8:8">
      <c r="H501989" s="12"/>
    </row>
    <row r="501990" spans="8:8">
      <c r="H501990" s="12"/>
    </row>
    <row r="501991" spans="8:8">
      <c r="H501991" s="12"/>
    </row>
    <row r="501992" spans="8:8">
      <c r="H501992" s="12"/>
    </row>
    <row r="501993" spans="8:8">
      <c r="H501993" s="12"/>
    </row>
    <row r="501994" spans="8:8">
      <c r="H501994" s="12"/>
    </row>
    <row r="501995" spans="8:8">
      <c r="H501995" s="12"/>
    </row>
    <row r="501996" spans="8:8">
      <c r="H501996" s="12"/>
    </row>
    <row r="501997" spans="8:8">
      <c r="H501997" s="12"/>
    </row>
    <row r="501998" spans="8:8">
      <c r="H501998" s="12"/>
    </row>
    <row r="501999" spans="8:8">
      <c r="H501999" s="12"/>
    </row>
    <row r="502000" spans="8:8">
      <c r="H502000" s="12"/>
    </row>
    <row r="502001" spans="8:8">
      <c r="H502001" s="12"/>
    </row>
    <row r="502002" spans="8:8">
      <c r="H502002" s="12"/>
    </row>
    <row r="502003" spans="8:8">
      <c r="H502003" s="12"/>
    </row>
    <row r="502004" spans="8:8">
      <c r="H502004" s="12"/>
    </row>
    <row r="502005" spans="8:8">
      <c r="H502005" s="12"/>
    </row>
    <row r="502006" spans="8:8">
      <c r="H502006" s="12"/>
    </row>
    <row r="502007" spans="8:8">
      <c r="H502007" s="12"/>
    </row>
    <row r="502008" spans="8:8">
      <c r="H502008" s="12"/>
    </row>
    <row r="502009" spans="8:8">
      <c r="H502009" s="12"/>
    </row>
    <row r="502010" spans="8:8">
      <c r="H502010" s="12"/>
    </row>
    <row r="502011" spans="8:8">
      <c r="H502011" s="12"/>
    </row>
    <row r="502012" spans="8:8">
      <c r="H502012" s="12"/>
    </row>
    <row r="502013" spans="8:8">
      <c r="H502013" s="12"/>
    </row>
    <row r="502014" spans="8:8">
      <c r="H502014" s="12"/>
    </row>
    <row r="502015" spans="8:8">
      <c r="H502015" s="12"/>
    </row>
    <row r="502016" spans="8:8">
      <c r="H502016" s="12"/>
    </row>
    <row r="502017" spans="8:8">
      <c r="H502017" s="12"/>
    </row>
    <row r="502018" spans="8:8">
      <c r="H502018" s="12"/>
    </row>
    <row r="502019" spans="8:8">
      <c r="H502019" s="12"/>
    </row>
    <row r="502020" spans="8:8">
      <c r="H502020" s="12"/>
    </row>
    <row r="502021" spans="8:8">
      <c r="H502021" s="12"/>
    </row>
    <row r="502022" spans="8:8">
      <c r="H502022" s="12"/>
    </row>
    <row r="502023" spans="8:8">
      <c r="H502023" s="12"/>
    </row>
    <row r="502024" spans="8:8">
      <c r="H502024" s="12"/>
    </row>
    <row r="502025" spans="8:8">
      <c r="H502025" s="12"/>
    </row>
    <row r="502026" spans="8:8">
      <c r="H502026" s="12"/>
    </row>
    <row r="502027" spans="8:8">
      <c r="H502027" s="12"/>
    </row>
    <row r="502028" spans="8:8">
      <c r="H502028" s="12"/>
    </row>
    <row r="502029" spans="8:8">
      <c r="H502029" s="12"/>
    </row>
    <row r="502030" spans="8:8">
      <c r="H502030" s="12"/>
    </row>
    <row r="502031" spans="8:8">
      <c r="H502031" s="12"/>
    </row>
    <row r="502032" spans="8:8">
      <c r="H502032" s="12"/>
    </row>
    <row r="502033" spans="8:8">
      <c r="H502033" s="12"/>
    </row>
    <row r="502034" spans="8:8">
      <c r="H502034" s="12"/>
    </row>
    <row r="502035" spans="8:8">
      <c r="H502035" s="12"/>
    </row>
    <row r="502036" spans="8:8">
      <c r="H502036" s="12"/>
    </row>
    <row r="502037" spans="8:8">
      <c r="H502037" s="12"/>
    </row>
    <row r="502038" spans="8:8">
      <c r="H502038" s="12"/>
    </row>
    <row r="502039" spans="8:8">
      <c r="H502039" s="12"/>
    </row>
    <row r="502040" spans="8:8">
      <c r="H502040" s="12"/>
    </row>
    <row r="502041" spans="8:8">
      <c r="H502041" s="12"/>
    </row>
    <row r="502042" spans="8:8">
      <c r="H502042" s="12"/>
    </row>
    <row r="502043" spans="8:8">
      <c r="H502043" s="12"/>
    </row>
    <row r="502044" spans="8:8">
      <c r="H502044" s="12"/>
    </row>
    <row r="502045" spans="8:8">
      <c r="H502045" s="12"/>
    </row>
    <row r="502046" spans="8:8">
      <c r="H502046" s="12"/>
    </row>
    <row r="502047" spans="8:8">
      <c r="H502047" s="12"/>
    </row>
    <row r="502048" spans="8:8">
      <c r="H502048" s="12"/>
    </row>
    <row r="502049" spans="8:8">
      <c r="H502049" s="12"/>
    </row>
    <row r="502050" spans="8:8">
      <c r="H502050" s="12"/>
    </row>
    <row r="502051" spans="8:8">
      <c r="H502051" s="12"/>
    </row>
    <row r="502052" spans="8:8">
      <c r="H502052" s="12"/>
    </row>
    <row r="502053" spans="8:8">
      <c r="H502053" s="12"/>
    </row>
    <row r="502054" spans="8:8">
      <c r="H502054" s="12"/>
    </row>
    <row r="502055" spans="8:8">
      <c r="H502055" s="12"/>
    </row>
    <row r="502056" spans="8:8">
      <c r="H502056" s="12"/>
    </row>
    <row r="502057" spans="8:8">
      <c r="H502057" s="12"/>
    </row>
    <row r="502058" spans="8:8">
      <c r="H502058" s="12"/>
    </row>
    <row r="502059" spans="8:8">
      <c r="H502059" s="12"/>
    </row>
    <row r="502060" spans="8:8">
      <c r="H502060" s="12"/>
    </row>
    <row r="502061" spans="8:8">
      <c r="H502061" s="12"/>
    </row>
    <row r="502062" spans="8:8">
      <c r="H502062" s="12"/>
    </row>
    <row r="502063" spans="8:8">
      <c r="H502063" s="12"/>
    </row>
    <row r="502064" spans="8:8">
      <c r="H502064" s="12"/>
    </row>
    <row r="502065" spans="8:8">
      <c r="H502065" s="12"/>
    </row>
    <row r="502066" spans="8:8">
      <c r="H502066" s="12"/>
    </row>
    <row r="502067" spans="8:8">
      <c r="H502067" s="12"/>
    </row>
    <row r="502068" spans="8:8">
      <c r="H502068" s="12"/>
    </row>
    <row r="502069" spans="8:8">
      <c r="H502069" s="12"/>
    </row>
    <row r="502070" spans="8:8">
      <c r="H502070" s="12"/>
    </row>
    <row r="502071" spans="8:8">
      <c r="H502071" s="12"/>
    </row>
    <row r="502072" spans="8:8">
      <c r="H502072" s="12"/>
    </row>
    <row r="502073" spans="8:8">
      <c r="H502073" s="12"/>
    </row>
    <row r="502074" spans="8:8">
      <c r="H502074" s="12"/>
    </row>
    <row r="502075" spans="8:8">
      <c r="H502075" s="12"/>
    </row>
    <row r="502076" spans="8:8">
      <c r="H502076" s="12"/>
    </row>
    <row r="502077" spans="8:8">
      <c r="H502077" s="12"/>
    </row>
    <row r="502078" spans="8:8">
      <c r="H502078" s="12"/>
    </row>
    <row r="502079" spans="8:8">
      <c r="H502079" s="12"/>
    </row>
    <row r="502080" spans="8:8">
      <c r="H502080" s="12"/>
    </row>
    <row r="502081" spans="8:8">
      <c r="H502081" s="12"/>
    </row>
    <row r="502082" spans="8:8">
      <c r="H502082" s="12"/>
    </row>
    <row r="502083" spans="8:8">
      <c r="H502083" s="12"/>
    </row>
    <row r="502084" spans="8:8">
      <c r="H502084" s="12"/>
    </row>
    <row r="502085" spans="8:8">
      <c r="H502085" s="12"/>
    </row>
    <row r="502086" spans="8:8">
      <c r="H502086" s="12"/>
    </row>
    <row r="502087" spans="8:8">
      <c r="H502087" s="12"/>
    </row>
    <row r="502088" spans="8:8">
      <c r="H502088" s="12"/>
    </row>
    <row r="502089" spans="8:8">
      <c r="H502089" s="12"/>
    </row>
    <row r="502090" spans="8:8">
      <c r="H502090" s="12"/>
    </row>
    <row r="502091" spans="8:8">
      <c r="H502091" s="12"/>
    </row>
    <row r="502092" spans="8:8">
      <c r="H502092" s="12"/>
    </row>
    <row r="502093" spans="8:8">
      <c r="H502093" s="12"/>
    </row>
    <row r="502094" spans="8:8">
      <c r="H502094" s="12"/>
    </row>
    <row r="502095" spans="8:8">
      <c r="H502095" s="12"/>
    </row>
    <row r="502096" spans="8:8">
      <c r="H502096" s="12"/>
    </row>
    <row r="502097" spans="8:8">
      <c r="H502097" s="12"/>
    </row>
    <row r="502098" spans="8:8">
      <c r="H502098" s="12"/>
    </row>
    <row r="502099" spans="8:8">
      <c r="H502099" s="12"/>
    </row>
    <row r="502100" spans="8:8">
      <c r="H502100" s="12"/>
    </row>
    <row r="502101" spans="8:8">
      <c r="H502101" s="12"/>
    </row>
    <row r="502102" spans="8:8">
      <c r="H502102" s="12"/>
    </row>
    <row r="502103" spans="8:8">
      <c r="H502103" s="12"/>
    </row>
    <row r="502104" spans="8:8">
      <c r="H502104" s="12"/>
    </row>
    <row r="502105" spans="8:8">
      <c r="H502105" s="12"/>
    </row>
    <row r="502106" spans="8:8">
      <c r="H502106" s="12"/>
    </row>
    <row r="502107" spans="8:8">
      <c r="H502107" s="12"/>
    </row>
    <row r="502108" spans="8:8">
      <c r="H502108" s="12"/>
    </row>
    <row r="502109" spans="8:8">
      <c r="H502109" s="12"/>
    </row>
    <row r="502110" spans="8:8">
      <c r="H502110" s="12"/>
    </row>
    <row r="502111" spans="8:8">
      <c r="H502111" s="12"/>
    </row>
    <row r="502112" spans="8:8">
      <c r="H502112" s="12"/>
    </row>
    <row r="502113" spans="8:8">
      <c r="H502113" s="12"/>
    </row>
    <row r="502114" spans="8:8">
      <c r="H502114" s="12"/>
    </row>
    <row r="502115" spans="8:8">
      <c r="H502115" s="12"/>
    </row>
    <row r="502116" spans="8:8">
      <c r="H502116" s="12"/>
    </row>
    <row r="502117" spans="8:8">
      <c r="H502117" s="12"/>
    </row>
    <row r="502118" spans="8:8">
      <c r="H502118" s="12"/>
    </row>
    <row r="502119" spans="8:8">
      <c r="H502119" s="12"/>
    </row>
    <row r="502120" spans="8:8">
      <c r="H502120" s="12"/>
    </row>
    <row r="502121" spans="8:8">
      <c r="H502121" s="12"/>
    </row>
    <row r="502122" spans="8:8">
      <c r="H502122" s="12"/>
    </row>
    <row r="502123" spans="8:8">
      <c r="H502123" s="12"/>
    </row>
    <row r="502124" spans="8:8">
      <c r="H502124" s="12"/>
    </row>
    <row r="502125" spans="8:8">
      <c r="H502125" s="12"/>
    </row>
    <row r="502126" spans="8:8">
      <c r="H502126" s="12"/>
    </row>
    <row r="502127" spans="8:8">
      <c r="H502127" s="12"/>
    </row>
    <row r="502128" spans="8:8">
      <c r="H502128" s="12"/>
    </row>
    <row r="502129" spans="8:8">
      <c r="H502129" s="12"/>
    </row>
    <row r="502130" spans="8:8">
      <c r="H502130" s="12"/>
    </row>
    <row r="502131" spans="8:8">
      <c r="H502131" s="12"/>
    </row>
    <row r="502132" spans="8:8">
      <c r="H502132" s="12"/>
    </row>
    <row r="502133" spans="8:8">
      <c r="H502133" s="12"/>
    </row>
    <row r="502134" spans="8:8">
      <c r="H502134" s="12"/>
    </row>
    <row r="502135" spans="8:8">
      <c r="H502135" s="12"/>
    </row>
    <row r="502136" spans="8:8">
      <c r="H502136" s="12"/>
    </row>
    <row r="502137" spans="8:8">
      <c r="H502137" s="12"/>
    </row>
    <row r="502138" spans="8:8">
      <c r="H502138" s="12"/>
    </row>
    <row r="502139" spans="8:8">
      <c r="H502139" s="12"/>
    </row>
    <row r="502140" spans="8:8">
      <c r="H502140" s="12"/>
    </row>
    <row r="502141" spans="8:8">
      <c r="H502141" s="12"/>
    </row>
    <row r="502142" spans="8:8">
      <c r="H502142" s="12"/>
    </row>
    <row r="502143" spans="8:8">
      <c r="H502143" s="12"/>
    </row>
    <row r="502144" spans="8:8">
      <c r="H502144" s="12"/>
    </row>
    <row r="502145" spans="8:8">
      <c r="H502145" s="12"/>
    </row>
    <row r="502146" spans="8:8">
      <c r="H502146" s="12"/>
    </row>
    <row r="502147" spans="8:8">
      <c r="H502147" s="12"/>
    </row>
    <row r="502148" spans="8:8">
      <c r="H502148" s="12"/>
    </row>
    <row r="502149" spans="8:8">
      <c r="H502149" s="12"/>
    </row>
    <row r="502150" spans="8:8">
      <c r="H502150" s="12"/>
    </row>
    <row r="502151" spans="8:8">
      <c r="H502151" s="12"/>
    </row>
    <row r="502152" spans="8:8">
      <c r="H502152" s="12"/>
    </row>
    <row r="502153" spans="8:8">
      <c r="H502153" s="12"/>
    </row>
    <row r="502154" spans="8:8">
      <c r="H502154" s="12"/>
    </row>
    <row r="502155" spans="8:8">
      <c r="H502155" s="12"/>
    </row>
    <row r="502156" spans="8:8">
      <c r="H502156" s="12"/>
    </row>
    <row r="502157" spans="8:8">
      <c r="H502157" s="12"/>
    </row>
    <row r="502158" spans="8:8">
      <c r="H502158" s="12"/>
    </row>
    <row r="502159" spans="8:8">
      <c r="H502159" s="12"/>
    </row>
    <row r="502160" spans="8:8">
      <c r="H502160" s="12"/>
    </row>
    <row r="502161" spans="8:8">
      <c r="H502161" s="12"/>
    </row>
    <row r="502162" spans="8:8">
      <c r="H502162" s="12"/>
    </row>
    <row r="502163" spans="8:8">
      <c r="H502163" s="12"/>
    </row>
    <row r="502164" spans="8:8">
      <c r="H502164" s="12"/>
    </row>
    <row r="502165" spans="8:8">
      <c r="H502165" s="12"/>
    </row>
    <row r="502166" spans="8:8">
      <c r="H502166" s="12"/>
    </row>
    <row r="502167" spans="8:8">
      <c r="H502167" s="12"/>
    </row>
    <row r="502168" spans="8:8">
      <c r="H502168" s="12"/>
    </row>
    <row r="502169" spans="8:8">
      <c r="H502169" s="12"/>
    </row>
    <row r="502170" spans="8:8">
      <c r="H502170" s="12"/>
    </row>
    <row r="502171" spans="8:8">
      <c r="H502171" s="12"/>
    </row>
    <row r="502172" spans="8:8">
      <c r="H502172" s="12"/>
    </row>
    <row r="502173" spans="8:8">
      <c r="H502173" s="12"/>
    </row>
    <row r="502174" spans="8:8">
      <c r="H502174" s="12"/>
    </row>
    <row r="502175" spans="8:8">
      <c r="H502175" s="12"/>
    </row>
    <row r="502176" spans="8:8">
      <c r="H502176" s="12"/>
    </row>
    <row r="502177" spans="8:8">
      <c r="H502177" s="12"/>
    </row>
    <row r="502178" spans="8:8">
      <c r="H502178" s="12"/>
    </row>
    <row r="502179" spans="8:8">
      <c r="H502179" s="12"/>
    </row>
    <row r="502180" spans="8:8">
      <c r="H502180" s="12"/>
    </row>
    <row r="502181" spans="8:8">
      <c r="H502181" s="12"/>
    </row>
    <row r="502182" spans="8:8">
      <c r="H502182" s="12"/>
    </row>
    <row r="502183" spans="8:8">
      <c r="H502183" s="12"/>
    </row>
    <row r="502184" spans="8:8">
      <c r="H502184" s="12"/>
    </row>
    <row r="502185" spans="8:8">
      <c r="H502185" s="12"/>
    </row>
    <row r="502186" spans="8:8">
      <c r="H502186" s="12"/>
    </row>
    <row r="502187" spans="8:8">
      <c r="H502187" s="12"/>
    </row>
    <row r="502188" spans="8:8">
      <c r="H502188" s="12"/>
    </row>
    <row r="502189" spans="8:8">
      <c r="H502189" s="12"/>
    </row>
    <row r="502190" spans="8:8">
      <c r="H502190" s="12"/>
    </row>
    <row r="502191" spans="8:8">
      <c r="H502191" s="12"/>
    </row>
    <row r="502192" spans="8:8">
      <c r="H502192" s="12"/>
    </row>
    <row r="502193" spans="8:8">
      <c r="H502193" s="12"/>
    </row>
    <row r="502194" spans="8:8">
      <c r="H502194" s="12"/>
    </row>
    <row r="502195" spans="8:8">
      <c r="H502195" s="12"/>
    </row>
    <row r="502196" spans="8:8">
      <c r="H502196" s="12"/>
    </row>
    <row r="502197" spans="8:8">
      <c r="H502197" s="12"/>
    </row>
    <row r="502198" spans="8:8">
      <c r="H502198" s="12"/>
    </row>
    <row r="502199" spans="8:8">
      <c r="H502199" s="12"/>
    </row>
    <row r="502200" spans="8:8">
      <c r="H502200" s="12"/>
    </row>
    <row r="502201" spans="8:8">
      <c r="H502201" s="12"/>
    </row>
    <row r="502202" spans="8:8">
      <c r="H502202" s="12"/>
    </row>
    <row r="502203" spans="8:8">
      <c r="H502203" s="12"/>
    </row>
    <row r="502204" spans="8:8">
      <c r="H502204" s="12"/>
    </row>
    <row r="502205" spans="8:8">
      <c r="H502205" s="12"/>
    </row>
    <row r="502206" spans="8:8">
      <c r="H502206" s="12"/>
    </row>
    <row r="502207" spans="8:8">
      <c r="H502207" s="12"/>
    </row>
    <row r="502208" spans="8:8">
      <c r="H502208" s="12"/>
    </row>
    <row r="502209" spans="8:8">
      <c r="H502209" s="12"/>
    </row>
    <row r="502210" spans="8:8">
      <c r="H502210" s="12"/>
    </row>
    <row r="502211" spans="8:8">
      <c r="H502211" s="12"/>
    </row>
    <row r="502212" spans="8:8">
      <c r="H502212" s="12"/>
    </row>
    <row r="502213" spans="8:8">
      <c r="H502213" s="12"/>
    </row>
    <row r="502214" spans="8:8">
      <c r="H502214" s="12"/>
    </row>
    <row r="502215" spans="8:8">
      <c r="H502215" s="12"/>
    </row>
    <row r="502216" spans="8:8">
      <c r="H502216" s="12"/>
    </row>
    <row r="502217" spans="8:8">
      <c r="H502217" s="12"/>
    </row>
    <row r="502218" spans="8:8">
      <c r="H502218" s="12"/>
    </row>
    <row r="502219" spans="8:8">
      <c r="H502219" s="12"/>
    </row>
    <row r="502220" spans="8:8">
      <c r="H502220" s="12"/>
    </row>
    <row r="502221" spans="8:8">
      <c r="H502221" s="12"/>
    </row>
    <row r="502222" spans="8:8">
      <c r="H502222" s="12"/>
    </row>
    <row r="502223" spans="8:8">
      <c r="H502223" s="12"/>
    </row>
    <row r="502224" spans="8:8">
      <c r="H502224" s="12"/>
    </row>
    <row r="502225" spans="8:8">
      <c r="H502225" s="12"/>
    </row>
    <row r="502226" spans="8:8">
      <c r="H502226" s="12"/>
    </row>
    <row r="502227" spans="8:8">
      <c r="H502227" s="12"/>
    </row>
    <row r="502228" spans="8:8">
      <c r="H502228" s="12"/>
    </row>
    <row r="502229" spans="8:8">
      <c r="H502229" s="12"/>
    </row>
    <row r="502230" spans="8:8">
      <c r="H502230" s="12"/>
    </row>
    <row r="502231" spans="8:8">
      <c r="H502231" s="12"/>
    </row>
    <row r="502232" spans="8:8">
      <c r="H502232" s="12"/>
    </row>
    <row r="502233" spans="8:8">
      <c r="H502233" s="12"/>
    </row>
    <row r="502234" spans="8:8">
      <c r="H502234" s="12"/>
    </row>
    <row r="502235" spans="8:8">
      <c r="H502235" s="12"/>
    </row>
    <row r="502236" spans="8:8">
      <c r="H502236" s="12"/>
    </row>
    <row r="502237" spans="8:8">
      <c r="H502237" s="12"/>
    </row>
    <row r="502238" spans="8:8">
      <c r="H502238" s="12"/>
    </row>
    <row r="502239" spans="8:8">
      <c r="H502239" s="12"/>
    </row>
    <row r="502240" spans="8:8">
      <c r="H502240" s="12"/>
    </row>
    <row r="502241" spans="8:8">
      <c r="H502241" s="12"/>
    </row>
    <row r="502242" spans="8:8">
      <c r="H502242" s="12"/>
    </row>
    <row r="502243" spans="8:8">
      <c r="H502243" s="12"/>
    </row>
    <row r="502244" spans="8:8">
      <c r="H502244" s="12"/>
    </row>
    <row r="502245" spans="8:8">
      <c r="H502245" s="12"/>
    </row>
    <row r="502246" spans="8:8">
      <c r="H502246" s="12"/>
    </row>
    <row r="502247" spans="8:8">
      <c r="H502247" s="12"/>
    </row>
    <row r="502248" spans="8:8">
      <c r="H502248" s="12"/>
    </row>
    <row r="502249" spans="8:8">
      <c r="H502249" s="12"/>
    </row>
    <row r="502250" spans="8:8">
      <c r="H502250" s="12"/>
    </row>
    <row r="502251" spans="8:8">
      <c r="H502251" s="12"/>
    </row>
    <row r="502252" spans="8:8">
      <c r="H502252" s="12"/>
    </row>
    <row r="502253" spans="8:8">
      <c r="H502253" s="12"/>
    </row>
    <row r="502254" spans="8:8">
      <c r="H502254" s="12"/>
    </row>
    <row r="502255" spans="8:8">
      <c r="H502255" s="12"/>
    </row>
    <row r="502256" spans="8:8">
      <c r="H502256" s="12"/>
    </row>
    <row r="502257" spans="8:8">
      <c r="H502257" s="12"/>
    </row>
    <row r="502258" spans="8:8">
      <c r="H502258" s="12"/>
    </row>
    <row r="502259" spans="8:8">
      <c r="H502259" s="12"/>
    </row>
    <row r="502260" spans="8:8">
      <c r="H502260" s="12"/>
    </row>
    <row r="502261" spans="8:8">
      <c r="H502261" s="12"/>
    </row>
    <row r="502262" spans="8:8">
      <c r="H502262" s="12"/>
    </row>
    <row r="502263" spans="8:8">
      <c r="H502263" s="12"/>
    </row>
    <row r="502264" spans="8:8">
      <c r="H502264" s="12"/>
    </row>
    <row r="502265" spans="8:8">
      <c r="H502265" s="12"/>
    </row>
    <row r="502266" spans="8:8">
      <c r="H502266" s="12"/>
    </row>
    <row r="502267" spans="8:8">
      <c r="H502267" s="12"/>
    </row>
    <row r="502268" spans="8:8">
      <c r="H502268" s="12"/>
    </row>
    <row r="502269" spans="8:8">
      <c r="H502269" s="12"/>
    </row>
    <row r="502270" spans="8:8">
      <c r="H502270" s="12"/>
    </row>
    <row r="502271" spans="8:8">
      <c r="H502271" s="12"/>
    </row>
    <row r="502272" spans="8:8">
      <c r="H502272" s="12"/>
    </row>
    <row r="502273" spans="8:8">
      <c r="H502273" s="12"/>
    </row>
    <row r="502274" spans="8:8">
      <c r="H502274" s="12"/>
    </row>
    <row r="502275" spans="8:8">
      <c r="H502275" s="12"/>
    </row>
    <row r="502276" spans="8:8">
      <c r="H502276" s="12"/>
    </row>
    <row r="502277" spans="8:8">
      <c r="H502277" s="12"/>
    </row>
    <row r="502278" spans="8:8">
      <c r="H502278" s="12"/>
    </row>
    <row r="502279" spans="8:8">
      <c r="H502279" s="12"/>
    </row>
    <row r="502280" spans="8:8">
      <c r="H502280" s="12"/>
    </row>
    <row r="502281" spans="8:8">
      <c r="H502281" s="12"/>
    </row>
    <row r="502282" spans="8:8">
      <c r="H502282" s="12"/>
    </row>
    <row r="502283" spans="8:8">
      <c r="H502283" s="12"/>
    </row>
    <row r="502284" spans="8:8">
      <c r="H502284" s="12"/>
    </row>
    <row r="502285" spans="8:8">
      <c r="H502285" s="12"/>
    </row>
    <row r="502286" spans="8:8">
      <c r="H502286" s="12"/>
    </row>
    <row r="502287" spans="8:8">
      <c r="H502287" s="12"/>
    </row>
    <row r="502288" spans="8:8">
      <c r="H502288" s="12"/>
    </row>
    <row r="502289" spans="8:8">
      <c r="H502289" s="12"/>
    </row>
    <row r="502290" spans="8:8">
      <c r="H502290" s="12"/>
    </row>
    <row r="502291" spans="8:8">
      <c r="H502291" s="12"/>
    </row>
    <row r="502292" spans="8:8">
      <c r="H502292" s="12"/>
    </row>
    <row r="502293" spans="8:8">
      <c r="H502293" s="12"/>
    </row>
    <row r="502294" spans="8:8">
      <c r="H502294" s="12"/>
    </row>
    <row r="502295" spans="8:8">
      <c r="H502295" s="12"/>
    </row>
    <row r="502296" spans="8:8">
      <c r="H502296" s="12"/>
    </row>
    <row r="502297" spans="8:8">
      <c r="H502297" s="12"/>
    </row>
    <row r="502298" spans="8:8">
      <c r="H502298" s="12"/>
    </row>
    <row r="502299" spans="8:8">
      <c r="H502299" s="12"/>
    </row>
    <row r="502300" spans="8:8">
      <c r="H502300" s="12"/>
    </row>
    <row r="502301" spans="8:8">
      <c r="H502301" s="12"/>
    </row>
    <row r="502302" spans="8:8">
      <c r="H502302" s="12"/>
    </row>
    <row r="502303" spans="8:8">
      <c r="H502303" s="12"/>
    </row>
    <row r="502304" spans="8:8">
      <c r="H502304" s="12"/>
    </row>
    <row r="502305" spans="8:8">
      <c r="H502305" s="12"/>
    </row>
    <row r="502306" spans="8:8">
      <c r="H502306" s="12"/>
    </row>
    <row r="502307" spans="8:8">
      <c r="H502307" s="12"/>
    </row>
    <row r="502308" spans="8:8">
      <c r="H502308" s="12"/>
    </row>
    <row r="502309" spans="8:8">
      <c r="H502309" s="12"/>
    </row>
    <row r="502310" spans="8:8">
      <c r="H502310" s="12"/>
    </row>
    <row r="502311" spans="8:8">
      <c r="H502311" s="12"/>
    </row>
    <row r="502312" spans="8:8">
      <c r="H502312" s="12"/>
    </row>
    <row r="502313" spans="8:8">
      <c r="H502313" s="12"/>
    </row>
    <row r="502314" spans="8:8">
      <c r="H502314" s="12"/>
    </row>
    <row r="502315" spans="8:8">
      <c r="H502315" s="12"/>
    </row>
    <row r="502316" spans="8:8">
      <c r="H502316" s="12"/>
    </row>
    <row r="502317" spans="8:8">
      <c r="H502317" s="12"/>
    </row>
    <row r="502318" spans="8:8">
      <c r="H502318" s="12"/>
    </row>
    <row r="502319" spans="8:8">
      <c r="H502319" s="12"/>
    </row>
    <row r="502320" spans="8:8">
      <c r="H502320" s="12"/>
    </row>
    <row r="502321" spans="8:8">
      <c r="H502321" s="12"/>
    </row>
    <row r="502322" spans="8:8">
      <c r="H502322" s="12"/>
    </row>
    <row r="502323" spans="8:8">
      <c r="H502323" s="12"/>
    </row>
    <row r="502324" spans="8:8">
      <c r="H502324" s="12"/>
    </row>
    <row r="502325" spans="8:8">
      <c r="H502325" s="12"/>
    </row>
    <row r="502326" spans="8:8">
      <c r="H502326" s="12"/>
    </row>
    <row r="502327" spans="8:8">
      <c r="H502327" s="12"/>
    </row>
    <row r="502328" spans="8:8">
      <c r="H502328" s="12"/>
    </row>
    <row r="502329" spans="8:8">
      <c r="H502329" s="12"/>
    </row>
    <row r="502330" spans="8:8">
      <c r="H502330" s="12"/>
    </row>
    <row r="502331" spans="8:8">
      <c r="H502331" s="12"/>
    </row>
    <row r="502332" spans="8:8">
      <c r="H502332" s="12"/>
    </row>
    <row r="502333" spans="8:8">
      <c r="H502333" s="12"/>
    </row>
    <row r="502334" spans="8:8">
      <c r="H502334" s="12"/>
    </row>
    <row r="502335" spans="8:8">
      <c r="H502335" s="12"/>
    </row>
    <row r="502336" spans="8:8">
      <c r="H502336" s="12"/>
    </row>
    <row r="502337" spans="8:8">
      <c r="H502337" s="12"/>
    </row>
    <row r="502338" spans="8:8">
      <c r="H502338" s="12"/>
    </row>
    <row r="502339" spans="8:8">
      <c r="H502339" s="12"/>
    </row>
    <row r="502340" spans="8:8">
      <c r="H502340" s="12"/>
    </row>
    <row r="502341" spans="8:8">
      <c r="H502341" s="12"/>
    </row>
    <row r="502342" spans="8:8">
      <c r="H502342" s="12"/>
    </row>
    <row r="502343" spans="8:8">
      <c r="H502343" s="12"/>
    </row>
    <row r="502344" spans="8:8">
      <c r="H502344" s="12"/>
    </row>
    <row r="502345" spans="8:8">
      <c r="H502345" s="12"/>
    </row>
    <row r="502346" spans="8:8">
      <c r="H502346" s="12"/>
    </row>
    <row r="502347" spans="8:8">
      <c r="H502347" s="12"/>
    </row>
    <row r="502348" spans="8:8">
      <c r="H502348" s="12"/>
    </row>
    <row r="502349" spans="8:8">
      <c r="H502349" s="12"/>
    </row>
    <row r="502350" spans="8:8">
      <c r="H502350" s="12"/>
    </row>
    <row r="502351" spans="8:8">
      <c r="H502351" s="12"/>
    </row>
    <row r="502352" spans="8:8">
      <c r="H502352" s="12"/>
    </row>
    <row r="502353" spans="8:8">
      <c r="H502353" s="12"/>
    </row>
    <row r="502354" spans="8:8">
      <c r="H502354" s="12"/>
    </row>
    <row r="502355" spans="8:8">
      <c r="H502355" s="12"/>
    </row>
    <row r="502356" spans="8:8">
      <c r="H502356" s="12"/>
    </row>
    <row r="502357" spans="8:8">
      <c r="H502357" s="12"/>
    </row>
    <row r="502358" spans="8:8">
      <c r="H502358" s="12"/>
    </row>
    <row r="502359" spans="8:8">
      <c r="H502359" s="12"/>
    </row>
    <row r="502360" spans="8:8">
      <c r="H502360" s="12"/>
    </row>
    <row r="502361" spans="8:8">
      <c r="H502361" s="12"/>
    </row>
    <row r="502362" spans="8:8">
      <c r="H502362" s="12"/>
    </row>
    <row r="502363" spans="8:8">
      <c r="H502363" s="12"/>
    </row>
    <row r="502364" spans="8:8">
      <c r="H502364" s="12"/>
    </row>
    <row r="502365" spans="8:8">
      <c r="H502365" s="12"/>
    </row>
    <row r="502366" spans="8:8">
      <c r="H502366" s="12"/>
    </row>
    <row r="502367" spans="8:8">
      <c r="H502367" s="12"/>
    </row>
    <row r="502368" spans="8:8">
      <c r="H502368" s="12"/>
    </row>
    <row r="502369" spans="8:8">
      <c r="H502369" s="12"/>
    </row>
    <row r="502370" spans="8:8">
      <c r="H502370" s="12"/>
    </row>
    <row r="502371" spans="8:8">
      <c r="H502371" s="12"/>
    </row>
    <row r="502372" spans="8:8">
      <c r="H502372" s="12"/>
    </row>
    <row r="502373" spans="8:8">
      <c r="H502373" s="12"/>
    </row>
    <row r="502374" spans="8:8">
      <c r="H502374" s="12"/>
    </row>
    <row r="502375" spans="8:8">
      <c r="H502375" s="12"/>
    </row>
    <row r="502376" spans="8:8">
      <c r="H502376" s="12"/>
    </row>
    <row r="502377" spans="8:8">
      <c r="H502377" s="12"/>
    </row>
    <row r="502378" spans="8:8">
      <c r="H502378" s="12"/>
    </row>
    <row r="502379" spans="8:8">
      <c r="H502379" s="12"/>
    </row>
    <row r="502380" spans="8:8">
      <c r="H502380" s="12"/>
    </row>
    <row r="502381" spans="8:8">
      <c r="H502381" s="12"/>
    </row>
    <row r="502382" spans="8:8">
      <c r="H502382" s="12"/>
    </row>
    <row r="502383" spans="8:8">
      <c r="H502383" s="12"/>
    </row>
    <row r="502384" spans="8:8">
      <c r="H502384" s="12"/>
    </row>
    <row r="502385" spans="8:8">
      <c r="H502385" s="12"/>
    </row>
    <row r="502386" spans="8:8">
      <c r="H502386" s="12"/>
    </row>
    <row r="502387" spans="8:8">
      <c r="H502387" s="12"/>
    </row>
    <row r="502388" spans="8:8">
      <c r="H502388" s="12"/>
    </row>
    <row r="502389" spans="8:8">
      <c r="H502389" s="12"/>
    </row>
    <row r="502390" spans="8:8">
      <c r="H502390" s="12"/>
    </row>
    <row r="502391" spans="8:8">
      <c r="H502391" s="12"/>
    </row>
    <row r="502392" spans="8:8">
      <c r="H502392" s="12"/>
    </row>
    <row r="502393" spans="8:8">
      <c r="H502393" s="12"/>
    </row>
    <row r="502394" spans="8:8">
      <c r="H502394" s="12"/>
    </row>
    <row r="502395" spans="8:8">
      <c r="H502395" s="12"/>
    </row>
    <row r="502396" spans="8:8">
      <c r="H502396" s="12"/>
    </row>
    <row r="502397" spans="8:8">
      <c r="H502397" s="12"/>
    </row>
    <row r="502398" spans="8:8">
      <c r="H502398" s="12"/>
    </row>
    <row r="502399" spans="8:8">
      <c r="H502399" s="12"/>
    </row>
    <row r="502400" spans="8:8">
      <c r="H502400" s="12"/>
    </row>
    <row r="502401" spans="8:8">
      <c r="H502401" s="12"/>
    </row>
    <row r="502402" spans="8:8">
      <c r="H502402" s="12"/>
    </row>
    <row r="502403" spans="8:8">
      <c r="H502403" s="12"/>
    </row>
    <row r="502404" spans="8:8">
      <c r="H502404" s="12"/>
    </row>
    <row r="502405" spans="8:8">
      <c r="H502405" s="12"/>
    </row>
    <row r="502406" spans="8:8">
      <c r="H502406" s="12"/>
    </row>
    <row r="502407" spans="8:8">
      <c r="H502407" s="12"/>
    </row>
    <row r="502408" spans="8:8">
      <c r="H502408" s="12"/>
    </row>
    <row r="502409" spans="8:8">
      <c r="H502409" s="12"/>
    </row>
    <row r="502410" spans="8:8">
      <c r="H502410" s="12"/>
    </row>
    <row r="502411" spans="8:8">
      <c r="H502411" s="12"/>
    </row>
    <row r="502412" spans="8:8">
      <c r="H502412" s="12"/>
    </row>
    <row r="502413" spans="8:8">
      <c r="H502413" s="12"/>
    </row>
    <row r="502414" spans="8:8">
      <c r="H502414" s="12"/>
    </row>
    <row r="502415" spans="8:8">
      <c r="H502415" s="12"/>
    </row>
    <row r="502416" spans="8:8">
      <c r="H502416" s="12"/>
    </row>
    <row r="502417" spans="8:8">
      <c r="H502417" s="12"/>
    </row>
    <row r="502418" spans="8:8">
      <c r="H502418" s="12"/>
    </row>
    <row r="502419" spans="8:8">
      <c r="H502419" s="12"/>
    </row>
    <row r="502420" spans="8:8">
      <c r="H502420" s="12"/>
    </row>
    <row r="502421" spans="8:8">
      <c r="H502421" s="12"/>
    </row>
    <row r="502422" spans="8:8">
      <c r="H502422" s="12"/>
    </row>
    <row r="502423" spans="8:8">
      <c r="H502423" s="12"/>
    </row>
    <row r="502424" spans="8:8">
      <c r="H502424" s="12"/>
    </row>
    <row r="502425" spans="8:8">
      <c r="H502425" s="12"/>
    </row>
    <row r="502426" spans="8:8">
      <c r="H502426" s="12"/>
    </row>
    <row r="502427" spans="8:8">
      <c r="H502427" s="12"/>
    </row>
    <row r="502428" spans="8:8">
      <c r="H502428" s="12"/>
    </row>
    <row r="502429" spans="8:8">
      <c r="H502429" s="12"/>
    </row>
    <row r="502430" spans="8:8">
      <c r="H502430" s="12"/>
    </row>
    <row r="502431" spans="8:8">
      <c r="H502431" s="12"/>
    </row>
    <row r="502432" spans="8:8">
      <c r="H502432" s="12"/>
    </row>
    <row r="502433" spans="8:8">
      <c r="H502433" s="12"/>
    </row>
    <row r="502434" spans="8:8">
      <c r="H502434" s="12"/>
    </row>
    <row r="502435" spans="8:8">
      <c r="H502435" s="12"/>
    </row>
    <row r="502436" spans="8:8">
      <c r="H502436" s="12"/>
    </row>
    <row r="502437" spans="8:8">
      <c r="H502437" s="12"/>
    </row>
    <row r="502438" spans="8:8">
      <c r="H502438" s="12"/>
    </row>
    <row r="502439" spans="8:8">
      <c r="H502439" s="12"/>
    </row>
    <row r="502440" spans="8:8">
      <c r="H502440" s="12"/>
    </row>
    <row r="502441" spans="8:8">
      <c r="H502441" s="12"/>
    </row>
    <row r="502442" spans="8:8">
      <c r="H502442" s="12"/>
    </row>
    <row r="502443" spans="8:8">
      <c r="H502443" s="12"/>
    </row>
    <row r="502444" spans="8:8">
      <c r="H502444" s="12"/>
    </row>
    <row r="502445" spans="8:8">
      <c r="H502445" s="12"/>
    </row>
    <row r="502446" spans="8:8">
      <c r="H502446" s="12"/>
    </row>
    <row r="502447" spans="8:8">
      <c r="H502447" s="12"/>
    </row>
    <row r="502448" spans="8:8">
      <c r="H502448" s="12"/>
    </row>
    <row r="502449" spans="8:8">
      <c r="H502449" s="12"/>
    </row>
    <row r="502450" spans="8:8">
      <c r="H502450" s="12"/>
    </row>
    <row r="502451" spans="8:8">
      <c r="H502451" s="12"/>
    </row>
    <row r="502452" spans="8:8">
      <c r="H502452" s="12"/>
    </row>
    <row r="502453" spans="8:8">
      <c r="H502453" s="12"/>
    </row>
    <row r="502454" spans="8:8">
      <c r="H502454" s="12"/>
    </row>
    <row r="502455" spans="8:8">
      <c r="H502455" s="12"/>
    </row>
    <row r="502456" spans="8:8">
      <c r="H502456" s="12"/>
    </row>
    <row r="502457" spans="8:8">
      <c r="H502457" s="12"/>
    </row>
    <row r="502458" spans="8:8">
      <c r="H502458" s="12"/>
    </row>
    <row r="502459" spans="8:8">
      <c r="H502459" s="12"/>
    </row>
    <row r="502460" spans="8:8">
      <c r="H502460" s="12"/>
    </row>
    <row r="502461" spans="8:8">
      <c r="H502461" s="12"/>
    </row>
    <row r="502462" spans="8:8">
      <c r="H502462" s="12"/>
    </row>
    <row r="502463" spans="8:8">
      <c r="H502463" s="12"/>
    </row>
    <row r="502464" spans="8:8">
      <c r="H502464" s="12"/>
    </row>
    <row r="502465" spans="8:8">
      <c r="H502465" s="12"/>
    </row>
    <row r="502466" spans="8:8">
      <c r="H502466" s="12"/>
    </row>
    <row r="502467" spans="8:8">
      <c r="H502467" s="12"/>
    </row>
    <row r="502468" spans="8:8">
      <c r="H502468" s="12"/>
    </row>
    <row r="502469" spans="8:8">
      <c r="H502469" s="12"/>
    </row>
    <row r="502470" spans="8:8">
      <c r="H502470" s="12"/>
    </row>
    <row r="502471" spans="8:8">
      <c r="H502471" s="12"/>
    </row>
    <row r="502472" spans="8:8">
      <c r="H502472" s="12"/>
    </row>
    <row r="502473" spans="8:8">
      <c r="H502473" s="12"/>
    </row>
    <row r="502474" spans="8:8">
      <c r="H502474" s="12"/>
    </row>
    <row r="502475" spans="8:8">
      <c r="H502475" s="12"/>
    </row>
    <row r="502476" spans="8:8">
      <c r="H502476" s="12"/>
    </row>
    <row r="502477" spans="8:8">
      <c r="H502477" s="12"/>
    </row>
    <row r="502478" spans="8:8">
      <c r="H502478" s="12"/>
    </row>
    <row r="502479" spans="8:8">
      <c r="H502479" s="12"/>
    </row>
    <row r="502480" spans="8:8">
      <c r="H502480" s="12"/>
    </row>
    <row r="502481" spans="8:8">
      <c r="H502481" s="12"/>
    </row>
    <row r="502482" spans="8:8">
      <c r="H502482" s="12"/>
    </row>
    <row r="502483" spans="8:8">
      <c r="H502483" s="12"/>
    </row>
    <row r="502484" spans="8:8">
      <c r="H502484" s="12"/>
    </row>
    <row r="502485" spans="8:8">
      <c r="H502485" s="12"/>
    </row>
    <row r="502486" spans="8:8">
      <c r="H502486" s="12"/>
    </row>
    <row r="502487" spans="8:8">
      <c r="H502487" s="12"/>
    </row>
    <row r="502488" spans="8:8">
      <c r="H502488" s="12"/>
    </row>
    <row r="502489" spans="8:8">
      <c r="H502489" s="12"/>
    </row>
    <row r="502490" spans="8:8">
      <c r="H502490" s="12"/>
    </row>
    <row r="502491" spans="8:8">
      <c r="H502491" s="12"/>
    </row>
    <row r="502492" spans="8:8">
      <c r="H502492" s="12"/>
    </row>
    <row r="502493" spans="8:8">
      <c r="H502493" s="12"/>
    </row>
    <row r="502494" spans="8:8">
      <c r="H502494" s="12"/>
    </row>
    <row r="502495" spans="8:8">
      <c r="H502495" s="12"/>
    </row>
    <row r="502496" spans="8:8">
      <c r="H502496" s="12"/>
    </row>
    <row r="502497" spans="8:8">
      <c r="H502497" s="12"/>
    </row>
    <row r="502498" spans="8:8">
      <c r="H502498" s="12"/>
    </row>
    <row r="502499" spans="8:8">
      <c r="H502499" s="12"/>
    </row>
    <row r="502500" spans="8:8">
      <c r="H502500" s="12"/>
    </row>
    <row r="502501" spans="8:8">
      <c r="H502501" s="12"/>
    </row>
    <row r="502502" spans="8:8">
      <c r="H502502" s="12"/>
    </row>
    <row r="502503" spans="8:8">
      <c r="H502503" s="12"/>
    </row>
    <row r="502504" spans="8:8">
      <c r="H502504" s="12"/>
    </row>
    <row r="502505" spans="8:8">
      <c r="H502505" s="12"/>
    </row>
    <row r="502506" spans="8:8">
      <c r="H502506" s="12"/>
    </row>
    <row r="502507" spans="8:8">
      <c r="H502507" s="12"/>
    </row>
    <row r="502508" spans="8:8">
      <c r="H502508" s="12"/>
    </row>
    <row r="502509" spans="8:8">
      <c r="H502509" s="12"/>
    </row>
    <row r="502510" spans="8:8">
      <c r="H502510" s="12"/>
    </row>
    <row r="502511" spans="8:8">
      <c r="H502511" s="12"/>
    </row>
    <row r="502512" spans="8:8">
      <c r="H502512" s="12"/>
    </row>
    <row r="502513" spans="8:8">
      <c r="H502513" s="12"/>
    </row>
    <row r="502514" spans="8:8">
      <c r="H502514" s="12"/>
    </row>
    <row r="502515" spans="8:8">
      <c r="H502515" s="12"/>
    </row>
    <row r="502516" spans="8:8">
      <c r="H502516" s="12"/>
    </row>
    <row r="502517" spans="8:8">
      <c r="H502517" s="12"/>
    </row>
    <row r="502518" spans="8:8">
      <c r="H502518" s="12"/>
    </row>
    <row r="502519" spans="8:8">
      <c r="H502519" s="12"/>
    </row>
    <row r="502520" spans="8:8">
      <c r="H502520" s="12"/>
    </row>
    <row r="502521" spans="8:8">
      <c r="H502521" s="12"/>
    </row>
    <row r="502522" spans="8:8">
      <c r="H502522" s="12"/>
    </row>
    <row r="502523" spans="8:8">
      <c r="H502523" s="12"/>
    </row>
    <row r="502524" spans="8:8">
      <c r="H502524" s="12"/>
    </row>
    <row r="502525" spans="8:8">
      <c r="H502525" s="12"/>
    </row>
    <row r="502526" spans="8:8">
      <c r="H502526" s="12"/>
    </row>
    <row r="502527" spans="8:8">
      <c r="H502527" s="12"/>
    </row>
    <row r="502528" spans="8:8">
      <c r="H502528" s="12"/>
    </row>
    <row r="502529" spans="8:8">
      <c r="H502529" s="12"/>
    </row>
    <row r="502530" spans="8:8">
      <c r="H502530" s="12"/>
    </row>
    <row r="502531" spans="8:8">
      <c r="H502531" s="12"/>
    </row>
    <row r="502532" spans="8:8">
      <c r="H502532" s="12"/>
    </row>
    <row r="502533" spans="8:8">
      <c r="H502533" s="12"/>
    </row>
    <row r="502534" spans="8:8">
      <c r="H502534" s="12"/>
    </row>
    <row r="502535" spans="8:8">
      <c r="H502535" s="12"/>
    </row>
    <row r="502536" spans="8:8">
      <c r="H502536" s="12"/>
    </row>
    <row r="502537" spans="8:8">
      <c r="H502537" s="12"/>
    </row>
    <row r="502538" spans="8:8">
      <c r="H502538" s="12"/>
    </row>
    <row r="502539" spans="8:8">
      <c r="H502539" s="12"/>
    </row>
    <row r="502540" spans="8:8">
      <c r="H502540" s="12"/>
    </row>
    <row r="502541" spans="8:8">
      <c r="H502541" s="12"/>
    </row>
    <row r="502542" spans="8:8">
      <c r="H502542" s="12"/>
    </row>
    <row r="502543" spans="8:8">
      <c r="H502543" s="12"/>
    </row>
    <row r="502544" spans="8:8">
      <c r="H502544" s="12"/>
    </row>
    <row r="502545" spans="8:8">
      <c r="H502545" s="12"/>
    </row>
    <row r="502546" spans="8:8">
      <c r="H502546" s="12"/>
    </row>
    <row r="502547" spans="8:8">
      <c r="H502547" s="12"/>
    </row>
    <row r="502548" spans="8:8">
      <c r="H502548" s="12"/>
    </row>
    <row r="502549" spans="8:8">
      <c r="H502549" s="12"/>
    </row>
    <row r="502550" spans="8:8">
      <c r="H502550" s="12"/>
    </row>
    <row r="502551" spans="8:8">
      <c r="H502551" s="12"/>
    </row>
    <row r="502552" spans="8:8">
      <c r="H502552" s="12"/>
    </row>
    <row r="502553" spans="8:8">
      <c r="H502553" s="12"/>
    </row>
    <row r="502554" spans="8:8">
      <c r="H502554" s="12"/>
    </row>
    <row r="502555" spans="8:8">
      <c r="H502555" s="12"/>
    </row>
    <row r="502556" spans="8:8">
      <c r="H502556" s="12"/>
    </row>
    <row r="502557" spans="8:8">
      <c r="H502557" s="12"/>
    </row>
    <row r="502558" spans="8:8">
      <c r="H502558" s="12"/>
    </row>
    <row r="502559" spans="8:8">
      <c r="H502559" s="12"/>
    </row>
    <row r="502560" spans="8:8">
      <c r="H502560" s="12"/>
    </row>
    <row r="502561" spans="8:8">
      <c r="H502561" s="12"/>
    </row>
    <row r="502562" spans="8:8">
      <c r="H502562" s="12"/>
    </row>
    <row r="502563" spans="8:8">
      <c r="H502563" s="12"/>
    </row>
    <row r="502564" spans="8:8">
      <c r="H502564" s="12"/>
    </row>
    <row r="502565" spans="8:8">
      <c r="H502565" s="12"/>
    </row>
    <row r="502566" spans="8:8">
      <c r="H502566" s="12"/>
    </row>
    <row r="502567" spans="8:8">
      <c r="H502567" s="12"/>
    </row>
    <row r="502568" spans="8:8">
      <c r="H502568" s="12"/>
    </row>
    <row r="502569" spans="8:8">
      <c r="H502569" s="12"/>
    </row>
    <row r="502570" spans="8:8">
      <c r="H502570" s="12"/>
    </row>
    <row r="502571" spans="8:8">
      <c r="H502571" s="12"/>
    </row>
    <row r="502572" spans="8:8">
      <c r="H502572" s="12"/>
    </row>
    <row r="502573" spans="8:8">
      <c r="H502573" s="12"/>
    </row>
    <row r="502574" spans="8:8">
      <c r="H502574" s="12"/>
    </row>
    <row r="502575" spans="8:8">
      <c r="H502575" s="12"/>
    </row>
    <row r="502576" spans="8:8">
      <c r="H502576" s="12"/>
    </row>
    <row r="502577" spans="8:8">
      <c r="H502577" s="12"/>
    </row>
    <row r="502578" spans="8:8">
      <c r="H502578" s="12"/>
    </row>
    <row r="502579" spans="8:8">
      <c r="H502579" s="12"/>
    </row>
    <row r="502580" spans="8:8">
      <c r="H502580" s="12"/>
    </row>
    <row r="502581" spans="8:8">
      <c r="H502581" s="12"/>
    </row>
    <row r="502582" spans="8:8">
      <c r="H502582" s="12"/>
    </row>
    <row r="502583" spans="8:8">
      <c r="H502583" s="12"/>
    </row>
    <row r="502584" spans="8:8">
      <c r="H502584" s="12"/>
    </row>
    <row r="502585" spans="8:8">
      <c r="H502585" s="12"/>
    </row>
    <row r="502586" spans="8:8">
      <c r="H502586" s="12"/>
    </row>
    <row r="502587" spans="8:8">
      <c r="H502587" s="12"/>
    </row>
    <row r="502588" spans="8:8">
      <c r="H502588" s="12"/>
    </row>
    <row r="502589" spans="8:8">
      <c r="H502589" s="12"/>
    </row>
    <row r="502590" spans="8:8">
      <c r="H502590" s="12"/>
    </row>
    <row r="502591" spans="8:8">
      <c r="H502591" s="12"/>
    </row>
    <row r="502592" spans="8:8">
      <c r="H502592" s="12"/>
    </row>
    <row r="502593" spans="8:8">
      <c r="H502593" s="12"/>
    </row>
    <row r="502594" spans="8:8">
      <c r="H502594" s="12"/>
    </row>
    <row r="502595" spans="8:8">
      <c r="H502595" s="12"/>
    </row>
    <row r="502596" spans="8:8">
      <c r="H502596" s="12"/>
    </row>
    <row r="502597" spans="8:8">
      <c r="H502597" s="12"/>
    </row>
    <row r="502598" spans="8:8">
      <c r="H502598" s="12"/>
    </row>
    <row r="502599" spans="8:8">
      <c r="H502599" s="12"/>
    </row>
    <row r="502600" spans="8:8">
      <c r="H502600" s="12"/>
    </row>
    <row r="502601" spans="8:8">
      <c r="H502601" s="12"/>
    </row>
    <row r="502602" spans="8:8">
      <c r="H502602" s="12"/>
    </row>
    <row r="502603" spans="8:8">
      <c r="H502603" s="12"/>
    </row>
    <row r="502604" spans="8:8">
      <c r="H502604" s="12"/>
    </row>
    <row r="502605" spans="8:8">
      <c r="H502605" s="12"/>
    </row>
    <row r="502606" spans="8:8">
      <c r="H502606" s="12"/>
    </row>
    <row r="502607" spans="8:8">
      <c r="H502607" s="12"/>
    </row>
    <row r="502608" spans="8:8">
      <c r="H502608" s="12"/>
    </row>
    <row r="502609" spans="8:8">
      <c r="H502609" s="12"/>
    </row>
    <row r="502610" spans="8:8">
      <c r="H502610" s="12"/>
    </row>
    <row r="502611" spans="8:8">
      <c r="H502611" s="12"/>
    </row>
    <row r="502612" spans="8:8">
      <c r="H502612" s="12"/>
    </row>
    <row r="502613" spans="8:8">
      <c r="H502613" s="12"/>
    </row>
    <row r="502614" spans="8:8">
      <c r="H502614" s="12"/>
    </row>
    <row r="502615" spans="8:8">
      <c r="H502615" s="12"/>
    </row>
    <row r="502616" spans="8:8">
      <c r="H502616" s="12"/>
    </row>
    <row r="502617" spans="8:8">
      <c r="H502617" s="12"/>
    </row>
    <row r="502618" spans="8:8">
      <c r="H502618" s="12"/>
    </row>
    <row r="502619" spans="8:8">
      <c r="H502619" s="12"/>
    </row>
    <row r="502620" spans="8:8">
      <c r="H502620" s="12"/>
    </row>
    <row r="502621" spans="8:8">
      <c r="H502621" s="12"/>
    </row>
    <row r="502622" spans="8:8">
      <c r="H502622" s="12"/>
    </row>
    <row r="502623" spans="8:8">
      <c r="H502623" s="12"/>
    </row>
    <row r="502624" spans="8:8">
      <c r="H502624" s="12"/>
    </row>
    <row r="502625" spans="8:8">
      <c r="H502625" s="12"/>
    </row>
    <row r="502626" spans="8:8">
      <c r="H502626" s="12"/>
    </row>
    <row r="502627" spans="8:8">
      <c r="H502627" s="12"/>
    </row>
    <row r="502628" spans="8:8">
      <c r="H502628" s="12"/>
    </row>
    <row r="502629" spans="8:8">
      <c r="H502629" s="12"/>
    </row>
    <row r="502630" spans="8:8">
      <c r="H502630" s="12"/>
    </row>
    <row r="502631" spans="8:8">
      <c r="H502631" s="12"/>
    </row>
    <row r="502632" spans="8:8">
      <c r="H502632" s="12"/>
    </row>
    <row r="502633" spans="8:8">
      <c r="H502633" s="12"/>
    </row>
    <row r="502634" spans="8:8">
      <c r="H502634" s="12"/>
    </row>
    <row r="502635" spans="8:8">
      <c r="H502635" s="12"/>
    </row>
    <row r="502636" spans="8:8">
      <c r="H502636" s="12"/>
    </row>
    <row r="502637" spans="8:8">
      <c r="H502637" s="12"/>
    </row>
    <row r="502638" spans="8:8">
      <c r="H502638" s="12"/>
    </row>
    <row r="502639" spans="8:8">
      <c r="H502639" s="12"/>
    </row>
    <row r="502640" spans="8:8">
      <c r="H502640" s="12"/>
    </row>
    <row r="502641" spans="8:8">
      <c r="H502641" s="12"/>
    </row>
    <row r="502642" spans="8:8">
      <c r="H502642" s="12"/>
    </row>
    <row r="502643" spans="8:8">
      <c r="H502643" s="12"/>
    </row>
    <row r="502644" spans="8:8">
      <c r="H502644" s="12"/>
    </row>
    <row r="502645" spans="8:8">
      <c r="H502645" s="12"/>
    </row>
    <row r="502646" spans="8:8">
      <c r="H502646" s="12"/>
    </row>
    <row r="502647" spans="8:8">
      <c r="H502647" s="12"/>
    </row>
    <row r="502648" spans="8:8">
      <c r="H502648" s="12"/>
    </row>
    <row r="502649" spans="8:8">
      <c r="H502649" s="12"/>
    </row>
    <row r="502650" spans="8:8">
      <c r="H502650" s="12"/>
    </row>
    <row r="502651" spans="8:8">
      <c r="H502651" s="12"/>
    </row>
    <row r="502652" spans="8:8">
      <c r="H502652" s="12"/>
    </row>
    <row r="502653" spans="8:8">
      <c r="H502653" s="12"/>
    </row>
    <row r="502654" spans="8:8">
      <c r="H502654" s="12"/>
    </row>
    <row r="502655" spans="8:8">
      <c r="H502655" s="12"/>
    </row>
    <row r="502656" spans="8:8">
      <c r="H502656" s="12"/>
    </row>
    <row r="502657" spans="8:8">
      <c r="H502657" s="12"/>
    </row>
    <row r="502658" spans="8:8">
      <c r="H502658" s="12"/>
    </row>
    <row r="502659" spans="8:8">
      <c r="H502659" s="12"/>
    </row>
    <row r="502660" spans="8:8">
      <c r="H502660" s="12"/>
    </row>
    <row r="502661" spans="8:8">
      <c r="H502661" s="12"/>
    </row>
    <row r="502662" spans="8:8">
      <c r="H502662" s="12"/>
    </row>
    <row r="502663" spans="8:8">
      <c r="H502663" s="12"/>
    </row>
    <row r="502664" spans="8:8">
      <c r="H502664" s="12"/>
    </row>
    <row r="502665" spans="8:8">
      <c r="H502665" s="12"/>
    </row>
    <row r="502666" spans="8:8">
      <c r="H502666" s="12"/>
    </row>
    <row r="502667" spans="8:8">
      <c r="H502667" s="12"/>
    </row>
    <row r="502668" spans="8:8">
      <c r="H502668" s="12"/>
    </row>
    <row r="502669" spans="8:8">
      <c r="H502669" s="12"/>
    </row>
    <row r="502670" spans="8:8">
      <c r="H502670" s="12"/>
    </row>
    <row r="502671" spans="8:8">
      <c r="H502671" s="12"/>
    </row>
    <row r="502672" spans="8:8">
      <c r="H502672" s="12"/>
    </row>
    <row r="502673" spans="8:8">
      <c r="H502673" s="12"/>
    </row>
    <row r="502674" spans="8:8">
      <c r="H502674" s="12"/>
    </row>
    <row r="502675" spans="8:8">
      <c r="H502675" s="12"/>
    </row>
    <row r="502676" spans="8:8">
      <c r="H502676" s="12"/>
    </row>
    <row r="502677" spans="8:8">
      <c r="H502677" s="12"/>
    </row>
    <row r="502678" spans="8:8">
      <c r="H502678" s="12"/>
    </row>
    <row r="502679" spans="8:8">
      <c r="H502679" s="12"/>
    </row>
    <row r="502680" spans="8:8">
      <c r="H502680" s="12"/>
    </row>
    <row r="502681" spans="8:8">
      <c r="H502681" s="12"/>
    </row>
    <row r="502682" spans="8:8">
      <c r="H502682" s="12"/>
    </row>
    <row r="502683" spans="8:8">
      <c r="H502683" s="12"/>
    </row>
    <row r="502684" spans="8:8">
      <c r="H502684" s="12"/>
    </row>
    <row r="502685" spans="8:8">
      <c r="H502685" s="12"/>
    </row>
    <row r="502686" spans="8:8">
      <c r="H502686" s="12"/>
    </row>
    <row r="502687" spans="8:8">
      <c r="H502687" s="12"/>
    </row>
    <row r="502688" spans="8:8">
      <c r="H502688" s="12"/>
    </row>
    <row r="502689" spans="8:8">
      <c r="H502689" s="12"/>
    </row>
    <row r="502690" spans="8:8">
      <c r="H502690" s="12"/>
    </row>
    <row r="502691" spans="8:8">
      <c r="H502691" s="12"/>
    </row>
    <row r="502692" spans="8:8">
      <c r="H502692" s="12"/>
    </row>
    <row r="502693" spans="8:8">
      <c r="H502693" s="12"/>
    </row>
    <row r="502694" spans="8:8">
      <c r="H502694" s="12"/>
    </row>
    <row r="502695" spans="8:8">
      <c r="H502695" s="12"/>
    </row>
    <row r="502696" spans="8:8">
      <c r="H502696" s="12"/>
    </row>
    <row r="502697" spans="8:8">
      <c r="H502697" s="12"/>
    </row>
    <row r="502698" spans="8:8">
      <c r="H502698" s="12"/>
    </row>
    <row r="502699" spans="8:8">
      <c r="H502699" s="12"/>
    </row>
    <row r="502700" spans="8:8">
      <c r="H502700" s="12"/>
    </row>
    <row r="502701" spans="8:8">
      <c r="H502701" s="12"/>
    </row>
    <row r="502702" spans="8:8">
      <c r="H502702" s="12"/>
    </row>
    <row r="502703" spans="8:8">
      <c r="H502703" s="12"/>
    </row>
    <row r="502704" spans="8:8">
      <c r="H502704" s="12"/>
    </row>
    <row r="502705" spans="8:8">
      <c r="H502705" s="12"/>
    </row>
    <row r="502706" spans="8:8">
      <c r="H502706" s="12"/>
    </row>
    <row r="502707" spans="8:8">
      <c r="H502707" s="12"/>
    </row>
    <row r="502708" spans="8:8">
      <c r="H502708" s="12"/>
    </row>
    <row r="502709" spans="8:8">
      <c r="H502709" s="12"/>
    </row>
    <row r="502710" spans="8:8">
      <c r="H502710" s="12"/>
    </row>
    <row r="502711" spans="8:8">
      <c r="H502711" s="12"/>
    </row>
    <row r="502712" spans="8:8">
      <c r="H502712" s="12"/>
    </row>
    <row r="502713" spans="8:8">
      <c r="H502713" s="12"/>
    </row>
    <row r="502714" spans="8:8">
      <c r="H502714" s="12"/>
    </row>
    <row r="502715" spans="8:8">
      <c r="H502715" s="12"/>
    </row>
    <row r="502716" spans="8:8">
      <c r="H502716" s="12"/>
    </row>
    <row r="502717" spans="8:8">
      <c r="H502717" s="12"/>
    </row>
    <row r="502718" spans="8:8">
      <c r="H502718" s="12"/>
    </row>
    <row r="502719" spans="8:8">
      <c r="H502719" s="12"/>
    </row>
    <row r="502720" spans="8:8">
      <c r="H502720" s="12"/>
    </row>
    <row r="502721" spans="8:8">
      <c r="H502721" s="12"/>
    </row>
    <row r="502722" spans="8:8">
      <c r="H502722" s="12"/>
    </row>
    <row r="502723" spans="8:8">
      <c r="H502723" s="12"/>
    </row>
    <row r="502724" spans="8:8">
      <c r="H502724" s="12"/>
    </row>
    <row r="502725" spans="8:8">
      <c r="H502725" s="12"/>
    </row>
    <row r="502726" spans="8:8">
      <c r="H502726" s="12"/>
    </row>
    <row r="502727" spans="8:8">
      <c r="H502727" s="12"/>
    </row>
    <row r="502728" spans="8:8">
      <c r="H502728" s="12"/>
    </row>
    <row r="502729" spans="8:8">
      <c r="H502729" s="12"/>
    </row>
    <row r="502730" spans="8:8">
      <c r="H502730" s="12"/>
    </row>
    <row r="502731" spans="8:8">
      <c r="H502731" s="12"/>
    </row>
    <row r="502732" spans="8:8">
      <c r="H502732" s="12"/>
    </row>
    <row r="502733" spans="8:8">
      <c r="H502733" s="12"/>
    </row>
    <row r="502734" spans="8:8">
      <c r="H502734" s="12"/>
    </row>
    <row r="502735" spans="8:8">
      <c r="H502735" s="12"/>
    </row>
    <row r="502736" spans="8:8">
      <c r="H502736" s="12"/>
    </row>
    <row r="502737" spans="8:8">
      <c r="H502737" s="12"/>
    </row>
    <row r="502738" spans="8:8">
      <c r="H502738" s="12"/>
    </row>
    <row r="502739" spans="8:8">
      <c r="H502739" s="12"/>
    </row>
    <row r="502740" spans="8:8">
      <c r="H502740" s="12"/>
    </row>
    <row r="502741" spans="8:8">
      <c r="H502741" s="12"/>
    </row>
    <row r="502742" spans="8:8">
      <c r="H502742" s="12"/>
    </row>
    <row r="502743" spans="8:8">
      <c r="H502743" s="12"/>
    </row>
    <row r="502744" spans="8:8">
      <c r="H502744" s="12"/>
    </row>
    <row r="502745" spans="8:8">
      <c r="H502745" s="12"/>
    </row>
    <row r="502746" spans="8:8">
      <c r="H502746" s="12"/>
    </row>
    <row r="502747" spans="8:8">
      <c r="H502747" s="12"/>
    </row>
    <row r="502748" spans="8:8">
      <c r="H502748" s="12"/>
    </row>
    <row r="502749" spans="8:8">
      <c r="H502749" s="12"/>
    </row>
    <row r="502750" spans="8:8">
      <c r="H502750" s="12"/>
    </row>
    <row r="502751" spans="8:8">
      <c r="H502751" s="12"/>
    </row>
    <row r="502752" spans="8:8">
      <c r="H502752" s="12"/>
    </row>
    <row r="502753" spans="8:8">
      <c r="H502753" s="12"/>
    </row>
    <row r="502754" spans="8:8">
      <c r="H502754" s="12"/>
    </row>
    <row r="502755" spans="8:8">
      <c r="H502755" s="12"/>
    </row>
    <row r="502756" spans="8:8">
      <c r="H502756" s="12"/>
    </row>
    <row r="502757" spans="8:8">
      <c r="H502757" s="12"/>
    </row>
    <row r="502758" spans="8:8">
      <c r="H502758" s="12"/>
    </row>
    <row r="502759" spans="8:8">
      <c r="H502759" s="12"/>
    </row>
    <row r="502760" spans="8:8">
      <c r="H502760" s="12"/>
    </row>
    <row r="502761" spans="8:8">
      <c r="H502761" s="12"/>
    </row>
    <row r="502762" spans="8:8">
      <c r="H502762" s="12"/>
    </row>
    <row r="502763" spans="8:8">
      <c r="H502763" s="12"/>
    </row>
    <row r="502764" spans="8:8">
      <c r="H502764" s="12"/>
    </row>
    <row r="502765" spans="8:8">
      <c r="H502765" s="12"/>
    </row>
    <row r="502766" spans="8:8">
      <c r="H502766" s="12"/>
    </row>
    <row r="502767" spans="8:8">
      <c r="H502767" s="12"/>
    </row>
    <row r="502768" spans="8:8">
      <c r="H502768" s="12"/>
    </row>
    <row r="502769" spans="8:8">
      <c r="H502769" s="12"/>
    </row>
    <row r="502770" spans="8:8">
      <c r="H502770" s="12"/>
    </row>
    <row r="502771" spans="8:8">
      <c r="H502771" s="12"/>
    </row>
    <row r="502772" spans="8:8">
      <c r="H502772" s="12"/>
    </row>
    <row r="502773" spans="8:8">
      <c r="H502773" s="12"/>
    </row>
    <row r="502774" spans="8:8">
      <c r="H502774" s="12"/>
    </row>
    <row r="502775" spans="8:8">
      <c r="H502775" s="12"/>
    </row>
    <row r="502776" spans="8:8">
      <c r="H502776" s="12"/>
    </row>
    <row r="502777" spans="8:8">
      <c r="H502777" s="12"/>
    </row>
    <row r="502778" spans="8:8">
      <c r="H502778" s="12"/>
    </row>
    <row r="502779" spans="8:8">
      <c r="H502779" s="12"/>
    </row>
    <row r="502780" spans="8:8">
      <c r="H502780" s="12"/>
    </row>
    <row r="502781" spans="8:8">
      <c r="H502781" s="12"/>
    </row>
    <row r="502782" spans="8:8">
      <c r="H502782" s="12"/>
    </row>
    <row r="502783" spans="8:8">
      <c r="H502783" s="12"/>
    </row>
    <row r="502784" spans="8:8">
      <c r="H502784" s="12"/>
    </row>
    <row r="502785" spans="8:8">
      <c r="H502785" s="12"/>
    </row>
    <row r="502786" spans="8:8">
      <c r="H502786" s="12"/>
    </row>
    <row r="502787" spans="8:8">
      <c r="H502787" s="12"/>
    </row>
    <row r="502788" spans="8:8">
      <c r="H502788" s="12"/>
    </row>
    <row r="502789" spans="8:8">
      <c r="H502789" s="12"/>
    </row>
    <row r="502790" spans="8:8">
      <c r="H502790" s="12"/>
    </row>
    <row r="502791" spans="8:8">
      <c r="H502791" s="12"/>
    </row>
    <row r="502792" spans="8:8">
      <c r="H502792" s="12"/>
    </row>
    <row r="502793" spans="8:8">
      <c r="H502793" s="12"/>
    </row>
    <row r="502794" spans="8:8">
      <c r="H502794" s="12"/>
    </row>
    <row r="502795" spans="8:8">
      <c r="H502795" s="12"/>
    </row>
    <row r="502796" spans="8:8">
      <c r="H502796" s="12"/>
    </row>
    <row r="502797" spans="8:8">
      <c r="H502797" s="12"/>
    </row>
    <row r="502798" spans="8:8">
      <c r="H502798" s="12"/>
    </row>
    <row r="502799" spans="8:8">
      <c r="H502799" s="12"/>
    </row>
    <row r="502800" spans="8:8">
      <c r="H502800" s="12"/>
    </row>
    <row r="502801" spans="8:8">
      <c r="H502801" s="12"/>
    </row>
    <row r="502802" spans="8:8">
      <c r="H502802" s="12"/>
    </row>
    <row r="502803" spans="8:8">
      <c r="H502803" s="12"/>
    </row>
    <row r="502804" spans="8:8">
      <c r="H502804" s="12"/>
    </row>
    <row r="502805" spans="8:8">
      <c r="H502805" s="12"/>
    </row>
    <row r="502806" spans="8:8">
      <c r="H502806" s="12"/>
    </row>
    <row r="502807" spans="8:8">
      <c r="H502807" s="12"/>
    </row>
    <row r="502808" spans="8:8">
      <c r="H502808" s="12"/>
    </row>
    <row r="502809" spans="8:8">
      <c r="H502809" s="12"/>
    </row>
    <row r="502810" spans="8:8">
      <c r="H502810" s="12"/>
    </row>
    <row r="502811" spans="8:8">
      <c r="H502811" s="12"/>
    </row>
    <row r="502812" spans="8:8">
      <c r="H502812" s="12"/>
    </row>
    <row r="502813" spans="8:8">
      <c r="H502813" s="12"/>
    </row>
    <row r="502814" spans="8:8">
      <c r="H502814" s="12"/>
    </row>
    <row r="502815" spans="8:8">
      <c r="H502815" s="12"/>
    </row>
    <row r="502816" spans="8:8">
      <c r="H502816" s="12"/>
    </row>
    <row r="502817" spans="8:8">
      <c r="H502817" s="12"/>
    </row>
    <row r="502818" spans="8:8">
      <c r="H502818" s="12"/>
    </row>
    <row r="502819" spans="8:8">
      <c r="H502819" s="12"/>
    </row>
    <row r="502820" spans="8:8">
      <c r="H502820" s="12"/>
    </row>
    <row r="502821" spans="8:8">
      <c r="H502821" s="12"/>
    </row>
    <row r="502822" spans="8:8">
      <c r="H502822" s="12"/>
    </row>
    <row r="502823" spans="8:8">
      <c r="H502823" s="12"/>
    </row>
    <row r="502824" spans="8:8">
      <c r="H502824" s="12"/>
    </row>
    <row r="502825" spans="8:8">
      <c r="H502825" s="12"/>
    </row>
    <row r="502826" spans="8:8">
      <c r="H502826" s="12"/>
    </row>
    <row r="502827" spans="8:8">
      <c r="H502827" s="12"/>
    </row>
    <row r="502828" spans="8:8">
      <c r="H502828" s="12"/>
    </row>
    <row r="502829" spans="8:8">
      <c r="H502829" s="12"/>
    </row>
    <row r="502830" spans="8:8">
      <c r="H502830" s="12"/>
    </row>
    <row r="502831" spans="8:8">
      <c r="H502831" s="12"/>
    </row>
    <row r="502832" spans="8:8">
      <c r="H502832" s="12"/>
    </row>
    <row r="502833" spans="8:8">
      <c r="H502833" s="12"/>
    </row>
    <row r="502834" spans="8:8">
      <c r="H502834" s="12"/>
    </row>
    <row r="502835" spans="8:8">
      <c r="H502835" s="12"/>
    </row>
    <row r="502836" spans="8:8">
      <c r="H502836" s="12"/>
    </row>
    <row r="502837" spans="8:8">
      <c r="H502837" s="12"/>
    </row>
    <row r="502838" spans="8:8">
      <c r="H502838" s="12"/>
    </row>
    <row r="502839" spans="8:8">
      <c r="H502839" s="12"/>
    </row>
    <row r="502840" spans="8:8">
      <c r="H502840" s="12"/>
    </row>
    <row r="502841" spans="8:8">
      <c r="H502841" s="12"/>
    </row>
    <row r="502842" spans="8:8">
      <c r="H502842" s="12"/>
    </row>
    <row r="502843" spans="8:8">
      <c r="H502843" s="12"/>
    </row>
    <row r="502844" spans="8:8">
      <c r="H502844" s="12"/>
    </row>
    <row r="502845" spans="8:8">
      <c r="H502845" s="12"/>
    </row>
    <row r="502846" spans="8:8">
      <c r="H502846" s="12"/>
    </row>
    <row r="502847" spans="8:8">
      <c r="H502847" s="12"/>
    </row>
    <row r="502848" spans="8:8">
      <c r="H502848" s="12"/>
    </row>
    <row r="502849" spans="8:8">
      <c r="H502849" s="12"/>
    </row>
    <row r="502850" spans="8:8">
      <c r="H502850" s="12"/>
    </row>
    <row r="502851" spans="8:8">
      <c r="H502851" s="12"/>
    </row>
    <row r="502852" spans="8:8">
      <c r="H502852" s="12"/>
    </row>
    <row r="502853" spans="8:8">
      <c r="H502853" s="12"/>
    </row>
    <row r="502854" spans="8:8">
      <c r="H502854" s="12"/>
    </row>
    <row r="502855" spans="8:8">
      <c r="H502855" s="12"/>
    </row>
    <row r="502856" spans="8:8">
      <c r="H502856" s="12"/>
    </row>
    <row r="502857" spans="8:8">
      <c r="H502857" s="12"/>
    </row>
    <row r="502858" spans="8:8">
      <c r="H502858" s="12"/>
    </row>
    <row r="502859" spans="8:8">
      <c r="H502859" s="12"/>
    </row>
    <row r="502860" spans="8:8">
      <c r="H502860" s="12"/>
    </row>
    <row r="502861" spans="8:8">
      <c r="H502861" s="12"/>
    </row>
    <row r="502862" spans="8:8">
      <c r="H502862" s="12"/>
    </row>
    <row r="502863" spans="8:8">
      <c r="H502863" s="12"/>
    </row>
    <row r="502864" spans="8:8">
      <c r="H502864" s="12"/>
    </row>
    <row r="502865" spans="8:8">
      <c r="H502865" s="12"/>
    </row>
    <row r="502866" spans="8:8">
      <c r="H502866" s="12"/>
    </row>
    <row r="502867" spans="8:8">
      <c r="H502867" s="12"/>
    </row>
    <row r="502868" spans="8:8">
      <c r="H502868" s="12"/>
    </row>
    <row r="502869" spans="8:8">
      <c r="H502869" s="12"/>
    </row>
    <row r="502870" spans="8:8">
      <c r="H502870" s="12"/>
    </row>
    <row r="502871" spans="8:8">
      <c r="H502871" s="12"/>
    </row>
    <row r="502872" spans="8:8">
      <c r="H502872" s="12"/>
    </row>
    <row r="502873" spans="8:8">
      <c r="H502873" s="12"/>
    </row>
    <row r="502874" spans="8:8">
      <c r="H502874" s="12"/>
    </row>
    <row r="502875" spans="8:8">
      <c r="H502875" s="12"/>
    </row>
    <row r="502876" spans="8:8">
      <c r="H502876" s="12"/>
    </row>
    <row r="502877" spans="8:8">
      <c r="H502877" s="12"/>
    </row>
    <row r="502878" spans="8:8">
      <c r="H502878" s="12"/>
    </row>
    <row r="502879" spans="8:8">
      <c r="H502879" s="12"/>
    </row>
    <row r="502880" spans="8:8">
      <c r="H502880" s="12"/>
    </row>
    <row r="502881" spans="8:8">
      <c r="H502881" s="12"/>
    </row>
    <row r="502882" spans="8:8">
      <c r="H502882" s="12"/>
    </row>
    <row r="502883" spans="8:8">
      <c r="H502883" s="12"/>
    </row>
    <row r="502884" spans="8:8">
      <c r="H502884" s="12"/>
    </row>
    <row r="502885" spans="8:8">
      <c r="H502885" s="12"/>
    </row>
    <row r="502886" spans="8:8">
      <c r="H502886" s="12"/>
    </row>
    <row r="502887" spans="8:8">
      <c r="H502887" s="12"/>
    </row>
    <row r="502888" spans="8:8">
      <c r="H502888" s="12"/>
    </row>
    <row r="502889" spans="8:8">
      <c r="H502889" s="12"/>
    </row>
    <row r="502890" spans="8:8">
      <c r="H502890" s="12"/>
    </row>
    <row r="502891" spans="8:8">
      <c r="H502891" s="12"/>
    </row>
    <row r="502892" spans="8:8">
      <c r="H502892" s="12"/>
    </row>
    <row r="502893" spans="8:8">
      <c r="H502893" s="12"/>
    </row>
    <row r="502894" spans="8:8">
      <c r="H502894" s="12"/>
    </row>
    <row r="502895" spans="8:8">
      <c r="H502895" s="12"/>
    </row>
    <row r="502896" spans="8:8">
      <c r="H502896" s="12"/>
    </row>
    <row r="502897" spans="8:8">
      <c r="H502897" s="12"/>
    </row>
    <row r="502898" spans="8:8">
      <c r="H502898" s="12"/>
    </row>
    <row r="502899" spans="8:8">
      <c r="H502899" s="12"/>
    </row>
    <row r="502900" spans="8:8">
      <c r="H502900" s="12"/>
    </row>
    <row r="502901" spans="8:8">
      <c r="H502901" s="12"/>
    </row>
    <row r="502902" spans="8:8">
      <c r="H502902" s="12"/>
    </row>
    <row r="502903" spans="8:8">
      <c r="H502903" s="12"/>
    </row>
    <row r="502904" spans="8:8">
      <c r="H502904" s="12"/>
    </row>
    <row r="502905" spans="8:8">
      <c r="H502905" s="12"/>
    </row>
    <row r="502906" spans="8:8">
      <c r="H502906" s="12"/>
    </row>
    <row r="502907" spans="8:8">
      <c r="H502907" s="12"/>
    </row>
    <row r="502908" spans="8:8">
      <c r="H502908" s="12"/>
    </row>
    <row r="502909" spans="8:8">
      <c r="H502909" s="12"/>
    </row>
    <row r="502910" spans="8:8">
      <c r="H502910" s="12"/>
    </row>
    <row r="502911" spans="8:8">
      <c r="H502911" s="12"/>
    </row>
    <row r="502912" spans="8:8">
      <c r="H502912" s="12"/>
    </row>
    <row r="502913" spans="8:8">
      <c r="H502913" s="12"/>
    </row>
    <row r="502914" spans="8:8">
      <c r="H502914" s="12"/>
    </row>
    <row r="502915" spans="8:8">
      <c r="H502915" s="12"/>
    </row>
    <row r="502916" spans="8:8">
      <c r="H502916" s="12"/>
    </row>
    <row r="502917" spans="8:8">
      <c r="H502917" s="12"/>
    </row>
    <row r="502918" spans="8:8">
      <c r="H502918" s="12"/>
    </row>
    <row r="502919" spans="8:8">
      <c r="H502919" s="12"/>
    </row>
    <row r="502920" spans="8:8">
      <c r="H502920" s="12"/>
    </row>
    <row r="502921" spans="8:8">
      <c r="H502921" s="12"/>
    </row>
    <row r="502922" spans="8:8">
      <c r="H502922" s="12"/>
    </row>
    <row r="502923" spans="8:8">
      <c r="H502923" s="12"/>
    </row>
    <row r="502924" spans="8:8">
      <c r="H502924" s="12"/>
    </row>
    <row r="502925" spans="8:8">
      <c r="H502925" s="12"/>
    </row>
    <row r="502926" spans="8:8">
      <c r="H502926" s="12"/>
    </row>
    <row r="502927" spans="8:8">
      <c r="H502927" s="12"/>
    </row>
    <row r="502928" spans="8:8">
      <c r="H502928" s="12"/>
    </row>
    <row r="502929" spans="8:8">
      <c r="H502929" s="12"/>
    </row>
    <row r="502930" spans="8:8">
      <c r="H502930" s="12"/>
    </row>
    <row r="502931" spans="8:8">
      <c r="H502931" s="12"/>
    </row>
    <row r="502932" spans="8:8">
      <c r="H502932" s="12"/>
    </row>
    <row r="502933" spans="8:8">
      <c r="H502933" s="12"/>
    </row>
    <row r="502934" spans="8:8">
      <c r="H502934" s="12"/>
    </row>
    <row r="502935" spans="8:8">
      <c r="H502935" s="12"/>
    </row>
    <row r="502936" spans="8:8">
      <c r="H502936" s="12"/>
    </row>
    <row r="502937" spans="8:8">
      <c r="H502937" s="12"/>
    </row>
    <row r="502938" spans="8:8">
      <c r="H502938" s="12"/>
    </row>
    <row r="502939" spans="8:8">
      <c r="H502939" s="12"/>
    </row>
    <row r="502940" spans="8:8">
      <c r="H502940" s="12"/>
    </row>
    <row r="502941" spans="8:8">
      <c r="H502941" s="12"/>
    </row>
    <row r="502942" spans="8:8">
      <c r="H502942" s="12"/>
    </row>
    <row r="502943" spans="8:8">
      <c r="H502943" s="12"/>
    </row>
    <row r="502944" spans="8:8">
      <c r="H502944" s="12"/>
    </row>
    <row r="502945" spans="8:8">
      <c r="H502945" s="12"/>
    </row>
    <row r="502946" spans="8:8">
      <c r="H502946" s="12"/>
    </row>
    <row r="502947" spans="8:8">
      <c r="H502947" s="12"/>
    </row>
    <row r="502948" spans="8:8">
      <c r="H502948" s="12"/>
    </row>
    <row r="502949" spans="8:8">
      <c r="H502949" s="12"/>
    </row>
    <row r="502950" spans="8:8">
      <c r="H502950" s="12"/>
    </row>
    <row r="502951" spans="8:8">
      <c r="H502951" s="12"/>
    </row>
    <row r="502952" spans="8:8">
      <c r="H502952" s="12"/>
    </row>
    <row r="502953" spans="8:8">
      <c r="H502953" s="12"/>
    </row>
    <row r="502954" spans="8:8">
      <c r="H502954" s="12"/>
    </row>
    <row r="502955" spans="8:8">
      <c r="H502955" s="12"/>
    </row>
    <row r="502956" spans="8:8">
      <c r="H502956" s="12"/>
    </row>
    <row r="502957" spans="8:8">
      <c r="H502957" s="12"/>
    </row>
    <row r="502958" spans="8:8">
      <c r="H502958" s="12"/>
    </row>
    <row r="502959" spans="8:8">
      <c r="H502959" s="12"/>
    </row>
    <row r="502960" spans="8:8">
      <c r="H502960" s="12"/>
    </row>
    <row r="502961" spans="8:8">
      <c r="H502961" s="12"/>
    </row>
    <row r="502962" spans="8:8">
      <c r="H502962" s="12"/>
    </row>
    <row r="502963" spans="8:8">
      <c r="H502963" s="12"/>
    </row>
    <row r="502964" spans="8:8">
      <c r="H502964" s="12"/>
    </row>
    <row r="502965" spans="8:8">
      <c r="H502965" s="12"/>
    </row>
    <row r="502966" spans="8:8">
      <c r="H502966" s="12"/>
    </row>
    <row r="502967" spans="8:8">
      <c r="H502967" s="12"/>
    </row>
    <row r="502968" spans="8:8">
      <c r="H502968" s="12"/>
    </row>
    <row r="502969" spans="8:8">
      <c r="H502969" s="12"/>
    </row>
    <row r="502970" spans="8:8">
      <c r="H502970" s="12"/>
    </row>
    <row r="502971" spans="8:8">
      <c r="H502971" s="12"/>
    </row>
    <row r="502972" spans="8:8">
      <c r="H502972" s="12"/>
    </row>
    <row r="502973" spans="8:8">
      <c r="H502973" s="12"/>
    </row>
    <row r="502974" spans="8:8">
      <c r="H502974" s="12"/>
    </row>
    <row r="502975" spans="8:8">
      <c r="H502975" s="12"/>
    </row>
    <row r="502976" spans="8:8">
      <c r="H502976" s="12"/>
    </row>
    <row r="502977" spans="8:8">
      <c r="H502977" s="12"/>
    </row>
    <row r="502978" spans="8:8">
      <c r="H502978" s="12"/>
    </row>
    <row r="502979" spans="8:8">
      <c r="H502979" s="12"/>
    </row>
    <row r="502980" spans="8:8">
      <c r="H502980" s="12"/>
    </row>
    <row r="502981" spans="8:8">
      <c r="H502981" s="12"/>
    </row>
    <row r="502982" spans="8:8">
      <c r="H502982" s="12"/>
    </row>
    <row r="502983" spans="8:8">
      <c r="H502983" s="12"/>
    </row>
    <row r="502984" spans="8:8">
      <c r="H502984" s="12"/>
    </row>
    <row r="502985" spans="8:8">
      <c r="H502985" s="12"/>
    </row>
    <row r="502986" spans="8:8">
      <c r="H502986" s="12"/>
    </row>
    <row r="502987" spans="8:8">
      <c r="H502987" s="12"/>
    </row>
    <row r="502988" spans="8:8">
      <c r="H502988" s="12"/>
    </row>
    <row r="502989" spans="8:8">
      <c r="H502989" s="12"/>
    </row>
    <row r="502990" spans="8:8">
      <c r="H502990" s="12"/>
    </row>
    <row r="502991" spans="8:8">
      <c r="H502991" s="12"/>
    </row>
    <row r="502992" spans="8:8">
      <c r="H502992" s="12"/>
    </row>
    <row r="502993" spans="8:8">
      <c r="H502993" s="12"/>
    </row>
    <row r="502994" spans="8:8">
      <c r="H502994" s="12"/>
    </row>
    <row r="502995" spans="8:8">
      <c r="H502995" s="12"/>
    </row>
    <row r="502996" spans="8:8">
      <c r="H502996" s="12"/>
    </row>
    <row r="502997" spans="8:8">
      <c r="H502997" s="12"/>
    </row>
    <row r="502998" spans="8:8">
      <c r="H502998" s="12"/>
    </row>
    <row r="502999" spans="8:8">
      <c r="H502999" s="12"/>
    </row>
    <row r="503000" spans="8:8">
      <c r="H503000" s="12"/>
    </row>
    <row r="503001" spans="8:8">
      <c r="H503001" s="12"/>
    </row>
    <row r="503002" spans="8:8">
      <c r="H503002" s="12"/>
    </row>
    <row r="503003" spans="8:8">
      <c r="H503003" s="12"/>
    </row>
    <row r="503004" spans="8:8">
      <c r="H503004" s="12"/>
    </row>
    <row r="503005" spans="8:8">
      <c r="H503005" s="12"/>
    </row>
    <row r="503006" spans="8:8">
      <c r="H503006" s="12"/>
    </row>
    <row r="503007" spans="8:8">
      <c r="H503007" s="12"/>
    </row>
    <row r="503008" spans="8:8">
      <c r="H503008" s="12"/>
    </row>
    <row r="503009" spans="8:8">
      <c r="H503009" s="12"/>
    </row>
    <row r="503010" spans="8:8">
      <c r="H503010" s="12"/>
    </row>
    <row r="503011" spans="8:8">
      <c r="H503011" s="12"/>
    </row>
    <row r="503012" spans="8:8">
      <c r="H503012" s="12"/>
    </row>
    <row r="503013" spans="8:8">
      <c r="H503013" s="12"/>
    </row>
    <row r="503014" spans="8:8">
      <c r="H503014" s="12"/>
    </row>
    <row r="503015" spans="8:8">
      <c r="H503015" s="12"/>
    </row>
    <row r="503016" spans="8:8">
      <c r="H503016" s="12"/>
    </row>
    <row r="503017" spans="8:8">
      <c r="H503017" s="12"/>
    </row>
    <row r="503018" spans="8:8">
      <c r="H503018" s="12"/>
    </row>
    <row r="503019" spans="8:8">
      <c r="H503019" s="12"/>
    </row>
    <row r="503020" spans="8:8">
      <c r="H503020" s="12"/>
    </row>
    <row r="503021" spans="8:8">
      <c r="H503021" s="12"/>
    </row>
    <row r="503022" spans="8:8">
      <c r="H503022" s="12"/>
    </row>
    <row r="503023" spans="8:8">
      <c r="H503023" s="12"/>
    </row>
    <row r="503024" spans="8:8">
      <c r="H503024" s="12"/>
    </row>
    <row r="503025" spans="8:8">
      <c r="H503025" s="12"/>
    </row>
    <row r="503026" spans="8:8">
      <c r="H503026" s="12"/>
    </row>
    <row r="503027" spans="8:8">
      <c r="H503027" s="12"/>
    </row>
    <row r="503028" spans="8:8">
      <c r="H503028" s="12"/>
    </row>
    <row r="503029" spans="8:8">
      <c r="H503029" s="12"/>
    </row>
    <row r="503030" spans="8:8">
      <c r="H503030" s="12"/>
    </row>
    <row r="503031" spans="8:8">
      <c r="H503031" s="12"/>
    </row>
    <row r="503032" spans="8:8">
      <c r="H503032" s="12"/>
    </row>
    <row r="503033" spans="8:8">
      <c r="H503033" s="12"/>
    </row>
    <row r="503034" spans="8:8">
      <c r="H503034" s="12"/>
    </row>
    <row r="503035" spans="8:8">
      <c r="H503035" s="12"/>
    </row>
    <row r="503036" spans="8:8">
      <c r="H503036" s="12"/>
    </row>
    <row r="503037" spans="8:8">
      <c r="H503037" s="12"/>
    </row>
    <row r="503038" spans="8:8">
      <c r="H503038" s="12"/>
    </row>
    <row r="503039" spans="8:8">
      <c r="H503039" s="12"/>
    </row>
    <row r="503040" spans="8:8">
      <c r="H503040" s="12"/>
    </row>
    <row r="503041" spans="8:8">
      <c r="H503041" s="12"/>
    </row>
    <row r="503042" spans="8:8">
      <c r="H503042" s="12"/>
    </row>
    <row r="503043" spans="8:8">
      <c r="H503043" s="12"/>
    </row>
    <row r="503044" spans="8:8">
      <c r="H503044" s="12"/>
    </row>
    <row r="503045" spans="8:8">
      <c r="H503045" s="12"/>
    </row>
    <row r="503046" spans="8:8">
      <c r="H503046" s="12"/>
    </row>
    <row r="503047" spans="8:8">
      <c r="H503047" s="12"/>
    </row>
    <row r="503048" spans="8:8">
      <c r="H503048" s="12"/>
    </row>
    <row r="503049" spans="8:8">
      <c r="H503049" s="12"/>
    </row>
    <row r="503050" spans="8:8">
      <c r="H503050" s="12"/>
    </row>
    <row r="503051" spans="8:8">
      <c r="H503051" s="12"/>
    </row>
    <row r="503052" spans="8:8">
      <c r="H503052" s="12"/>
    </row>
    <row r="503053" spans="8:8">
      <c r="H503053" s="12"/>
    </row>
    <row r="503054" spans="8:8">
      <c r="H503054" s="12"/>
    </row>
    <row r="503055" spans="8:8">
      <c r="H503055" s="12"/>
    </row>
    <row r="503056" spans="8:8">
      <c r="H503056" s="12"/>
    </row>
    <row r="503057" spans="8:8">
      <c r="H503057" s="12"/>
    </row>
    <row r="503058" spans="8:8">
      <c r="H503058" s="12"/>
    </row>
    <row r="503059" spans="8:8">
      <c r="H503059" s="12"/>
    </row>
    <row r="503060" spans="8:8">
      <c r="H503060" s="12"/>
    </row>
    <row r="503061" spans="8:8">
      <c r="H503061" s="12"/>
    </row>
    <row r="503062" spans="8:8">
      <c r="H503062" s="12"/>
    </row>
    <row r="503063" spans="8:8">
      <c r="H503063" s="12"/>
    </row>
    <row r="503064" spans="8:8">
      <c r="H503064" s="12"/>
    </row>
    <row r="503065" spans="8:8">
      <c r="H503065" s="12"/>
    </row>
    <row r="503066" spans="8:8">
      <c r="H503066" s="12"/>
    </row>
    <row r="503067" spans="8:8">
      <c r="H503067" s="12"/>
    </row>
    <row r="503068" spans="8:8">
      <c r="H503068" s="12"/>
    </row>
    <row r="503069" spans="8:8">
      <c r="H503069" s="12"/>
    </row>
    <row r="503070" spans="8:8">
      <c r="H503070" s="12"/>
    </row>
    <row r="503071" spans="8:8">
      <c r="H503071" s="12"/>
    </row>
    <row r="503072" spans="8:8">
      <c r="H503072" s="12"/>
    </row>
    <row r="503073" spans="8:8">
      <c r="H503073" s="12"/>
    </row>
    <row r="503074" spans="8:8">
      <c r="H503074" s="12"/>
    </row>
    <row r="503075" spans="8:8">
      <c r="H503075" s="12"/>
    </row>
    <row r="503076" spans="8:8">
      <c r="H503076" s="12"/>
    </row>
    <row r="503077" spans="8:8">
      <c r="H503077" s="12"/>
    </row>
    <row r="503078" spans="8:8">
      <c r="H503078" s="12"/>
    </row>
    <row r="503079" spans="8:8">
      <c r="H503079" s="12"/>
    </row>
    <row r="503080" spans="8:8">
      <c r="H503080" s="12"/>
    </row>
    <row r="503081" spans="8:8">
      <c r="H503081" s="12"/>
    </row>
    <row r="503082" spans="8:8">
      <c r="H503082" s="12"/>
    </row>
    <row r="503083" spans="8:8">
      <c r="H503083" s="12"/>
    </row>
    <row r="503084" spans="8:8">
      <c r="H503084" s="12"/>
    </row>
    <row r="503085" spans="8:8">
      <c r="H503085" s="12"/>
    </row>
    <row r="503086" spans="8:8">
      <c r="H503086" s="12"/>
    </row>
    <row r="503087" spans="8:8">
      <c r="H503087" s="12"/>
    </row>
    <row r="503088" spans="8:8">
      <c r="H503088" s="12"/>
    </row>
    <row r="503089" spans="8:8">
      <c r="H503089" s="12"/>
    </row>
    <row r="503090" spans="8:8">
      <c r="H503090" s="12"/>
    </row>
    <row r="503091" spans="8:8">
      <c r="H503091" s="12"/>
    </row>
    <row r="503092" spans="8:8">
      <c r="H503092" s="12"/>
    </row>
    <row r="503093" spans="8:8">
      <c r="H503093" s="12"/>
    </row>
    <row r="503094" spans="8:8">
      <c r="H503094" s="12"/>
    </row>
    <row r="503095" spans="8:8">
      <c r="H503095" s="12"/>
    </row>
    <row r="503096" spans="8:8">
      <c r="H503096" s="12"/>
    </row>
    <row r="503097" spans="8:8">
      <c r="H503097" s="12"/>
    </row>
    <row r="503098" spans="8:8">
      <c r="H503098" s="12"/>
    </row>
    <row r="503099" spans="8:8">
      <c r="H503099" s="12"/>
    </row>
    <row r="503100" spans="8:8">
      <c r="H503100" s="12"/>
    </row>
    <row r="503101" spans="8:8">
      <c r="H503101" s="12"/>
    </row>
    <row r="503102" spans="8:8">
      <c r="H503102" s="12"/>
    </row>
    <row r="503103" spans="8:8">
      <c r="H503103" s="12"/>
    </row>
    <row r="503104" spans="8:8">
      <c r="H503104" s="12"/>
    </row>
    <row r="503105" spans="8:8">
      <c r="H503105" s="12"/>
    </row>
    <row r="503106" spans="8:8">
      <c r="H503106" s="12"/>
    </row>
    <row r="503107" spans="8:8">
      <c r="H503107" s="12"/>
    </row>
    <row r="503108" spans="8:8">
      <c r="H503108" s="12"/>
    </row>
    <row r="503109" spans="8:8">
      <c r="H503109" s="12"/>
    </row>
    <row r="503110" spans="8:8">
      <c r="H503110" s="12"/>
    </row>
    <row r="503111" spans="8:8">
      <c r="H503111" s="12"/>
    </row>
    <row r="503112" spans="8:8">
      <c r="H503112" s="12"/>
    </row>
    <row r="503113" spans="8:8">
      <c r="H503113" s="12"/>
    </row>
    <row r="503114" spans="8:8">
      <c r="H503114" s="12"/>
    </row>
    <row r="503115" spans="8:8">
      <c r="H503115" s="12"/>
    </row>
    <row r="503116" spans="8:8">
      <c r="H503116" s="12"/>
    </row>
    <row r="503117" spans="8:8">
      <c r="H503117" s="12"/>
    </row>
    <row r="503118" spans="8:8">
      <c r="H503118" s="12"/>
    </row>
    <row r="503119" spans="8:8">
      <c r="H503119" s="12"/>
    </row>
    <row r="503120" spans="8:8">
      <c r="H503120" s="12"/>
    </row>
    <row r="503121" spans="8:8">
      <c r="H503121" s="12"/>
    </row>
    <row r="503122" spans="8:8">
      <c r="H503122" s="12"/>
    </row>
    <row r="503123" spans="8:8">
      <c r="H503123" s="12"/>
    </row>
    <row r="503124" spans="8:8">
      <c r="H503124" s="12"/>
    </row>
    <row r="503125" spans="8:8">
      <c r="H503125" s="12"/>
    </row>
    <row r="503126" spans="8:8">
      <c r="H503126" s="12"/>
    </row>
    <row r="503127" spans="8:8">
      <c r="H503127" s="12"/>
    </row>
    <row r="503128" spans="8:8">
      <c r="H503128" s="12"/>
    </row>
    <row r="503129" spans="8:8">
      <c r="H503129" s="12"/>
    </row>
    <row r="503130" spans="8:8">
      <c r="H503130" s="12"/>
    </row>
    <row r="503131" spans="8:8">
      <c r="H503131" s="12"/>
    </row>
    <row r="503132" spans="8:8">
      <c r="H503132" s="12"/>
    </row>
    <row r="503133" spans="8:8">
      <c r="H503133" s="12"/>
    </row>
    <row r="503134" spans="8:8">
      <c r="H503134" s="12"/>
    </row>
    <row r="503135" spans="8:8">
      <c r="H503135" s="12"/>
    </row>
    <row r="503136" spans="8:8">
      <c r="H503136" s="12"/>
    </row>
    <row r="503137" spans="8:8">
      <c r="H503137" s="12"/>
    </row>
    <row r="503138" spans="8:8">
      <c r="H503138" s="12"/>
    </row>
    <row r="503139" spans="8:8">
      <c r="H503139" s="12"/>
    </row>
    <row r="503140" spans="8:8">
      <c r="H503140" s="12"/>
    </row>
    <row r="503141" spans="8:8">
      <c r="H503141" s="12"/>
    </row>
    <row r="503142" spans="8:8">
      <c r="H503142" s="12"/>
    </row>
    <row r="503143" spans="8:8">
      <c r="H503143" s="12"/>
    </row>
    <row r="503144" spans="8:8">
      <c r="H503144" s="12"/>
    </row>
    <row r="503145" spans="8:8">
      <c r="H503145" s="12"/>
    </row>
    <row r="503146" spans="8:8">
      <c r="H503146" s="12"/>
    </row>
    <row r="503147" spans="8:8">
      <c r="H503147" s="12"/>
    </row>
    <row r="503148" spans="8:8">
      <c r="H503148" s="12"/>
    </row>
    <row r="503149" spans="8:8">
      <c r="H503149" s="12"/>
    </row>
    <row r="503150" spans="8:8">
      <c r="H503150" s="12"/>
    </row>
    <row r="503151" spans="8:8">
      <c r="H503151" s="12"/>
    </row>
    <row r="503152" spans="8:8">
      <c r="H503152" s="12"/>
    </row>
    <row r="503153" spans="8:8">
      <c r="H503153" s="12"/>
    </row>
    <row r="503154" spans="8:8">
      <c r="H503154" s="12"/>
    </row>
    <row r="503155" spans="8:8">
      <c r="H503155" s="12"/>
    </row>
    <row r="503156" spans="8:8">
      <c r="H503156" s="12"/>
    </row>
    <row r="503157" spans="8:8">
      <c r="H503157" s="12"/>
    </row>
    <row r="503158" spans="8:8">
      <c r="H503158" s="12"/>
    </row>
    <row r="503159" spans="8:8">
      <c r="H503159" s="12"/>
    </row>
    <row r="503160" spans="8:8">
      <c r="H503160" s="12"/>
    </row>
    <row r="503161" spans="8:8">
      <c r="H503161" s="12"/>
    </row>
    <row r="503162" spans="8:8">
      <c r="H503162" s="12"/>
    </row>
    <row r="503163" spans="8:8">
      <c r="H503163" s="12"/>
    </row>
    <row r="503164" spans="8:8">
      <c r="H503164" s="12"/>
    </row>
    <row r="503165" spans="8:8">
      <c r="H503165" s="12"/>
    </row>
    <row r="503166" spans="8:8">
      <c r="H503166" s="12"/>
    </row>
    <row r="503167" spans="8:8">
      <c r="H503167" s="12"/>
    </row>
    <row r="503168" spans="8:8">
      <c r="H503168" s="12"/>
    </row>
    <row r="503169" spans="8:8">
      <c r="H503169" s="12"/>
    </row>
    <row r="503170" spans="8:8">
      <c r="H503170" s="12"/>
    </row>
    <row r="503171" spans="8:8">
      <c r="H503171" s="12"/>
    </row>
    <row r="503172" spans="8:8">
      <c r="H503172" s="12"/>
    </row>
    <row r="503173" spans="8:8">
      <c r="H503173" s="12"/>
    </row>
    <row r="503174" spans="8:8">
      <c r="H503174" s="12"/>
    </row>
    <row r="503175" spans="8:8">
      <c r="H503175" s="12"/>
    </row>
    <row r="503176" spans="8:8">
      <c r="H503176" s="12"/>
    </row>
    <row r="503177" spans="8:8">
      <c r="H503177" s="12"/>
    </row>
    <row r="503178" spans="8:8">
      <c r="H503178" s="12"/>
    </row>
    <row r="503179" spans="8:8">
      <c r="H503179" s="12"/>
    </row>
    <row r="503180" spans="8:8">
      <c r="H503180" s="12"/>
    </row>
    <row r="503181" spans="8:8">
      <c r="H503181" s="12"/>
    </row>
    <row r="503182" spans="8:8">
      <c r="H503182" s="12"/>
    </row>
    <row r="503183" spans="8:8">
      <c r="H503183" s="12"/>
    </row>
    <row r="503184" spans="8:8">
      <c r="H503184" s="12"/>
    </row>
    <row r="503185" spans="8:8">
      <c r="H503185" s="12"/>
    </row>
    <row r="503186" spans="8:8">
      <c r="H503186" s="12"/>
    </row>
    <row r="503187" spans="8:8">
      <c r="H503187" s="12"/>
    </row>
    <row r="503188" spans="8:8">
      <c r="H503188" s="12"/>
    </row>
    <row r="503189" spans="8:8">
      <c r="H503189" s="12"/>
    </row>
    <row r="503190" spans="8:8">
      <c r="H503190" s="12"/>
    </row>
    <row r="503191" spans="8:8">
      <c r="H503191" s="12"/>
    </row>
    <row r="503192" spans="8:8">
      <c r="H503192" s="12"/>
    </row>
    <row r="503193" spans="8:8">
      <c r="H503193" s="12"/>
    </row>
    <row r="503194" spans="8:8">
      <c r="H503194" s="12"/>
    </row>
    <row r="503195" spans="8:8">
      <c r="H503195" s="12"/>
    </row>
    <row r="503196" spans="8:8">
      <c r="H503196" s="12"/>
    </row>
    <row r="503197" spans="8:8">
      <c r="H503197" s="12"/>
    </row>
    <row r="503198" spans="8:8">
      <c r="H503198" s="12"/>
    </row>
    <row r="503199" spans="8:8">
      <c r="H503199" s="12"/>
    </row>
    <row r="503200" spans="8:8">
      <c r="H503200" s="12"/>
    </row>
    <row r="503201" spans="8:8">
      <c r="H503201" s="12"/>
    </row>
    <row r="503202" spans="8:8">
      <c r="H503202" s="12"/>
    </row>
    <row r="503203" spans="8:8">
      <c r="H503203" s="12"/>
    </row>
    <row r="503204" spans="8:8">
      <c r="H503204" s="12"/>
    </row>
    <row r="503205" spans="8:8">
      <c r="H503205" s="12"/>
    </row>
    <row r="503206" spans="8:8">
      <c r="H503206" s="12"/>
    </row>
    <row r="503207" spans="8:8">
      <c r="H503207" s="12"/>
    </row>
    <row r="503208" spans="8:8">
      <c r="H503208" s="12"/>
    </row>
    <row r="503209" spans="8:8">
      <c r="H503209" s="12"/>
    </row>
    <row r="503210" spans="8:8">
      <c r="H503210" s="12"/>
    </row>
    <row r="503211" spans="8:8">
      <c r="H503211" s="12"/>
    </row>
    <row r="503212" spans="8:8">
      <c r="H503212" s="12"/>
    </row>
    <row r="503213" spans="8:8">
      <c r="H503213" s="12"/>
    </row>
    <row r="503214" spans="8:8">
      <c r="H503214" s="12"/>
    </row>
    <row r="503215" spans="8:8">
      <c r="H503215" s="12"/>
    </row>
    <row r="503216" spans="8:8">
      <c r="H503216" s="12"/>
    </row>
    <row r="503217" spans="8:8">
      <c r="H503217" s="12"/>
    </row>
    <row r="503218" spans="8:8">
      <c r="H503218" s="12"/>
    </row>
    <row r="503219" spans="8:8">
      <c r="H503219" s="12"/>
    </row>
    <row r="503220" spans="8:8">
      <c r="H503220" s="12"/>
    </row>
    <row r="503221" spans="8:8">
      <c r="H503221" s="12"/>
    </row>
    <row r="503222" spans="8:8">
      <c r="H503222" s="12"/>
    </row>
    <row r="503223" spans="8:8">
      <c r="H503223" s="12"/>
    </row>
    <row r="503224" spans="8:8">
      <c r="H503224" s="12"/>
    </row>
    <row r="503225" spans="8:8">
      <c r="H503225" s="12"/>
    </row>
    <row r="503226" spans="8:8">
      <c r="H503226" s="12"/>
    </row>
    <row r="503227" spans="8:8">
      <c r="H503227" s="12"/>
    </row>
    <row r="503228" spans="8:8">
      <c r="H503228" s="12"/>
    </row>
    <row r="503229" spans="8:8">
      <c r="H503229" s="12"/>
    </row>
    <row r="503230" spans="8:8">
      <c r="H503230" s="12"/>
    </row>
    <row r="503231" spans="8:8">
      <c r="H503231" s="12"/>
    </row>
    <row r="503232" spans="8:8">
      <c r="H503232" s="12"/>
    </row>
    <row r="503233" spans="8:8">
      <c r="H503233" s="12"/>
    </row>
    <row r="503234" spans="8:8">
      <c r="H503234" s="12"/>
    </row>
    <row r="503235" spans="8:8">
      <c r="H503235" s="12"/>
    </row>
    <row r="503236" spans="8:8">
      <c r="H503236" s="12"/>
    </row>
    <row r="503237" spans="8:8">
      <c r="H503237" s="12"/>
    </row>
    <row r="503238" spans="8:8">
      <c r="H503238" s="12"/>
    </row>
    <row r="503239" spans="8:8">
      <c r="H503239" s="12"/>
    </row>
    <row r="503240" spans="8:8">
      <c r="H503240" s="12"/>
    </row>
    <row r="503241" spans="8:8">
      <c r="H503241" s="12"/>
    </row>
    <row r="503242" spans="8:8">
      <c r="H503242" s="12"/>
    </row>
    <row r="503243" spans="8:8">
      <c r="H503243" s="12"/>
    </row>
    <row r="503244" spans="8:8">
      <c r="H503244" s="12"/>
    </row>
    <row r="503245" spans="8:8">
      <c r="H503245" s="12"/>
    </row>
    <row r="503246" spans="8:8">
      <c r="H503246" s="12"/>
    </row>
    <row r="503247" spans="8:8">
      <c r="H503247" s="12"/>
    </row>
    <row r="503248" spans="8:8">
      <c r="H503248" s="12"/>
    </row>
    <row r="503249" spans="8:8">
      <c r="H503249" s="12"/>
    </row>
    <row r="503250" spans="8:8">
      <c r="H503250" s="12"/>
    </row>
    <row r="503251" spans="8:8">
      <c r="H503251" s="12"/>
    </row>
    <row r="503252" spans="8:8">
      <c r="H503252" s="12"/>
    </row>
    <row r="503253" spans="8:8">
      <c r="H503253" s="12"/>
    </row>
    <row r="503254" spans="8:8">
      <c r="H503254" s="12"/>
    </row>
    <row r="503255" spans="8:8">
      <c r="H503255" s="12"/>
    </row>
    <row r="503256" spans="8:8">
      <c r="H503256" s="12"/>
    </row>
    <row r="503257" spans="8:8">
      <c r="H503257" s="12"/>
    </row>
    <row r="503258" spans="8:8">
      <c r="H503258" s="12"/>
    </row>
    <row r="503259" spans="8:8">
      <c r="H503259" s="12"/>
    </row>
    <row r="503260" spans="8:8">
      <c r="H503260" s="12"/>
    </row>
    <row r="503261" spans="8:8">
      <c r="H503261" s="12"/>
    </row>
    <row r="503262" spans="8:8">
      <c r="H503262" s="12"/>
    </row>
    <row r="503263" spans="8:8">
      <c r="H503263" s="12"/>
    </row>
    <row r="503264" spans="8:8">
      <c r="H503264" s="12"/>
    </row>
    <row r="503265" spans="8:8">
      <c r="H503265" s="12"/>
    </row>
    <row r="503266" spans="8:8">
      <c r="H503266" s="12"/>
    </row>
    <row r="503267" spans="8:8">
      <c r="H503267" s="12"/>
    </row>
    <row r="503268" spans="8:8">
      <c r="H503268" s="12"/>
    </row>
    <row r="503269" spans="8:8">
      <c r="H503269" s="12"/>
    </row>
    <row r="503270" spans="8:8">
      <c r="H503270" s="12"/>
    </row>
    <row r="503271" spans="8:8">
      <c r="H503271" s="12"/>
    </row>
    <row r="503272" spans="8:8">
      <c r="H503272" s="12"/>
    </row>
    <row r="503273" spans="8:8">
      <c r="H503273" s="12"/>
    </row>
    <row r="503274" spans="8:8">
      <c r="H503274" s="12"/>
    </row>
    <row r="503275" spans="8:8">
      <c r="H503275" s="12"/>
    </row>
    <row r="503276" spans="8:8">
      <c r="H503276" s="12"/>
    </row>
    <row r="503277" spans="8:8">
      <c r="H503277" s="12"/>
    </row>
    <row r="503278" spans="8:8">
      <c r="H503278" s="12"/>
    </row>
    <row r="503279" spans="8:8">
      <c r="H503279" s="12"/>
    </row>
    <row r="503280" spans="8:8">
      <c r="H503280" s="12"/>
    </row>
    <row r="503281" spans="8:8">
      <c r="H503281" s="12"/>
    </row>
    <row r="503282" spans="8:8">
      <c r="H503282" s="12"/>
    </row>
    <row r="503283" spans="8:8">
      <c r="H503283" s="12"/>
    </row>
    <row r="503284" spans="8:8">
      <c r="H503284" s="12"/>
    </row>
    <row r="503285" spans="8:8">
      <c r="H503285" s="12"/>
    </row>
    <row r="503286" spans="8:8">
      <c r="H503286" s="12"/>
    </row>
    <row r="503287" spans="8:8">
      <c r="H503287" s="12"/>
    </row>
    <row r="503288" spans="8:8">
      <c r="H503288" s="12"/>
    </row>
    <row r="503289" spans="8:8">
      <c r="H503289" s="12"/>
    </row>
    <row r="503290" spans="8:8">
      <c r="H503290" s="12"/>
    </row>
    <row r="503291" spans="8:8">
      <c r="H503291" s="12"/>
    </row>
    <row r="503292" spans="8:8">
      <c r="H503292" s="12"/>
    </row>
    <row r="503293" spans="8:8">
      <c r="H503293" s="12"/>
    </row>
    <row r="503294" spans="8:8">
      <c r="H503294" s="12"/>
    </row>
    <row r="503295" spans="8:8">
      <c r="H503295" s="12"/>
    </row>
    <row r="503296" spans="8:8">
      <c r="H503296" s="12"/>
    </row>
    <row r="503297" spans="8:8">
      <c r="H503297" s="12"/>
    </row>
    <row r="503298" spans="8:8">
      <c r="H503298" s="12"/>
    </row>
    <row r="503299" spans="8:8">
      <c r="H503299" s="12"/>
    </row>
    <row r="503300" spans="8:8">
      <c r="H503300" s="12"/>
    </row>
    <row r="503301" spans="8:8">
      <c r="H503301" s="12"/>
    </row>
    <row r="503302" spans="8:8">
      <c r="H503302" s="12"/>
    </row>
    <row r="503303" spans="8:8">
      <c r="H503303" s="12"/>
    </row>
    <row r="503304" spans="8:8">
      <c r="H503304" s="12"/>
    </row>
    <row r="503305" spans="8:8">
      <c r="H503305" s="12"/>
    </row>
    <row r="503306" spans="8:8">
      <c r="H503306" s="12"/>
    </row>
    <row r="503307" spans="8:8">
      <c r="H503307" s="12"/>
    </row>
    <row r="503308" spans="8:8">
      <c r="H503308" s="12"/>
    </row>
    <row r="503309" spans="8:8">
      <c r="H503309" s="12"/>
    </row>
    <row r="503310" spans="8:8">
      <c r="H503310" s="12"/>
    </row>
    <row r="503311" spans="8:8">
      <c r="H503311" s="12"/>
    </row>
    <row r="503312" spans="8:8">
      <c r="H503312" s="12"/>
    </row>
    <row r="503313" spans="8:8">
      <c r="H503313" s="12"/>
    </row>
    <row r="503314" spans="8:8">
      <c r="H503314" s="12"/>
    </row>
    <row r="503315" spans="8:8">
      <c r="H503315" s="12"/>
    </row>
    <row r="503316" spans="8:8">
      <c r="H503316" s="12"/>
    </row>
    <row r="503317" spans="8:8">
      <c r="H503317" s="12"/>
    </row>
    <row r="503318" spans="8:8">
      <c r="H503318" s="12"/>
    </row>
    <row r="503319" spans="8:8">
      <c r="H503319" s="12"/>
    </row>
    <row r="503320" spans="8:8">
      <c r="H503320" s="12"/>
    </row>
    <row r="503321" spans="8:8">
      <c r="H503321" s="12"/>
    </row>
    <row r="503322" spans="8:8">
      <c r="H503322" s="12"/>
    </row>
    <row r="503323" spans="8:8">
      <c r="H503323" s="12"/>
    </row>
    <row r="503324" spans="8:8">
      <c r="H503324" s="12"/>
    </row>
    <row r="503325" spans="8:8">
      <c r="H503325" s="12"/>
    </row>
    <row r="503326" spans="8:8">
      <c r="H503326" s="12"/>
    </row>
    <row r="503327" spans="8:8">
      <c r="H503327" s="12"/>
    </row>
    <row r="503328" spans="8:8">
      <c r="H503328" s="12"/>
    </row>
    <row r="503329" spans="8:8">
      <c r="H503329" s="12"/>
    </row>
    <row r="503330" spans="8:8">
      <c r="H503330" s="12"/>
    </row>
    <row r="503331" spans="8:8">
      <c r="H503331" s="12"/>
    </row>
    <row r="503332" spans="8:8">
      <c r="H503332" s="12"/>
    </row>
    <row r="503333" spans="8:8">
      <c r="H503333" s="12"/>
    </row>
    <row r="503334" spans="8:8">
      <c r="H503334" s="12"/>
    </row>
    <row r="503335" spans="8:8">
      <c r="H503335" s="12"/>
    </row>
    <row r="503336" spans="8:8">
      <c r="H503336" s="12"/>
    </row>
    <row r="503337" spans="8:8">
      <c r="H503337" s="12"/>
    </row>
    <row r="503338" spans="8:8">
      <c r="H503338" s="12"/>
    </row>
    <row r="503339" spans="8:8">
      <c r="H503339" s="12"/>
    </row>
    <row r="503340" spans="8:8">
      <c r="H503340" s="12"/>
    </row>
    <row r="503341" spans="8:8">
      <c r="H503341" s="12"/>
    </row>
    <row r="503342" spans="8:8">
      <c r="H503342" s="12"/>
    </row>
    <row r="503343" spans="8:8">
      <c r="H503343" s="12"/>
    </row>
    <row r="503344" spans="8:8">
      <c r="H503344" s="12"/>
    </row>
    <row r="503345" spans="8:8">
      <c r="H503345" s="12"/>
    </row>
    <row r="503346" spans="8:8">
      <c r="H503346" s="12"/>
    </row>
    <row r="503347" spans="8:8">
      <c r="H503347" s="12"/>
    </row>
    <row r="503348" spans="8:8">
      <c r="H503348" s="12"/>
    </row>
    <row r="503349" spans="8:8">
      <c r="H503349" s="12"/>
    </row>
    <row r="503350" spans="8:8">
      <c r="H503350" s="12"/>
    </row>
    <row r="503351" spans="8:8">
      <c r="H503351" s="12"/>
    </row>
    <row r="503352" spans="8:8">
      <c r="H503352" s="12"/>
    </row>
    <row r="503353" spans="8:8">
      <c r="H503353" s="12"/>
    </row>
    <row r="503354" spans="8:8">
      <c r="H503354" s="12"/>
    </row>
    <row r="503355" spans="8:8">
      <c r="H503355" s="12"/>
    </row>
    <row r="503356" spans="8:8">
      <c r="H503356" s="12"/>
    </row>
    <row r="503357" spans="8:8">
      <c r="H503357" s="12"/>
    </row>
    <row r="503358" spans="8:8">
      <c r="H503358" s="12"/>
    </row>
    <row r="503359" spans="8:8">
      <c r="H503359" s="12"/>
    </row>
    <row r="503360" spans="8:8">
      <c r="H503360" s="12"/>
    </row>
    <row r="503361" spans="8:8">
      <c r="H503361" s="12"/>
    </row>
    <row r="503362" spans="8:8">
      <c r="H503362" s="12"/>
    </row>
    <row r="503363" spans="8:8">
      <c r="H503363" s="12"/>
    </row>
    <row r="503364" spans="8:8">
      <c r="H503364" s="12"/>
    </row>
    <row r="503365" spans="8:8">
      <c r="H503365" s="12"/>
    </row>
    <row r="503366" spans="8:8">
      <c r="H503366" s="12"/>
    </row>
    <row r="503367" spans="8:8">
      <c r="H503367" s="12"/>
    </row>
    <row r="503368" spans="8:8">
      <c r="H503368" s="12"/>
    </row>
    <row r="503369" spans="8:8">
      <c r="H503369" s="12"/>
    </row>
    <row r="503370" spans="8:8">
      <c r="H503370" s="12"/>
    </row>
    <row r="503371" spans="8:8">
      <c r="H503371" s="12"/>
    </row>
    <row r="503372" spans="8:8">
      <c r="H503372" s="12"/>
    </row>
    <row r="503373" spans="8:8">
      <c r="H503373" s="12"/>
    </row>
    <row r="503374" spans="8:8">
      <c r="H503374" s="12"/>
    </row>
    <row r="503375" spans="8:8">
      <c r="H503375" s="12"/>
    </row>
    <row r="503376" spans="8:8">
      <c r="H503376" s="12"/>
    </row>
    <row r="503377" spans="8:8">
      <c r="H503377" s="12"/>
    </row>
    <row r="503378" spans="8:8">
      <c r="H503378" s="12"/>
    </row>
    <row r="503379" spans="8:8">
      <c r="H503379" s="12"/>
    </row>
    <row r="503380" spans="8:8">
      <c r="H503380" s="12"/>
    </row>
    <row r="503381" spans="8:8">
      <c r="H503381" s="12"/>
    </row>
    <row r="503382" spans="8:8">
      <c r="H503382" s="12"/>
    </row>
    <row r="503383" spans="8:8">
      <c r="H503383" s="12"/>
    </row>
    <row r="503384" spans="8:8">
      <c r="H503384" s="12"/>
    </row>
    <row r="503385" spans="8:8">
      <c r="H503385" s="12"/>
    </row>
    <row r="503386" spans="8:8">
      <c r="H503386" s="12"/>
    </row>
    <row r="503387" spans="8:8">
      <c r="H503387" s="12"/>
    </row>
    <row r="503388" spans="8:8">
      <c r="H503388" s="12"/>
    </row>
    <row r="503389" spans="8:8">
      <c r="H503389" s="12"/>
    </row>
    <row r="503390" spans="8:8">
      <c r="H503390" s="12"/>
    </row>
    <row r="503391" spans="8:8">
      <c r="H503391" s="12"/>
    </row>
    <row r="503392" spans="8:8">
      <c r="H503392" s="12"/>
    </row>
    <row r="503393" spans="8:8">
      <c r="H503393" s="12"/>
    </row>
    <row r="503394" spans="8:8">
      <c r="H503394" s="12"/>
    </row>
    <row r="503395" spans="8:8">
      <c r="H503395" s="12"/>
    </row>
    <row r="503396" spans="8:8">
      <c r="H503396" s="12"/>
    </row>
    <row r="503397" spans="8:8">
      <c r="H503397" s="12"/>
    </row>
    <row r="503398" spans="8:8">
      <c r="H503398" s="12"/>
    </row>
    <row r="503399" spans="8:8">
      <c r="H503399" s="12"/>
    </row>
    <row r="503400" spans="8:8">
      <c r="H503400" s="12"/>
    </row>
    <row r="503401" spans="8:8">
      <c r="H503401" s="12"/>
    </row>
    <row r="503402" spans="8:8">
      <c r="H503402" s="12"/>
    </row>
    <row r="503403" spans="8:8">
      <c r="H503403" s="12"/>
    </row>
    <row r="503404" spans="8:8">
      <c r="H503404" s="12"/>
    </row>
    <row r="503405" spans="8:8">
      <c r="H503405" s="12"/>
    </row>
    <row r="503406" spans="8:8">
      <c r="H503406" s="12"/>
    </row>
    <row r="503407" spans="8:8">
      <c r="H503407" s="12"/>
    </row>
    <row r="503408" spans="8:8">
      <c r="H503408" s="12"/>
    </row>
    <row r="503409" spans="8:8">
      <c r="H503409" s="12"/>
    </row>
    <row r="503410" spans="8:8">
      <c r="H503410" s="12"/>
    </row>
    <row r="503411" spans="8:8">
      <c r="H503411" s="12"/>
    </row>
    <row r="503412" spans="8:8">
      <c r="H503412" s="12"/>
    </row>
    <row r="503413" spans="8:8">
      <c r="H503413" s="12"/>
    </row>
    <row r="503414" spans="8:8">
      <c r="H503414" s="12"/>
    </row>
    <row r="503415" spans="8:8">
      <c r="H503415" s="12"/>
    </row>
    <row r="503416" spans="8:8">
      <c r="H503416" s="12"/>
    </row>
    <row r="503417" spans="8:8">
      <c r="H503417" s="12"/>
    </row>
    <row r="503418" spans="8:8">
      <c r="H503418" s="12"/>
    </row>
    <row r="503419" spans="8:8">
      <c r="H503419" s="12"/>
    </row>
    <row r="503420" spans="8:8">
      <c r="H503420" s="12"/>
    </row>
    <row r="503421" spans="8:8">
      <c r="H503421" s="12"/>
    </row>
    <row r="503422" spans="8:8">
      <c r="H503422" s="12"/>
    </row>
    <row r="503423" spans="8:8">
      <c r="H503423" s="12"/>
    </row>
    <row r="503424" spans="8:8">
      <c r="H503424" s="12"/>
    </row>
    <row r="503425" spans="8:8">
      <c r="H503425" s="12"/>
    </row>
    <row r="503426" spans="8:8">
      <c r="H503426" s="12"/>
    </row>
    <row r="503427" spans="8:8">
      <c r="H503427" s="12"/>
    </row>
    <row r="503428" spans="8:8">
      <c r="H503428" s="12"/>
    </row>
    <row r="503429" spans="8:8">
      <c r="H503429" s="12"/>
    </row>
    <row r="503430" spans="8:8">
      <c r="H503430" s="12"/>
    </row>
    <row r="503431" spans="8:8">
      <c r="H503431" s="12"/>
    </row>
    <row r="503432" spans="8:8">
      <c r="H503432" s="12"/>
    </row>
    <row r="503433" spans="8:8">
      <c r="H503433" s="12"/>
    </row>
    <row r="503434" spans="8:8">
      <c r="H503434" s="12"/>
    </row>
    <row r="503435" spans="8:8">
      <c r="H503435" s="12"/>
    </row>
    <row r="503436" spans="8:8">
      <c r="H503436" s="12"/>
    </row>
    <row r="503437" spans="8:8">
      <c r="H503437" s="12"/>
    </row>
    <row r="503438" spans="8:8">
      <c r="H503438" s="12"/>
    </row>
    <row r="503439" spans="8:8">
      <c r="H503439" s="12"/>
    </row>
    <row r="503440" spans="8:8">
      <c r="H503440" s="12"/>
    </row>
    <row r="503441" spans="8:8">
      <c r="H503441" s="12"/>
    </row>
    <row r="503442" spans="8:8">
      <c r="H503442" s="12"/>
    </row>
    <row r="503443" spans="8:8">
      <c r="H503443" s="12"/>
    </row>
    <row r="503444" spans="8:8">
      <c r="H503444" s="12"/>
    </row>
    <row r="503445" spans="8:8">
      <c r="H503445" s="12"/>
    </row>
    <row r="503446" spans="8:8">
      <c r="H503446" s="12"/>
    </row>
    <row r="503447" spans="8:8">
      <c r="H503447" s="12"/>
    </row>
    <row r="503448" spans="8:8">
      <c r="H503448" s="12"/>
    </row>
    <row r="503449" spans="8:8">
      <c r="H503449" s="12"/>
    </row>
    <row r="503450" spans="8:8">
      <c r="H503450" s="12"/>
    </row>
    <row r="503451" spans="8:8">
      <c r="H503451" s="12"/>
    </row>
    <row r="503452" spans="8:8">
      <c r="H503452" s="12"/>
    </row>
    <row r="503453" spans="8:8">
      <c r="H503453" s="12"/>
    </row>
    <row r="503454" spans="8:8">
      <c r="H503454" s="12"/>
    </row>
    <row r="503455" spans="8:8">
      <c r="H503455" s="12"/>
    </row>
    <row r="503456" spans="8:8">
      <c r="H503456" s="12"/>
    </row>
    <row r="503457" spans="8:8">
      <c r="H503457" s="12"/>
    </row>
    <row r="503458" spans="8:8">
      <c r="H503458" s="12"/>
    </row>
    <row r="503459" spans="8:8">
      <c r="H503459" s="12"/>
    </row>
    <row r="503460" spans="8:8">
      <c r="H503460" s="12"/>
    </row>
    <row r="503461" spans="8:8">
      <c r="H503461" s="12"/>
    </row>
    <row r="503462" spans="8:8">
      <c r="H503462" s="12"/>
    </row>
    <row r="503463" spans="8:8">
      <c r="H503463" s="12"/>
    </row>
    <row r="503464" spans="8:8">
      <c r="H503464" s="12"/>
    </row>
    <row r="503465" spans="8:8">
      <c r="H503465" s="12"/>
    </row>
    <row r="503466" spans="8:8">
      <c r="H503466" s="12"/>
    </row>
    <row r="503467" spans="8:8">
      <c r="H503467" s="12"/>
    </row>
    <row r="503468" spans="8:8">
      <c r="H503468" s="12"/>
    </row>
    <row r="503469" spans="8:8">
      <c r="H503469" s="12"/>
    </row>
    <row r="503470" spans="8:8">
      <c r="H503470" s="12"/>
    </row>
    <row r="503471" spans="8:8">
      <c r="H503471" s="12"/>
    </row>
    <row r="503472" spans="8:8">
      <c r="H503472" s="12"/>
    </row>
    <row r="503473" spans="8:8">
      <c r="H503473" s="12"/>
    </row>
    <row r="503474" spans="8:8">
      <c r="H503474" s="12"/>
    </row>
    <row r="503475" spans="8:8">
      <c r="H503475" s="12"/>
    </row>
    <row r="503476" spans="8:8">
      <c r="H503476" s="12"/>
    </row>
    <row r="503477" spans="8:8">
      <c r="H503477" s="12"/>
    </row>
    <row r="503478" spans="8:8">
      <c r="H503478" s="12"/>
    </row>
    <row r="503479" spans="8:8">
      <c r="H503479" s="12"/>
    </row>
    <row r="503480" spans="8:8">
      <c r="H503480" s="12"/>
    </row>
    <row r="503481" spans="8:8">
      <c r="H503481" s="12"/>
    </row>
    <row r="503482" spans="8:8">
      <c r="H503482" s="12"/>
    </row>
    <row r="503483" spans="8:8">
      <c r="H503483" s="12"/>
    </row>
    <row r="503484" spans="8:8">
      <c r="H503484" s="12"/>
    </row>
    <row r="503485" spans="8:8">
      <c r="H503485" s="12"/>
    </row>
    <row r="503486" spans="8:8">
      <c r="H503486" s="12"/>
    </row>
    <row r="503487" spans="8:8">
      <c r="H503487" s="12"/>
    </row>
    <row r="503488" spans="8:8">
      <c r="H503488" s="12"/>
    </row>
    <row r="503489" spans="8:8">
      <c r="H503489" s="12"/>
    </row>
    <row r="503490" spans="8:8">
      <c r="H503490" s="12"/>
    </row>
    <row r="503491" spans="8:8">
      <c r="H503491" s="12"/>
    </row>
    <row r="503492" spans="8:8">
      <c r="H503492" s="12"/>
    </row>
    <row r="503493" spans="8:8">
      <c r="H503493" s="12"/>
    </row>
    <row r="503494" spans="8:8">
      <c r="H503494" s="12"/>
    </row>
    <row r="503495" spans="8:8">
      <c r="H503495" s="12"/>
    </row>
    <row r="503496" spans="8:8">
      <c r="H503496" s="12"/>
    </row>
    <row r="503497" spans="8:8">
      <c r="H503497" s="12"/>
    </row>
    <row r="503498" spans="8:8">
      <c r="H503498" s="12"/>
    </row>
    <row r="503499" spans="8:8">
      <c r="H503499" s="12"/>
    </row>
    <row r="503500" spans="8:8">
      <c r="H503500" s="12"/>
    </row>
    <row r="503501" spans="8:8">
      <c r="H503501" s="12"/>
    </row>
    <row r="503502" spans="8:8">
      <c r="H503502" s="12"/>
    </row>
    <row r="503503" spans="8:8">
      <c r="H503503" s="12"/>
    </row>
    <row r="503504" spans="8:8">
      <c r="H503504" s="12"/>
    </row>
    <row r="503505" spans="8:8">
      <c r="H503505" s="12"/>
    </row>
    <row r="503506" spans="8:8">
      <c r="H503506" s="12"/>
    </row>
    <row r="503507" spans="8:8">
      <c r="H503507" s="12"/>
    </row>
    <row r="503508" spans="8:8">
      <c r="H503508" s="12"/>
    </row>
    <row r="503509" spans="8:8">
      <c r="H503509" s="12"/>
    </row>
    <row r="503510" spans="8:8">
      <c r="H503510" s="12"/>
    </row>
    <row r="503511" spans="8:8">
      <c r="H503511" s="12"/>
    </row>
    <row r="503512" spans="8:8">
      <c r="H503512" s="12"/>
    </row>
    <row r="503513" spans="8:8">
      <c r="H503513" s="12"/>
    </row>
    <row r="503514" spans="8:8">
      <c r="H503514" s="12"/>
    </row>
    <row r="503515" spans="8:8">
      <c r="H503515" s="12"/>
    </row>
    <row r="503516" spans="8:8">
      <c r="H503516" s="12"/>
    </row>
    <row r="503517" spans="8:8">
      <c r="H503517" s="12"/>
    </row>
    <row r="503518" spans="8:8">
      <c r="H503518" s="12"/>
    </row>
    <row r="503519" spans="8:8">
      <c r="H503519" s="12"/>
    </row>
    <row r="503520" spans="8:8">
      <c r="H503520" s="12"/>
    </row>
    <row r="503521" spans="8:8">
      <c r="H503521" s="12"/>
    </row>
    <row r="503522" spans="8:8">
      <c r="H503522" s="12"/>
    </row>
    <row r="503523" spans="8:8">
      <c r="H503523" s="12"/>
    </row>
    <row r="503524" spans="8:8">
      <c r="H503524" s="12"/>
    </row>
    <row r="503525" spans="8:8">
      <c r="H503525" s="12"/>
    </row>
    <row r="503526" spans="8:8">
      <c r="H503526" s="12"/>
    </row>
    <row r="503527" spans="8:8">
      <c r="H503527" s="12"/>
    </row>
    <row r="503528" spans="8:8">
      <c r="H503528" s="12"/>
    </row>
    <row r="503529" spans="8:8">
      <c r="H503529" s="12"/>
    </row>
    <row r="503530" spans="8:8">
      <c r="H503530" s="12"/>
    </row>
    <row r="503531" spans="8:8">
      <c r="H503531" s="12"/>
    </row>
    <row r="503532" spans="8:8">
      <c r="H503532" s="12"/>
    </row>
    <row r="503533" spans="8:8">
      <c r="H503533" s="12"/>
    </row>
    <row r="503534" spans="8:8">
      <c r="H503534" s="12"/>
    </row>
    <row r="503535" spans="8:8">
      <c r="H503535" s="12"/>
    </row>
    <row r="503536" spans="8:8">
      <c r="H503536" s="12"/>
    </row>
    <row r="503537" spans="8:8">
      <c r="H503537" s="12"/>
    </row>
    <row r="503538" spans="8:8">
      <c r="H503538" s="12"/>
    </row>
    <row r="503539" spans="8:8">
      <c r="H503539" s="12"/>
    </row>
    <row r="503540" spans="8:8">
      <c r="H503540" s="12"/>
    </row>
    <row r="503541" spans="8:8">
      <c r="H503541" s="12"/>
    </row>
    <row r="503542" spans="8:8">
      <c r="H503542" s="12"/>
    </row>
    <row r="503543" spans="8:8">
      <c r="H503543" s="12"/>
    </row>
    <row r="503544" spans="8:8">
      <c r="H503544" s="12"/>
    </row>
    <row r="503545" spans="8:8">
      <c r="H503545" s="12"/>
    </row>
    <row r="503546" spans="8:8">
      <c r="H503546" s="12"/>
    </row>
    <row r="503547" spans="8:8">
      <c r="H503547" s="12"/>
    </row>
    <row r="503548" spans="8:8">
      <c r="H503548" s="12"/>
    </row>
    <row r="503549" spans="8:8">
      <c r="H503549" s="12"/>
    </row>
    <row r="503550" spans="8:8">
      <c r="H503550" s="12"/>
    </row>
    <row r="503551" spans="8:8">
      <c r="H503551" s="12"/>
    </row>
    <row r="503552" spans="8:8">
      <c r="H503552" s="12"/>
    </row>
    <row r="503553" spans="8:8">
      <c r="H503553" s="12"/>
    </row>
    <row r="503554" spans="8:8">
      <c r="H503554" s="12"/>
    </row>
    <row r="503555" spans="8:8">
      <c r="H503555" s="12"/>
    </row>
    <row r="503556" spans="8:8">
      <c r="H503556" s="12"/>
    </row>
    <row r="503557" spans="8:8">
      <c r="H503557" s="12"/>
    </row>
    <row r="503558" spans="8:8">
      <c r="H503558" s="12"/>
    </row>
    <row r="503559" spans="8:8">
      <c r="H503559" s="12"/>
    </row>
    <row r="503560" spans="8:8">
      <c r="H503560" s="12"/>
    </row>
    <row r="503561" spans="8:8">
      <c r="H503561" s="12"/>
    </row>
    <row r="503562" spans="8:8">
      <c r="H503562" s="12"/>
    </row>
    <row r="503563" spans="8:8">
      <c r="H503563" s="12"/>
    </row>
    <row r="503564" spans="8:8">
      <c r="H503564" s="12"/>
    </row>
    <row r="503565" spans="8:8">
      <c r="H503565" s="12"/>
    </row>
    <row r="503566" spans="8:8">
      <c r="H503566" s="12"/>
    </row>
    <row r="503567" spans="8:8">
      <c r="H503567" s="12"/>
    </row>
    <row r="503568" spans="8:8">
      <c r="H503568" s="12"/>
    </row>
    <row r="503569" spans="8:8">
      <c r="H503569" s="12"/>
    </row>
    <row r="503570" spans="8:8">
      <c r="H503570" s="12"/>
    </row>
    <row r="503571" spans="8:8">
      <c r="H503571" s="12"/>
    </row>
    <row r="503572" spans="8:8">
      <c r="H503572" s="12"/>
    </row>
    <row r="503573" spans="8:8">
      <c r="H503573" s="12"/>
    </row>
    <row r="503574" spans="8:8">
      <c r="H503574" s="12"/>
    </row>
    <row r="503575" spans="8:8">
      <c r="H503575" s="12"/>
    </row>
    <row r="503576" spans="8:8">
      <c r="H503576" s="12"/>
    </row>
    <row r="503577" spans="8:8">
      <c r="H503577" s="12"/>
    </row>
    <row r="503578" spans="8:8">
      <c r="H503578" s="12"/>
    </row>
    <row r="503579" spans="8:8">
      <c r="H503579" s="12"/>
    </row>
    <row r="503580" spans="8:8">
      <c r="H503580" s="12"/>
    </row>
    <row r="503581" spans="8:8">
      <c r="H503581" s="12"/>
    </row>
    <row r="503582" spans="8:8">
      <c r="H503582" s="12"/>
    </row>
    <row r="503583" spans="8:8">
      <c r="H503583" s="12"/>
    </row>
    <row r="503584" spans="8:8">
      <c r="H503584" s="12"/>
    </row>
    <row r="503585" spans="8:8">
      <c r="H503585" s="12"/>
    </row>
    <row r="503586" spans="8:8">
      <c r="H503586" s="12"/>
    </row>
    <row r="503587" spans="8:8">
      <c r="H503587" s="12"/>
    </row>
    <row r="503588" spans="8:8">
      <c r="H503588" s="12"/>
    </row>
    <row r="503589" spans="8:8">
      <c r="H503589" s="12"/>
    </row>
    <row r="503590" spans="8:8">
      <c r="H503590" s="12"/>
    </row>
    <row r="503591" spans="8:8">
      <c r="H503591" s="12"/>
    </row>
    <row r="503592" spans="8:8">
      <c r="H503592" s="12"/>
    </row>
    <row r="503593" spans="8:8">
      <c r="H503593" s="12"/>
    </row>
    <row r="503594" spans="8:8">
      <c r="H503594" s="12"/>
    </row>
    <row r="503595" spans="8:8">
      <c r="H503595" s="12"/>
    </row>
    <row r="503596" spans="8:8">
      <c r="H503596" s="12"/>
    </row>
    <row r="503597" spans="8:8">
      <c r="H503597" s="12"/>
    </row>
    <row r="503598" spans="8:8">
      <c r="H503598" s="12"/>
    </row>
    <row r="503599" spans="8:8">
      <c r="H503599" s="12"/>
    </row>
    <row r="503600" spans="8:8">
      <c r="H503600" s="12"/>
    </row>
    <row r="503601" spans="8:8">
      <c r="H503601" s="12"/>
    </row>
    <row r="503602" spans="8:8">
      <c r="H503602" s="12"/>
    </row>
    <row r="503603" spans="8:8">
      <c r="H503603" s="12"/>
    </row>
    <row r="503604" spans="8:8">
      <c r="H503604" s="12"/>
    </row>
    <row r="503605" spans="8:8">
      <c r="H503605" s="12"/>
    </row>
    <row r="503606" spans="8:8">
      <c r="H503606" s="12"/>
    </row>
    <row r="503607" spans="8:8">
      <c r="H503607" s="12"/>
    </row>
    <row r="503608" spans="8:8">
      <c r="H503608" s="12"/>
    </row>
    <row r="503609" spans="8:8">
      <c r="H503609" s="12"/>
    </row>
    <row r="503610" spans="8:8">
      <c r="H503610" s="12"/>
    </row>
    <row r="503611" spans="8:8">
      <c r="H503611" s="12"/>
    </row>
    <row r="503612" spans="8:8">
      <c r="H503612" s="12"/>
    </row>
    <row r="503613" spans="8:8">
      <c r="H503613" s="12"/>
    </row>
    <row r="503614" spans="8:8">
      <c r="H503614" s="12"/>
    </row>
    <row r="503615" spans="8:8">
      <c r="H503615" s="12"/>
    </row>
    <row r="503616" spans="8:8">
      <c r="H503616" s="12"/>
    </row>
    <row r="503617" spans="8:8">
      <c r="H503617" s="12"/>
    </row>
    <row r="503618" spans="8:8">
      <c r="H503618" s="12"/>
    </row>
    <row r="503619" spans="8:8">
      <c r="H503619" s="12"/>
    </row>
    <row r="503620" spans="8:8">
      <c r="H503620" s="12"/>
    </row>
    <row r="503621" spans="8:8">
      <c r="H503621" s="12"/>
    </row>
    <row r="503622" spans="8:8">
      <c r="H503622" s="12"/>
    </row>
    <row r="503623" spans="8:8">
      <c r="H503623" s="12"/>
    </row>
    <row r="503624" spans="8:8">
      <c r="H503624" s="12"/>
    </row>
    <row r="503625" spans="8:8">
      <c r="H503625" s="12"/>
    </row>
    <row r="503626" spans="8:8">
      <c r="H503626" s="12"/>
    </row>
    <row r="503627" spans="8:8">
      <c r="H503627" s="12"/>
    </row>
    <row r="503628" spans="8:8">
      <c r="H503628" s="12"/>
    </row>
    <row r="503629" spans="8:8">
      <c r="H503629" s="12"/>
    </row>
    <row r="503630" spans="8:8">
      <c r="H503630" s="12"/>
    </row>
    <row r="503631" spans="8:8">
      <c r="H503631" s="12"/>
    </row>
    <row r="503632" spans="8:8">
      <c r="H503632" s="12"/>
    </row>
    <row r="503633" spans="8:8">
      <c r="H503633" s="12"/>
    </row>
    <row r="503634" spans="8:8">
      <c r="H503634" s="12"/>
    </row>
    <row r="503635" spans="8:8">
      <c r="H503635" s="12"/>
    </row>
    <row r="503636" spans="8:8">
      <c r="H503636" s="12"/>
    </row>
    <row r="503637" spans="8:8">
      <c r="H503637" s="12"/>
    </row>
    <row r="503638" spans="8:8">
      <c r="H503638" s="12"/>
    </row>
    <row r="503639" spans="8:8">
      <c r="H503639" s="12"/>
    </row>
    <row r="503640" spans="8:8">
      <c r="H503640" s="12"/>
    </row>
    <row r="503641" spans="8:8">
      <c r="H503641" s="12"/>
    </row>
    <row r="503642" spans="8:8">
      <c r="H503642" s="12"/>
    </row>
    <row r="503643" spans="8:8">
      <c r="H503643" s="12"/>
    </row>
    <row r="503644" spans="8:8">
      <c r="H503644" s="12"/>
    </row>
    <row r="503645" spans="8:8">
      <c r="H503645" s="12"/>
    </row>
    <row r="503646" spans="8:8">
      <c r="H503646" s="12"/>
    </row>
    <row r="503647" spans="8:8">
      <c r="H503647" s="12"/>
    </row>
    <row r="503648" spans="8:8">
      <c r="H503648" s="12"/>
    </row>
    <row r="503649" spans="8:8">
      <c r="H503649" s="12"/>
    </row>
    <row r="503650" spans="8:8">
      <c r="H503650" s="12"/>
    </row>
    <row r="503651" spans="8:8">
      <c r="H503651" s="12"/>
    </row>
    <row r="503652" spans="8:8">
      <c r="H503652" s="12"/>
    </row>
    <row r="503653" spans="8:8">
      <c r="H503653" s="12"/>
    </row>
    <row r="503654" spans="8:8">
      <c r="H503654" s="12"/>
    </row>
    <row r="503655" spans="8:8">
      <c r="H503655" s="12"/>
    </row>
    <row r="503656" spans="8:8">
      <c r="H503656" s="12"/>
    </row>
    <row r="503657" spans="8:8">
      <c r="H503657" s="12"/>
    </row>
    <row r="503658" spans="8:8">
      <c r="H503658" s="12"/>
    </row>
    <row r="503659" spans="8:8">
      <c r="H503659" s="12"/>
    </row>
    <row r="503660" spans="8:8">
      <c r="H503660" s="12"/>
    </row>
    <row r="503661" spans="8:8">
      <c r="H503661" s="12"/>
    </row>
    <row r="503662" spans="8:8">
      <c r="H503662" s="12"/>
    </row>
    <row r="503663" spans="8:8">
      <c r="H503663" s="12"/>
    </row>
    <row r="503664" spans="8:8">
      <c r="H503664" s="12"/>
    </row>
    <row r="503665" spans="8:8">
      <c r="H503665" s="12"/>
    </row>
    <row r="503666" spans="8:8">
      <c r="H503666" s="12"/>
    </row>
    <row r="503667" spans="8:8">
      <c r="H503667" s="12"/>
    </row>
    <row r="503668" spans="8:8">
      <c r="H503668" s="12"/>
    </row>
    <row r="503669" spans="8:8">
      <c r="H503669" s="12"/>
    </row>
    <row r="503670" spans="8:8">
      <c r="H503670" s="12"/>
    </row>
    <row r="503671" spans="8:8">
      <c r="H503671" s="12"/>
    </row>
    <row r="503672" spans="8:8">
      <c r="H503672" s="12"/>
    </row>
    <row r="503673" spans="8:8">
      <c r="H503673" s="12"/>
    </row>
    <row r="503674" spans="8:8">
      <c r="H503674" s="12"/>
    </row>
    <row r="503675" spans="8:8">
      <c r="H503675" s="12"/>
    </row>
    <row r="503676" spans="8:8">
      <c r="H503676" s="12"/>
    </row>
    <row r="503677" spans="8:8">
      <c r="H503677" s="12"/>
    </row>
    <row r="503678" spans="8:8">
      <c r="H503678" s="12"/>
    </row>
    <row r="503679" spans="8:8">
      <c r="H503679" s="12"/>
    </row>
    <row r="503680" spans="8:8">
      <c r="H503680" s="12"/>
    </row>
    <row r="503681" spans="8:8">
      <c r="H503681" s="12"/>
    </row>
    <row r="503682" spans="8:8">
      <c r="H503682" s="12"/>
    </row>
    <row r="503683" spans="8:8">
      <c r="H503683" s="12"/>
    </row>
    <row r="503684" spans="8:8">
      <c r="H503684" s="12"/>
    </row>
    <row r="503685" spans="8:8">
      <c r="H503685" s="12"/>
    </row>
    <row r="503686" spans="8:8">
      <c r="H503686" s="12"/>
    </row>
    <row r="503687" spans="8:8">
      <c r="H503687" s="12"/>
    </row>
    <row r="503688" spans="8:8">
      <c r="H503688" s="12"/>
    </row>
    <row r="503689" spans="8:8">
      <c r="H503689" s="12"/>
    </row>
    <row r="503690" spans="8:8">
      <c r="H503690" s="12"/>
    </row>
    <row r="503691" spans="8:8">
      <c r="H503691" s="12"/>
    </row>
    <row r="503692" spans="8:8">
      <c r="H503692" s="12"/>
    </row>
    <row r="503693" spans="8:8">
      <c r="H503693" s="12"/>
    </row>
    <row r="503694" spans="8:8">
      <c r="H503694" s="12"/>
    </row>
    <row r="503695" spans="8:8">
      <c r="H503695" s="12"/>
    </row>
    <row r="503696" spans="8:8">
      <c r="H503696" s="12"/>
    </row>
    <row r="503697" spans="8:8">
      <c r="H503697" s="12"/>
    </row>
    <row r="503698" spans="8:8">
      <c r="H503698" s="12"/>
    </row>
    <row r="503699" spans="8:8">
      <c r="H503699" s="12"/>
    </row>
    <row r="503700" spans="8:8">
      <c r="H503700" s="12"/>
    </row>
    <row r="503701" spans="8:8">
      <c r="H503701" s="12"/>
    </row>
    <row r="503702" spans="8:8">
      <c r="H503702" s="12"/>
    </row>
    <row r="503703" spans="8:8">
      <c r="H503703" s="12"/>
    </row>
    <row r="503704" spans="8:8">
      <c r="H503704" s="12"/>
    </row>
    <row r="503705" spans="8:8">
      <c r="H503705" s="12"/>
    </row>
    <row r="503706" spans="8:8">
      <c r="H503706" s="12"/>
    </row>
    <row r="503707" spans="8:8">
      <c r="H503707" s="12"/>
    </row>
    <row r="503708" spans="8:8">
      <c r="H503708" s="12"/>
    </row>
    <row r="503709" spans="8:8">
      <c r="H503709" s="12"/>
    </row>
    <row r="503710" spans="8:8">
      <c r="H503710" s="12"/>
    </row>
    <row r="503711" spans="8:8">
      <c r="H503711" s="12"/>
    </row>
    <row r="503712" spans="8:8">
      <c r="H503712" s="12"/>
    </row>
    <row r="503713" spans="8:8">
      <c r="H503713" s="12"/>
    </row>
    <row r="503714" spans="8:8">
      <c r="H503714" s="12"/>
    </row>
    <row r="503715" spans="8:8">
      <c r="H503715" s="12"/>
    </row>
    <row r="503716" spans="8:8">
      <c r="H503716" s="12"/>
    </row>
    <row r="503717" spans="8:8">
      <c r="H503717" s="12"/>
    </row>
    <row r="503718" spans="8:8">
      <c r="H503718" s="12"/>
    </row>
    <row r="503719" spans="8:8">
      <c r="H503719" s="12"/>
    </row>
    <row r="503720" spans="8:8">
      <c r="H503720" s="12"/>
    </row>
    <row r="503721" spans="8:8">
      <c r="H503721" s="12"/>
    </row>
    <row r="503722" spans="8:8">
      <c r="H503722" s="12"/>
    </row>
    <row r="503723" spans="8:8">
      <c r="H503723" s="12"/>
    </row>
    <row r="503724" spans="8:8">
      <c r="H503724" s="12"/>
    </row>
    <row r="503725" spans="8:8">
      <c r="H503725" s="12"/>
    </row>
    <row r="503726" spans="8:8">
      <c r="H503726" s="12"/>
    </row>
    <row r="503727" spans="8:8">
      <c r="H503727" s="12"/>
    </row>
    <row r="503728" spans="8:8">
      <c r="H503728" s="12"/>
    </row>
    <row r="503729" spans="8:8">
      <c r="H503729" s="12"/>
    </row>
    <row r="503730" spans="8:8">
      <c r="H503730" s="12"/>
    </row>
    <row r="503731" spans="8:8">
      <c r="H503731" s="12"/>
    </row>
    <row r="503732" spans="8:8">
      <c r="H503732" s="12"/>
    </row>
    <row r="503733" spans="8:8">
      <c r="H503733" s="12"/>
    </row>
    <row r="503734" spans="8:8">
      <c r="H503734" s="12"/>
    </row>
    <row r="503735" spans="8:8">
      <c r="H503735" s="12"/>
    </row>
    <row r="503736" spans="8:8">
      <c r="H503736" s="12"/>
    </row>
    <row r="503737" spans="8:8">
      <c r="H503737" s="12"/>
    </row>
    <row r="503738" spans="8:8">
      <c r="H503738" s="12"/>
    </row>
    <row r="503739" spans="8:8">
      <c r="H503739" s="12"/>
    </row>
    <row r="503740" spans="8:8">
      <c r="H503740" s="12"/>
    </row>
    <row r="503741" spans="8:8">
      <c r="H503741" s="12"/>
    </row>
    <row r="503742" spans="8:8">
      <c r="H503742" s="12"/>
    </row>
    <row r="503743" spans="8:8">
      <c r="H503743" s="12"/>
    </row>
    <row r="503744" spans="8:8">
      <c r="H503744" s="12"/>
    </row>
    <row r="503745" spans="8:8">
      <c r="H503745" s="12"/>
    </row>
    <row r="503746" spans="8:8">
      <c r="H503746" s="12"/>
    </row>
    <row r="503747" spans="8:8">
      <c r="H503747" s="12"/>
    </row>
    <row r="503748" spans="8:8">
      <c r="H503748" s="12"/>
    </row>
    <row r="503749" spans="8:8">
      <c r="H503749" s="12"/>
    </row>
    <row r="503750" spans="8:8">
      <c r="H503750" s="12"/>
    </row>
    <row r="503751" spans="8:8">
      <c r="H503751" s="12"/>
    </row>
    <row r="503752" spans="8:8">
      <c r="H503752" s="12"/>
    </row>
    <row r="503753" spans="8:8">
      <c r="H503753" s="12"/>
    </row>
    <row r="503754" spans="8:8">
      <c r="H503754" s="12"/>
    </row>
    <row r="503755" spans="8:8">
      <c r="H503755" s="12"/>
    </row>
    <row r="503756" spans="8:8">
      <c r="H503756" s="12"/>
    </row>
    <row r="503757" spans="8:8">
      <c r="H503757" s="12"/>
    </row>
    <row r="503758" spans="8:8">
      <c r="H503758" s="12"/>
    </row>
    <row r="503759" spans="8:8">
      <c r="H503759" s="12"/>
    </row>
    <row r="503760" spans="8:8">
      <c r="H503760" s="12"/>
    </row>
    <row r="503761" spans="8:8">
      <c r="H503761" s="12"/>
    </row>
    <row r="503762" spans="8:8">
      <c r="H503762" s="12"/>
    </row>
    <row r="503763" spans="8:8">
      <c r="H503763" s="12"/>
    </row>
    <row r="503764" spans="8:8">
      <c r="H503764" s="12"/>
    </row>
    <row r="503765" spans="8:8">
      <c r="H503765" s="12"/>
    </row>
    <row r="503766" spans="8:8">
      <c r="H503766" s="12"/>
    </row>
    <row r="503767" spans="8:8">
      <c r="H503767" s="12"/>
    </row>
    <row r="503768" spans="8:8">
      <c r="H503768" s="12"/>
    </row>
    <row r="503769" spans="8:8">
      <c r="H503769" s="12"/>
    </row>
    <row r="503770" spans="8:8">
      <c r="H503770" s="12"/>
    </row>
    <row r="503771" spans="8:8">
      <c r="H503771" s="12"/>
    </row>
    <row r="503772" spans="8:8">
      <c r="H503772" s="12"/>
    </row>
    <row r="503773" spans="8:8">
      <c r="H503773" s="12"/>
    </row>
    <row r="503774" spans="8:8">
      <c r="H503774" s="12"/>
    </row>
    <row r="503775" spans="8:8">
      <c r="H503775" s="12"/>
    </row>
    <row r="503776" spans="8:8">
      <c r="H503776" s="12"/>
    </row>
    <row r="503777" spans="8:8">
      <c r="H503777" s="12"/>
    </row>
    <row r="503778" spans="8:8">
      <c r="H503778" s="12"/>
    </row>
    <row r="503779" spans="8:8">
      <c r="H503779" s="12"/>
    </row>
    <row r="503780" spans="8:8">
      <c r="H503780" s="12"/>
    </row>
    <row r="503781" spans="8:8">
      <c r="H503781" s="12"/>
    </row>
    <row r="503782" spans="8:8">
      <c r="H503782" s="12"/>
    </row>
    <row r="503783" spans="8:8">
      <c r="H503783" s="12"/>
    </row>
    <row r="503784" spans="8:8">
      <c r="H503784" s="12"/>
    </row>
    <row r="503785" spans="8:8">
      <c r="H503785" s="12"/>
    </row>
    <row r="503786" spans="8:8">
      <c r="H503786" s="12"/>
    </row>
    <row r="503787" spans="8:8">
      <c r="H503787" s="12"/>
    </row>
    <row r="503788" spans="8:8">
      <c r="H503788" s="12"/>
    </row>
    <row r="503789" spans="8:8">
      <c r="H503789" s="12"/>
    </row>
    <row r="503790" spans="8:8">
      <c r="H503790" s="12"/>
    </row>
    <row r="503791" spans="8:8">
      <c r="H503791" s="12"/>
    </row>
    <row r="503792" spans="8:8">
      <c r="H503792" s="12"/>
    </row>
    <row r="503793" spans="8:8">
      <c r="H503793" s="12"/>
    </row>
    <row r="503794" spans="8:8">
      <c r="H503794" s="12"/>
    </row>
    <row r="503795" spans="8:8">
      <c r="H503795" s="12"/>
    </row>
    <row r="503796" spans="8:8">
      <c r="H503796" s="12"/>
    </row>
    <row r="503797" spans="8:8">
      <c r="H503797" s="12"/>
    </row>
    <row r="503798" spans="8:8">
      <c r="H503798" s="12"/>
    </row>
    <row r="503799" spans="8:8">
      <c r="H503799" s="12"/>
    </row>
    <row r="503800" spans="8:8">
      <c r="H503800" s="12"/>
    </row>
    <row r="503801" spans="8:8">
      <c r="H503801" s="12"/>
    </row>
    <row r="503802" spans="8:8">
      <c r="H503802" s="12"/>
    </row>
    <row r="503803" spans="8:8">
      <c r="H503803" s="12"/>
    </row>
    <row r="503804" spans="8:8">
      <c r="H503804" s="12"/>
    </row>
    <row r="503805" spans="8:8">
      <c r="H503805" s="12"/>
    </row>
    <row r="503806" spans="8:8">
      <c r="H503806" s="12"/>
    </row>
    <row r="503807" spans="8:8">
      <c r="H503807" s="12"/>
    </row>
    <row r="503808" spans="8:8">
      <c r="H503808" s="12"/>
    </row>
    <row r="503809" spans="8:8">
      <c r="H503809" s="12"/>
    </row>
    <row r="503810" spans="8:8">
      <c r="H503810" s="12"/>
    </row>
    <row r="503811" spans="8:8">
      <c r="H503811" s="12"/>
    </row>
    <row r="503812" spans="8:8">
      <c r="H503812" s="12"/>
    </row>
    <row r="503813" spans="8:8">
      <c r="H503813" s="12"/>
    </row>
    <row r="503814" spans="8:8">
      <c r="H503814" s="12"/>
    </row>
    <row r="503815" spans="8:8">
      <c r="H503815" s="12"/>
    </row>
    <row r="503816" spans="8:8">
      <c r="H503816" s="12"/>
    </row>
    <row r="503817" spans="8:8">
      <c r="H503817" s="12"/>
    </row>
    <row r="503818" spans="8:8">
      <c r="H503818" s="12"/>
    </row>
    <row r="503819" spans="8:8">
      <c r="H503819" s="12"/>
    </row>
    <row r="503820" spans="8:8">
      <c r="H503820" s="12"/>
    </row>
    <row r="503821" spans="8:8">
      <c r="H503821" s="12"/>
    </row>
    <row r="503822" spans="8:8">
      <c r="H503822" s="12"/>
    </row>
    <row r="503823" spans="8:8">
      <c r="H503823" s="12"/>
    </row>
    <row r="503824" spans="8:8">
      <c r="H503824" s="12"/>
    </row>
    <row r="503825" spans="8:8">
      <c r="H503825" s="12"/>
    </row>
    <row r="503826" spans="8:8">
      <c r="H503826" s="12"/>
    </row>
    <row r="503827" spans="8:8">
      <c r="H503827" s="12"/>
    </row>
    <row r="503828" spans="8:8">
      <c r="H503828" s="12"/>
    </row>
    <row r="503829" spans="8:8">
      <c r="H503829" s="12"/>
    </row>
    <row r="503830" spans="8:8">
      <c r="H503830" s="12"/>
    </row>
    <row r="503831" spans="8:8">
      <c r="H503831" s="12"/>
    </row>
    <row r="503832" spans="8:8">
      <c r="H503832" s="12"/>
    </row>
    <row r="503833" spans="8:8">
      <c r="H503833" s="12"/>
    </row>
    <row r="503834" spans="8:8">
      <c r="H503834" s="12"/>
    </row>
    <row r="503835" spans="8:8">
      <c r="H503835" s="12"/>
    </row>
    <row r="503836" spans="8:8">
      <c r="H503836" s="12"/>
    </row>
    <row r="503837" spans="8:8">
      <c r="H503837" s="12"/>
    </row>
    <row r="503838" spans="8:8">
      <c r="H503838" s="12"/>
    </row>
    <row r="503839" spans="8:8">
      <c r="H503839" s="12"/>
    </row>
    <row r="503840" spans="8:8">
      <c r="H503840" s="12"/>
    </row>
    <row r="503841" spans="8:8">
      <c r="H503841" s="12"/>
    </row>
    <row r="503842" spans="8:8">
      <c r="H503842" s="12"/>
    </row>
    <row r="503843" spans="8:8">
      <c r="H503843" s="12"/>
    </row>
    <row r="503844" spans="8:8">
      <c r="H503844" s="12"/>
    </row>
    <row r="503845" spans="8:8">
      <c r="H503845" s="12"/>
    </row>
    <row r="503846" spans="8:8">
      <c r="H503846" s="12"/>
    </row>
    <row r="503847" spans="8:8">
      <c r="H503847" s="12"/>
    </row>
    <row r="503848" spans="8:8">
      <c r="H503848" s="12"/>
    </row>
    <row r="503849" spans="8:8">
      <c r="H503849" s="12"/>
    </row>
    <row r="503850" spans="8:8">
      <c r="H503850" s="12"/>
    </row>
    <row r="503851" spans="8:8">
      <c r="H503851" s="12"/>
    </row>
    <row r="503852" spans="8:8">
      <c r="H503852" s="12"/>
    </row>
    <row r="503853" spans="8:8">
      <c r="H503853" s="12"/>
    </row>
    <row r="503854" spans="8:8">
      <c r="H503854" s="12"/>
    </row>
    <row r="503855" spans="8:8">
      <c r="H503855" s="12"/>
    </row>
    <row r="503856" spans="8:8">
      <c r="H503856" s="12"/>
    </row>
    <row r="503857" spans="8:8">
      <c r="H503857" s="12"/>
    </row>
    <row r="503858" spans="8:8">
      <c r="H503858" s="12"/>
    </row>
    <row r="503859" spans="8:8">
      <c r="H503859" s="12"/>
    </row>
    <row r="503860" spans="8:8">
      <c r="H503860" s="12"/>
    </row>
    <row r="503861" spans="8:8">
      <c r="H503861" s="12"/>
    </row>
    <row r="503862" spans="8:8">
      <c r="H503862" s="12"/>
    </row>
    <row r="503863" spans="8:8">
      <c r="H503863" s="12"/>
    </row>
    <row r="503864" spans="8:8">
      <c r="H503864" s="12"/>
    </row>
    <row r="503865" spans="8:8">
      <c r="H503865" s="12"/>
    </row>
    <row r="503866" spans="8:8">
      <c r="H503866" s="12"/>
    </row>
    <row r="503867" spans="8:8">
      <c r="H503867" s="12"/>
    </row>
    <row r="503868" spans="8:8">
      <c r="H503868" s="12"/>
    </row>
    <row r="503869" spans="8:8">
      <c r="H503869" s="12"/>
    </row>
    <row r="503870" spans="8:8">
      <c r="H503870" s="12"/>
    </row>
    <row r="503871" spans="8:8">
      <c r="H503871" s="12"/>
    </row>
    <row r="503872" spans="8:8">
      <c r="H503872" s="12"/>
    </row>
    <row r="503873" spans="8:8">
      <c r="H503873" s="12"/>
    </row>
    <row r="503874" spans="8:8">
      <c r="H503874" s="12"/>
    </row>
    <row r="503875" spans="8:8">
      <c r="H503875" s="12"/>
    </row>
    <row r="503876" spans="8:8">
      <c r="H503876" s="12"/>
    </row>
    <row r="503877" spans="8:8">
      <c r="H503877" s="12"/>
    </row>
    <row r="503878" spans="8:8">
      <c r="H503878" s="12"/>
    </row>
    <row r="503879" spans="8:8">
      <c r="H503879" s="12"/>
    </row>
    <row r="503880" spans="8:8">
      <c r="H503880" s="12"/>
    </row>
    <row r="503881" spans="8:8">
      <c r="H503881" s="12"/>
    </row>
    <row r="503882" spans="8:8">
      <c r="H503882" s="12"/>
    </row>
    <row r="503883" spans="8:8">
      <c r="H503883" s="12"/>
    </row>
    <row r="503884" spans="8:8">
      <c r="H503884" s="12"/>
    </row>
    <row r="503885" spans="8:8">
      <c r="H503885" s="12"/>
    </row>
    <row r="503886" spans="8:8">
      <c r="H503886" s="12"/>
    </row>
    <row r="503887" spans="8:8">
      <c r="H503887" s="12"/>
    </row>
    <row r="503888" spans="8:8">
      <c r="H503888" s="12"/>
    </row>
    <row r="503889" spans="8:8">
      <c r="H503889" s="12"/>
    </row>
    <row r="503890" spans="8:8">
      <c r="H503890" s="12"/>
    </row>
    <row r="503891" spans="8:8">
      <c r="H503891" s="12"/>
    </row>
    <row r="503892" spans="8:8">
      <c r="H503892" s="12"/>
    </row>
    <row r="503893" spans="8:8">
      <c r="H503893" s="12"/>
    </row>
    <row r="503894" spans="8:8">
      <c r="H503894" s="12"/>
    </row>
    <row r="503895" spans="8:8">
      <c r="H503895" s="12"/>
    </row>
    <row r="503896" spans="8:8">
      <c r="H503896" s="12"/>
    </row>
    <row r="503897" spans="8:8">
      <c r="H503897" s="12"/>
    </row>
    <row r="503898" spans="8:8">
      <c r="H503898" s="12"/>
    </row>
    <row r="503899" spans="8:8">
      <c r="H503899" s="12"/>
    </row>
    <row r="503900" spans="8:8">
      <c r="H503900" s="12"/>
    </row>
    <row r="503901" spans="8:8">
      <c r="H503901" s="12"/>
    </row>
    <row r="503902" spans="8:8">
      <c r="H503902" s="12"/>
    </row>
    <row r="503903" spans="8:8">
      <c r="H503903" s="12"/>
    </row>
    <row r="503904" spans="8:8">
      <c r="H503904" s="12"/>
    </row>
    <row r="503905" spans="8:8">
      <c r="H503905" s="12"/>
    </row>
    <row r="503906" spans="8:8">
      <c r="H503906" s="12"/>
    </row>
    <row r="503907" spans="8:8">
      <c r="H503907" s="12"/>
    </row>
    <row r="503908" spans="8:8">
      <c r="H503908" s="12"/>
    </row>
    <row r="503909" spans="8:8">
      <c r="H503909" s="12"/>
    </row>
    <row r="503910" spans="8:8">
      <c r="H503910" s="12"/>
    </row>
    <row r="503911" spans="8:8">
      <c r="H503911" s="12"/>
    </row>
    <row r="503912" spans="8:8">
      <c r="H503912" s="12"/>
    </row>
    <row r="503913" spans="8:8">
      <c r="H503913" s="12"/>
    </row>
    <row r="503914" spans="8:8">
      <c r="H503914" s="12"/>
    </row>
    <row r="503915" spans="8:8">
      <c r="H503915" s="12"/>
    </row>
    <row r="503916" spans="8:8">
      <c r="H503916" s="12"/>
    </row>
    <row r="503917" spans="8:8">
      <c r="H503917" s="12"/>
    </row>
    <row r="503918" spans="8:8">
      <c r="H503918" s="12"/>
    </row>
    <row r="503919" spans="8:8">
      <c r="H503919" s="12"/>
    </row>
    <row r="503920" spans="8:8">
      <c r="H503920" s="12"/>
    </row>
    <row r="503921" spans="8:8">
      <c r="H503921" s="12"/>
    </row>
    <row r="503922" spans="8:8">
      <c r="H503922" s="12"/>
    </row>
    <row r="503923" spans="8:8">
      <c r="H503923" s="12"/>
    </row>
    <row r="503924" spans="8:8">
      <c r="H503924" s="12"/>
    </row>
    <row r="503925" spans="8:8">
      <c r="H503925" s="12"/>
    </row>
    <row r="503926" spans="8:8">
      <c r="H503926" s="12"/>
    </row>
    <row r="503927" spans="8:8">
      <c r="H503927" s="12"/>
    </row>
    <row r="503928" spans="8:8">
      <c r="H503928" s="12"/>
    </row>
    <row r="503929" spans="8:8">
      <c r="H503929" s="12"/>
    </row>
    <row r="503930" spans="8:8">
      <c r="H503930" s="12"/>
    </row>
    <row r="503931" spans="8:8">
      <c r="H503931" s="12"/>
    </row>
    <row r="503932" spans="8:8">
      <c r="H503932" s="12"/>
    </row>
    <row r="503933" spans="8:8">
      <c r="H503933" s="12"/>
    </row>
    <row r="503934" spans="8:8">
      <c r="H503934" s="12"/>
    </row>
    <row r="503935" spans="8:8">
      <c r="H503935" s="12"/>
    </row>
    <row r="503936" spans="8:8">
      <c r="H503936" s="12"/>
    </row>
    <row r="503937" spans="8:8">
      <c r="H503937" s="12"/>
    </row>
    <row r="503938" spans="8:8">
      <c r="H503938" s="12"/>
    </row>
    <row r="503939" spans="8:8">
      <c r="H503939" s="12"/>
    </row>
    <row r="503940" spans="8:8">
      <c r="H503940" s="12"/>
    </row>
    <row r="503941" spans="8:8">
      <c r="H503941" s="12"/>
    </row>
    <row r="503942" spans="8:8">
      <c r="H503942" s="12"/>
    </row>
    <row r="503943" spans="8:8">
      <c r="H503943" s="12"/>
    </row>
    <row r="503944" spans="8:8">
      <c r="H503944" s="12"/>
    </row>
    <row r="503945" spans="8:8">
      <c r="H503945" s="12"/>
    </row>
    <row r="503946" spans="8:8">
      <c r="H503946" s="12"/>
    </row>
    <row r="503947" spans="8:8">
      <c r="H503947" s="12"/>
    </row>
    <row r="503948" spans="8:8">
      <c r="H503948" s="12"/>
    </row>
    <row r="503949" spans="8:8">
      <c r="H503949" s="12"/>
    </row>
    <row r="503950" spans="8:8">
      <c r="H503950" s="12"/>
    </row>
    <row r="503951" spans="8:8">
      <c r="H503951" s="12"/>
    </row>
    <row r="503952" spans="8:8">
      <c r="H503952" s="12"/>
    </row>
    <row r="503953" spans="8:8">
      <c r="H503953" s="12"/>
    </row>
    <row r="503954" spans="8:8">
      <c r="H503954" s="12"/>
    </row>
    <row r="503955" spans="8:8">
      <c r="H503955" s="12"/>
    </row>
    <row r="503956" spans="8:8">
      <c r="H503956" s="12"/>
    </row>
    <row r="503957" spans="8:8">
      <c r="H503957" s="12"/>
    </row>
    <row r="503958" spans="8:8">
      <c r="H503958" s="12"/>
    </row>
    <row r="503959" spans="8:8">
      <c r="H503959" s="12"/>
    </row>
    <row r="503960" spans="8:8">
      <c r="H503960" s="12"/>
    </row>
    <row r="503961" spans="8:8">
      <c r="H503961" s="12"/>
    </row>
    <row r="503962" spans="8:8">
      <c r="H503962" s="12"/>
    </row>
    <row r="503963" spans="8:8">
      <c r="H503963" s="12"/>
    </row>
    <row r="503964" spans="8:8">
      <c r="H503964" s="12"/>
    </row>
    <row r="503965" spans="8:8">
      <c r="H503965" s="12"/>
    </row>
    <row r="503966" spans="8:8">
      <c r="H503966" s="12"/>
    </row>
    <row r="503967" spans="8:8">
      <c r="H503967" s="12"/>
    </row>
    <row r="503968" spans="8:8">
      <c r="H503968" s="12"/>
    </row>
    <row r="503969" spans="8:8">
      <c r="H503969" s="12"/>
    </row>
    <row r="503970" spans="8:8">
      <c r="H503970" s="12"/>
    </row>
    <row r="503971" spans="8:8">
      <c r="H503971" s="12"/>
    </row>
    <row r="503972" spans="8:8">
      <c r="H503972" s="12"/>
    </row>
    <row r="503973" spans="8:8">
      <c r="H503973" s="12"/>
    </row>
    <row r="503974" spans="8:8">
      <c r="H503974" s="12"/>
    </row>
    <row r="503975" spans="8:8">
      <c r="H503975" s="12"/>
    </row>
    <row r="503976" spans="8:8">
      <c r="H503976" s="12"/>
    </row>
    <row r="503977" spans="8:8">
      <c r="H503977" s="12"/>
    </row>
    <row r="503978" spans="8:8">
      <c r="H503978" s="12"/>
    </row>
    <row r="503979" spans="8:8">
      <c r="H503979" s="12"/>
    </row>
    <row r="503980" spans="8:8">
      <c r="H503980" s="12"/>
    </row>
    <row r="503981" spans="8:8">
      <c r="H503981" s="12"/>
    </row>
    <row r="503982" spans="8:8">
      <c r="H503982" s="12"/>
    </row>
    <row r="503983" spans="8:8">
      <c r="H503983" s="12"/>
    </row>
    <row r="503984" spans="8:8">
      <c r="H503984" s="12"/>
    </row>
    <row r="503985" spans="8:8">
      <c r="H503985" s="12"/>
    </row>
    <row r="503986" spans="8:8">
      <c r="H503986" s="12"/>
    </row>
    <row r="503987" spans="8:8">
      <c r="H503987" s="12"/>
    </row>
    <row r="503988" spans="8:8">
      <c r="H503988" s="12"/>
    </row>
    <row r="503989" spans="8:8">
      <c r="H503989" s="12"/>
    </row>
    <row r="503990" spans="8:8">
      <c r="H503990" s="12"/>
    </row>
    <row r="503991" spans="8:8">
      <c r="H503991" s="12"/>
    </row>
    <row r="503992" spans="8:8">
      <c r="H503992" s="12"/>
    </row>
    <row r="503993" spans="8:8">
      <c r="H503993" s="12"/>
    </row>
    <row r="503994" spans="8:8">
      <c r="H503994" s="12"/>
    </row>
    <row r="503995" spans="8:8">
      <c r="H503995" s="12"/>
    </row>
    <row r="503996" spans="8:8">
      <c r="H503996" s="12"/>
    </row>
    <row r="503997" spans="8:8">
      <c r="H503997" s="12"/>
    </row>
    <row r="503998" spans="8:8">
      <c r="H503998" s="12"/>
    </row>
    <row r="503999" spans="8:8">
      <c r="H503999" s="12"/>
    </row>
    <row r="504000" spans="8:8">
      <c r="H504000" s="12"/>
    </row>
    <row r="504001" spans="8:8">
      <c r="H504001" s="12"/>
    </row>
    <row r="504002" spans="8:8">
      <c r="H504002" s="12"/>
    </row>
    <row r="504003" spans="8:8">
      <c r="H504003" s="12"/>
    </row>
    <row r="504004" spans="8:8">
      <c r="H504004" s="12"/>
    </row>
    <row r="504005" spans="8:8">
      <c r="H504005" s="12"/>
    </row>
    <row r="504006" spans="8:8">
      <c r="H504006" s="12"/>
    </row>
    <row r="504007" spans="8:8">
      <c r="H504007" s="12"/>
    </row>
    <row r="504008" spans="8:8">
      <c r="H504008" s="12"/>
    </row>
    <row r="504009" spans="8:8">
      <c r="H504009" s="12"/>
    </row>
    <row r="504010" spans="8:8">
      <c r="H504010" s="12"/>
    </row>
    <row r="504011" spans="8:8">
      <c r="H504011" s="12"/>
    </row>
    <row r="504012" spans="8:8">
      <c r="H504012" s="12"/>
    </row>
    <row r="504013" spans="8:8">
      <c r="H504013" s="12"/>
    </row>
    <row r="504014" spans="8:8">
      <c r="H504014" s="12"/>
    </row>
    <row r="504015" spans="8:8">
      <c r="H504015" s="12"/>
    </row>
    <row r="504016" spans="8:8">
      <c r="H504016" s="12"/>
    </row>
    <row r="504017" spans="8:8">
      <c r="H504017" s="12"/>
    </row>
    <row r="504018" spans="8:8">
      <c r="H504018" s="12"/>
    </row>
    <row r="504019" spans="8:8">
      <c r="H504019" s="12"/>
    </row>
    <row r="504020" spans="8:8">
      <c r="H504020" s="12"/>
    </row>
    <row r="504021" spans="8:8">
      <c r="H504021" s="12"/>
    </row>
    <row r="504022" spans="8:8">
      <c r="H504022" s="12"/>
    </row>
    <row r="504023" spans="8:8">
      <c r="H504023" s="12"/>
    </row>
    <row r="504024" spans="8:8">
      <c r="H504024" s="12"/>
    </row>
    <row r="504025" spans="8:8">
      <c r="H504025" s="12"/>
    </row>
    <row r="504026" spans="8:8">
      <c r="H504026" s="12"/>
    </row>
    <row r="504027" spans="8:8">
      <c r="H504027" s="12"/>
    </row>
    <row r="504028" spans="8:8">
      <c r="H504028" s="12"/>
    </row>
    <row r="504029" spans="8:8">
      <c r="H504029" s="12"/>
    </row>
    <row r="504030" spans="8:8">
      <c r="H504030" s="12"/>
    </row>
    <row r="504031" spans="8:8">
      <c r="H504031" s="12"/>
    </row>
    <row r="504032" spans="8:8">
      <c r="H504032" s="12"/>
    </row>
    <row r="504033" spans="8:8">
      <c r="H504033" s="12"/>
    </row>
    <row r="504034" spans="8:8">
      <c r="H504034" s="12"/>
    </row>
    <row r="504035" spans="8:8">
      <c r="H504035" s="12"/>
    </row>
    <row r="504036" spans="8:8">
      <c r="H504036" s="12"/>
    </row>
    <row r="504037" spans="8:8">
      <c r="H504037" s="12"/>
    </row>
    <row r="504038" spans="8:8">
      <c r="H504038" s="12"/>
    </row>
    <row r="504039" spans="8:8">
      <c r="H504039" s="12"/>
    </row>
    <row r="504040" spans="8:8">
      <c r="H504040" s="12"/>
    </row>
    <row r="504041" spans="8:8">
      <c r="H504041" s="12"/>
    </row>
    <row r="504042" spans="8:8">
      <c r="H504042" s="12"/>
    </row>
    <row r="504043" spans="8:8">
      <c r="H504043" s="12"/>
    </row>
    <row r="504044" spans="8:8">
      <c r="H504044" s="12"/>
    </row>
    <row r="504045" spans="8:8">
      <c r="H504045" s="12"/>
    </row>
    <row r="504046" spans="8:8">
      <c r="H504046" s="12"/>
    </row>
    <row r="504047" spans="8:8">
      <c r="H504047" s="12"/>
    </row>
    <row r="504048" spans="8:8">
      <c r="H504048" s="12"/>
    </row>
    <row r="504049" spans="8:8">
      <c r="H504049" s="12"/>
    </row>
    <row r="504050" spans="8:8">
      <c r="H504050" s="12"/>
    </row>
    <row r="504051" spans="8:8">
      <c r="H504051" s="12"/>
    </row>
    <row r="504052" spans="8:8">
      <c r="H504052" s="12"/>
    </row>
    <row r="504053" spans="8:8">
      <c r="H504053" s="12"/>
    </row>
    <row r="504054" spans="8:8">
      <c r="H504054" s="12"/>
    </row>
    <row r="504055" spans="8:8">
      <c r="H504055" s="12"/>
    </row>
    <row r="504056" spans="8:8">
      <c r="H504056" s="12"/>
    </row>
    <row r="504057" spans="8:8">
      <c r="H504057" s="12"/>
    </row>
    <row r="504058" spans="8:8">
      <c r="H504058" s="12"/>
    </row>
    <row r="504059" spans="8:8">
      <c r="H504059" s="12"/>
    </row>
    <row r="504060" spans="8:8">
      <c r="H504060" s="12"/>
    </row>
    <row r="504061" spans="8:8">
      <c r="H504061" s="12"/>
    </row>
    <row r="504062" spans="8:8">
      <c r="H504062" s="12"/>
    </row>
    <row r="504063" spans="8:8">
      <c r="H504063" s="12"/>
    </row>
    <row r="504064" spans="8:8">
      <c r="H504064" s="12"/>
    </row>
    <row r="504065" spans="8:8">
      <c r="H504065" s="12"/>
    </row>
    <row r="504066" spans="8:8">
      <c r="H504066" s="12"/>
    </row>
    <row r="504067" spans="8:8">
      <c r="H504067" s="12"/>
    </row>
    <row r="504068" spans="8:8">
      <c r="H504068" s="12"/>
    </row>
    <row r="504069" spans="8:8">
      <c r="H504069" s="12"/>
    </row>
    <row r="504070" spans="8:8">
      <c r="H504070" s="12"/>
    </row>
    <row r="504071" spans="8:8">
      <c r="H504071" s="12"/>
    </row>
    <row r="504072" spans="8:8">
      <c r="H504072" s="12"/>
    </row>
    <row r="504073" spans="8:8">
      <c r="H504073" s="12"/>
    </row>
    <row r="504074" spans="8:8">
      <c r="H504074" s="12"/>
    </row>
    <row r="504075" spans="8:8">
      <c r="H504075" s="12"/>
    </row>
    <row r="504076" spans="8:8">
      <c r="H504076" s="12"/>
    </row>
    <row r="504077" spans="8:8">
      <c r="H504077" s="12"/>
    </row>
    <row r="504078" spans="8:8">
      <c r="H504078" s="12"/>
    </row>
    <row r="504079" spans="8:8">
      <c r="H504079" s="12"/>
    </row>
    <row r="504080" spans="8:8">
      <c r="H504080" s="12"/>
    </row>
    <row r="504081" spans="8:8">
      <c r="H504081" s="12"/>
    </row>
    <row r="504082" spans="8:8">
      <c r="H504082" s="12"/>
    </row>
    <row r="504083" spans="8:8">
      <c r="H504083" s="12"/>
    </row>
    <row r="504084" spans="8:8">
      <c r="H504084" s="12"/>
    </row>
    <row r="504085" spans="8:8">
      <c r="H504085" s="12"/>
    </row>
    <row r="504086" spans="8:8">
      <c r="H504086" s="12"/>
    </row>
    <row r="504087" spans="8:8">
      <c r="H504087" s="12"/>
    </row>
    <row r="504088" spans="8:8">
      <c r="H504088" s="12"/>
    </row>
    <row r="504089" spans="8:8">
      <c r="H504089" s="12"/>
    </row>
    <row r="504090" spans="8:8">
      <c r="H504090" s="12"/>
    </row>
    <row r="504091" spans="8:8">
      <c r="H504091" s="12"/>
    </row>
    <row r="504092" spans="8:8">
      <c r="H504092" s="12"/>
    </row>
    <row r="504093" spans="8:8">
      <c r="H504093" s="12"/>
    </row>
    <row r="504094" spans="8:8">
      <c r="H504094" s="12"/>
    </row>
    <row r="504095" spans="8:8">
      <c r="H504095" s="12"/>
    </row>
    <row r="504096" spans="8:8">
      <c r="H504096" s="12"/>
    </row>
    <row r="504097" spans="8:8">
      <c r="H504097" s="12"/>
    </row>
    <row r="504098" spans="8:8">
      <c r="H504098" s="12"/>
    </row>
    <row r="504099" spans="8:8">
      <c r="H504099" s="12"/>
    </row>
    <row r="504100" spans="8:8">
      <c r="H504100" s="12"/>
    </row>
    <row r="504101" spans="8:8">
      <c r="H504101" s="12"/>
    </row>
    <row r="504102" spans="8:8">
      <c r="H504102" s="12"/>
    </row>
    <row r="504103" spans="8:8">
      <c r="H504103" s="12"/>
    </row>
    <row r="504104" spans="8:8">
      <c r="H504104" s="12"/>
    </row>
    <row r="504105" spans="8:8">
      <c r="H504105" s="12"/>
    </row>
    <row r="504106" spans="8:8">
      <c r="H504106" s="12"/>
    </row>
    <row r="504107" spans="8:8">
      <c r="H504107" s="12"/>
    </row>
    <row r="504108" spans="8:8">
      <c r="H504108" s="12"/>
    </row>
    <row r="504109" spans="8:8">
      <c r="H504109" s="12"/>
    </row>
    <row r="504110" spans="8:8">
      <c r="H504110" s="12"/>
    </row>
    <row r="504111" spans="8:8">
      <c r="H504111" s="12"/>
    </row>
    <row r="504112" spans="8:8">
      <c r="H504112" s="12"/>
    </row>
    <row r="504113" spans="8:8">
      <c r="H504113" s="12"/>
    </row>
    <row r="504114" spans="8:8">
      <c r="H504114" s="12"/>
    </row>
    <row r="504115" spans="8:8">
      <c r="H504115" s="12"/>
    </row>
    <row r="504116" spans="8:8">
      <c r="H504116" s="12"/>
    </row>
    <row r="504117" spans="8:8">
      <c r="H504117" s="12"/>
    </row>
    <row r="504118" spans="8:8">
      <c r="H504118" s="12"/>
    </row>
    <row r="504119" spans="8:8">
      <c r="H504119" s="12"/>
    </row>
    <row r="504120" spans="8:8">
      <c r="H504120" s="12"/>
    </row>
    <row r="504121" spans="8:8">
      <c r="H504121" s="12"/>
    </row>
    <row r="504122" spans="8:8">
      <c r="H504122" s="12"/>
    </row>
    <row r="504123" spans="8:8">
      <c r="H504123" s="12"/>
    </row>
    <row r="504124" spans="8:8">
      <c r="H504124" s="12"/>
    </row>
    <row r="504125" spans="8:8">
      <c r="H504125" s="12"/>
    </row>
    <row r="504126" spans="8:8">
      <c r="H504126" s="12"/>
    </row>
    <row r="504127" spans="8:8">
      <c r="H504127" s="12"/>
    </row>
    <row r="504128" spans="8:8">
      <c r="H504128" s="12"/>
    </row>
    <row r="504129" spans="8:8">
      <c r="H504129" s="12"/>
    </row>
    <row r="504130" spans="8:8">
      <c r="H504130" s="12"/>
    </row>
    <row r="504131" spans="8:8">
      <c r="H504131" s="12"/>
    </row>
    <row r="504132" spans="8:8">
      <c r="H504132" s="12"/>
    </row>
    <row r="504133" spans="8:8">
      <c r="H504133" s="12"/>
    </row>
    <row r="504134" spans="8:8">
      <c r="H504134" s="12"/>
    </row>
    <row r="504135" spans="8:8">
      <c r="H504135" s="12"/>
    </row>
    <row r="504136" spans="8:8">
      <c r="H504136" s="12"/>
    </row>
    <row r="504137" spans="8:8">
      <c r="H504137" s="12"/>
    </row>
    <row r="504138" spans="8:8">
      <c r="H504138" s="12"/>
    </row>
    <row r="504139" spans="8:8">
      <c r="H504139" s="12"/>
    </row>
    <row r="504140" spans="8:8">
      <c r="H504140" s="12"/>
    </row>
    <row r="504141" spans="8:8">
      <c r="H504141" s="12"/>
    </row>
    <row r="504142" spans="8:8">
      <c r="H504142" s="12"/>
    </row>
    <row r="504143" spans="8:8">
      <c r="H504143" s="12"/>
    </row>
    <row r="504144" spans="8:8">
      <c r="H504144" s="12"/>
    </row>
    <row r="504145" spans="8:8">
      <c r="H504145" s="12"/>
    </row>
    <row r="504146" spans="8:8">
      <c r="H504146" s="12"/>
    </row>
    <row r="504147" spans="8:8">
      <c r="H504147" s="12"/>
    </row>
    <row r="504148" spans="8:8">
      <c r="H504148" s="12"/>
    </row>
    <row r="504149" spans="8:8">
      <c r="H504149" s="12"/>
    </row>
    <row r="504150" spans="8:8">
      <c r="H504150" s="12"/>
    </row>
    <row r="504151" spans="8:8">
      <c r="H504151" s="12"/>
    </row>
    <row r="504152" spans="8:8">
      <c r="H504152" s="12"/>
    </row>
    <row r="504153" spans="8:8">
      <c r="H504153" s="12"/>
    </row>
    <row r="504154" spans="8:8">
      <c r="H504154" s="12"/>
    </row>
    <row r="504155" spans="8:8">
      <c r="H504155" s="12"/>
    </row>
    <row r="504156" spans="8:8">
      <c r="H504156" s="12"/>
    </row>
    <row r="504157" spans="8:8">
      <c r="H504157" s="12"/>
    </row>
    <row r="504158" spans="8:8">
      <c r="H504158" s="12"/>
    </row>
    <row r="504159" spans="8:8">
      <c r="H504159" s="12"/>
    </row>
    <row r="504160" spans="8:8">
      <c r="H504160" s="12"/>
    </row>
    <row r="504161" spans="8:8">
      <c r="H504161" s="12"/>
    </row>
    <row r="504162" spans="8:8">
      <c r="H504162" s="12"/>
    </row>
    <row r="504163" spans="8:8">
      <c r="H504163" s="12"/>
    </row>
    <row r="504164" spans="8:8">
      <c r="H504164" s="12"/>
    </row>
    <row r="504165" spans="8:8">
      <c r="H504165" s="12"/>
    </row>
    <row r="504166" spans="8:8">
      <c r="H504166" s="12"/>
    </row>
    <row r="504167" spans="8:8">
      <c r="H504167" s="12"/>
    </row>
    <row r="504168" spans="8:8">
      <c r="H504168" s="12"/>
    </row>
    <row r="504169" spans="8:8">
      <c r="H504169" s="12"/>
    </row>
    <row r="504170" spans="8:8">
      <c r="H504170" s="12"/>
    </row>
    <row r="504171" spans="8:8">
      <c r="H504171" s="12"/>
    </row>
    <row r="504172" spans="8:8">
      <c r="H504172" s="12"/>
    </row>
    <row r="504173" spans="8:8">
      <c r="H504173" s="12"/>
    </row>
    <row r="504174" spans="8:8">
      <c r="H504174" s="12"/>
    </row>
    <row r="504175" spans="8:8">
      <c r="H504175" s="12"/>
    </row>
    <row r="504176" spans="8:8">
      <c r="H504176" s="12"/>
    </row>
    <row r="504177" spans="8:8">
      <c r="H504177" s="12"/>
    </row>
    <row r="504178" spans="8:8">
      <c r="H504178" s="12"/>
    </row>
    <row r="504179" spans="8:8">
      <c r="H504179" s="12"/>
    </row>
    <row r="504180" spans="8:8">
      <c r="H504180" s="12"/>
    </row>
    <row r="504181" spans="8:8">
      <c r="H504181" s="12"/>
    </row>
    <row r="504182" spans="8:8">
      <c r="H504182" s="12"/>
    </row>
    <row r="504183" spans="8:8">
      <c r="H504183" s="12"/>
    </row>
    <row r="504184" spans="8:8">
      <c r="H504184" s="12"/>
    </row>
    <row r="504185" spans="8:8">
      <c r="H504185" s="12"/>
    </row>
    <row r="504186" spans="8:8">
      <c r="H504186" s="12"/>
    </row>
    <row r="504187" spans="8:8">
      <c r="H504187" s="12"/>
    </row>
    <row r="504188" spans="8:8">
      <c r="H504188" s="12"/>
    </row>
    <row r="504189" spans="8:8">
      <c r="H504189" s="12"/>
    </row>
    <row r="504190" spans="8:8">
      <c r="H504190" s="12"/>
    </row>
    <row r="504191" spans="8:8">
      <c r="H504191" s="12"/>
    </row>
    <row r="504192" spans="8:8">
      <c r="H504192" s="12"/>
    </row>
    <row r="504193" spans="8:8">
      <c r="H504193" s="12"/>
    </row>
    <row r="504194" spans="8:8">
      <c r="H504194" s="12"/>
    </row>
    <row r="504195" spans="8:8">
      <c r="H504195" s="12"/>
    </row>
    <row r="504196" spans="8:8">
      <c r="H504196" s="12"/>
    </row>
    <row r="504197" spans="8:8">
      <c r="H504197" s="12"/>
    </row>
    <row r="504198" spans="8:8">
      <c r="H504198" s="12"/>
    </row>
    <row r="504199" spans="8:8">
      <c r="H504199" s="12"/>
    </row>
    <row r="504200" spans="8:8">
      <c r="H504200" s="12"/>
    </row>
    <row r="504201" spans="8:8">
      <c r="H504201" s="12"/>
    </row>
    <row r="504202" spans="8:8">
      <c r="H504202" s="12"/>
    </row>
    <row r="504203" spans="8:8">
      <c r="H504203" s="12"/>
    </row>
    <row r="504204" spans="8:8">
      <c r="H504204" s="12"/>
    </row>
    <row r="504205" spans="8:8">
      <c r="H504205" s="12"/>
    </row>
    <row r="504206" spans="8:8">
      <c r="H504206" s="12"/>
    </row>
    <row r="504207" spans="8:8">
      <c r="H504207" s="12"/>
    </row>
    <row r="504208" spans="8:8">
      <c r="H504208" s="12"/>
    </row>
    <row r="504209" spans="8:8">
      <c r="H504209" s="12"/>
    </row>
    <row r="504210" spans="8:8">
      <c r="H504210" s="12"/>
    </row>
    <row r="504211" spans="8:8">
      <c r="H504211" s="12"/>
    </row>
    <row r="504212" spans="8:8">
      <c r="H504212" s="12"/>
    </row>
    <row r="504213" spans="8:8">
      <c r="H504213" s="12"/>
    </row>
    <row r="504214" spans="8:8">
      <c r="H504214" s="12"/>
    </row>
    <row r="504215" spans="8:8">
      <c r="H504215" s="12"/>
    </row>
    <row r="504216" spans="8:8">
      <c r="H504216" s="12"/>
    </row>
    <row r="504217" spans="8:8">
      <c r="H504217" s="12"/>
    </row>
    <row r="504218" spans="8:8">
      <c r="H504218" s="12"/>
    </row>
    <row r="504219" spans="8:8">
      <c r="H504219" s="12"/>
    </row>
    <row r="504220" spans="8:8">
      <c r="H504220" s="12"/>
    </row>
    <row r="504221" spans="8:8">
      <c r="H504221" s="12"/>
    </row>
    <row r="504222" spans="8:8">
      <c r="H504222" s="12"/>
    </row>
    <row r="504223" spans="8:8">
      <c r="H504223" s="12"/>
    </row>
    <row r="504224" spans="8:8">
      <c r="H504224" s="12"/>
    </row>
    <row r="504225" spans="8:8">
      <c r="H504225" s="12"/>
    </row>
    <row r="504226" spans="8:8">
      <c r="H504226" s="12"/>
    </row>
    <row r="504227" spans="8:8">
      <c r="H504227" s="12"/>
    </row>
    <row r="504228" spans="8:8">
      <c r="H504228" s="12"/>
    </row>
    <row r="504229" spans="8:8">
      <c r="H504229" s="12"/>
    </row>
    <row r="504230" spans="8:8">
      <c r="H504230" s="12"/>
    </row>
    <row r="504231" spans="8:8">
      <c r="H504231" s="12"/>
    </row>
    <row r="504232" spans="8:8">
      <c r="H504232" s="12"/>
    </row>
    <row r="504233" spans="8:8">
      <c r="H504233" s="12"/>
    </row>
    <row r="504234" spans="8:8">
      <c r="H504234" s="12"/>
    </row>
    <row r="504235" spans="8:8">
      <c r="H504235" s="12"/>
    </row>
    <row r="504236" spans="8:8">
      <c r="H504236" s="12"/>
    </row>
    <row r="504237" spans="8:8">
      <c r="H504237" s="12"/>
    </row>
    <row r="504238" spans="8:8">
      <c r="H504238" s="12"/>
    </row>
    <row r="504239" spans="8:8">
      <c r="H504239" s="12"/>
    </row>
    <row r="504240" spans="8:8">
      <c r="H504240" s="12"/>
    </row>
    <row r="504241" spans="8:8">
      <c r="H504241" s="12"/>
    </row>
    <row r="504242" spans="8:8">
      <c r="H504242" s="12"/>
    </row>
    <row r="504243" spans="8:8">
      <c r="H504243" s="12"/>
    </row>
    <row r="504244" spans="8:8">
      <c r="H504244" s="12"/>
    </row>
    <row r="504245" spans="8:8">
      <c r="H504245" s="12"/>
    </row>
    <row r="504246" spans="8:8">
      <c r="H504246" s="12"/>
    </row>
    <row r="504247" spans="8:8">
      <c r="H504247" s="12"/>
    </row>
    <row r="504248" spans="8:8">
      <c r="H504248" s="12"/>
    </row>
    <row r="504249" spans="8:8">
      <c r="H504249" s="12"/>
    </row>
    <row r="504250" spans="8:8">
      <c r="H504250" s="12"/>
    </row>
    <row r="504251" spans="8:8">
      <c r="H504251" s="12"/>
    </row>
    <row r="504252" spans="8:8">
      <c r="H504252" s="12"/>
    </row>
    <row r="504253" spans="8:8">
      <c r="H504253" s="12"/>
    </row>
    <row r="504254" spans="8:8">
      <c r="H504254" s="12"/>
    </row>
    <row r="504255" spans="8:8">
      <c r="H504255" s="12"/>
    </row>
    <row r="504256" spans="8:8">
      <c r="H504256" s="12"/>
    </row>
    <row r="504257" spans="8:8">
      <c r="H504257" s="12"/>
    </row>
    <row r="504258" spans="8:8">
      <c r="H504258" s="12"/>
    </row>
    <row r="504259" spans="8:8">
      <c r="H504259" s="12"/>
    </row>
    <row r="504260" spans="8:8">
      <c r="H504260" s="12"/>
    </row>
    <row r="504261" spans="8:8">
      <c r="H504261" s="12"/>
    </row>
    <row r="504262" spans="8:8">
      <c r="H504262" s="12"/>
    </row>
    <row r="504263" spans="8:8">
      <c r="H504263" s="12"/>
    </row>
    <row r="504264" spans="8:8">
      <c r="H504264" s="12"/>
    </row>
    <row r="504265" spans="8:8">
      <c r="H504265" s="12"/>
    </row>
    <row r="504266" spans="8:8">
      <c r="H504266" s="12"/>
    </row>
    <row r="504267" spans="8:8">
      <c r="H504267" s="12"/>
    </row>
    <row r="504268" spans="8:8">
      <c r="H504268" s="12"/>
    </row>
    <row r="504269" spans="8:8">
      <c r="H504269" s="12"/>
    </row>
    <row r="504270" spans="8:8">
      <c r="H504270" s="12"/>
    </row>
    <row r="504271" spans="8:8">
      <c r="H504271" s="12"/>
    </row>
    <row r="504272" spans="8:8">
      <c r="H504272" s="12"/>
    </row>
    <row r="504273" spans="8:8">
      <c r="H504273" s="12"/>
    </row>
    <row r="504274" spans="8:8">
      <c r="H504274" s="12"/>
    </row>
    <row r="504275" spans="8:8">
      <c r="H504275" s="12"/>
    </row>
    <row r="504276" spans="8:8">
      <c r="H504276" s="12"/>
    </row>
    <row r="504277" spans="8:8">
      <c r="H504277" s="12"/>
    </row>
    <row r="504278" spans="8:8">
      <c r="H504278" s="12"/>
    </row>
    <row r="504279" spans="8:8">
      <c r="H504279" s="12"/>
    </row>
    <row r="504280" spans="8:8">
      <c r="H504280" s="12"/>
    </row>
    <row r="504281" spans="8:8">
      <c r="H504281" s="12"/>
    </row>
    <row r="504282" spans="8:8">
      <c r="H504282" s="12"/>
    </row>
    <row r="504283" spans="8:8">
      <c r="H504283" s="12"/>
    </row>
    <row r="504284" spans="8:8">
      <c r="H504284" s="12"/>
    </row>
    <row r="504285" spans="8:8">
      <c r="H504285" s="12"/>
    </row>
    <row r="504286" spans="8:8">
      <c r="H504286" s="12"/>
    </row>
    <row r="504287" spans="8:8">
      <c r="H504287" s="12"/>
    </row>
    <row r="504288" spans="8:8">
      <c r="H504288" s="12"/>
    </row>
    <row r="504289" spans="8:8">
      <c r="H504289" s="12"/>
    </row>
    <row r="504290" spans="8:8">
      <c r="H504290" s="12"/>
    </row>
    <row r="504291" spans="8:8">
      <c r="H504291" s="12"/>
    </row>
    <row r="504292" spans="8:8">
      <c r="H504292" s="12"/>
    </row>
    <row r="504293" spans="8:8">
      <c r="H504293" s="12"/>
    </row>
    <row r="504294" spans="8:8">
      <c r="H504294" s="12"/>
    </row>
    <row r="504295" spans="8:8">
      <c r="H504295" s="12"/>
    </row>
    <row r="504296" spans="8:8">
      <c r="H504296" s="12"/>
    </row>
    <row r="504297" spans="8:8">
      <c r="H504297" s="12"/>
    </row>
    <row r="504298" spans="8:8">
      <c r="H504298" s="12"/>
    </row>
    <row r="504299" spans="8:8">
      <c r="H504299" s="12"/>
    </row>
    <row r="504300" spans="8:8">
      <c r="H504300" s="12"/>
    </row>
    <row r="504301" spans="8:8">
      <c r="H504301" s="12"/>
    </row>
    <row r="504302" spans="8:8">
      <c r="H504302" s="12"/>
    </row>
    <row r="504303" spans="8:8">
      <c r="H504303" s="12"/>
    </row>
    <row r="504304" spans="8:8">
      <c r="H504304" s="12"/>
    </row>
    <row r="504305" spans="8:8">
      <c r="H504305" s="12"/>
    </row>
    <row r="504306" spans="8:8">
      <c r="H504306" s="12"/>
    </row>
    <row r="504307" spans="8:8">
      <c r="H504307" s="12"/>
    </row>
    <row r="504308" spans="8:8">
      <c r="H504308" s="12"/>
    </row>
    <row r="504309" spans="8:8">
      <c r="H504309" s="12"/>
    </row>
    <row r="504310" spans="8:8">
      <c r="H504310" s="12"/>
    </row>
    <row r="504311" spans="8:8">
      <c r="H504311" s="12"/>
    </row>
    <row r="504312" spans="8:8">
      <c r="H504312" s="12"/>
    </row>
    <row r="504313" spans="8:8">
      <c r="H504313" s="12"/>
    </row>
    <row r="504314" spans="8:8">
      <c r="H504314" s="12"/>
    </row>
    <row r="504315" spans="8:8">
      <c r="H504315" s="12"/>
    </row>
    <row r="504316" spans="8:8">
      <c r="H504316" s="12"/>
    </row>
    <row r="504317" spans="8:8">
      <c r="H504317" s="12"/>
    </row>
    <row r="504318" spans="8:8">
      <c r="H504318" s="12"/>
    </row>
    <row r="504319" spans="8:8">
      <c r="H504319" s="12"/>
    </row>
    <row r="504320" spans="8:8">
      <c r="H504320" s="12"/>
    </row>
    <row r="504321" spans="8:8">
      <c r="H504321" s="12"/>
    </row>
    <row r="504322" spans="8:8">
      <c r="H504322" s="12"/>
    </row>
    <row r="504323" spans="8:8">
      <c r="H504323" s="12"/>
    </row>
    <row r="504324" spans="8:8">
      <c r="H504324" s="12"/>
    </row>
    <row r="504325" spans="8:8">
      <c r="H504325" s="12"/>
    </row>
    <row r="504326" spans="8:8">
      <c r="H504326" s="12"/>
    </row>
    <row r="504327" spans="8:8">
      <c r="H504327" s="12"/>
    </row>
    <row r="504328" spans="8:8">
      <c r="H504328" s="12"/>
    </row>
    <row r="504329" spans="8:8">
      <c r="H504329" s="12"/>
    </row>
    <row r="504330" spans="8:8">
      <c r="H504330" s="12"/>
    </row>
    <row r="504331" spans="8:8">
      <c r="H504331" s="12"/>
    </row>
    <row r="504332" spans="8:8">
      <c r="H504332" s="12"/>
    </row>
    <row r="504333" spans="8:8">
      <c r="H504333" s="12"/>
    </row>
    <row r="504334" spans="8:8">
      <c r="H504334" s="12"/>
    </row>
    <row r="504335" spans="8:8">
      <c r="H504335" s="12"/>
    </row>
    <row r="504336" spans="8:8">
      <c r="H504336" s="12"/>
    </row>
    <row r="504337" spans="8:8">
      <c r="H504337" s="12"/>
    </row>
    <row r="504338" spans="8:8">
      <c r="H504338" s="12"/>
    </row>
    <row r="504339" spans="8:8">
      <c r="H504339" s="12"/>
    </row>
    <row r="504340" spans="8:8">
      <c r="H504340" s="12"/>
    </row>
    <row r="504341" spans="8:8">
      <c r="H504341" s="12"/>
    </row>
    <row r="504342" spans="8:8">
      <c r="H504342" s="12"/>
    </row>
    <row r="504343" spans="8:8">
      <c r="H504343" s="12"/>
    </row>
    <row r="504344" spans="8:8">
      <c r="H504344" s="12"/>
    </row>
    <row r="504345" spans="8:8">
      <c r="H504345" s="12"/>
    </row>
    <row r="504346" spans="8:8">
      <c r="H504346" s="12"/>
    </row>
    <row r="504347" spans="8:8">
      <c r="H504347" s="12"/>
    </row>
    <row r="504348" spans="8:8">
      <c r="H504348" s="12"/>
    </row>
    <row r="504349" spans="8:8">
      <c r="H504349" s="12"/>
    </row>
    <row r="504350" spans="8:8">
      <c r="H504350" s="12"/>
    </row>
    <row r="504351" spans="8:8">
      <c r="H504351" s="12"/>
    </row>
    <row r="504352" spans="8:8">
      <c r="H504352" s="12"/>
    </row>
    <row r="504353" spans="8:8">
      <c r="H504353" s="12"/>
    </row>
    <row r="504354" spans="8:8">
      <c r="H504354" s="12"/>
    </row>
    <row r="504355" spans="8:8">
      <c r="H504355" s="12"/>
    </row>
    <row r="504356" spans="8:8">
      <c r="H504356" s="12"/>
    </row>
    <row r="504357" spans="8:8">
      <c r="H504357" s="12"/>
    </row>
    <row r="504358" spans="8:8">
      <c r="H504358" s="12"/>
    </row>
    <row r="504359" spans="8:8">
      <c r="H504359" s="12"/>
    </row>
    <row r="504360" spans="8:8">
      <c r="H504360" s="12"/>
    </row>
    <row r="504361" spans="8:8">
      <c r="H504361" s="12"/>
    </row>
    <row r="504362" spans="8:8">
      <c r="H504362" s="12"/>
    </row>
    <row r="504363" spans="8:8">
      <c r="H504363" s="12"/>
    </row>
    <row r="504364" spans="8:8">
      <c r="H504364" s="12"/>
    </row>
    <row r="504365" spans="8:8">
      <c r="H504365" s="12"/>
    </row>
    <row r="504366" spans="8:8">
      <c r="H504366" s="12"/>
    </row>
    <row r="504367" spans="8:8">
      <c r="H504367" s="12"/>
    </row>
    <row r="504368" spans="8:8">
      <c r="H504368" s="12"/>
    </row>
    <row r="504369" spans="8:8">
      <c r="H504369" s="12"/>
    </row>
    <row r="504370" spans="8:8">
      <c r="H504370" s="12"/>
    </row>
    <row r="504371" spans="8:8">
      <c r="H504371" s="12"/>
    </row>
    <row r="504372" spans="8:8">
      <c r="H504372" s="12"/>
    </row>
    <row r="504373" spans="8:8">
      <c r="H504373" s="12"/>
    </row>
    <row r="504374" spans="8:8">
      <c r="H504374" s="12"/>
    </row>
    <row r="504375" spans="8:8">
      <c r="H504375" s="12"/>
    </row>
    <row r="504376" spans="8:8">
      <c r="H504376" s="12"/>
    </row>
    <row r="504377" spans="8:8">
      <c r="H504377" s="12"/>
    </row>
    <row r="504378" spans="8:8">
      <c r="H504378" s="12"/>
    </row>
    <row r="504379" spans="8:8">
      <c r="H504379" s="12"/>
    </row>
    <row r="504380" spans="8:8">
      <c r="H504380" s="12"/>
    </row>
    <row r="504381" spans="8:8">
      <c r="H504381" s="12"/>
    </row>
    <row r="504382" spans="8:8">
      <c r="H504382" s="12"/>
    </row>
    <row r="504383" spans="8:8">
      <c r="H504383" s="12"/>
    </row>
    <row r="504384" spans="8:8">
      <c r="H504384" s="12"/>
    </row>
    <row r="504385" spans="8:8">
      <c r="H504385" s="12"/>
    </row>
    <row r="504386" spans="8:8">
      <c r="H504386" s="12"/>
    </row>
    <row r="504387" spans="8:8">
      <c r="H504387" s="12"/>
    </row>
    <row r="504388" spans="8:8">
      <c r="H504388" s="12"/>
    </row>
    <row r="504389" spans="8:8">
      <c r="H504389" s="12"/>
    </row>
    <row r="504390" spans="8:8">
      <c r="H504390" s="12"/>
    </row>
    <row r="504391" spans="8:8">
      <c r="H504391" s="12"/>
    </row>
    <row r="504392" spans="8:8">
      <c r="H504392" s="12"/>
    </row>
    <row r="504393" spans="8:8">
      <c r="H504393" s="12"/>
    </row>
    <row r="504394" spans="8:8">
      <c r="H504394" s="12"/>
    </row>
    <row r="504395" spans="8:8">
      <c r="H504395" s="12"/>
    </row>
    <row r="504396" spans="8:8">
      <c r="H504396" s="12"/>
    </row>
    <row r="504397" spans="8:8">
      <c r="H504397" s="12"/>
    </row>
    <row r="504398" spans="8:8">
      <c r="H504398" s="12"/>
    </row>
    <row r="504399" spans="8:8">
      <c r="H504399" s="12"/>
    </row>
    <row r="504400" spans="8:8">
      <c r="H504400" s="12"/>
    </row>
    <row r="504401" spans="8:8">
      <c r="H504401" s="12"/>
    </row>
    <row r="504402" spans="8:8">
      <c r="H504402" s="12"/>
    </row>
    <row r="504403" spans="8:8">
      <c r="H504403" s="12"/>
    </row>
    <row r="504404" spans="8:8">
      <c r="H504404" s="12"/>
    </row>
    <row r="504405" spans="8:8">
      <c r="H504405" s="12"/>
    </row>
    <row r="504406" spans="8:8">
      <c r="H504406" s="12"/>
    </row>
    <row r="504407" spans="8:8">
      <c r="H504407" s="12"/>
    </row>
    <row r="504408" spans="8:8">
      <c r="H504408" s="12"/>
    </row>
    <row r="504409" spans="8:8">
      <c r="H504409" s="12"/>
    </row>
    <row r="504410" spans="8:8">
      <c r="H504410" s="12"/>
    </row>
    <row r="504411" spans="8:8">
      <c r="H504411" s="12"/>
    </row>
    <row r="504412" spans="8:8">
      <c r="H504412" s="12"/>
    </row>
    <row r="504413" spans="8:8">
      <c r="H504413" s="12"/>
    </row>
    <row r="504414" spans="8:8">
      <c r="H504414" s="12"/>
    </row>
    <row r="504415" spans="8:8">
      <c r="H504415" s="12"/>
    </row>
    <row r="504416" spans="8:8">
      <c r="H504416" s="12"/>
    </row>
    <row r="504417" spans="8:8">
      <c r="H504417" s="12"/>
    </row>
    <row r="504418" spans="8:8">
      <c r="H504418" s="12"/>
    </row>
    <row r="504419" spans="8:8">
      <c r="H504419" s="12"/>
    </row>
    <row r="504420" spans="8:8">
      <c r="H504420" s="12"/>
    </row>
    <row r="504421" spans="8:8">
      <c r="H504421" s="12"/>
    </row>
    <row r="504422" spans="8:8">
      <c r="H504422" s="12"/>
    </row>
    <row r="504423" spans="8:8">
      <c r="H504423" s="12"/>
    </row>
    <row r="504424" spans="8:8">
      <c r="H504424" s="12"/>
    </row>
    <row r="504425" spans="8:8">
      <c r="H504425" s="12"/>
    </row>
    <row r="504426" spans="8:8">
      <c r="H504426" s="12"/>
    </row>
    <row r="504427" spans="8:8">
      <c r="H504427" s="12"/>
    </row>
    <row r="504428" spans="8:8">
      <c r="H504428" s="12"/>
    </row>
    <row r="504429" spans="8:8">
      <c r="H504429" s="12"/>
    </row>
    <row r="504430" spans="8:8">
      <c r="H504430" s="12"/>
    </row>
    <row r="504431" spans="8:8">
      <c r="H504431" s="12"/>
    </row>
    <row r="504432" spans="8:8">
      <c r="H504432" s="12"/>
    </row>
    <row r="504433" spans="8:8">
      <c r="H504433" s="12"/>
    </row>
    <row r="504434" spans="8:8">
      <c r="H504434" s="12"/>
    </row>
    <row r="504435" spans="8:8">
      <c r="H504435" s="12"/>
    </row>
    <row r="504436" spans="8:8">
      <c r="H504436" s="12"/>
    </row>
    <row r="504437" spans="8:8">
      <c r="H504437" s="12"/>
    </row>
    <row r="504438" spans="8:8">
      <c r="H504438" s="12"/>
    </row>
    <row r="504439" spans="8:8">
      <c r="H504439" s="12"/>
    </row>
    <row r="504440" spans="8:8">
      <c r="H504440" s="12"/>
    </row>
    <row r="504441" spans="8:8">
      <c r="H504441" s="12"/>
    </row>
    <row r="504442" spans="8:8">
      <c r="H504442" s="12"/>
    </row>
    <row r="504443" spans="8:8">
      <c r="H504443" s="12"/>
    </row>
    <row r="504444" spans="8:8">
      <c r="H504444" s="12"/>
    </row>
    <row r="504445" spans="8:8">
      <c r="H504445" s="12"/>
    </row>
    <row r="504446" spans="8:8">
      <c r="H504446" s="12"/>
    </row>
    <row r="504447" spans="8:8">
      <c r="H504447" s="12"/>
    </row>
    <row r="504448" spans="8:8">
      <c r="H504448" s="12"/>
    </row>
    <row r="504449" spans="8:8">
      <c r="H504449" s="12"/>
    </row>
    <row r="504450" spans="8:8">
      <c r="H504450" s="12"/>
    </row>
    <row r="504451" spans="8:8">
      <c r="H504451" s="12"/>
    </row>
    <row r="504452" spans="8:8">
      <c r="H504452" s="12"/>
    </row>
    <row r="504453" spans="8:8">
      <c r="H504453" s="12"/>
    </row>
    <row r="504454" spans="8:8">
      <c r="H504454" s="12"/>
    </row>
    <row r="504455" spans="8:8">
      <c r="H504455" s="12"/>
    </row>
    <row r="504456" spans="8:8">
      <c r="H504456" s="12"/>
    </row>
    <row r="504457" spans="8:8">
      <c r="H504457" s="12"/>
    </row>
    <row r="504458" spans="8:8">
      <c r="H504458" s="12"/>
    </row>
    <row r="504459" spans="8:8">
      <c r="H504459" s="12"/>
    </row>
    <row r="504460" spans="8:8">
      <c r="H504460" s="12"/>
    </row>
    <row r="504461" spans="8:8">
      <c r="H504461" s="12"/>
    </row>
    <row r="504462" spans="8:8">
      <c r="H504462" s="12"/>
    </row>
    <row r="504463" spans="8:8">
      <c r="H504463" s="12"/>
    </row>
    <row r="504464" spans="8:8">
      <c r="H504464" s="12"/>
    </row>
    <row r="504465" spans="8:8">
      <c r="H504465" s="12"/>
    </row>
    <row r="504466" spans="8:8">
      <c r="H504466" s="12"/>
    </row>
    <row r="504467" spans="8:8">
      <c r="H504467" s="12"/>
    </row>
    <row r="504468" spans="8:8">
      <c r="H504468" s="12"/>
    </row>
    <row r="504469" spans="8:8">
      <c r="H504469" s="12"/>
    </row>
    <row r="504470" spans="8:8">
      <c r="H504470" s="12"/>
    </row>
    <row r="504471" spans="8:8">
      <c r="H504471" s="12"/>
    </row>
    <row r="504472" spans="8:8">
      <c r="H504472" s="12"/>
    </row>
    <row r="504473" spans="8:8">
      <c r="H504473" s="12"/>
    </row>
    <row r="504474" spans="8:8">
      <c r="H504474" s="12"/>
    </row>
    <row r="504475" spans="8:8">
      <c r="H504475" s="12"/>
    </row>
    <row r="504476" spans="8:8">
      <c r="H504476" s="12"/>
    </row>
    <row r="504477" spans="8:8">
      <c r="H504477" s="12"/>
    </row>
    <row r="504478" spans="8:8">
      <c r="H504478" s="12"/>
    </row>
    <row r="504479" spans="8:8">
      <c r="H504479" s="12"/>
    </row>
    <row r="504480" spans="8:8">
      <c r="H504480" s="12"/>
    </row>
    <row r="504481" spans="8:8">
      <c r="H504481" s="12"/>
    </row>
    <row r="504482" spans="8:8">
      <c r="H504482" s="12"/>
    </row>
    <row r="504483" spans="8:8">
      <c r="H504483" s="12"/>
    </row>
    <row r="504484" spans="8:8">
      <c r="H504484" s="12"/>
    </row>
    <row r="504485" spans="8:8">
      <c r="H504485" s="12"/>
    </row>
    <row r="504486" spans="8:8">
      <c r="H504486" s="12"/>
    </row>
    <row r="504487" spans="8:8">
      <c r="H504487" s="12"/>
    </row>
    <row r="504488" spans="8:8">
      <c r="H504488" s="12"/>
    </row>
    <row r="504489" spans="8:8">
      <c r="H504489" s="12"/>
    </row>
    <row r="504490" spans="8:8">
      <c r="H504490" s="12"/>
    </row>
    <row r="504491" spans="8:8">
      <c r="H504491" s="12"/>
    </row>
    <row r="504492" spans="8:8">
      <c r="H504492" s="12"/>
    </row>
    <row r="504493" spans="8:8">
      <c r="H504493" s="12"/>
    </row>
    <row r="504494" spans="8:8">
      <c r="H504494" s="12"/>
    </row>
    <row r="504495" spans="8:8">
      <c r="H504495" s="12"/>
    </row>
    <row r="504496" spans="8:8">
      <c r="H504496" s="12"/>
    </row>
    <row r="504497" spans="8:8">
      <c r="H504497" s="12"/>
    </row>
    <row r="504498" spans="8:8">
      <c r="H504498" s="12"/>
    </row>
    <row r="504499" spans="8:8">
      <c r="H504499" s="12"/>
    </row>
    <row r="504500" spans="8:8">
      <c r="H504500" s="12"/>
    </row>
    <row r="504501" spans="8:8">
      <c r="H504501" s="12"/>
    </row>
    <row r="504502" spans="8:8">
      <c r="H504502" s="12"/>
    </row>
    <row r="504503" spans="8:8">
      <c r="H504503" s="12"/>
    </row>
    <row r="504504" spans="8:8">
      <c r="H504504" s="12"/>
    </row>
    <row r="504505" spans="8:8">
      <c r="H504505" s="12"/>
    </row>
    <row r="504506" spans="8:8">
      <c r="H504506" s="12"/>
    </row>
    <row r="504507" spans="8:8">
      <c r="H504507" s="12"/>
    </row>
    <row r="504508" spans="8:8">
      <c r="H504508" s="12"/>
    </row>
    <row r="504509" spans="8:8">
      <c r="H504509" s="12"/>
    </row>
    <row r="504510" spans="8:8">
      <c r="H504510" s="12"/>
    </row>
    <row r="504511" spans="8:8">
      <c r="H504511" s="12"/>
    </row>
    <row r="504512" spans="8:8">
      <c r="H504512" s="12"/>
    </row>
    <row r="504513" spans="8:8">
      <c r="H504513" s="12"/>
    </row>
    <row r="504514" spans="8:8">
      <c r="H504514" s="12"/>
    </row>
    <row r="504515" spans="8:8">
      <c r="H504515" s="12"/>
    </row>
    <row r="504516" spans="8:8">
      <c r="H504516" s="12"/>
    </row>
    <row r="504517" spans="8:8">
      <c r="H504517" s="12"/>
    </row>
    <row r="504518" spans="8:8">
      <c r="H504518" s="12"/>
    </row>
    <row r="504519" spans="8:8">
      <c r="H504519" s="12"/>
    </row>
    <row r="504520" spans="8:8">
      <c r="H504520" s="12"/>
    </row>
    <row r="504521" spans="8:8">
      <c r="H504521" s="12"/>
    </row>
    <row r="504522" spans="8:8">
      <c r="H504522" s="12"/>
    </row>
    <row r="504523" spans="8:8">
      <c r="H504523" s="12"/>
    </row>
    <row r="504524" spans="8:8">
      <c r="H504524" s="12"/>
    </row>
    <row r="504525" spans="8:8">
      <c r="H504525" s="12"/>
    </row>
    <row r="504526" spans="8:8">
      <c r="H504526" s="12"/>
    </row>
    <row r="504527" spans="8:8">
      <c r="H504527" s="12"/>
    </row>
    <row r="504528" spans="8:8">
      <c r="H504528" s="12"/>
    </row>
    <row r="504529" spans="8:8">
      <c r="H504529" s="12"/>
    </row>
    <row r="504530" spans="8:8">
      <c r="H504530" s="12"/>
    </row>
    <row r="504531" spans="8:8">
      <c r="H504531" s="12"/>
    </row>
    <row r="504532" spans="8:8">
      <c r="H504532" s="12"/>
    </row>
    <row r="504533" spans="8:8">
      <c r="H504533" s="12"/>
    </row>
    <row r="504534" spans="8:8">
      <c r="H504534" s="12"/>
    </row>
    <row r="504535" spans="8:8">
      <c r="H504535" s="12"/>
    </row>
    <row r="504536" spans="8:8">
      <c r="H504536" s="12"/>
    </row>
    <row r="504537" spans="8:8">
      <c r="H504537" s="12"/>
    </row>
    <row r="504538" spans="8:8">
      <c r="H504538" s="12"/>
    </row>
    <row r="504539" spans="8:8">
      <c r="H504539" s="12"/>
    </row>
    <row r="504540" spans="8:8">
      <c r="H504540" s="12"/>
    </row>
    <row r="504541" spans="8:8">
      <c r="H504541" s="12"/>
    </row>
    <row r="504542" spans="8:8">
      <c r="H504542" s="12"/>
    </row>
    <row r="504543" spans="8:8">
      <c r="H504543" s="12"/>
    </row>
    <row r="504544" spans="8:8">
      <c r="H504544" s="12"/>
    </row>
    <row r="504545" spans="8:8">
      <c r="H504545" s="12"/>
    </row>
    <row r="504546" spans="8:8">
      <c r="H504546" s="12"/>
    </row>
    <row r="504547" spans="8:8">
      <c r="H504547" s="12"/>
    </row>
    <row r="504548" spans="8:8">
      <c r="H504548" s="12"/>
    </row>
    <row r="504549" spans="8:8">
      <c r="H504549" s="12"/>
    </row>
    <row r="504550" spans="8:8">
      <c r="H504550" s="12"/>
    </row>
    <row r="504551" spans="8:8">
      <c r="H504551" s="12"/>
    </row>
    <row r="504552" spans="8:8">
      <c r="H504552" s="12"/>
    </row>
    <row r="504553" spans="8:8">
      <c r="H504553" s="12"/>
    </row>
    <row r="504554" spans="8:8">
      <c r="H504554" s="12"/>
    </row>
    <row r="504555" spans="8:8">
      <c r="H504555" s="12"/>
    </row>
    <row r="504556" spans="8:8">
      <c r="H504556" s="12"/>
    </row>
    <row r="504557" spans="8:8">
      <c r="H504557" s="12"/>
    </row>
    <row r="504558" spans="8:8">
      <c r="H504558" s="12"/>
    </row>
    <row r="504559" spans="8:8">
      <c r="H504559" s="12"/>
    </row>
    <row r="504560" spans="8:8">
      <c r="H504560" s="12"/>
    </row>
    <row r="504561" spans="8:8">
      <c r="H504561" s="12"/>
    </row>
    <row r="504562" spans="8:8">
      <c r="H504562" s="12"/>
    </row>
    <row r="504563" spans="8:8">
      <c r="H504563" s="12"/>
    </row>
    <row r="504564" spans="8:8">
      <c r="H504564" s="12"/>
    </row>
    <row r="504565" spans="8:8">
      <c r="H504565" s="12"/>
    </row>
    <row r="504566" spans="8:8">
      <c r="H504566" s="12"/>
    </row>
    <row r="504567" spans="8:8">
      <c r="H504567" s="12"/>
    </row>
    <row r="504568" spans="8:8">
      <c r="H504568" s="12"/>
    </row>
    <row r="504569" spans="8:8">
      <c r="H504569" s="12"/>
    </row>
    <row r="504570" spans="8:8">
      <c r="H504570" s="12"/>
    </row>
    <row r="504571" spans="8:8">
      <c r="H504571" s="12"/>
    </row>
    <row r="504572" spans="8:8">
      <c r="H504572" s="12"/>
    </row>
    <row r="504573" spans="8:8">
      <c r="H504573" s="12"/>
    </row>
    <row r="504574" spans="8:8">
      <c r="H504574" s="12"/>
    </row>
    <row r="504575" spans="8:8">
      <c r="H504575" s="12"/>
    </row>
    <row r="504576" spans="8:8">
      <c r="H504576" s="12"/>
    </row>
    <row r="504577" spans="8:8">
      <c r="H504577" s="12"/>
    </row>
    <row r="504578" spans="8:8">
      <c r="H504578" s="12"/>
    </row>
    <row r="504579" spans="8:8">
      <c r="H504579" s="12"/>
    </row>
    <row r="504580" spans="8:8">
      <c r="H504580" s="12"/>
    </row>
    <row r="504581" spans="8:8">
      <c r="H504581" s="12"/>
    </row>
    <row r="504582" spans="8:8">
      <c r="H504582" s="12"/>
    </row>
    <row r="504583" spans="8:8">
      <c r="H504583" s="12"/>
    </row>
    <row r="504584" spans="8:8">
      <c r="H504584" s="12"/>
    </row>
    <row r="504585" spans="8:8">
      <c r="H504585" s="12"/>
    </row>
    <row r="504586" spans="8:8">
      <c r="H504586" s="12"/>
    </row>
    <row r="504587" spans="8:8">
      <c r="H504587" s="12"/>
    </row>
    <row r="504588" spans="8:8">
      <c r="H504588" s="12"/>
    </row>
    <row r="504589" spans="8:8">
      <c r="H504589" s="12"/>
    </row>
    <row r="504590" spans="8:8">
      <c r="H504590" s="12"/>
    </row>
    <row r="504591" spans="8:8">
      <c r="H504591" s="12"/>
    </row>
    <row r="504592" spans="8:8">
      <c r="H504592" s="12"/>
    </row>
    <row r="504593" spans="8:8">
      <c r="H504593" s="12"/>
    </row>
    <row r="504594" spans="8:8">
      <c r="H504594" s="12"/>
    </row>
    <row r="504595" spans="8:8">
      <c r="H504595" s="12"/>
    </row>
    <row r="504596" spans="8:8">
      <c r="H504596" s="12"/>
    </row>
    <row r="504597" spans="8:8">
      <c r="H504597" s="12"/>
    </row>
    <row r="504598" spans="8:8">
      <c r="H504598" s="12"/>
    </row>
    <row r="504599" spans="8:8">
      <c r="H504599" s="12"/>
    </row>
    <row r="504600" spans="8:8">
      <c r="H504600" s="12"/>
    </row>
    <row r="504601" spans="8:8">
      <c r="H504601" s="12"/>
    </row>
    <row r="504602" spans="8:8">
      <c r="H504602" s="12"/>
    </row>
    <row r="504603" spans="8:8">
      <c r="H504603" s="12"/>
    </row>
    <row r="504604" spans="8:8">
      <c r="H504604" s="12"/>
    </row>
    <row r="504605" spans="8:8">
      <c r="H504605" s="12"/>
    </row>
    <row r="504606" spans="8:8">
      <c r="H504606" s="12"/>
    </row>
    <row r="504607" spans="8:8">
      <c r="H504607" s="12"/>
    </row>
    <row r="504608" spans="8:8">
      <c r="H504608" s="12"/>
    </row>
    <row r="504609" spans="8:8">
      <c r="H504609" s="12"/>
    </row>
    <row r="504610" spans="8:8">
      <c r="H504610" s="12"/>
    </row>
    <row r="504611" spans="8:8">
      <c r="H504611" s="12"/>
    </row>
    <row r="504612" spans="8:8">
      <c r="H504612" s="12"/>
    </row>
    <row r="504613" spans="8:8">
      <c r="H504613" s="12"/>
    </row>
    <row r="504614" spans="8:8">
      <c r="H504614" s="12"/>
    </row>
    <row r="504615" spans="8:8">
      <c r="H504615" s="12"/>
    </row>
    <row r="504616" spans="8:8">
      <c r="H504616" s="12"/>
    </row>
    <row r="504617" spans="8:8">
      <c r="H504617" s="12"/>
    </row>
    <row r="504618" spans="8:8">
      <c r="H504618" s="12"/>
    </row>
    <row r="504619" spans="8:8">
      <c r="H504619" s="12"/>
    </row>
    <row r="504620" spans="8:8">
      <c r="H504620" s="12"/>
    </row>
    <row r="504621" spans="8:8">
      <c r="H504621" s="12"/>
    </row>
    <row r="504622" spans="8:8">
      <c r="H504622" s="12"/>
    </row>
    <row r="504623" spans="8:8">
      <c r="H504623" s="12"/>
    </row>
    <row r="504624" spans="8:8">
      <c r="H504624" s="12"/>
    </row>
    <row r="504625" spans="8:8">
      <c r="H504625" s="12"/>
    </row>
    <row r="504626" spans="8:8">
      <c r="H504626" s="12"/>
    </row>
    <row r="504627" spans="8:8">
      <c r="H504627" s="12"/>
    </row>
    <row r="504628" spans="8:8">
      <c r="H504628" s="12"/>
    </row>
    <row r="504629" spans="8:8">
      <c r="H504629" s="12"/>
    </row>
    <row r="504630" spans="8:8">
      <c r="H504630" s="12"/>
    </row>
    <row r="504631" spans="8:8">
      <c r="H504631" s="12"/>
    </row>
    <row r="504632" spans="8:8">
      <c r="H504632" s="12"/>
    </row>
    <row r="504633" spans="8:8">
      <c r="H504633" s="12"/>
    </row>
    <row r="504634" spans="8:8">
      <c r="H504634" s="12"/>
    </row>
    <row r="504635" spans="8:8">
      <c r="H504635" s="12"/>
    </row>
    <row r="504636" spans="8:8">
      <c r="H504636" s="12"/>
    </row>
    <row r="504637" spans="8:8">
      <c r="H504637" s="12"/>
    </row>
    <row r="504638" spans="8:8">
      <c r="H504638" s="12"/>
    </row>
    <row r="504639" spans="8:8">
      <c r="H504639" s="12"/>
    </row>
    <row r="504640" spans="8:8">
      <c r="H504640" s="12"/>
    </row>
    <row r="504641" spans="8:8">
      <c r="H504641" s="12"/>
    </row>
    <row r="504642" spans="8:8">
      <c r="H504642" s="12"/>
    </row>
    <row r="504643" spans="8:8">
      <c r="H504643" s="12"/>
    </row>
    <row r="504644" spans="8:8">
      <c r="H504644" s="12"/>
    </row>
    <row r="504645" spans="8:8">
      <c r="H504645" s="12"/>
    </row>
    <row r="504646" spans="8:8">
      <c r="H504646" s="12"/>
    </row>
    <row r="504647" spans="8:8">
      <c r="H504647" s="12"/>
    </row>
    <row r="504648" spans="8:8">
      <c r="H504648" s="12"/>
    </row>
    <row r="504649" spans="8:8">
      <c r="H504649" s="12"/>
    </row>
    <row r="504650" spans="8:8">
      <c r="H504650" s="12"/>
    </row>
    <row r="504651" spans="8:8">
      <c r="H504651" s="12"/>
    </row>
    <row r="504652" spans="8:8">
      <c r="H504652" s="12"/>
    </row>
    <row r="504653" spans="8:8">
      <c r="H504653" s="12"/>
    </row>
    <row r="504654" spans="8:8">
      <c r="H504654" s="12"/>
    </row>
    <row r="504655" spans="8:8">
      <c r="H504655" s="12"/>
    </row>
    <row r="504656" spans="8:8">
      <c r="H504656" s="12"/>
    </row>
    <row r="504657" spans="8:8">
      <c r="H504657" s="12"/>
    </row>
    <row r="504658" spans="8:8">
      <c r="H504658" s="12"/>
    </row>
    <row r="504659" spans="8:8">
      <c r="H504659" s="12"/>
    </row>
    <row r="504660" spans="8:8">
      <c r="H504660" s="12"/>
    </row>
    <row r="504661" spans="8:8">
      <c r="H504661" s="12"/>
    </row>
    <row r="504662" spans="8:8">
      <c r="H504662" s="12"/>
    </row>
    <row r="504663" spans="8:8">
      <c r="H504663" s="12"/>
    </row>
    <row r="504664" spans="8:8">
      <c r="H504664" s="12"/>
    </row>
    <row r="504665" spans="8:8">
      <c r="H504665" s="12"/>
    </row>
    <row r="504666" spans="8:8">
      <c r="H504666" s="12"/>
    </row>
    <row r="504667" spans="8:8">
      <c r="H504667" s="12"/>
    </row>
    <row r="504668" spans="8:8">
      <c r="H504668" s="12"/>
    </row>
    <row r="504669" spans="8:8">
      <c r="H504669" s="12"/>
    </row>
    <row r="504670" spans="8:8">
      <c r="H504670" s="12"/>
    </row>
    <row r="504671" spans="8:8">
      <c r="H504671" s="12"/>
    </row>
    <row r="504672" spans="8:8">
      <c r="H504672" s="12"/>
    </row>
    <row r="504673" spans="8:8">
      <c r="H504673" s="12"/>
    </row>
    <row r="504674" spans="8:8">
      <c r="H504674" s="12"/>
    </row>
    <row r="504675" spans="8:8">
      <c r="H504675" s="12"/>
    </row>
    <row r="504676" spans="8:8">
      <c r="H504676" s="12"/>
    </row>
    <row r="504677" spans="8:8">
      <c r="H504677" s="12"/>
    </row>
    <row r="504678" spans="8:8">
      <c r="H504678" s="12"/>
    </row>
    <row r="504679" spans="8:8">
      <c r="H504679" s="12"/>
    </row>
    <row r="504680" spans="8:8">
      <c r="H504680" s="12"/>
    </row>
    <row r="504681" spans="8:8">
      <c r="H504681" s="12"/>
    </row>
    <row r="504682" spans="8:8">
      <c r="H504682" s="12"/>
    </row>
    <row r="504683" spans="8:8">
      <c r="H504683" s="12"/>
    </row>
    <row r="504684" spans="8:8">
      <c r="H504684" s="12"/>
    </row>
    <row r="504685" spans="8:8">
      <c r="H504685" s="12"/>
    </row>
    <row r="504686" spans="8:8">
      <c r="H504686" s="12"/>
    </row>
    <row r="504687" spans="8:8">
      <c r="H504687" s="12"/>
    </row>
    <row r="504688" spans="8:8">
      <c r="H504688" s="12"/>
    </row>
    <row r="504689" spans="8:8">
      <c r="H504689" s="12"/>
    </row>
    <row r="504690" spans="8:8">
      <c r="H504690" s="12"/>
    </row>
    <row r="504691" spans="8:8">
      <c r="H504691" s="12"/>
    </row>
    <row r="504692" spans="8:8">
      <c r="H504692" s="12"/>
    </row>
    <row r="504693" spans="8:8">
      <c r="H504693" s="12"/>
    </row>
    <row r="504694" spans="8:8">
      <c r="H504694" s="12"/>
    </row>
    <row r="504695" spans="8:8">
      <c r="H504695" s="12"/>
    </row>
    <row r="504696" spans="8:8">
      <c r="H504696" s="12"/>
    </row>
    <row r="504697" spans="8:8">
      <c r="H504697" s="12"/>
    </row>
    <row r="504698" spans="8:8">
      <c r="H504698" s="12"/>
    </row>
    <row r="504699" spans="8:8">
      <c r="H504699" s="12"/>
    </row>
    <row r="504700" spans="8:8">
      <c r="H504700" s="12"/>
    </row>
    <row r="504701" spans="8:8">
      <c r="H504701" s="12"/>
    </row>
    <row r="504702" spans="8:8">
      <c r="H504702" s="12"/>
    </row>
    <row r="504703" spans="8:8">
      <c r="H504703" s="12"/>
    </row>
    <row r="504704" spans="8:8">
      <c r="H504704" s="12"/>
    </row>
    <row r="504705" spans="8:8">
      <c r="H504705" s="12"/>
    </row>
    <row r="504706" spans="8:8">
      <c r="H504706" s="12"/>
    </row>
    <row r="504707" spans="8:8">
      <c r="H504707" s="12"/>
    </row>
    <row r="504708" spans="8:8">
      <c r="H504708" s="12"/>
    </row>
    <row r="504709" spans="8:8">
      <c r="H504709" s="12"/>
    </row>
    <row r="504710" spans="8:8">
      <c r="H504710" s="12"/>
    </row>
    <row r="504711" spans="8:8">
      <c r="H504711" s="12"/>
    </row>
    <row r="504712" spans="8:8">
      <c r="H504712" s="12"/>
    </row>
    <row r="504713" spans="8:8">
      <c r="H504713" s="12"/>
    </row>
    <row r="504714" spans="8:8">
      <c r="H504714" s="12"/>
    </row>
    <row r="504715" spans="8:8">
      <c r="H504715" s="12"/>
    </row>
    <row r="504716" spans="8:8">
      <c r="H504716" s="12"/>
    </row>
    <row r="504717" spans="8:8">
      <c r="H504717" s="12"/>
    </row>
    <row r="504718" spans="8:8">
      <c r="H504718" s="12"/>
    </row>
    <row r="504719" spans="8:8">
      <c r="H504719" s="12"/>
    </row>
    <row r="504720" spans="8:8">
      <c r="H504720" s="12"/>
    </row>
    <row r="504721" spans="8:8">
      <c r="H504721" s="12"/>
    </row>
    <row r="504722" spans="8:8">
      <c r="H504722" s="12"/>
    </row>
    <row r="504723" spans="8:8">
      <c r="H504723" s="12"/>
    </row>
    <row r="504724" spans="8:8">
      <c r="H504724" s="12"/>
    </row>
    <row r="504725" spans="8:8">
      <c r="H504725" s="12"/>
    </row>
    <row r="504726" spans="8:8">
      <c r="H504726" s="12"/>
    </row>
    <row r="504727" spans="8:8">
      <c r="H504727" s="12"/>
    </row>
    <row r="504728" spans="8:8">
      <c r="H504728" s="12"/>
    </row>
    <row r="504729" spans="8:8">
      <c r="H504729" s="12"/>
    </row>
    <row r="504730" spans="8:8">
      <c r="H504730" s="12"/>
    </row>
    <row r="504731" spans="8:8">
      <c r="H504731" s="12"/>
    </row>
    <row r="504732" spans="8:8">
      <c r="H504732" s="12"/>
    </row>
    <row r="504733" spans="8:8">
      <c r="H504733" s="12"/>
    </row>
    <row r="504734" spans="8:8">
      <c r="H504734" s="12"/>
    </row>
    <row r="504735" spans="8:8">
      <c r="H504735" s="12"/>
    </row>
    <row r="504736" spans="8:8">
      <c r="H504736" s="12"/>
    </row>
    <row r="504737" spans="8:8">
      <c r="H504737" s="12"/>
    </row>
    <row r="504738" spans="8:8">
      <c r="H504738" s="12"/>
    </row>
    <row r="504739" spans="8:8">
      <c r="H504739" s="12"/>
    </row>
    <row r="504740" spans="8:8">
      <c r="H504740" s="12"/>
    </row>
    <row r="504741" spans="8:8">
      <c r="H504741" s="12"/>
    </row>
    <row r="504742" spans="8:8">
      <c r="H504742" s="12"/>
    </row>
    <row r="504743" spans="8:8">
      <c r="H504743" s="12"/>
    </row>
    <row r="504744" spans="8:8">
      <c r="H504744" s="12"/>
    </row>
    <row r="504745" spans="8:8">
      <c r="H504745" s="12"/>
    </row>
    <row r="504746" spans="8:8">
      <c r="H504746" s="12"/>
    </row>
    <row r="504747" spans="8:8">
      <c r="H504747" s="12"/>
    </row>
    <row r="504748" spans="8:8">
      <c r="H504748" s="12"/>
    </row>
    <row r="504749" spans="8:8">
      <c r="H504749" s="12"/>
    </row>
    <row r="504750" spans="8:8">
      <c r="H504750" s="12"/>
    </row>
    <row r="504751" spans="8:8">
      <c r="H504751" s="12"/>
    </row>
    <row r="504752" spans="8:8">
      <c r="H504752" s="12"/>
    </row>
    <row r="504753" spans="8:8">
      <c r="H504753" s="12"/>
    </row>
    <row r="504754" spans="8:8">
      <c r="H504754" s="12"/>
    </row>
    <row r="504755" spans="8:8">
      <c r="H504755" s="12"/>
    </row>
    <row r="504756" spans="8:8">
      <c r="H504756" s="12"/>
    </row>
    <row r="504757" spans="8:8">
      <c r="H504757" s="12"/>
    </row>
    <row r="504758" spans="8:8">
      <c r="H504758" s="12"/>
    </row>
    <row r="504759" spans="8:8">
      <c r="H504759" s="12"/>
    </row>
    <row r="504760" spans="8:8">
      <c r="H504760" s="12"/>
    </row>
    <row r="504761" spans="8:8">
      <c r="H504761" s="12"/>
    </row>
    <row r="504762" spans="8:8">
      <c r="H504762" s="12"/>
    </row>
    <row r="504763" spans="8:8">
      <c r="H504763" s="12"/>
    </row>
    <row r="504764" spans="8:8">
      <c r="H504764" s="12"/>
    </row>
    <row r="504765" spans="8:8">
      <c r="H504765" s="12"/>
    </row>
    <row r="504766" spans="8:8">
      <c r="H504766" s="12"/>
    </row>
    <row r="504767" spans="8:8">
      <c r="H504767" s="12"/>
    </row>
    <row r="504768" spans="8:8">
      <c r="H504768" s="12"/>
    </row>
    <row r="504769" spans="8:8">
      <c r="H504769" s="12"/>
    </row>
    <row r="504770" spans="8:8">
      <c r="H504770" s="12"/>
    </row>
    <row r="504771" spans="8:8">
      <c r="H504771" s="12"/>
    </row>
    <row r="504772" spans="8:8">
      <c r="H504772" s="12"/>
    </row>
    <row r="504773" spans="8:8">
      <c r="H504773" s="12"/>
    </row>
    <row r="504774" spans="8:8">
      <c r="H504774" s="12"/>
    </row>
    <row r="504775" spans="8:8">
      <c r="H504775" s="12"/>
    </row>
    <row r="504776" spans="8:8">
      <c r="H504776" s="12"/>
    </row>
    <row r="504777" spans="8:8">
      <c r="H504777" s="12"/>
    </row>
    <row r="504778" spans="8:8">
      <c r="H504778" s="12"/>
    </row>
    <row r="504779" spans="8:8">
      <c r="H504779" s="12"/>
    </row>
    <row r="504780" spans="8:8">
      <c r="H504780" s="12"/>
    </row>
    <row r="504781" spans="8:8">
      <c r="H504781" s="12"/>
    </row>
    <row r="504782" spans="8:8">
      <c r="H504782" s="12"/>
    </row>
    <row r="504783" spans="8:8">
      <c r="H504783" s="12"/>
    </row>
    <row r="504784" spans="8:8">
      <c r="H504784" s="12"/>
    </row>
    <row r="504785" spans="8:8">
      <c r="H504785" s="12"/>
    </row>
    <row r="504786" spans="8:8">
      <c r="H504786" s="12"/>
    </row>
    <row r="504787" spans="8:8">
      <c r="H504787" s="12"/>
    </row>
    <row r="504788" spans="8:8">
      <c r="H504788" s="12"/>
    </row>
    <row r="504789" spans="8:8">
      <c r="H504789" s="12"/>
    </row>
    <row r="504790" spans="8:8">
      <c r="H504790" s="12"/>
    </row>
    <row r="504791" spans="8:8">
      <c r="H504791" s="12"/>
    </row>
    <row r="504792" spans="8:8">
      <c r="H504792" s="12"/>
    </row>
    <row r="504793" spans="8:8">
      <c r="H504793" s="12"/>
    </row>
    <row r="504794" spans="8:8">
      <c r="H504794" s="12"/>
    </row>
    <row r="504795" spans="8:8">
      <c r="H504795" s="12"/>
    </row>
    <row r="504796" spans="8:8">
      <c r="H504796" s="12"/>
    </row>
    <row r="504797" spans="8:8">
      <c r="H504797" s="12"/>
    </row>
    <row r="504798" spans="8:8">
      <c r="H504798" s="12"/>
    </row>
    <row r="504799" spans="8:8">
      <c r="H504799" s="12"/>
    </row>
    <row r="504800" spans="8:8">
      <c r="H504800" s="12"/>
    </row>
    <row r="504801" spans="8:8">
      <c r="H504801" s="12"/>
    </row>
    <row r="504802" spans="8:8">
      <c r="H504802" s="12"/>
    </row>
    <row r="504803" spans="8:8">
      <c r="H504803" s="12"/>
    </row>
    <row r="504804" spans="8:8">
      <c r="H504804" s="12"/>
    </row>
    <row r="504805" spans="8:8">
      <c r="H504805" s="12"/>
    </row>
    <row r="504806" spans="8:8">
      <c r="H504806" s="12"/>
    </row>
    <row r="504807" spans="8:8">
      <c r="H504807" s="12"/>
    </row>
    <row r="504808" spans="8:8">
      <c r="H504808" s="12"/>
    </row>
    <row r="504809" spans="8:8">
      <c r="H504809" s="12"/>
    </row>
    <row r="504810" spans="8:8">
      <c r="H504810" s="12"/>
    </row>
    <row r="504811" spans="8:8">
      <c r="H504811" s="12"/>
    </row>
    <row r="504812" spans="8:8">
      <c r="H504812" s="12"/>
    </row>
    <row r="504813" spans="8:8">
      <c r="H504813" s="12"/>
    </row>
    <row r="504814" spans="8:8">
      <c r="H504814" s="12"/>
    </row>
    <row r="504815" spans="8:8">
      <c r="H504815" s="12"/>
    </row>
    <row r="504816" spans="8:8">
      <c r="H504816" s="12"/>
    </row>
    <row r="504817" spans="8:8">
      <c r="H504817" s="12"/>
    </row>
    <row r="504818" spans="8:8">
      <c r="H504818" s="12"/>
    </row>
    <row r="504819" spans="8:8">
      <c r="H504819" s="12"/>
    </row>
    <row r="504820" spans="8:8">
      <c r="H504820" s="12"/>
    </row>
    <row r="504821" spans="8:8">
      <c r="H504821" s="12"/>
    </row>
    <row r="504822" spans="8:8">
      <c r="H504822" s="12"/>
    </row>
    <row r="504823" spans="8:8">
      <c r="H504823" s="12"/>
    </row>
    <row r="504824" spans="8:8">
      <c r="H504824" s="12"/>
    </row>
    <row r="504825" spans="8:8">
      <c r="H504825" s="12"/>
    </row>
    <row r="504826" spans="8:8">
      <c r="H504826" s="12"/>
    </row>
    <row r="504827" spans="8:8">
      <c r="H504827" s="12"/>
    </row>
    <row r="504828" spans="8:8">
      <c r="H504828" s="12"/>
    </row>
    <row r="504829" spans="8:8">
      <c r="H504829" s="12"/>
    </row>
    <row r="504830" spans="8:8">
      <c r="H504830" s="12"/>
    </row>
    <row r="504831" spans="8:8">
      <c r="H504831" s="12"/>
    </row>
    <row r="504832" spans="8:8">
      <c r="H504832" s="12"/>
    </row>
    <row r="504833" spans="8:8">
      <c r="H504833" s="12"/>
    </row>
    <row r="504834" spans="8:8">
      <c r="H504834" s="12"/>
    </row>
    <row r="504835" spans="8:8">
      <c r="H504835" s="12"/>
    </row>
    <row r="504836" spans="8:8">
      <c r="H504836" s="12"/>
    </row>
    <row r="504837" spans="8:8">
      <c r="H504837" s="12"/>
    </row>
    <row r="504838" spans="8:8">
      <c r="H504838" s="12"/>
    </row>
    <row r="504839" spans="8:8">
      <c r="H504839" s="12"/>
    </row>
    <row r="504840" spans="8:8">
      <c r="H504840" s="12"/>
    </row>
    <row r="504841" spans="8:8">
      <c r="H504841" s="12"/>
    </row>
    <row r="504842" spans="8:8">
      <c r="H504842" s="12"/>
    </row>
    <row r="504843" spans="8:8">
      <c r="H504843" s="12"/>
    </row>
    <row r="504844" spans="8:8">
      <c r="H504844" s="12"/>
    </row>
    <row r="504845" spans="8:8">
      <c r="H504845" s="12"/>
    </row>
    <row r="504846" spans="8:8">
      <c r="H504846" s="12"/>
    </row>
    <row r="504847" spans="8:8">
      <c r="H504847" s="12"/>
    </row>
    <row r="504848" spans="8:8">
      <c r="H504848" s="12"/>
    </row>
    <row r="504849" spans="8:8">
      <c r="H504849" s="12"/>
    </row>
    <row r="504850" spans="8:8">
      <c r="H504850" s="12"/>
    </row>
    <row r="504851" spans="8:8">
      <c r="H504851" s="12"/>
    </row>
    <row r="504852" spans="8:8">
      <c r="H504852" s="12"/>
    </row>
    <row r="504853" spans="8:8">
      <c r="H504853" s="12"/>
    </row>
    <row r="504854" spans="8:8">
      <c r="H504854" s="12"/>
    </row>
    <row r="504855" spans="8:8">
      <c r="H504855" s="12"/>
    </row>
    <row r="504856" spans="8:8">
      <c r="H504856" s="12"/>
    </row>
    <row r="504857" spans="8:8">
      <c r="H504857" s="12"/>
    </row>
    <row r="504858" spans="8:8">
      <c r="H504858" s="12"/>
    </row>
    <row r="504859" spans="8:8">
      <c r="H504859" s="12"/>
    </row>
    <row r="504860" spans="8:8">
      <c r="H504860" s="12"/>
    </row>
    <row r="504861" spans="8:8">
      <c r="H504861" s="12"/>
    </row>
    <row r="504862" spans="8:8">
      <c r="H504862" s="12"/>
    </row>
    <row r="504863" spans="8:8">
      <c r="H504863" s="12"/>
    </row>
    <row r="504864" spans="8:8">
      <c r="H504864" s="12"/>
    </row>
    <row r="504865" spans="8:8">
      <c r="H504865" s="12"/>
    </row>
    <row r="504866" spans="8:8">
      <c r="H504866" s="12"/>
    </row>
    <row r="504867" spans="8:8">
      <c r="H504867" s="12"/>
    </row>
    <row r="504868" spans="8:8">
      <c r="H504868" s="12"/>
    </row>
    <row r="504869" spans="8:8">
      <c r="H504869" s="12"/>
    </row>
    <row r="504870" spans="8:8">
      <c r="H504870" s="12"/>
    </row>
    <row r="504871" spans="8:8">
      <c r="H504871" s="12"/>
    </row>
    <row r="504872" spans="8:8">
      <c r="H504872" s="12"/>
    </row>
    <row r="504873" spans="8:8">
      <c r="H504873" s="12"/>
    </row>
    <row r="504874" spans="8:8">
      <c r="H504874" s="12"/>
    </row>
    <row r="504875" spans="8:8">
      <c r="H504875" s="12"/>
    </row>
    <row r="504876" spans="8:8">
      <c r="H504876" s="12"/>
    </row>
    <row r="504877" spans="8:8">
      <c r="H504877" s="12"/>
    </row>
    <row r="504878" spans="8:8">
      <c r="H504878" s="12"/>
    </row>
    <row r="504879" spans="8:8">
      <c r="H504879" s="12"/>
    </row>
    <row r="504880" spans="8:8">
      <c r="H504880" s="12"/>
    </row>
    <row r="504881" spans="8:8">
      <c r="H504881" s="12"/>
    </row>
    <row r="504882" spans="8:8">
      <c r="H504882" s="12"/>
    </row>
    <row r="504883" spans="8:8">
      <c r="H504883" s="12"/>
    </row>
    <row r="504884" spans="8:8">
      <c r="H504884" s="12"/>
    </row>
    <row r="504885" spans="8:8">
      <c r="H504885" s="12"/>
    </row>
    <row r="504886" spans="8:8">
      <c r="H504886" s="12"/>
    </row>
    <row r="504887" spans="8:8">
      <c r="H504887" s="12"/>
    </row>
    <row r="504888" spans="8:8">
      <c r="H504888" s="12"/>
    </row>
    <row r="504889" spans="8:8">
      <c r="H504889" s="12"/>
    </row>
    <row r="504890" spans="8:8">
      <c r="H504890" s="12"/>
    </row>
    <row r="504891" spans="8:8">
      <c r="H504891" s="12"/>
    </row>
    <row r="504892" spans="8:8">
      <c r="H504892" s="12"/>
    </row>
    <row r="504893" spans="8:8">
      <c r="H504893" s="12"/>
    </row>
    <row r="504894" spans="8:8">
      <c r="H504894" s="12"/>
    </row>
    <row r="504895" spans="8:8">
      <c r="H504895" s="12"/>
    </row>
    <row r="504896" spans="8:8">
      <c r="H504896" s="12"/>
    </row>
    <row r="504897" spans="8:8">
      <c r="H504897" s="12"/>
    </row>
    <row r="504898" spans="8:8">
      <c r="H504898" s="12"/>
    </row>
    <row r="504899" spans="8:8">
      <c r="H504899" s="12"/>
    </row>
    <row r="504900" spans="8:8">
      <c r="H504900" s="12"/>
    </row>
    <row r="504901" spans="8:8">
      <c r="H504901" s="12"/>
    </row>
    <row r="504902" spans="8:8">
      <c r="H504902" s="12"/>
    </row>
    <row r="504903" spans="8:8">
      <c r="H504903" s="12"/>
    </row>
    <row r="504904" spans="8:8">
      <c r="H504904" s="12"/>
    </row>
    <row r="504905" spans="8:8">
      <c r="H504905" s="12"/>
    </row>
    <row r="504906" spans="8:8">
      <c r="H504906" s="12"/>
    </row>
    <row r="504907" spans="8:8">
      <c r="H504907" s="12"/>
    </row>
    <row r="504908" spans="8:8">
      <c r="H504908" s="12"/>
    </row>
    <row r="504909" spans="8:8">
      <c r="H504909" s="12"/>
    </row>
    <row r="504910" spans="8:8">
      <c r="H504910" s="12"/>
    </row>
    <row r="504911" spans="8:8">
      <c r="H504911" s="12"/>
    </row>
    <row r="504912" spans="8:8">
      <c r="H504912" s="12"/>
    </row>
    <row r="504913" spans="8:8">
      <c r="H504913" s="12"/>
    </row>
    <row r="504914" spans="8:8">
      <c r="H504914" s="12"/>
    </row>
    <row r="504915" spans="8:8">
      <c r="H504915" s="12"/>
    </row>
    <row r="504916" spans="8:8">
      <c r="H504916" s="12"/>
    </row>
    <row r="504917" spans="8:8">
      <c r="H504917" s="12"/>
    </row>
    <row r="504918" spans="8:8">
      <c r="H504918" s="12"/>
    </row>
    <row r="504919" spans="8:8">
      <c r="H504919" s="12"/>
    </row>
    <row r="504920" spans="8:8">
      <c r="H504920" s="12"/>
    </row>
    <row r="504921" spans="8:8">
      <c r="H504921" s="12"/>
    </row>
    <row r="504922" spans="8:8">
      <c r="H504922" s="12"/>
    </row>
    <row r="504923" spans="8:8">
      <c r="H504923" s="12"/>
    </row>
    <row r="504924" spans="8:8">
      <c r="H504924" s="12"/>
    </row>
    <row r="504925" spans="8:8">
      <c r="H504925" s="12"/>
    </row>
    <row r="504926" spans="8:8">
      <c r="H504926" s="12"/>
    </row>
    <row r="504927" spans="8:8">
      <c r="H504927" s="12"/>
    </row>
    <row r="504928" spans="8:8">
      <c r="H504928" s="12"/>
    </row>
    <row r="504929" spans="8:8">
      <c r="H504929" s="12"/>
    </row>
    <row r="504930" spans="8:8">
      <c r="H504930" s="12"/>
    </row>
    <row r="504931" spans="8:8">
      <c r="H504931" s="12"/>
    </row>
    <row r="504932" spans="8:8">
      <c r="H504932" s="12"/>
    </row>
    <row r="504933" spans="8:8">
      <c r="H504933" s="12"/>
    </row>
    <row r="504934" spans="8:8">
      <c r="H504934" s="12"/>
    </row>
    <row r="504935" spans="8:8">
      <c r="H504935" s="12"/>
    </row>
    <row r="504936" spans="8:8">
      <c r="H504936" s="12"/>
    </row>
    <row r="504937" spans="8:8">
      <c r="H504937" s="12"/>
    </row>
    <row r="504938" spans="8:8">
      <c r="H504938" s="12"/>
    </row>
    <row r="504939" spans="8:8">
      <c r="H504939" s="12"/>
    </row>
    <row r="504940" spans="8:8">
      <c r="H504940" s="12"/>
    </row>
    <row r="504941" spans="8:8">
      <c r="H504941" s="12"/>
    </row>
    <row r="504942" spans="8:8">
      <c r="H504942" s="12"/>
    </row>
    <row r="504943" spans="8:8">
      <c r="H504943" s="12"/>
    </row>
    <row r="504944" spans="8:8">
      <c r="H504944" s="12"/>
    </row>
    <row r="504945" spans="8:8">
      <c r="H504945" s="12"/>
    </row>
    <row r="504946" spans="8:8">
      <c r="H504946" s="12"/>
    </row>
    <row r="504947" spans="8:8">
      <c r="H504947" s="12"/>
    </row>
    <row r="504948" spans="8:8">
      <c r="H504948" s="12"/>
    </row>
    <row r="504949" spans="8:8">
      <c r="H504949" s="12"/>
    </row>
    <row r="504950" spans="8:8">
      <c r="H504950" s="12"/>
    </row>
    <row r="504951" spans="8:8">
      <c r="H504951" s="12"/>
    </row>
    <row r="504952" spans="8:8">
      <c r="H504952" s="12"/>
    </row>
    <row r="504953" spans="8:8">
      <c r="H504953" s="12"/>
    </row>
    <row r="504954" spans="8:8">
      <c r="H504954" s="12"/>
    </row>
    <row r="504955" spans="8:8">
      <c r="H504955" s="12"/>
    </row>
    <row r="504956" spans="8:8">
      <c r="H504956" s="12"/>
    </row>
    <row r="504957" spans="8:8">
      <c r="H504957" s="12"/>
    </row>
    <row r="504958" spans="8:8">
      <c r="H504958" s="12"/>
    </row>
    <row r="504959" spans="8:8">
      <c r="H504959" s="12"/>
    </row>
    <row r="504960" spans="8:8">
      <c r="H504960" s="12"/>
    </row>
    <row r="504961" spans="8:8">
      <c r="H504961" s="12"/>
    </row>
    <row r="504962" spans="8:8">
      <c r="H504962" s="12"/>
    </row>
    <row r="504963" spans="8:8">
      <c r="H504963" s="12"/>
    </row>
    <row r="504964" spans="8:8">
      <c r="H504964" s="12"/>
    </row>
    <row r="504965" spans="8:8">
      <c r="H504965" s="12"/>
    </row>
    <row r="504966" spans="8:8">
      <c r="H504966" s="12"/>
    </row>
    <row r="504967" spans="8:8">
      <c r="H504967" s="12"/>
    </row>
    <row r="504968" spans="8:8">
      <c r="H504968" s="12"/>
    </row>
    <row r="504969" spans="8:8">
      <c r="H504969" s="12"/>
    </row>
    <row r="504970" spans="8:8">
      <c r="H504970" s="12"/>
    </row>
    <row r="504971" spans="8:8">
      <c r="H504971" s="12"/>
    </row>
    <row r="504972" spans="8:8">
      <c r="H504972" s="12"/>
    </row>
    <row r="504973" spans="8:8">
      <c r="H504973" s="12"/>
    </row>
    <row r="504974" spans="8:8">
      <c r="H504974" s="12"/>
    </row>
    <row r="504975" spans="8:8">
      <c r="H504975" s="12"/>
    </row>
    <row r="504976" spans="8:8">
      <c r="H504976" s="12"/>
    </row>
    <row r="504977" spans="8:8">
      <c r="H504977" s="12"/>
    </row>
    <row r="504978" spans="8:8">
      <c r="H504978" s="12"/>
    </row>
    <row r="504979" spans="8:8">
      <c r="H504979" s="12"/>
    </row>
    <row r="504980" spans="8:8">
      <c r="H504980" s="12"/>
    </row>
    <row r="504981" spans="8:8">
      <c r="H504981" s="12"/>
    </row>
    <row r="504982" spans="8:8">
      <c r="H504982" s="12"/>
    </row>
    <row r="504983" spans="8:8">
      <c r="H504983" s="12"/>
    </row>
    <row r="504984" spans="8:8">
      <c r="H504984" s="12"/>
    </row>
    <row r="504985" spans="8:8">
      <c r="H504985" s="12"/>
    </row>
    <row r="504986" spans="8:8">
      <c r="H504986" s="12"/>
    </row>
    <row r="504987" spans="8:8">
      <c r="H504987" s="12"/>
    </row>
    <row r="504988" spans="8:8">
      <c r="H504988" s="12"/>
    </row>
    <row r="504989" spans="8:8">
      <c r="H504989" s="12"/>
    </row>
    <row r="504990" spans="8:8">
      <c r="H504990" s="12"/>
    </row>
    <row r="504991" spans="8:8">
      <c r="H504991" s="12"/>
    </row>
    <row r="504992" spans="8:8">
      <c r="H504992" s="12"/>
    </row>
    <row r="504993" spans="8:8">
      <c r="H504993" s="12"/>
    </row>
    <row r="504994" spans="8:8">
      <c r="H504994" s="12"/>
    </row>
    <row r="504995" spans="8:8">
      <c r="H504995" s="12"/>
    </row>
    <row r="504996" spans="8:8">
      <c r="H504996" s="12"/>
    </row>
    <row r="504997" spans="8:8">
      <c r="H504997" s="12"/>
    </row>
    <row r="504998" spans="8:8">
      <c r="H504998" s="12"/>
    </row>
    <row r="504999" spans="8:8">
      <c r="H504999" s="12"/>
    </row>
    <row r="505000" spans="8:8">
      <c r="H505000" s="12"/>
    </row>
    <row r="505001" spans="8:8">
      <c r="H505001" s="12"/>
    </row>
    <row r="505002" spans="8:8">
      <c r="H505002" s="12"/>
    </row>
    <row r="505003" spans="8:8">
      <c r="H505003" s="12"/>
    </row>
    <row r="505004" spans="8:8">
      <c r="H505004" s="12"/>
    </row>
    <row r="505005" spans="8:8">
      <c r="H505005" s="12"/>
    </row>
    <row r="505006" spans="8:8">
      <c r="H505006" s="12"/>
    </row>
    <row r="505007" spans="8:8">
      <c r="H505007" s="12"/>
    </row>
    <row r="505008" spans="8:8">
      <c r="H505008" s="12"/>
    </row>
    <row r="505009" spans="8:8">
      <c r="H505009" s="12"/>
    </row>
    <row r="505010" spans="8:8">
      <c r="H505010" s="12"/>
    </row>
    <row r="505011" spans="8:8">
      <c r="H505011" s="12"/>
    </row>
    <row r="505012" spans="8:8">
      <c r="H505012" s="12"/>
    </row>
    <row r="505013" spans="8:8">
      <c r="H505013" s="12"/>
    </row>
    <row r="505014" spans="8:8">
      <c r="H505014" s="12"/>
    </row>
    <row r="505015" spans="8:8">
      <c r="H505015" s="12"/>
    </row>
    <row r="505016" spans="8:8">
      <c r="H505016" s="12"/>
    </row>
    <row r="505017" spans="8:8">
      <c r="H505017" s="12"/>
    </row>
    <row r="505018" spans="8:8">
      <c r="H505018" s="12"/>
    </row>
    <row r="505019" spans="8:8">
      <c r="H505019" s="12"/>
    </row>
    <row r="505020" spans="8:8">
      <c r="H505020" s="12"/>
    </row>
    <row r="505021" spans="8:8">
      <c r="H505021" s="12"/>
    </row>
    <row r="505022" spans="8:8">
      <c r="H505022" s="12"/>
    </row>
    <row r="505023" spans="8:8">
      <c r="H505023" s="12"/>
    </row>
    <row r="505024" spans="8:8">
      <c r="H505024" s="12"/>
    </row>
    <row r="505025" spans="8:8">
      <c r="H505025" s="12"/>
    </row>
    <row r="505026" spans="8:8">
      <c r="H505026" s="12"/>
    </row>
    <row r="505027" spans="8:8">
      <c r="H505027" s="12"/>
    </row>
    <row r="505028" spans="8:8">
      <c r="H505028" s="12"/>
    </row>
    <row r="505029" spans="8:8">
      <c r="H505029" s="12"/>
    </row>
    <row r="505030" spans="8:8">
      <c r="H505030" s="12"/>
    </row>
    <row r="505031" spans="8:8">
      <c r="H505031" s="12"/>
    </row>
    <row r="505032" spans="8:8">
      <c r="H505032" s="12"/>
    </row>
    <row r="505033" spans="8:8">
      <c r="H505033" s="12"/>
    </row>
    <row r="505034" spans="8:8">
      <c r="H505034" s="12"/>
    </row>
    <row r="505035" spans="8:8">
      <c r="H505035" s="12"/>
    </row>
    <row r="505036" spans="8:8">
      <c r="H505036" s="12"/>
    </row>
    <row r="505037" spans="8:8">
      <c r="H505037" s="12"/>
    </row>
    <row r="505038" spans="8:8">
      <c r="H505038" s="12"/>
    </row>
    <row r="505039" spans="8:8">
      <c r="H505039" s="12"/>
    </row>
    <row r="505040" spans="8:8">
      <c r="H505040" s="12"/>
    </row>
    <row r="505041" spans="8:8">
      <c r="H505041" s="12"/>
    </row>
    <row r="505042" spans="8:8">
      <c r="H505042" s="12"/>
    </row>
    <row r="505043" spans="8:8">
      <c r="H505043" s="12"/>
    </row>
    <row r="505044" spans="8:8">
      <c r="H505044" s="12"/>
    </row>
    <row r="505045" spans="8:8">
      <c r="H505045" s="12"/>
    </row>
    <row r="505046" spans="8:8">
      <c r="H505046" s="12"/>
    </row>
    <row r="505047" spans="8:8">
      <c r="H505047" s="12"/>
    </row>
    <row r="505048" spans="8:8">
      <c r="H505048" s="12"/>
    </row>
    <row r="505049" spans="8:8">
      <c r="H505049" s="12"/>
    </row>
    <row r="505050" spans="8:8">
      <c r="H505050" s="12"/>
    </row>
    <row r="505051" spans="8:8">
      <c r="H505051" s="12"/>
    </row>
    <row r="505052" spans="8:8">
      <c r="H505052" s="12"/>
    </row>
    <row r="505053" spans="8:8">
      <c r="H505053" s="12"/>
    </row>
    <row r="505054" spans="8:8">
      <c r="H505054" s="12"/>
    </row>
    <row r="505055" spans="8:8">
      <c r="H505055" s="12"/>
    </row>
    <row r="505056" spans="8:8">
      <c r="H505056" s="12"/>
    </row>
    <row r="505057" spans="8:8">
      <c r="H505057" s="12"/>
    </row>
    <row r="505058" spans="8:8">
      <c r="H505058" s="12"/>
    </row>
    <row r="505059" spans="8:8">
      <c r="H505059" s="12"/>
    </row>
    <row r="505060" spans="8:8">
      <c r="H505060" s="12"/>
    </row>
    <row r="505061" spans="8:8">
      <c r="H505061" s="12"/>
    </row>
    <row r="505062" spans="8:8">
      <c r="H505062" s="12"/>
    </row>
    <row r="505063" spans="8:8">
      <c r="H505063" s="12"/>
    </row>
    <row r="505064" spans="8:8">
      <c r="H505064" s="12"/>
    </row>
    <row r="505065" spans="8:8">
      <c r="H505065" s="12"/>
    </row>
    <row r="505066" spans="8:8">
      <c r="H505066" s="12"/>
    </row>
    <row r="505067" spans="8:8">
      <c r="H505067" s="12"/>
    </row>
    <row r="505068" spans="8:8">
      <c r="H505068" s="12"/>
    </row>
    <row r="505069" spans="8:8">
      <c r="H505069" s="12"/>
    </row>
    <row r="505070" spans="8:8">
      <c r="H505070" s="12"/>
    </row>
    <row r="505071" spans="8:8">
      <c r="H505071" s="12"/>
    </row>
    <row r="505072" spans="8:8">
      <c r="H505072" s="12"/>
    </row>
    <row r="505073" spans="8:8">
      <c r="H505073" s="12"/>
    </row>
    <row r="505074" spans="8:8">
      <c r="H505074" s="12"/>
    </row>
    <row r="505075" spans="8:8">
      <c r="H505075" s="12"/>
    </row>
    <row r="505076" spans="8:8">
      <c r="H505076" s="12"/>
    </row>
    <row r="505077" spans="8:8">
      <c r="H505077" s="12"/>
    </row>
    <row r="505078" spans="8:8">
      <c r="H505078" s="12"/>
    </row>
    <row r="505079" spans="8:8">
      <c r="H505079" s="12"/>
    </row>
    <row r="505080" spans="8:8">
      <c r="H505080" s="12"/>
    </row>
    <row r="505081" spans="8:8">
      <c r="H505081" s="12"/>
    </row>
    <row r="505082" spans="8:8">
      <c r="H505082" s="12"/>
    </row>
    <row r="505083" spans="8:8">
      <c r="H505083" s="12"/>
    </row>
    <row r="505084" spans="8:8">
      <c r="H505084" s="12"/>
    </row>
    <row r="505085" spans="8:8">
      <c r="H505085" s="12"/>
    </row>
    <row r="505086" spans="8:8">
      <c r="H505086" s="12"/>
    </row>
    <row r="505087" spans="8:8">
      <c r="H505087" s="12"/>
    </row>
    <row r="505088" spans="8:8">
      <c r="H505088" s="12"/>
    </row>
    <row r="505089" spans="8:8">
      <c r="H505089" s="12"/>
    </row>
    <row r="505090" spans="8:8">
      <c r="H505090" s="12"/>
    </row>
    <row r="505091" spans="8:8">
      <c r="H505091" s="12"/>
    </row>
    <row r="505092" spans="8:8">
      <c r="H505092" s="12"/>
    </row>
    <row r="505093" spans="8:8">
      <c r="H505093" s="12"/>
    </row>
    <row r="505094" spans="8:8">
      <c r="H505094" s="12"/>
    </row>
    <row r="505095" spans="8:8">
      <c r="H505095" s="12"/>
    </row>
    <row r="505096" spans="8:8">
      <c r="H505096" s="12"/>
    </row>
    <row r="505097" spans="8:8">
      <c r="H505097" s="12"/>
    </row>
    <row r="505098" spans="8:8">
      <c r="H505098" s="12"/>
    </row>
    <row r="505099" spans="8:8">
      <c r="H505099" s="12"/>
    </row>
    <row r="505100" spans="8:8">
      <c r="H505100" s="12"/>
    </row>
    <row r="505101" spans="8:8">
      <c r="H505101" s="12"/>
    </row>
    <row r="505102" spans="8:8">
      <c r="H505102" s="12"/>
    </row>
    <row r="505103" spans="8:8">
      <c r="H505103" s="12"/>
    </row>
    <row r="505104" spans="8:8">
      <c r="H505104" s="12"/>
    </row>
    <row r="505105" spans="8:8">
      <c r="H505105" s="12"/>
    </row>
    <row r="505106" spans="8:8">
      <c r="H505106" s="12"/>
    </row>
    <row r="505107" spans="8:8">
      <c r="H505107" s="12"/>
    </row>
    <row r="505108" spans="8:8">
      <c r="H505108" s="12"/>
    </row>
    <row r="505109" spans="8:8">
      <c r="H505109" s="12"/>
    </row>
    <row r="505110" spans="8:8">
      <c r="H505110" s="12"/>
    </row>
    <row r="505111" spans="8:8">
      <c r="H505111" s="12"/>
    </row>
    <row r="505112" spans="8:8">
      <c r="H505112" s="12"/>
    </row>
    <row r="505113" spans="8:8">
      <c r="H505113" s="12"/>
    </row>
    <row r="505114" spans="8:8">
      <c r="H505114" s="12"/>
    </row>
    <row r="505115" spans="8:8">
      <c r="H505115" s="12"/>
    </row>
    <row r="505116" spans="8:8">
      <c r="H505116" s="12"/>
    </row>
    <row r="505117" spans="8:8">
      <c r="H505117" s="12"/>
    </row>
    <row r="505118" spans="8:8">
      <c r="H505118" s="12"/>
    </row>
    <row r="505119" spans="8:8">
      <c r="H505119" s="12"/>
    </row>
    <row r="505120" spans="8:8">
      <c r="H505120" s="12"/>
    </row>
    <row r="505121" spans="8:8">
      <c r="H505121" s="12"/>
    </row>
    <row r="505122" spans="8:8">
      <c r="H505122" s="12"/>
    </row>
    <row r="505123" spans="8:8">
      <c r="H505123" s="12"/>
    </row>
    <row r="505124" spans="8:8">
      <c r="H505124" s="12"/>
    </row>
    <row r="505125" spans="8:8">
      <c r="H505125" s="12"/>
    </row>
    <row r="505126" spans="8:8">
      <c r="H505126" s="12"/>
    </row>
    <row r="505127" spans="8:8">
      <c r="H505127" s="12"/>
    </row>
    <row r="505128" spans="8:8">
      <c r="H505128" s="12"/>
    </row>
    <row r="505129" spans="8:8">
      <c r="H505129" s="12"/>
    </row>
    <row r="505130" spans="8:8">
      <c r="H505130" s="12"/>
    </row>
    <row r="505131" spans="8:8">
      <c r="H505131" s="12"/>
    </row>
    <row r="505132" spans="8:8">
      <c r="H505132" s="12"/>
    </row>
    <row r="505133" spans="8:8">
      <c r="H505133" s="12"/>
    </row>
    <row r="505134" spans="8:8">
      <c r="H505134" s="12"/>
    </row>
    <row r="505135" spans="8:8">
      <c r="H505135" s="12"/>
    </row>
    <row r="505136" spans="8:8">
      <c r="H505136" s="12"/>
    </row>
    <row r="505137" spans="8:8">
      <c r="H505137" s="12"/>
    </row>
    <row r="505138" spans="8:8">
      <c r="H505138" s="12"/>
    </row>
    <row r="505139" spans="8:8">
      <c r="H505139" s="12"/>
    </row>
    <row r="505140" spans="8:8">
      <c r="H505140" s="12"/>
    </row>
    <row r="505141" spans="8:8">
      <c r="H505141" s="12"/>
    </row>
    <row r="505142" spans="8:8">
      <c r="H505142" s="12"/>
    </row>
    <row r="505143" spans="8:8">
      <c r="H505143" s="12"/>
    </row>
    <row r="505144" spans="8:8">
      <c r="H505144" s="12"/>
    </row>
    <row r="505145" spans="8:8">
      <c r="H505145" s="12"/>
    </row>
    <row r="505146" spans="8:8">
      <c r="H505146" s="12"/>
    </row>
    <row r="505147" spans="8:8">
      <c r="H505147" s="12"/>
    </row>
    <row r="505148" spans="8:8">
      <c r="H505148" s="12"/>
    </row>
    <row r="505149" spans="8:8">
      <c r="H505149" s="12"/>
    </row>
    <row r="505150" spans="8:8">
      <c r="H505150" s="12"/>
    </row>
    <row r="505151" spans="8:8">
      <c r="H505151" s="12"/>
    </row>
    <row r="505152" spans="8:8">
      <c r="H505152" s="12"/>
    </row>
    <row r="505153" spans="8:8">
      <c r="H505153" s="12"/>
    </row>
    <row r="505154" spans="8:8">
      <c r="H505154" s="12"/>
    </row>
    <row r="505155" spans="8:8">
      <c r="H505155" s="12"/>
    </row>
    <row r="505156" spans="8:8">
      <c r="H505156" s="12"/>
    </row>
    <row r="505157" spans="8:8">
      <c r="H505157" s="12"/>
    </row>
    <row r="505158" spans="8:8">
      <c r="H505158" s="12"/>
    </row>
    <row r="505159" spans="8:8">
      <c r="H505159" s="12"/>
    </row>
    <row r="505160" spans="8:8">
      <c r="H505160" s="12"/>
    </row>
    <row r="505161" spans="8:8">
      <c r="H505161" s="12"/>
    </row>
    <row r="505162" spans="8:8">
      <c r="H505162" s="12"/>
    </row>
    <row r="505163" spans="8:8">
      <c r="H505163" s="12"/>
    </row>
    <row r="505164" spans="8:8">
      <c r="H505164" s="12"/>
    </row>
    <row r="505165" spans="8:8">
      <c r="H505165" s="12"/>
    </row>
    <row r="505166" spans="8:8">
      <c r="H505166" s="12"/>
    </row>
    <row r="505167" spans="8:8">
      <c r="H505167" s="12"/>
    </row>
    <row r="505168" spans="8:8">
      <c r="H505168" s="12"/>
    </row>
    <row r="505169" spans="8:8">
      <c r="H505169" s="12"/>
    </row>
    <row r="505170" spans="8:8">
      <c r="H505170" s="12"/>
    </row>
    <row r="505171" spans="8:8">
      <c r="H505171" s="12"/>
    </row>
    <row r="505172" spans="8:8">
      <c r="H505172" s="12"/>
    </row>
    <row r="505173" spans="8:8">
      <c r="H505173" s="12"/>
    </row>
    <row r="505174" spans="8:8">
      <c r="H505174" s="12"/>
    </row>
    <row r="505175" spans="8:8">
      <c r="H505175" s="12"/>
    </row>
    <row r="505176" spans="8:8">
      <c r="H505176" s="12"/>
    </row>
    <row r="505177" spans="8:8">
      <c r="H505177" s="12"/>
    </row>
    <row r="505178" spans="8:8">
      <c r="H505178" s="12"/>
    </row>
    <row r="505179" spans="8:8">
      <c r="H505179" s="12"/>
    </row>
    <row r="505180" spans="8:8">
      <c r="H505180" s="12"/>
    </row>
    <row r="505181" spans="8:8">
      <c r="H505181" s="12"/>
    </row>
    <row r="505182" spans="8:8">
      <c r="H505182" s="12"/>
    </row>
    <row r="505183" spans="8:8">
      <c r="H505183" s="12"/>
    </row>
    <row r="505184" spans="8:8">
      <c r="H505184" s="12"/>
    </row>
    <row r="505185" spans="8:8">
      <c r="H505185" s="12"/>
    </row>
    <row r="505186" spans="8:8">
      <c r="H505186" s="12"/>
    </row>
    <row r="505187" spans="8:8">
      <c r="H505187" s="12"/>
    </row>
    <row r="505188" spans="8:8">
      <c r="H505188" s="12"/>
    </row>
    <row r="505189" spans="8:8">
      <c r="H505189" s="12"/>
    </row>
    <row r="505190" spans="8:8">
      <c r="H505190" s="12"/>
    </row>
    <row r="505191" spans="8:8">
      <c r="H505191" s="12"/>
    </row>
    <row r="505192" spans="8:8">
      <c r="H505192" s="12"/>
    </row>
    <row r="505193" spans="8:8">
      <c r="H505193" s="12"/>
    </row>
    <row r="505194" spans="8:8">
      <c r="H505194" s="12"/>
    </row>
    <row r="505195" spans="8:8">
      <c r="H505195" s="12"/>
    </row>
    <row r="505196" spans="8:8">
      <c r="H505196" s="12"/>
    </row>
    <row r="505197" spans="8:8">
      <c r="H505197" s="12"/>
    </row>
    <row r="505198" spans="8:8">
      <c r="H505198" s="12"/>
    </row>
    <row r="505199" spans="8:8">
      <c r="H505199" s="12"/>
    </row>
    <row r="505200" spans="8:8">
      <c r="H505200" s="12"/>
    </row>
    <row r="505201" spans="8:8">
      <c r="H505201" s="12"/>
    </row>
    <row r="505202" spans="8:8">
      <c r="H505202" s="12"/>
    </row>
    <row r="505203" spans="8:8">
      <c r="H505203" s="12"/>
    </row>
    <row r="505204" spans="8:8">
      <c r="H505204" s="12"/>
    </row>
    <row r="505205" spans="8:8">
      <c r="H505205" s="12"/>
    </row>
    <row r="505206" spans="8:8">
      <c r="H505206" s="12"/>
    </row>
    <row r="505207" spans="8:8">
      <c r="H505207" s="12"/>
    </row>
    <row r="505208" spans="8:8">
      <c r="H505208" s="12"/>
    </row>
    <row r="505209" spans="8:8">
      <c r="H505209" s="12"/>
    </row>
    <row r="505210" spans="8:8">
      <c r="H505210" s="12"/>
    </row>
    <row r="505211" spans="8:8">
      <c r="H505211" s="12"/>
    </row>
    <row r="505212" spans="8:8">
      <c r="H505212" s="12"/>
    </row>
    <row r="505213" spans="8:8">
      <c r="H505213" s="12"/>
    </row>
    <row r="505214" spans="8:8">
      <c r="H505214" s="12"/>
    </row>
    <row r="505215" spans="8:8">
      <c r="H505215" s="12"/>
    </row>
    <row r="505216" spans="8:8">
      <c r="H505216" s="12"/>
    </row>
    <row r="505217" spans="8:8">
      <c r="H505217" s="12"/>
    </row>
    <row r="505218" spans="8:8">
      <c r="H505218" s="12"/>
    </row>
    <row r="505219" spans="8:8">
      <c r="H505219" s="12"/>
    </row>
    <row r="505220" spans="8:8">
      <c r="H505220" s="12"/>
    </row>
    <row r="505221" spans="8:8">
      <c r="H505221" s="12"/>
    </row>
    <row r="505222" spans="8:8">
      <c r="H505222" s="12"/>
    </row>
    <row r="505223" spans="8:8">
      <c r="H505223" s="12"/>
    </row>
    <row r="505224" spans="8:8">
      <c r="H505224" s="12"/>
    </row>
    <row r="505225" spans="8:8">
      <c r="H505225" s="12"/>
    </row>
    <row r="505226" spans="8:8">
      <c r="H505226" s="12"/>
    </row>
    <row r="505227" spans="8:8">
      <c r="H505227" s="12"/>
    </row>
    <row r="505228" spans="8:8">
      <c r="H505228" s="12"/>
    </row>
    <row r="505229" spans="8:8">
      <c r="H505229" s="12"/>
    </row>
    <row r="505230" spans="8:8">
      <c r="H505230" s="12"/>
    </row>
    <row r="505231" spans="8:8">
      <c r="H505231" s="12"/>
    </row>
    <row r="505232" spans="8:8">
      <c r="H505232" s="12"/>
    </row>
    <row r="505233" spans="8:8">
      <c r="H505233" s="12"/>
    </row>
    <row r="505234" spans="8:8">
      <c r="H505234" s="12"/>
    </row>
    <row r="505235" spans="8:8">
      <c r="H505235" s="12"/>
    </row>
    <row r="505236" spans="8:8">
      <c r="H505236" s="12"/>
    </row>
    <row r="505237" spans="8:8">
      <c r="H505237" s="12"/>
    </row>
    <row r="505238" spans="8:8">
      <c r="H505238" s="12"/>
    </row>
    <row r="505239" spans="8:8">
      <c r="H505239" s="12"/>
    </row>
    <row r="505240" spans="8:8">
      <c r="H505240" s="12"/>
    </row>
    <row r="505241" spans="8:8">
      <c r="H505241" s="12"/>
    </row>
    <row r="505242" spans="8:8">
      <c r="H505242" s="12"/>
    </row>
    <row r="505243" spans="8:8">
      <c r="H505243" s="12"/>
    </row>
    <row r="505244" spans="8:8">
      <c r="H505244" s="12"/>
    </row>
    <row r="505245" spans="8:8">
      <c r="H505245" s="12"/>
    </row>
    <row r="505246" spans="8:8">
      <c r="H505246" s="12"/>
    </row>
    <row r="505247" spans="8:8">
      <c r="H505247" s="12"/>
    </row>
    <row r="505248" spans="8:8">
      <c r="H505248" s="12"/>
    </row>
    <row r="505249" spans="8:8">
      <c r="H505249" s="12"/>
    </row>
    <row r="505250" spans="8:8">
      <c r="H505250" s="12"/>
    </row>
    <row r="505251" spans="8:8">
      <c r="H505251" s="12"/>
    </row>
    <row r="505252" spans="8:8">
      <c r="H505252" s="12"/>
    </row>
    <row r="505253" spans="8:8">
      <c r="H505253" s="12"/>
    </row>
    <row r="505254" spans="8:8">
      <c r="H505254" s="12"/>
    </row>
    <row r="505255" spans="8:8">
      <c r="H505255" s="12"/>
    </row>
    <row r="505256" spans="8:8">
      <c r="H505256" s="12"/>
    </row>
    <row r="505257" spans="8:8">
      <c r="H505257" s="12"/>
    </row>
    <row r="505258" spans="8:8">
      <c r="H505258" s="12"/>
    </row>
    <row r="505259" spans="8:8">
      <c r="H505259" s="12"/>
    </row>
    <row r="505260" spans="8:8">
      <c r="H505260" s="12"/>
    </row>
    <row r="505261" spans="8:8">
      <c r="H505261" s="12"/>
    </row>
    <row r="505262" spans="8:8">
      <c r="H505262" s="12"/>
    </row>
    <row r="505263" spans="8:8">
      <c r="H505263" s="12"/>
    </row>
    <row r="505264" spans="8:8">
      <c r="H505264" s="12"/>
    </row>
    <row r="505265" spans="8:8">
      <c r="H505265" s="12"/>
    </row>
    <row r="505266" spans="8:8">
      <c r="H505266" s="12"/>
    </row>
    <row r="505267" spans="8:8">
      <c r="H505267" s="12"/>
    </row>
    <row r="505268" spans="8:8">
      <c r="H505268" s="12"/>
    </row>
    <row r="505269" spans="8:8">
      <c r="H505269" s="12"/>
    </row>
    <row r="505270" spans="8:8">
      <c r="H505270" s="12"/>
    </row>
    <row r="505271" spans="8:8">
      <c r="H505271" s="12"/>
    </row>
    <row r="505272" spans="8:8">
      <c r="H505272" s="12"/>
    </row>
    <row r="505273" spans="8:8">
      <c r="H505273" s="12"/>
    </row>
    <row r="505274" spans="8:8">
      <c r="H505274" s="12"/>
    </row>
    <row r="505275" spans="8:8">
      <c r="H505275" s="12"/>
    </row>
    <row r="505276" spans="8:8">
      <c r="H505276" s="12"/>
    </row>
    <row r="505277" spans="8:8">
      <c r="H505277" s="12"/>
    </row>
    <row r="505278" spans="8:8">
      <c r="H505278" s="12"/>
    </row>
    <row r="505279" spans="8:8">
      <c r="H505279" s="12"/>
    </row>
    <row r="505280" spans="8:8">
      <c r="H505280" s="12"/>
    </row>
    <row r="505281" spans="8:8">
      <c r="H505281" s="12"/>
    </row>
    <row r="505282" spans="8:8">
      <c r="H505282" s="12"/>
    </row>
    <row r="505283" spans="8:8">
      <c r="H505283" s="12"/>
    </row>
    <row r="505284" spans="8:8">
      <c r="H505284" s="12"/>
    </row>
    <row r="505285" spans="8:8">
      <c r="H505285" s="12"/>
    </row>
    <row r="505286" spans="8:8">
      <c r="H505286" s="12"/>
    </row>
    <row r="505287" spans="8:8">
      <c r="H505287" s="12"/>
    </row>
    <row r="505288" spans="8:8">
      <c r="H505288" s="12"/>
    </row>
    <row r="505289" spans="8:8">
      <c r="H505289" s="12"/>
    </row>
    <row r="505290" spans="8:8">
      <c r="H505290" s="12"/>
    </row>
    <row r="505291" spans="8:8">
      <c r="H505291" s="12"/>
    </row>
    <row r="505292" spans="8:8">
      <c r="H505292" s="12"/>
    </row>
    <row r="505293" spans="8:8">
      <c r="H505293" s="12"/>
    </row>
    <row r="505294" spans="8:8">
      <c r="H505294" s="12"/>
    </row>
    <row r="505295" spans="8:8">
      <c r="H505295" s="12"/>
    </row>
    <row r="505296" spans="8:8">
      <c r="H505296" s="12"/>
    </row>
    <row r="505297" spans="8:8">
      <c r="H505297" s="12"/>
    </row>
    <row r="505298" spans="8:8">
      <c r="H505298" s="12"/>
    </row>
    <row r="505299" spans="8:8">
      <c r="H505299" s="12"/>
    </row>
    <row r="505300" spans="8:8">
      <c r="H505300" s="12"/>
    </row>
    <row r="505301" spans="8:8">
      <c r="H505301" s="12"/>
    </row>
    <row r="505302" spans="8:8">
      <c r="H505302" s="12"/>
    </row>
    <row r="505303" spans="8:8">
      <c r="H505303" s="12"/>
    </row>
    <row r="505304" spans="8:8">
      <c r="H505304" s="12"/>
    </row>
    <row r="505305" spans="8:8">
      <c r="H505305" s="12"/>
    </row>
    <row r="505306" spans="8:8">
      <c r="H505306" s="12"/>
    </row>
    <row r="505307" spans="8:8">
      <c r="H505307" s="12"/>
    </row>
    <row r="505308" spans="8:8">
      <c r="H505308" s="12"/>
    </row>
    <row r="505309" spans="8:8">
      <c r="H505309" s="12"/>
    </row>
    <row r="505310" spans="8:8">
      <c r="H505310" s="12"/>
    </row>
    <row r="505311" spans="8:8">
      <c r="H505311" s="12"/>
    </row>
    <row r="505312" spans="8:8">
      <c r="H505312" s="12"/>
    </row>
    <row r="505313" spans="8:8">
      <c r="H505313" s="12"/>
    </row>
    <row r="505314" spans="8:8">
      <c r="H505314" s="12"/>
    </row>
    <row r="505315" spans="8:8">
      <c r="H505315" s="12"/>
    </row>
    <row r="505316" spans="8:8">
      <c r="H505316" s="12"/>
    </row>
    <row r="505317" spans="8:8">
      <c r="H505317" s="12"/>
    </row>
    <row r="505318" spans="8:8">
      <c r="H505318" s="12"/>
    </row>
    <row r="505319" spans="8:8">
      <c r="H505319" s="12"/>
    </row>
    <row r="505320" spans="8:8">
      <c r="H505320" s="12"/>
    </row>
    <row r="505321" spans="8:8">
      <c r="H505321" s="12"/>
    </row>
    <row r="505322" spans="8:8">
      <c r="H505322" s="12"/>
    </row>
    <row r="505323" spans="8:8">
      <c r="H505323" s="12"/>
    </row>
    <row r="505324" spans="8:8">
      <c r="H505324" s="12"/>
    </row>
    <row r="505325" spans="8:8">
      <c r="H505325" s="12"/>
    </row>
    <row r="505326" spans="8:8">
      <c r="H505326" s="12"/>
    </row>
    <row r="505327" spans="8:8">
      <c r="H505327" s="12"/>
    </row>
    <row r="505328" spans="8:8">
      <c r="H505328" s="12"/>
    </row>
    <row r="505329" spans="8:8">
      <c r="H505329" s="12"/>
    </row>
    <row r="505330" spans="8:8">
      <c r="H505330" s="12"/>
    </row>
    <row r="505331" spans="8:8">
      <c r="H505331" s="12"/>
    </row>
    <row r="505332" spans="8:8">
      <c r="H505332" s="12"/>
    </row>
    <row r="505333" spans="8:8">
      <c r="H505333" s="12"/>
    </row>
    <row r="505334" spans="8:8">
      <c r="H505334" s="12"/>
    </row>
    <row r="505335" spans="8:8">
      <c r="H505335" s="12"/>
    </row>
    <row r="505336" spans="8:8">
      <c r="H505336" s="12"/>
    </row>
    <row r="505337" spans="8:8">
      <c r="H505337" s="12"/>
    </row>
    <row r="505338" spans="8:8">
      <c r="H505338" s="12"/>
    </row>
    <row r="505339" spans="8:8">
      <c r="H505339" s="12"/>
    </row>
    <row r="505340" spans="8:8">
      <c r="H505340" s="12"/>
    </row>
    <row r="505341" spans="8:8">
      <c r="H505341" s="12"/>
    </row>
    <row r="505342" spans="8:8">
      <c r="H505342" s="12"/>
    </row>
    <row r="505343" spans="8:8">
      <c r="H505343" s="12"/>
    </row>
    <row r="505344" spans="8:8">
      <c r="H505344" s="12"/>
    </row>
    <row r="505345" spans="8:8">
      <c r="H505345" s="12"/>
    </row>
    <row r="505346" spans="8:8">
      <c r="H505346" s="12"/>
    </row>
    <row r="505347" spans="8:8">
      <c r="H505347" s="12"/>
    </row>
    <row r="505348" spans="8:8">
      <c r="H505348" s="12"/>
    </row>
    <row r="505349" spans="8:8">
      <c r="H505349" s="12"/>
    </row>
    <row r="505350" spans="8:8">
      <c r="H505350" s="12"/>
    </row>
    <row r="505351" spans="8:8">
      <c r="H505351" s="12"/>
    </row>
    <row r="505352" spans="8:8">
      <c r="H505352" s="12"/>
    </row>
    <row r="505353" spans="8:8">
      <c r="H505353" s="12"/>
    </row>
    <row r="505354" spans="8:8">
      <c r="H505354" s="12"/>
    </row>
    <row r="505355" spans="8:8">
      <c r="H505355" s="12"/>
    </row>
    <row r="505356" spans="8:8">
      <c r="H505356" s="12"/>
    </row>
    <row r="505357" spans="8:8">
      <c r="H505357" s="12"/>
    </row>
    <row r="505358" spans="8:8">
      <c r="H505358" s="12"/>
    </row>
    <row r="505359" spans="8:8">
      <c r="H505359" s="12"/>
    </row>
    <row r="505360" spans="8:8">
      <c r="H505360" s="12"/>
    </row>
    <row r="505361" spans="8:8">
      <c r="H505361" s="12"/>
    </row>
    <row r="505362" spans="8:8">
      <c r="H505362" s="12"/>
    </row>
    <row r="505363" spans="8:8">
      <c r="H505363" s="12"/>
    </row>
    <row r="505364" spans="8:8">
      <c r="H505364" s="12"/>
    </row>
    <row r="505365" spans="8:8">
      <c r="H505365" s="12"/>
    </row>
    <row r="505366" spans="8:8">
      <c r="H505366" s="12"/>
    </row>
    <row r="505367" spans="8:8">
      <c r="H505367" s="12"/>
    </row>
    <row r="505368" spans="8:8">
      <c r="H505368" s="12"/>
    </row>
    <row r="505369" spans="8:8">
      <c r="H505369" s="12"/>
    </row>
    <row r="505370" spans="8:8">
      <c r="H505370" s="12"/>
    </row>
    <row r="505371" spans="8:8">
      <c r="H505371" s="12"/>
    </row>
    <row r="505372" spans="8:8">
      <c r="H505372" s="12"/>
    </row>
    <row r="505373" spans="8:8">
      <c r="H505373" s="12"/>
    </row>
    <row r="505374" spans="8:8">
      <c r="H505374" s="12"/>
    </row>
    <row r="505375" spans="8:8">
      <c r="H505375" s="12"/>
    </row>
    <row r="505376" spans="8:8">
      <c r="H505376" s="12"/>
    </row>
    <row r="505377" spans="8:8">
      <c r="H505377" s="12"/>
    </row>
    <row r="505378" spans="8:8">
      <c r="H505378" s="12"/>
    </row>
    <row r="505379" spans="8:8">
      <c r="H505379" s="12"/>
    </row>
    <row r="505380" spans="8:8">
      <c r="H505380" s="12"/>
    </row>
    <row r="505381" spans="8:8">
      <c r="H505381" s="12"/>
    </row>
    <row r="505382" spans="8:8">
      <c r="H505382" s="12"/>
    </row>
    <row r="505383" spans="8:8">
      <c r="H505383" s="12"/>
    </row>
    <row r="505384" spans="8:8">
      <c r="H505384" s="12"/>
    </row>
    <row r="505385" spans="8:8">
      <c r="H505385" s="12"/>
    </row>
    <row r="505386" spans="8:8">
      <c r="H505386" s="12"/>
    </row>
    <row r="505387" spans="8:8">
      <c r="H505387" s="12"/>
    </row>
    <row r="505388" spans="8:8">
      <c r="H505388" s="12"/>
    </row>
    <row r="505389" spans="8:8">
      <c r="H505389" s="12"/>
    </row>
    <row r="505390" spans="8:8">
      <c r="H505390" s="12"/>
    </row>
    <row r="505391" spans="8:8">
      <c r="H505391" s="12"/>
    </row>
    <row r="505392" spans="8:8">
      <c r="H505392" s="12"/>
    </row>
    <row r="505393" spans="8:8">
      <c r="H505393" s="12"/>
    </row>
    <row r="505394" spans="8:8">
      <c r="H505394" s="12"/>
    </row>
    <row r="505395" spans="8:8">
      <c r="H505395" s="12"/>
    </row>
    <row r="505396" spans="8:8">
      <c r="H505396" s="12"/>
    </row>
    <row r="505397" spans="8:8">
      <c r="H505397" s="12"/>
    </row>
    <row r="505398" spans="8:8">
      <c r="H505398" s="12"/>
    </row>
    <row r="505399" spans="8:8">
      <c r="H505399" s="12"/>
    </row>
    <row r="505400" spans="8:8">
      <c r="H505400" s="12"/>
    </row>
    <row r="505401" spans="8:8">
      <c r="H505401" s="12"/>
    </row>
    <row r="505402" spans="8:8">
      <c r="H505402" s="12"/>
    </row>
    <row r="505403" spans="8:8">
      <c r="H505403" s="12"/>
    </row>
    <row r="505404" spans="8:8">
      <c r="H505404" s="12"/>
    </row>
    <row r="505405" spans="8:8">
      <c r="H505405" s="12"/>
    </row>
    <row r="505406" spans="8:8">
      <c r="H505406" s="12"/>
    </row>
    <row r="505407" spans="8:8">
      <c r="H505407" s="12"/>
    </row>
    <row r="505408" spans="8:8">
      <c r="H505408" s="12"/>
    </row>
    <row r="505409" spans="8:8">
      <c r="H505409" s="12"/>
    </row>
    <row r="505410" spans="8:8">
      <c r="H505410" s="12"/>
    </row>
    <row r="505411" spans="8:8">
      <c r="H505411" s="12"/>
    </row>
    <row r="505412" spans="8:8">
      <c r="H505412" s="12"/>
    </row>
    <row r="505413" spans="8:8">
      <c r="H505413" s="12"/>
    </row>
    <row r="505414" spans="8:8">
      <c r="H505414" s="12"/>
    </row>
    <row r="505415" spans="8:8">
      <c r="H505415" s="12"/>
    </row>
    <row r="505416" spans="8:8">
      <c r="H505416" s="12"/>
    </row>
    <row r="505417" spans="8:8">
      <c r="H505417" s="12"/>
    </row>
    <row r="505418" spans="8:8">
      <c r="H505418" s="12"/>
    </row>
    <row r="505419" spans="8:8">
      <c r="H505419" s="12"/>
    </row>
    <row r="505420" spans="8:8">
      <c r="H505420" s="12"/>
    </row>
    <row r="505421" spans="8:8">
      <c r="H505421" s="12"/>
    </row>
    <row r="505422" spans="8:8">
      <c r="H505422" s="12"/>
    </row>
    <row r="505423" spans="8:8">
      <c r="H505423" s="12"/>
    </row>
    <row r="505424" spans="8:8">
      <c r="H505424" s="12"/>
    </row>
    <row r="505425" spans="8:8">
      <c r="H505425" s="12"/>
    </row>
    <row r="505426" spans="8:8">
      <c r="H505426" s="12"/>
    </row>
    <row r="505427" spans="8:8">
      <c r="H505427" s="12"/>
    </row>
    <row r="505428" spans="8:8">
      <c r="H505428" s="12"/>
    </row>
    <row r="505429" spans="8:8">
      <c r="H505429" s="12"/>
    </row>
    <row r="505430" spans="8:8">
      <c r="H505430" s="12"/>
    </row>
    <row r="505431" spans="8:8">
      <c r="H505431" s="12"/>
    </row>
    <row r="505432" spans="8:8">
      <c r="H505432" s="12"/>
    </row>
    <row r="505433" spans="8:8">
      <c r="H505433" s="12"/>
    </row>
    <row r="505434" spans="8:8">
      <c r="H505434" s="12"/>
    </row>
    <row r="505435" spans="8:8">
      <c r="H505435" s="12"/>
    </row>
    <row r="505436" spans="8:8">
      <c r="H505436" s="12"/>
    </row>
    <row r="505437" spans="8:8">
      <c r="H505437" s="12"/>
    </row>
    <row r="505438" spans="8:8">
      <c r="H505438" s="12"/>
    </row>
    <row r="505439" spans="8:8">
      <c r="H505439" s="12"/>
    </row>
    <row r="505440" spans="8:8">
      <c r="H505440" s="12"/>
    </row>
    <row r="505441" spans="8:8">
      <c r="H505441" s="12"/>
    </row>
    <row r="505442" spans="8:8">
      <c r="H505442" s="12"/>
    </row>
    <row r="505443" spans="8:8">
      <c r="H505443" s="12"/>
    </row>
    <row r="505444" spans="8:8">
      <c r="H505444" s="12"/>
    </row>
    <row r="505445" spans="8:8">
      <c r="H505445" s="12"/>
    </row>
    <row r="505446" spans="8:8">
      <c r="H505446" s="12"/>
    </row>
    <row r="505447" spans="8:8">
      <c r="H505447" s="12"/>
    </row>
    <row r="505448" spans="8:8">
      <c r="H505448" s="12"/>
    </row>
    <row r="505449" spans="8:8">
      <c r="H505449" s="12"/>
    </row>
    <row r="505450" spans="8:8">
      <c r="H505450" s="12"/>
    </row>
    <row r="505451" spans="8:8">
      <c r="H505451" s="12"/>
    </row>
    <row r="505452" spans="8:8">
      <c r="H505452" s="12"/>
    </row>
    <row r="505453" spans="8:8">
      <c r="H505453" s="12"/>
    </row>
    <row r="505454" spans="8:8">
      <c r="H505454" s="12"/>
    </row>
    <row r="505455" spans="8:8">
      <c r="H505455" s="12"/>
    </row>
    <row r="505456" spans="8:8">
      <c r="H505456" s="12"/>
    </row>
    <row r="505457" spans="8:8">
      <c r="H505457" s="12"/>
    </row>
    <row r="505458" spans="8:8">
      <c r="H505458" s="12"/>
    </row>
    <row r="505459" spans="8:8">
      <c r="H505459" s="12"/>
    </row>
    <row r="505460" spans="8:8">
      <c r="H505460" s="12"/>
    </row>
    <row r="505461" spans="8:8">
      <c r="H505461" s="12"/>
    </row>
    <row r="505462" spans="8:8">
      <c r="H505462" s="12"/>
    </row>
    <row r="505463" spans="8:8">
      <c r="H505463" s="12"/>
    </row>
    <row r="505464" spans="8:8">
      <c r="H505464" s="12"/>
    </row>
    <row r="505465" spans="8:8">
      <c r="H505465" s="12"/>
    </row>
    <row r="505466" spans="8:8">
      <c r="H505466" s="12"/>
    </row>
    <row r="505467" spans="8:8">
      <c r="H505467" s="12"/>
    </row>
    <row r="505468" spans="8:8">
      <c r="H505468" s="12"/>
    </row>
    <row r="505469" spans="8:8">
      <c r="H505469" s="12"/>
    </row>
    <row r="505470" spans="8:8">
      <c r="H505470" s="12"/>
    </row>
    <row r="505471" spans="8:8">
      <c r="H505471" s="12"/>
    </row>
    <row r="505472" spans="8:8">
      <c r="H505472" s="12"/>
    </row>
    <row r="505473" spans="8:8">
      <c r="H505473" s="12"/>
    </row>
    <row r="505474" spans="8:8">
      <c r="H505474" s="12"/>
    </row>
    <row r="505475" spans="8:8">
      <c r="H505475" s="12"/>
    </row>
    <row r="505476" spans="8:8">
      <c r="H505476" s="12"/>
    </row>
    <row r="505477" spans="8:8">
      <c r="H505477" s="12"/>
    </row>
    <row r="505478" spans="8:8">
      <c r="H505478" s="12"/>
    </row>
    <row r="505479" spans="8:8">
      <c r="H505479" s="12"/>
    </row>
    <row r="505480" spans="8:8">
      <c r="H505480" s="12"/>
    </row>
    <row r="505481" spans="8:8">
      <c r="H505481" s="12"/>
    </row>
    <row r="505482" spans="8:8">
      <c r="H505482" s="12"/>
    </row>
    <row r="505483" spans="8:8">
      <c r="H505483" s="12"/>
    </row>
    <row r="505484" spans="8:8">
      <c r="H505484" s="12"/>
    </row>
    <row r="505485" spans="8:8">
      <c r="H505485" s="12"/>
    </row>
    <row r="505486" spans="8:8">
      <c r="H505486" s="12"/>
    </row>
    <row r="505487" spans="8:8">
      <c r="H505487" s="12"/>
    </row>
    <row r="505488" spans="8:8">
      <c r="H505488" s="12"/>
    </row>
    <row r="505489" spans="8:8">
      <c r="H505489" s="12"/>
    </row>
    <row r="505490" spans="8:8">
      <c r="H505490" s="12"/>
    </row>
    <row r="505491" spans="8:8">
      <c r="H505491" s="12"/>
    </row>
    <row r="505492" spans="8:8">
      <c r="H505492" s="12"/>
    </row>
    <row r="505493" spans="8:8">
      <c r="H505493" s="12"/>
    </row>
    <row r="505494" spans="8:8">
      <c r="H505494" s="12"/>
    </row>
    <row r="505495" spans="8:8">
      <c r="H505495" s="12"/>
    </row>
    <row r="505496" spans="8:8">
      <c r="H505496" s="12"/>
    </row>
    <row r="505497" spans="8:8">
      <c r="H505497" s="12"/>
    </row>
    <row r="505498" spans="8:8">
      <c r="H505498" s="12"/>
    </row>
    <row r="505499" spans="8:8">
      <c r="H505499" s="12"/>
    </row>
    <row r="505500" spans="8:8">
      <c r="H505500" s="12"/>
    </row>
    <row r="505501" spans="8:8">
      <c r="H505501" s="12"/>
    </row>
    <row r="505502" spans="8:8">
      <c r="H505502" s="12"/>
    </row>
    <row r="505503" spans="8:8">
      <c r="H505503" s="12"/>
    </row>
    <row r="505504" spans="8:8">
      <c r="H505504" s="12"/>
    </row>
    <row r="505505" spans="8:8">
      <c r="H505505" s="12"/>
    </row>
    <row r="505506" spans="8:8">
      <c r="H505506" s="12"/>
    </row>
    <row r="505507" spans="8:8">
      <c r="H505507" s="12"/>
    </row>
    <row r="505508" spans="8:8">
      <c r="H505508" s="12"/>
    </row>
    <row r="505509" spans="8:8">
      <c r="H505509" s="12"/>
    </row>
    <row r="505510" spans="8:8">
      <c r="H505510" s="12"/>
    </row>
    <row r="505511" spans="8:8">
      <c r="H505511" s="12"/>
    </row>
    <row r="505512" spans="8:8">
      <c r="H505512" s="12"/>
    </row>
    <row r="505513" spans="8:8">
      <c r="H505513" s="12"/>
    </row>
    <row r="505514" spans="8:8">
      <c r="H505514" s="12"/>
    </row>
    <row r="505515" spans="8:8">
      <c r="H505515" s="12"/>
    </row>
    <row r="505516" spans="8:8">
      <c r="H505516" s="12"/>
    </row>
    <row r="505517" spans="8:8">
      <c r="H505517" s="12"/>
    </row>
    <row r="505518" spans="8:8">
      <c r="H505518" s="12"/>
    </row>
    <row r="505519" spans="8:8">
      <c r="H505519" s="12"/>
    </row>
    <row r="505520" spans="8:8">
      <c r="H505520" s="12"/>
    </row>
    <row r="505521" spans="8:8">
      <c r="H505521" s="12"/>
    </row>
    <row r="505522" spans="8:8">
      <c r="H505522" s="12"/>
    </row>
    <row r="505523" spans="8:8">
      <c r="H505523" s="12"/>
    </row>
    <row r="505524" spans="8:8">
      <c r="H505524" s="12"/>
    </row>
    <row r="505525" spans="8:8">
      <c r="H505525" s="12"/>
    </row>
    <row r="505526" spans="8:8">
      <c r="H505526" s="12"/>
    </row>
    <row r="505527" spans="8:8">
      <c r="H505527" s="12"/>
    </row>
    <row r="505528" spans="8:8">
      <c r="H505528" s="12"/>
    </row>
    <row r="505529" spans="8:8">
      <c r="H505529" s="12"/>
    </row>
    <row r="505530" spans="8:8">
      <c r="H505530" s="12"/>
    </row>
    <row r="505531" spans="8:8">
      <c r="H505531" s="12"/>
    </row>
    <row r="505532" spans="8:8">
      <c r="H505532" s="12"/>
    </row>
    <row r="505533" spans="8:8">
      <c r="H505533" s="12"/>
    </row>
    <row r="505534" spans="8:8">
      <c r="H505534" s="12"/>
    </row>
    <row r="505535" spans="8:8">
      <c r="H505535" s="12"/>
    </row>
    <row r="505536" spans="8:8">
      <c r="H505536" s="12"/>
    </row>
    <row r="505537" spans="8:8">
      <c r="H505537" s="12"/>
    </row>
    <row r="505538" spans="8:8">
      <c r="H505538" s="12"/>
    </row>
    <row r="505539" spans="8:8">
      <c r="H505539" s="12"/>
    </row>
    <row r="505540" spans="8:8">
      <c r="H505540" s="12"/>
    </row>
    <row r="505541" spans="8:8">
      <c r="H505541" s="12"/>
    </row>
    <row r="505542" spans="8:8">
      <c r="H505542" s="12"/>
    </row>
    <row r="505543" spans="8:8">
      <c r="H505543" s="12"/>
    </row>
    <row r="505544" spans="8:8">
      <c r="H505544" s="12"/>
    </row>
    <row r="505545" spans="8:8">
      <c r="H505545" s="12"/>
    </row>
    <row r="505546" spans="8:8">
      <c r="H505546" s="12"/>
    </row>
    <row r="505547" spans="8:8">
      <c r="H505547" s="12"/>
    </row>
    <row r="505548" spans="8:8">
      <c r="H505548" s="12"/>
    </row>
    <row r="505549" spans="8:8">
      <c r="H505549" s="12"/>
    </row>
    <row r="505550" spans="8:8">
      <c r="H505550" s="12"/>
    </row>
    <row r="505551" spans="8:8">
      <c r="H505551" s="12"/>
    </row>
    <row r="505552" spans="8:8">
      <c r="H505552" s="12"/>
    </row>
    <row r="505553" spans="8:8">
      <c r="H505553" s="12"/>
    </row>
    <row r="505554" spans="8:8">
      <c r="H505554" s="12"/>
    </row>
    <row r="505555" spans="8:8">
      <c r="H505555" s="12"/>
    </row>
    <row r="505556" spans="8:8">
      <c r="H505556" s="12"/>
    </row>
    <row r="505557" spans="8:8">
      <c r="H505557" s="12"/>
    </row>
    <row r="505558" spans="8:8">
      <c r="H505558" s="12"/>
    </row>
    <row r="505559" spans="8:8">
      <c r="H505559" s="12"/>
    </row>
    <row r="505560" spans="8:8">
      <c r="H505560" s="12"/>
    </row>
    <row r="505561" spans="8:8">
      <c r="H505561" s="12"/>
    </row>
    <row r="505562" spans="8:8">
      <c r="H505562" s="12"/>
    </row>
    <row r="505563" spans="8:8">
      <c r="H505563" s="12"/>
    </row>
    <row r="505564" spans="8:8">
      <c r="H505564" s="12"/>
    </row>
    <row r="505565" spans="8:8">
      <c r="H505565" s="12"/>
    </row>
    <row r="505566" spans="8:8">
      <c r="H505566" s="12"/>
    </row>
    <row r="505567" spans="8:8">
      <c r="H505567" s="12"/>
    </row>
    <row r="505568" spans="8:8">
      <c r="H505568" s="12"/>
    </row>
    <row r="505569" spans="8:8">
      <c r="H505569" s="12"/>
    </row>
    <row r="505570" spans="8:8">
      <c r="H505570" s="12"/>
    </row>
    <row r="505571" spans="8:8">
      <c r="H505571" s="12"/>
    </row>
    <row r="505572" spans="8:8">
      <c r="H505572" s="12"/>
    </row>
    <row r="505573" spans="8:8">
      <c r="H505573" s="12"/>
    </row>
    <row r="505574" spans="8:8">
      <c r="H505574" s="12"/>
    </row>
    <row r="505575" spans="8:8">
      <c r="H505575" s="12"/>
    </row>
    <row r="505576" spans="8:8">
      <c r="H505576" s="12"/>
    </row>
    <row r="505577" spans="8:8">
      <c r="H505577" s="12"/>
    </row>
    <row r="505578" spans="8:8">
      <c r="H505578" s="12"/>
    </row>
    <row r="505579" spans="8:8">
      <c r="H505579" s="12"/>
    </row>
    <row r="505580" spans="8:8">
      <c r="H505580" s="12"/>
    </row>
    <row r="505581" spans="8:8">
      <c r="H505581" s="12"/>
    </row>
    <row r="505582" spans="8:8">
      <c r="H505582" s="12"/>
    </row>
    <row r="505583" spans="8:8">
      <c r="H505583" s="12"/>
    </row>
    <row r="505584" spans="8:8">
      <c r="H505584" s="12"/>
    </row>
    <row r="505585" spans="8:8">
      <c r="H505585" s="12"/>
    </row>
    <row r="505586" spans="8:8">
      <c r="H505586" s="12"/>
    </row>
    <row r="505587" spans="8:8">
      <c r="H505587" s="12"/>
    </row>
    <row r="505588" spans="8:8">
      <c r="H505588" s="12"/>
    </row>
    <row r="505589" spans="8:8">
      <c r="H505589" s="12"/>
    </row>
    <row r="505590" spans="8:8">
      <c r="H505590" s="12"/>
    </row>
    <row r="505591" spans="8:8">
      <c r="H505591" s="12"/>
    </row>
    <row r="505592" spans="8:8">
      <c r="H505592" s="12"/>
    </row>
    <row r="505593" spans="8:8">
      <c r="H505593" s="12"/>
    </row>
    <row r="505594" spans="8:8">
      <c r="H505594" s="12"/>
    </row>
    <row r="505595" spans="8:8">
      <c r="H505595" s="12"/>
    </row>
    <row r="505596" spans="8:8">
      <c r="H505596" s="12"/>
    </row>
    <row r="505597" spans="8:8">
      <c r="H505597" s="12"/>
    </row>
    <row r="505598" spans="8:8">
      <c r="H505598" s="12"/>
    </row>
    <row r="505599" spans="8:8">
      <c r="H505599" s="12"/>
    </row>
    <row r="505600" spans="8:8">
      <c r="H505600" s="12"/>
    </row>
    <row r="505601" spans="8:8">
      <c r="H505601" s="12"/>
    </row>
    <row r="505602" spans="8:8">
      <c r="H505602" s="12"/>
    </row>
    <row r="505603" spans="8:8">
      <c r="H505603" s="12"/>
    </row>
    <row r="505604" spans="8:8">
      <c r="H505604" s="12"/>
    </row>
    <row r="505605" spans="8:8">
      <c r="H505605" s="12"/>
    </row>
    <row r="505606" spans="8:8">
      <c r="H505606" s="12"/>
    </row>
    <row r="505607" spans="8:8">
      <c r="H505607" s="12"/>
    </row>
    <row r="505608" spans="8:8">
      <c r="H505608" s="12"/>
    </row>
    <row r="505609" spans="8:8">
      <c r="H505609" s="12"/>
    </row>
    <row r="505610" spans="8:8">
      <c r="H505610" s="12"/>
    </row>
    <row r="505611" spans="8:8">
      <c r="H505611" s="12"/>
    </row>
    <row r="505612" spans="8:8">
      <c r="H505612" s="12"/>
    </row>
    <row r="505613" spans="8:8">
      <c r="H505613" s="12"/>
    </row>
    <row r="505614" spans="8:8">
      <c r="H505614" s="12"/>
    </row>
    <row r="505615" spans="8:8">
      <c r="H505615" s="12"/>
    </row>
    <row r="505616" spans="8:8">
      <c r="H505616" s="12"/>
    </row>
    <row r="505617" spans="8:8">
      <c r="H505617" s="12"/>
    </row>
    <row r="505618" spans="8:8">
      <c r="H505618" s="12"/>
    </row>
    <row r="505619" spans="8:8">
      <c r="H505619" s="12"/>
    </row>
    <row r="505620" spans="8:8">
      <c r="H505620" s="12"/>
    </row>
    <row r="505621" spans="8:8">
      <c r="H505621" s="12"/>
    </row>
    <row r="505622" spans="8:8">
      <c r="H505622" s="12"/>
    </row>
    <row r="505623" spans="8:8">
      <c r="H505623" s="12"/>
    </row>
    <row r="505624" spans="8:8">
      <c r="H505624" s="12"/>
    </row>
    <row r="505625" spans="8:8">
      <c r="H505625" s="12"/>
    </row>
    <row r="505626" spans="8:8">
      <c r="H505626" s="12"/>
    </row>
    <row r="505627" spans="8:8">
      <c r="H505627" s="12"/>
    </row>
    <row r="505628" spans="8:8">
      <c r="H505628" s="12"/>
    </row>
    <row r="505629" spans="8:8">
      <c r="H505629" s="12"/>
    </row>
    <row r="505630" spans="8:8">
      <c r="H505630" s="12"/>
    </row>
    <row r="505631" spans="8:8">
      <c r="H505631" s="12"/>
    </row>
    <row r="505632" spans="8:8">
      <c r="H505632" s="12"/>
    </row>
    <row r="505633" spans="8:8">
      <c r="H505633" s="12"/>
    </row>
    <row r="505634" spans="8:8">
      <c r="H505634" s="12"/>
    </row>
    <row r="505635" spans="8:8">
      <c r="H505635" s="12"/>
    </row>
    <row r="505636" spans="8:8">
      <c r="H505636" s="12"/>
    </row>
    <row r="505637" spans="8:8">
      <c r="H505637" s="12"/>
    </row>
    <row r="505638" spans="8:8">
      <c r="H505638" s="12"/>
    </row>
    <row r="505639" spans="8:8">
      <c r="H505639" s="12"/>
    </row>
    <row r="505640" spans="8:8">
      <c r="H505640" s="12"/>
    </row>
    <row r="505641" spans="8:8">
      <c r="H505641" s="12"/>
    </row>
    <row r="505642" spans="8:8">
      <c r="H505642" s="12"/>
    </row>
    <row r="505643" spans="8:8">
      <c r="H505643" s="12"/>
    </row>
    <row r="505644" spans="8:8">
      <c r="H505644" s="12"/>
    </row>
    <row r="505645" spans="8:8">
      <c r="H505645" s="12"/>
    </row>
    <row r="505646" spans="8:8">
      <c r="H505646" s="12"/>
    </row>
    <row r="505647" spans="8:8">
      <c r="H505647" s="12"/>
    </row>
    <row r="505648" spans="8:8">
      <c r="H505648" s="12"/>
    </row>
    <row r="505649" spans="8:8">
      <c r="H505649" s="12"/>
    </row>
    <row r="505650" spans="8:8">
      <c r="H505650" s="12"/>
    </row>
    <row r="505651" spans="8:8">
      <c r="H505651" s="12"/>
    </row>
    <row r="505652" spans="8:8">
      <c r="H505652" s="12"/>
    </row>
    <row r="505653" spans="8:8">
      <c r="H505653" s="12"/>
    </row>
    <row r="505654" spans="8:8">
      <c r="H505654" s="12"/>
    </row>
    <row r="505655" spans="8:8">
      <c r="H505655" s="12"/>
    </row>
    <row r="505656" spans="8:8">
      <c r="H505656" s="12"/>
    </row>
    <row r="505657" spans="8:8">
      <c r="H505657" s="12"/>
    </row>
    <row r="505658" spans="8:8">
      <c r="H505658" s="12"/>
    </row>
    <row r="505659" spans="8:8">
      <c r="H505659" s="12"/>
    </row>
    <row r="505660" spans="8:8">
      <c r="H505660" s="12"/>
    </row>
    <row r="505661" spans="8:8">
      <c r="H505661" s="12"/>
    </row>
    <row r="505662" spans="8:8">
      <c r="H505662" s="12"/>
    </row>
    <row r="505663" spans="8:8">
      <c r="H505663" s="12"/>
    </row>
    <row r="505664" spans="8:8">
      <c r="H505664" s="12"/>
    </row>
    <row r="505665" spans="8:8">
      <c r="H505665" s="12"/>
    </row>
    <row r="505666" spans="8:8">
      <c r="H505666" s="12"/>
    </row>
    <row r="505667" spans="8:8">
      <c r="H505667" s="12"/>
    </row>
    <row r="505668" spans="8:8">
      <c r="H505668" s="12"/>
    </row>
    <row r="505669" spans="8:8">
      <c r="H505669" s="12"/>
    </row>
    <row r="505670" spans="8:8">
      <c r="H505670" s="12"/>
    </row>
    <row r="505671" spans="8:8">
      <c r="H505671" s="12"/>
    </row>
    <row r="505672" spans="8:8">
      <c r="H505672" s="12"/>
    </row>
    <row r="505673" spans="8:8">
      <c r="H505673" s="12"/>
    </row>
    <row r="505674" spans="8:8">
      <c r="H505674" s="12"/>
    </row>
    <row r="505675" spans="8:8">
      <c r="H505675" s="12"/>
    </row>
    <row r="505676" spans="8:8">
      <c r="H505676" s="12"/>
    </row>
    <row r="505677" spans="8:8">
      <c r="H505677" s="12"/>
    </row>
    <row r="505678" spans="8:8">
      <c r="H505678" s="12"/>
    </row>
    <row r="505679" spans="8:8">
      <c r="H505679" s="12"/>
    </row>
    <row r="505680" spans="8:8">
      <c r="H505680" s="12"/>
    </row>
    <row r="505681" spans="8:8">
      <c r="H505681" s="12"/>
    </row>
    <row r="505682" spans="8:8">
      <c r="H505682" s="12"/>
    </row>
    <row r="505683" spans="8:8">
      <c r="H505683" s="12"/>
    </row>
    <row r="505684" spans="8:8">
      <c r="H505684" s="12"/>
    </row>
    <row r="505685" spans="8:8">
      <c r="H505685" s="12"/>
    </row>
    <row r="505686" spans="8:8">
      <c r="H505686" s="12"/>
    </row>
    <row r="505687" spans="8:8">
      <c r="H505687" s="12"/>
    </row>
    <row r="505688" spans="8:8">
      <c r="H505688" s="12"/>
    </row>
    <row r="505689" spans="8:8">
      <c r="H505689" s="12"/>
    </row>
    <row r="505690" spans="8:8">
      <c r="H505690" s="12"/>
    </row>
    <row r="505691" spans="8:8">
      <c r="H505691" s="12"/>
    </row>
    <row r="505692" spans="8:8">
      <c r="H505692" s="12"/>
    </row>
    <row r="505693" spans="8:8">
      <c r="H505693" s="12"/>
    </row>
    <row r="505694" spans="8:8">
      <c r="H505694" s="12"/>
    </row>
    <row r="505695" spans="8:8">
      <c r="H505695" s="12"/>
    </row>
    <row r="505696" spans="8:8">
      <c r="H505696" s="12"/>
    </row>
    <row r="505697" spans="8:8">
      <c r="H505697" s="12"/>
    </row>
    <row r="505698" spans="8:8">
      <c r="H505698" s="12"/>
    </row>
    <row r="505699" spans="8:8">
      <c r="H505699" s="12"/>
    </row>
    <row r="505700" spans="8:8">
      <c r="H505700" s="12"/>
    </row>
    <row r="505701" spans="8:8">
      <c r="H505701" s="12"/>
    </row>
    <row r="505702" spans="8:8">
      <c r="H505702" s="12"/>
    </row>
    <row r="505703" spans="8:8">
      <c r="H505703" s="12"/>
    </row>
    <row r="505704" spans="8:8">
      <c r="H505704" s="12"/>
    </row>
    <row r="505705" spans="8:8">
      <c r="H505705" s="12"/>
    </row>
    <row r="505706" spans="8:8">
      <c r="H505706" s="12"/>
    </row>
    <row r="505707" spans="8:8">
      <c r="H505707" s="12"/>
    </row>
    <row r="505708" spans="8:8">
      <c r="H505708" s="12"/>
    </row>
    <row r="505709" spans="8:8">
      <c r="H505709" s="12"/>
    </row>
    <row r="505710" spans="8:8">
      <c r="H505710" s="12"/>
    </row>
    <row r="505711" spans="8:8">
      <c r="H505711" s="12"/>
    </row>
    <row r="505712" spans="8:8">
      <c r="H505712" s="12"/>
    </row>
    <row r="505713" spans="8:8">
      <c r="H505713" s="12"/>
    </row>
    <row r="505714" spans="8:8">
      <c r="H505714" s="12"/>
    </row>
    <row r="505715" spans="8:8">
      <c r="H505715" s="12"/>
    </row>
    <row r="505716" spans="8:8">
      <c r="H505716" s="12"/>
    </row>
    <row r="505717" spans="8:8">
      <c r="H505717" s="12"/>
    </row>
    <row r="505718" spans="8:8">
      <c r="H505718" s="12"/>
    </row>
    <row r="505719" spans="8:8">
      <c r="H505719" s="12"/>
    </row>
    <row r="505720" spans="8:8">
      <c r="H505720" s="12"/>
    </row>
    <row r="505721" spans="8:8">
      <c r="H505721" s="12"/>
    </row>
    <row r="505722" spans="8:8">
      <c r="H505722" s="12"/>
    </row>
    <row r="505723" spans="8:8">
      <c r="H505723" s="12"/>
    </row>
    <row r="505724" spans="8:8">
      <c r="H505724" s="12"/>
    </row>
    <row r="505725" spans="8:8">
      <c r="H505725" s="12"/>
    </row>
    <row r="505726" spans="8:8">
      <c r="H505726" s="12"/>
    </row>
    <row r="505727" spans="8:8">
      <c r="H505727" s="12"/>
    </row>
    <row r="505728" spans="8:8">
      <c r="H505728" s="12"/>
    </row>
    <row r="505729" spans="8:8">
      <c r="H505729" s="12"/>
    </row>
    <row r="505730" spans="8:8">
      <c r="H505730" s="12"/>
    </row>
    <row r="505731" spans="8:8">
      <c r="H505731" s="12"/>
    </row>
    <row r="505732" spans="8:8">
      <c r="H505732" s="12"/>
    </row>
    <row r="505733" spans="8:8">
      <c r="H505733" s="12"/>
    </row>
    <row r="505734" spans="8:8">
      <c r="H505734" s="12"/>
    </row>
    <row r="505735" spans="8:8">
      <c r="H505735" s="12"/>
    </row>
    <row r="505736" spans="8:8">
      <c r="H505736" s="12"/>
    </row>
    <row r="505737" spans="8:8">
      <c r="H505737" s="12"/>
    </row>
    <row r="505738" spans="8:8">
      <c r="H505738" s="12"/>
    </row>
    <row r="505739" spans="8:8">
      <c r="H505739" s="12"/>
    </row>
    <row r="505740" spans="8:8">
      <c r="H505740" s="12"/>
    </row>
    <row r="505741" spans="8:8">
      <c r="H505741" s="12"/>
    </row>
    <row r="505742" spans="8:8">
      <c r="H505742" s="12"/>
    </row>
    <row r="505743" spans="8:8">
      <c r="H505743" s="12"/>
    </row>
    <row r="505744" spans="8:8">
      <c r="H505744" s="12"/>
    </row>
    <row r="505745" spans="8:8">
      <c r="H505745" s="12"/>
    </row>
    <row r="505746" spans="8:8">
      <c r="H505746" s="12"/>
    </row>
    <row r="505747" spans="8:8">
      <c r="H505747" s="12"/>
    </row>
    <row r="505748" spans="8:8">
      <c r="H505748" s="12"/>
    </row>
    <row r="505749" spans="8:8">
      <c r="H505749" s="12"/>
    </row>
    <row r="505750" spans="8:8">
      <c r="H505750" s="12"/>
    </row>
    <row r="505751" spans="8:8">
      <c r="H505751" s="12"/>
    </row>
    <row r="505752" spans="8:8">
      <c r="H505752" s="12"/>
    </row>
    <row r="505753" spans="8:8">
      <c r="H505753" s="12"/>
    </row>
    <row r="505754" spans="8:8">
      <c r="H505754" s="12"/>
    </row>
    <row r="505755" spans="8:8">
      <c r="H505755" s="12"/>
    </row>
    <row r="505756" spans="8:8">
      <c r="H505756" s="12"/>
    </row>
    <row r="505757" spans="8:8">
      <c r="H505757" s="12"/>
    </row>
    <row r="505758" spans="8:8">
      <c r="H505758" s="12"/>
    </row>
    <row r="505759" spans="8:8">
      <c r="H505759" s="12"/>
    </row>
    <row r="505760" spans="8:8">
      <c r="H505760" s="12"/>
    </row>
    <row r="505761" spans="8:8">
      <c r="H505761" s="12"/>
    </row>
    <row r="505762" spans="8:8">
      <c r="H505762" s="12"/>
    </row>
    <row r="505763" spans="8:8">
      <c r="H505763" s="12"/>
    </row>
    <row r="505764" spans="8:8">
      <c r="H505764" s="12"/>
    </row>
    <row r="505765" spans="8:8">
      <c r="H505765" s="12"/>
    </row>
    <row r="505766" spans="8:8">
      <c r="H505766" s="12"/>
    </row>
    <row r="505767" spans="8:8">
      <c r="H505767" s="12"/>
    </row>
    <row r="505768" spans="8:8">
      <c r="H505768" s="12"/>
    </row>
    <row r="505769" spans="8:8">
      <c r="H505769" s="12"/>
    </row>
    <row r="505770" spans="8:8">
      <c r="H505770" s="12"/>
    </row>
    <row r="505771" spans="8:8">
      <c r="H505771" s="12"/>
    </row>
    <row r="505772" spans="8:8">
      <c r="H505772" s="12"/>
    </row>
    <row r="505773" spans="8:8">
      <c r="H505773" s="12"/>
    </row>
    <row r="505774" spans="8:8">
      <c r="H505774" s="12"/>
    </row>
    <row r="505775" spans="8:8">
      <c r="H505775" s="12"/>
    </row>
    <row r="505776" spans="8:8">
      <c r="H505776" s="12"/>
    </row>
    <row r="505777" spans="8:8">
      <c r="H505777" s="12"/>
    </row>
    <row r="505778" spans="8:8">
      <c r="H505778" s="12"/>
    </row>
    <row r="505779" spans="8:8">
      <c r="H505779" s="12"/>
    </row>
    <row r="505780" spans="8:8">
      <c r="H505780" s="12"/>
    </row>
    <row r="505781" spans="8:8">
      <c r="H505781" s="12"/>
    </row>
    <row r="505782" spans="8:8">
      <c r="H505782" s="12"/>
    </row>
    <row r="505783" spans="8:8">
      <c r="H505783" s="12"/>
    </row>
    <row r="505784" spans="8:8">
      <c r="H505784" s="12"/>
    </row>
    <row r="505785" spans="8:8">
      <c r="H505785" s="12"/>
    </row>
    <row r="505786" spans="8:8">
      <c r="H505786" s="12"/>
    </row>
    <row r="505787" spans="8:8">
      <c r="H505787" s="12"/>
    </row>
    <row r="505788" spans="8:8">
      <c r="H505788" s="12"/>
    </row>
    <row r="505789" spans="8:8">
      <c r="H505789" s="12"/>
    </row>
    <row r="505790" spans="8:8">
      <c r="H505790" s="12"/>
    </row>
    <row r="505791" spans="8:8">
      <c r="H505791" s="12"/>
    </row>
    <row r="505792" spans="8:8">
      <c r="H505792" s="12"/>
    </row>
    <row r="505793" spans="8:8">
      <c r="H505793" s="12"/>
    </row>
    <row r="505794" spans="8:8">
      <c r="H505794" s="12"/>
    </row>
    <row r="505795" spans="8:8">
      <c r="H505795" s="12"/>
    </row>
    <row r="505796" spans="8:8">
      <c r="H505796" s="12"/>
    </row>
    <row r="505797" spans="8:8">
      <c r="H505797" s="12"/>
    </row>
    <row r="505798" spans="8:8">
      <c r="H505798" s="12"/>
    </row>
    <row r="505799" spans="8:8">
      <c r="H505799" s="12"/>
    </row>
    <row r="505800" spans="8:8">
      <c r="H505800" s="12"/>
    </row>
    <row r="505801" spans="8:8">
      <c r="H505801" s="12"/>
    </row>
    <row r="505802" spans="8:8">
      <c r="H505802" s="12"/>
    </row>
    <row r="505803" spans="8:8">
      <c r="H505803" s="12"/>
    </row>
    <row r="505804" spans="8:8">
      <c r="H505804" s="12"/>
    </row>
    <row r="505805" spans="8:8">
      <c r="H505805" s="12"/>
    </row>
    <row r="505806" spans="8:8">
      <c r="H505806" s="12"/>
    </row>
    <row r="505807" spans="8:8">
      <c r="H505807" s="12"/>
    </row>
    <row r="505808" spans="8:8">
      <c r="H505808" s="12"/>
    </row>
    <row r="505809" spans="8:8">
      <c r="H505809" s="12"/>
    </row>
    <row r="505810" spans="8:8">
      <c r="H505810" s="12"/>
    </row>
    <row r="505811" spans="8:8">
      <c r="H505811" s="12"/>
    </row>
    <row r="505812" spans="8:8">
      <c r="H505812" s="12"/>
    </row>
    <row r="505813" spans="8:8">
      <c r="H505813" s="12"/>
    </row>
    <row r="505814" spans="8:8">
      <c r="H505814" s="12"/>
    </row>
    <row r="505815" spans="8:8">
      <c r="H505815" s="12"/>
    </row>
    <row r="505816" spans="8:8">
      <c r="H505816" s="12"/>
    </row>
    <row r="505817" spans="8:8">
      <c r="H505817" s="12"/>
    </row>
    <row r="505818" spans="8:8">
      <c r="H505818" s="12"/>
    </row>
    <row r="505819" spans="8:8">
      <c r="H505819" s="12"/>
    </row>
    <row r="505820" spans="8:8">
      <c r="H505820" s="12"/>
    </row>
    <row r="505821" spans="8:8">
      <c r="H505821" s="12"/>
    </row>
    <row r="505822" spans="8:8">
      <c r="H505822" s="12"/>
    </row>
    <row r="505823" spans="8:8">
      <c r="H505823" s="12"/>
    </row>
    <row r="505824" spans="8:8">
      <c r="H505824" s="12"/>
    </row>
    <row r="505825" spans="8:8">
      <c r="H505825" s="12"/>
    </row>
    <row r="505826" spans="8:8">
      <c r="H505826" s="12"/>
    </row>
    <row r="505827" spans="8:8">
      <c r="H505827" s="12"/>
    </row>
    <row r="505828" spans="8:8">
      <c r="H505828" s="12"/>
    </row>
    <row r="505829" spans="8:8">
      <c r="H505829" s="12"/>
    </row>
    <row r="505830" spans="8:8">
      <c r="H505830" s="12"/>
    </row>
    <row r="505831" spans="8:8">
      <c r="H505831" s="12"/>
    </row>
    <row r="505832" spans="8:8">
      <c r="H505832" s="12"/>
    </row>
    <row r="505833" spans="8:8">
      <c r="H505833" s="12"/>
    </row>
    <row r="505834" spans="8:8">
      <c r="H505834" s="12"/>
    </row>
    <row r="505835" spans="8:8">
      <c r="H505835" s="12"/>
    </row>
    <row r="505836" spans="8:8">
      <c r="H505836" s="12"/>
    </row>
    <row r="505837" spans="8:8">
      <c r="H505837" s="12"/>
    </row>
    <row r="505838" spans="8:8">
      <c r="H505838" s="12"/>
    </row>
    <row r="505839" spans="8:8">
      <c r="H505839" s="12"/>
    </row>
    <row r="505840" spans="8:8">
      <c r="H505840" s="12"/>
    </row>
    <row r="505841" spans="8:8">
      <c r="H505841" s="12"/>
    </row>
    <row r="505842" spans="8:8">
      <c r="H505842" s="12"/>
    </row>
    <row r="505843" spans="8:8">
      <c r="H505843" s="12"/>
    </row>
    <row r="505844" spans="8:8">
      <c r="H505844" s="12"/>
    </row>
    <row r="505845" spans="8:8">
      <c r="H505845" s="12"/>
    </row>
    <row r="505846" spans="8:8">
      <c r="H505846" s="12"/>
    </row>
    <row r="505847" spans="8:8">
      <c r="H505847" s="12"/>
    </row>
    <row r="505848" spans="8:8">
      <c r="H505848" s="12"/>
    </row>
    <row r="505849" spans="8:8">
      <c r="H505849" s="12"/>
    </row>
    <row r="505850" spans="8:8">
      <c r="H505850" s="12"/>
    </row>
    <row r="505851" spans="8:8">
      <c r="H505851" s="12"/>
    </row>
    <row r="505852" spans="8:8">
      <c r="H505852" s="12"/>
    </row>
    <row r="505853" spans="8:8">
      <c r="H505853" s="12"/>
    </row>
    <row r="505854" spans="8:8">
      <c r="H505854" s="12"/>
    </row>
    <row r="505855" spans="8:8">
      <c r="H505855" s="12"/>
    </row>
    <row r="505856" spans="8:8">
      <c r="H505856" s="12"/>
    </row>
    <row r="505857" spans="8:8">
      <c r="H505857" s="12"/>
    </row>
    <row r="505858" spans="8:8">
      <c r="H505858" s="12"/>
    </row>
    <row r="505859" spans="8:8">
      <c r="H505859" s="12"/>
    </row>
    <row r="505860" spans="8:8">
      <c r="H505860" s="12"/>
    </row>
    <row r="505861" spans="8:8">
      <c r="H505861" s="12"/>
    </row>
    <row r="505862" spans="8:8">
      <c r="H505862" s="12"/>
    </row>
    <row r="505863" spans="8:8">
      <c r="H505863" s="12"/>
    </row>
    <row r="505864" spans="8:8">
      <c r="H505864" s="12"/>
    </row>
    <row r="505865" spans="8:8">
      <c r="H505865" s="12"/>
    </row>
    <row r="505866" spans="8:8">
      <c r="H505866" s="12"/>
    </row>
    <row r="505867" spans="8:8">
      <c r="H505867" s="12"/>
    </row>
    <row r="505868" spans="8:8">
      <c r="H505868" s="12"/>
    </row>
    <row r="505869" spans="8:8">
      <c r="H505869" s="12"/>
    </row>
    <row r="505870" spans="8:8">
      <c r="H505870" s="12"/>
    </row>
    <row r="505871" spans="8:8">
      <c r="H505871" s="12"/>
    </row>
    <row r="505872" spans="8:8">
      <c r="H505872" s="12"/>
    </row>
    <row r="505873" spans="8:8">
      <c r="H505873" s="12"/>
    </row>
    <row r="505874" spans="8:8">
      <c r="H505874" s="12"/>
    </row>
    <row r="505875" spans="8:8">
      <c r="H505875" s="12"/>
    </row>
    <row r="505876" spans="8:8">
      <c r="H505876" s="12"/>
    </row>
    <row r="505877" spans="8:8">
      <c r="H505877" s="12"/>
    </row>
    <row r="505878" spans="8:8">
      <c r="H505878" s="12"/>
    </row>
    <row r="505879" spans="8:8">
      <c r="H505879" s="12"/>
    </row>
    <row r="505880" spans="8:8">
      <c r="H505880" s="12"/>
    </row>
    <row r="505881" spans="8:8">
      <c r="H505881" s="12"/>
    </row>
    <row r="505882" spans="8:8">
      <c r="H505882" s="12"/>
    </row>
    <row r="505883" spans="8:8">
      <c r="H505883" s="12"/>
    </row>
    <row r="505884" spans="8:8">
      <c r="H505884" s="12"/>
    </row>
    <row r="505885" spans="8:8">
      <c r="H505885" s="12"/>
    </row>
    <row r="505886" spans="8:8">
      <c r="H505886" s="12"/>
    </row>
    <row r="505887" spans="8:8">
      <c r="H505887" s="12"/>
    </row>
    <row r="505888" spans="8:8">
      <c r="H505888" s="12"/>
    </row>
    <row r="505889" spans="8:8">
      <c r="H505889" s="12"/>
    </row>
    <row r="505890" spans="8:8">
      <c r="H505890" s="12"/>
    </row>
    <row r="505891" spans="8:8">
      <c r="H505891" s="12"/>
    </row>
    <row r="505892" spans="8:8">
      <c r="H505892" s="12"/>
    </row>
    <row r="505893" spans="8:8">
      <c r="H505893" s="12"/>
    </row>
    <row r="505894" spans="8:8">
      <c r="H505894" s="12"/>
    </row>
    <row r="505895" spans="8:8">
      <c r="H505895" s="12"/>
    </row>
    <row r="505896" spans="8:8">
      <c r="H505896" s="12"/>
    </row>
    <row r="505897" spans="8:8">
      <c r="H505897" s="12"/>
    </row>
    <row r="505898" spans="8:8">
      <c r="H505898" s="12"/>
    </row>
    <row r="505899" spans="8:8">
      <c r="H505899" s="12"/>
    </row>
    <row r="505900" spans="8:8">
      <c r="H505900" s="12"/>
    </row>
    <row r="505901" spans="8:8">
      <c r="H505901" s="12"/>
    </row>
    <row r="505902" spans="8:8">
      <c r="H505902" s="12"/>
    </row>
    <row r="505903" spans="8:8">
      <c r="H505903" s="12"/>
    </row>
    <row r="505904" spans="8:8">
      <c r="H505904" s="12"/>
    </row>
    <row r="505905" spans="8:8">
      <c r="H505905" s="12"/>
    </row>
    <row r="505906" spans="8:8">
      <c r="H505906" s="12"/>
    </row>
    <row r="505907" spans="8:8">
      <c r="H505907" s="12"/>
    </row>
    <row r="505908" spans="8:8">
      <c r="H505908" s="12"/>
    </row>
    <row r="505909" spans="8:8">
      <c r="H505909" s="12"/>
    </row>
    <row r="505910" spans="8:8">
      <c r="H505910" s="12"/>
    </row>
    <row r="505911" spans="8:8">
      <c r="H505911" s="12"/>
    </row>
    <row r="505912" spans="8:8">
      <c r="H505912" s="12"/>
    </row>
    <row r="505913" spans="8:8">
      <c r="H505913" s="12"/>
    </row>
    <row r="505914" spans="8:8">
      <c r="H505914" s="12"/>
    </row>
    <row r="505915" spans="8:8">
      <c r="H505915" s="12"/>
    </row>
    <row r="505916" spans="8:8">
      <c r="H505916" s="12"/>
    </row>
    <row r="505917" spans="8:8">
      <c r="H505917" s="12"/>
    </row>
    <row r="505918" spans="8:8">
      <c r="H505918" s="12"/>
    </row>
    <row r="505919" spans="8:8">
      <c r="H505919" s="12"/>
    </row>
    <row r="505920" spans="8:8">
      <c r="H505920" s="12"/>
    </row>
    <row r="505921" spans="8:8">
      <c r="H505921" s="12"/>
    </row>
    <row r="505922" spans="8:8">
      <c r="H505922" s="12"/>
    </row>
    <row r="505923" spans="8:8">
      <c r="H505923" s="12"/>
    </row>
    <row r="505924" spans="8:8">
      <c r="H505924" s="12"/>
    </row>
    <row r="505925" spans="8:8">
      <c r="H505925" s="12"/>
    </row>
    <row r="505926" spans="8:8">
      <c r="H505926" s="12"/>
    </row>
    <row r="505927" spans="8:8">
      <c r="H505927" s="12"/>
    </row>
    <row r="505928" spans="8:8">
      <c r="H505928" s="12"/>
    </row>
    <row r="505929" spans="8:8">
      <c r="H505929" s="12"/>
    </row>
    <row r="505930" spans="8:8">
      <c r="H505930" s="12"/>
    </row>
    <row r="505931" spans="8:8">
      <c r="H505931" s="12"/>
    </row>
    <row r="505932" spans="8:8">
      <c r="H505932" s="12"/>
    </row>
    <row r="505933" spans="8:8">
      <c r="H505933" s="12"/>
    </row>
    <row r="505934" spans="8:8">
      <c r="H505934" s="12"/>
    </row>
    <row r="505935" spans="8:8">
      <c r="H505935" s="12"/>
    </row>
    <row r="505936" spans="8:8">
      <c r="H505936" s="12"/>
    </row>
    <row r="505937" spans="8:8">
      <c r="H505937" s="12"/>
    </row>
    <row r="505938" spans="8:8">
      <c r="H505938" s="12"/>
    </row>
    <row r="505939" spans="8:8">
      <c r="H505939" s="12"/>
    </row>
    <row r="505940" spans="8:8">
      <c r="H505940" s="12"/>
    </row>
    <row r="505941" spans="8:8">
      <c r="H505941" s="12"/>
    </row>
    <row r="505942" spans="8:8">
      <c r="H505942" s="12"/>
    </row>
    <row r="505943" spans="8:8">
      <c r="H505943" s="12"/>
    </row>
    <row r="505944" spans="8:8">
      <c r="H505944" s="12"/>
    </row>
    <row r="505945" spans="8:8">
      <c r="H505945" s="12"/>
    </row>
    <row r="505946" spans="8:8">
      <c r="H505946" s="12"/>
    </row>
    <row r="505947" spans="8:8">
      <c r="H505947" s="12"/>
    </row>
    <row r="505948" spans="8:8">
      <c r="H505948" s="12"/>
    </row>
    <row r="505949" spans="8:8">
      <c r="H505949" s="12"/>
    </row>
    <row r="505950" spans="8:8">
      <c r="H505950" s="12"/>
    </row>
    <row r="505951" spans="8:8">
      <c r="H505951" s="12"/>
    </row>
    <row r="505952" spans="8:8">
      <c r="H505952" s="12"/>
    </row>
    <row r="505953" spans="8:8">
      <c r="H505953" s="12"/>
    </row>
    <row r="505954" spans="8:8">
      <c r="H505954" s="12"/>
    </row>
    <row r="505955" spans="8:8">
      <c r="H505955" s="12"/>
    </row>
    <row r="505956" spans="8:8">
      <c r="H505956" s="12"/>
    </row>
    <row r="505957" spans="8:8">
      <c r="H505957" s="12"/>
    </row>
    <row r="505958" spans="8:8">
      <c r="H505958" s="12"/>
    </row>
    <row r="505959" spans="8:8">
      <c r="H505959" s="12"/>
    </row>
    <row r="505960" spans="8:8">
      <c r="H505960" s="12"/>
    </row>
    <row r="505961" spans="8:8">
      <c r="H505961" s="12"/>
    </row>
    <row r="505962" spans="8:8">
      <c r="H505962" s="12"/>
    </row>
    <row r="505963" spans="8:8">
      <c r="H505963" s="12"/>
    </row>
    <row r="505964" spans="8:8">
      <c r="H505964" s="12"/>
    </row>
    <row r="505965" spans="8:8">
      <c r="H505965" s="12"/>
    </row>
    <row r="505966" spans="8:8">
      <c r="H505966" s="12"/>
    </row>
    <row r="505967" spans="8:8">
      <c r="H505967" s="12"/>
    </row>
    <row r="505968" spans="8:8">
      <c r="H505968" s="12"/>
    </row>
    <row r="505969" spans="8:8">
      <c r="H505969" s="12"/>
    </row>
    <row r="505970" spans="8:8">
      <c r="H505970" s="12"/>
    </row>
    <row r="505971" spans="8:8">
      <c r="H505971" s="12"/>
    </row>
    <row r="505972" spans="8:8">
      <c r="H505972" s="12"/>
    </row>
    <row r="505973" spans="8:8">
      <c r="H505973" s="12"/>
    </row>
    <row r="505974" spans="8:8">
      <c r="H505974" s="12"/>
    </row>
    <row r="505975" spans="8:8">
      <c r="H505975" s="12"/>
    </row>
    <row r="505976" spans="8:8">
      <c r="H505976" s="12"/>
    </row>
    <row r="505977" spans="8:8">
      <c r="H505977" s="12"/>
    </row>
    <row r="505978" spans="8:8">
      <c r="H505978" s="12"/>
    </row>
    <row r="505979" spans="8:8">
      <c r="H505979" s="12"/>
    </row>
    <row r="505980" spans="8:8">
      <c r="H505980" s="12"/>
    </row>
    <row r="505981" spans="8:8">
      <c r="H505981" s="12"/>
    </row>
    <row r="505982" spans="8:8">
      <c r="H505982" s="12"/>
    </row>
    <row r="505983" spans="8:8">
      <c r="H505983" s="12"/>
    </row>
    <row r="505984" spans="8:8">
      <c r="H505984" s="12"/>
    </row>
    <row r="505985" spans="8:8">
      <c r="H505985" s="12"/>
    </row>
    <row r="505986" spans="8:8">
      <c r="H505986" s="12"/>
    </row>
    <row r="505987" spans="8:8">
      <c r="H505987" s="12"/>
    </row>
    <row r="505988" spans="8:8">
      <c r="H505988" s="12"/>
    </row>
    <row r="505989" spans="8:8">
      <c r="H505989" s="12"/>
    </row>
    <row r="505990" spans="8:8">
      <c r="H505990" s="12"/>
    </row>
    <row r="505991" spans="8:8">
      <c r="H505991" s="12"/>
    </row>
    <row r="505992" spans="8:8">
      <c r="H505992" s="12"/>
    </row>
    <row r="505993" spans="8:8">
      <c r="H505993" s="12"/>
    </row>
    <row r="505994" spans="8:8">
      <c r="H505994" s="12"/>
    </row>
    <row r="505995" spans="8:8">
      <c r="H505995" s="12"/>
    </row>
    <row r="505996" spans="8:8">
      <c r="H505996" s="12"/>
    </row>
    <row r="505997" spans="8:8">
      <c r="H505997" s="12"/>
    </row>
    <row r="505998" spans="8:8">
      <c r="H505998" s="12"/>
    </row>
    <row r="505999" spans="8:8">
      <c r="H505999" s="12"/>
    </row>
    <row r="506000" spans="8:8">
      <c r="H506000" s="12"/>
    </row>
    <row r="506001" spans="8:8">
      <c r="H506001" s="12"/>
    </row>
    <row r="506002" spans="8:8">
      <c r="H506002" s="12"/>
    </row>
    <row r="506003" spans="8:8">
      <c r="H506003" s="12"/>
    </row>
    <row r="506004" spans="8:8">
      <c r="H506004" s="12"/>
    </row>
    <row r="506005" spans="8:8">
      <c r="H506005" s="12"/>
    </row>
    <row r="506006" spans="8:8">
      <c r="H506006" s="12"/>
    </row>
    <row r="506007" spans="8:8">
      <c r="H506007" s="12"/>
    </row>
    <row r="506008" spans="8:8">
      <c r="H506008" s="12"/>
    </row>
    <row r="506009" spans="8:8">
      <c r="H506009" s="12"/>
    </row>
    <row r="506010" spans="8:8">
      <c r="H506010" s="12"/>
    </row>
    <row r="506011" spans="8:8">
      <c r="H506011" s="12"/>
    </row>
    <row r="506012" spans="8:8">
      <c r="H506012" s="12"/>
    </row>
    <row r="506013" spans="8:8">
      <c r="H506013" s="12"/>
    </row>
    <row r="506014" spans="8:8">
      <c r="H506014" s="12"/>
    </row>
    <row r="506015" spans="8:8">
      <c r="H506015" s="12"/>
    </row>
    <row r="506016" spans="8:8">
      <c r="H506016" s="12"/>
    </row>
    <row r="506017" spans="8:8">
      <c r="H506017" s="12"/>
    </row>
    <row r="506018" spans="8:8">
      <c r="H506018" s="12"/>
    </row>
    <row r="506019" spans="8:8">
      <c r="H506019" s="12"/>
    </row>
    <row r="506020" spans="8:8">
      <c r="H506020" s="12"/>
    </row>
    <row r="506021" spans="8:8">
      <c r="H506021" s="12"/>
    </row>
    <row r="506022" spans="8:8">
      <c r="H506022" s="12"/>
    </row>
    <row r="506023" spans="8:8">
      <c r="H506023" s="12"/>
    </row>
    <row r="506024" spans="8:8">
      <c r="H506024" s="12"/>
    </row>
    <row r="506025" spans="8:8">
      <c r="H506025" s="12"/>
    </row>
    <row r="506026" spans="8:8">
      <c r="H506026" s="12"/>
    </row>
    <row r="506027" spans="8:8">
      <c r="H506027" s="12"/>
    </row>
    <row r="506028" spans="8:8">
      <c r="H506028" s="12"/>
    </row>
    <row r="506029" spans="8:8">
      <c r="H506029" s="12"/>
    </row>
    <row r="506030" spans="8:8">
      <c r="H506030" s="12"/>
    </row>
    <row r="506031" spans="8:8">
      <c r="H506031" s="12"/>
    </row>
    <row r="506032" spans="8:8">
      <c r="H506032" s="12"/>
    </row>
    <row r="506033" spans="8:8">
      <c r="H506033" s="12"/>
    </row>
    <row r="506034" spans="8:8">
      <c r="H506034" s="12"/>
    </row>
    <row r="506035" spans="8:8">
      <c r="H506035" s="12"/>
    </row>
    <row r="506036" spans="8:8">
      <c r="H506036" s="12"/>
    </row>
    <row r="506037" spans="8:8">
      <c r="H506037" s="12"/>
    </row>
    <row r="506038" spans="8:8">
      <c r="H506038" s="12"/>
    </row>
    <row r="506039" spans="8:8">
      <c r="H506039" s="12"/>
    </row>
    <row r="506040" spans="8:8">
      <c r="H506040" s="12"/>
    </row>
    <row r="506041" spans="8:8">
      <c r="H506041" s="12"/>
    </row>
    <row r="506042" spans="8:8">
      <c r="H506042" s="12"/>
    </row>
    <row r="506043" spans="8:8">
      <c r="H506043" s="12"/>
    </row>
    <row r="506044" spans="8:8">
      <c r="H506044" s="12"/>
    </row>
    <row r="506045" spans="8:8">
      <c r="H506045" s="12"/>
    </row>
    <row r="506046" spans="8:8">
      <c r="H506046" s="12"/>
    </row>
    <row r="506047" spans="8:8">
      <c r="H506047" s="12"/>
    </row>
    <row r="506048" spans="8:8">
      <c r="H506048" s="12"/>
    </row>
    <row r="506049" spans="8:8">
      <c r="H506049" s="12"/>
    </row>
    <row r="506050" spans="8:8">
      <c r="H506050" s="12"/>
    </row>
    <row r="506051" spans="8:8">
      <c r="H506051" s="12"/>
    </row>
    <row r="506052" spans="8:8">
      <c r="H506052" s="12"/>
    </row>
    <row r="506053" spans="8:8">
      <c r="H506053" s="12"/>
    </row>
    <row r="506054" spans="8:8">
      <c r="H506054" s="12"/>
    </row>
    <row r="506055" spans="8:8">
      <c r="H506055" s="12"/>
    </row>
    <row r="506056" spans="8:8">
      <c r="H506056" s="12"/>
    </row>
    <row r="506057" spans="8:8">
      <c r="H506057" s="12"/>
    </row>
    <row r="506058" spans="8:8">
      <c r="H506058" s="12"/>
    </row>
    <row r="506059" spans="8:8">
      <c r="H506059" s="12"/>
    </row>
    <row r="506060" spans="8:8">
      <c r="H506060" s="12"/>
    </row>
    <row r="506061" spans="8:8">
      <c r="H506061" s="12"/>
    </row>
    <row r="506062" spans="8:8">
      <c r="H506062" s="12"/>
    </row>
    <row r="506063" spans="8:8">
      <c r="H506063" s="12"/>
    </row>
    <row r="506064" spans="8:8">
      <c r="H506064" s="12"/>
    </row>
    <row r="506065" spans="8:8">
      <c r="H506065" s="12"/>
    </row>
    <row r="506066" spans="8:8">
      <c r="H506066" s="12"/>
    </row>
    <row r="506067" spans="8:8">
      <c r="H506067" s="12"/>
    </row>
    <row r="506068" spans="8:8">
      <c r="H506068" s="12"/>
    </row>
    <row r="506069" spans="8:8">
      <c r="H506069" s="12"/>
    </row>
    <row r="506070" spans="8:8">
      <c r="H506070" s="12"/>
    </row>
    <row r="506071" spans="8:8">
      <c r="H506071" s="12"/>
    </row>
    <row r="506072" spans="8:8">
      <c r="H506072" s="12"/>
    </row>
    <row r="506073" spans="8:8">
      <c r="H506073" s="12"/>
    </row>
    <row r="506074" spans="8:8">
      <c r="H506074" s="12"/>
    </row>
    <row r="506075" spans="8:8">
      <c r="H506075" s="12"/>
    </row>
    <row r="506076" spans="8:8">
      <c r="H506076" s="12"/>
    </row>
    <row r="506077" spans="8:8">
      <c r="H506077" s="12"/>
    </row>
    <row r="506078" spans="8:8">
      <c r="H506078" s="12"/>
    </row>
    <row r="506079" spans="8:8">
      <c r="H506079" s="12"/>
    </row>
    <row r="506080" spans="8:8">
      <c r="H506080" s="12"/>
    </row>
    <row r="506081" spans="8:8">
      <c r="H506081" s="12"/>
    </row>
    <row r="506082" spans="8:8">
      <c r="H506082" s="12"/>
    </row>
    <row r="506083" spans="8:8">
      <c r="H506083" s="12"/>
    </row>
    <row r="506084" spans="8:8">
      <c r="H506084" s="12"/>
    </row>
    <row r="506085" spans="8:8">
      <c r="H506085" s="12"/>
    </row>
    <row r="506086" spans="8:8">
      <c r="H506086" s="12"/>
    </row>
    <row r="506087" spans="8:8">
      <c r="H506087" s="12"/>
    </row>
    <row r="506088" spans="8:8">
      <c r="H506088" s="12"/>
    </row>
    <row r="506089" spans="8:8">
      <c r="H506089" s="12"/>
    </row>
    <row r="506090" spans="8:8">
      <c r="H506090" s="12"/>
    </row>
    <row r="506091" spans="8:8">
      <c r="H506091" s="12"/>
    </row>
    <row r="506092" spans="8:8">
      <c r="H506092" s="12"/>
    </row>
    <row r="506093" spans="8:8">
      <c r="H506093" s="12"/>
    </row>
    <row r="506094" spans="8:8">
      <c r="H506094" s="12"/>
    </row>
    <row r="506095" spans="8:8">
      <c r="H506095" s="12"/>
    </row>
    <row r="506096" spans="8:8">
      <c r="H506096" s="12"/>
    </row>
    <row r="506097" spans="8:8">
      <c r="H506097" s="12"/>
    </row>
    <row r="506098" spans="8:8">
      <c r="H506098" s="12"/>
    </row>
    <row r="506099" spans="8:8">
      <c r="H506099" s="12"/>
    </row>
    <row r="506100" spans="8:8">
      <c r="H506100" s="12"/>
    </row>
    <row r="506101" spans="8:8">
      <c r="H506101" s="12"/>
    </row>
    <row r="506102" spans="8:8">
      <c r="H506102" s="12"/>
    </row>
    <row r="506103" spans="8:8">
      <c r="H506103" s="12"/>
    </row>
    <row r="506104" spans="8:8">
      <c r="H506104" s="12"/>
    </row>
    <row r="506105" spans="8:8">
      <c r="H506105" s="12"/>
    </row>
    <row r="506106" spans="8:8">
      <c r="H506106" s="12"/>
    </row>
    <row r="506107" spans="8:8">
      <c r="H506107" s="12"/>
    </row>
    <row r="506108" spans="8:8">
      <c r="H506108" s="12"/>
    </row>
    <row r="506109" spans="8:8">
      <c r="H506109" s="12"/>
    </row>
    <row r="506110" spans="8:8">
      <c r="H506110" s="12"/>
    </row>
    <row r="506111" spans="8:8">
      <c r="H506111" s="12"/>
    </row>
    <row r="506112" spans="8:8">
      <c r="H506112" s="12"/>
    </row>
    <row r="506113" spans="8:8">
      <c r="H506113" s="12"/>
    </row>
    <row r="506114" spans="8:8">
      <c r="H506114" s="12"/>
    </row>
    <row r="506115" spans="8:8">
      <c r="H506115" s="12"/>
    </row>
    <row r="506116" spans="8:8">
      <c r="H506116" s="12"/>
    </row>
    <row r="506117" spans="8:8">
      <c r="H506117" s="12"/>
    </row>
    <row r="506118" spans="8:8">
      <c r="H506118" s="12"/>
    </row>
    <row r="506119" spans="8:8">
      <c r="H506119" s="12"/>
    </row>
    <row r="506120" spans="8:8">
      <c r="H506120" s="12"/>
    </row>
    <row r="506121" spans="8:8">
      <c r="H506121" s="12"/>
    </row>
    <row r="506122" spans="8:8">
      <c r="H506122" s="12"/>
    </row>
    <row r="506123" spans="8:8">
      <c r="H506123" s="12"/>
    </row>
    <row r="506124" spans="8:8">
      <c r="H506124" s="12"/>
    </row>
    <row r="506125" spans="8:8">
      <c r="H506125" s="12"/>
    </row>
    <row r="506126" spans="8:8">
      <c r="H506126" s="12"/>
    </row>
    <row r="506127" spans="8:8">
      <c r="H506127" s="12"/>
    </row>
    <row r="506128" spans="8:8">
      <c r="H506128" s="12"/>
    </row>
    <row r="506129" spans="8:8">
      <c r="H506129" s="12"/>
    </row>
    <row r="506130" spans="8:8">
      <c r="H506130" s="12"/>
    </row>
    <row r="506131" spans="8:8">
      <c r="H506131" s="12"/>
    </row>
    <row r="506132" spans="8:8">
      <c r="H506132" s="12"/>
    </row>
    <row r="506133" spans="8:8">
      <c r="H506133" s="12"/>
    </row>
    <row r="506134" spans="8:8">
      <c r="H506134" s="12"/>
    </row>
    <row r="506135" spans="8:8">
      <c r="H506135" s="12"/>
    </row>
    <row r="506136" spans="8:8">
      <c r="H506136" s="12"/>
    </row>
    <row r="506137" spans="8:8">
      <c r="H506137" s="12"/>
    </row>
    <row r="506138" spans="8:8">
      <c r="H506138" s="12"/>
    </row>
    <row r="506139" spans="8:8">
      <c r="H506139" s="12"/>
    </row>
    <row r="506140" spans="8:8">
      <c r="H506140" s="12"/>
    </row>
    <row r="506141" spans="8:8">
      <c r="H506141" s="12"/>
    </row>
    <row r="506142" spans="8:8">
      <c r="H506142" s="12"/>
    </row>
    <row r="506143" spans="8:8">
      <c r="H506143" s="12"/>
    </row>
    <row r="506144" spans="8:8">
      <c r="H506144" s="12"/>
    </row>
    <row r="506145" spans="8:8">
      <c r="H506145" s="12"/>
    </row>
    <row r="506146" spans="8:8">
      <c r="H506146" s="12"/>
    </row>
    <row r="506147" spans="8:8">
      <c r="H506147" s="12"/>
    </row>
    <row r="506148" spans="8:8">
      <c r="H506148" s="12"/>
    </row>
    <row r="506149" spans="8:8">
      <c r="H506149" s="12"/>
    </row>
    <row r="506150" spans="8:8">
      <c r="H506150" s="12"/>
    </row>
    <row r="506151" spans="8:8">
      <c r="H506151" s="12"/>
    </row>
    <row r="506152" spans="8:8">
      <c r="H506152" s="12"/>
    </row>
    <row r="506153" spans="8:8">
      <c r="H506153" s="12"/>
    </row>
    <row r="506154" spans="8:8">
      <c r="H506154" s="12"/>
    </row>
    <row r="506155" spans="8:8">
      <c r="H506155" s="12"/>
    </row>
    <row r="506156" spans="8:8">
      <c r="H506156" s="12"/>
    </row>
    <row r="506157" spans="8:8">
      <c r="H506157" s="12"/>
    </row>
    <row r="506158" spans="8:8">
      <c r="H506158" s="12"/>
    </row>
    <row r="506159" spans="8:8">
      <c r="H506159" s="12"/>
    </row>
    <row r="506160" spans="8:8">
      <c r="H506160" s="12"/>
    </row>
    <row r="506161" spans="8:8">
      <c r="H506161" s="12"/>
    </row>
    <row r="506162" spans="8:8">
      <c r="H506162" s="12"/>
    </row>
    <row r="506163" spans="8:8">
      <c r="H506163" s="12"/>
    </row>
    <row r="506164" spans="8:8">
      <c r="H506164" s="12"/>
    </row>
    <row r="506165" spans="8:8">
      <c r="H506165" s="12"/>
    </row>
    <row r="506166" spans="8:8">
      <c r="H506166" s="12"/>
    </row>
    <row r="506167" spans="8:8">
      <c r="H506167" s="12"/>
    </row>
    <row r="506168" spans="8:8">
      <c r="H506168" s="12"/>
    </row>
    <row r="506169" spans="8:8">
      <c r="H506169" s="12"/>
    </row>
    <row r="506170" spans="8:8">
      <c r="H506170" s="12"/>
    </row>
    <row r="506171" spans="8:8">
      <c r="H506171" s="12"/>
    </row>
    <row r="506172" spans="8:8">
      <c r="H506172" s="12"/>
    </row>
    <row r="506173" spans="8:8">
      <c r="H506173" s="12"/>
    </row>
    <row r="506174" spans="8:8">
      <c r="H506174" s="12"/>
    </row>
    <row r="506175" spans="8:8">
      <c r="H506175" s="12"/>
    </row>
    <row r="506176" spans="8:8">
      <c r="H506176" s="12"/>
    </row>
    <row r="506177" spans="8:8">
      <c r="H506177" s="12"/>
    </row>
    <row r="506178" spans="8:8">
      <c r="H506178" s="12"/>
    </row>
    <row r="506179" spans="8:8">
      <c r="H506179" s="12"/>
    </row>
    <row r="506180" spans="8:8">
      <c r="H506180" s="12"/>
    </row>
    <row r="506181" spans="8:8">
      <c r="H506181" s="12"/>
    </row>
    <row r="506182" spans="8:8">
      <c r="H506182" s="12"/>
    </row>
    <row r="506183" spans="8:8">
      <c r="H506183" s="12"/>
    </row>
    <row r="506184" spans="8:8">
      <c r="H506184" s="12"/>
    </row>
    <row r="506185" spans="8:8">
      <c r="H506185" s="12"/>
    </row>
    <row r="506186" spans="8:8">
      <c r="H506186" s="12"/>
    </row>
    <row r="506187" spans="8:8">
      <c r="H506187" s="12"/>
    </row>
    <row r="506188" spans="8:8">
      <c r="H506188" s="12"/>
    </row>
    <row r="506189" spans="8:8">
      <c r="H506189" s="12"/>
    </row>
    <row r="506190" spans="8:8">
      <c r="H506190" s="12"/>
    </row>
    <row r="506191" spans="8:8">
      <c r="H506191" s="12"/>
    </row>
    <row r="506192" spans="8:8">
      <c r="H506192" s="12"/>
    </row>
    <row r="506193" spans="8:8">
      <c r="H506193" s="12"/>
    </row>
    <row r="506194" spans="8:8">
      <c r="H506194" s="12"/>
    </row>
    <row r="506195" spans="8:8">
      <c r="H506195" s="12"/>
    </row>
    <row r="506196" spans="8:8">
      <c r="H506196" s="12"/>
    </row>
    <row r="506197" spans="8:8">
      <c r="H506197" s="12"/>
    </row>
    <row r="506198" spans="8:8">
      <c r="H506198" s="12"/>
    </row>
    <row r="506199" spans="8:8">
      <c r="H506199" s="12"/>
    </row>
    <row r="506200" spans="8:8">
      <c r="H506200" s="12"/>
    </row>
    <row r="506201" spans="8:8">
      <c r="H506201" s="12"/>
    </row>
    <row r="506202" spans="8:8">
      <c r="H506202" s="12"/>
    </row>
    <row r="506203" spans="8:8">
      <c r="H506203" s="12"/>
    </row>
    <row r="506204" spans="8:8">
      <c r="H506204" s="12"/>
    </row>
    <row r="506205" spans="8:8">
      <c r="H506205" s="12"/>
    </row>
    <row r="506206" spans="8:8">
      <c r="H506206" s="12"/>
    </row>
    <row r="506207" spans="8:8">
      <c r="H506207" s="12"/>
    </row>
    <row r="506208" spans="8:8">
      <c r="H506208" s="12"/>
    </row>
    <row r="506209" spans="8:8">
      <c r="H506209" s="12"/>
    </row>
    <row r="506210" spans="8:8">
      <c r="H506210" s="12"/>
    </row>
    <row r="506211" spans="8:8">
      <c r="H506211" s="12"/>
    </row>
    <row r="506212" spans="8:8">
      <c r="H506212" s="12"/>
    </row>
    <row r="506213" spans="8:8">
      <c r="H506213" s="12"/>
    </row>
    <row r="506214" spans="8:8">
      <c r="H506214" s="12"/>
    </row>
    <row r="506215" spans="8:8">
      <c r="H506215" s="12"/>
    </row>
    <row r="506216" spans="8:8">
      <c r="H506216" s="12"/>
    </row>
    <row r="506217" spans="8:8">
      <c r="H506217" s="12"/>
    </row>
    <row r="506218" spans="8:8">
      <c r="H506218" s="12"/>
    </row>
    <row r="506219" spans="8:8">
      <c r="H506219" s="12"/>
    </row>
    <row r="506220" spans="8:8">
      <c r="H506220" s="12"/>
    </row>
    <row r="506221" spans="8:8">
      <c r="H506221" s="12"/>
    </row>
    <row r="506222" spans="8:8">
      <c r="H506222" s="12"/>
    </row>
    <row r="506223" spans="8:8">
      <c r="H506223" s="12"/>
    </row>
    <row r="506224" spans="8:8">
      <c r="H506224" s="12"/>
    </row>
    <row r="506225" spans="8:8">
      <c r="H506225" s="12"/>
    </row>
    <row r="506226" spans="8:8">
      <c r="H506226" s="12"/>
    </row>
    <row r="506227" spans="8:8">
      <c r="H506227" s="12"/>
    </row>
    <row r="506228" spans="8:8">
      <c r="H506228" s="12"/>
    </row>
    <row r="506229" spans="8:8">
      <c r="H506229" s="12"/>
    </row>
    <row r="506230" spans="8:8">
      <c r="H506230" s="12"/>
    </row>
    <row r="506231" spans="8:8">
      <c r="H506231" s="12"/>
    </row>
    <row r="506232" spans="8:8">
      <c r="H506232" s="12"/>
    </row>
    <row r="506233" spans="8:8">
      <c r="H506233" s="12"/>
    </row>
    <row r="506234" spans="8:8">
      <c r="H506234" s="12"/>
    </row>
    <row r="506235" spans="8:8">
      <c r="H506235" s="12"/>
    </row>
    <row r="506236" spans="8:8">
      <c r="H506236" s="12"/>
    </row>
    <row r="506237" spans="8:8">
      <c r="H506237" s="12"/>
    </row>
    <row r="506238" spans="8:8">
      <c r="H506238" s="12"/>
    </row>
    <row r="506239" spans="8:8">
      <c r="H506239" s="12"/>
    </row>
    <row r="506240" spans="8:8">
      <c r="H506240" s="12"/>
    </row>
    <row r="506241" spans="8:8">
      <c r="H506241" s="12"/>
    </row>
    <row r="506242" spans="8:8">
      <c r="H506242" s="12"/>
    </row>
    <row r="506243" spans="8:8">
      <c r="H506243" s="12"/>
    </row>
    <row r="506244" spans="8:8">
      <c r="H506244" s="12"/>
    </row>
    <row r="506245" spans="8:8">
      <c r="H506245" s="12"/>
    </row>
    <row r="506246" spans="8:8">
      <c r="H506246" s="12"/>
    </row>
    <row r="506247" spans="8:8">
      <c r="H506247" s="12"/>
    </row>
    <row r="506248" spans="8:8">
      <c r="H506248" s="12"/>
    </row>
    <row r="506249" spans="8:8">
      <c r="H506249" s="12"/>
    </row>
    <row r="506250" spans="8:8">
      <c r="H506250" s="12"/>
    </row>
    <row r="506251" spans="8:8">
      <c r="H506251" s="12"/>
    </row>
    <row r="506252" spans="8:8">
      <c r="H506252" s="12"/>
    </row>
    <row r="506253" spans="8:8">
      <c r="H506253" s="12"/>
    </row>
    <row r="506254" spans="8:8">
      <c r="H506254" s="12"/>
    </row>
    <row r="506255" spans="8:8">
      <c r="H506255" s="12"/>
    </row>
    <row r="506256" spans="8:8">
      <c r="H506256" s="12"/>
    </row>
    <row r="506257" spans="8:8">
      <c r="H506257" s="12"/>
    </row>
    <row r="506258" spans="8:8">
      <c r="H506258" s="12"/>
    </row>
    <row r="506259" spans="8:8">
      <c r="H506259" s="12"/>
    </row>
    <row r="506260" spans="8:8">
      <c r="H506260" s="12"/>
    </row>
    <row r="506261" spans="8:8">
      <c r="H506261" s="12"/>
    </row>
    <row r="506262" spans="8:8">
      <c r="H506262" s="12"/>
    </row>
    <row r="506263" spans="8:8">
      <c r="H506263" s="12"/>
    </row>
    <row r="506264" spans="8:8">
      <c r="H506264" s="12"/>
    </row>
    <row r="506265" spans="8:8">
      <c r="H506265" s="12"/>
    </row>
    <row r="506266" spans="8:8">
      <c r="H506266" s="12"/>
    </row>
    <row r="506267" spans="8:8">
      <c r="H506267" s="12"/>
    </row>
    <row r="506268" spans="8:8">
      <c r="H506268" s="12"/>
    </row>
    <row r="506269" spans="8:8">
      <c r="H506269" s="12"/>
    </row>
    <row r="506270" spans="8:8">
      <c r="H506270" s="12"/>
    </row>
    <row r="506271" spans="8:8">
      <c r="H506271" s="12"/>
    </row>
    <row r="506272" spans="8:8">
      <c r="H506272" s="12"/>
    </row>
    <row r="506273" spans="8:8">
      <c r="H506273" s="12"/>
    </row>
    <row r="506274" spans="8:8">
      <c r="H506274" s="12"/>
    </row>
    <row r="506275" spans="8:8">
      <c r="H506275" s="12"/>
    </row>
    <row r="506276" spans="8:8">
      <c r="H506276" s="12"/>
    </row>
    <row r="506277" spans="8:8">
      <c r="H506277" s="12"/>
    </row>
    <row r="506278" spans="8:8">
      <c r="H506278" s="12"/>
    </row>
    <row r="506279" spans="8:8">
      <c r="H506279" s="12"/>
    </row>
    <row r="506280" spans="8:8">
      <c r="H506280" s="12"/>
    </row>
    <row r="506281" spans="8:8">
      <c r="H506281" s="12"/>
    </row>
    <row r="506282" spans="8:8">
      <c r="H506282" s="12"/>
    </row>
    <row r="506283" spans="8:8">
      <c r="H506283" s="12"/>
    </row>
    <row r="506284" spans="8:8">
      <c r="H506284" s="12"/>
    </row>
    <row r="506285" spans="8:8">
      <c r="H506285" s="12"/>
    </row>
    <row r="506286" spans="8:8">
      <c r="H506286" s="12"/>
    </row>
    <row r="506287" spans="8:8">
      <c r="H506287" s="12"/>
    </row>
    <row r="506288" spans="8:8">
      <c r="H506288" s="12"/>
    </row>
    <row r="506289" spans="8:8">
      <c r="H506289" s="12"/>
    </row>
    <row r="506290" spans="8:8">
      <c r="H506290" s="12"/>
    </row>
    <row r="506291" spans="8:8">
      <c r="H506291" s="12"/>
    </row>
    <row r="506292" spans="8:8">
      <c r="H506292" s="12"/>
    </row>
    <row r="506293" spans="8:8">
      <c r="H506293" s="12"/>
    </row>
    <row r="506294" spans="8:8">
      <c r="H506294" s="12"/>
    </row>
    <row r="506295" spans="8:8">
      <c r="H506295" s="12"/>
    </row>
    <row r="506296" spans="8:8">
      <c r="H506296" s="12"/>
    </row>
    <row r="506297" spans="8:8">
      <c r="H506297" s="12"/>
    </row>
    <row r="506298" spans="8:8">
      <c r="H506298" s="12"/>
    </row>
    <row r="506299" spans="8:8">
      <c r="H506299" s="12"/>
    </row>
    <row r="506300" spans="8:8">
      <c r="H506300" s="12"/>
    </row>
    <row r="506301" spans="8:8">
      <c r="H506301" s="12"/>
    </row>
    <row r="506302" spans="8:8">
      <c r="H506302" s="12"/>
    </row>
    <row r="506303" spans="8:8">
      <c r="H506303" s="12"/>
    </row>
    <row r="506304" spans="8:8">
      <c r="H506304" s="12"/>
    </row>
    <row r="506305" spans="8:8">
      <c r="H506305" s="12"/>
    </row>
    <row r="506306" spans="8:8">
      <c r="H506306" s="12"/>
    </row>
    <row r="506307" spans="8:8">
      <c r="H506307" s="12"/>
    </row>
    <row r="506308" spans="8:8">
      <c r="H506308" s="12"/>
    </row>
    <row r="506309" spans="8:8">
      <c r="H506309" s="12"/>
    </row>
    <row r="506310" spans="8:8">
      <c r="H506310" s="12"/>
    </row>
    <row r="506311" spans="8:8">
      <c r="H506311" s="12"/>
    </row>
    <row r="506312" spans="8:8">
      <c r="H506312" s="12"/>
    </row>
    <row r="506313" spans="8:8">
      <c r="H506313" s="12"/>
    </row>
    <row r="506314" spans="8:8">
      <c r="H506314" s="12"/>
    </row>
    <row r="506315" spans="8:8">
      <c r="H506315" s="12"/>
    </row>
    <row r="506316" spans="8:8">
      <c r="H506316" s="12"/>
    </row>
    <row r="506317" spans="8:8">
      <c r="H506317" s="12"/>
    </row>
    <row r="506318" spans="8:8">
      <c r="H506318" s="12"/>
    </row>
    <row r="506319" spans="8:8">
      <c r="H506319" s="12"/>
    </row>
    <row r="506320" spans="8:8">
      <c r="H506320" s="12"/>
    </row>
    <row r="506321" spans="8:8">
      <c r="H506321" s="12"/>
    </row>
    <row r="506322" spans="8:8">
      <c r="H506322" s="12"/>
    </row>
    <row r="506323" spans="8:8">
      <c r="H506323" s="12"/>
    </row>
    <row r="506324" spans="8:8">
      <c r="H506324" s="12"/>
    </row>
    <row r="506325" spans="8:8">
      <c r="H506325" s="12"/>
    </row>
    <row r="506326" spans="8:8">
      <c r="H506326" s="12"/>
    </row>
    <row r="506327" spans="8:8">
      <c r="H506327" s="12"/>
    </row>
    <row r="506328" spans="8:8">
      <c r="H506328" s="12"/>
    </row>
    <row r="506329" spans="8:8">
      <c r="H506329" s="12"/>
    </row>
    <row r="506330" spans="8:8">
      <c r="H506330" s="12"/>
    </row>
    <row r="506331" spans="8:8">
      <c r="H506331" s="12"/>
    </row>
    <row r="506332" spans="8:8">
      <c r="H506332" s="12"/>
    </row>
    <row r="506333" spans="8:8">
      <c r="H506333" s="12"/>
    </row>
    <row r="506334" spans="8:8">
      <c r="H506334" s="12"/>
    </row>
    <row r="506335" spans="8:8">
      <c r="H506335" s="12"/>
    </row>
    <row r="506336" spans="8:8">
      <c r="H506336" s="12"/>
    </row>
    <row r="506337" spans="8:8">
      <c r="H506337" s="12"/>
    </row>
    <row r="506338" spans="8:8">
      <c r="H506338" s="12"/>
    </row>
    <row r="506339" spans="8:8">
      <c r="H506339" s="12"/>
    </row>
    <row r="506340" spans="8:8">
      <c r="H506340" s="12"/>
    </row>
    <row r="506341" spans="8:8">
      <c r="H506341" s="12"/>
    </row>
    <row r="506342" spans="8:8">
      <c r="H506342" s="12"/>
    </row>
    <row r="506343" spans="8:8">
      <c r="H506343" s="12"/>
    </row>
    <row r="506344" spans="8:8">
      <c r="H506344" s="12"/>
    </row>
    <row r="506345" spans="8:8">
      <c r="H506345" s="12"/>
    </row>
    <row r="506346" spans="8:8">
      <c r="H506346" s="12"/>
    </row>
    <row r="506347" spans="8:8">
      <c r="H506347" s="12"/>
    </row>
    <row r="506348" spans="8:8">
      <c r="H506348" s="12"/>
    </row>
    <row r="506349" spans="8:8">
      <c r="H506349" s="12"/>
    </row>
    <row r="506350" spans="8:8">
      <c r="H506350" s="12"/>
    </row>
    <row r="506351" spans="8:8">
      <c r="H506351" s="12"/>
    </row>
    <row r="506352" spans="8:8">
      <c r="H506352" s="12"/>
    </row>
    <row r="506353" spans="8:8">
      <c r="H506353" s="12"/>
    </row>
    <row r="506354" spans="8:8">
      <c r="H506354" s="12"/>
    </row>
    <row r="506355" spans="8:8">
      <c r="H506355" s="12"/>
    </row>
    <row r="506356" spans="8:8">
      <c r="H506356" s="12"/>
    </row>
    <row r="506357" spans="8:8">
      <c r="H506357" s="12"/>
    </row>
    <row r="506358" spans="8:8">
      <c r="H506358" s="12"/>
    </row>
    <row r="506359" spans="8:8">
      <c r="H506359" s="12"/>
    </row>
    <row r="506360" spans="8:8">
      <c r="H506360" s="12"/>
    </row>
    <row r="506361" spans="8:8">
      <c r="H506361" s="12"/>
    </row>
    <row r="506362" spans="8:8">
      <c r="H506362" s="12"/>
    </row>
    <row r="506363" spans="8:8">
      <c r="H506363" s="12"/>
    </row>
    <row r="506364" spans="8:8">
      <c r="H506364" s="12"/>
    </row>
    <row r="506365" spans="8:8">
      <c r="H506365" s="12"/>
    </row>
    <row r="506366" spans="8:8">
      <c r="H506366" s="12"/>
    </row>
    <row r="506367" spans="8:8">
      <c r="H506367" s="12"/>
    </row>
    <row r="506368" spans="8:8">
      <c r="H506368" s="12"/>
    </row>
    <row r="506369" spans="8:8">
      <c r="H506369" s="12"/>
    </row>
    <row r="506370" spans="8:8">
      <c r="H506370" s="12"/>
    </row>
    <row r="506371" spans="8:8">
      <c r="H506371" s="12"/>
    </row>
    <row r="506372" spans="8:8">
      <c r="H506372" s="12"/>
    </row>
    <row r="506373" spans="8:8">
      <c r="H506373" s="12"/>
    </row>
    <row r="506374" spans="8:8">
      <c r="H506374" s="12"/>
    </row>
    <row r="506375" spans="8:8">
      <c r="H506375" s="12"/>
    </row>
    <row r="506376" spans="8:8">
      <c r="H506376" s="12"/>
    </row>
    <row r="506377" spans="8:8">
      <c r="H506377" s="12"/>
    </row>
    <row r="506378" spans="8:8">
      <c r="H506378" s="12"/>
    </row>
    <row r="506379" spans="8:8">
      <c r="H506379" s="12"/>
    </row>
    <row r="506380" spans="8:8">
      <c r="H506380" s="12"/>
    </row>
    <row r="506381" spans="8:8">
      <c r="H506381" s="12"/>
    </row>
    <row r="506382" spans="8:8">
      <c r="H506382" s="12"/>
    </row>
    <row r="506383" spans="8:8">
      <c r="H506383" s="12"/>
    </row>
    <row r="506384" spans="8:8">
      <c r="H506384" s="12"/>
    </row>
    <row r="506385" spans="8:8">
      <c r="H506385" s="12"/>
    </row>
    <row r="506386" spans="8:8">
      <c r="H506386" s="12"/>
    </row>
    <row r="506387" spans="8:8">
      <c r="H506387" s="12"/>
    </row>
    <row r="506388" spans="8:8">
      <c r="H506388" s="12"/>
    </row>
    <row r="506389" spans="8:8">
      <c r="H506389" s="12"/>
    </row>
    <row r="506390" spans="8:8">
      <c r="H506390" s="12"/>
    </row>
    <row r="506391" spans="8:8">
      <c r="H506391" s="12"/>
    </row>
    <row r="506392" spans="8:8">
      <c r="H506392" s="12"/>
    </row>
    <row r="506393" spans="8:8">
      <c r="H506393" s="12"/>
    </row>
    <row r="506394" spans="8:8">
      <c r="H506394" s="12"/>
    </row>
    <row r="506395" spans="8:8">
      <c r="H506395" s="12"/>
    </row>
    <row r="506396" spans="8:8">
      <c r="H506396" s="12"/>
    </row>
    <row r="506397" spans="8:8">
      <c r="H506397" s="12"/>
    </row>
    <row r="506398" spans="8:8">
      <c r="H506398" s="12"/>
    </row>
    <row r="506399" spans="8:8">
      <c r="H506399" s="12"/>
    </row>
    <row r="506400" spans="8:8">
      <c r="H506400" s="12"/>
    </row>
    <row r="506401" spans="8:8">
      <c r="H506401" s="12"/>
    </row>
    <row r="506402" spans="8:8">
      <c r="H506402" s="12"/>
    </row>
    <row r="506403" spans="8:8">
      <c r="H506403" s="12"/>
    </row>
    <row r="506404" spans="8:8">
      <c r="H506404" s="12"/>
    </row>
    <row r="506405" spans="8:8">
      <c r="H506405" s="12"/>
    </row>
    <row r="506406" spans="8:8">
      <c r="H506406" s="12"/>
    </row>
    <row r="506407" spans="8:8">
      <c r="H506407" s="12"/>
    </row>
    <row r="506408" spans="8:8">
      <c r="H506408" s="12"/>
    </row>
    <row r="506409" spans="8:8">
      <c r="H506409" s="12"/>
    </row>
    <row r="506410" spans="8:8">
      <c r="H506410" s="12"/>
    </row>
    <row r="506411" spans="8:8">
      <c r="H506411" s="12"/>
    </row>
    <row r="506412" spans="8:8">
      <c r="H506412" s="12"/>
    </row>
    <row r="506413" spans="8:8">
      <c r="H506413" s="12"/>
    </row>
    <row r="506414" spans="8:8">
      <c r="H506414" s="12"/>
    </row>
    <row r="506415" spans="8:8">
      <c r="H506415" s="12"/>
    </row>
    <row r="506416" spans="8:8">
      <c r="H506416" s="12"/>
    </row>
    <row r="506417" spans="8:8">
      <c r="H506417" s="12"/>
    </row>
    <row r="506418" spans="8:8">
      <c r="H506418" s="12"/>
    </row>
    <row r="506419" spans="8:8">
      <c r="H506419" s="12"/>
    </row>
    <row r="506420" spans="8:8">
      <c r="H506420" s="12"/>
    </row>
    <row r="506421" spans="8:8">
      <c r="H506421" s="12"/>
    </row>
    <row r="506422" spans="8:8">
      <c r="H506422" s="12"/>
    </row>
    <row r="506423" spans="8:8">
      <c r="H506423" s="12"/>
    </row>
    <row r="506424" spans="8:8">
      <c r="H506424" s="12"/>
    </row>
    <row r="506425" spans="8:8">
      <c r="H506425" s="12"/>
    </row>
    <row r="506426" spans="8:8">
      <c r="H506426" s="12"/>
    </row>
    <row r="506427" spans="8:8">
      <c r="H506427" s="12"/>
    </row>
    <row r="506428" spans="8:8">
      <c r="H506428" s="12"/>
    </row>
    <row r="506429" spans="8:8">
      <c r="H506429" s="12"/>
    </row>
    <row r="506430" spans="8:8">
      <c r="H506430" s="12"/>
    </row>
    <row r="506431" spans="8:8">
      <c r="H506431" s="12"/>
    </row>
    <row r="506432" spans="8:8">
      <c r="H506432" s="12"/>
    </row>
    <row r="506433" spans="8:8">
      <c r="H506433" s="12"/>
    </row>
    <row r="506434" spans="8:8">
      <c r="H506434" s="12"/>
    </row>
    <row r="506435" spans="8:8">
      <c r="H506435" s="12"/>
    </row>
    <row r="506436" spans="8:8">
      <c r="H506436" s="12"/>
    </row>
    <row r="506437" spans="8:8">
      <c r="H506437" s="12"/>
    </row>
    <row r="506438" spans="8:8">
      <c r="H506438" s="12"/>
    </row>
    <row r="506439" spans="8:8">
      <c r="H506439" s="12"/>
    </row>
    <row r="506440" spans="8:8">
      <c r="H506440" s="12"/>
    </row>
    <row r="506441" spans="8:8">
      <c r="H506441" s="12"/>
    </row>
    <row r="506442" spans="8:8">
      <c r="H506442" s="12"/>
    </row>
    <row r="506443" spans="8:8">
      <c r="H506443" s="12"/>
    </row>
    <row r="506444" spans="8:8">
      <c r="H506444" s="12"/>
    </row>
    <row r="506445" spans="8:8">
      <c r="H506445" s="12"/>
    </row>
    <row r="506446" spans="8:8">
      <c r="H506446" s="12"/>
    </row>
    <row r="506447" spans="8:8">
      <c r="H506447" s="12"/>
    </row>
    <row r="506448" spans="8:8">
      <c r="H506448" s="12"/>
    </row>
    <row r="506449" spans="8:8">
      <c r="H506449" s="12"/>
    </row>
    <row r="506450" spans="8:8">
      <c r="H506450" s="12"/>
    </row>
    <row r="506451" spans="8:8">
      <c r="H506451" s="12"/>
    </row>
    <row r="506452" spans="8:8">
      <c r="H506452" s="12"/>
    </row>
    <row r="506453" spans="8:8">
      <c r="H506453" s="12"/>
    </row>
    <row r="506454" spans="8:8">
      <c r="H506454" s="12"/>
    </row>
    <row r="506455" spans="8:8">
      <c r="H506455" s="12"/>
    </row>
    <row r="506456" spans="8:8">
      <c r="H506456" s="12"/>
    </row>
    <row r="506457" spans="8:8">
      <c r="H506457" s="12"/>
    </row>
    <row r="506458" spans="8:8">
      <c r="H506458" s="12"/>
    </row>
    <row r="506459" spans="8:8">
      <c r="H506459" s="12"/>
    </row>
    <row r="506460" spans="8:8">
      <c r="H506460" s="12"/>
    </row>
    <row r="506461" spans="8:8">
      <c r="H506461" s="12"/>
    </row>
    <row r="506462" spans="8:8">
      <c r="H506462" s="12"/>
    </row>
    <row r="506463" spans="8:8">
      <c r="H506463" s="12"/>
    </row>
    <row r="506464" spans="8:8">
      <c r="H506464" s="12"/>
    </row>
    <row r="506465" spans="8:8">
      <c r="H506465" s="12"/>
    </row>
    <row r="506466" spans="8:8">
      <c r="H506466" s="12"/>
    </row>
    <row r="506467" spans="8:8">
      <c r="H506467" s="12"/>
    </row>
    <row r="506468" spans="8:8">
      <c r="H506468" s="12"/>
    </row>
    <row r="506469" spans="8:8">
      <c r="H506469" s="12"/>
    </row>
    <row r="506470" spans="8:8">
      <c r="H506470" s="12"/>
    </row>
    <row r="506471" spans="8:8">
      <c r="H506471" s="12"/>
    </row>
    <row r="506472" spans="8:8">
      <c r="H506472" s="12"/>
    </row>
    <row r="506473" spans="8:8">
      <c r="H506473" s="12"/>
    </row>
    <row r="506474" spans="8:8">
      <c r="H506474" s="12"/>
    </row>
    <row r="506475" spans="8:8">
      <c r="H506475" s="12"/>
    </row>
    <row r="506476" spans="8:8">
      <c r="H506476" s="12"/>
    </row>
    <row r="506477" spans="8:8">
      <c r="H506477" s="12"/>
    </row>
    <row r="506478" spans="8:8">
      <c r="H506478" s="12"/>
    </row>
    <row r="506479" spans="8:8">
      <c r="H506479" s="12"/>
    </row>
    <row r="506480" spans="8:8">
      <c r="H506480" s="12"/>
    </row>
    <row r="506481" spans="8:8">
      <c r="H506481" s="12"/>
    </row>
    <row r="506482" spans="8:8">
      <c r="H506482" s="12"/>
    </row>
    <row r="506483" spans="8:8">
      <c r="H506483" s="12"/>
    </row>
    <row r="506484" spans="8:8">
      <c r="H506484" s="12"/>
    </row>
    <row r="506485" spans="8:8">
      <c r="H506485" s="12"/>
    </row>
    <row r="506486" spans="8:8">
      <c r="H506486" s="12"/>
    </row>
    <row r="506487" spans="8:8">
      <c r="H506487" s="12"/>
    </row>
    <row r="506488" spans="8:8">
      <c r="H506488" s="12"/>
    </row>
    <row r="506489" spans="8:8">
      <c r="H506489" s="12"/>
    </row>
    <row r="506490" spans="8:8">
      <c r="H506490" s="12"/>
    </row>
    <row r="506491" spans="8:8">
      <c r="H506491" s="12"/>
    </row>
    <row r="506492" spans="8:8">
      <c r="H506492" s="12"/>
    </row>
    <row r="506493" spans="8:8">
      <c r="H506493" s="12"/>
    </row>
    <row r="506494" spans="8:8">
      <c r="H506494" s="12"/>
    </row>
    <row r="506495" spans="8:8">
      <c r="H506495" s="12"/>
    </row>
    <row r="506496" spans="8:8">
      <c r="H506496" s="12"/>
    </row>
    <row r="506497" spans="8:8">
      <c r="H506497" s="12"/>
    </row>
    <row r="506498" spans="8:8">
      <c r="H506498" s="12"/>
    </row>
    <row r="506499" spans="8:8">
      <c r="H506499" s="12"/>
    </row>
    <row r="506500" spans="8:8">
      <c r="H506500" s="12"/>
    </row>
    <row r="506501" spans="8:8">
      <c r="H506501" s="12"/>
    </row>
    <row r="506502" spans="8:8">
      <c r="H506502" s="12"/>
    </row>
    <row r="506503" spans="8:8">
      <c r="H506503" s="12"/>
    </row>
    <row r="506504" spans="8:8">
      <c r="H506504" s="12"/>
    </row>
    <row r="506505" spans="8:8">
      <c r="H506505" s="12"/>
    </row>
    <row r="506506" spans="8:8">
      <c r="H506506" s="12"/>
    </row>
    <row r="506507" spans="8:8">
      <c r="H506507" s="12"/>
    </row>
    <row r="506508" spans="8:8">
      <c r="H506508" s="12"/>
    </row>
    <row r="506509" spans="8:8">
      <c r="H506509" s="12"/>
    </row>
    <row r="506510" spans="8:8">
      <c r="H506510" s="12"/>
    </row>
    <row r="506511" spans="8:8">
      <c r="H506511" s="12"/>
    </row>
    <row r="506512" spans="8:8">
      <c r="H506512" s="12"/>
    </row>
    <row r="506513" spans="8:8">
      <c r="H506513" s="12"/>
    </row>
    <row r="506514" spans="8:8">
      <c r="H506514" s="12"/>
    </row>
    <row r="506515" spans="8:8">
      <c r="H506515" s="12"/>
    </row>
    <row r="506516" spans="8:8">
      <c r="H506516" s="12"/>
    </row>
    <row r="506517" spans="8:8">
      <c r="H506517" s="12"/>
    </row>
    <row r="506518" spans="8:8">
      <c r="H506518" s="12"/>
    </row>
    <row r="506519" spans="8:8">
      <c r="H506519" s="12"/>
    </row>
    <row r="506520" spans="8:8">
      <c r="H506520" s="12"/>
    </row>
    <row r="506521" spans="8:8">
      <c r="H506521" s="12"/>
    </row>
    <row r="506522" spans="8:8">
      <c r="H506522" s="12"/>
    </row>
    <row r="506523" spans="8:8">
      <c r="H506523" s="12"/>
    </row>
    <row r="506524" spans="8:8">
      <c r="H506524" s="12"/>
    </row>
    <row r="506525" spans="8:8">
      <c r="H506525" s="12"/>
    </row>
    <row r="506526" spans="8:8">
      <c r="H506526" s="12"/>
    </row>
    <row r="506527" spans="8:8">
      <c r="H506527" s="12"/>
    </row>
    <row r="506528" spans="8:8">
      <c r="H506528" s="12"/>
    </row>
    <row r="506529" spans="8:8">
      <c r="H506529" s="12"/>
    </row>
    <row r="506530" spans="8:8">
      <c r="H506530" s="12"/>
    </row>
    <row r="506531" spans="8:8">
      <c r="H506531" s="12"/>
    </row>
    <row r="506532" spans="8:8">
      <c r="H506532" s="12"/>
    </row>
    <row r="506533" spans="8:8">
      <c r="H506533" s="12"/>
    </row>
    <row r="506534" spans="8:8">
      <c r="H506534" s="12"/>
    </row>
    <row r="506535" spans="8:8">
      <c r="H506535" s="12"/>
    </row>
    <row r="506536" spans="8:8">
      <c r="H506536" s="12"/>
    </row>
    <row r="506537" spans="8:8">
      <c r="H506537" s="12"/>
    </row>
    <row r="506538" spans="8:8">
      <c r="H506538" s="12"/>
    </row>
    <row r="506539" spans="8:8">
      <c r="H506539" s="12"/>
    </row>
    <row r="506540" spans="8:8">
      <c r="H506540" s="12"/>
    </row>
    <row r="506541" spans="8:8">
      <c r="H506541" s="12"/>
    </row>
    <row r="506542" spans="8:8">
      <c r="H506542" s="12"/>
    </row>
    <row r="506543" spans="8:8">
      <c r="H506543" s="12"/>
    </row>
    <row r="506544" spans="8:8">
      <c r="H506544" s="12"/>
    </row>
    <row r="506545" spans="8:8">
      <c r="H506545" s="12"/>
    </row>
    <row r="506546" spans="8:8">
      <c r="H506546" s="12"/>
    </row>
    <row r="506547" spans="8:8">
      <c r="H506547" s="12"/>
    </row>
    <row r="506548" spans="8:8">
      <c r="H506548" s="12"/>
    </row>
    <row r="506549" spans="8:8">
      <c r="H506549" s="12"/>
    </row>
    <row r="506550" spans="8:8">
      <c r="H506550" s="12"/>
    </row>
    <row r="506551" spans="8:8">
      <c r="H506551" s="12"/>
    </row>
    <row r="506552" spans="8:8">
      <c r="H506552" s="12"/>
    </row>
    <row r="506553" spans="8:8">
      <c r="H506553" s="12"/>
    </row>
    <row r="506554" spans="8:8">
      <c r="H506554" s="12"/>
    </row>
    <row r="506555" spans="8:8">
      <c r="H506555" s="12"/>
    </row>
    <row r="506556" spans="8:8">
      <c r="H506556" s="12"/>
    </row>
    <row r="506557" spans="8:8">
      <c r="H506557" s="12"/>
    </row>
    <row r="506558" spans="8:8">
      <c r="H506558" s="12"/>
    </row>
    <row r="506559" spans="8:8">
      <c r="H506559" s="12"/>
    </row>
    <row r="506560" spans="8:8">
      <c r="H506560" s="12"/>
    </row>
    <row r="506561" spans="8:8">
      <c r="H506561" s="12"/>
    </row>
    <row r="506562" spans="8:8">
      <c r="H506562" s="12"/>
    </row>
    <row r="506563" spans="8:8">
      <c r="H506563" s="12"/>
    </row>
    <row r="506564" spans="8:8">
      <c r="H506564" s="12"/>
    </row>
    <row r="506565" spans="8:8">
      <c r="H506565" s="12"/>
    </row>
    <row r="506566" spans="8:8">
      <c r="H506566" s="12"/>
    </row>
    <row r="506567" spans="8:8">
      <c r="H506567" s="12"/>
    </row>
    <row r="506568" spans="8:8">
      <c r="H506568" s="12"/>
    </row>
    <row r="506569" spans="8:8">
      <c r="H506569" s="12"/>
    </row>
    <row r="506570" spans="8:8">
      <c r="H506570" s="12"/>
    </row>
    <row r="506571" spans="8:8">
      <c r="H506571" s="12"/>
    </row>
    <row r="506572" spans="8:8">
      <c r="H506572" s="12"/>
    </row>
    <row r="506573" spans="8:8">
      <c r="H506573" s="12"/>
    </row>
    <row r="506574" spans="8:8">
      <c r="H506574" s="12"/>
    </row>
    <row r="506575" spans="8:8">
      <c r="H506575" s="12"/>
    </row>
    <row r="506576" spans="8:8">
      <c r="H506576" s="12"/>
    </row>
    <row r="506577" spans="8:8">
      <c r="H506577" s="12"/>
    </row>
    <row r="506578" spans="8:8">
      <c r="H506578" s="12"/>
    </row>
    <row r="506579" spans="8:8">
      <c r="H506579" s="12"/>
    </row>
    <row r="506580" spans="8:8">
      <c r="H506580" s="12"/>
    </row>
    <row r="506581" spans="8:8">
      <c r="H506581" s="12"/>
    </row>
    <row r="506582" spans="8:8">
      <c r="H506582" s="12"/>
    </row>
    <row r="506583" spans="8:8">
      <c r="H506583" s="12"/>
    </row>
    <row r="506584" spans="8:8">
      <c r="H506584" s="12"/>
    </row>
    <row r="506585" spans="8:8">
      <c r="H506585" s="12"/>
    </row>
    <row r="506586" spans="8:8">
      <c r="H506586" s="12"/>
    </row>
    <row r="506587" spans="8:8">
      <c r="H506587" s="12"/>
    </row>
    <row r="506588" spans="8:8">
      <c r="H506588" s="12"/>
    </row>
    <row r="506589" spans="8:8">
      <c r="H506589" s="12"/>
    </row>
    <row r="506590" spans="8:8">
      <c r="H506590" s="12"/>
    </row>
    <row r="506591" spans="8:8">
      <c r="H506591" s="12"/>
    </row>
    <row r="506592" spans="8:8">
      <c r="H506592" s="12"/>
    </row>
    <row r="506593" spans="8:8">
      <c r="H506593" s="12"/>
    </row>
    <row r="506594" spans="8:8">
      <c r="H506594" s="12"/>
    </row>
    <row r="506595" spans="8:8">
      <c r="H506595" s="12"/>
    </row>
    <row r="506596" spans="8:8">
      <c r="H506596" s="12"/>
    </row>
    <row r="506597" spans="8:8">
      <c r="H506597" s="12"/>
    </row>
    <row r="506598" spans="8:8">
      <c r="H506598" s="12"/>
    </row>
    <row r="506599" spans="8:8">
      <c r="H506599" s="12"/>
    </row>
    <row r="506600" spans="8:8">
      <c r="H506600" s="12"/>
    </row>
    <row r="506601" spans="8:8">
      <c r="H506601" s="12"/>
    </row>
    <row r="506602" spans="8:8">
      <c r="H506602" s="12"/>
    </row>
    <row r="506603" spans="8:8">
      <c r="H506603" s="12"/>
    </row>
    <row r="506604" spans="8:8">
      <c r="H506604" s="12"/>
    </row>
    <row r="506605" spans="8:8">
      <c r="H506605" s="12"/>
    </row>
    <row r="506606" spans="8:8">
      <c r="H506606" s="12"/>
    </row>
    <row r="506607" spans="8:8">
      <c r="H506607" s="12"/>
    </row>
    <row r="506608" spans="8:8">
      <c r="H506608" s="12"/>
    </row>
    <row r="506609" spans="8:8">
      <c r="H506609" s="12"/>
    </row>
    <row r="506610" spans="8:8">
      <c r="H506610" s="12"/>
    </row>
    <row r="506611" spans="8:8">
      <c r="H506611" s="12"/>
    </row>
    <row r="506612" spans="8:8">
      <c r="H506612" s="12"/>
    </row>
    <row r="506613" spans="8:8">
      <c r="H506613" s="12"/>
    </row>
    <row r="506614" spans="8:8">
      <c r="H506614" s="12"/>
    </row>
    <row r="506615" spans="8:8">
      <c r="H506615" s="12"/>
    </row>
    <row r="506616" spans="8:8">
      <c r="H506616" s="12"/>
    </row>
    <row r="506617" spans="8:8">
      <c r="H506617" s="12"/>
    </row>
    <row r="506618" spans="8:8">
      <c r="H506618" s="12"/>
    </row>
    <row r="506619" spans="8:8">
      <c r="H506619" s="12"/>
    </row>
    <row r="506620" spans="8:8">
      <c r="H506620" s="12"/>
    </row>
    <row r="506621" spans="8:8">
      <c r="H506621" s="12"/>
    </row>
    <row r="506622" spans="8:8">
      <c r="H506622" s="12"/>
    </row>
    <row r="506623" spans="8:8">
      <c r="H506623" s="12"/>
    </row>
    <row r="506624" spans="8:8">
      <c r="H506624" s="12"/>
    </row>
    <row r="506625" spans="8:8">
      <c r="H506625" s="12"/>
    </row>
    <row r="506626" spans="8:8">
      <c r="H506626" s="12"/>
    </row>
    <row r="506627" spans="8:8">
      <c r="H506627" s="12"/>
    </row>
    <row r="506628" spans="8:8">
      <c r="H506628" s="12"/>
    </row>
    <row r="506629" spans="8:8">
      <c r="H506629" s="12"/>
    </row>
    <row r="506630" spans="8:8">
      <c r="H506630" s="12"/>
    </row>
    <row r="506631" spans="8:8">
      <c r="H506631" s="12"/>
    </row>
    <row r="506632" spans="8:8">
      <c r="H506632" s="12"/>
    </row>
    <row r="506633" spans="8:8">
      <c r="H506633" s="12"/>
    </row>
    <row r="506634" spans="8:8">
      <c r="H506634" s="12"/>
    </row>
    <row r="506635" spans="8:8">
      <c r="H506635" s="12"/>
    </row>
    <row r="506636" spans="8:8">
      <c r="H506636" s="12"/>
    </row>
    <row r="506637" spans="8:8">
      <c r="H506637" s="12"/>
    </row>
    <row r="506638" spans="8:8">
      <c r="H506638" s="12"/>
    </row>
    <row r="506639" spans="8:8">
      <c r="H506639" s="12"/>
    </row>
    <row r="506640" spans="8:8">
      <c r="H506640" s="12"/>
    </row>
    <row r="506641" spans="8:8">
      <c r="H506641" s="12"/>
    </row>
    <row r="506642" spans="8:8">
      <c r="H506642" s="12"/>
    </row>
    <row r="506643" spans="8:8">
      <c r="H506643" s="12"/>
    </row>
    <row r="506644" spans="8:8">
      <c r="H506644" s="12"/>
    </row>
    <row r="506645" spans="8:8">
      <c r="H506645" s="12"/>
    </row>
    <row r="506646" spans="8:8">
      <c r="H506646" s="12"/>
    </row>
    <row r="506647" spans="8:8">
      <c r="H506647" s="12"/>
    </row>
    <row r="506648" spans="8:8">
      <c r="H506648" s="12"/>
    </row>
    <row r="506649" spans="8:8">
      <c r="H506649" s="12"/>
    </row>
    <row r="506650" spans="8:8">
      <c r="H506650" s="12"/>
    </row>
    <row r="506651" spans="8:8">
      <c r="H506651" s="12"/>
    </row>
    <row r="506652" spans="8:8">
      <c r="H506652" s="12"/>
    </row>
    <row r="506653" spans="8:8">
      <c r="H506653" s="12"/>
    </row>
    <row r="506654" spans="8:8">
      <c r="H506654" s="12"/>
    </row>
    <row r="506655" spans="8:8">
      <c r="H506655" s="12"/>
    </row>
    <row r="506656" spans="8:8">
      <c r="H506656" s="12"/>
    </row>
    <row r="506657" spans="8:8">
      <c r="H506657" s="12"/>
    </row>
    <row r="506658" spans="8:8">
      <c r="H506658" s="12"/>
    </row>
    <row r="506659" spans="8:8">
      <c r="H506659" s="12"/>
    </row>
    <row r="506660" spans="8:8">
      <c r="H506660" s="12"/>
    </row>
    <row r="506661" spans="8:8">
      <c r="H506661" s="12"/>
    </row>
    <row r="506662" spans="8:8">
      <c r="H506662" s="12"/>
    </row>
    <row r="506663" spans="8:8">
      <c r="H506663" s="12"/>
    </row>
    <row r="506664" spans="8:8">
      <c r="H506664" s="12"/>
    </row>
    <row r="506665" spans="8:8">
      <c r="H506665" s="12"/>
    </row>
    <row r="506666" spans="8:8">
      <c r="H506666" s="12"/>
    </row>
    <row r="506667" spans="8:8">
      <c r="H506667" s="12"/>
    </row>
    <row r="506668" spans="8:8">
      <c r="H506668" s="12"/>
    </row>
    <row r="506669" spans="8:8">
      <c r="H506669" s="12"/>
    </row>
    <row r="506670" spans="8:8">
      <c r="H506670" s="12"/>
    </row>
    <row r="506671" spans="8:8">
      <c r="H506671" s="12"/>
    </row>
    <row r="506672" spans="8:8">
      <c r="H506672" s="12"/>
    </row>
    <row r="506673" spans="8:8">
      <c r="H506673" s="12"/>
    </row>
    <row r="506674" spans="8:8">
      <c r="H506674" s="12"/>
    </row>
    <row r="506675" spans="8:8">
      <c r="H506675" s="12"/>
    </row>
    <row r="506676" spans="8:8">
      <c r="H506676" s="12"/>
    </row>
    <row r="506677" spans="8:8">
      <c r="H506677" s="12"/>
    </row>
    <row r="506678" spans="8:8">
      <c r="H506678" s="12"/>
    </row>
    <row r="506679" spans="8:8">
      <c r="H506679" s="12"/>
    </row>
    <row r="506680" spans="8:8">
      <c r="H506680" s="12"/>
    </row>
    <row r="506681" spans="8:8">
      <c r="H506681" s="12"/>
    </row>
    <row r="506682" spans="8:8">
      <c r="H506682" s="12"/>
    </row>
    <row r="506683" spans="8:8">
      <c r="H506683" s="12"/>
    </row>
    <row r="506684" spans="8:8">
      <c r="H506684" s="12"/>
    </row>
    <row r="506685" spans="8:8">
      <c r="H506685" s="12"/>
    </row>
    <row r="506686" spans="8:8">
      <c r="H506686" s="12"/>
    </row>
    <row r="506687" spans="8:8">
      <c r="H506687" s="12"/>
    </row>
    <row r="506688" spans="8:8">
      <c r="H506688" s="12"/>
    </row>
    <row r="506689" spans="8:8">
      <c r="H506689" s="12"/>
    </row>
    <row r="506690" spans="8:8">
      <c r="H506690" s="12"/>
    </row>
    <row r="506691" spans="8:8">
      <c r="H506691" s="12"/>
    </row>
    <row r="506692" spans="8:8">
      <c r="H506692" s="12"/>
    </row>
    <row r="506693" spans="8:8">
      <c r="H506693" s="12"/>
    </row>
    <row r="506694" spans="8:8">
      <c r="H506694" s="12"/>
    </row>
    <row r="506695" spans="8:8">
      <c r="H506695" s="12"/>
    </row>
    <row r="506696" spans="8:8">
      <c r="H506696" s="12"/>
    </row>
    <row r="506697" spans="8:8">
      <c r="H506697" s="12"/>
    </row>
    <row r="506698" spans="8:8">
      <c r="H506698" s="12"/>
    </row>
    <row r="506699" spans="8:8">
      <c r="H506699" s="12"/>
    </row>
    <row r="506700" spans="8:8">
      <c r="H506700" s="12"/>
    </row>
    <row r="506701" spans="8:8">
      <c r="H506701" s="12"/>
    </row>
    <row r="506702" spans="8:8">
      <c r="H506702" s="12"/>
    </row>
    <row r="506703" spans="8:8">
      <c r="H506703" s="12"/>
    </row>
    <row r="506704" spans="8:8">
      <c r="H506704" s="12"/>
    </row>
    <row r="506705" spans="8:8">
      <c r="H506705" s="12"/>
    </row>
    <row r="506706" spans="8:8">
      <c r="H506706" s="12"/>
    </row>
    <row r="506707" spans="8:8">
      <c r="H506707" s="12"/>
    </row>
    <row r="506708" spans="8:8">
      <c r="H506708" s="12"/>
    </row>
    <row r="506709" spans="8:8">
      <c r="H506709" s="12"/>
    </row>
    <row r="506710" spans="8:8">
      <c r="H506710" s="12"/>
    </row>
    <row r="506711" spans="8:8">
      <c r="H506711" s="12"/>
    </row>
    <row r="506712" spans="8:8">
      <c r="H506712" s="12"/>
    </row>
    <row r="506713" spans="8:8">
      <c r="H506713" s="12"/>
    </row>
    <row r="506714" spans="8:8">
      <c r="H506714" s="12"/>
    </row>
    <row r="506715" spans="8:8">
      <c r="H506715" s="12"/>
    </row>
    <row r="506716" spans="8:8">
      <c r="H506716" s="12"/>
    </row>
    <row r="506717" spans="8:8">
      <c r="H506717" s="12"/>
    </row>
    <row r="506718" spans="8:8">
      <c r="H506718" s="12"/>
    </row>
    <row r="506719" spans="8:8">
      <c r="H506719" s="12"/>
    </row>
    <row r="506720" spans="8:8">
      <c r="H506720" s="12"/>
    </row>
    <row r="506721" spans="8:8">
      <c r="H506721" s="12"/>
    </row>
    <row r="506722" spans="8:8">
      <c r="H506722" s="12"/>
    </row>
    <row r="506723" spans="8:8">
      <c r="H506723" s="12"/>
    </row>
    <row r="506724" spans="8:8">
      <c r="H506724" s="12"/>
    </row>
    <row r="506725" spans="8:8">
      <c r="H506725" s="12"/>
    </row>
    <row r="506726" spans="8:8">
      <c r="H506726" s="12"/>
    </row>
    <row r="506727" spans="8:8">
      <c r="H506727" s="12"/>
    </row>
    <row r="506728" spans="8:8">
      <c r="H506728" s="12"/>
    </row>
    <row r="506729" spans="8:8">
      <c r="H506729" s="12"/>
    </row>
    <row r="506730" spans="8:8">
      <c r="H506730" s="12"/>
    </row>
    <row r="506731" spans="8:8">
      <c r="H506731" s="12"/>
    </row>
    <row r="506732" spans="8:8">
      <c r="H506732" s="12"/>
    </row>
    <row r="506733" spans="8:8">
      <c r="H506733" s="12"/>
    </row>
    <row r="506734" spans="8:8">
      <c r="H506734" s="12"/>
    </row>
    <row r="506735" spans="8:8">
      <c r="H506735" s="12"/>
    </row>
    <row r="506736" spans="8:8">
      <c r="H506736" s="12"/>
    </row>
    <row r="506737" spans="8:8">
      <c r="H506737" s="12"/>
    </row>
    <row r="506738" spans="8:8">
      <c r="H506738" s="12"/>
    </row>
    <row r="506739" spans="8:8">
      <c r="H506739" s="12"/>
    </row>
    <row r="506740" spans="8:8">
      <c r="H506740" s="12"/>
    </row>
    <row r="506741" spans="8:8">
      <c r="H506741" s="12"/>
    </row>
    <row r="506742" spans="8:8">
      <c r="H506742" s="12"/>
    </row>
    <row r="506743" spans="8:8">
      <c r="H506743" s="12"/>
    </row>
    <row r="506744" spans="8:8">
      <c r="H506744" s="12"/>
    </row>
    <row r="506745" spans="8:8">
      <c r="H506745" s="12"/>
    </row>
    <row r="506746" spans="8:8">
      <c r="H506746" s="12"/>
    </row>
    <row r="506747" spans="8:8">
      <c r="H506747" s="12"/>
    </row>
    <row r="506748" spans="8:8">
      <c r="H506748" s="12"/>
    </row>
    <row r="506749" spans="8:8">
      <c r="H506749" s="12"/>
    </row>
    <row r="506750" spans="8:8">
      <c r="H506750" s="12"/>
    </row>
    <row r="506751" spans="8:8">
      <c r="H506751" s="12"/>
    </row>
    <row r="506752" spans="8:8">
      <c r="H506752" s="12"/>
    </row>
    <row r="506753" spans="8:8">
      <c r="H506753" s="12"/>
    </row>
    <row r="506754" spans="8:8">
      <c r="H506754" s="12"/>
    </row>
    <row r="506755" spans="8:8">
      <c r="H506755" s="12"/>
    </row>
    <row r="506756" spans="8:8">
      <c r="H506756" s="12"/>
    </row>
    <row r="506757" spans="8:8">
      <c r="H506757" s="12"/>
    </row>
    <row r="506758" spans="8:8">
      <c r="H506758" s="12"/>
    </row>
    <row r="506759" spans="8:8">
      <c r="H506759" s="12"/>
    </row>
    <row r="506760" spans="8:8">
      <c r="H506760" s="12"/>
    </row>
    <row r="506761" spans="8:8">
      <c r="H506761" s="12"/>
    </row>
    <row r="506762" spans="8:8">
      <c r="H506762" s="12"/>
    </row>
    <row r="506763" spans="8:8">
      <c r="H506763" s="12"/>
    </row>
    <row r="506764" spans="8:8">
      <c r="H506764" s="12"/>
    </row>
    <row r="506765" spans="8:8">
      <c r="H506765" s="12"/>
    </row>
    <row r="506766" spans="8:8">
      <c r="H506766" s="12"/>
    </row>
    <row r="506767" spans="8:8">
      <c r="H506767" s="12"/>
    </row>
    <row r="506768" spans="8:8">
      <c r="H506768" s="12"/>
    </row>
    <row r="506769" spans="8:8">
      <c r="H506769" s="12"/>
    </row>
    <row r="506770" spans="8:8">
      <c r="H506770" s="12"/>
    </row>
    <row r="506771" spans="8:8">
      <c r="H506771" s="12"/>
    </row>
    <row r="506772" spans="8:8">
      <c r="H506772" s="12"/>
    </row>
    <row r="506773" spans="8:8">
      <c r="H506773" s="12"/>
    </row>
    <row r="506774" spans="8:8">
      <c r="H506774" s="12"/>
    </row>
    <row r="506775" spans="8:8">
      <c r="H506775" s="12"/>
    </row>
    <row r="506776" spans="8:8">
      <c r="H506776" s="12"/>
    </row>
    <row r="506777" spans="8:8">
      <c r="H506777" s="12"/>
    </row>
    <row r="506778" spans="8:8">
      <c r="H506778" s="12"/>
    </row>
    <row r="506779" spans="8:8">
      <c r="H506779" s="12"/>
    </row>
    <row r="506780" spans="8:8">
      <c r="H506780" s="12"/>
    </row>
    <row r="506781" spans="8:8">
      <c r="H506781" s="12"/>
    </row>
    <row r="506782" spans="8:8">
      <c r="H506782" s="12"/>
    </row>
    <row r="506783" spans="8:8">
      <c r="H506783" s="12"/>
    </row>
    <row r="506784" spans="8:8">
      <c r="H506784" s="12"/>
    </row>
    <row r="506785" spans="8:8">
      <c r="H506785" s="12"/>
    </row>
    <row r="506786" spans="8:8">
      <c r="H506786" s="12"/>
    </row>
    <row r="506787" spans="8:8">
      <c r="H506787" s="12"/>
    </row>
    <row r="506788" spans="8:8">
      <c r="H506788" s="12"/>
    </row>
    <row r="506789" spans="8:8">
      <c r="H506789" s="12"/>
    </row>
    <row r="506790" spans="8:8">
      <c r="H506790" s="12"/>
    </row>
    <row r="506791" spans="8:8">
      <c r="H506791" s="12"/>
    </row>
    <row r="506792" spans="8:8">
      <c r="H506792" s="12"/>
    </row>
    <row r="506793" spans="8:8">
      <c r="H506793" s="12"/>
    </row>
    <row r="506794" spans="8:8">
      <c r="H506794" s="12"/>
    </row>
    <row r="506795" spans="8:8">
      <c r="H506795" s="12"/>
    </row>
    <row r="506796" spans="8:8">
      <c r="H506796" s="12"/>
    </row>
    <row r="506797" spans="8:8">
      <c r="H506797" s="12"/>
    </row>
    <row r="506798" spans="8:8">
      <c r="H506798" s="12"/>
    </row>
    <row r="506799" spans="8:8">
      <c r="H506799" s="12"/>
    </row>
    <row r="506800" spans="8:8">
      <c r="H506800" s="12"/>
    </row>
    <row r="506801" spans="8:8">
      <c r="H506801" s="12"/>
    </row>
    <row r="506802" spans="8:8">
      <c r="H506802" s="12"/>
    </row>
    <row r="506803" spans="8:8">
      <c r="H506803" s="12"/>
    </row>
    <row r="506804" spans="8:8">
      <c r="H506804" s="12"/>
    </row>
    <row r="506805" spans="8:8">
      <c r="H506805" s="12"/>
    </row>
    <row r="506806" spans="8:8">
      <c r="H506806" s="12"/>
    </row>
    <row r="506807" spans="8:8">
      <c r="H506807" s="12"/>
    </row>
    <row r="506808" spans="8:8">
      <c r="H506808" s="12"/>
    </row>
    <row r="506809" spans="8:8">
      <c r="H506809" s="12"/>
    </row>
    <row r="506810" spans="8:8">
      <c r="H506810" s="12"/>
    </row>
    <row r="506811" spans="8:8">
      <c r="H506811" s="12"/>
    </row>
    <row r="506812" spans="8:8">
      <c r="H506812" s="12"/>
    </row>
    <row r="506813" spans="8:8">
      <c r="H506813" s="12"/>
    </row>
    <row r="506814" spans="8:8">
      <c r="H506814" s="12"/>
    </row>
    <row r="506815" spans="8:8">
      <c r="H506815" s="12"/>
    </row>
    <row r="506816" spans="8:8">
      <c r="H506816" s="12"/>
    </row>
    <row r="506817" spans="8:8">
      <c r="H506817" s="12"/>
    </row>
    <row r="506818" spans="8:8">
      <c r="H506818" s="12"/>
    </row>
    <row r="506819" spans="8:8">
      <c r="H506819" s="12"/>
    </row>
    <row r="506820" spans="8:8">
      <c r="H506820" s="12"/>
    </row>
    <row r="506821" spans="8:8">
      <c r="H506821" s="12"/>
    </row>
    <row r="506822" spans="8:8">
      <c r="H506822" s="12"/>
    </row>
    <row r="506823" spans="8:8">
      <c r="H506823" s="12"/>
    </row>
    <row r="506824" spans="8:8">
      <c r="H506824" s="12"/>
    </row>
    <row r="506825" spans="8:8">
      <c r="H506825" s="12"/>
    </row>
    <row r="506826" spans="8:8">
      <c r="H506826" s="12"/>
    </row>
    <row r="506827" spans="8:8">
      <c r="H506827" s="12"/>
    </row>
    <row r="506828" spans="8:8">
      <c r="H506828" s="12"/>
    </row>
    <row r="506829" spans="8:8">
      <c r="H506829" s="12"/>
    </row>
    <row r="506830" spans="8:8">
      <c r="H506830" s="12"/>
    </row>
    <row r="506831" spans="8:8">
      <c r="H506831" s="12"/>
    </row>
    <row r="506832" spans="8:8">
      <c r="H506832" s="12"/>
    </row>
    <row r="506833" spans="8:8">
      <c r="H506833" s="12"/>
    </row>
    <row r="506834" spans="8:8">
      <c r="H506834" s="12"/>
    </row>
    <row r="506835" spans="8:8">
      <c r="H506835" s="12"/>
    </row>
    <row r="506836" spans="8:8">
      <c r="H506836" s="12"/>
    </row>
    <row r="506837" spans="8:8">
      <c r="H506837" s="12"/>
    </row>
    <row r="506838" spans="8:8">
      <c r="H506838" s="12"/>
    </row>
    <row r="506839" spans="8:8">
      <c r="H506839" s="12"/>
    </row>
    <row r="506840" spans="8:8">
      <c r="H506840" s="12"/>
    </row>
    <row r="506841" spans="8:8">
      <c r="H506841" s="12"/>
    </row>
    <row r="506842" spans="8:8">
      <c r="H506842" s="12"/>
    </row>
    <row r="506843" spans="8:8">
      <c r="H506843" s="12"/>
    </row>
    <row r="506844" spans="8:8">
      <c r="H506844" s="12"/>
    </row>
    <row r="506845" spans="8:8">
      <c r="H506845" s="12"/>
    </row>
    <row r="506846" spans="8:8">
      <c r="H506846" s="12"/>
    </row>
    <row r="506847" spans="8:8">
      <c r="H506847" s="12"/>
    </row>
    <row r="506848" spans="8:8">
      <c r="H506848" s="12"/>
    </row>
    <row r="506849" spans="8:8">
      <c r="H506849" s="12"/>
    </row>
    <row r="506850" spans="8:8">
      <c r="H506850" s="12"/>
    </row>
    <row r="506851" spans="8:8">
      <c r="H506851" s="12"/>
    </row>
    <row r="506852" spans="8:8">
      <c r="H506852" s="12"/>
    </row>
    <row r="506853" spans="8:8">
      <c r="H506853" s="12"/>
    </row>
    <row r="506854" spans="8:8">
      <c r="H506854" s="12"/>
    </row>
    <row r="506855" spans="8:8">
      <c r="H506855" s="12"/>
    </row>
    <row r="506856" spans="8:8">
      <c r="H506856" s="12"/>
    </row>
    <row r="506857" spans="8:8">
      <c r="H506857" s="12"/>
    </row>
    <row r="506858" spans="8:8">
      <c r="H506858" s="12"/>
    </row>
    <row r="506859" spans="8:8">
      <c r="H506859" s="12"/>
    </row>
    <row r="506860" spans="8:8">
      <c r="H506860" s="12"/>
    </row>
    <row r="506861" spans="8:8">
      <c r="H506861" s="12"/>
    </row>
    <row r="506862" spans="8:8">
      <c r="H506862" s="12"/>
    </row>
    <row r="506863" spans="8:8">
      <c r="H506863" s="12"/>
    </row>
    <row r="506864" spans="8:8">
      <c r="H506864" s="12"/>
    </row>
    <row r="506865" spans="8:8">
      <c r="H506865" s="12"/>
    </row>
    <row r="506866" spans="8:8">
      <c r="H506866" s="12"/>
    </row>
    <row r="506867" spans="8:8">
      <c r="H506867" s="12"/>
    </row>
    <row r="506868" spans="8:8">
      <c r="H506868" s="12"/>
    </row>
    <row r="506869" spans="8:8">
      <c r="H506869" s="12"/>
    </row>
    <row r="506870" spans="8:8">
      <c r="H506870" s="12"/>
    </row>
    <row r="506871" spans="8:8">
      <c r="H506871" s="12"/>
    </row>
    <row r="506872" spans="8:8">
      <c r="H506872" s="12"/>
    </row>
    <row r="506873" spans="8:8">
      <c r="H506873" s="12"/>
    </row>
    <row r="506874" spans="8:8">
      <c r="H506874" s="12"/>
    </row>
    <row r="506875" spans="8:8">
      <c r="H506875" s="12"/>
    </row>
    <row r="506876" spans="8:8">
      <c r="H506876" s="12"/>
    </row>
    <row r="506877" spans="8:8">
      <c r="H506877" s="12"/>
    </row>
    <row r="506878" spans="8:8">
      <c r="H506878" s="12"/>
    </row>
    <row r="506879" spans="8:8">
      <c r="H506879" s="12"/>
    </row>
    <row r="506880" spans="8:8">
      <c r="H506880" s="12"/>
    </row>
    <row r="506881" spans="8:8">
      <c r="H506881" s="12"/>
    </row>
    <row r="506882" spans="8:8">
      <c r="H506882" s="12"/>
    </row>
    <row r="506883" spans="8:8">
      <c r="H506883" s="12"/>
    </row>
    <row r="506884" spans="8:8">
      <c r="H506884" s="12"/>
    </row>
    <row r="506885" spans="8:8">
      <c r="H506885" s="12"/>
    </row>
    <row r="506886" spans="8:8">
      <c r="H506886" s="12"/>
    </row>
    <row r="506887" spans="8:8">
      <c r="H506887" s="12"/>
    </row>
    <row r="506888" spans="8:8">
      <c r="H506888" s="12"/>
    </row>
    <row r="506889" spans="8:8">
      <c r="H506889" s="12"/>
    </row>
    <row r="506890" spans="8:8">
      <c r="H506890" s="12"/>
    </row>
    <row r="506891" spans="8:8">
      <c r="H506891" s="12"/>
    </row>
    <row r="506892" spans="8:8">
      <c r="H506892" s="12"/>
    </row>
    <row r="506893" spans="8:8">
      <c r="H506893" s="12"/>
    </row>
    <row r="506894" spans="8:8">
      <c r="H506894" s="12"/>
    </row>
    <row r="506895" spans="8:8">
      <c r="H506895" s="12"/>
    </row>
    <row r="506896" spans="8:8">
      <c r="H506896" s="12"/>
    </row>
    <row r="506897" spans="8:8">
      <c r="H506897" s="12"/>
    </row>
    <row r="506898" spans="8:8">
      <c r="H506898" s="12"/>
    </row>
    <row r="506899" spans="8:8">
      <c r="H506899" s="12"/>
    </row>
    <row r="506900" spans="8:8">
      <c r="H506900" s="12"/>
    </row>
    <row r="506901" spans="8:8">
      <c r="H506901" s="12"/>
    </row>
    <row r="506902" spans="8:8">
      <c r="H506902" s="12"/>
    </row>
    <row r="506903" spans="8:8">
      <c r="H506903" s="12"/>
    </row>
    <row r="506904" spans="8:8">
      <c r="H506904" s="12"/>
    </row>
    <row r="506905" spans="8:8">
      <c r="H506905" s="12"/>
    </row>
    <row r="506906" spans="8:8">
      <c r="H506906" s="12"/>
    </row>
    <row r="506907" spans="8:8">
      <c r="H506907" s="12"/>
    </row>
    <row r="506908" spans="8:8">
      <c r="H506908" s="12"/>
    </row>
    <row r="506909" spans="8:8">
      <c r="H506909" s="12"/>
    </row>
    <row r="506910" spans="8:8">
      <c r="H506910" s="12"/>
    </row>
    <row r="506911" spans="8:8">
      <c r="H506911" s="12"/>
    </row>
    <row r="506912" spans="8:8">
      <c r="H506912" s="12"/>
    </row>
    <row r="506913" spans="8:8">
      <c r="H506913" s="12"/>
    </row>
    <row r="506914" spans="8:8">
      <c r="H506914" s="12"/>
    </row>
    <row r="506915" spans="8:8">
      <c r="H506915" s="12"/>
    </row>
    <row r="506916" spans="8:8">
      <c r="H506916" s="12"/>
    </row>
    <row r="506917" spans="8:8">
      <c r="H506917" s="12"/>
    </row>
    <row r="506918" spans="8:8">
      <c r="H506918" s="12"/>
    </row>
    <row r="506919" spans="8:8">
      <c r="H506919" s="12"/>
    </row>
    <row r="506920" spans="8:8">
      <c r="H506920" s="12"/>
    </row>
    <row r="506921" spans="8:8">
      <c r="H506921" s="12"/>
    </row>
    <row r="506922" spans="8:8">
      <c r="H506922" s="12"/>
    </row>
    <row r="506923" spans="8:8">
      <c r="H506923" s="12"/>
    </row>
    <row r="506924" spans="8:8">
      <c r="H506924" s="12"/>
    </row>
    <row r="506925" spans="8:8">
      <c r="H506925" s="12"/>
    </row>
    <row r="506926" spans="8:8">
      <c r="H506926" s="12"/>
    </row>
    <row r="506927" spans="8:8">
      <c r="H506927" s="12"/>
    </row>
    <row r="506928" spans="8:8">
      <c r="H506928" s="12"/>
    </row>
    <row r="506929" spans="8:8">
      <c r="H506929" s="12"/>
    </row>
    <row r="506930" spans="8:8">
      <c r="H506930" s="12"/>
    </row>
    <row r="506931" spans="8:8">
      <c r="H506931" s="12"/>
    </row>
    <row r="506932" spans="8:8">
      <c r="H506932" s="12"/>
    </row>
    <row r="506933" spans="8:8">
      <c r="H506933" s="12"/>
    </row>
    <row r="506934" spans="8:8">
      <c r="H506934" s="12"/>
    </row>
    <row r="506935" spans="8:8">
      <c r="H506935" s="12"/>
    </row>
    <row r="506936" spans="8:8">
      <c r="H506936" s="12"/>
    </row>
    <row r="506937" spans="8:8">
      <c r="H506937" s="12"/>
    </row>
    <row r="506938" spans="8:8">
      <c r="H506938" s="12"/>
    </row>
    <row r="506939" spans="8:8">
      <c r="H506939" s="12"/>
    </row>
    <row r="506940" spans="8:8">
      <c r="H506940" s="12"/>
    </row>
    <row r="506941" spans="8:8">
      <c r="H506941" s="12"/>
    </row>
    <row r="506942" spans="8:8">
      <c r="H506942" s="12"/>
    </row>
    <row r="506943" spans="8:8">
      <c r="H506943" s="12"/>
    </row>
    <row r="506944" spans="8:8">
      <c r="H506944" s="12"/>
    </row>
    <row r="506945" spans="8:8">
      <c r="H506945" s="12"/>
    </row>
    <row r="506946" spans="8:8">
      <c r="H506946" s="12"/>
    </row>
    <row r="506947" spans="8:8">
      <c r="H506947" s="12"/>
    </row>
    <row r="506948" spans="8:8">
      <c r="H506948" s="12"/>
    </row>
    <row r="506949" spans="8:8">
      <c r="H506949" s="12"/>
    </row>
    <row r="506950" spans="8:8">
      <c r="H506950" s="12"/>
    </row>
    <row r="506951" spans="8:8">
      <c r="H506951" s="12"/>
    </row>
    <row r="506952" spans="8:8">
      <c r="H506952" s="12"/>
    </row>
    <row r="506953" spans="8:8">
      <c r="H506953" s="12"/>
    </row>
    <row r="506954" spans="8:8">
      <c r="H506954" s="12"/>
    </row>
    <row r="506955" spans="8:8">
      <c r="H506955" s="12"/>
    </row>
    <row r="506956" spans="8:8">
      <c r="H506956" s="12"/>
    </row>
    <row r="506957" spans="8:8">
      <c r="H506957" s="12"/>
    </row>
    <row r="506958" spans="8:8">
      <c r="H506958" s="12"/>
    </row>
    <row r="506959" spans="8:8">
      <c r="H506959" s="12"/>
    </row>
    <row r="506960" spans="8:8">
      <c r="H506960" s="12"/>
    </row>
    <row r="506961" spans="8:8">
      <c r="H506961" s="12"/>
    </row>
    <row r="506962" spans="8:8">
      <c r="H506962" s="12"/>
    </row>
    <row r="506963" spans="8:8">
      <c r="H506963" s="12"/>
    </row>
    <row r="506964" spans="8:8">
      <c r="H506964" s="12"/>
    </row>
    <row r="506965" spans="8:8">
      <c r="H506965" s="12"/>
    </row>
    <row r="506966" spans="8:8">
      <c r="H506966" s="12"/>
    </row>
    <row r="506967" spans="8:8">
      <c r="H506967" s="12"/>
    </row>
    <row r="506968" spans="8:8">
      <c r="H506968" s="12"/>
    </row>
    <row r="506969" spans="8:8">
      <c r="H506969" s="12"/>
    </row>
    <row r="506970" spans="8:8">
      <c r="H506970" s="12"/>
    </row>
    <row r="506971" spans="8:8">
      <c r="H506971" s="12"/>
    </row>
    <row r="506972" spans="8:8">
      <c r="H506972" s="12"/>
    </row>
    <row r="506973" spans="8:8">
      <c r="H506973" s="12"/>
    </row>
    <row r="506974" spans="8:8">
      <c r="H506974" s="12"/>
    </row>
    <row r="506975" spans="8:8">
      <c r="H506975" s="12"/>
    </row>
    <row r="506976" spans="8:8">
      <c r="H506976" s="12"/>
    </row>
    <row r="506977" spans="8:8">
      <c r="H506977" s="12"/>
    </row>
    <row r="506978" spans="8:8">
      <c r="H506978" s="12"/>
    </row>
    <row r="506979" spans="8:8">
      <c r="H506979" s="12"/>
    </row>
    <row r="506980" spans="8:8">
      <c r="H506980" s="12"/>
    </row>
    <row r="506981" spans="8:8">
      <c r="H506981" s="12"/>
    </row>
    <row r="506982" spans="8:8">
      <c r="H506982" s="12"/>
    </row>
    <row r="506983" spans="8:8">
      <c r="H506983" s="12"/>
    </row>
    <row r="506984" spans="8:8">
      <c r="H506984" s="12"/>
    </row>
    <row r="506985" spans="8:8">
      <c r="H506985" s="12"/>
    </row>
    <row r="506986" spans="8:8">
      <c r="H506986" s="12"/>
    </row>
    <row r="506987" spans="8:8">
      <c r="H506987" s="12"/>
    </row>
    <row r="506988" spans="8:8">
      <c r="H506988" s="12"/>
    </row>
    <row r="506989" spans="8:8">
      <c r="H506989" s="12"/>
    </row>
    <row r="506990" spans="8:8">
      <c r="H506990" s="12"/>
    </row>
    <row r="506991" spans="8:8">
      <c r="H506991" s="12"/>
    </row>
    <row r="506992" spans="8:8">
      <c r="H506992" s="12"/>
    </row>
    <row r="506993" spans="8:8">
      <c r="H506993" s="12"/>
    </row>
    <row r="506994" spans="8:8">
      <c r="H506994" s="12"/>
    </row>
    <row r="506995" spans="8:8">
      <c r="H506995" s="12"/>
    </row>
    <row r="506996" spans="8:8">
      <c r="H506996" s="12"/>
    </row>
    <row r="506997" spans="8:8">
      <c r="H506997" s="12"/>
    </row>
    <row r="506998" spans="8:8">
      <c r="H506998" s="12"/>
    </row>
    <row r="506999" spans="8:8">
      <c r="H506999" s="12"/>
    </row>
    <row r="507000" spans="8:8">
      <c r="H507000" s="12"/>
    </row>
    <row r="507001" spans="8:8">
      <c r="H507001" s="12"/>
    </row>
    <row r="507002" spans="8:8">
      <c r="H507002" s="12"/>
    </row>
    <row r="507003" spans="8:8">
      <c r="H507003" s="12"/>
    </row>
    <row r="507004" spans="8:8">
      <c r="H507004" s="12"/>
    </row>
    <row r="507005" spans="8:8">
      <c r="H507005" s="12"/>
    </row>
    <row r="507006" spans="8:8">
      <c r="H507006" s="12"/>
    </row>
    <row r="507007" spans="8:8">
      <c r="H507007" s="12"/>
    </row>
    <row r="507008" spans="8:8">
      <c r="H507008" s="12"/>
    </row>
    <row r="507009" spans="8:8">
      <c r="H507009" s="12"/>
    </row>
    <row r="507010" spans="8:8">
      <c r="H507010" s="12"/>
    </row>
    <row r="507011" spans="8:8">
      <c r="H507011" s="12"/>
    </row>
    <row r="507012" spans="8:8">
      <c r="H507012" s="12"/>
    </row>
    <row r="507013" spans="8:8">
      <c r="H507013" s="12"/>
    </row>
    <row r="507014" spans="8:8">
      <c r="H507014" s="12"/>
    </row>
    <row r="507015" spans="8:8">
      <c r="H507015" s="12"/>
    </row>
    <row r="507016" spans="8:8">
      <c r="H507016" s="12"/>
    </row>
    <row r="507017" spans="8:8">
      <c r="H507017" s="12"/>
    </row>
    <row r="507018" spans="8:8">
      <c r="H507018" s="12"/>
    </row>
    <row r="507019" spans="8:8">
      <c r="H507019" s="12"/>
    </row>
    <row r="507020" spans="8:8">
      <c r="H507020" s="12"/>
    </row>
    <row r="507021" spans="8:8">
      <c r="H507021" s="12"/>
    </row>
    <row r="507022" spans="8:8">
      <c r="H507022" s="12"/>
    </row>
    <row r="507023" spans="8:8">
      <c r="H507023" s="12"/>
    </row>
    <row r="507024" spans="8:8">
      <c r="H507024" s="12"/>
    </row>
    <row r="507025" spans="8:8">
      <c r="H507025" s="12"/>
    </row>
    <row r="507026" spans="8:8">
      <c r="H507026" s="12"/>
    </row>
    <row r="507027" spans="8:8">
      <c r="H507027" s="12"/>
    </row>
    <row r="507028" spans="8:8">
      <c r="H507028" s="12"/>
    </row>
    <row r="507029" spans="8:8">
      <c r="H507029" s="12"/>
    </row>
    <row r="507030" spans="8:8">
      <c r="H507030" s="12"/>
    </row>
    <row r="507031" spans="8:8">
      <c r="H507031" s="12"/>
    </row>
    <row r="507032" spans="8:8">
      <c r="H507032" s="12"/>
    </row>
    <row r="507033" spans="8:8">
      <c r="H507033" s="12"/>
    </row>
    <row r="507034" spans="8:8">
      <c r="H507034" s="12"/>
    </row>
    <row r="507035" spans="8:8">
      <c r="H507035" s="12"/>
    </row>
    <row r="507036" spans="8:8">
      <c r="H507036" s="12"/>
    </row>
    <row r="507037" spans="8:8">
      <c r="H507037" s="12"/>
    </row>
    <row r="507038" spans="8:8">
      <c r="H507038" s="12"/>
    </row>
    <row r="507039" spans="8:8">
      <c r="H507039" s="12"/>
    </row>
    <row r="507040" spans="8:8">
      <c r="H507040" s="12"/>
    </row>
    <row r="507041" spans="8:8">
      <c r="H507041" s="12"/>
    </row>
    <row r="507042" spans="8:8">
      <c r="H507042" s="12"/>
    </row>
    <row r="507043" spans="8:8">
      <c r="H507043" s="12"/>
    </row>
    <row r="507044" spans="8:8">
      <c r="H507044" s="12"/>
    </row>
    <row r="507045" spans="8:8">
      <c r="H507045" s="12"/>
    </row>
    <row r="507046" spans="8:8">
      <c r="H507046" s="12"/>
    </row>
    <row r="507047" spans="8:8">
      <c r="H507047" s="12"/>
    </row>
    <row r="507048" spans="8:8">
      <c r="H507048" s="12"/>
    </row>
    <row r="507049" spans="8:8">
      <c r="H507049" s="12"/>
    </row>
    <row r="507050" spans="8:8">
      <c r="H507050" s="12"/>
    </row>
    <row r="507051" spans="8:8">
      <c r="H507051" s="12"/>
    </row>
    <row r="507052" spans="8:8">
      <c r="H507052" s="12"/>
    </row>
    <row r="507053" spans="8:8">
      <c r="H507053" s="12"/>
    </row>
    <row r="507054" spans="8:8">
      <c r="H507054" s="12"/>
    </row>
    <row r="507055" spans="8:8">
      <c r="H507055" s="12"/>
    </row>
    <row r="507056" spans="8:8">
      <c r="H507056" s="12"/>
    </row>
    <row r="507057" spans="8:8">
      <c r="H507057" s="12"/>
    </row>
    <row r="507058" spans="8:8">
      <c r="H507058" s="12"/>
    </row>
    <row r="507059" spans="8:8">
      <c r="H507059" s="12"/>
    </row>
    <row r="507060" spans="8:8">
      <c r="H507060" s="12"/>
    </row>
    <row r="507061" spans="8:8">
      <c r="H507061" s="12"/>
    </row>
    <row r="507062" spans="8:8">
      <c r="H507062" s="12"/>
    </row>
    <row r="507063" spans="8:8">
      <c r="H507063" s="12"/>
    </row>
    <row r="507064" spans="8:8">
      <c r="H507064" s="12"/>
    </row>
    <row r="507065" spans="8:8">
      <c r="H507065" s="12"/>
    </row>
    <row r="507066" spans="8:8">
      <c r="H507066" s="12"/>
    </row>
    <row r="507067" spans="8:8">
      <c r="H507067" s="12"/>
    </row>
    <row r="507068" spans="8:8">
      <c r="H507068" s="12"/>
    </row>
    <row r="507069" spans="8:8">
      <c r="H507069" s="12"/>
    </row>
    <row r="507070" spans="8:8">
      <c r="H507070" s="12"/>
    </row>
    <row r="507071" spans="8:8">
      <c r="H507071" s="12"/>
    </row>
    <row r="507072" spans="8:8">
      <c r="H507072" s="12"/>
    </row>
    <row r="507073" spans="8:8">
      <c r="H507073" s="12"/>
    </row>
    <row r="507074" spans="8:8">
      <c r="H507074" s="12"/>
    </row>
    <row r="507075" spans="8:8">
      <c r="H507075" s="12"/>
    </row>
    <row r="507076" spans="8:8">
      <c r="H507076" s="12"/>
    </row>
    <row r="507077" spans="8:8">
      <c r="H507077" s="12"/>
    </row>
    <row r="507078" spans="8:8">
      <c r="H507078" s="12"/>
    </row>
    <row r="507079" spans="8:8">
      <c r="H507079" s="12"/>
    </row>
    <row r="507080" spans="8:8">
      <c r="H507080" s="12"/>
    </row>
    <row r="507081" spans="8:8">
      <c r="H507081" s="12"/>
    </row>
    <row r="507082" spans="8:8">
      <c r="H507082" s="12"/>
    </row>
    <row r="507083" spans="8:8">
      <c r="H507083" s="12"/>
    </row>
    <row r="507084" spans="8:8">
      <c r="H507084" s="12"/>
    </row>
    <row r="507085" spans="8:8">
      <c r="H507085" s="12"/>
    </row>
    <row r="507086" spans="8:8">
      <c r="H507086" s="12"/>
    </row>
    <row r="507087" spans="8:8">
      <c r="H507087" s="12"/>
    </row>
    <row r="507088" spans="8:8">
      <c r="H507088" s="12"/>
    </row>
    <row r="507089" spans="8:8">
      <c r="H507089" s="12"/>
    </row>
    <row r="507090" spans="8:8">
      <c r="H507090" s="12"/>
    </row>
    <row r="507091" spans="8:8">
      <c r="H507091" s="12"/>
    </row>
    <row r="507092" spans="8:8">
      <c r="H507092" s="12"/>
    </row>
    <row r="507093" spans="8:8">
      <c r="H507093" s="12"/>
    </row>
    <row r="507094" spans="8:8">
      <c r="H507094" s="12"/>
    </row>
    <row r="507095" spans="8:8">
      <c r="H507095" s="12"/>
    </row>
    <row r="507096" spans="8:8">
      <c r="H507096" s="12"/>
    </row>
    <row r="507097" spans="8:8">
      <c r="H507097" s="12"/>
    </row>
    <row r="507098" spans="8:8">
      <c r="H507098" s="12"/>
    </row>
    <row r="507099" spans="8:8">
      <c r="H507099" s="12"/>
    </row>
    <row r="507100" spans="8:8">
      <c r="H507100" s="12"/>
    </row>
    <row r="507101" spans="8:8">
      <c r="H507101" s="12"/>
    </row>
    <row r="507102" spans="8:8">
      <c r="H507102" s="12"/>
    </row>
    <row r="507103" spans="8:8">
      <c r="H507103" s="12"/>
    </row>
    <row r="507104" spans="8:8">
      <c r="H507104" s="12"/>
    </row>
    <row r="507105" spans="8:8">
      <c r="H507105" s="12"/>
    </row>
    <row r="507106" spans="8:8">
      <c r="H507106" s="12"/>
    </row>
    <row r="507107" spans="8:8">
      <c r="H507107" s="12"/>
    </row>
    <row r="507108" spans="8:8">
      <c r="H507108" s="12"/>
    </row>
    <row r="507109" spans="8:8">
      <c r="H507109" s="12"/>
    </row>
    <row r="507110" spans="8:8">
      <c r="H507110" s="12"/>
    </row>
    <row r="507111" spans="8:8">
      <c r="H507111" s="12"/>
    </row>
    <row r="507112" spans="8:8">
      <c r="H507112" s="12"/>
    </row>
    <row r="507113" spans="8:8">
      <c r="H507113" s="12"/>
    </row>
    <row r="507114" spans="8:8">
      <c r="H507114" s="12"/>
    </row>
    <row r="507115" spans="8:8">
      <c r="H507115" s="12"/>
    </row>
    <row r="507116" spans="8:8">
      <c r="H507116" s="12"/>
    </row>
    <row r="507117" spans="8:8">
      <c r="H507117" s="12"/>
    </row>
    <row r="507118" spans="8:8">
      <c r="H507118" s="12"/>
    </row>
    <row r="507119" spans="8:8">
      <c r="H507119" s="12"/>
    </row>
    <row r="507120" spans="8:8">
      <c r="H507120" s="12"/>
    </row>
    <row r="507121" spans="8:8">
      <c r="H507121" s="12"/>
    </row>
    <row r="507122" spans="8:8">
      <c r="H507122" s="12"/>
    </row>
    <row r="507123" spans="8:8">
      <c r="H507123" s="12"/>
    </row>
    <row r="507124" spans="8:8">
      <c r="H507124" s="12"/>
    </row>
    <row r="507125" spans="8:8">
      <c r="H507125" s="12"/>
    </row>
    <row r="507126" spans="8:8">
      <c r="H507126" s="12"/>
    </row>
    <row r="507127" spans="8:8">
      <c r="H507127" s="12"/>
    </row>
    <row r="507128" spans="8:8">
      <c r="H507128" s="12"/>
    </row>
    <row r="507129" spans="8:8">
      <c r="H507129" s="12"/>
    </row>
    <row r="507130" spans="8:8">
      <c r="H507130" s="12"/>
    </row>
    <row r="507131" spans="8:8">
      <c r="H507131" s="12"/>
    </row>
    <row r="507132" spans="8:8">
      <c r="H507132" s="12"/>
    </row>
    <row r="507133" spans="8:8">
      <c r="H507133" s="12"/>
    </row>
    <row r="507134" spans="8:8">
      <c r="H507134" s="12"/>
    </row>
    <row r="507135" spans="8:8">
      <c r="H507135" s="12"/>
    </row>
    <row r="507136" spans="8:8">
      <c r="H507136" s="12"/>
    </row>
    <row r="507137" spans="8:8">
      <c r="H507137" s="12"/>
    </row>
    <row r="507138" spans="8:8">
      <c r="H507138" s="12"/>
    </row>
    <row r="507139" spans="8:8">
      <c r="H507139" s="12"/>
    </row>
    <row r="507140" spans="8:8">
      <c r="H507140" s="12"/>
    </row>
    <row r="507141" spans="8:8">
      <c r="H507141" s="12"/>
    </row>
    <row r="507142" spans="8:8">
      <c r="H507142" s="12"/>
    </row>
    <row r="507143" spans="8:8">
      <c r="H507143" s="12"/>
    </row>
    <row r="507144" spans="8:8">
      <c r="H507144" s="12"/>
    </row>
    <row r="507145" spans="8:8">
      <c r="H507145" s="12"/>
    </row>
    <row r="507146" spans="8:8">
      <c r="H507146" s="12"/>
    </row>
    <row r="507147" spans="8:8">
      <c r="H507147" s="12"/>
    </row>
    <row r="507148" spans="8:8">
      <c r="H507148" s="12"/>
    </row>
    <row r="507149" spans="8:8">
      <c r="H507149" s="12"/>
    </row>
    <row r="507150" spans="8:8">
      <c r="H507150" s="12"/>
    </row>
    <row r="507151" spans="8:8">
      <c r="H507151" s="12"/>
    </row>
    <row r="507152" spans="8:8">
      <c r="H507152" s="12"/>
    </row>
    <row r="507153" spans="8:8">
      <c r="H507153" s="12"/>
    </row>
    <row r="507154" spans="8:8">
      <c r="H507154" s="12"/>
    </row>
    <row r="507155" spans="8:8">
      <c r="H507155" s="12"/>
    </row>
    <row r="507156" spans="8:8">
      <c r="H507156" s="12"/>
    </row>
    <row r="507157" spans="8:8">
      <c r="H507157" s="12"/>
    </row>
    <row r="507158" spans="8:8">
      <c r="H507158" s="12"/>
    </row>
    <row r="507159" spans="8:8">
      <c r="H507159" s="12"/>
    </row>
    <row r="507160" spans="8:8">
      <c r="H507160" s="12"/>
    </row>
    <row r="507161" spans="8:8">
      <c r="H507161" s="12"/>
    </row>
    <row r="507162" spans="8:8">
      <c r="H507162" s="12"/>
    </row>
    <row r="507163" spans="8:8">
      <c r="H507163" s="12"/>
    </row>
    <row r="507164" spans="8:8">
      <c r="H507164" s="12"/>
    </row>
    <row r="507165" spans="8:8">
      <c r="H507165" s="12"/>
    </row>
    <row r="507166" spans="8:8">
      <c r="H507166" s="12"/>
    </row>
    <row r="507167" spans="8:8">
      <c r="H507167" s="12"/>
    </row>
    <row r="507168" spans="8:8">
      <c r="H507168" s="12"/>
    </row>
    <row r="507169" spans="8:8">
      <c r="H507169" s="12"/>
    </row>
    <row r="507170" spans="8:8">
      <c r="H507170" s="12"/>
    </row>
    <row r="507171" spans="8:8">
      <c r="H507171" s="12"/>
    </row>
    <row r="507172" spans="8:8">
      <c r="H507172" s="12"/>
    </row>
    <row r="507173" spans="8:8">
      <c r="H507173" s="12"/>
    </row>
    <row r="507174" spans="8:8">
      <c r="H507174" s="12"/>
    </row>
    <row r="507175" spans="8:8">
      <c r="H507175" s="12"/>
    </row>
    <row r="507176" spans="8:8">
      <c r="H507176" s="12"/>
    </row>
    <row r="507177" spans="8:8">
      <c r="H507177" s="12"/>
    </row>
    <row r="507178" spans="8:8">
      <c r="H507178" s="12"/>
    </row>
    <row r="507179" spans="8:8">
      <c r="H507179" s="12"/>
    </row>
    <row r="507180" spans="8:8">
      <c r="H507180" s="12"/>
    </row>
    <row r="507181" spans="8:8">
      <c r="H507181" s="12"/>
    </row>
    <row r="507182" spans="8:8">
      <c r="H507182" s="12"/>
    </row>
    <row r="507183" spans="8:8">
      <c r="H507183" s="12"/>
    </row>
    <row r="507184" spans="8:8">
      <c r="H507184" s="12"/>
    </row>
    <row r="507185" spans="8:8">
      <c r="H507185" s="12"/>
    </row>
    <row r="507186" spans="8:8">
      <c r="H507186" s="12"/>
    </row>
    <row r="507187" spans="8:8">
      <c r="H507187" s="12"/>
    </row>
    <row r="507188" spans="8:8">
      <c r="H507188" s="12"/>
    </row>
    <row r="507189" spans="8:8">
      <c r="H507189" s="12"/>
    </row>
    <row r="507190" spans="8:8">
      <c r="H507190" s="12"/>
    </row>
    <row r="507191" spans="8:8">
      <c r="H507191" s="12"/>
    </row>
    <row r="507192" spans="8:8">
      <c r="H507192" s="12"/>
    </row>
    <row r="507193" spans="8:8">
      <c r="H507193" s="12"/>
    </row>
    <row r="507194" spans="8:8">
      <c r="H507194" s="12"/>
    </row>
    <row r="507195" spans="8:8">
      <c r="H507195" s="12"/>
    </row>
    <row r="507196" spans="8:8">
      <c r="H507196" s="12"/>
    </row>
    <row r="507197" spans="8:8">
      <c r="H507197" s="12"/>
    </row>
    <row r="507198" spans="8:8">
      <c r="H507198" s="12"/>
    </row>
    <row r="507199" spans="8:8">
      <c r="H507199" s="12"/>
    </row>
    <row r="507200" spans="8:8">
      <c r="H507200" s="12"/>
    </row>
    <row r="507201" spans="8:8">
      <c r="H507201" s="12"/>
    </row>
    <row r="507202" spans="8:8">
      <c r="H507202" s="12"/>
    </row>
    <row r="507203" spans="8:8">
      <c r="H507203" s="12"/>
    </row>
    <row r="507204" spans="8:8">
      <c r="H507204" s="12"/>
    </row>
    <row r="507205" spans="8:8">
      <c r="H507205" s="12"/>
    </row>
    <row r="507206" spans="8:8">
      <c r="H507206" s="12"/>
    </row>
    <row r="507207" spans="8:8">
      <c r="H507207" s="12"/>
    </row>
    <row r="507208" spans="8:8">
      <c r="H507208" s="12"/>
    </row>
    <row r="507209" spans="8:8">
      <c r="H507209" s="12"/>
    </row>
    <row r="507210" spans="8:8">
      <c r="H507210" s="12"/>
    </row>
    <row r="507211" spans="8:8">
      <c r="H507211" s="12"/>
    </row>
    <row r="507212" spans="8:8">
      <c r="H507212" s="12"/>
    </row>
    <row r="507213" spans="8:8">
      <c r="H507213" s="12"/>
    </row>
    <row r="507214" spans="8:8">
      <c r="H507214" s="12"/>
    </row>
    <row r="507215" spans="8:8">
      <c r="H507215" s="12"/>
    </row>
    <row r="507216" spans="8:8">
      <c r="H507216" s="12"/>
    </row>
    <row r="507217" spans="8:8">
      <c r="H507217" s="12"/>
    </row>
    <row r="507218" spans="8:8">
      <c r="H507218" s="12"/>
    </row>
    <row r="507219" spans="8:8">
      <c r="H507219" s="12"/>
    </row>
    <row r="507220" spans="8:8">
      <c r="H507220" s="12"/>
    </row>
    <row r="507221" spans="8:8">
      <c r="H507221" s="12"/>
    </row>
    <row r="507222" spans="8:8">
      <c r="H507222" s="12"/>
    </row>
    <row r="507223" spans="8:8">
      <c r="H507223" s="12"/>
    </row>
    <row r="507224" spans="8:8">
      <c r="H507224" s="12"/>
    </row>
    <row r="507225" spans="8:8">
      <c r="H507225" s="12"/>
    </row>
    <row r="507226" spans="8:8">
      <c r="H507226" s="12"/>
    </row>
    <row r="507227" spans="8:8">
      <c r="H507227" s="12"/>
    </row>
    <row r="507228" spans="8:8">
      <c r="H507228" s="12"/>
    </row>
    <row r="507229" spans="8:8">
      <c r="H507229" s="12"/>
    </row>
    <row r="507230" spans="8:8">
      <c r="H507230" s="12"/>
    </row>
    <row r="507231" spans="8:8">
      <c r="H507231" s="12"/>
    </row>
    <row r="507232" spans="8:8">
      <c r="H507232" s="12"/>
    </row>
    <row r="507233" spans="8:8">
      <c r="H507233" s="12"/>
    </row>
    <row r="507234" spans="8:8">
      <c r="H507234" s="12"/>
    </row>
    <row r="507235" spans="8:8">
      <c r="H507235" s="12"/>
    </row>
    <row r="507236" spans="8:8">
      <c r="H507236" s="12"/>
    </row>
    <row r="507237" spans="8:8">
      <c r="H507237" s="12"/>
    </row>
    <row r="507238" spans="8:8">
      <c r="H507238" s="12"/>
    </row>
    <row r="507239" spans="8:8">
      <c r="H507239" s="12"/>
    </row>
    <row r="507240" spans="8:8">
      <c r="H507240" s="12"/>
    </row>
    <row r="507241" spans="8:8">
      <c r="H507241" s="12"/>
    </row>
    <row r="507242" spans="8:8">
      <c r="H507242" s="12"/>
    </row>
    <row r="507243" spans="8:8">
      <c r="H507243" s="12"/>
    </row>
    <row r="507244" spans="8:8">
      <c r="H507244" s="12"/>
    </row>
    <row r="507245" spans="8:8">
      <c r="H507245" s="12"/>
    </row>
    <row r="507246" spans="8:8">
      <c r="H507246" s="12"/>
    </row>
    <row r="507247" spans="8:8">
      <c r="H507247" s="12"/>
    </row>
    <row r="507248" spans="8:8">
      <c r="H507248" s="12"/>
    </row>
    <row r="507249" spans="8:8">
      <c r="H507249" s="12"/>
    </row>
    <row r="507250" spans="8:8">
      <c r="H507250" s="12"/>
    </row>
    <row r="507251" spans="8:8">
      <c r="H507251" s="12"/>
    </row>
    <row r="507252" spans="8:8">
      <c r="H507252" s="12"/>
    </row>
    <row r="507253" spans="8:8">
      <c r="H507253" s="12"/>
    </row>
    <row r="507254" spans="8:8">
      <c r="H507254" s="12"/>
    </row>
    <row r="507255" spans="8:8">
      <c r="H507255" s="12"/>
    </row>
    <row r="507256" spans="8:8">
      <c r="H507256" s="12"/>
    </row>
    <row r="507257" spans="8:8">
      <c r="H507257" s="12"/>
    </row>
    <row r="507258" spans="8:8">
      <c r="H507258" s="12"/>
    </row>
    <row r="507259" spans="8:8">
      <c r="H507259" s="12"/>
    </row>
    <row r="507260" spans="8:8">
      <c r="H507260" s="12"/>
    </row>
    <row r="507261" spans="8:8">
      <c r="H507261" s="12"/>
    </row>
    <row r="507262" spans="8:8">
      <c r="H507262" s="12"/>
    </row>
    <row r="507263" spans="8:8">
      <c r="H507263" s="12"/>
    </row>
    <row r="507264" spans="8:8">
      <c r="H507264" s="12"/>
    </row>
    <row r="507265" spans="8:8">
      <c r="H507265" s="12"/>
    </row>
    <row r="507266" spans="8:8">
      <c r="H507266" s="12"/>
    </row>
    <row r="507267" spans="8:8">
      <c r="H507267" s="12"/>
    </row>
    <row r="507268" spans="8:8">
      <c r="H507268" s="12"/>
    </row>
    <row r="507269" spans="8:8">
      <c r="H507269" s="12"/>
    </row>
    <row r="507270" spans="8:8">
      <c r="H507270" s="12"/>
    </row>
    <row r="507271" spans="8:8">
      <c r="H507271" s="12"/>
    </row>
    <row r="507272" spans="8:8">
      <c r="H507272" s="12"/>
    </row>
    <row r="507273" spans="8:8">
      <c r="H507273" s="12"/>
    </row>
    <row r="507274" spans="8:8">
      <c r="H507274" s="12"/>
    </row>
    <row r="507275" spans="8:8">
      <c r="H507275" s="12"/>
    </row>
    <row r="507276" spans="8:8">
      <c r="H507276" s="12"/>
    </row>
    <row r="507277" spans="8:8">
      <c r="H507277" s="12"/>
    </row>
    <row r="507278" spans="8:8">
      <c r="H507278" s="12"/>
    </row>
    <row r="507279" spans="8:8">
      <c r="H507279" s="12"/>
    </row>
    <row r="507280" spans="8:8">
      <c r="H507280" s="12"/>
    </row>
    <row r="507281" spans="8:8">
      <c r="H507281" s="12"/>
    </row>
    <row r="507282" spans="8:8">
      <c r="H507282" s="12"/>
    </row>
    <row r="507283" spans="8:8">
      <c r="H507283" s="12"/>
    </row>
    <row r="507284" spans="8:8">
      <c r="H507284" s="12"/>
    </row>
    <row r="507285" spans="8:8">
      <c r="H507285" s="12"/>
    </row>
    <row r="507286" spans="8:8">
      <c r="H507286" s="12"/>
    </row>
    <row r="507287" spans="8:8">
      <c r="H507287" s="12"/>
    </row>
    <row r="507288" spans="8:8">
      <c r="H507288" s="12"/>
    </row>
    <row r="507289" spans="8:8">
      <c r="H507289" s="12"/>
    </row>
    <row r="507290" spans="8:8">
      <c r="H507290" s="12"/>
    </row>
    <row r="507291" spans="8:8">
      <c r="H507291" s="12"/>
    </row>
    <row r="507292" spans="8:8">
      <c r="H507292" s="12"/>
    </row>
    <row r="507293" spans="8:8">
      <c r="H507293" s="12"/>
    </row>
    <row r="507294" spans="8:8">
      <c r="H507294" s="12"/>
    </row>
    <row r="507295" spans="8:8">
      <c r="H507295" s="12"/>
    </row>
    <row r="507296" spans="8:8">
      <c r="H507296" s="12"/>
    </row>
    <row r="507297" spans="8:8">
      <c r="H507297" s="12"/>
    </row>
    <row r="507298" spans="8:8">
      <c r="H507298" s="12"/>
    </row>
    <row r="507299" spans="8:8">
      <c r="H507299" s="12"/>
    </row>
    <row r="507300" spans="8:8">
      <c r="H507300" s="12"/>
    </row>
    <row r="507301" spans="8:8">
      <c r="H507301" s="12"/>
    </row>
    <row r="507302" spans="8:8">
      <c r="H507302" s="12"/>
    </row>
    <row r="507303" spans="8:8">
      <c r="H507303" s="12"/>
    </row>
    <row r="507304" spans="8:8">
      <c r="H507304" s="12"/>
    </row>
    <row r="507305" spans="8:8">
      <c r="H507305" s="12"/>
    </row>
    <row r="507306" spans="8:8">
      <c r="H507306" s="12"/>
    </row>
    <row r="507307" spans="8:8">
      <c r="H507307" s="12"/>
    </row>
    <row r="507308" spans="8:8">
      <c r="H507308" s="12"/>
    </row>
    <row r="507309" spans="8:8">
      <c r="H507309" s="12"/>
    </row>
    <row r="507310" spans="8:8">
      <c r="H507310" s="12"/>
    </row>
    <row r="507311" spans="8:8">
      <c r="H507311" s="12"/>
    </row>
    <row r="507312" spans="8:8">
      <c r="H507312" s="12"/>
    </row>
    <row r="507313" spans="8:8">
      <c r="H507313" s="12"/>
    </row>
    <row r="507314" spans="8:8">
      <c r="H507314" s="12"/>
    </row>
    <row r="507315" spans="8:8">
      <c r="H507315" s="12"/>
    </row>
    <row r="507316" spans="8:8">
      <c r="H507316" s="12"/>
    </row>
    <row r="507317" spans="8:8">
      <c r="H507317" s="12"/>
    </row>
    <row r="507318" spans="8:8">
      <c r="H507318" s="12"/>
    </row>
    <row r="507319" spans="8:8">
      <c r="H507319" s="12"/>
    </row>
    <row r="507320" spans="8:8">
      <c r="H507320" s="12"/>
    </row>
    <row r="507321" spans="8:8">
      <c r="H507321" s="12"/>
    </row>
    <row r="507322" spans="8:8">
      <c r="H507322" s="12"/>
    </row>
    <row r="507323" spans="8:8">
      <c r="H507323" s="12"/>
    </row>
    <row r="507324" spans="8:8">
      <c r="H507324" s="12"/>
    </row>
    <row r="507325" spans="8:8">
      <c r="H507325" s="12"/>
    </row>
    <row r="507326" spans="8:8">
      <c r="H507326" s="12"/>
    </row>
    <row r="507327" spans="8:8">
      <c r="H507327" s="12"/>
    </row>
    <row r="507328" spans="8:8">
      <c r="H507328" s="12"/>
    </row>
    <row r="507329" spans="8:8">
      <c r="H507329" s="12"/>
    </row>
    <row r="507330" spans="8:8">
      <c r="H507330" s="12"/>
    </row>
    <row r="507331" spans="8:8">
      <c r="H507331" s="12"/>
    </row>
    <row r="507332" spans="8:8">
      <c r="H507332" s="12"/>
    </row>
    <row r="507333" spans="8:8">
      <c r="H507333" s="12"/>
    </row>
    <row r="507334" spans="8:8">
      <c r="H507334" s="12"/>
    </row>
    <row r="507335" spans="8:8">
      <c r="H507335" s="12"/>
    </row>
    <row r="507336" spans="8:8">
      <c r="H507336" s="12"/>
    </row>
    <row r="507337" spans="8:8">
      <c r="H507337" s="12"/>
    </row>
    <row r="507338" spans="8:8">
      <c r="H507338" s="12"/>
    </row>
    <row r="507339" spans="8:8">
      <c r="H507339" s="12"/>
    </row>
    <row r="507340" spans="8:8">
      <c r="H507340" s="12"/>
    </row>
    <row r="507341" spans="8:8">
      <c r="H507341" s="12"/>
    </row>
    <row r="507342" spans="8:8">
      <c r="H507342" s="12"/>
    </row>
    <row r="507343" spans="8:8">
      <c r="H507343" s="12"/>
    </row>
    <row r="507344" spans="8:8">
      <c r="H507344" s="12"/>
    </row>
    <row r="507345" spans="8:8">
      <c r="H507345" s="12"/>
    </row>
    <row r="507346" spans="8:8">
      <c r="H507346" s="12"/>
    </row>
    <row r="507347" spans="8:8">
      <c r="H507347" s="12"/>
    </row>
    <row r="507348" spans="8:8">
      <c r="H507348" s="12"/>
    </row>
    <row r="507349" spans="8:8">
      <c r="H507349" s="12"/>
    </row>
    <row r="507350" spans="8:8">
      <c r="H507350" s="12"/>
    </row>
    <row r="507351" spans="8:8">
      <c r="H507351" s="12"/>
    </row>
    <row r="507352" spans="8:8">
      <c r="H507352" s="12"/>
    </row>
    <row r="507353" spans="8:8">
      <c r="H507353" s="12"/>
    </row>
    <row r="507354" spans="8:8">
      <c r="H507354" s="12"/>
    </row>
    <row r="507355" spans="8:8">
      <c r="H507355" s="12"/>
    </row>
    <row r="507356" spans="8:8">
      <c r="H507356" s="12"/>
    </row>
    <row r="507357" spans="8:8">
      <c r="H507357" s="12"/>
    </row>
    <row r="507358" spans="8:8">
      <c r="H507358" s="12"/>
    </row>
    <row r="507359" spans="8:8">
      <c r="H507359" s="12"/>
    </row>
    <row r="507360" spans="8:8">
      <c r="H507360" s="12"/>
    </row>
    <row r="507361" spans="8:8">
      <c r="H507361" s="12"/>
    </row>
    <row r="507362" spans="8:8">
      <c r="H507362" s="12"/>
    </row>
    <row r="507363" spans="8:8">
      <c r="H507363" s="12"/>
    </row>
    <row r="507364" spans="8:8">
      <c r="H507364" s="12"/>
    </row>
    <row r="507365" spans="8:8">
      <c r="H507365" s="12"/>
    </row>
    <row r="507366" spans="8:8">
      <c r="H507366" s="12"/>
    </row>
    <row r="507367" spans="8:8">
      <c r="H507367" s="12"/>
    </row>
    <row r="507368" spans="8:8">
      <c r="H507368" s="12"/>
    </row>
    <row r="507369" spans="8:8">
      <c r="H507369" s="12"/>
    </row>
    <row r="507370" spans="8:8">
      <c r="H507370" s="12"/>
    </row>
    <row r="507371" spans="8:8">
      <c r="H507371" s="12"/>
    </row>
    <row r="507372" spans="8:8">
      <c r="H507372" s="12"/>
    </row>
    <row r="507373" spans="8:8">
      <c r="H507373" s="12"/>
    </row>
    <row r="507374" spans="8:8">
      <c r="H507374" s="12"/>
    </row>
    <row r="507375" spans="8:8">
      <c r="H507375" s="12"/>
    </row>
    <row r="507376" spans="8:8">
      <c r="H507376" s="12"/>
    </row>
    <row r="507377" spans="8:8">
      <c r="H507377" s="12"/>
    </row>
    <row r="507378" spans="8:8">
      <c r="H507378" s="12"/>
    </row>
    <row r="507379" spans="8:8">
      <c r="H507379" s="12"/>
    </row>
    <row r="507380" spans="8:8">
      <c r="H507380" s="12"/>
    </row>
    <row r="507381" spans="8:8">
      <c r="H507381" s="12"/>
    </row>
    <row r="507382" spans="8:8">
      <c r="H507382" s="12"/>
    </row>
    <row r="507383" spans="8:8">
      <c r="H507383" s="12"/>
    </row>
    <row r="507384" spans="8:8">
      <c r="H507384" s="12"/>
    </row>
    <row r="507385" spans="8:8">
      <c r="H507385" s="12"/>
    </row>
    <row r="507386" spans="8:8">
      <c r="H507386" s="12"/>
    </row>
    <row r="507387" spans="8:8">
      <c r="H507387" s="12"/>
    </row>
    <row r="507388" spans="8:8">
      <c r="H507388" s="12"/>
    </row>
    <row r="507389" spans="8:8">
      <c r="H507389" s="12"/>
    </row>
    <row r="507390" spans="8:8">
      <c r="H507390" s="12"/>
    </row>
    <row r="507391" spans="8:8">
      <c r="H507391" s="12"/>
    </row>
    <row r="507392" spans="8:8">
      <c r="H507392" s="12"/>
    </row>
    <row r="507393" spans="8:8">
      <c r="H507393" s="12"/>
    </row>
    <row r="507394" spans="8:8">
      <c r="H507394" s="12"/>
    </row>
    <row r="507395" spans="8:8">
      <c r="H507395" s="12"/>
    </row>
    <row r="507396" spans="8:8">
      <c r="H507396" s="12"/>
    </row>
    <row r="507397" spans="8:8">
      <c r="H507397" s="12"/>
    </row>
    <row r="507398" spans="8:8">
      <c r="H507398" s="12"/>
    </row>
    <row r="507399" spans="8:8">
      <c r="H507399" s="12"/>
    </row>
    <row r="507400" spans="8:8">
      <c r="H507400" s="12"/>
    </row>
    <row r="507401" spans="8:8">
      <c r="H507401" s="12"/>
    </row>
    <row r="507402" spans="8:8">
      <c r="H507402" s="12"/>
    </row>
    <row r="507403" spans="8:8">
      <c r="H507403" s="12"/>
    </row>
    <row r="507404" spans="8:8">
      <c r="H507404" s="12"/>
    </row>
    <row r="507405" spans="8:8">
      <c r="H507405" s="12"/>
    </row>
    <row r="507406" spans="8:8">
      <c r="H507406" s="12"/>
    </row>
    <row r="507407" spans="8:8">
      <c r="H507407" s="12"/>
    </row>
    <row r="507408" spans="8:8">
      <c r="H507408" s="12"/>
    </row>
    <row r="507409" spans="8:8">
      <c r="H507409" s="12"/>
    </row>
    <row r="507410" spans="8:8">
      <c r="H507410" s="12"/>
    </row>
    <row r="507411" spans="8:8">
      <c r="H507411" s="12"/>
    </row>
    <row r="507412" spans="8:8">
      <c r="H507412" s="12"/>
    </row>
    <row r="507413" spans="8:8">
      <c r="H507413" s="12"/>
    </row>
    <row r="507414" spans="8:8">
      <c r="H507414" s="12"/>
    </row>
    <row r="507415" spans="8:8">
      <c r="H507415" s="12"/>
    </row>
    <row r="507416" spans="8:8">
      <c r="H507416" s="12"/>
    </row>
    <row r="507417" spans="8:8">
      <c r="H507417" s="12"/>
    </row>
    <row r="507418" spans="8:8">
      <c r="H507418" s="12"/>
    </row>
    <row r="507419" spans="8:8">
      <c r="H507419" s="12"/>
    </row>
    <row r="507420" spans="8:8">
      <c r="H507420" s="12"/>
    </row>
    <row r="507421" spans="8:8">
      <c r="H507421" s="12"/>
    </row>
    <row r="507422" spans="8:8">
      <c r="H507422" s="12"/>
    </row>
    <row r="507423" spans="8:8">
      <c r="H507423" s="12"/>
    </row>
    <row r="507424" spans="8:8">
      <c r="H507424" s="12"/>
    </row>
    <row r="507425" spans="8:8">
      <c r="H507425" s="12"/>
    </row>
    <row r="507426" spans="8:8">
      <c r="H507426" s="12"/>
    </row>
    <row r="507427" spans="8:8">
      <c r="H507427" s="12"/>
    </row>
    <row r="507428" spans="8:8">
      <c r="H507428" s="12"/>
    </row>
    <row r="507429" spans="8:8">
      <c r="H507429" s="12"/>
    </row>
    <row r="507430" spans="8:8">
      <c r="H507430" s="12"/>
    </row>
    <row r="507431" spans="8:8">
      <c r="H507431" s="12"/>
    </row>
    <row r="507432" spans="8:8">
      <c r="H507432" s="12"/>
    </row>
    <row r="507433" spans="8:8">
      <c r="H507433" s="12"/>
    </row>
    <row r="507434" spans="8:8">
      <c r="H507434" s="12"/>
    </row>
    <row r="507435" spans="8:8">
      <c r="H507435" s="12"/>
    </row>
    <row r="507436" spans="8:8">
      <c r="H507436" s="12"/>
    </row>
    <row r="507437" spans="8:8">
      <c r="H507437" s="12"/>
    </row>
    <row r="507438" spans="8:8">
      <c r="H507438" s="12"/>
    </row>
    <row r="507439" spans="8:8">
      <c r="H507439" s="12"/>
    </row>
    <row r="507440" spans="8:8">
      <c r="H507440" s="12"/>
    </row>
    <row r="507441" spans="8:8">
      <c r="H507441" s="12"/>
    </row>
    <row r="507442" spans="8:8">
      <c r="H507442" s="12"/>
    </row>
    <row r="507443" spans="8:8">
      <c r="H507443" s="12"/>
    </row>
    <row r="507444" spans="8:8">
      <c r="H507444" s="12"/>
    </row>
    <row r="507445" spans="8:8">
      <c r="H507445" s="12"/>
    </row>
    <row r="507446" spans="8:8">
      <c r="H507446" s="12"/>
    </row>
    <row r="507447" spans="8:8">
      <c r="H507447" s="12"/>
    </row>
    <row r="507448" spans="8:8">
      <c r="H507448" s="12"/>
    </row>
    <row r="507449" spans="8:8">
      <c r="H507449" s="12"/>
    </row>
    <row r="507450" spans="8:8">
      <c r="H507450" s="12"/>
    </row>
    <row r="507451" spans="8:8">
      <c r="H507451" s="12"/>
    </row>
    <row r="507452" spans="8:8">
      <c r="H507452" s="12"/>
    </row>
    <row r="507453" spans="8:8">
      <c r="H507453" s="12"/>
    </row>
    <row r="507454" spans="8:8">
      <c r="H507454" s="12"/>
    </row>
    <row r="507455" spans="8:8">
      <c r="H507455" s="12"/>
    </row>
    <row r="507456" spans="8:8">
      <c r="H507456" s="12"/>
    </row>
    <row r="507457" spans="8:8">
      <c r="H507457" s="12"/>
    </row>
    <row r="507458" spans="8:8">
      <c r="H507458" s="12"/>
    </row>
    <row r="507459" spans="8:8">
      <c r="H507459" s="12"/>
    </row>
    <row r="507460" spans="8:8">
      <c r="H507460" s="12"/>
    </row>
    <row r="507461" spans="8:8">
      <c r="H507461" s="12"/>
    </row>
    <row r="507462" spans="8:8">
      <c r="H507462" s="12"/>
    </row>
    <row r="507463" spans="8:8">
      <c r="H507463" s="12"/>
    </row>
    <row r="507464" spans="8:8">
      <c r="H507464" s="12"/>
    </row>
    <row r="507465" spans="8:8">
      <c r="H507465" s="12"/>
    </row>
    <row r="507466" spans="8:8">
      <c r="H507466" s="12"/>
    </row>
    <row r="507467" spans="8:8">
      <c r="H507467" s="12"/>
    </row>
    <row r="507468" spans="8:8">
      <c r="H507468" s="12"/>
    </row>
    <row r="507469" spans="8:8">
      <c r="H507469" s="12"/>
    </row>
    <row r="507470" spans="8:8">
      <c r="H507470" s="12"/>
    </row>
    <row r="507471" spans="8:8">
      <c r="H507471" s="12"/>
    </row>
    <row r="507472" spans="8:8">
      <c r="H507472" s="12"/>
    </row>
    <row r="507473" spans="8:8">
      <c r="H507473" s="12"/>
    </row>
    <row r="507474" spans="8:8">
      <c r="H507474" s="12"/>
    </row>
    <row r="507475" spans="8:8">
      <c r="H507475" s="12"/>
    </row>
    <row r="507476" spans="8:8">
      <c r="H507476" s="12"/>
    </row>
    <row r="507477" spans="8:8">
      <c r="H507477" s="12"/>
    </row>
    <row r="507478" spans="8:8">
      <c r="H507478" s="12"/>
    </row>
    <row r="507479" spans="8:8">
      <c r="H507479" s="12"/>
    </row>
    <row r="507480" spans="8:8">
      <c r="H507480" s="12"/>
    </row>
    <row r="507481" spans="8:8">
      <c r="H507481" s="12"/>
    </row>
    <row r="507482" spans="8:8">
      <c r="H507482" s="12"/>
    </row>
    <row r="507483" spans="8:8">
      <c r="H507483" s="12"/>
    </row>
    <row r="507484" spans="8:8">
      <c r="H507484" s="12"/>
    </row>
    <row r="507485" spans="8:8">
      <c r="H507485" s="12"/>
    </row>
    <row r="507486" spans="8:8">
      <c r="H507486" s="12"/>
    </row>
    <row r="507487" spans="8:8">
      <c r="H507487" s="12"/>
    </row>
    <row r="507488" spans="8:8">
      <c r="H507488" s="12"/>
    </row>
    <row r="507489" spans="8:8">
      <c r="H507489" s="12"/>
    </row>
    <row r="507490" spans="8:8">
      <c r="H507490" s="12"/>
    </row>
    <row r="507491" spans="8:8">
      <c r="H507491" s="12"/>
    </row>
    <row r="507492" spans="8:8">
      <c r="H507492" s="12"/>
    </row>
    <row r="507493" spans="8:8">
      <c r="H507493" s="12"/>
    </row>
    <row r="507494" spans="8:8">
      <c r="H507494" s="12"/>
    </row>
    <row r="507495" spans="8:8">
      <c r="H507495" s="12"/>
    </row>
    <row r="507496" spans="8:8">
      <c r="H507496" s="12"/>
    </row>
    <row r="507497" spans="8:8">
      <c r="H507497" s="12"/>
    </row>
    <row r="507498" spans="8:8">
      <c r="H507498" s="12"/>
    </row>
    <row r="507499" spans="8:8">
      <c r="H507499" s="12"/>
    </row>
    <row r="507500" spans="8:8">
      <c r="H507500" s="12"/>
    </row>
    <row r="507501" spans="8:8">
      <c r="H507501" s="12"/>
    </row>
    <row r="507502" spans="8:8">
      <c r="H507502" s="12"/>
    </row>
    <row r="507503" spans="8:8">
      <c r="H507503" s="12"/>
    </row>
    <row r="507504" spans="8:8">
      <c r="H507504" s="12"/>
    </row>
    <row r="507505" spans="8:8">
      <c r="H507505" s="12"/>
    </row>
    <row r="507506" spans="8:8">
      <c r="H507506" s="12"/>
    </row>
    <row r="507507" spans="8:8">
      <c r="H507507" s="12"/>
    </row>
    <row r="507508" spans="8:8">
      <c r="H507508" s="12"/>
    </row>
    <row r="507509" spans="8:8">
      <c r="H507509" s="12"/>
    </row>
    <row r="507510" spans="8:8">
      <c r="H507510" s="12"/>
    </row>
    <row r="507511" spans="8:8">
      <c r="H507511" s="12"/>
    </row>
    <row r="507512" spans="8:8">
      <c r="H507512" s="12"/>
    </row>
    <row r="507513" spans="8:8">
      <c r="H507513" s="12"/>
    </row>
    <row r="507514" spans="8:8">
      <c r="H507514" s="12"/>
    </row>
    <row r="507515" spans="8:8">
      <c r="H507515" s="12"/>
    </row>
    <row r="507516" spans="8:8">
      <c r="H507516" s="12"/>
    </row>
    <row r="507517" spans="8:8">
      <c r="H507517" s="12"/>
    </row>
    <row r="507518" spans="8:8">
      <c r="H507518" s="12"/>
    </row>
    <row r="507519" spans="8:8">
      <c r="H507519" s="12"/>
    </row>
    <row r="507520" spans="8:8">
      <c r="H507520" s="12"/>
    </row>
    <row r="507521" spans="8:8">
      <c r="H507521" s="12"/>
    </row>
    <row r="507522" spans="8:8">
      <c r="H507522" s="12"/>
    </row>
    <row r="507523" spans="8:8">
      <c r="H507523" s="12"/>
    </row>
    <row r="507524" spans="8:8">
      <c r="H507524" s="12"/>
    </row>
    <row r="507525" spans="8:8">
      <c r="H507525" s="12"/>
    </row>
    <row r="507526" spans="8:8">
      <c r="H507526" s="12"/>
    </row>
    <row r="507527" spans="8:8">
      <c r="H507527" s="12"/>
    </row>
    <row r="507528" spans="8:8">
      <c r="H507528" s="12"/>
    </row>
    <row r="507529" spans="8:8">
      <c r="H507529" s="12"/>
    </row>
    <row r="507530" spans="8:8">
      <c r="H507530" s="12"/>
    </row>
    <row r="507531" spans="8:8">
      <c r="H507531" s="12"/>
    </row>
    <row r="507532" spans="8:8">
      <c r="H507532" s="12"/>
    </row>
    <row r="507533" spans="8:8">
      <c r="H507533" s="12"/>
    </row>
    <row r="507534" spans="8:8">
      <c r="H507534" s="12"/>
    </row>
    <row r="507535" spans="8:8">
      <c r="H507535" s="12"/>
    </row>
    <row r="507536" spans="8:8">
      <c r="H507536" s="12"/>
    </row>
    <row r="507537" spans="8:8">
      <c r="H507537" s="12"/>
    </row>
    <row r="507538" spans="8:8">
      <c r="H507538" s="12"/>
    </row>
    <row r="507539" spans="8:8">
      <c r="H507539" s="12"/>
    </row>
    <row r="507540" spans="8:8">
      <c r="H507540" s="12"/>
    </row>
    <row r="507541" spans="8:8">
      <c r="H507541" s="12"/>
    </row>
    <row r="507542" spans="8:8">
      <c r="H507542" s="12"/>
    </row>
    <row r="507543" spans="8:8">
      <c r="H507543" s="12"/>
    </row>
    <row r="507544" spans="8:8">
      <c r="H507544" s="12"/>
    </row>
    <row r="507545" spans="8:8">
      <c r="H507545" s="12"/>
    </row>
    <row r="507546" spans="8:8">
      <c r="H507546" s="12"/>
    </row>
    <row r="507547" spans="8:8">
      <c r="H507547" s="12"/>
    </row>
    <row r="507548" spans="8:8">
      <c r="H507548" s="12"/>
    </row>
    <row r="507549" spans="8:8">
      <c r="H507549" s="12"/>
    </row>
    <row r="507550" spans="8:8">
      <c r="H507550" s="12"/>
    </row>
    <row r="507551" spans="8:8">
      <c r="H507551" s="12"/>
    </row>
    <row r="507552" spans="8:8">
      <c r="H507552" s="12"/>
    </row>
    <row r="507553" spans="8:8">
      <c r="H507553" s="12"/>
    </row>
    <row r="507554" spans="8:8">
      <c r="H507554" s="12"/>
    </row>
    <row r="507555" spans="8:8">
      <c r="H507555" s="12"/>
    </row>
    <row r="507556" spans="8:8">
      <c r="H507556" s="12"/>
    </row>
    <row r="507557" spans="8:8">
      <c r="H507557" s="12"/>
    </row>
    <row r="507558" spans="8:8">
      <c r="H507558" s="12"/>
    </row>
    <row r="507559" spans="8:8">
      <c r="H507559" s="12"/>
    </row>
    <row r="507560" spans="8:8">
      <c r="H507560" s="12"/>
    </row>
    <row r="507561" spans="8:8">
      <c r="H507561" s="12"/>
    </row>
    <row r="507562" spans="8:8">
      <c r="H507562" s="12"/>
    </row>
    <row r="507563" spans="8:8">
      <c r="H507563" s="12"/>
    </row>
    <row r="507564" spans="8:8">
      <c r="H507564" s="12"/>
    </row>
    <row r="507565" spans="8:8">
      <c r="H507565" s="12"/>
    </row>
    <row r="507566" spans="8:8">
      <c r="H507566" s="12"/>
    </row>
    <row r="507567" spans="8:8">
      <c r="H507567" s="12"/>
    </row>
    <row r="507568" spans="8:8">
      <c r="H507568" s="12"/>
    </row>
    <row r="507569" spans="8:8">
      <c r="H507569" s="12"/>
    </row>
    <row r="507570" spans="8:8">
      <c r="H507570" s="12"/>
    </row>
    <row r="507571" spans="8:8">
      <c r="H507571" s="12"/>
    </row>
    <row r="507572" spans="8:8">
      <c r="H507572" s="12"/>
    </row>
    <row r="507573" spans="8:8">
      <c r="H507573" s="12"/>
    </row>
    <row r="507574" spans="8:8">
      <c r="H507574" s="12"/>
    </row>
    <row r="507575" spans="8:8">
      <c r="H507575" s="12"/>
    </row>
    <row r="507576" spans="8:8">
      <c r="H507576" s="12"/>
    </row>
    <row r="507577" spans="8:8">
      <c r="H507577" s="12"/>
    </row>
    <row r="507578" spans="8:8">
      <c r="H507578" s="12"/>
    </row>
    <row r="507579" spans="8:8">
      <c r="H507579" s="12"/>
    </row>
    <row r="507580" spans="8:8">
      <c r="H507580" s="12"/>
    </row>
    <row r="507581" spans="8:8">
      <c r="H507581" s="12"/>
    </row>
    <row r="507582" spans="8:8">
      <c r="H507582" s="12"/>
    </row>
    <row r="507583" spans="8:8">
      <c r="H507583" s="12"/>
    </row>
    <row r="507584" spans="8:8">
      <c r="H507584" s="12"/>
    </row>
    <row r="507585" spans="8:8">
      <c r="H507585" s="12"/>
    </row>
    <row r="507586" spans="8:8">
      <c r="H507586" s="12"/>
    </row>
    <row r="507587" spans="8:8">
      <c r="H507587" s="12"/>
    </row>
    <row r="507588" spans="8:8">
      <c r="H507588" s="12"/>
    </row>
    <row r="507589" spans="8:8">
      <c r="H507589" s="12"/>
    </row>
    <row r="507590" spans="8:8">
      <c r="H507590" s="12"/>
    </row>
    <row r="507591" spans="8:8">
      <c r="H507591" s="12"/>
    </row>
    <row r="507592" spans="8:8">
      <c r="H507592" s="12"/>
    </row>
    <row r="507593" spans="8:8">
      <c r="H507593" s="12"/>
    </row>
    <row r="507594" spans="8:8">
      <c r="H507594" s="12"/>
    </row>
    <row r="507595" spans="8:8">
      <c r="H507595" s="12"/>
    </row>
    <row r="507596" spans="8:8">
      <c r="H507596" s="12"/>
    </row>
    <row r="507597" spans="8:8">
      <c r="H507597" s="12"/>
    </row>
    <row r="507598" spans="8:8">
      <c r="H507598" s="12"/>
    </row>
    <row r="507599" spans="8:8">
      <c r="H507599" s="12"/>
    </row>
    <row r="507600" spans="8:8">
      <c r="H507600" s="12"/>
    </row>
    <row r="507601" spans="8:8">
      <c r="H507601" s="12"/>
    </row>
    <row r="507602" spans="8:8">
      <c r="H507602" s="12"/>
    </row>
    <row r="507603" spans="8:8">
      <c r="H507603" s="12"/>
    </row>
    <row r="507604" spans="8:8">
      <c r="H507604" s="12"/>
    </row>
    <row r="507605" spans="8:8">
      <c r="H507605" s="12"/>
    </row>
    <row r="507606" spans="8:8">
      <c r="H507606" s="12"/>
    </row>
    <row r="507607" spans="8:8">
      <c r="H507607" s="12"/>
    </row>
    <row r="507608" spans="8:8">
      <c r="H507608" s="12"/>
    </row>
    <row r="507609" spans="8:8">
      <c r="H507609" s="12"/>
    </row>
    <row r="507610" spans="8:8">
      <c r="H507610" s="12"/>
    </row>
    <row r="507611" spans="8:8">
      <c r="H507611" s="12"/>
    </row>
    <row r="507612" spans="8:8">
      <c r="H507612" s="12"/>
    </row>
    <row r="507613" spans="8:8">
      <c r="H507613" s="12"/>
    </row>
    <row r="507614" spans="8:8">
      <c r="H507614" s="12"/>
    </row>
    <row r="507615" spans="8:8">
      <c r="H507615" s="12"/>
    </row>
    <row r="507616" spans="8:8">
      <c r="H507616" s="12"/>
    </row>
    <row r="507617" spans="8:8">
      <c r="H507617" s="12"/>
    </row>
    <row r="507618" spans="8:8">
      <c r="H507618" s="12"/>
    </row>
    <row r="507619" spans="8:8">
      <c r="H507619" s="12"/>
    </row>
    <row r="507620" spans="8:8">
      <c r="H507620" s="12"/>
    </row>
    <row r="507621" spans="8:8">
      <c r="H507621" s="12"/>
    </row>
    <row r="507622" spans="8:8">
      <c r="H507622" s="12"/>
    </row>
    <row r="507623" spans="8:8">
      <c r="H507623" s="12"/>
    </row>
    <row r="507624" spans="8:8">
      <c r="H507624" s="12"/>
    </row>
    <row r="507625" spans="8:8">
      <c r="H507625" s="12"/>
    </row>
    <row r="507626" spans="8:8">
      <c r="H507626" s="12"/>
    </row>
    <row r="507627" spans="8:8">
      <c r="H507627" s="12"/>
    </row>
    <row r="507628" spans="8:8">
      <c r="H507628" s="12"/>
    </row>
    <row r="507629" spans="8:8">
      <c r="H507629" s="12"/>
    </row>
    <row r="507630" spans="8:8">
      <c r="H507630" s="12"/>
    </row>
    <row r="507631" spans="8:8">
      <c r="H507631" s="12"/>
    </row>
    <row r="507632" spans="8:8">
      <c r="H507632" s="12"/>
    </row>
    <row r="507633" spans="8:8">
      <c r="H507633" s="12"/>
    </row>
    <row r="507634" spans="8:8">
      <c r="H507634" s="12"/>
    </row>
    <row r="507635" spans="8:8">
      <c r="H507635" s="12"/>
    </row>
    <row r="507636" spans="8:8">
      <c r="H507636" s="12"/>
    </row>
    <row r="507637" spans="8:8">
      <c r="H507637" s="12"/>
    </row>
    <row r="507638" spans="8:8">
      <c r="H507638" s="12"/>
    </row>
    <row r="507639" spans="8:8">
      <c r="H507639" s="12"/>
    </row>
    <row r="507640" spans="8:8">
      <c r="H507640" s="12"/>
    </row>
    <row r="507641" spans="8:8">
      <c r="H507641" s="12"/>
    </row>
    <row r="507642" spans="8:8">
      <c r="H507642" s="12"/>
    </row>
    <row r="507643" spans="8:8">
      <c r="H507643" s="12"/>
    </row>
    <row r="507644" spans="8:8">
      <c r="H507644" s="12"/>
    </row>
    <row r="507645" spans="8:8">
      <c r="H507645" s="12"/>
    </row>
    <row r="507646" spans="8:8">
      <c r="H507646" s="12"/>
    </row>
    <row r="507647" spans="8:8">
      <c r="H507647" s="12"/>
    </row>
    <row r="507648" spans="8:8">
      <c r="H507648" s="12"/>
    </row>
    <row r="507649" spans="8:8">
      <c r="H507649" s="12"/>
    </row>
    <row r="507650" spans="8:8">
      <c r="H507650" s="12"/>
    </row>
    <row r="507651" spans="8:8">
      <c r="H507651" s="12"/>
    </row>
    <row r="507652" spans="8:8">
      <c r="H507652" s="12"/>
    </row>
    <row r="507653" spans="8:8">
      <c r="H507653" s="12"/>
    </row>
    <row r="507654" spans="8:8">
      <c r="H507654" s="12"/>
    </row>
    <row r="507655" spans="8:8">
      <c r="H507655" s="12"/>
    </row>
    <row r="507656" spans="8:8">
      <c r="H507656" s="12"/>
    </row>
    <row r="507657" spans="8:8">
      <c r="H507657" s="12"/>
    </row>
    <row r="507658" spans="8:8">
      <c r="H507658" s="12"/>
    </row>
    <row r="507659" spans="8:8">
      <c r="H507659" s="12"/>
    </row>
    <row r="507660" spans="8:8">
      <c r="H507660" s="12"/>
    </row>
    <row r="507661" spans="8:8">
      <c r="H507661" s="12"/>
    </row>
    <row r="507662" spans="8:8">
      <c r="H507662" s="12"/>
    </row>
    <row r="507663" spans="8:8">
      <c r="H507663" s="12"/>
    </row>
    <row r="507664" spans="8:8">
      <c r="H507664" s="12"/>
    </row>
    <row r="507665" spans="8:8">
      <c r="H507665" s="12"/>
    </row>
    <row r="507666" spans="8:8">
      <c r="H507666" s="12"/>
    </row>
    <row r="507667" spans="8:8">
      <c r="H507667" s="12"/>
    </row>
    <row r="507668" spans="8:8">
      <c r="H507668" s="12"/>
    </row>
    <row r="507669" spans="8:8">
      <c r="H507669" s="12"/>
    </row>
    <row r="507670" spans="8:8">
      <c r="H507670" s="12"/>
    </row>
    <row r="507671" spans="8:8">
      <c r="H507671" s="12"/>
    </row>
    <row r="507672" spans="8:8">
      <c r="H507672" s="12"/>
    </row>
    <row r="507673" spans="8:8">
      <c r="H507673" s="12"/>
    </row>
    <row r="507674" spans="8:8">
      <c r="H507674" s="12"/>
    </row>
    <row r="507675" spans="8:8">
      <c r="H507675" s="12"/>
    </row>
    <row r="507676" spans="8:8">
      <c r="H507676" s="12"/>
    </row>
    <row r="507677" spans="8:8">
      <c r="H507677" s="12"/>
    </row>
    <row r="507678" spans="8:8">
      <c r="H507678" s="12"/>
    </row>
    <row r="507679" spans="8:8">
      <c r="H507679" s="12"/>
    </row>
    <row r="507680" spans="8:8">
      <c r="H507680" s="12"/>
    </row>
    <row r="507681" spans="8:8">
      <c r="H507681" s="12"/>
    </row>
    <row r="507682" spans="8:8">
      <c r="H507682" s="12"/>
    </row>
    <row r="507683" spans="8:8">
      <c r="H507683" s="12"/>
    </row>
    <row r="507684" spans="8:8">
      <c r="H507684" s="12"/>
    </row>
    <row r="507685" spans="8:8">
      <c r="H507685" s="12"/>
    </row>
    <row r="507686" spans="8:8">
      <c r="H507686" s="12"/>
    </row>
    <row r="507687" spans="8:8">
      <c r="H507687" s="12"/>
    </row>
    <row r="507688" spans="8:8">
      <c r="H507688" s="12"/>
    </row>
    <row r="507689" spans="8:8">
      <c r="H507689" s="12"/>
    </row>
    <row r="507690" spans="8:8">
      <c r="H507690" s="12"/>
    </row>
    <row r="507691" spans="8:8">
      <c r="H507691" s="12"/>
    </row>
    <row r="507692" spans="8:8">
      <c r="H507692" s="12"/>
    </row>
    <row r="507693" spans="8:8">
      <c r="H507693" s="12"/>
    </row>
    <row r="507694" spans="8:8">
      <c r="H507694" s="12"/>
    </row>
    <row r="507695" spans="8:8">
      <c r="H507695" s="12"/>
    </row>
    <row r="507696" spans="8:8">
      <c r="H507696" s="12"/>
    </row>
    <row r="507697" spans="8:8">
      <c r="H507697" s="12"/>
    </row>
    <row r="507698" spans="8:8">
      <c r="H507698" s="12"/>
    </row>
    <row r="507699" spans="8:8">
      <c r="H507699" s="12"/>
    </row>
    <row r="507700" spans="8:8">
      <c r="H507700" s="12"/>
    </row>
    <row r="507701" spans="8:8">
      <c r="H507701" s="12"/>
    </row>
    <row r="507702" spans="8:8">
      <c r="H507702" s="12"/>
    </row>
    <row r="507703" spans="8:8">
      <c r="H507703" s="12"/>
    </row>
    <row r="507704" spans="8:8">
      <c r="H507704" s="12"/>
    </row>
    <row r="507705" spans="8:8">
      <c r="H507705" s="12"/>
    </row>
    <row r="507706" spans="8:8">
      <c r="H507706" s="12"/>
    </row>
    <row r="507707" spans="8:8">
      <c r="H507707" s="12"/>
    </row>
    <row r="507708" spans="8:8">
      <c r="H507708" s="12"/>
    </row>
    <row r="507709" spans="8:8">
      <c r="H507709" s="12"/>
    </row>
    <row r="507710" spans="8:8">
      <c r="H507710" s="12"/>
    </row>
    <row r="507711" spans="8:8">
      <c r="H507711" s="12"/>
    </row>
    <row r="507712" spans="8:8">
      <c r="H507712" s="12"/>
    </row>
    <row r="507713" spans="8:8">
      <c r="H507713" s="12"/>
    </row>
    <row r="507714" spans="8:8">
      <c r="H507714" s="12"/>
    </row>
    <row r="507715" spans="8:8">
      <c r="H507715" s="12"/>
    </row>
    <row r="507716" spans="8:8">
      <c r="H507716" s="12"/>
    </row>
    <row r="507717" spans="8:8">
      <c r="H507717" s="12"/>
    </row>
    <row r="507718" spans="8:8">
      <c r="H507718" s="12"/>
    </row>
    <row r="507719" spans="8:8">
      <c r="H507719" s="12"/>
    </row>
    <row r="507720" spans="8:8">
      <c r="H507720" s="12"/>
    </row>
    <row r="507721" spans="8:8">
      <c r="H507721" s="12"/>
    </row>
    <row r="507722" spans="8:8">
      <c r="H507722" s="12"/>
    </row>
    <row r="507723" spans="8:8">
      <c r="H507723" s="12"/>
    </row>
    <row r="507724" spans="8:8">
      <c r="H507724" s="12"/>
    </row>
    <row r="507725" spans="8:8">
      <c r="H507725" s="12"/>
    </row>
    <row r="507726" spans="8:8">
      <c r="H507726" s="12"/>
    </row>
    <row r="507727" spans="8:8">
      <c r="H507727" s="12"/>
    </row>
    <row r="507728" spans="8:8">
      <c r="H507728" s="12"/>
    </row>
    <row r="507729" spans="8:8">
      <c r="H507729" s="12"/>
    </row>
    <row r="507730" spans="8:8">
      <c r="H507730" s="12"/>
    </row>
    <row r="507731" spans="8:8">
      <c r="H507731" s="12"/>
    </row>
    <row r="507732" spans="8:8">
      <c r="H507732" s="12"/>
    </row>
    <row r="507733" spans="8:8">
      <c r="H507733" s="12"/>
    </row>
    <row r="507734" spans="8:8">
      <c r="H507734" s="12"/>
    </row>
    <row r="507735" spans="8:8">
      <c r="H507735" s="12"/>
    </row>
    <row r="507736" spans="8:8">
      <c r="H507736" s="12"/>
    </row>
    <row r="507737" spans="8:8">
      <c r="H507737" s="12"/>
    </row>
    <row r="507738" spans="8:8">
      <c r="H507738" s="12"/>
    </row>
    <row r="507739" spans="8:8">
      <c r="H507739" s="12"/>
    </row>
    <row r="507740" spans="8:8">
      <c r="H507740" s="12"/>
    </row>
    <row r="507741" spans="8:8">
      <c r="H507741" s="12"/>
    </row>
    <row r="507742" spans="8:8">
      <c r="H507742" s="12"/>
    </row>
    <row r="507743" spans="8:8">
      <c r="H507743" s="12"/>
    </row>
    <row r="507744" spans="8:8">
      <c r="H507744" s="12"/>
    </row>
    <row r="507745" spans="8:8">
      <c r="H507745" s="12"/>
    </row>
    <row r="507746" spans="8:8">
      <c r="H507746" s="12"/>
    </row>
    <row r="507747" spans="8:8">
      <c r="H507747" s="12"/>
    </row>
    <row r="507748" spans="8:8">
      <c r="H507748" s="12"/>
    </row>
    <row r="507749" spans="8:8">
      <c r="H507749" s="12"/>
    </row>
    <row r="507750" spans="8:8">
      <c r="H507750" s="12"/>
    </row>
    <row r="507751" spans="8:8">
      <c r="H507751" s="12"/>
    </row>
    <row r="507752" spans="8:8">
      <c r="H507752" s="12"/>
    </row>
    <row r="507753" spans="8:8">
      <c r="H507753" s="12"/>
    </row>
    <row r="507754" spans="8:8">
      <c r="H507754" s="12"/>
    </row>
    <row r="507755" spans="8:8">
      <c r="H507755" s="12"/>
    </row>
    <row r="507756" spans="8:8">
      <c r="H507756" s="12"/>
    </row>
    <row r="507757" spans="8:8">
      <c r="H507757" s="12"/>
    </row>
    <row r="507758" spans="8:8">
      <c r="H507758" s="12"/>
    </row>
    <row r="507759" spans="8:8">
      <c r="H507759" s="12"/>
    </row>
    <row r="507760" spans="8:8">
      <c r="H507760" s="12"/>
    </row>
    <row r="507761" spans="8:8">
      <c r="H507761" s="12"/>
    </row>
    <row r="507762" spans="8:8">
      <c r="H507762" s="12"/>
    </row>
    <row r="507763" spans="8:8">
      <c r="H507763" s="12"/>
    </row>
    <row r="507764" spans="8:8">
      <c r="H507764" s="12"/>
    </row>
    <row r="507765" spans="8:8">
      <c r="H507765" s="12"/>
    </row>
    <row r="507766" spans="8:8">
      <c r="H507766" s="12"/>
    </row>
    <row r="507767" spans="8:8">
      <c r="H507767" s="12"/>
    </row>
    <row r="507768" spans="8:8">
      <c r="H507768" s="12"/>
    </row>
    <row r="507769" spans="8:8">
      <c r="H507769" s="12"/>
    </row>
    <row r="507770" spans="8:8">
      <c r="H507770" s="12"/>
    </row>
    <row r="507771" spans="8:8">
      <c r="H507771" s="12"/>
    </row>
    <row r="507772" spans="8:8">
      <c r="H507772" s="12"/>
    </row>
    <row r="507773" spans="8:8">
      <c r="H507773" s="12"/>
    </row>
    <row r="507774" spans="8:8">
      <c r="H507774" s="12"/>
    </row>
    <row r="507775" spans="8:8">
      <c r="H507775" s="12"/>
    </row>
    <row r="507776" spans="8:8">
      <c r="H507776" s="12"/>
    </row>
    <row r="507777" spans="8:8">
      <c r="H507777" s="12"/>
    </row>
    <row r="507778" spans="8:8">
      <c r="H507778" s="12"/>
    </row>
    <row r="507779" spans="8:8">
      <c r="H507779" s="12"/>
    </row>
    <row r="507780" spans="8:8">
      <c r="H507780" s="12"/>
    </row>
    <row r="507781" spans="8:8">
      <c r="H507781" s="12"/>
    </row>
    <row r="507782" spans="8:8">
      <c r="H507782" s="12"/>
    </row>
    <row r="507783" spans="8:8">
      <c r="H507783" s="12"/>
    </row>
    <row r="507784" spans="8:8">
      <c r="H507784" s="12"/>
    </row>
    <row r="507785" spans="8:8">
      <c r="H507785" s="12"/>
    </row>
    <row r="507786" spans="8:8">
      <c r="H507786" s="12"/>
    </row>
    <row r="507787" spans="8:8">
      <c r="H507787" s="12"/>
    </row>
    <row r="507788" spans="8:8">
      <c r="H507788" s="12"/>
    </row>
    <row r="507789" spans="8:8">
      <c r="H507789" s="12"/>
    </row>
    <row r="507790" spans="8:8">
      <c r="H507790" s="12"/>
    </row>
    <row r="507791" spans="8:8">
      <c r="H507791" s="12"/>
    </row>
    <row r="507792" spans="8:8">
      <c r="H507792" s="12"/>
    </row>
    <row r="507793" spans="8:8">
      <c r="H507793" s="12"/>
    </row>
    <row r="507794" spans="8:8">
      <c r="H507794" s="12"/>
    </row>
    <row r="507795" spans="8:8">
      <c r="H507795" s="12"/>
    </row>
    <row r="507796" spans="8:8">
      <c r="H507796" s="12"/>
    </row>
    <row r="507797" spans="8:8">
      <c r="H507797" s="12"/>
    </row>
    <row r="507798" spans="8:8">
      <c r="H507798" s="12"/>
    </row>
    <row r="507799" spans="8:8">
      <c r="H507799" s="12"/>
    </row>
    <row r="507800" spans="8:8">
      <c r="H507800" s="12"/>
    </row>
    <row r="507801" spans="8:8">
      <c r="H507801" s="12"/>
    </row>
    <row r="507802" spans="8:8">
      <c r="H507802" s="12"/>
    </row>
    <row r="507803" spans="8:8">
      <c r="H507803" s="12"/>
    </row>
    <row r="507804" spans="8:8">
      <c r="H507804" s="12"/>
    </row>
    <row r="507805" spans="8:8">
      <c r="H507805" s="12"/>
    </row>
    <row r="507806" spans="8:8">
      <c r="H507806" s="12"/>
    </row>
    <row r="507807" spans="8:8">
      <c r="H507807" s="12"/>
    </row>
    <row r="507808" spans="8:8">
      <c r="H507808" s="12"/>
    </row>
    <row r="507809" spans="8:8">
      <c r="H507809" s="12"/>
    </row>
    <row r="507810" spans="8:8">
      <c r="H507810" s="12"/>
    </row>
    <row r="507811" spans="8:8">
      <c r="H507811" s="12"/>
    </row>
    <row r="507812" spans="8:8">
      <c r="H507812" s="12"/>
    </row>
    <row r="507813" spans="8:8">
      <c r="H507813" s="12"/>
    </row>
    <row r="507814" spans="8:8">
      <c r="H507814" s="12"/>
    </row>
    <row r="507815" spans="8:8">
      <c r="H507815" s="12"/>
    </row>
    <row r="507816" spans="8:8">
      <c r="H507816" s="12"/>
    </row>
    <row r="507817" spans="8:8">
      <c r="H507817" s="12"/>
    </row>
    <row r="507818" spans="8:8">
      <c r="H507818" s="12"/>
    </row>
    <row r="507819" spans="8:8">
      <c r="H507819" s="12"/>
    </row>
    <row r="507820" spans="8:8">
      <c r="H507820" s="12"/>
    </row>
    <row r="507821" spans="8:8">
      <c r="H507821" s="12"/>
    </row>
    <row r="507822" spans="8:8">
      <c r="H507822" s="12"/>
    </row>
    <row r="507823" spans="8:8">
      <c r="H507823" s="12"/>
    </row>
    <row r="507824" spans="8:8">
      <c r="H507824" s="12"/>
    </row>
    <row r="507825" spans="8:8">
      <c r="H507825" s="12"/>
    </row>
    <row r="507826" spans="8:8">
      <c r="H507826" s="12"/>
    </row>
    <row r="507827" spans="8:8">
      <c r="H507827" s="12"/>
    </row>
    <row r="507828" spans="8:8">
      <c r="H507828" s="12"/>
    </row>
    <row r="507829" spans="8:8">
      <c r="H507829" s="12"/>
    </row>
    <row r="507830" spans="8:8">
      <c r="H507830" s="12"/>
    </row>
    <row r="507831" spans="8:8">
      <c r="H507831" s="12"/>
    </row>
    <row r="507832" spans="8:8">
      <c r="H507832" s="12"/>
    </row>
    <row r="507833" spans="8:8">
      <c r="H507833" s="12"/>
    </row>
    <row r="507834" spans="8:8">
      <c r="H507834" s="12"/>
    </row>
    <row r="507835" spans="8:8">
      <c r="H507835" s="12"/>
    </row>
    <row r="507836" spans="8:8">
      <c r="H507836" s="12"/>
    </row>
    <row r="507837" spans="8:8">
      <c r="H507837" s="12"/>
    </row>
    <row r="507838" spans="8:8">
      <c r="H507838" s="12"/>
    </row>
    <row r="507839" spans="8:8">
      <c r="H507839" s="12"/>
    </row>
    <row r="507840" spans="8:8">
      <c r="H507840" s="12"/>
    </row>
    <row r="507841" spans="8:8">
      <c r="H507841" s="12"/>
    </row>
    <row r="507842" spans="8:8">
      <c r="H507842" s="12"/>
    </row>
    <row r="507843" spans="8:8">
      <c r="H507843" s="12"/>
    </row>
    <row r="507844" spans="8:8">
      <c r="H507844" s="12"/>
    </row>
    <row r="507845" spans="8:8">
      <c r="H507845" s="12"/>
    </row>
    <row r="507846" spans="8:8">
      <c r="H507846" s="12"/>
    </row>
    <row r="507847" spans="8:8">
      <c r="H507847" s="12"/>
    </row>
    <row r="507848" spans="8:8">
      <c r="H507848" s="12"/>
    </row>
    <row r="507849" spans="8:8">
      <c r="H507849" s="12"/>
    </row>
    <row r="507850" spans="8:8">
      <c r="H507850" s="12"/>
    </row>
    <row r="507851" spans="8:8">
      <c r="H507851" s="12"/>
    </row>
    <row r="507852" spans="8:8">
      <c r="H507852" s="12"/>
    </row>
    <row r="507853" spans="8:8">
      <c r="H507853" s="12"/>
    </row>
    <row r="507854" spans="8:8">
      <c r="H507854" s="12"/>
    </row>
    <row r="507855" spans="8:8">
      <c r="H507855" s="12"/>
    </row>
    <row r="507856" spans="8:8">
      <c r="H507856" s="12"/>
    </row>
    <row r="507857" spans="8:8">
      <c r="H507857" s="12"/>
    </row>
    <row r="507858" spans="8:8">
      <c r="H507858" s="12"/>
    </row>
    <row r="507859" spans="8:8">
      <c r="H507859" s="12"/>
    </row>
    <row r="507860" spans="8:8">
      <c r="H507860" s="12"/>
    </row>
    <row r="507861" spans="8:8">
      <c r="H507861" s="12"/>
    </row>
    <row r="507862" spans="8:8">
      <c r="H507862" s="12"/>
    </row>
    <row r="507863" spans="8:8">
      <c r="H507863" s="12"/>
    </row>
    <row r="507864" spans="8:8">
      <c r="H507864" s="12"/>
    </row>
    <row r="507865" spans="8:8">
      <c r="H507865" s="12"/>
    </row>
    <row r="507866" spans="8:8">
      <c r="H507866" s="12"/>
    </row>
    <row r="507867" spans="8:8">
      <c r="H507867" s="12"/>
    </row>
    <row r="507868" spans="8:8">
      <c r="H507868" s="12"/>
    </row>
    <row r="507869" spans="8:8">
      <c r="H507869" s="12"/>
    </row>
    <row r="507870" spans="8:8">
      <c r="H507870" s="12"/>
    </row>
    <row r="507871" spans="8:8">
      <c r="H507871" s="12"/>
    </row>
    <row r="507872" spans="8:8">
      <c r="H507872" s="12"/>
    </row>
    <row r="507873" spans="8:8">
      <c r="H507873" s="12"/>
    </row>
    <row r="507874" spans="8:8">
      <c r="H507874" s="12"/>
    </row>
    <row r="507875" spans="8:8">
      <c r="H507875" s="12"/>
    </row>
    <row r="507876" spans="8:8">
      <c r="H507876" s="12"/>
    </row>
    <row r="507877" spans="8:8">
      <c r="H507877" s="12"/>
    </row>
    <row r="507878" spans="8:8">
      <c r="H507878" s="12"/>
    </row>
    <row r="507879" spans="8:8">
      <c r="H507879" s="12"/>
    </row>
    <row r="507880" spans="8:8">
      <c r="H507880" s="12"/>
    </row>
    <row r="507881" spans="8:8">
      <c r="H507881" s="12"/>
    </row>
    <row r="507882" spans="8:8">
      <c r="H507882" s="12"/>
    </row>
    <row r="507883" spans="8:8">
      <c r="H507883" s="12"/>
    </row>
    <row r="507884" spans="8:8">
      <c r="H507884" s="12"/>
    </row>
    <row r="507885" spans="8:8">
      <c r="H507885" s="12"/>
    </row>
    <row r="507886" spans="8:8">
      <c r="H507886" s="12"/>
    </row>
    <row r="507887" spans="8:8">
      <c r="H507887" s="12"/>
    </row>
    <row r="507888" spans="8:8">
      <c r="H507888" s="12"/>
    </row>
    <row r="507889" spans="8:8">
      <c r="H507889" s="12"/>
    </row>
    <row r="507890" spans="8:8">
      <c r="H507890" s="12"/>
    </row>
    <row r="507891" spans="8:8">
      <c r="H507891" s="12"/>
    </row>
    <row r="507892" spans="8:8">
      <c r="H507892" s="12"/>
    </row>
    <row r="507893" spans="8:8">
      <c r="H507893" s="12"/>
    </row>
    <row r="507894" spans="8:8">
      <c r="H507894" s="12"/>
    </row>
    <row r="507895" spans="8:8">
      <c r="H507895" s="12"/>
    </row>
    <row r="507896" spans="8:8">
      <c r="H507896" s="12"/>
    </row>
    <row r="507897" spans="8:8">
      <c r="H507897" s="12"/>
    </row>
    <row r="507898" spans="8:8">
      <c r="H507898" s="12"/>
    </row>
    <row r="507899" spans="8:8">
      <c r="H507899" s="12"/>
    </row>
    <row r="507900" spans="8:8">
      <c r="H507900" s="12"/>
    </row>
    <row r="507901" spans="8:8">
      <c r="H507901" s="12"/>
    </row>
    <row r="507902" spans="8:8">
      <c r="H507902" s="12"/>
    </row>
    <row r="507903" spans="8:8">
      <c r="H507903" s="12"/>
    </row>
    <row r="507904" spans="8:8">
      <c r="H507904" s="12"/>
    </row>
    <row r="507905" spans="8:8">
      <c r="H507905" s="12"/>
    </row>
    <row r="507906" spans="8:8">
      <c r="H507906" s="12"/>
    </row>
    <row r="507907" spans="8:8">
      <c r="H507907" s="12"/>
    </row>
    <row r="507908" spans="8:8">
      <c r="H507908" s="12"/>
    </row>
    <row r="507909" spans="8:8">
      <c r="H507909" s="12"/>
    </row>
    <row r="507910" spans="8:8">
      <c r="H507910" s="12"/>
    </row>
    <row r="507911" spans="8:8">
      <c r="H507911" s="12"/>
    </row>
    <row r="507912" spans="8:8">
      <c r="H507912" s="12"/>
    </row>
    <row r="507913" spans="8:8">
      <c r="H507913" s="12"/>
    </row>
    <row r="507914" spans="8:8">
      <c r="H507914" s="12"/>
    </row>
    <row r="507915" spans="8:8">
      <c r="H507915" s="12"/>
    </row>
    <row r="507916" spans="8:8">
      <c r="H507916" s="12"/>
    </row>
    <row r="507917" spans="8:8">
      <c r="H507917" s="12"/>
    </row>
    <row r="507918" spans="8:8">
      <c r="H507918" s="12"/>
    </row>
    <row r="507919" spans="8:8">
      <c r="H507919" s="12"/>
    </row>
    <row r="507920" spans="8:8">
      <c r="H507920" s="12"/>
    </row>
    <row r="507921" spans="8:8">
      <c r="H507921" s="12"/>
    </row>
    <row r="507922" spans="8:8">
      <c r="H507922" s="12"/>
    </row>
    <row r="507923" spans="8:8">
      <c r="H507923" s="12"/>
    </row>
    <row r="507924" spans="8:8">
      <c r="H507924" s="12"/>
    </row>
    <row r="507925" spans="8:8">
      <c r="H507925" s="12"/>
    </row>
    <row r="507926" spans="8:8">
      <c r="H507926" s="12"/>
    </row>
    <row r="507927" spans="8:8">
      <c r="H507927" s="12"/>
    </row>
    <row r="507928" spans="8:8">
      <c r="H507928" s="12"/>
    </row>
    <row r="507929" spans="8:8">
      <c r="H507929" s="12"/>
    </row>
    <row r="507930" spans="8:8">
      <c r="H507930" s="12"/>
    </row>
    <row r="507931" spans="8:8">
      <c r="H507931" s="12"/>
    </row>
    <row r="507932" spans="8:8">
      <c r="H507932" s="12"/>
    </row>
    <row r="507933" spans="8:8">
      <c r="H507933" s="12"/>
    </row>
    <row r="507934" spans="8:8">
      <c r="H507934" s="12"/>
    </row>
    <row r="507935" spans="8:8">
      <c r="H507935" s="12"/>
    </row>
    <row r="507936" spans="8:8">
      <c r="H507936" s="12"/>
    </row>
    <row r="507937" spans="8:8">
      <c r="H507937" s="12"/>
    </row>
    <row r="507938" spans="8:8">
      <c r="H507938" s="12"/>
    </row>
    <row r="507939" spans="8:8">
      <c r="H507939" s="12"/>
    </row>
    <row r="507940" spans="8:8">
      <c r="H507940" s="12"/>
    </row>
    <row r="507941" spans="8:8">
      <c r="H507941" s="12"/>
    </row>
    <row r="507942" spans="8:8">
      <c r="H507942" s="12"/>
    </row>
    <row r="507943" spans="8:8">
      <c r="H507943" s="12"/>
    </row>
    <row r="507944" spans="8:8">
      <c r="H507944" s="12"/>
    </row>
    <row r="507945" spans="8:8">
      <c r="H507945" s="12"/>
    </row>
    <row r="507946" spans="8:8">
      <c r="H507946" s="12"/>
    </row>
    <row r="507947" spans="8:8">
      <c r="H507947" s="12"/>
    </row>
    <row r="507948" spans="8:8">
      <c r="H507948" s="12"/>
    </row>
    <row r="507949" spans="8:8">
      <c r="H507949" s="12"/>
    </row>
    <row r="507950" spans="8:8">
      <c r="H507950" s="12"/>
    </row>
    <row r="507951" spans="8:8">
      <c r="H507951" s="12"/>
    </row>
    <row r="507952" spans="8:8">
      <c r="H507952" s="12"/>
    </row>
    <row r="507953" spans="8:8">
      <c r="H507953" s="12"/>
    </row>
    <row r="507954" spans="8:8">
      <c r="H507954" s="12"/>
    </row>
    <row r="507955" spans="8:8">
      <c r="H507955" s="12"/>
    </row>
    <row r="507956" spans="8:8">
      <c r="H507956" s="12"/>
    </row>
    <row r="507957" spans="8:8">
      <c r="H507957" s="12"/>
    </row>
    <row r="507958" spans="8:8">
      <c r="H507958" s="12"/>
    </row>
    <row r="507959" spans="8:8">
      <c r="H507959" s="12"/>
    </row>
    <row r="507960" spans="8:8">
      <c r="H507960" s="12"/>
    </row>
    <row r="507961" spans="8:8">
      <c r="H507961" s="12"/>
    </row>
    <row r="507962" spans="8:8">
      <c r="H507962" s="12"/>
    </row>
    <row r="507963" spans="8:8">
      <c r="H507963" s="12"/>
    </row>
    <row r="507964" spans="8:8">
      <c r="H507964" s="12"/>
    </row>
    <row r="507965" spans="8:8">
      <c r="H507965" s="12"/>
    </row>
    <row r="507966" spans="8:8">
      <c r="H507966" s="12"/>
    </row>
    <row r="507967" spans="8:8">
      <c r="H507967" s="12"/>
    </row>
    <row r="507968" spans="8:8">
      <c r="H507968" s="12"/>
    </row>
    <row r="507969" spans="8:8">
      <c r="H507969" s="12"/>
    </row>
    <row r="507970" spans="8:8">
      <c r="H507970" s="12"/>
    </row>
    <row r="507971" spans="8:8">
      <c r="H507971" s="12"/>
    </row>
    <row r="507972" spans="8:8">
      <c r="H507972" s="12"/>
    </row>
    <row r="507973" spans="8:8">
      <c r="H507973" s="12"/>
    </row>
    <row r="507974" spans="8:8">
      <c r="H507974" s="12"/>
    </row>
    <row r="507975" spans="8:8">
      <c r="H507975" s="12"/>
    </row>
    <row r="507976" spans="8:8">
      <c r="H507976" s="12"/>
    </row>
    <row r="507977" spans="8:8">
      <c r="H507977" s="12"/>
    </row>
    <row r="507978" spans="8:8">
      <c r="H507978" s="12"/>
    </row>
    <row r="507979" spans="8:8">
      <c r="H507979" s="12"/>
    </row>
    <row r="507980" spans="8:8">
      <c r="H507980" s="12"/>
    </row>
    <row r="507981" spans="8:8">
      <c r="H507981" s="12"/>
    </row>
    <row r="507982" spans="8:8">
      <c r="H507982" s="12"/>
    </row>
    <row r="507983" spans="8:8">
      <c r="H507983" s="12"/>
    </row>
    <row r="507984" spans="8:8">
      <c r="H507984" s="12"/>
    </row>
    <row r="507985" spans="8:8">
      <c r="H507985" s="12"/>
    </row>
    <row r="507986" spans="8:8">
      <c r="H507986" s="12"/>
    </row>
    <row r="507987" spans="8:8">
      <c r="H507987" s="12"/>
    </row>
    <row r="507988" spans="8:8">
      <c r="H507988" s="12"/>
    </row>
    <row r="507989" spans="8:8">
      <c r="H507989" s="12"/>
    </row>
    <row r="507990" spans="8:8">
      <c r="H507990" s="12"/>
    </row>
    <row r="507991" spans="8:8">
      <c r="H507991" s="12"/>
    </row>
    <row r="507992" spans="8:8">
      <c r="H507992" s="12"/>
    </row>
    <row r="507993" spans="8:8">
      <c r="H507993" s="12"/>
    </row>
    <row r="507994" spans="8:8">
      <c r="H507994" s="12"/>
    </row>
    <row r="507995" spans="8:8">
      <c r="H507995" s="12"/>
    </row>
    <row r="507996" spans="8:8">
      <c r="H507996" s="12"/>
    </row>
    <row r="507997" spans="8:8">
      <c r="H507997" s="12"/>
    </row>
    <row r="507998" spans="8:8">
      <c r="H507998" s="12"/>
    </row>
    <row r="507999" spans="8:8">
      <c r="H507999" s="12"/>
    </row>
    <row r="508000" spans="8:8">
      <c r="H508000" s="12"/>
    </row>
    <row r="508001" spans="8:8">
      <c r="H508001" s="12"/>
    </row>
    <row r="508002" spans="8:8">
      <c r="H508002" s="12"/>
    </row>
    <row r="508003" spans="8:8">
      <c r="H508003" s="12"/>
    </row>
    <row r="508004" spans="8:8">
      <c r="H508004" s="12"/>
    </row>
    <row r="508005" spans="8:8">
      <c r="H508005" s="12"/>
    </row>
    <row r="508006" spans="8:8">
      <c r="H508006" s="12"/>
    </row>
    <row r="508007" spans="8:8">
      <c r="H508007" s="12"/>
    </row>
    <row r="508008" spans="8:8">
      <c r="H508008" s="12"/>
    </row>
    <row r="508009" spans="8:8">
      <c r="H508009" s="12"/>
    </row>
    <row r="508010" spans="8:8">
      <c r="H508010" s="12"/>
    </row>
    <row r="508011" spans="8:8">
      <c r="H508011" s="12"/>
    </row>
    <row r="508012" spans="8:8">
      <c r="H508012" s="12"/>
    </row>
    <row r="508013" spans="8:8">
      <c r="H508013" s="12"/>
    </row>
    <row r="508014" spans="8:8">
      <c r="H508014" s="12"/>
    </row>
    <row r="508015" spans="8:8">
      <c r="H508015" s="12"/>
    </row>
    <row r="508016" spans="8:8">
      <c r="H508016" s="12"/>
    </row>
    <row r="508017" spans="8:8">
      <c r="H508017" s="12"/>
    </row>
    <row r="508018" spans="8:8">
      <c r="H508018" s="12"/>
    </row>
    <row r="508019" spans="8:8">
      <c r="H508019" s="12"/>
    </row>
    <row r="508020" spans="8:8">
      <c r="H508020" s="12"/>
    </row>
    <row r="508021" spans="8:8">
      <c r="H508021" s="12"/>
    </row>
    <row r="508022" spans="8:8">
      <c r="H508022" s="12"/>
    </row>
    <row r="508023" spans="8:8">
      <c r="H508023" s="12"/>
    </row>
    <row r="508024" spans="8:8">
      <c r="H508024" s="12"/>
    </row>
    <row r="508025" spans="8:8">
      <c r="H508025" s="12"/>
    </row>
    <row r="508026" spans="8:8">
      <c r="H508026" s="12"/>
    </row>
    <row r="508027" spans="8:8">
      <c r="H508027" s="12"/>
    </row>
    <row r="508028" spans="8:8">
      <c r="H508028" s="12"/>
    </row>
    <row r="508029" spans="8:8">
      <c r="H508029" s="12"/>
    </row>
    <row r="508030" spans="8:8">
      <c r="H508030" s="12"/>
    </row>
    <row r="508031" spans="8:8">
      <c r="H508031" s="12"/>
    </row>
    <row r="508032" spans="8:8">
      <c r="H508032" s="12"/>
    </row>
    <row r="508033" spans="8:8">
      <c r="H508033" s="12"/>
    </row>
    <row r="508034" spans="8:8">
      <c r="H508034" s="12"/>
    </row>
    <row r="508035" spans="8:8">
      <c r="H508035" s="12"/>
    </row>
    <row r="508036" spans="8:8">
      <c r="H508036" s="12"/>
    </row>
    <row r="508037" spans="8:8">
      <c r="H508037" s="12"/>
    </row>
    <row r="508038" spans="8:8">
      <c r="H508038" s="12"/>
    </row>
    <row r="508039" spans="8:8">
      <c r="H508039" s="12"/>
    </row>
    <row r="508040" spans="8:8">
      <c r="H508040" s="12"/>
    </row>
    <row r="508041" spans="8:8">
      <c r="H508041" s="12"/>
    </row>
    <row r="508042" spans="8:8">
      <c r="H508042" s="12"/>
    </row>
    <row r="508043" spans="8:8">
      <c r="H508043" s="12"/>
    </row>
    <row r="508044" spans="8:8">
      <c r="H508044" s="12"/>
    </row>
    <row r="508045" spans="8:8">
      <c r="H508045" s="12"/>
    </row>
    <row r="508046" spans="8:8">
      <c r="H508046" s="12"/>
    </row>
    <row r="508047" spans="8:8">
      <c r="H508047" s="12"/>
    </row>
    <row r="508048" spans="8:8">
      <c r="H508048" s="12"/>
    </row>
    <row r="508049" spans="8:8">
      <c r="H508049" s="12"/>
    </row>
    <row r="508050" spans="8:8">
      <c r="H508050" s="12"/>
    </row>
    <row r="508051" spans="8:8">
      <c r="H508051" s="12"/>
    </row>
    <row r="508052" spans="8:8">
      <c r="H508052" s="12"/>
    </row>
    <row r="508053" spans="8:8">
      <c r="H508053" s="12"/>
    </row>
    <row r="508054" spans="8:8">
      <c r="H508054" s="12"/>
    </row>
    <row r="508055" spans="8:8">
      <c r="H508055" s="12"/>
    </row>
    <row r="508056" spans="8:8">
      <c r="H508056" s="12"/>
    </row>
    <row r="508057" spans="8:8">
      <c r="H508057" s="12"/>
    </row>
    <row r="508058" spans="8:8">
      <c r="H508058" s="12"/>
    </row>
    <row r="508059" spans="8:8">
      <c r="H508059" s="12"/>
    </row>
    <row r="508060" spans="8:8">
      <c r="H508060" s="12"/>
    </row>
    <row r="508061" spans="8:8">
      <c r="H508061" s="12"/>
    </row>
    <row r="508062" spans="8:8">
      <c r="H508062" s="12"/>
    </row>
    <row r="508063" spans="8:8">
      <c r="H508063" s="12"/>
    </row>
    <row r="508064" spans="8:8">
      <c r="H508064" s="12"/>
    </row>
    <row r="508065" spans="8:8">
      <c r="H508065" s="12"/>
    </row>
    <row r="508066" spans="8:8">
      <c r="H508066" s="12"/>
    </row>
    <row r="508067" spans="8:8">
      <c r="H508067" s="12"/>
    </row>
    <row r="508068" spans="8:8">
      <c r="H508068" s="12"/>
    </row>
    <row r="508069" spans="8:8">
      <c r="H508069" s="12"/>
    </row>
    <row r="508070" spans="8:8">
      <c r="H508070" s="12"/>
    </row>
    <row r="508071" spans="8:8">
      <c r="H508071" s="12"/>
    </row>
    <row r="508072" spans="8:8">
      <c r="H508072" s="12"/>
    </row>
    <row r="508073" spans="8:8">
      <c r="H508073" s="12"/>
    </row>
    <row r="508074" spans="8:8">
      <c r="H508074" s="12"/>
    </row>
    <row r="508075" spans="8:8">
      <c r="H508075" s="12"/>
    </row>
    <row r="508076" spans="8:8">
      <c r="H508076" s="12"/>
    </row>
    <row r="508077" spans="8:8">
      <c r="H508077" s="12"/>
    </row>
    <row r="508078" spans="8:8">
      <c r="H508078" s="12"/>
    </row>
    <row r="508079" spans="8:8">
      <c r="H508079" s="12"/>
    </row>
    <row r="508080" spans="8:8">
      <c r="H508080" s="12"/>
    </row>
    <row r="508081" spans="8:8">
      <c r="H508081" s="12"/>
    </row>
    <row r="508082" spans="8:8">
      <c r="H508082" s="12"/>
    </row>
    <row r="508083" spans="8:8">
      <c r="H508083" s="12"/>
    </row>
    <row r="508084" spans="8:8">
      <c r="H508084" s="12"/>
    </row>
    <row r="508085" spans="8:8">
      <c r="H508085" s="12"/>
    </row>
    <row r="508086" spans="8:8">
      <c r="H508086" s="12"/>
    </row>
    <row r="508087" spans="8:8">
      <c r="H508087" s="12"/>
    </row>
    <row r="508088" spans="8:8">
      <c r="H508088" s="12"/>
    </row>
    <row r="508089" spans="8:8">
      <c r="H508089" s="12"/>
    </row>
    <row r="508090" spans="8:8">
      <c r="H508090" s="12"/>
    </row>
    <row r="508091" spans="8:8">
      <c r="H508091" s="12"/>
    </row>
    <row r="508092" spans="8:8">
      <c r="H508092" s="12"/>
    </row>
    <row r="508093" spans="8:8">
      <c r="H508093" s="12"/>
    </row>
    <row r="508094" spans="8:8">
      <c r="H508094" s="12"/>
    </row>
    <row r="508095" spans="8:8">
      <c r="H508095" s="12"/>
    </row>
    <row r="508096" spans="8:8">
      <c r="H508096" s="12"/>
    </row>
    <row r="508097" spans="8:8">
      <c r="H508097" s="12"/>
    </row>
    <row r="508098" spans="8:8">
      <c r="H508098" s="12"/>
    </row>
    <row r="508099" spans="8:8">
      <c r="H508099" s="12"/>
    </row>
    <row r="508100" spans="8:8">
      <c r="H508100" s="12"/>
    </row>
    <row r="508101" spans="8:8">
      <c r="H508101" s="12"/>
    </row>
    <row r="508102" spans="8:8">
      <c r="H508102" s="12"/>
    </row>
    <row r="508103" spans="8:8">
      <c r="H508103" s="12"/>
    </row>
    <row r="508104" spans="8:8">
      <c r="H508104" s="12"/>
    </row>
    <row r="508105" spans="8:8">
      <c r="H508105" s="12"/>
    </row>
    <row r="508106" spans="8:8">
      <c r="H508106" s="12"/>
    </row>
    <row r="508107" spans="8:8">
      <c r="H508107" s="12"/>
    </row>
    <row r="508108" spans="8:8">
      <c r="H508108" s="12"/>
    </row>
    <row r="508109" spans="8:8">
      <c r="H508109" s="12"/>
    </row>
    <row r="508110" spans="8:8">
      <c r="H508110" s="12"/>
    </row>
    <row r="508111" spans="8:8">
      <c r="H508111" s="12"/>
    </row>
    <row r="508112" spans="8:8">
      <c r="H508112" s="12"/>
    </row>
    <row r="508113" spans="8:8">
      <c r="H508113" s="12"/>
    </row>
    <row r="508114" spans="8:8">
      <c r="H508114" s="12"/>
    </row>
    <row r="508115" spans="8:8">
      <c r="H508115" s="12"/>
    </row>
    <row r="508116" spans="8:8">
      <c r="H508116" s="12"/>
    </row>
    <row r="508117" spans="8:8">
      <c r="H508117" s="12"/>
    </row>
    <row r="508118" spans="8:8">
      <c r="H508118" s="12"/>
    </row>
    <row r="508119" spans="8:8">
      <c r="H508119" s="12"/>
    </row>
    <row r="508120" spans="8:8">
      <c r="H508120" s="12"/>
    </row>
    <row r="508121" spans="8:8">
      <c r="H508121" s="12"/>
    </row>
    <row r="508122" spans="8:8">
      <c r="H508122" s="12"/>
    </row>
    <row r="508123" spans="8:8">
      <c r="H508123" s="12"/>
    </row>
    <row r="508124" spans="8:8">
      <c r="H508124" s="12"/>
    </row>
    <row r="508125" spans="8:8">
      <c r="H508125" s="12"/>
    </row>
    <row r="508126" spans="8:8">
      <c r="H508126" s="12"/>
    </row>
    <row r="508127" spans="8:8">
      <c r="H508127" s="12"/>
    </row>
    <row r="508128" spans="8:8">
      <c r="H508128" s="12"/>
    </row>
    <row r="508129" spans="8:8">
      <c r="H508129" s="12"/>
    </row>
    <row r="508130" spans="8:8">
      <c r="H508130" s="12"/>
    </row>
    <row r="508131" spans="8:8">
      <c r="H508131" s="12"/>
    </row>
    <row r="508132" spans="8:8">
      <c r="H508132" s="12"/>
    </row>
    <row r="508133" spans="8:8">
      <c r="H508133" s="12"/>
    </row>
    <row r="508134" spans="8:8">
      <c r="H508134" s="12"/>
    </row>
    <row r="508135" spans="8:8">
      <c r="H508135" s="12"/>
    </row>
    <row r="508136" spans="8:8">
      <c r="H508136" s="12"/>
    </row>
    <row r="508137" spans="8:8">
      <c r="H508137" s="12"/>
    </row>
    <row r="508138" spans="8:8">
      <c r="H508138" s="12"/>
    </row>
    <row r="508139" spans="8:8">
      <c r="H508139" s="12"/>
    </row>
    <row r="508140" spans="8:8">
      <c r="H508140" s="12"/>
    </row>
    <row r="508141" spans="8:8">
      <c r="H508141" s="12"/>
    </row>
    <row r="508142" spans="8:8">
      <c r="H508142" s="12"/>
    </row>
    <row r="508143" spans="8:8">
      <c r="H508143" s="12"/>
    </row>
    <row r="508144" spans="8:8">
      <c r="H508144" s="12"/>
    </row>
    <row r="508145" spans="8:8">
      <c r="H508145" s="12"/>
    </row>
    <row r="508146" spans="8:8">
      <c r="H508146" s="12"/>
    </row>
    <row r="508147" spans="8:8">
      <c r="H508147" s="12"/>
    </row>
    <row r="508148" spans="8:8">
      <c r="H508148" s="12"/>
    </row>
    <row r="508149" spans="8:8">
      <c r="H508149" s="12"/>
    </row>
    <row r="508150" spans="8:8">
      <c r="H508150" s="12"/>
    </row>
    <row r="508151" spans="8:8">
      <c r="H508151" s="12"/>
    </row>
    <row r="508152" spans="8:8">
      <c r="H508152" s="12"/>
    </row>
    <row r="508153" spans="8:8">
      <c r="H508153" s="12"/>
    </row>
    <row r="508154" spans="8:8">
      <c r="H508154" s="12"/>
    </row>
    <row r="508155" spans="8:8">
      <c r="H508155" s="12"/>
    </row>
    <row r="508156" spans="8:8">
      <c r="H508156" s="12"/>
    </row>
    <row r="508157" spans="8:8">
      <c r="H508157" s="12"/>
    </row>
    <row r="508158" spans="8:8">
      <c r="H508158" s="12"/>
    </row>
    <row r="508159" spans="8:8">
      <c r="H508159" s="12"/>
    </row>
    <row r="508160" spans="8:8">
      <c r="H508160" s="12"/>
    </row>
    <row r="508161" spans="8:8">
      <c r="H508161" s="12"/>
    </row>
    <row r="508162" spans="8:8">
      <c r="H508162" s="12"/>
    </row>
    <row r="508163" spans="8:8">
      <c r="H508163" s="12"/>
    </row>
    <row r="508164" spans="8:8">
      <c r="H508164" s="12"/>
    </row>
    <row r="508165" spans="8:8">
      <c r="H508165" s="12"/>
    </row>
    <row r="508166" spans="8:8">
      <c r="H508166" s="12"/>
    </row>
    <row r="508167" spans="8:8">
      <c r="H508167" s="12"/>
    </row>
    <row r="508168" spans="8:8">
      <c r="H508168" s="12"/>
    </row>
    <row r="508169" spans="8:8">
      <c r="H508169" s="12"/>
    </row>
    <row r="508170" spans="8:8">
      <c r="H508170" s="12"/>
    </row>
    <row r="508171" spans="8:8">
      <c r="H508171" s="12"/>
    </row>
    <row r="508172" spans="8:8">
      <c r="H508172" s="12"/>
    </row>
    <row r="508173" spans="8:8">
      <c r="H508173" s="12"/>
    </row>
    <row r="508174" spans="8:8">
      <c r="H508174" s="12"/>
    </row>
    <row r="508175" spans="8:8">
      <c r="H508175" s="12"/>
    </row>
    <row r="508176" spans="8:8">
      <c r="H508176" s="12"/>
    </row>
    <row r="508177" spans="8:8">
      <c r="H508177" s="12"/>
    </row>
    <row r="508178" spans="8:8">
      <c r="H508178" s="12"/>
    </row>
    <row r="508179" spans="8:8">
      <c r="H508179" s="12"/>
    </row>
    <row r="508180" spans="8:8">
      <c r="H508180" s="12"/>
    </row>
    <row r="508181" spans="8:8">
      <c r="H508181" s="12"/>
    </row>
    <row r="508182" spans="8:8">
      <c r="H508182" s="12"/>
    </row>
    <row r="508183" spans="8:8">
      <c r="H508183" s="12"/>
    </row>
    <row r="508184" spans="8:8">
      <c r="H508184" s="12"/>
    </row>
    <row r="508185" spans="8:8">
      <c r="H508185" s="12"/>
    </row>
    <row r="508186" spans="8:8">
      <c r="H508186" s="12"/>
    </row>
    <row r="508187" spans="8:8">
      <c r="H508187" s="12"/>
    </row>
    <row r="508188" spans="8:8">
      <c r="H508188" s="12"/>
    </row>
    <row r="508189" spans="8:8">
      <c r="H508189" s="12"/>
    </row>
    <row r="508190" spans="8:8">
      <c r="H508190" s="12"/>
    </row>
    <row r="508191" spans="8:8">
      <c r="H508191" s="12"/>
    </row>
    <row r="508192" spans="8:8">
      <c r="H508192" s="12"/>
    </row>
    <row r="508193" spans="8:8">
      <c r="H508193" s="12"/>
    </row>
    <row r="508194" spans="8:8">
      <c r="H508194" s="12"/>
    </row>
    <row r="508195" spans="8:8">
      <c r="H508195" s="12"/>
    </row>
    <row r="508196" spans="8:8">
      <c r="H508196" s="12"/>
    </row>
    <row r="508197" spans="8:8">
      <c r="H508197" s="12"/>
    </row>
    <row r="508198" spans="8:8">
      <c r="H508198" s="12"/>
    </row>
    <row r="508199" spans="8:8">
      <c r="H508199" s="12"/>
    </row>
    <row r="508200" spans="8:8">
      <c r="H508200" s="12"/>
    </row>
    <row r="508201" spans="8:8">
      <c r="H508201" s="12"/>
    </row>
    <row r="508202" spans="8:8">
      <c r="H508202" s="12"/>
    </row>
    <row r="508203" spans="8:8">
      <c r="H508203" s="12"/>
    </row>
    <row r="508204" spans="8:8">
      <c r="H508204" s="12"/>
    </row>
    <row r="508205" spans="8:8">
      <c r="H508205" s="12"/>
    </row>
    <row r="508206" spans="8:8">
      <c r="H508206" s="12"/>
    </row>
    <row r="508207" spans="8:8">
      <c r="H508207" s="12"/>
    </row>
    <row r="508208" spans="8:8">
      <c r="H508208" s="12"/>
    </row>
    <row r="508209" spans="8:8">
      <c r="H508209" s="12"/>
    </row>
    <row r="508210" spans="8:8">
      <c r="H508210" s="12"/>
    </row>
    <row r="508211" spans="8:8">
      <c r="H508211" s="12"/>
    </row>
    <row r="508212" spans="8:8">
      <c r="H508212" s="12"/>
    </row>
    <row r="508213" spans="8:8">
      <c r="H508213" s="12"/>
    </row>
    <row r="508214" spans="8:8">
      <c r="H508214" s="12"/>
    </row>
    <row r="508215" spans="8:8">
      <c r="H508215" s="12"/>
    </row>
    <row r="508216" spans="8:8">
      <c r="H508216" s="12"/>
    </row>
    <row r="508217" spans="8:8">
      <c r="H508217" s="12"/>
    </row>
    <row r="508218" spans="8:8">
      <c r="H508218" s="12"/>
    </row>
    <row r="508219" spans="8:8">
      <c r="H508219" s="12"/>
    </row>
    <row r="508220" spans="8:8">
      <c r="H508220" s="12"/>
    </row>
    <row r="508221" spans="8:8">
      <c r="H508221" s="12"/>
    </row>
    <row r="508222" spans="8:8">
      <c r="H508222" s="12"/>
    </row>
    <row r="508223" spans="8:8">
      <c r="H508223" s="12"/>
    </row>
    <row r="508224" spans="8:8">
      <c r="H508224" s="12"/>
    </row>
    <row r="508225" spans="8:8">
      <c r="H508225" s="12"/>
    </row>
    <row r="508226" spans="8:8">
      <c r="H508226" s="12"/>
    </row>
    <row r="508227" spans="8:8">
      <c r="H508227" s="12"/>
    </row>
    <row r="508228" spans="8:8">
      <c r="H508228" s="12"/>
    </row>
    <row r="508229" spans="8:8">
      <c r="H508229" s="12"/>
    </row>
    <row r="508230" spans="8:8">
      <c r="H508230" s="12"/>
    </row>
    <row r="508231" spans="8:8">
      <c r="H508231" s="12"/>
    </row>
    <row r="508232" spans="8:8">
      <c r="H508232" s="12"/>
    </row>
    <row r="508233" spans="8:8">
      <c r="H508233" s="12"/>
    </row>
    <row r="508234" spans="8:8">
      <c r="H508234" s="12"/>
    </row>
    <row r="508235" spans="8:8">
      <c r="H508235" s="12"/>
    </row>
    <row r="508236" spans="8:8">
      <c r="H508236" s="12"/>
    </row>
    <row r="508237" spans="8:8">
      <c r="H508237" s="12"/>
    </row>
    <row r="508238" spans="8:8">
      <c r="H508238" s="12"/>
    </row>
    <row r="508239" spans="8:8">
      <c r="H508239" s="12"/>
    </row>
    <row r="508240" spans="8:8">
      <c r="H508240" s="12"/>
    </row>
    <row r="508241" spans="8:8">
      <c r="H508241" s="12"/>
    </row>
    <row r="508242" spans="8:8">
      <c r="H508242" s="12"/>
    </row>
    <row r="508243" spans="8:8">
      <c r="H508243" s="12"/>
    </row>
    <row r="508244" spans="8:8">
      <c r="H508244" s="12"/>
    </row>
    <row r="508245" spans="8:8">
      <c r="H508245" s="12"/>
    </row>
    <row r="508246" spans="8:8">
      <c r="H508246" s="12"/>
    </row>
    <row r="508247" spans="8:8">
      <c r="H508247" s="12"/>
    </row>
    <row r="508248" spans="8:8">
      <c r="H508248" s="12"/>
    </row>
    <row r="508249" spans="8:8">
      <c r="H508249" s="12"/>
    </row>
    <row r="508250" spans="8:8">
      <c r="H508250" s="12"/>
    </row>
    <row r="508251" spans="8:8">
      <c r="H508251" s="12"/>
    </row>
    <row r="508252" spans="8:8">
      <c r="H508252" s="12"/>
    </row>
    <row r="508253" spans="8:8">
      <c r="H508253" s="12"/>
    </row>
    <row r="508254" spans="8:8">
      <c r="H508254" s="12"/>
    </row>
    <row r="508255" spans="8:8">
      <c r="H508255" s="12"/>
    </row>
    <row r="508256" spans="8:8">
      <c r="H508256" s="12"/>
    </row>
    <row r="508257" spans="8:8">
      <c r="H508257" s="12"/>
    </row>
    <row r="508258" spans="8:8">
      <c r="H508258" s="12"/>
    </row>
    <row r="508259" spans="8:8">
      <c r="H508259" s="12"/>
    </row>
    <row r="508260" spans="8:8">
      <c r="H508260" s="12"/>
    </row>
    <row r="508261" spans="8:8">
      <c r="H508261" s="12"/>
    </row>
    <row r="508262" spans="8:8">
      <c r="H508262" s="12"/>
    </row>
    <row r="508263" spans="8:8">
      <c r="H508263" s="12"/>
    </row>
    <row r="508264" spans="8:8">
      <c r="H508264" s="12"/>
    </row>
    <row r="508265" spans="8:8">
      <c r="H508265" s="12"/>
    </row>
    <row r="508266" spans="8:8">
      <c r="H508266" s="12"/>
    </row>
    <row r="508267" spans="8:8">
      <c r="H508267" s="12"/>
    </row>
    <row r="508268" spans="8:8">
      <c r="H508268" s="12"/>
    </row>
    <row r="508269" spans="8:8">
      <c r="H508269" s="12"/>
    </row>
    <row r="508270" spans="8:8">
      <c r="H508270" s="12"/>
    </row>
    <row r="508271" spans="8:8">
      <c r="H508271" s="12"/>
    </row>
    <row r="508272" spans="8:8">
      <c r="H508272" s="12"/>
    </row>
    <row r="508273" spans="8:8">
      <c r="H508273" s="12"/>
    </row>
    <row r="508274" spans="8:8">
      <c r="H508274" s="12"/>
    </row>
    <row r="508275" spans="8:8">
      <c r="H508275" s="12"/>
    </row>
    <row r="508276" spans="8:8">
      <c r="H508276" s="12"/>
    </row>
    <row r="508277" spans="8:8">
      <c r="H508277" s="12"/>
    </row>
    <row r="508278" spans="8:8">
      <c r="H508278" s="12"/>
    </row>
    <row r="508279" spans="8:8">
      <c r="H508279" s="12"/>
    </row>
    <row r="508280" spans="8:8">
      <c r="H508280" s="12"/>
    </row>
    <row r="508281" spans="8:8">
      <c r="H508281" s="12"/>
    </row>
    <row r="508282" spans="8:8">
      <c r="H508282" s="12"/>
    </row>
    <row r="508283" spans="8:8">
      <c r="H508283" s="12"/>
    </row>
    <row r="508284" spans="8:8">
      <c r="H508284" s="12"/>
    </row>
    <row r="508285" spans="8:8">
      <c r="H508285" s="12"/>
    </row>
    <row r="508286" spans="8:8">
      <c r="H508286" s="12"/>
    </row>
    <row r="508287" spans="8:8">
      <c r="H508287" s="12"/>
    </row>
    <row r="508288" spans="8:8">
      <c r="H508288" s="12"/>
    </row>
    <row r="508289" spans="8:8">
      <c r="H508289" s="12"/>
    </row>
    <row r="508290" spans="8:8">
      <c r="H508290" s="12"/>
    </row>
    <row r="508291" spans="8:8">
      <c r="H508291" s="12"/>
    </row>
    <row r="508292" spans="8:8">
      <c r="H508292" s="12"/>
    </row>
    <row r="508293" spans="8:8">
      <c r="H508293" s="12"/>
    </row>
    <row r="508294" spans="8:8">
      <c r="H508294" s="12"/>
    </row>
    <row r="508295" spans="8:8">
      <c r="H508295" s="12"/>
    </row>
    <row r="508296" spans="8:8">
      <c r="H508296" s="12"/>
    </row>
    <row r="508297" spans="8:8">
      <c r="H508297" s="12"/>
    </row>
    <row r="508298" spans="8:8">
      <c r="H508298" s="12"/>
    </row>
    <row r="508299" spans="8:8">
      <c r="H508299" s="12"/>
    </row>
    <row r="508300" spans="8:8">
      <c r="H508300" s="12"/>
    </row>
    <row r="508301" spans="8:8">
      <c r="H508301" s="12"/>
    </row>
    <row r="508302" spans="8:8">
      <c r="H508302" s="12"/>
    </row>
    <row r="508303" spans="8:8">
      <c r="H508303" s="12"/>
    </row>
    <row r="508304" spans="8:8">
      <c r="H508304" s="12"/>
    </row>
    <row r="508305" spans="8:8">
      <c r="H508305" s="12"/>
    </row>
    <row r="508306" spans="8:8">
      <c r="H508306" s="12"/>
    </row>
    <row r="508307" spans="8:8">
      <c r="H508307" s="12"/>
    </row>
    <row r="508308" spans="8:8">
      <c r="H508308" s="12"/>
    </row>
    <row r="508309" spans="8:8">
      <c r="H508309" s="12"/>
    </row>
    <row r="508310" spans="8:8">
      <c r="H508310" s="12"/>
    </row>
    <row r="508311" spans="8:8">
      <c r="H508311" s="12"/>
    </row>
    <row r="508312" spans="8:8">
      <c r="H508312" s="12"/>
    </row>
    <row r="508313" spans="8:8">
      <c r="H508313" s="12"/>
    </row>
    <row r="508314" spans="8:8">
      <c r="H508314" s="12"/>
    </row>
    <row r="508315" spans="8:8">
      <c r="H508315" s="12"/>
    </row>
    <row r="508316" spans="8:8">
      <c r="H508316" s="12"/>
    </row>
    <row r="508317" spans="8:8">
      <c r="H508317" s="12"/>
    </row>
    <row r="508318" spans="8:8">
      <c r="H508318" s="12"/>
    </row>
    <row r="508319" spans="8:8">
      <c r="H508319" s="12"/>
    </row>
    <row r="508320" spans="8:8">
      <c r="H508320" s="12"/>
    </row>
    <row r="508321" spans="8:8">
      <c r="H508321" s="12"/>
    </row>
    <row r="508322" spans="8:8">
      <c r="H508322" s="12"/>
    </row>
    <row r="508323" spans="8:8">
      <c r="H508323" s="12"/>
    </row>
    <row r="508324" spans="8:8">
      <c r="H508324" s="12"/>
    </row>
    <row r="508325" spans="8:8">
      <c r="H508325" s="12"/>
    </row>
    <row r="508326" spans="8:8">
      <c r="H508326" s="12"/>
    </row>
    <row r="508327" spans="8:8">
      <c r="H508327" s="12"/>
    </row>
    <row r="508328" spans="8:8">
      <c r="H508328" s="12"/>
    </row>
    <row r="508329" spans="8:8">
      <c r="H508329" s="12"/>
    </row>
    <row r="508330" spans="8:8">
      <c r="H508330" s="12"/>
    </row>
    <row r="508331" spans="8:8">
      <c r="H508331" s="12"/>
    </row>
    <row r="508332" spans="8:8">
      <c r="H508332" s="12"/>
    </row>
    <row r="508333" spans="8:8">
      <c r="H508333" s="12"/>
    </row>
    <row r="508334" spans="8:8">
      <c r="H508334" s="12"/>
    </row>
    <row r="508335" spans="8:8">
      <c r="H508335" s="12"/>
    </row>
    <row r="508336" spans="8:8">
      <c r="H508336" s="12"/>
    </row>
    <row r="508337" spans="8:8">
      <c r="H508337" s="12"/>
    </row>
    <row r="508338" spans="8:8">
      <c r="H508338" s="12"/>
    </row>
    <row r="508339" spans="8:8">
      <c r="H508339" s="12"/>
    </row>
    <row r="508340" spans="8:8">
      <c r="H508340" s="12"/>
    </row>
    <row r="508341" spans="8:8">
      <c r="H508341" s="12"/>
    </row>
    <row r="508342" spans="8:8">
      <c r="H508342" s="12"/>
    </row>
    <row r="508343" spans="8:8">
      <c r="H508343" s="12"/>
    </row>
    <row r="508344" spans="8:8">
      <c r="H508344" s="12"/>
    </row>
    <row r="508345" spans="8:8">
      <c r="H508345" s="12"/>
    </row>
    <row r="508346" spans="8:8">
      <c r="H508346" s="12"/>
    </row>
    <row r="508347" spans="8:8">
      <c r="H508347" s="12"/>
    </row>
    <row r="508348" spans="8:8">
      <c r="H508348" s="12"/>
    </row>
    <row r="508349" spans="8:8">
      <c r="H508349" s="12"/>
    </row>
    <row r="508350" spans="8:8">
      <c r="H508350" s="12"/>
    </row>
    <row r="508351" spans="8:8">
      <c r="H508351" s="12"/>
    </row>
    <row r="508352" spans="8:8">
      <c r="H508352" s="12"/>
    </row>
    <row r="508353" spans="8:8">
      <c r="H508353" s="12"/>
    </row>
    <row r="508354" spans="8:8">
      <c r="H508354" s="12"/>
    </row>
    <row r="508355" spans="8:8">
      <c r="H508355" s="12"/>
    </row>
    <row r="508356" spans="8:8">
      <c r="H508356" s="12"/>
    </row>
    <row r="508357" spans="8:8">
      <c r="H508357" s="12"/>
    </row>
    <row r="508358" spans="8:8">
      <c r="H508358" s="12"/>
    </row>
    <row r="508359" spans="8:8">
      <c r="H508359" s="12"/>
    </row>
    <row r="508360" spans="8:8">
      <c r="H508360" s="12"/>
    </row>
    <row r="508361" spans="8:8">
      <c r="H508361" s="12"/>
    </row>
    <row r="508362" spans="8:8">
      <c r="H508362" s="12"/>
    </row>
    <row r="508363" spans="8:8">
      <c r="H508363" s="12"/>
    </row>
    <row r="508364" spans="8:8">
      <c r="H508364" s="12"/>
    </row>
    <row r="508365" spans="8:8">
      <c r="H508365" s="12"/>
    </row>
    <row r="508366" spans="8:8">
      <c r="H508366" s="12"/>
    </row>
    <row r="508367" spans="8:8">
      <c r="H508367" s="12"/>
    </row>
    <row r="508368" spans="8:8">
      <c r="H508368" s="12"/>
    </row>
    <row r="508369" spans="8:8">
      <c r="H508369" s="12"/>
    </row>
    <row r="508370" spans="8:8">
      <c r="H508370" s="12"/>
    </row>
    <row r="508371" spans="8:8">
      <c r="H508371" s="12"/>
    </row>
    <row r="508372" spans="8:8">
      <c r="H508372" s="12"/>
    </row>
    <row r="508373" spans="8:8">
      <c r="H508373" s="12"/>
    </row>
    <row r="508374" spans="8:8">
      <c r="H508374" s="12"/>
    </row>
    <row r="508375" spans="8:8">
      <c r="H508375" s="12"/>
    </row>
    <row r="508376" spans="8:8">
      <c r="H508376" s="12"/>
    </row>
    <row r="508377" spans="8:8">
      <c r="H508377" s="12"/>
    </row>
    <row r="508378" spans="8:8">
      <c r="H508378" s="12"/>
    </row>
    <row r="508379" spans="8:8">
      <c r="H508379" s="12"/>
    </row>
    <row r="508380" spans="8:8">
      <c r="H508380" s="12"/>
    </row>
    <row r="508381" spans="8:8">
      <c r="H508381" s="12"/>
    </row>
    <row r="508382" spans="8:8">
      <c r="H508382" s="12"/>
    </row>
    <row r="508383" spans="8:8">
      <c r="H508383" s="12"/>
    </row>
    <row r="508384" spans="8:8">
      <c r="H508384" s="12"/>
    </row>
    <row r="508385" spans="8:8">
      <c r="H508385" s="12"/>
    </row>
    <row r="508386" spans="8:8">
      <c r="H508386" s="12"/>
    </row>
    <row r="508387" spans="8:8">
      <c r="H508387" s="12"/>
    </row>
    <row r="508388" spans="8:8">
      <c r="H508388" s="12"/>
    </row>
    <row r="508389" spans="8:8">
      <c r="H508389" s="12"/>
    </row>
    <row r="508390" spans="8:8">
      <c r="H508390" s="12"/>
    </row>
    <row r="508391" spans="8:8">
      <c r="H508391" s="12"/>
    </row>
    <row r="508392" spans="8:8">
      <c r="H508392" s="12"/>
    </row>
    <row r="508393" spans="8:8">
      <c r="H508393" s="12"/>
    </row>
    <row r="508394" spans="8:8">
      <c r="H508394" s="12"/>
    </row>
    <row r="508395" spans="8:8">
      <c r="H508395" s="12"/>
    </row>
    <row r="508396" spans="8:8">
      <c r="H508396" s="12"/>
    </row>
    <row r="508397" spans="8:8">
      <c r="H508397" s="12"/>
    </row>
    <row r="508398" spans="8:8">
      <c r="H508398" s="12"/>
    </row>
    <row r="508399" spans="8:8">
      <c r="H508399" s="12"/>
    </row>
    <row r="508400" spans="8:8">
      <c r="H508400" s="12"/>
    </row>
    <row r="508401" spans="8:8">
      <c r="H508401" s="12"/>
    </row>
    <row r="508402" spans="8:8">
      <c r="H508402" s="12"/>
    </row>
    <row r="508403" spans="8:8">
      <c r="H508403" s="12"/>
    </row>
    <row r="508404" spans="8:8">
      <c r="H508404" s="12"/>
    </row>
    <row r="508405" spans="8:8">
      <c r="H508405" s="12"/>
    </row>
    <row r="508406" spans="8:8">
      <c r="H508406" s="12"/>
    </row>
    <row r="508407" spans="8:8">
      <c r="H508407" s="12"/>
    </row>
    <row r="508408" spans="8:8">
      <c r="H508408" s="12"/>
    </row>
    <row r="508409" spans="8:8">
      <c r="H508409" s="12"/>
    </row>
    <row r="508410" spans="8:8">
      <c r="H508410" s="12"/>
    </row>
    <row r="508411" spans="8:8">
      <c r="H508411" s="12"/>
    </row>
    <row r="508412" spans="8:8">
      <c r="H508412" s="12"/>
    </row>
    <row r="508413" spans="8:8">
      <c r="H508413" s="12"/>
    </row>
    <row r="508414" spans="8:8">
      <c r="H508414" s="12"/>
    </row>
    <row r="508415" spans="8:8">
      <c r="H508415" s="12"/>
    </row>
    <row r="508416" spans="8:8">
      <c r="H508416" s="12"/>
    </row>
    <row r="508417" spans="8:8">
      <c r="H508417" s="12"/>
    </row>
    <row r="508418" spans="8:8">
      <c r="H508418" s="12"/>
    </row>
    <row r="508419" spans="8:8">
      <c r="H508419" s="12"/>
    </row>
    <row r="508420" spans="8:8">
      <c r="H508420" s="12"/>
    </row>
    <row r="508421" spans="8:8">
      <c r="H508421" s="12"/>
    </row>
    <row r="508422" spans="8:8">
      <c r="H508422" s="12"/>
    </row>
    <row r="508423" spans="8:8">
      <c r="H508423" s="12"/>
    </row>
    <row r="508424" spans="8:8">
      <c r="H508424" s="12"/>
    </row>
    <row r="508425" spans="8:8">
      <c r="H508425" s="12"/>
    </row>
    <row r="508426" spans="8:8">
      <c r="H508426" s="12"/>
    </row>
    <row r="508427" spans="8:8">
      <c r="H508427" s="12"/>
    </row>
    <row r="508428" spans="8:8">
      <c r="H508428" s="12"/>
    </row>
    <row r="508429" spans="8:8">
      <c r="H508429" s="12"/>
    </row>
    <row r="508430" spans="8:8">
      <c r="H508430" s="12"/>
    </row>
    <row r="508431" spans="8:8">
      <c r="H508431" s="12"/>
    </row>
    <row r="508432" spans="8:8">
      <c r="H508432" s="12"/>
    </row>
    <row r="508433" spans="8:8">
      <c r="H508433" s="12"/>
    </row>
    <row r="508434" spans="8:8">
      <c r="H508434" s="12"/>
    </row>
    <row r="508435" spans="8:8">
      <c r="H508435" s="12"/>
    </row>
    <row r="508436" spans="8:8">
      <c r="H508436" s="12"/>
    </row>
    <row r="508437" spans="8:8">
      <c r="H508437" s="12"/>
    </row>
    <row r="508438" spans="8:8">
      <c r="H508438" s="12"/>
    </row>
    <row r="508439" spans="8:8">
      <c r="H508439" s="12"/>
    </row>
    <row r="508440" spans="8:8">
      <c r="H508440" s="12"/>
    </row>
    <row r="508441" spans="8:8">
      <c r="H508441" s="12"/>
    </row>
    <row r="508442" spans="8:8">
      <c r="H508442" s="12"/>
    </row>
    <row r="508443" spans="8:8">
      <c r="H508443" s="12"/>
    </row>
    <row r="508444" spans="8:8">
      <c r="H508444" s="12"/>
    </row>
    <row r="508445" spans="8:8">
      <c r="H508445" s="12"/>
    </row>
    <row r="508446" spans="8:8">
      <c r="H508446" s="12"/>
    </row>
    <row r="508447" spans="8:8">
      <c r="H508447" s="12"/>
    </row>
    <row r="508448" spans="8:8">
      <c r="H508448" s="12"/>
    </row>
    <row r="508449" spans="8:8">
      <c r="H508449" s="12"/>
    </row>
    <row r="508450" spans="8:8">
      <c r="H508450" s="12"/>
    </row>
    <row r="508451" spans="8:8">
      <c r="H508451" s="12"/>
    </row>
    <row r="508452" spans="8:8">
      <c r="H508452" s="12"/>
    </row>
    <row r="508453" spans="8:8">
      <c r="H508453" s="12"/>
    </row>
    <row r="508454" spans="8:8">
      <c r="H508454" s="12"/>
    </row>
    <row r="508455" spans="8:8">
      <c r="H508455" s="12"/>
    </row>
    <row r="508456" spans="8:8">
      <c r="H508456" s="12"/>
    </row>
    <row r="508457" spans="8:8">
      <c r="H508457" s="12"/>
    </row>
    <row r="508458" spans="8:8">
      <c r="H508458" s="12"/>
    </row>
    <row r="508459" spans="8:8">
      <c r="H508459" s="12"/>
    </row>
    <row r="508460" spans="8:8">
      <c r="H508460" s="12"/>
    </row>
    <row r="508461" spans="8:8">
      <c r="H508461" s="12"/>
    </row>
    <row r="508462" spans="8:8">
      <c r="H508462" s="12"/>
    </row>
    <row r="508463" spans="8:8">
      <c r="H508463" s="12"/>
    </row>
    <row r="508464" spans="8:8">
      <c r="H508464" s="12"/>
    </row>
    <row r="508465" spans="8:8">
      <c r="H508465" s="12"/>
    </row>
    <row r="508466" spans="8:8">
      <c r="H508466" s="12"/>
    </row>
    <row r="508467" spans="8:8">
      <c r="H508467" s="12"/>
    </row>
    <row r="508468" spans="8:8">
      <c r="H508468" s="12"/>
    </row>
    <row r="508469" spans="8:8">
      <c r="H508469" s="12"/>
    </row>
    <row r="508470" spans="8:8">
      <c r="H508470" s="12"/>
    </row>
    <row r="508471" spans="8:8">
      <c r="H508471" s="12"/>
    </row>
    <row r="508472" spans="8:8">
      <c r="H508472" s="12"/>
    </row>
    <row r="508473" spans="8:8">
      <c r="H508473" s="12"/>
    </row>
    <row r="508474" spans="8:8">
      <c r="H508474" s="12"/>
    </row>
    <row r="508475" spans="8:8">
      <c r="H508475" s="12"/>
    </row>
    <row r="508476" spans="8:8">
      <c r="H508476" s="12"/>
    </row>
    <row r="508477" spans="8:8">
      <c r="H508477" s="12"/>
    </row>
    <row r="508478" spans="8:8">
      <c r="H508478" s="12"/>
    </row>
    <row r="508479" spans="8:8">
      <c r="H508479" s="12"/>
    </row>
    <row r="508480" spans="8:8">
      <c r="H508480" s="12"/>
    </row>
    <row r="508481" spans="8:8">
      <c r="H508481" s="12"/>
    </row>
    <row r="508482" spans="8:8">
      <c r="H508482" s="12"/>
    </row>
    <row r="508483" spans="8:8">
      <c r="H508483" s="12"/>
    </row>
    <row r="508484" spans="8:8">
      <c r="H508484" s="12"/>
    </row>
    <row r="508485" spans="8:8">
      <c r="H508485" s="12"/>
    </row>
    <row r="508486" spans="8:8">
      <c r="H508486" s="12"/>
    </row>
    <row r="508487" spans="8:8">
      <c r="H508487" s="12"/>
    </row>
    <row r="508488" spans="8:8">
      <c r="H508488" s="12"/>
    </row>
    <row r="508489" spans="8:8">
      <c r="H508489" s="12"/>
    </row>
    <row r="508490" spans="8:8">
      <c r="H508490" s="12"/>
    </row>
    <row r="508491" spans="8:8">
      <c r="H508491" s="12"/>
    </row>
    <row r="508492" spans="8:8">
      <c r="H508492" s="12"/>
    </row>
    <row r="508493" spans="8:8">
      <c r="H508493" s="12"/>
    </row>
    <row r="508494" spans="8:8">
      <c r="H508494" s="12"/>
    </row>
    <row r="508495" spans="8:8">
      <c r="H508495" s="12"/>
    </row>
    <row r="508496" spans="8:8">
      <c r="H508496" s="12"/>
    </row>
    <row r="508497" spans="8:8">
      <c r="H508497" s="12"/>
    </row>
    <row r="508498" spans="8:8">
      <c r="H508498" s="12"/>
    </row>
    <row r="508499" spans="8:8">
      <c r="H508499" s="12"/>
    </row>
    <row r="508500" spans="8:8">
      <c r="H508500" s="12"/>
    </row>
    <row r="508501" spans="8:8">
      <c r="H508501" s="12"/>
    </row>
    <row r="508502" spans="8:8">
      <c r="H508502" s="12"/>
    </row>
    <row r="508503" spans="8:8">
      <c r="H508503" s="12"/>
    </row>
    <row r="508504" spans="8:8">
      <c r="H508504" s="12"/>
    </row>
    <row r="508505" spans="8:8">
      <c r="H508505" s="12"/>
    </row>
    <row r="508506" spans="8:8">
      <c r="H508506" s="12"/>
    </row>
    <row r="508507" spans="8:8">
      <c r="H508507" s="12"/>
    </row>
    <row r="508508" spans="8:8">
      <c r="H508508" s="12"/>
    </row>
    <row r="508509" spans="8:8">
      <c r="H508509" s="12"/>
    </row>
    <row r="508510" spans="8:8">
      <c r="H508510" s="12"/>
    </row>
    <row r="508511" spans="8:8">
      <c r="H508511" s="12"/>
    </row>
    <row r="508512" spans="8:8">
      <c r="H508512" s="12"/>
    </row>
    <row r="508513" spans="8:8">
      <c r="H508513" s="12"/>
    </row>
    <row r="508514" spans="8:8">
      <c r="H508514" s="12"/>
    </row>
    <row r="508515" spans="8:8">
      <c r="H508515" s="12"/>
    </row>
    <row r="508516" spans="8:8">
      <c r="H508516" s="12"/>
    </row>
    <row r="508517" spans="8:8">
      <c r="H508517" s="12"/>
    </row>
    <row r="508518" spans="8:8">
      <c r="H508518" s="12"/>
    </row>
    <row r="508519" spans="8:8">
      <c r="H508519" s="12"/>
    </row>
    <row r="508520" spans="8:8">
      <c r="H508520" s="12"/>
    </row>
    <row r="508521" spans="8:8">
      <c r="H508521" s="12"/>
    </row>
    <row r="508522" spans="8:8">
      <c r="H508522" s="12"/>
    </row>
    <row r="508523" spans="8:8">
      <c r="H508523" s="12"/>
    </row>
    <row r="508524" spans="8:8">
      <c r="H508524" s="12"/>
    </row>
    <row r="508525" spans="8:8">
      <c r="H508525" s="12"/>
    </row>
    <row r="508526" spans="8:8">
      <c r="H508526" s="12"/>
    </row>
    <row r="508527" spans="8:8">
      <c r="H508527" s="12"/>
    </row>
    <row r="508528" spans="8:8">
      <c r="H508528" s="12"/>
    </row>
    <row r="508529" spans="8:8">
      <c r="H508529" s="12"/>
    </row>
    <row r="508530" spans="8:8">
      <c r="H508530" s="12"/>
    </row>
    <row r="508531" spans="8:8">
      <c r="H508531" s="12"/>
    </row>
    <row r="508532" spans="8:8">
      <c r="H508532" s="12"/>
    </row>
    <row r="508533" spans="8:8">
      <c r="H508533" s="12"/>
    </row>
    <row r="508534" spans="8:8">
      <c r="H508534" s="12"/>
    </row>
    <row r="508535" spans="8:8">
      <c r="H508535" s="12"/>
    </row>
    <row r="508536" spans="8:8">
      <c r="H508536" s="12"/>
    </row>
    <row r="508537" spans="8:8">
      <c r="H508537" s="12"/>
    </row>
    <row r="508538" spans="8:8">
      <c r="H508538" s="12"/>
    </row>
    <row r="508539" spans="8:8">
      <c r="H508539" s="12"/>
    </row>
    <row r="508540" spans="8:8">
      <c r="H508540" s="12"/>
    </row>
    <row r="508541" spans="8:8">
      <c r="H508541" s="12"/>
    </row>
    <row r="508542" spans="8:8">
      <c r="H508542" s="12"/>
    </row>
    <row r="508543" spans="8:8">
      <c r="H508543" s="12"/>
    </row>
    <row r="508544" spans="8:8">
      <c r="H508544" s="12"/>
    </row>
    <row r="508545" spans="8:8">
      <c r="H508545" s="12"/>
    </row>
    <row r="508546" spans="8:8">
      <c r="H508546" s="12"/>
    </row>
    <row r="508547" spans="8:8">
      <c r="H508547" s="12"/>
    </row>
    <row r="508548" spans="8:8">
      <c r="H508548" s="12"/>
    </row>
    <row r="508549" spans="8:8">
      <c r="H508549" s="12"/>
    </row>
    <row r="508550" spans="8:8">
      <c r="H508550" s="12"/>
    </row>
    <row r="508551" spans="8:8">
      <c r="H508551" s="12"/>
    </row>
    <row r="508552" spans="8:8">
      <c r="H508552" s="12"/>
    </row>
    <row r="508553" spans="8:8">
      <c r="H508553" s="12"/>
    </row>
    <row r="508554" spans="8:8">
      <c r="H508554" s="12"/>
    </row>
    <row r="508555" spans="8:8">
      <c r="H508555" s="12"/>
    </row>
    <row r="508556" spans="8:8">
      <c r="H508556" s="12"/>
    </row>
    <row r="508557" spans="8:8">
      <c r="H508557" s="12"/>
    </row>
    <row r="508558" spans="8:8">
      <c r="H508558" s="12"/>
    </row>
    <row r="508559" spans="8:8">
      <c r="H508559" s="12"/>
    </row>
    <row r="508560" spans="8:8">
      <c r="H508560" s="12"/>
    </row>
    <row r="508561" spans="8:8">
      <c r="H508561" s="12"/>
    </row>
    <row r="508562" spans="8:8">
      <c r="H508562" s="12"/>
    </row>
    <row r="508563" spans="8:8">
      <c r="H508563" s="12"/>
    </row>
    <row r="508564" spans="8:8">
      <c r="H508564" s="12"/>
    </row>
    <row r="508565" spans="8:8">
      <c r="H508565" s="12"/>
    </row>
    <row r="508566" spans="8:8">
      <c r="H508566" s="12"/>
    </row>
    <row r="508567" spans="8:8">
      <c r="H508567" s="12"/>
    </row>
    <row r="508568" spans="8:8">
      <c r="H508568" s="12"/>
    </row>
    <row r="508569" spans="8:8">
      <c r="H508569" s="12"/>
    </row>
    <row r="508570" spans="8:8">
      <c r="H508570" s="12"/>
    </row>
    <row r="508571" spans="8:8">
      <c r="H508571" s="12"/>
    </row>
    <row r="508572" spans="8:8">
      <c r="H508572" s="12"/>
    </row>
    <row r="508573" spans="8:8">
      <c r="H508573" s="12"/>
    </row>
    <row r="508574" spans="8:8">
      <c r="H508574" s="12"/>
    </row>
    <row r="508575" spans="8:8">
      <c r="H508575" s="12"/>
    </row>
    <row r="508576" spans="8:8">
      <c r="H508576" s="12"/>
    </row>
    <row r="508577" spans="8:8">
      <c r="H508577" s="12"/>
    </row>
    <row r="508578" spans="8:8">
      <c r="H508578" s="12"/>
    </row>
    <row r="508579" spans="8:8">
      <c r="H508579" s="12"/>
    </row>
    <row r="508580" spans="8:8">
      <c r="H508580" s="12"/>
    </row>
    <row r="508581" spans="8:8">
      <c r="H508581" s="12"/>
    </row>
    <row r="508582" spans="8:8">
      <c r="H508582" s="12"/>
    </row>
    <row r="508583" spans="8:8">
      <c r="H508583" s="12"/>
    </row>
    <row r="508584" spans="8:8">
      <c r="H508584" s="12"/>
    </row>
    <row r="508585" spans="8:8">
      <c r="H508585" s="12"/>
    </row>
    <row r="508586" spans="8:8">
      <c r="H508586" s="12"/>
    </row>
    <row r="508587" spans="8:8">
      <c r="H508587" s="12"/>
    </row>
    <row r="508588" spans="8:8">
      <c r="H508588" s="12"/>
    </row>
    <row r="508589" spans="8:8">
      <c r="H508589" s="12"/>
    </row>
    <row r="508590" spans="8:8">
      <c r="H508590" s="12"/>
    </row>
    <row r="508591" spans="8:8">
      <c r="H508591" s="12"/>
    </row>
    <row r="508592" spans="8:8">
      <c r="H508592" s="12"/>
    </row>
    <row r="508593" spans="8:8">
      <c r="H508593" s="12"/>
    </row>
    <row r="508594" spans="8:8">
      <c r="H508594" s="12"/>
    </row>
    <row r="508595" spans="8:8">
      <c r="H508595" s="12"/>
    </row>
    <row r="508596" spans="8:8">
      <c r="H508596" s="12"/>
    </row>
    <row r="508597" spans="8:8">
      <c r="H508597" s="12"/>
    </row>
    <row r="508598" spans="8:8">
      <c r="H508598" s="12"/>
    </row>
    <row r="508599" spans="8:8">
      <c r="H508599" s="12"/>
    </row>
    <row r="508600" spans="8:8">
      <c r="H508600" s="12"/>
    </row>
    <row r="508601" spans="8:8">
      <c r="H508601" s="12"/>
    </row>
    <row r="508602" spans="8:8">
      <c r="H508602" s="12"/>
    </row>
    <row r="508603" spans="8:8">
      <c r="H508603" s="12"/>
    </row>
    <row r="508604" spans="8:8">
      <c r="H508604" s="12"/>
    </row>
    <row r="508605" spans="8:8">
      <c r="H508605" s="12"/>
    </row>
    <row r="508606" spans="8:8">
      <c r="H508606" s="12"/>
    </row>
    <row r="508607" spans="8:8">
      <c r="H508607" s="12"/>
    </row>
    <row r="508608" spans="8:8">
      <c r="H508608" s="12"/>
    </row>
    <row r="508609" spans="8:8">
      <c r="H508609" s="12"/>
    </row>
    <row r="508610" spans="8:8">
      <c r="H508610" s="12"/>
    </row>
    <row r="508611" spans="8:8">
      <c r="H508611" s="12"/>
    </row>
    <row r="508612" spans="8:8">
      <c r="H508612" s="12"/>
    </row>
    <row r="508613" spans="8:8">
      <c r="H508613" s="12"/>
    </row>
    <row r="508614" spans="8:8">
      <c r="H508614" s="12"/>
    </row>
    <row r="508615" spans="8:8">
      <c r="H508615" s="12"/>
    </row>
    <row r="508616" spans="8:8">
      <c r="H508616" s="12"/>
    </row>
    <row r="508617" spans="8:8">
      <c r="H508617" s="12"/>
    </row>
    <row r="508618" spans="8:8">
      <c r="H508618" s="12"/>
    </row>
    <row r="508619" spans="8:8">
      <c r="H508619" s="12"/>
    </row>
    <row r="508620" spans="8:8">
      <c r="H508620" s="12"/>
    </row>
    <row r="508621" spans="8:8">
      <c r="H508621" s="12"/>
    </row>
    <row r="508622" spans="8:8">
      <c r="H508622" s="12"/>
    </row>
    <row r="508623" spans="8:8">
      <c r="H508623" s="12"/>
    </row>
    <row r="508624" spans="8:8">
      <c r="H508624" s="12"/>
    </row>
    <row r="508625" spans="8:8">
      <c r="H508625" s="12"/>
    </row>
    <row r="508626" spans="8:8">
      <c r="H508626" s="12"/>
    </row>
    <row r="508627" spans="8:8">
      <c r="H508627" s="12"/>
    </row>
    <row r="508628" spans="8:8">
      <c r="H508628" s="12"/>
    </row>
    <row r="508629" spans="8:8">
      <c r="H508629" s="12"/>
    </row>
    <row r="508630" spans="8:8">
      <c r="H508630" s="12"/>
    </row>
    <row r="508631" spans="8:8">
      <c r="H508631" s="12"/>
    </row>
    <row r="508632" spans="8:8">
      <c r="H508632" s="12"/>
    </row>
    <row r="508633" spans="8:8">
      <c r="H508633" s="12"/>
    </row>
    <row r="508634" spans="8:8">
      <c r="H508634" s="12"/>
    </row>
    <row r="508635" spans="8:8">
      <c r="H508635" s="12"/>
    </row>
    <row r="508636" spans="8:8">
      <c r="H508636" s="12"/>
    </row>
    <row r="508637" spans="8:8">
      <c r="H508637" s="12"/>
    </row>
    <row r="508638" spans="8:8">
      <c r="H508638" s="12"/>
    </row>
    <row r="508639" spans="8:8">
      <c r="H508639" s="12"/>
    </row>
    <row r="508640" spans="8:8">
      <c r="H508640" s="12"/>
    </row>
    <row r="508641" spans="8:8">
      <c r="H508641" s="12"/>
    </row>
    <row r="508642" spans="8:8">
      <c r="H508642" s="12"/>
    </row>
    <row r="508643" spans="8:8">
      <c r="H508643" s="12"/>
    </row>
    <row r="508644" spans="8:8">
      <c r="H508644" s="12"/>
    </row>
    <row r="508645" spans="8:8">
      <c r="H508645" s="12"/>
    </row>
    <row r="508646" spans="8:8">
      <c r="H508646" s="12"/>
    </row>
    <row r="508647" spans="8:8">
      <c r="H508647" s="12"/>
    </row>
    <row r="508648" spans="8:8">
      <c r="H508648" s="12"/>
    </row>
    <row r="508649" spans="8:8">
      <c r="H508649" s="12"/>
    </row>
    <row r="508650" spans="8:8">
      <c r="H508650" s="12"/>
    </row>
    <row r="508651" spans="8:8">
      <c r="H508651" s="12"/>
    </row>
    <row r="508652" spans="8:8">
      <c r="H508652" s="12"/>
    </row>
    <row r="508653" spans="8:8">
      <c r="H508653" s="12"/>
    </row>
    <row r="508654" spans="8:8">
      <c r="H508654" s="12"/>
    </row>
    <row r="508655" spans="8:8">
      <c r="H508655" s="12"/>
    </row>
    <row r="508656" spans="8:8">
      <c r="H508656" s="12"/>
    </row>
    <row r="508657" spans="8:8">
      <c r="H508657" s="12"/>
    </row>
    <row r="508658" spans="8:8">
      <c r="H508658" s="12"/>
    </row>
    <row r="508659" spans="8:8">
      <c r="H508659" s="12"/>
    </row>
    <row r="508660" spans="8:8">
      <c r="H508660" s="12"/>
    </row>
    <row r="508661" spans="8:8">
      <c r="H508661" s="12"/>
    </row>
    <row r="508662" spans="8:8">
      <c r="H508662" s="12"/>
    </row>
    <row r="508663" spans="8:8">
      <c r="H508663" s="12"/>
    </row>
    <row r="508664" spans="8:8">
      <c r="H508664" s="12"/>
    </row>
    <row r="508665" spans="8:8">
      <c r="H508665" s="12"/>
    </row>
    <row r="508666" spans="8:8">
      <c r="H508666" s="12"/>
    </row>
    <row r="508667" spans="8:8">
      <c r="H508667" s="12"/>
    </row>
    <row r="508668" spans="8:8">
      <c r="H508668" s="12"/>
    </row>
    <row r="508669" spans="8:8">
      <c r="H508669" s="12"/>
    </row>
    <row r="508670" spans="8:8">
      <c r="H508670" s="12"/>
    </row>
    <row r="508671" spans="8:8">
      <c r="H508671" s="12"/>
    </row>
    <row r="508672" spans="8:8">
      <c r="H508672" s="12"/>
    </row>
    <row r="508673" spans="8:8">
      <c r="H508673" s="12"/>
    </row>
    <row r="508674" spans="8:8">
      <c r="H508674" s="12"/>
    </row>
    <row r="508675" spans="8:8">
      <c r="H508675" s="12"/>
    </row>
    <row r="508676" spans="8:8">
      <c r="H508676" s="12"/>
    </row>
    <row r="508677" spans="8:8">
      <c r="H508677" s="12"/>
    </row>
    <row r="508678" spans="8:8">
      <c r="H508678" s="12"/>
    </row>
    <row r="508679" spans="8:8">
      <c r="H508679" s="12"/>
    </row>
    <row r="508680" spans="8:8">
      <c r="H508680" s="12"/>
    </row>
    <row r="508681" spans="8:8">
      <c r="H508681" s="12"/>
    </row>
    <row r="508682" spans="8:8">
      <c r="H508682" s="12"/>
    </row>
    <row r="508683" spans="8:8">
      <c r="H508683" s="12"/>
    </row>
    <row r="508684" spans="8:8">
      <c r="H508684" s="12"/>
    </row>
    <row r="508685" spans="8:8">
      <c r="H508685" s="12"/>
    </row>
    <row r="508686" spans="8:8">
      <c r="H508686" s="12"/>
    </row>
    <row r="508687" spans="8:8">
      <c r="H508687" s="12"/>
    </row>
    <row r="508688" spans="8:8">
      <c r="H508688" s="12"/>
    </row>
    <row r="508689" spans="8:8">
      <c r="H508689" s="12"/>
    </row>
    <row r="508690" spans="8:8">
      <c r="H508690" s="12"/>
    </row>
    <row r="508691" spans="8:8">
      <c r="H508691" s="12"/>
    </row>
    <row r="508692" spans="8:8">
      <c r="H508692" s="12"/>
    </row>
    <row r="508693" spans="8:8">
      <c r="H508693" s="12"/>
    </row>
    <row r="508694" spans="8:8">
      <c r="H508694" s="12"/>
    </row>
    <row r="508695" spans="8:8">
      <c r="H508695" s="12"/>
    </row>
    <row r="508696" spans="8:8">
      <c r="H508696" s="12"/>
    </row>
    <row r="508697" spans="8:8">
      <c r="H508697" s="12"/>
    </row>
    <row r="508698" spans="8:8">
      <c r="H508698" s="12"/>
    </row>
    <row r="508699" spans="8:8">
      <c r="H508699" s="12"/>
    </row>
    <row r="508700" spans="8:8">
      <c r="H508700" s="12"/>
    </row>
    <row r="508701" spans="8:8">
      <c r="H508701" s="12"/>
    </row>
    <row r="508702" spans="8:8">
      <c r="H508702" s="12"/>
    </row>
    <row r="508703" spans="8:8">
      <c r="H508703" s="12"/>
    </row>
    <row r="508704" spans="8:8">
      <c r="H508704" s="12"/>
    </row>
    <row r="508705" spans="8:8">
      <c r="H508705" s="12"/>
    </row>
    <row r="508706" spans="8:8">
      <c r="H508706" s="12"/>
    </row>
    <row r="508707" spans="8:8">
      <c r="H508707" s="12"/>
    </row>
    <row r="508708" spans="8:8">
      <c r="H508708" s="12"/>
    </row>
    <row r="508709" spans="8:8">
      <c r="H508709" s="12"/>
    </row>
    <row r="508710" spans="8:8">
      <c r="H508710" s="12"/>
    </row>
    <row r="508711" spans="8:8">
      <c r="H508711" s="12"/>
    </row>
    <row r="508712" spans="8:8">
      <c r="H508712" s="12"/>
    </row>
    <row r="508713" spans="8:8">
      <c r="H508713" s="12"/>
    </row>
    <row r="508714" spans="8:8">
      <c r="H508714" s="12"/>
    </row>
    <row r="508715" spans="8:8">
      <c r="H508715" s="12"/>
    </row>
    <row r="508716" spans="8:8">
      <c r="H508716" s="12"/>
    </row>
    <row r="508717" spans="8:8">
      <c r="H508717" s="12"/>
    </row>
    <row r="508718" spans="8:8">
      <c r="H508718" s="12"/>
    </row>
    <row r="508719" spans="8:8">
      <c r="H508719" s="12"/>
    </row>
    <row r="508720" spans="8:8">
      <c r="H508720" s="12"/>
    </row>
    <row r="508721" spans="8:8">
      <c r="H508721" s="12"/>
    </row>
    <row r="508722" spans="8:8">
      <c r="H508722" s="12"/>
    </row>
    <row r="508723" spans="8:8">
      <c r="H508723" s="12"/>
    </row>
    <row r="508724" spans="8:8">
      <c r="H508724" s="12"/>
    </row>
    <row r="508725" spans="8:8">
      <c r="H508725" s="12"/>
    </row>
    <row r="508726" spans="8:8">
      <c r="H508726" s="12"/>
    </row>
    <row r="508727" spans="8:8">
      <c r="H508727" s="12"/>
    </row>
    <row r="508728" spans="8:8">
      <c r="H508728" s="12"/>
    </row>
    <row r="508729" spans="8:8">
      <c r="H508729" s="12"/>
    </row>
    <row r="508730" spans="8:8">
      <c r="H508730" s="12"/>
    </row>
    <row r="508731" spans="8:8">
      <c r="H508731" s="12"/>
    </row>
    <row r="508732" spans="8:8">
      <c r="H508732" s="12"/>
    </row>
    <row r="508733" spans="8:8">
      <c r="H508733" s="12"/>
    </row>
    <row r="508734" spans="8:8">
      <c r="H508734" s="12"/>
    </row>
    <row r="508735" spans="8:8">
      <c r="H508735" s="12"/>
    </row>
    <row r="508736" spans="8:8">
      <c r="H508736" s="12"/>
    </row>
    <row r="508737" spans="8:8">
      <c r="H508737" s="12"/>
    </row>
    <row r="508738" spans="8:8">
      <c r="H508738" s="12"/>
    </row>
    <row r="508739" spans="8:8">
      <c r="H508739" s="12"/>
    </row>
    <row r="508740" spans="8:8">
      <c r="H508740" s="12"/>
    </row>
    <row r="508741" spans="8:8">
      <c r="H508741" s="12"/>
    </row>
    <row r="508742" spans="8:8">
      <c r="H508742" s="12"/>
    </row>
    <row r="508743" spans="8:8">
      <c r="H508743" s="12"/>
    </row>
    <row r="508744" spans="8:8">
      <c r="H508744" s="12"/>
    </row>
    <row r="508745" spans="8:8">
      <c r="H508745" s="12"/>
    </row>
    <row r="508746" spans="8:8">
      <c r="H508746" s="12"/>
    </row>
    <row r="508747" spans="8:8">
      <c r="H508747" s="12"/>
    </row>
    <row r="508748" spans="8:8">
      <c r="H508748" s="12"/>
    </row>
    <row r="508749" spans="8:8">
      <c r="H508749" s="12"/>
    </row>
    <row r="508750" spans="8:8">
      <c r="H508750" s="12"/>
    </row>
    <row r="508751" spans="8:8">
      <c r="H508751" s="12"/>
    </row>
    <row r="508752" spans="8:8">
      <c r="H508752" s="12"/>
    </row>
    <row r="508753" spans="8:8">
      <c r="H508753" s="12"/>
    </row>
    <row r="508754" spans="8:8">
      <c r="H508754" s="12"/>
    </row>
    <row r="508755" spans="8:8">
      <c r="H508755" s="12"/>
    </row>
    <row r="508756" spans="8:8">
      <c r="H508756" s="12"/>
    </row>
    <row r="508757" spans="8:8">
      <c r="H508757" s="12"/>
    </row>
    <row r="508758" spans="8:8">
      <c r="H508758" s="12"/>
    </row>
    <row r="508759" spans="8:8">
      <c r="H508759" s="12"/>
    </row>
    <row r="508760" spans="8:8">
      <c r="H508760" s="12"/>
    </row>
    <row r="508761" spans="8:8">
      <c r="H508761" s="12"/>
    </row>
    <row r="508762" spans="8:8">
      <c r="H508762" s="12"/>
    </row>
    <row r="508763" spans="8:8">
      <c r="H508763" s="12"/>
    </row>
    <row r="508764" spans="8:8">
      <c r="H508764" s="12"/>
    </row>
    <row r="508765" spans="8:8">
      <c r="H508765" s="12"/>
    </row>
    <row r="508766" spans="8:8">
      <c r="H508766" s="12"/>
    </row>
    <row r="508767" spans="8:8">
      <c r="H508767" s="12"/>
    </row>
    <row r="508768" spans="8:8">
      <c r="H508768" s="12"/>
    </row>
    <row r="508769" spans="8:8">
      <c r="H508769" s="12"/>
    </row>
    <row r="508770" spans="8:8">
      <c r="H508770" s="12"/>
    </row>
    <row r="508771" spans="8:8">
      <c r="H508771" s="12"/>
    </row>
    <row r="508772" spans="8:8">
      <c r="H508772" s="12"/>
    </row>
    <row r="508773" spans="8:8">
      <c r="H508773" s="12"/>
    </row>
    <row r="508774" spans="8:8">
      <c r="H508774" s="12"/>
    </row>
    <row r="508775" spans="8:8">
      <c r="H508775" s="12"/>
    </row>
    <row r="508776" spans="8:8">
      <c r="H508776" s="12"/>
    </row>
    <row r="508777" spans="8:8">
      <c r="H508777" s="12"/>
    </row>
    <row r="508778" spans="8:8">
      <c r="H508778" s="12"/>
    </row>
    <row r="508779" spans="8:8">
      <c r="H508779" s="12"/>
    </row>
    <row r="508780" spans="8:8">
      <c r="H508780" s="12"/>
    </row>
    <row r="508781" spans="8:8">
      <c r="H508781" s="12"/>
    </row>
    <row r="508782" spans="8:8">
      <c r="H508782" s="12"/>
    </row>
    <row r="508783" spans="8:8">
      <c r="H508783" s="12"/>
    </row>
    <row r="508784" spans="8:8">
      <c r="H508784" s="12"/>
    </row>
    <row r="508785" spans="8:8">
      <c r="H508785" s="12"/>
    </row>
    <row r="508786" spans="8:8">
      <c r="H508786" s="12"/>
    </row>
    <row r="508787" spans="8:8">
      <c r="H508787" s="12"/>
    </row>
    <row r="508788" spans="8:8">
      <c r="H508788" s="12"/>
    </row>
    <row r="508789" spans="8:8">
      <c r="H508789" s="12"/>
    </row>
    <row r="508790" spans="8:8">
      <c r="H508790" s="12"/>
    </row>
    <row r="508791" spans="8:8">
      <c r="H508791" s="12"/>
    </row>
    <row r="508792" spans="8:8">
      <c r="H508792" s="12"/>
    </row>
    <row r="508793" spans="8:8">
      <c r="H508793" s="12"/>
    </row>
    <row r="508794" spans="8:8">
      <c r="H508794" s="12"/>
    </row>
    <row r="508795" spans="8:8">
      <c r="H508795" s="12"/>
    </row>
    <row r="508796" spans="8:8">
      <c r="H508796" s="12"/>
    </row>
    <row r="508797" spans="8:8">
      <c r="H508797" s="12"/>
    </row>
    <row r="508798" spans="8:8">
      <c r="H508798" s="12"/>
    </row>
    <row r="508799" spans="8:8">
      <c r="H508799" s="12"/>
    </row>
    <row r="508800" spans="8:8">
      <c r="H508800" s="12"/>
    </row>
    <row r="508801" spans="8:8">
      <c r="H508801" s="12"/>
    </row>
    <row r="508802" spans="8:8">
      <c r="H508802" s="12"/>
    </row>
    <row r="508803" spans="8:8">
      <c r="H508803" s="12"/>
    </row>
    <row r="508804" spans="8:8">
      <c r="H508804" s="12"/>
    </row>
    <row r="508805" spans="8:8">
      <c r="H508805" s="12"/>
    </row>
    <row r="508806" spans="8:8">
      <c r="H508806" s="12"/>
    </row>
    <row r="508807" spans="8:8">
      <c r="H508807" s="12"/>
    </row>
    <row r="508808" spans="8:8">
      <c r="H508808" s="12"/>
    </row>
    <row r="508809" spans="8:8">
      <c r="H508809" s="12"/>
    </row>
    <row r="508810" spans="8:8">
      <c r="H508810" s="12"/>
    </row>
    <row r="508811" spans="8:8">
      <c r="H508811" s="12"/>
    </row>
    <row r="508812" spans="8:8">
      <c r="H508812" s="12"/>
    </row>
    <row r="508813" spans="8:8">
      <c r="H508813" s="12"/>
    </row>
    <row r="508814" spans="8:8">
      <c r="H508814" s="12"/>
    </row>
    <row r="508815" spans="8:8">
      <c r="H508815" s="12"/>
    </row>
    <row r="508816" spans="8:8">
      <c r="H508816" s="12"/>
    </row>
    <row r="508817" spans="8:8">
      <c r="H508817" s="12"/>
    </row>
    <row r="508818" spans="8:8">
      <c r="H508818" s="12"/>
    </row>
    <row r="508819" spans="8:8">
      <c r="H508819" s="12"/>
    </row>
    <row r="508820" spans="8:8">
      <c r="H508820" s="12"/>
    </row>
    <row r="508821" spans="8:8">
      <c r="H508821" s="12"/>
    </row>
    <row r="508822" spans="8:8">
      <c r="H508822" s="12"/>
    </row>
    <row r="508823" spans="8:8">
      <c r="H508823" s="12"/>
    </row>
    <row r="508824" spans="8:8">
      <c r="H508824" s="12"/>
    </row>
    <row r="508825" spans="8:8">
      <c r="H508825" s="12"/>
    </row>
    <row r="508826" spans="8:8">
      <c r="H508826" s="12"/>
    </row>
    <row r="508827" spans="8:8">
      <c r="H508827" s="12"/>
    </row>
    <row r="508828" spans="8:8">
      <c r="H508828" s="12"/>
    </row>
    <row r="508829" spans="8:8">
      <c r="H508829" s="12"/>
    </row>
    <row r="508830" spans="8:8">
      <c r="H508830" s="12"/>
    </row>
    <row r="508831" spans="8:8">
      <c r="H508831" s="12"/>
    </row>
    <row r="508832" spans="8:8">
      <c r="H508832" s="12"/>
    </row>
    <row r="508833" spans="8:8">
      <c r="H508833" s="12"/>
    </row>
    <row r="508834" spans="8:8">
      <c r="H508834" s="12"/>
    </row>
    <row r="508835" spans="8:8">
      <c r="H508835" s="12"/>
    </row>
    <row r="508836" spans="8:8">
      <c r="H508836" s="12"/>
    </row>
    <row r="508837" spans="8:8">
      <c r="H508837" s="12"/>
    </row>
    <row r="508838" spans="8:8">
      <c r="H508838" s="12"/>
    </row>
    <row r="508839" spans="8:8">
      <c r="H508839" s="12"/>
    </row>
    <row r="508840" spans="8:8">
      <c r="H508840" s="12"/>
    </row>
    <row r="508841" spans="8:8">
      <c r="H508841" s="12"/>
    </row>
    <row r="508842" spans="8:8">
      <c r="H508842" s="12"/>
    </row>
    <row r="508843" spans="8:8">
      <c r="H508843" s="12"/>
    </row>
    <row r="508844" spans="8:8">
      <c r="H508844" s="12"/>
    </row>
    <row r="508845" spans="8:8">
      <c r="H508845" s="12"/>
    </row>
    <row r="508846" spans="8:8">
      <c r="H508846" s="12"/>
    </row>
    <row r="508847" spans="8:8">
      <c r="H508847" s="12"/>
    </row>
    <row r="508848" spans="8:8">
      <c r="H508848" s="12"/>
    </row>
    <row r="508849" spans="8:8">
      <c r="H508849" s="12"/>
    </row>
    <row r="508850" spans="8:8">
      <c r="H508850" s="12"/>
    </row>
    <row r="508851" spans="8:8">
      <c r="H508851" s="12"/>
    </row>
    <row r="508852" spans="8:8">
      <c r="H508852" s="12"/>
    </row>
    <row r="508853" spans="8:8">
      <c r="H508853" s="12"/>
    </row>
    <row r="508854" spans="8:8">
      <c r="H508854" s="12"/>
    </row>
    <row r="508855" spans="8:8">
      <c r="H508855" s="12"/>
    </row>
    <row r="508856" spans="8:8">
      <c r="H508856" s="12"/>
    </row>
    <row r="508857" spans="8:8">
      <c r="H508857" s="12"/>
    </row>
    <row r="508858" spans="8:8">
      <c r="H508858" s="12"/>
    </row>
    <row r="508859" spans="8:8">
      <c r="H508859" s="12"/>
    </row>
    <row r="508860" spans="8:8">
      <c r="H508860" s="12"/>
    </row>
    <row r="508861" spans="8:8">
      <c r="H508861" s="12"/>
    </row>
    <row r="508862" spans="8:8">
      <c r="H508862" s="12"/>
    </row>
    <row r="508863" spans="8:8">
      <c r="H508863" s="12"/>
    </row>
    <row r="508864" spans="8:8">
      <c r="H508864" s="12"/>
    </row>
    <row r="508865" spans="8:8">
      <c r="H508865" s="12"/>
    </row>
    <row r="508866" spans="8:8">
      <c r="H508866" s="12"/>
    </row>
    <row r="508867" spans="8:8">
      <c r="H508867" s="12"/>
    </row>
    <row r="508868" spans="8:8">
      <c r="H508868" s="12"/>
    </row>
    <row r="508869" spans="8:8">
      <c r="H508869" s="12"/>
    </row>
    <row r="508870" spans="8:8">
      <c r="H508870" s="12"/>
    </row>
    <row r="508871" spans="8:8">
      <c r="H508871" s="12"/>
    </row>
    <row r="508872" spans="8:8">
      <c r="H508872" s="12"/>
    </row>
    <row r="508873" spans="8:8">
      <c r="H508873" s="12"/>
    </row>
    <row r="508874" spans="8:8">
      <c r="H508874" s="12"/>
    </row>
    <row r="508875" spans="8:8">
      <c r="H508875" s="12"/>
    </row>
    <row r="508876" spans="8:8">
      <c r="H508876" s="12"/>
    </row>
    <row r="508877" spans="8:8">
      <c r="H508877" s="12"/>
    </row>
    <row r="508878" spans="8:8">
      <c r="H508878" s="12"/>
    </row>
    <row r="508879" spans="8:8">
      <c r="H508879" s="12"/>
    </row>
    <row r="508880" spans="8:8">
      <c r="H508880" s="12"/>
    </row>
    <row r="508881" spans="8:8">
      <c r="H508881" s="12"/>
    </row>
    <row r="508882" spans="8:8">
      <c r="H508882" s="12"/>
    </row>
    <row r="508883" spans="8:8">
      <c r="H508883" s="12"/>
    </row>
    <row r="508884" spans="8:8">
      <c r="H508884" s="12"/>
    </row>
    <row r="508885" spans="8:8">
      <c r="H508885" s="12"/>
    </row>
    <row r="508886" spans="8:8">
      <c r="H508886" s="12"/>
    </row>
    <row r="508887" spans="8:8">
      <c r="H508887" s="12"/>
    </row>
    <row r="508888" spans="8:8">
      <c r="H508888" s="12"/>
    </row>
    <row r="508889" spans="8:8">
      <c r="H508889" s="12"/>
    </row>
    <row r="508890" spans="8:8">
      <c r="H508890" s="12"/>
    </row>
    <row r="508891" spans="8:8">
      <c r="H508891" s="12"/>
    </row>
    <row r="508892" spans="8:8">
      <c r="H508892" s="12"/>
    </row>
    <row r="508893" spans="8:8">
      <c r="H508893" s="12"/>
    </row>
    <row r="508894" spans="8:8">
      <c r="H508894" s="12"/>
    </row>
    <row r="508895" spans="8:8">
      <c r="H508895" s="12"/>
    </row>
    <row r="508896" spans="8:8">
      <c r="H508896" s="12"/>
    </row>
    <row r="508897" spans="8:8">
      <c r="H508897" s="12"/>
    </row>
    <row r="508898" spans="8:8">
      <c r="H508898" s="12"/>
    </row>
    <row r="508899" spans="8:8">
      <c r="H508899" s="12"/>
    </row>
    <row r="508900" spans="8:8">
      <c r="H508900" s="12"/>
    </row>
    <row r="508901" spans="8:8">
      <c r="H508901" s="12"/>
    </row>
    <row r="508902" spans="8:8">
      <c r="H508902" s="12"/>
    </row>
    <row r="508903" spans="8:8">
      <c r="H508903" s="12"/>
    </row>
    <row r="508904" spans="8:8">
      <c r="H508904" s="12"/>
    </row>
    <row r="508905" spans="8:8">
      <c r="H508905" s="12"/>
    </row>
    <row r="508906" spans="8:8">
      <c r="H508906" s="12"/>
    </row>
    <row r="508907" spans="8:8">
      <c r="H508907" s="12"/>
    </row>
    <row r="508908" spans="8:8">
      <c r="H508908" s="12"/>
    </row>
    <row r="508909" spans="8:8">
      <c r="H508909" s="12"/>
    </row>
    <row r="508910" spans="8:8">
      <c r="H508910" s="12"/>
    </row>
    <row r="508911" spans="8:8">
      <c r="H508911" s="12"/>
    </row>
    <row r="508912" spans="8:8">
      <c r="H508912" s="12"/>
    </row>
    <row r="508913" spans="8:8">
      <c r="H508913" s="12"/>
    </row>
    <row r="508914" spans="8:8">
      <c r="H508914" s="12"/>
    </row>
    <row r="508915" spans="8:8">
      <c r="H508915" s="12"/>
    </row>
    <row r="508916" spans="8:8">
      <c r="H508916" s="12"/>
    </row>
    <row r="508917" spans="8:8">
      <c r="H508917" s="12"/>
    </row>
    <row r="508918" spans="8:8">
      <c r="H508918" s="12"/>
    </row>
    <row r="508919" spans="8:8">
      <c r="H508919" s="12"/>
    </row>
    <row r="508920" spans="8:8">
      <c r="H508920" s="12"/>
    </row>
    <row r="508921" spans="8:8">
      <c r="H508921" s="12"/>
    </row>
    <row r="508922" spans="8:8">
      <c r="H508922" s="12"/>
    </row>
    <row r="508923" spans="8:8">
      <c r="H508923" s="12"/>
    </row>
    <row r="508924" spans="8:8">
      <c r="H508924" s="12"/>
    </row>
    <row r="508925" spans="8:8">
      <c r="H508925" s="12"/>
    </row>
    <row r="508926" spans="8:8">
      <c r="H508926" s="12"/>
    </row>
    <row r="508927" spans="8:8">
      <c r="H508927" s="12"/>
    </row>
    <row r="508928" spans="8:8">
      <c r="H508928" s="12"/>
    </row>
    <row r="508929" spans="8:8">
      <c r="H508929" s="12"/>
    </row>
    <row r="508930" spans="8:8">
      <c r="H508930" s="12"/>
    </row>
    <row r="508931" spans="8:8">
      <c r="H508931" s="12"/>
    </row>
    <row r="508932" spans="8:8">
      <c r="H508932" s="12"/>
    </row>
    <row r="508933" spans="8:8">
      <c r="H508933" s="12"/>
    </row>
    <row r="508934" spans="8:8">
      <c r="H508934" s="12"/>
    </row>
    <row r="508935" spans="8:8">
      <c r="H508935" s="12"/>
    </row>
    <row r="508936" spans="8:8">
      <c r="H508936" s="12"/>
    </row>
    <row r="508937" spans="8:8">
      <c r="H508937" s="12"/>
    </row>
    <row r="508938" spans="8:8">
      <c r="H508938" s="12"/>
    </row>
    <row r="508939" spans="8:8">
      <c r="H508939" s="12"/>
    </row>
    <row r="508940" spans="8:8">
      <c r="H508940" s="12"/>
    </row>
    <row r="508941" spans="8:8">
      <c r="H508941" s="12"/>
    </row>
    <row r="508942" spans="8:8">
      <c r="H508942" s="12"/>
    </row>
    <row r="508943" spans="8:8">
      <c r="H508943" s="12"/>
    </row>
    <row r="508944" spans="8:8">
      <c r="H508944" s="12"/>
    </row>
    <row r="508945" spans="8:8">
      <c r="H508945" s="12"/>
    </row>
    <row r="508946" spans="8:8">
      <c r="H508946" s="12"/>
    </row>
    <row r="508947" spans="8:8">
      <c r="H508947" s="12"/>
    </row>
    <row r="508948" spans="8:8">
      <c r="H508948" s="12"/>
    </row>
    <row r="508949" spans="8:8">
      <c r="H508949" s="12"/>
    </row>
    <row r="508950" spans="8:8">
      <c r="H508950" s="12"/>
    </row>
    <row r="508951" spans="8:8">
      <c r="H508951" s="12"/>
    </row>
    <row r="508952" spans="8:8">
      <c r="H508952" s="12"/>
    </row>
    <row r="508953" spans="8:8">
      <c r="H508953" s="12"/>
    </row>
    <row r="508954" spans="8:8">
      <c r="H508954" s="12"/>
    </row>
    <row r="508955" spans="8:8">
      <c r="H508955" s="12"/>
    </row>
    <row r="508956" spans="8:8">
      <c r="H508956" s="12"/>
    </row>
    <row r="508957" spans="8:8">
      <c r="H508957" s="12"/>
    </row>
    <row r="508958" spans="8:8">
      <c r="H508958" s="12"/>
    </row>
    <row r="508959" spans="8:8">
      <c r="H508959" s="12"/>
    </row>
    <row r="508960" spans="8:8">
      <c r="H508960" s="12"/>
    </row>
    <row r="508961" spans="8:8">
      <c r="H508961" s="12"/>
    </row>
    <row r="508962" spans="8:8">
      <c r="H508962" s="12"/>
    </row>
    <row r="508963" spans="8:8">
      <c r="H508963" s="12"/>
    </row>
    <row r="508964" spans="8:8">
      <c r="H508964" s="12"/>
    </row>
    <row r="508965" spans="8:8">
      <c r="H508965" s="12"/>
    </row>
    <row r="508966" spans="8:8">
      <c r="H508966" s="12"/>
    </row>
    <row r="508967" spans="8:8">
      <c r="H508967" s="12"/>
    </row>
    <row r="508968" spans="8:8">
      <c r="H508968" s="12"/>
    </row>
    <row r="508969" spans="8:8">
      <c r="H508969" s="12"/>
    </row>
    <row r="508970" spans="8:8">
      <c r="H508970" s="12"/>
    </row>
    <row r="508971" spans="8:8">
      <c r="H508971" s="12"/>
    </row>
    <row r="508972" spans="8:8">
      <c r="H508972" s="12"/>
    </row>
    <row r="508973" spans="8:8">
      <c r="H508973" s="12"/>
    </row>
    <row r="508974" spans="8:8">
      <c r="H508974" s="12"/>
    </row>
    <row r="508975" spans="8:8">
      <c r="H508975" s="12"/>
    </row>
    <row r="508976" spans="8:8">
      <c r="H508976" s="12"/>
    </row>
    <row r="508977" spans="8:8">
      <c r="H508977" s="12"/>
    </row>
    <row r="508978" spans="8:8">
      <c r="H508978" s="12"/>
    </row>
    <row r="508979" spans="8:8">
      <c r="H508979" s="12"/>
    </row>
    <row r="508980" spans="8:8">
      <c r="H508980" s="12"/>
    </row>
    <row r="508981" spans="8:8">
      <c r="H508981" s="12"/>
    </row>
    <row r="508982" spans="8:8">
      <c r="H508982" s="12"/>
    </row>
    <row r="508983" spans="8:8">
      <c r="H508983" s="12"/>
    </row>
    <row r="508984" spans="8:8">
      <c r="H508984" s="12"/>
    </row>
    <row r="508985" spans="8:8">
      <c r="H508985" s="12"/>
    </row>
    <row r="508986" spans="8:8">
      <c r="H508986" s="12"/>
    </row>
    <row r="508987" spans="8:8">
      <c r="H508987" s="12"/>
    </row>
    <row r="508988" spans="8:8">
      <c r="H508988" s="12"/>
    </row>
    <row r="508989" spans="8:8">
      <c r="H508989" s="12"/>
    </row>
    <row r="508990" spans="8:8">
      <c r="H508990" s="12"/>
    </row>
    <row r="508991" spans="8:8">
      <c r="H508991" s="12"/>
    </row>
    <row r="508992" spans="8:8">
      <c r="H508992" s="12"/>
    </row>
    <row r="508993" spans="8:8">
      <c r="H508993" s="12"/>
    </row>
    <row r="508994" spans="8:8">
      <c r="H508994" s="12"/>
    </row>
    <row r="508995" spans="8:8">
      <c r="H508995" s="12"/>
    </row>
    <row r="508996" spans="8:8">
      <c r="H508996" s="12"/>
    </row>
    <row r="508997" spans="8:8">
      <c r="H508997" s="12"/>
    </row>
    <row r="508998" spans="8:8">
      <c r="H508998" s="12"/>
    </row>
    <row r="508999" spans="8:8">
      <c r="H508999" s="12"/>
    </row>
    <row r="509000" spans="8:8">
      <c r="H509000" s="12"/>
    </row>
    <row r="509001" spans="8:8">
      <c r="H509001" s="12"/>
    </row>
    <row r="509002" spans="8:8">
      <c r="H509002" s="12"/>
    </row>
    <row r="509003" spans="8:8">
      <c r="H509003" s="12"/>
    </row>
    <row r="509004" spans="8:8">
      <c r="H509004" s="12"/>
    </row>
    <row r="509005" spans="8:8">
      <c r="H509005" s="12"/>
    </row>
    <row r="509006" spans="8:8">
      <c r="H509006" s="12"/>
    </row>
    <row r="509007" spans="8:8">
      <c r="H509007" s="12"/>
    </row>
    <row r="509008" spans="8:8">
      <c r="H509008" s="12"/>
    </row>
    <row r="509009" spans="8:8">
      <c r="H509009" s="12"/>
    </row>
    <row r="509010" spans="8:8">
      <c r="H509010" s="12"/>
    </row>
    <row r="509011" spans="8:8">
      <c r="H509011" s="12"/>
    </row>
    <row r="509012" spans="8:8">
      <c r="H509012" s="12"/>
    </row>
    <row r="509013" spans="8:8">
      <c r="H509013" s="12"/>
    </row>
    <row r="509014" spans="8:8">
      <c r="H509014" s="12"/>
    </row>
    <row r="509015" spans="8:8">
      <c r="H509015" s="12"/>
    </row>
    <row r="509016" spans="8:8">
      <c r="H509016" s="12"/>
    </row>
    <row r="509017" spans="8:8">
      <c r="H509017" s="12"/>
    </row>
    <row r="509018" spans="8:8">
      <c r="H509018" s="12"/>
    </row>
    <row r="509019" spans="8:8">
      <c r="H509019" s="12"/>
    </row>
    <row r="509020" spans="8:8">
      <c r="H509020" s="12"/>
    </row>
    <row r="509021" spans="8:8">
      <c r="H509021" s="12"/>
    </row>
    <row r="509022" spans="8:8">
      <c r="H509022" s="12"/>
    </row>
    <row r="509023" spans="8:8">
      <c r="H509023" s="12"/>
    </row>
    <row r="509024" spans="8:8">
      <c r="H509024" s="12"/>
    </row>
    <row r="509025" spans="8:8">
      <c r="H509025" s="12"/>
    </row>
    <row r="509026" spans="8:8">
      <c r="H509026" s="12"/>
    </row>
    <row r="509027" spans="8:8">
      <c r="H509027" s="12"/>
    </row>
    <row r="509028" spans="8:8">
      <c r="H509028" s="12"/>
    </row>
    <row r="509029" spans="8:8">
      <c r="H509029" s="12"/>
    </row>
    <row r="509030" spans="8:8">
      <c r="H509030" s="12"/>
    </row>
    <row r="509031" spans="8:8">
      <c r="H509031" s="12"/>
    </row>
    <row r="509032" spans="8:8">
      <c r="H509032" s="12"/>
    </row>
    <row r="509033" spans="8:8">
      <c r="H509033" s="12"/>
    </row>
    <row r="509034" spans="8:8">
      <c r="H509034" s="12"/>
    </row>
    <row r="509035" spans="8:8">
      <c r="H509035" s="12"/>
    </row>
    <row r="509036" spans="8:8">
      <c r="H509036" s="12"/>
    </row>
    <row r="509037" spans="8:8">
      <c r="H509037" s="12"/>
    </row>
    <row r="509038" spans="8:8">
      <c r="H509038" s="12"/>
    </row>
    <row r="509039" spans="8:8">
      <c r="H509039" s="12"/>
    </row>
    <row r="509040" spans="8:8">
      <c r="H509040" s="12"/>
    </row>
    <row r="509041" spans="8:8">
      <c r="H509041" s="12"/>
    </row>
    <row r="509042" spans="8:8">
      <c r="H509042" s="12"/>
    </row>
    <row r="509043" spans="8:8">
      <c r="H509043" s="12"/>
    </row>
    <row r="509044" spans="8:8">
      <c r="H509044" s="12"/>
    </row>
    <row r="509045" spans="8:8">
      <c r="H509045" s="12"/>
    </row>
    <row r="509046" spans="8:8">
      <c r="H509046" s="12"/>
    </row>
    <row r="509047" spans="8:8">
      <c r="H509047" s="12"/>
    </row>
    <row r="509048" spans="8:8">
      <c r="H509048" s="12"/>
    </row>
    <row r="509049" spans="8:8">
      <c r="H509049" s="12"/>
    </row>
    <row r="509050" spans="8:8">
      <c r="H509050" s="12"/>
    </row>
    <row r="509051" spans="8:8">
      <c r="H509051" s="12"/>
    </row>
    <row r="509052" spans="8:8">
      <c r="H509052" s="12"/>
    </row>
    <row r="509053" spans="8:8">
      <c r="H509053" s="12"/>
    </row>
    <row r="509054" spans="8:8">
      <c r="H509054" s="12"/>
    </row>
    <row r="509055" spans="8:8">
      <c r="H509055" s="12"/>
    </row>
    <row r="509056" spans="8:8">
      <c r="H509056" s="12"/>
    </row>
    <row r="509057" spans="8:8">
      <c r="H509057" s="12"/>
    </row>
    <row r="509058" spans="8:8">
      <c r="H509058" s="12"/>
    </row>
    <row r="509059" spans="8:8">
      <c r="H509059" s="12"/>
    </row>
    <row r="509060" spans="8:8">
      <c r="H509060" s="12"/>
    </row>
    <row r="509061" spans="8:8">
      <c r="H509061" s="12"/>
    </row>
    <row r="509062" spans="8:8">
      <c r="H509062" s="12"/>
    </row>
    <row r="509063" spans="8:8">
      <c r="H509063" s="12"/>
    </row>
    <row r="509064" spans="8:8">
      <c r="H509064" s="12"/>
    </row>
    <row r="509065" spans="8:8">
      <c r="H509065" s="12"/>
    </row>
    <row r="509066" spans="8:8">
      <c r="H509066" s="12"/>
    </row>
    <row r="509067" spans="8:8">
      <c r="H509067" s="12"/>
    </row>
    <row r="509068" spans="8:8">
      <c r="H509068" s="12"/>
    </row>
    <row r="509069" spans="8:8">
      <c r="H509069" s="12"/>
    </row>
    <row r="509070" spans="8:8">
      <c r="H509070" s="12"/>
    </row>
    <row r="509071" spans="8:8">
      <c r="H509071" s="12"/>
    </row>
    <row r="509072" spans="8:8">
      <c r="H509072" s="12"/>
    </row>
    <row r="509073" spans="8:8">
      <c r="H509073" s="12"/>
    </row>
    <row r="509074" spans="8:8">
      <c r="H509074" s="12"/>
    </row>
    <row r="509075" spans="8:8">
      <c r="H509075" s="12"/>
    </row>
    <row r="509076" spans="8:8">
      <c r="H509076" s="12"/>
    </row>
    <row r="509077" spans="8:8">
      <c r="H509077" s="12"/>
    </row>
    <row r="509078" spans="8:8">
      <c r="H509078" s="12"/>
    </row>
    <row r="509079" spans="8:8">
      <c r="H509079" s="12"/>
    </row>
    <row r="509080" spans="8:8">
      <c r="H509080" s="12"/>
    </row>
    <row r="509081" spans="8:8">
      <c r="H509081" s="12"/>
    </row>
    <row r="509082" spans="8:8">
      <c r="H509082" s="12"/>
    </row>
    <row r="509083" spans="8:8">
      <c r="H509083" s="12"/>
    </row>
    <row r="509084" spans="8:8">
      <c r="H509084" s="12"/>
    </row>
    <row r="509085" spans="8:8">
      <c r="H509085" s="12"/>
    </row>
    <row r="509086" spans="8:8">
      <c r="H509086" s="12"/>
    </row>
    <row r="509087" spans="8:8">
      <c r="H509087" s="12"/>
    </row>
    <row r="509088" spans="8:8">
      <c r="H509088" s="12"/>
    </row>
    <row r="509089" spans="8:8">
      <c r="H509089" s="12"/>
    </row>
    <row r="509090" spans="8:8">
      <c r="H509090" s="12"/>
    </row>
    <row r="509091" spans="8:8">
      <c r="H509091" s="12"/>
    </row>
    <row r="509092" spans="8:8">
      <c r="H509092" s="12"/>
    </row>
    <row r="509093" spans="8:8">
      <c r="H509093" s="12"/>
    </row>
    <row r="509094" spans="8:8">
      <c r="H509094" s="12"/>
    </row>
    <row r="509095" spans="8:8">
      <c r="H509095" s="12"/>
    </row>
    <row r="509096" spans="8:8">
      <c r="H509096" s="12"/>
    </row>
    <row r="509097" spans="8:8">
      <c r="H509097" s="12"/>
    </row>
    <row r="509098" spans="8:8">
      <c r="H509098" s="12"/>
    </row>
    <row r="509099" spans="8:8">
      <c r="H509099" s="12"/>
    </row>
    <row r="509100" spans="8:8">
      <c r="H509100" s="12"/>
    </row>
    <row r="509101" spans="8:8">
      <c r="H509101" s="12"/>
    </row>
    <row r="509102" spans="8:8">
      <c r="H509102" s="12"/>
    </row>
    <row r="509103" spans="8:8">
      <c r="H509103" s="12"/>
    </row>
    <row r="509104" spans="8:8">
      <c r="H509104" s="12"/>
    </row>
    <row r="509105" spans="8:8">
      <c r="H509105" s="12"/>
    </row>
    <row r="509106" spans="8:8">
      <c r="H509106" s="12"/>
    </row>
    <row r="509107" spans="8:8">
      <c r="H509107" s="12"/>
    </row>
    <row r="509108" spans="8:8">
      <c r="H509108" s="12"/>
    </row>
    <row r="509109" spans="8:8">
      <c r="H509109" s="12"/>
    </row>
    <row r="509110" spans="8:8">
      <c r="H509110" s="12"/>
    </row>
    <row r="509111" spans="8:8">
      <c r="H509111" s="12"/>
    </row>
    <row r="509112" spans="8:8">
      <c r="H509112" s="12"/>
    </row>
    <row r="509113" spans="8:8">
      <c r="H509113" s="12"/>
    </row>
    <row r="509114" spans="8:8">
      <c r="H509114" s="12"/>
    </row>
    <row r="509115" spans="8:8">
      <c r="H509115" s="12"/>
    </row>
    <row r="509116" spans="8:8">
      <c r="H509116" s="12"/>
    </row>
    <row r="509117" spans="8:8">
      <c r="H509117" s="12"/>
    </row>
    <row r="509118" spans="8:8">
      <c r="H509118" s="12"/>
    </row>
    <row r="509119" spans="8:8">
      <c r="H509119" s="12"/>
    </row>
    <row r="509120" spans="8:8">
      <c r="H509120" s="12"/>
    </row>
    <row r="509121" spans="8:8">
      <c r="H509121" s="12"/>
    </row>
    <row r="509122" spans="8:8">
      <c r="H509122" s="12"/>
    </row>
    <row r="509123" spans="8:8">
      <c r="H509123" s="12"/>
    </row>
    <row r="509124" spans="8:8">
      <c r="H509124" s="12"/>
    </row>
    <row r="509125" spans="8:8">
      <c r="H509125" s="12"/>
    </row>
    <row r="509126" spans="8:8">
      <c r="H509126" s="12"/>
    </row>
    <row r="509127" spans="8:8">
      <c r="H509127" s="12"/>
    </row>
    <row r="509128" spans="8:8">
      <c r="H509128" s="12"/>
    </row>
    <row r="509129" spans="8:8">
      <c r="H509129" s="12"/>
    </row>
    <row r="509130" spans="8:8">
      <c r="H509130" s="12"/>
    </row>
    <row r="509131" spans="8:8">
      <c r="H509131" s="12"/>
    </row>
    <row r="509132" spans="8:8">
      <c r="H509132" s="12"/>
    </row>
    <row r="509133" spans="8:8">
      <c r="H509133" s="12"/>
    </row>
    <row r="509134" spans="8:8">
      <c r="H509134" s="12"/>
    </row>
    <row r="509135" spans="8:8">
      <c r="H509135" s="12"/>
    </row>
    <row r="509136" spans="8:8">
      <c r="H509136" s="12"/>
    </row>
    <row r="509137" spans="8:8">
      <c r="H509137" s="12"/>
    </row>
    <row r="509138" spans="8:8">
      <c r="H509138" s="12"/>
    </row>
    <row r="509139" spans="8:8">
      <c r="H509139" s="12"/>
    </row>
    <row r="509140" spans="8:8">
      <c r="H509140" s="12"/>
    </row>
    <row r="509141" spans="8:8">
      <c r="H509141" s="12"/>
    </row>
    <row r="509142" spans="8:8">
      <c r="H509142" s="12"/>
    </row>
    <row r="509143" spans="8:8">
      <c r="H509143" s="12"/>
    </row>
    <row r="509144" spans="8:8">
      <c r="H509144" s="12"/>
    </row>
    <row r="509145" spans="8:8">
      <c r="H509145" s="12"/>
    </row>
    <row r="509146" spans="8:8">
      <c r="H509146" s="12"/>
    </row>
    <row r="509147" spans="8:8">
      <c r="H509147" s="12"/>
    </row>
    <row r="509148" spans="8:8">
      <c r="H509148" s="12"/>
    </row>
    <row r="509149" spans="8:8">
      <c r="H509149" s="12"/>
    </row>
    <row r="509150" spans="8:8">
      <c r="H509150" s="12"/>
    </row>
    <row r="509151" spans="8:8">
      <c r="H509151" s="12"/>
    </row>
    <row r="509152" spans="8:8">
      <c r="H509152" s="12"/>
    </row>
    <row r="509153" spans="8:8">
      <c r="H509153" s="12"/>
    </row>
    <row r="509154" spans="8:8">
      <c r="H509154" s="12"/>
    </row>
    <row r="509155" spans="8:8">
      <c r="H509155" s="12"/>
    </row>
    <row r="509156" spans="8:8">
      <c r="H509156" s="12"/>
    </row>
    <row r="509157" spans="8:8">
      <c r="H509157" s="12"/>
    </row>
    <row r="509158" spans="8:8">
      <c r="H509158" s="12"/>
    </row>
    <row r="509159" spans="8:8">
      <c r="H509159" s="12"/>
    </row>
    <row r="509160" spans="8:8">
      <c r="H509160" s="12"/>
    </row>
    <row r="509161" spans="8:8">
      <c r="H509161" s="12"/>
    </row>
    <row r="509162" spans="8:8">
      <c r="H509162" s="12"/>
    </row>
    <row r="509163" spans="8:8">
      <c r="H509163" s="12"/>
    </row>
    <row r="509164" spans="8:8">
      <c r="H509164" s="12"/>
    </row>
    <row r="509165" spans="8:8">
      <c r="H509165" s="12"/>
    </row>
    <row r="509166" spans="8:8">
      <c r="H509166" s="12"/>
    </row>
    <row r="509167" spans="8:8">
      <c r="H509167" s="12"/>
    </row>
    <row r="509168" spans="8:8">
      <c r="H509168" s="12"/>
    </row>
    <row r="509169" spans="8:8">
      <c r="H509169" s="12"/>
    </row>
    <row r="509170" spans="8:8">
      <c r="H509170" s="12"/>
    </row>
    <row r="509171" spans="8:8">
      <c r="H509171" s="12"/>
    </row>
    <row r="509172" spans="8:8">
      <c r="H509172" s="12"/>
    </row>
    <row r="509173" spans="8:8">
      <c r="H509173" s="12"/>
    </row>
    <row r="509174" spans="8:8">
      <c r="H509174" s="12"/>
    </row>
    <row r="509175" spans="8:8">
      <c r="H509175" s="12"/>
    </row>
    <row r="509176" spans="8:8">
      <c r="H509176" s="12"/>
    </row>
    <row r="509177" spans="8:8">
      <c r="H509177" s="12"/>
    </row>
    <row r="509178" spans="8:8">
      <c r="H509178" s="12"/>
    </row>
    <row r="509179" spans="8:8">
      <c r="H509179" s="12"/>
    </row>
    <row r="509180" spans="8:8">
      <c r="H509180" s="12"/>
    </row>
    <row r="509181" spans="8:8">
      <c r="H509181" s="12"/>
    </row>
    <row r="509182" spans="8:8">
      <c r="H509182" s="12"/>
    </row>
    <row r="509183" spans="8:8">
      <c r="H509183" s="12"/>
    </row>
    <row r="509184" spans="8:8">
      <c r="H509184" s="12"/>
    </row>
    <row r="509185" spans="8:8">
      <c r="H509185" s="12"/>
    </row>
    <row r="509186" spans="8:8">
      <c r="H509186" s="12"/>
    </row>
    <row r="509187" spans="8:8">
      <c r="H509187" s="12"/>
    </row>
    <row r="509188" spans="8:8">
      <c r="H509188" s="12"/>
    </row>
    <row r="509189" spans="8:8">
      <c r="H509189" s="12"/>
    </row>
    <row r="509190" spans="8:8">
      <c r="H509190" s="12"/>
    </row>
    <row r="509191" spans="8:8">
      <c r="H509191" s="12"/>
    </row>
    <row r="509192" spans="8:8">
      <c r="H509192" s="12"/>
    </row>
    <row r="509193" spans="8:8">
      <c r="H509193" s="12"/>
    </row>
    <row r="509194" spans="8:8">
      <c r="H509194" s="12"/>
    </row>
    <row r="509195" spans="8:8">
      <c r="H509195" s="12"/>
    </row>
    <row r="509196" spans="8:8">
      <c r="H509196" s="12"/>
    </row>
    <row r="509197" spans="8:8">
      <c r="H509197" s="12"/>
    </row>
    <row r="509198" spans="8:8">
      <c r="H509198" s="12"/>
    </row>
    <row r="509199" spans="8:8">
      <c r="H509199" s="12"/>
    </row>
    <row r="509200" spans="8:8">
      <c r="H509200" s="12"/>
    </row>
    <row r="509201" spans="8:8">
      <c r="H509201" s="12"/>
    </row>
    <row r="509202" spans="8:8">
      <c r="H509202" s="12"/>
    </row>
    <row r="509203" spans="8:8">
      <c r="H509203" s="12"/>
    </row>
    <row r="509204" spans="8:8">
      <c r="H509204" s="12"/>
    </row>
    <row r="509205" spans="8:8">
      <c r="H509205" s="12"/>
    </row>
    <row r="509206" spans="8:8">
      <c r="H509206" s="12"/>
    </row>
    <row r="509207" spans="8:8">
      <c r="H509207" s="12"/>
    </row>
    <row r="509208" spans="8:8">
      <c r="H509208" s="12"/>
    </row>
    <row r="509209" spans="8:8">
      <c r="H509209" s="12"/>
    </row>
    <row r="509210" spans="8:8">
      <c r="H509210" s="12"/>
    </row>
    <row r="509211" spans="8:8">
      <c r="H509211" s="12"/>
    </row>
    <row r="509212" spans="8:8">
      <c r="H509212" s="12"/>
    </row>
    <row r="509213" spans="8:8">
      <c r="H509213" s="12"/>
    </row>
    <row r="509214" spans="8:8">
      <c r="H509214" s="12"/>
    </row>
    <row r="509215" spans="8:8">
      <c r="H509215" s="12"/>
    </row>
    <row r="509216" spans="8:8">
      <c r="H509216" s="12"/>
    </row>
    <row r="509217" spans="8:8">
      <c r="H509217" s="12"/>
    </row>
    <row r="509218" spans="8:8">
      <c r="H509218" s="12"/>
    </row>
    <row r="509219" spans="8:8">
      <c r="H509219" s="12"/>
    </row>
    <row r="509220" spans="8:8">
      <c r="H509220" s="12"/>
    </row>
    <row r="509221" spans="8:8">
      <c r="H509221" s="12"/>
    </row>
    <row r="509222" spans="8:8">
      <c r="H509222" s="12"/>
    </row>
    <row r="509223" spans="8:8">
      <c r="H509223" s="12"/>
    </row>
    <row r="509224" spans="8:8">
      <c r="H509224" s="12"/>
    </row>
    <row r="509225" spans="8:8">
      <c r="H509225" s="12"/>
    </row>
    <row r="509226" spans="8:8">
      <c r="H509226" s="12"/>
    </row>
    <row r="509227" spans="8:8">
      <c r="H509227" s="12"/>
    </row>
    <row r="509228" spans="8:8">
      <c r="H509228" s="12"/>
    </row>
    <row r="509229" spans="8:8">
      <c r="H509229" s="12"/>
    </row>
    <row r="509230" spans="8:8">
      <c r="H509230" s="12"/>
    </row>
    <row r="509231" spans="8:8">
      <c r="H509231" s="12"/>
    </row>
    <row r="509232" spans="8:8">
      <c r="H509232" s="12"/>
    </row>
    <row r="509233" spans="8:8">
      <c r="H509233" s="12"/>
    </row>
    <row r="509234" spans="8:8">
      <c r="H509234" s="12"/>
    </row>
    <row r="509235" spans="8:8">
      <c r="H509235" s="12"/>
    </row>
    <row r="509236" spans="8:8">
      <c r="H509236" s="12"/>
    </row>
    <row r="509237" spans="8:8">
      <c r="H509237" s="12"/>
    </row>
    <row r="509238" spans="8:8">
      <c r="H509238" s="12"/>
    </row>
    <row r="509239" spans="8:8">
      <c r="H509239" s="12"/>
    </row>
    <row r="509240" spans="8:8">
      <c r="H509240" s="12"/>
    </row>
    <row r="509241" spans="8:8">
      <c r="H509241" s="12"/>
    </row>
    <row r="509242" spans="8:8">
      <c r="H509242" s="12"/>
    </row>
    <row r="509243" spans="8:8">
      <c r="H509243" s="12"/>
    </row>
    <row r="509244" spans="8:8">
      <c r="H509244" s="12"/>
    </row>
    <row r="509245" spans="8:8">
      <c r="H509245" s="12"/>
    </row>
    <row r="509246" spans="8:8">
      <c r="H509246" s="12"/>
    </row>
    <row r="509247" spans="8:8">
      <c r="H509247" s="12"/>
    </row>
    <row r="509248" spans="8:8">
      <c r="H509248" s="12"/>
    </row>
    <row r="509249" spans="8:8">
      <c r="H509249" s="12"/>
    </row>
    <row r="509250" spans="8:8">
      <c r="H509250" s="12"/>
    </row>
    <row r="509251" spans="8:8">
      <c r="H509251" s="12"/>
    </row>
    <row r="509252" spans="8:8">
      <c r="H509252" s="12"/>
    </row>
    <row r="509253" spans="8:8">
      <c r="H509253" s="12"/>
    </row>
    <row r="509254" spans="8:8">
      <c r="H509254" s="12"/>
    </row>
    <row r="509255" spans="8:8">
      <c r="H509255" s="12"/>
    </row>
    <row r="509256" spans="8:8">
      <c r="H509256" s="12"/>
    </row>
    <row r="509257" spans="8:8">
      <c r="H509257" s="12"/>
    </row>
    <row r="509258" spans="8:8">
      <c r="H509258" s="12"/>
    </row>
    <row r="509259" spans="8:8">
      <c r="H509259" s="12"/>
    </row>
    <row r="509260" spans="8:8">
      <c r="H509260" s="12"/>
    </row>
    <row r="509261" spans="8:8">
      <c r="H509261" s="12"/>
    </row>
    <row r="509262" spans="8:8">
      <c r="H509262" s="12"/>
    </row>
    <row r="509263" spans="8:8">
      <c r="H509263" s="12"/>
    </row>
    <row r="509264" spans="8:8">
      <c r="H509264" s="12"/>
    </row>
    <row r="509265" spans="8:8">
      <c r="H509265" s="12"/>
    </row>
    <row r="509266" spans="8:8">
      <c r="H509266" s="12"/>
    </row>
    <row r="509267" spans="8:8">
      <c r="H509267" s="12"/>
    </row>
    <row r="509268" spans="8:8">
      <c r="H509268" s="12"/>
    </row>
    <row r="509269" spans="8:8">
      <c r="H509269" s="12"/>
    </row>
    <row r="509270" spans="8:8">
      <c r="H509270" s="12"/>
    </row>
    <row r="509271" spans="8:8">
      <c r="H509271" s="12"/>
    </row>
    <row r="509272" spans="8:8">
      <c r="H509272" s="12"/>
    </row>
    <row r="509273" spans="8:8">
      <c r="H509273" s="12"/>
    </row>
    <row r="509274" spans="8:8">
      <c r="H509274" s="12"/>
    </row>
    <row r="509275" spans="8:8">
      <c r="H509275" s="12"/>
    </row>
    <row r="509276" spans="8:8">
      <c r="H509276" s="12"/>
    </row>
    <row r="509277" spans="8:8">
      <c r="H509277" s="12"/>
    </row>
    <row r="509278" spans="8:8">
      <c r="H509278" s="12"/>
    </row>
    <row r="509279" spans="8:8">
      <c r="H509279" s="12"/>
    </row>
    <row r="509280" spans="8:8">
      <c r="H509280" s="12"/>
    </row>
    <row r="509281" spans="8:8">
      <c r="H509281" s="12"/>
    </row>
    <row r="509282" spans="8:8">
      <c r="H509282" s="12"/>
    </row>
    <row r="509283" spans="8:8">
      <c r="H509283" s="12"/>
    </row>
    <row r="509284" spans="8:8">
      <c r="H509284" s="12"/>
    </row>
    <row r="509285" spans="8:8">
      <c r="H509285" s="12"/>
    </row>
    <row r="509286" spans="8:8">
      <c r="H509286" s="12"/>
    </row>
    <row r="509287" spans="8:8">
      <c r="H509287" s="12"/>
    </row>
    <row r="509288" spans="8:8">
      <c r="H509288" s="12"/>
    </row>
    <row r="509289" spans="8:8">
      <c r="H509289" s="12"/>
    </row>
    <row r="509290" spans="8:8">
      <c r="H509290" s="12"/>
    </row>
    <row r="509291" spans="8:8">
      <c r="H509291" s="12"/>
    </row>
    <row r="509292" spans="8:8">
      <c r="H509292" s="12"/>
    </row>
    <row r="509293" spans="8:8">
      <c r="H509293" s="12"/>
    </row>
    <row r="509294" spans="8:8">
      <c r="H509294" s="12"/>
    </row>
    <row r="509295" spans="8:8">
      <c r="H509295" s="12"/>
    </row>
    <row r="509296" spans="8:8">
      <c r="H509296" s="12"/>
    </row>
    <row r="509297" spans="8:8">
      <c r="H509297" s="12"/>
    </row>
    <row r="509298" spans="8:8">
      <c r="H509298" s="12"/>
    </row>
    <row r="509299" spans="8:8">
      <c r="H509299" s="12"/>
    </row>
    <row r="509300" spans="8:8">
      <c r="H509300" s="12"/>
    </row>
    <row r="509301" spans="8:8">
      <c r="H509301" s="12"/>
    </row>
    <row r="509302" spans="8:8">
      <c r="H509302" s="12"/>
    </row>
    <row r="509303" spans="8:8">
      <c r="H509303" s="12"/>
    </row>
    <row r="509304" spans="8:8">
      <c r="H509304" s="12"/>
    </row>
    <row r="509305" spans="8:8">
      <c r="H509305" s="12"/>
    </row>
    <row r="509306" spans="8:8">
      <c r="H509306" s="12"/>
    </row>
    <row r="509307" spans="8:8">
      <c r="H509307" s="12"/>
    </row>
    <row r="509308" spans="8:8">
      <c r="H509308" s="12"/>
    </row>
    <row r="509309" spans="8:8">
      <c r="H509309" s="12"/>
    </row>
    <row r="509310" spans="8:8">
      <c r="H509310" s="12"/>
    </row>
    <row r="509311" spans="8:8">
      <c r="H509311" s="12"/>
    </row>
    <row r="509312" spans="8:8">
      <c r="H509312" s="12"/>
    </row>
    <row r="509313" spans="8:8">
      <c r="H509313" s="12"/>
    </row>
    <row r="509314" spans="8:8">
      <c r="H509314" s="12"/>
    </row>
    <row r="509315" spans="8:8">
      <c r="H509315" s="12"/>
    </row>
    <row r="509316" spans="8:8">
      <c r="H509316" s="12"/>
    </row>
    <row r="509317" spans="8:8">
      <c r="H509317" s="12"/>
    </row>
    <row r="509318" spans="8:8">
      <c r="H509318" s="12"/>
    </row>
    <row r="509319" spans="8:8">
      <c r="H509319" s="12"/>
    </row>
    <row r="509320" spans="8:8">
      <c r="H509320" s="12"/>
    </row>
    <row r="509321" spans="8:8">
      <c r="H509321" s="12"/>
    </row>
    <row r="509322" spans="8:8">
      <c r="H509322" s="12"/>
    </row>
    <row r="509323" spans="8:8">
      <c r="H509323" s="12"/>
    </row>
    <row r="509324" spans="8:8">
      <c r="H509324" s="12"/>
    </row>
    <row r="509325" spans="8:8">
      <c r="H509325" s="12"/>
    </row>
    <row r="509326" spans="8:8">
      <c r="H509326" s="12"/>
    </row>
    <row r="509327" spans="8:8">
      <c r="H509327" s="12"/>
    </row>
    <row r="509328" spans="8:8">
      <c r="H509328" s="12"/>
    </row>
    <row r="509329" spans="8:8">
      <c r="H509329" s="12"/>
    </row>
    <row r="509330" spans="8:8">
      <c r="H509330" s="12"/>
    </row>
    <row r="509331" spans="8:8">
      <c r="H509331" s="12"/>
    </row>
    <row r="509332" spans="8:8">
      <c r="H509332" s="12"/>
    </row>
    <row r="509333" spans="8:8">
      <c r="H509333" s="12"/>
    </row>
    <row r="509334" spans="8:8">
      <c r="H509334" s="12"/>
    </row>
    <row r="509335" spans="8:8">
      <c r="H509335" s="12"/>
    </row>
    <row r="509336" spans="8:8">
      <c r="H509336" s="12"/>
    </row>
    <row r="509337" spans="8:8">
      <c r="H509337" s="12"/>
    </row>
    <row r="509338" spans="8:8">
      <c r="H509338" s="12"/>
    </row>
    <row r="509339" spans="8:8">
      <c r="H509339" s="12"/>
    </row>
    <row r="509340" spans="8:8">
      <c r="H509340" s="12"/>
    </row>
    <row r="509341" spans="8:8">
      <c r="H509341" s="12"/>
    </row>
    <row r="509342" spans="8:8">
      <c r="H509342" s="12"/>
    </row>
    <row r="509343" spans="8:8">
      <c r="H509343" s="12"/>
    </row>
    <row r="509344" spans="8:8">
      <c r="H509344" s="12"/>
    </row>
    <row r="509345" spans="8:8">
      <c r="H509345" s="12"/>
    </row>
    <row r="509346" spans="8:8">
      <c r="H509346" s="12"/>
    </row>
    <row r="509347" spans="8:8">
      <c r="H509347" s="12"/>
    </row>
    <row r="509348" spans="8:8">
      <c r="H509348" s="12"/>
    </row>
    <row r="509349" spans="8:8">
      <c r="H509349" s="12"/>
    </row>
    <row r="509350" spans="8:8">
      <c r="H509350" s="12"/>
    </row>
    <row r="509351" spans="8:8">
      <c r="H509351" s="12"/>
    </row>
    <row r="509352" spans="8:8">
      <c r="H509352" s="12"/>
    </row>
    <row r="509353" spans="8:8">
      <c r="H509353" s="12"/>
    </row>
    <row r="509354" spans="8:8">
      <c r="H509354" s="12"/>
    </row>
    <row r="509355" spans="8:8">
      <c r="H509355" s="12"/>
    </row>
    <row r="509356" spans="8:8">
      <c r="H509356" s="12"/>
    </row>
    <row r="509357" spans="8:8">
      <c r="H509357" s="12"/>
    </row>
    <row r="509358" spans="8:8">
      <c r="H509358" s="12"/>
    </row>
    <row r="509359" spans="8:8">
      <c r="H509359" s="12"/>
    </row>
    <row r="509360" spans="8:8">
      <c r="H509360" s="12"/>
    </row>
    <row r="509361" spans="8:8">
      <c r="H509361" s="12"/>
    </row>
    <row r="509362" spans="8:8">
      <c r="H509362" s="12"/>
    </row>
    <row r="509363" spans="8:8">
      <c r="H509363" s="12"/>
    </row>
    <row r="509364" spans="8:8">
      <c r="H509364" s="12"/>
    </row>
    <row r="509365" spans="8:8">
      <c r="H509365" s="12"/>
    </row>
    <row r="509366" spans="8:8">
      <c r="H509366" s="12"/>
    </row>
    <row r="509367" spans="8:8">
      <c r="H509367" s="12"/>
    </row>
    <row r="509368" spans="8:8">
      <c r="H509368" s="12"/>
    </row>
    <row r="509369" spans="8:8">
      <c r="H509369" s="12"/>
    </row>
    <row r="509370" spans="8:8">
      <c r="H509370" s="12"/>
    </row>
    <row r="509371" spans="8:8">
      <c r="H509371" s="12"/>
    </row>
    <row r="509372" spans="8:8">
      <c r="H509372" s="12"/>
    </row>
    <row r="509373" spans="8:8">
      <c r="H509373" s="12"/>
    </row>
    <row r="509374" spans="8:8">
      <c r="H509374" s="12"/>
    </row>
    <row r="509375" spans="8:8">
      <c r="H509375" s="12"/>
    </row>
    <row r="509376" spans="8:8">
      <c r="H509376" s="12"/>
    </row>
    <row r="509377" spans="8:8">
      <c r="H509377" s="12"/>
    </row>
    <row r="509378" spans="8:8">
      <c r="H509378" s="12"/>
    </row>
    <row r="509379" spans="8:8">
      <c r="H509379" s="12"/>
    </row>
    <row r="509380" spans="8:8">
      <c r="H509380" s="12"/>
    </row>
    <row r="509381" spans="8:8">
      <c r="H509381" s="12"/>
    </row>
    <row r="509382" spans="8:8">
      <c r="H509382" s="12"/>
    </row>
    <row r="509383" spans="8:8">
      <c r="H509383" s="12"/>
    </row>
    <row r="509384" spans="8:8">
      <c r="H509384" s="12"/>
    </row>
    <row r="509385" spans="8:8">
      <c r="H509385" s="12"/>
    </row>
    <row r="509386" spans="8:8">
      <c r="H509386" s="12"/>
    </row>
    <row r="509387" spans="8:8">
      <c r="H509387" s="12"/>
    </row>
    <row r="509388" spans="8:8">
      <c r="H509388" s="12"/>
    </row>
    <row r="509389" spans="8:8">
      <c r="H509389" s="12"/>
    </row>
    <row r="509390" spans="8:8">
      <c r="H509390" s="12"/>
    </row>
    <row r="509391" spans="8:8">
      <c r="H509391" s="12"/>
    </row>
    <row r="509392" spans="8:8">
      <c r="H509392" s="12"/>
    </row>
    <row r="509393" spans="8:8">
      <c r="H509393" s="12"/>
    </row>
    <row r="509394" spans="8:8">
      <c r="H509394" s="12"/>
    </row>
    <row r="509395" spans="8:8">
      <c r="H509395" s="12"/>
    </row>
    <row r="509396" spans="8:8">
      <c r="H509396" s="12"/>
    </row>
    <row r="509397" spans="8:8">
      <c r="H509397" s="12"/>
    </row>
    <row r="509398" spans="8:8">
      <c r="H509398" s="12"/>
    </row>
    <row r="509399" spans="8:8">
      <c r="H509399" s="12"/>
    </row>
    <row r="509400" spans="8:8">
      <c r="H509400" s="12"/>
    </row>
    <row r="509401" spans="8:8">
      <c r="H509401" s="12"/>
    </row>
    <row r="509402" spans="8:8">
      <c r="H509402" s="12"/>
    </row>
    <row r="509403" spans="8:8">
      <c r="H509403" s="12"/>
    </row>
    <row r="509404" spans="8:8">
      <c r="H509404" s="12"/>
    </row>
    <row r="509405" spans="8:8">
      <c r="H509405" s="12"/>
    </row>
    <row r="509406" spans="8:8">
      <c r="H509406" s="12"/>
    </row>
    <row r="509407" spans="8:8">
      <c r="H509407" s="12"/>
    </row>
    <row r="509408" spans="8:8">
      <c r="H509408" s="12"/>
    </row>
    <row r="509409" spans="8:8">
      <c r="H509409" s="12"/>
    </row>
    <row r="509410" spans="8:8">
      <c r="H509410" s="12"/>
    </row>
    <row r="509411" spans="8:8">
      <c r="H509411" s="12"/>
    </row>
    <row r="509412" spans="8:8">
      <c r="H509412" s="12"/>
    </row>
    <row r="509413" spans="8:8">
      <c r="H509413" s="12"/>
    </row>
    <row r="509414" spans="8:8">
      <c r="H509414" s="12"/>
    </row>
    <row r="509415" spans="8:8">
      <c r="H509415" s="12"/>
    </row>
    <row r="509416" spans="8:8">
      <c r="H509416" s="12"/>
    </row>
    <row r="509417" spans="8:8">
      <c r="H509417" s="12"/>
    </row>
    <row r="509418" spans="8:8">
      <c r="H509418" s="12"/>
    </row>
    <row r="509419" spans="8:8">
      <c r="H509419" s="12"/>
    </row>
    <row r="509420" spans="8:8">
      <c r="H509420" s="12"/>
    </row>
    <row r="509421" spans="8:8">
      <c r="H509421" s="12"/>
    </row>
    <row r="509422" spans="8:8">
      <c r="H509422" s="12"/>
    </row>
    <row r="509423" spans="8:8">
      <c r="H509423" s="12"/>
    </row>
    <row r="509424" spans="8:8">
      <c r="H509424" s="12"/>
    </row>
    <row r="509425" spans="8:8">
      <c r="H509425" s="12"/>
    </row>
    <row r="509426" spans="8:8">
      <c r="H509426" s="12"/>
    </row>
    <row r="509427" spans="8:8">
      <c r="H509427" s="12"/>
    </row>
    <row r="509428" spans="8:8">
      <c r="H509428" s="12"/>
    </row>
    <row r="509429" spans="8:8">
      <c r="H509429" s="12"/>
    </row>
    <row r="509430" spans="8:8">
      <c r="H509430" s="12"/>
    </row>
    <row r="509431" spans="8:8">
      <c r="H509431" s="12"/>
    </row>
    <row r="509432" spans="8:8">
      <c r="H509432" s="12"/>
    </row>
    <row r="509433" spans="8:8">
      <c r="H509433" s="12"/>
    </row>
    <row r="509434" spans="8:8">
      <c r="H509434" s="12"/>
    </row>
    <row r="509435" spans="8:8">
      <c r="H509435" s="12"/>
    </row>
    <row r="509436" spans="8:8">
      <c r="H509436" s="12"/>
    </row>
    <row r="509437" spans="8:8">
      <c r="H509437" s="12"/>
    </row>
    <row r="509438" spans="8:8">
      <c r="H509438" s="12"/>
    </row>
    <row r="509439" spans="8:8">
      <c r="H509439" s="12"/>
    </row>
    <row r="509440" spans="8:8">
      <c r="H509440" s="12"/>
    </row>
    <row r="509441" spans="8:8">
      <c r="H509441" s="12"/>
    </row>
    <row r="509442" spans="8:8">
      <c r="H509442" s="12"/>
    </row>
    <row r="509443" spans="8:8">
      <c r="H509443" s="12"/>
    </row>
    <row r="509444" spans="8:8">
      <c r="H509444" s="12"/>
    </row>
    <row r="509445" spans="8:8">
      <c r="H509445" s="12"/>
    </row>
    <row r="509446" spans="8:8">
      <c r="H509446" s="12"/>
    </row>
    <row r="509447" spans="8:8">
      <c r="H509447" s="12"/>
    </row>
    <row r="509448" spans="8:8">
      <c r="H509448" s="12"/>
    </row>
    <row r="509449" spans="8:8">
      <c r="H509449" s="12"/>
    </row>
    <row r="509450" spans="8:8">
      <c r="H509450" s="12"/>
    </row>
    <row r="509451" spans="8:8">
      <c r="H509451" s="12"/>
    </row>
    <row r="509452" spans="8:8">
      <c r="H509452" s="12"/>
    </row>
    <row r="509453" spans="8:8">
      <c r="H509453" s="12"/>
    </row>
    <row r="509454" spans="8:8">
      <c r="H509454" s="12"/>
    </row>
    <row r="509455" spans="8:8">
      <c r="H509455" s="12"/>
    </row>
    <row r="509456" spans="8:8">
      <c r="H509456" s="12"/>
    </row>
    <row r="509457" spans="8:8">
      <c r="H509457" s="12"/>
    </row>
    <row r="509458" spans="8:8">
      <c r="H509458" s="12"/>
    </row>
    <row r="509459" spans="8:8">
      <c r="H509459" s="12"/>
    </row>
    <row r="509460" spans="8:8">
      <c r="H509460" s="12"/>
    </row>
    <row r="509461" spans="8:8">
      <c r="H509461" s="12"/>
    </row>
    <row r="509462" spans="8:8">
      <c r="H509462" s="12"/>
    </row>
    <row r="509463" spans="8:8">
      <c r="H509463" s="12"/>
    </row>
    <row r="509464" spans="8:8">
      <c r="H509464" s="12"/>
    </row>
    <row r="509465" spans="8:8">
      <c r="H509465" s="12"/>
    </row>
    <row r="509466" spans="8:8">
      <c r="H509466" s="12"/>
    </row>
    <row r="509467" spans="8:8">
      <c r="H509467" s="12"/>
    </row>
    <row r="509468" spans="8:8">
      <c r="H509468" s="12"/>
    </row>
    <row r="509469" spans="8:8">
      <c r="H509469" s="12"/>
    </row>
    <row r="509470" spans="8:8">
      <c r="H509470" s="12"/>
    </row>
    <row r="509471" spans="8:8">
      <c r="H509471" s="12"/>
    </row>
    <row r="509472" spans="8:8">
      <c r="H509472" s="12"/>
    </row>
    <row r="509473" spans="8:8">
      <c r="H509473" s="12"/>
    </row>
    <row r="509474" spans="8:8">
      <c r="H509474" s="12"/>
    </row>
    <row r="509475" spans="8:8">
      <c r="H509475" s="12"/>
    </row>
    <row r="509476" spans="8:8">
      <c r="H509476" s="12"/>
    </row>
    <row r="509477" spans="8:8">
      <c r="H509477" s="12"/>
    </row>
    <row r="509478" spans="8:8">
      <c r="H509478" s="12"/>
    </row>
    <row r="509479" spans="8:8">
      <c r="H509479" s="12"/>
    </row>
    <row r="509480" spans="8:8">
      <c r="H509480" s="12"/>
    </row>
    <row r="509481" spans="8:8">
      <c r="H509481" s="12"/>
    </row>
    <row r="509482" spans="8:8">
      <c r="H509482" s="12"/>
    </row>
    <row r="509483" spans="8:8">
      <c r="H509483" s="12"/>
    </row>
    <row r="509484" spans="8:8">
      <c r="H509484" s="12"/>
    </row>
    <row r="509485" spans="8:8">
      <c r="H509485" s="12"/>
    </row>
    <row r="509486" spans="8:8">
      <c r="H509486" s="12"/>
    </row>
    <row r="509487" spans="8:8">
      <c r="H509487" s="12"/>
    </row>
    <row r="509488" spans="8:8">
      <c r="H509488" s="12"/>
    </row>
    <row r="509489" spans="8:8">
      <c r="H509489" s="12"/>
    </row>
    <row r="509490" spans="8:8">
      <c r="H509490" s="12"/>
    </row>
    <row r="509491" spans="8:8">
      <c r="H509491" s="12"/>
    </row>
    <row r="509492" spans="8:8">
      <c r="H509492" s="12"/>
    </row>
    <row r="509493" spans="8:8">
      <c r="H509493" s="12"/>
    </row>
    <row r="509494" spans="8:8">
      <c r="H509494" s="12"/>
    </row>
    <row r="509495" spans="8:8">
      <c r="H509495" s="12"/>
    </row>
    <row r="509496" spans="8:8">
      <c r="H509496" s="12"/>
    </row>
    <row r="509497" spans="8:8">
      <c r="H509497" s="12"/>
    </row>
    <row r="509498" spans="8:8">
      <c r="H509498" s="12"/>
    </row>
    <row r="509499" spans="8:8">
      <c r="H509499" s="12"/>
    </row>
    <row r="509500" spans="8:8">
      <c r="H509500" s="12"/>
    </row>
    <row r="509501" spans="8:8">
      <c r="H509501" s="12"/>
    </row>
    <row r="509502" spans="8:8">
      <c r="H509502" s="12"/>
    </row>
    <row r="509503" spans="8:8">
      <c r="H509503" s="12"/>
    </row>
    <row r="509504" spans="8:8">
      <c r="H509504" s="12"/>
    </row>
    <row r="509505" spans="8:8">
      <c r="H509505" s="12"/>
    </row>
    <row r="509506" spans="8:8">
      <c r="H509506" s="12"/>
    </row>
    <row r="509507" spans="8:8">
      <c r="H509507" s="12"/>
    </row>
    <row r="509508" spans="8:8">
      <c r="H509508" s="12"/>
    </row>
    <row r="509509" spans="8:8">
      <c r="H509509" s="12"/>
    </row>
    <row r="509510" spans="8:8">
      <c r="H509510" s="12"/>
    </row>
    <row r="509511" spans="8:8">
      <c r="H509511" s="12"/>
    </row>
    <row r="509512" spans="8:8">
      <c r="H509512" s="12"/>
    </row>
    <row r="509513" spans="8:8">
      <c r="H509513" s="12"/>
    </row>
    <row r="509514" spans="8:8">
      <c r="H509514" s="12"/>
    </row>
    <row r="509515" spans="8:8">
      <c r="H509515" s="12"/>
    </row>
    <row r="509516" spans="8:8">
      <c r="H509516" s="12"/>
    </row>
    <row r="509517" spans="8:8">
      <c r="H509517" s="12"/>
    </row>
    <row r="509518" spans="8:8">
      <c r="H509518" s="12"/>
    </row>
    <row r="509519" spans="8:8">
      <c r="H509519" s="12"/>
    </row>
    <row r="509520" spans="8:8">
      <c r="H509520" s="12"/>
    </row>
    <row r="509521" spans="8:8">
      <c r="H509521" s="12"/>
    </row>
    <row r="509522" spans="8:8">
      <c r="H509522" s="12"/>
    </row>
    <row r="509523" spans="8:8">
      <c r="H509523" s="12"/>
    </row>
    <row r="509524" spans="8:8">
      <c r="H509524" s="12"/>
    </row>
    <row r="509525" spans="8:8">
      <c r="H509525" s="12"/>
    </row>
    <row r="509526" spans="8:8">
      <c r="H509526" s="12"/>
    </row>
    <row r="509527" spans="8:8">
      <c r="H509527" s="12"/>
    </row>
    <row r="509528" spans="8:8">
      <c r="H509528" s="12"/>
    </row>
    <row r="509529" spans="8:8">
      <c r="H509529" s="12"/>
    </row>
    <row r="509530" spans="8:8">
      <c r="H509530" s="12"/>
    </row>
    <row r="509531" spans="8:8">
      <c r="H509531" s="12"/>
    </row>
    <row r="509532" spans="8:8">
      <c r="H509532" s="12"/>
    </row>
    <row r="509533" spans="8:8">
      <c r="H509533" s="12"/>
    </row>
    <row r="509534" spans="8:8">
      <c r="H509534" s="12"/>
    </row>
    <row r="509535" spans="8:8">
      <c r="H509535" s="12"/>
    </row>
    <row r="509536" spans="8:8">
      <c r="H509536" s="12"/>
    </row>
    <row r="509537" spans="8:8">
      <c r="H509537" s="12"/>
    </row>
    <row r="509538" spans="8:8">
      <c r="H509538" s="12"/>
    </row>
    <row r="509539" spans="8:8">
      <c r="H509539" s="12"/>
    </row>
    <row r="509540" spans="8:8">
      <c r="H509540" s="12"/>
    </row>
    <row r="509541" spans="8:8">
      <c r="H509541" s="12"/>
    </row>
    <row r="509542" spans="8:8">
      <c r="H509542" s="12"/>
    </row>
    <row r="509543" spans="8:8">
      <c r="H509543" s="12"/>
    </row>
    <row r="509544" spans="8:8">
      <c r="H509544" s="12"/>
    </row>
    <row r="509545" spans="8:8">
      <c r="H509545" s="12"/>
    </row>
    <row r="509546" spans="8:8">
      <c r="H509546" s="12"/>
    </row>
    <row r="509547" spans="8:8">
      <c r="H509547" s="12"/>
    </row>
    <row r="509548" spans="8:8">
      <c r="H509548" s="12"/>
    </row>
    <row r="509549" spans="8:8">
      <c r="H509549" s="12"/>
    </row>
    <row r="509550" spans="8:8">
      <c r="H509550" s="12"/>
    </row>
    <row r="509551" spans="8:8">
      <c r="H509551" s="12"/>
    </row>
    <row r="509552" spans="8:8">
      <c r="H509552" s="12"/>
    </row>
    <row r="509553" spans="8:8">
      <c r="H509553" s="12"/>
    </row>
    <row r="509554" spans="8:8">
      <c r="H509554" s="12"/>
    </row>
    <row r="509555" spans="8:8">
      <c r="H509555" s="12"/>
    </row>
    <row r="509556" spans="8:8">
      <c r="H509556" s="12"/>
    </row>
    <row r="509557" spans="8:8">
      <c r="H509557" s="12"/>
    </row>
    <row r="509558" spans="8:8">
      <c r="H509558" s="12"/>
    </row>
    <row r="509559" spans="8:8">
      <c r="H509559" s="12"/>
    </row>
    <row r="509560" spans="8:8">
      <c r="H509560" s="12"/>
    </row>
    <row r="509561" spans="8:8">
      <c r="H509561" s="12"/>
    </row>
    <row r="509562" spans="8:8">
      <c r="H509562" s="12"/>
    </row>
    <row r="509563" spans="8:8">
      <c r="H509563" s="12"/>
    </row>
    <row r="509564" spans="8:8">
      <c r="H509564" s="12"/>
    </row>
    <row r="509565" spans="8:8">
      <c r="H509565" s="12"/>
    </row>
    <row r="509566" spans="8:8">
      <c r="H509566" s="12"/>
    </row>
    <row r="509567" spans="8:8">
      <c r="H509567" s="12"/>
    </row>
    <row r="509568" spans="8:8">
      <c r="H509568" s="12"/>
    </row>
    <row r="509569" spans="8:8">
      <c r="H509569" s="12"/>
    </row>
    <row r="509570" spans="8:8">
      <c r="H509570" s="12"/>
    </row>
    <row r="509571" spans="8:8">
      <c r="H509571" s="12"/>
    </row>
    <row r="509572" spans="8:8">
      <c r="H509572" s="12"/>
    </row>
    <row r="509573" spans="8:8">
      <c r="H509573" s="12"/>
    </row>
    <row r="509574" spans="8:8">
      <c r="H509574" s="12"/>
    </row>
    <row r="509575" spans="8:8">
      <c r="H509575" s="12"/>
    </row>
    <row r="509576" spans="8:8">
      <c r="H509576" s="12"/>
    </row>
    <row r="509577" spans="8:8">
      <c r="H509577" s="12"/>
    </row>
    <row r="509578" spans="8:8">
      <c r="H509578" s="12"/>
    </row>
    <row r="509579" spans="8:8">
      <c r="H509579" s="12"/>
    </row>
    <row r="509580" spans="8:8">
      <c r="H509580" s="12"/>
    </row>
    <row r="509581" spans="8:8">
      <c r="H509581" s="12"/>
    </row>
    <row r="509582" spans="8:8">
      <c r="H509582" s="12"/>
    </row>
    <row r="509583" spans="8:8">
      <c r="H509583" s="12"/>
    </row>
    <row r="509584" spans="8:8">
      <c r="H509584" s="12"/>
    </row>
    <row r="509585" spans="8:8">
      <c r="H509585" s="12"/>
    </row>
    <row r="509586" spans="8:8">
      <c r="H509586" s="12"/>
    </row>
    <row r="509587" spans="8:8">
      <c r="H509587" s="12"/>
    </row>
    <row r="509588" spans="8:8">
      <c r="H509588" s="12"/>
    </row>
    <row r="509589" spans="8:8">
      <c r="H509589" s="12"/>
    </row>
    <row r="509590" spans="8:8">
      <c r="H509590" s="12"/>
    </row>
    <row r="509591" spans="8:8">
      <c r="H509591" s="12"/>
    </row>
    <row r="509592" spans="8:8">
      <c r="H509592" s="12"/>
    </row>
    <row r="509593" spans="8:8">
      <c r="H509593" s="12"/>
    </row>
    <row r="509594" spans="8:8">
      <c r="H509594" s="12"/>
    </row>
    <row r="509595" spans="8:8">
      <c r="H509595" s="12"/>
    </row>
    <row r="509596" spans="8:8">
      <c r="H509596" s="12"/>
    </row>
    <row r="509597" spans="8:8">
      <c r="H509597" s="12"/>
    </row>
    <row r="509598" spans="8:8">
      <c r="H509598" s="12"/>
    </row>
    <row r="509599" spans="8:8">
      <c r="H509599" s="12"/>
    </row>
    <row r="509600" spans="8:8">
      <c r="H509600" s="12"/>
    </row>
    <row r="509601" spans="8:8">
      <c r="H509601" s="12"/>
    </row>
    <row r="509602" spans="8:8">
      <c r="H509602" s="12"/>
    </row>
    <row r="509603" spans="8:8">
      <c r="H509603" s="12"/>
    </row>
    <row r="509604" spans="8:8">
      <c r="H509604" s="12"/>
    </row>
    <row r="509605" spans="8:8">
      <c r="H509605" s="12"/>
    </row>
    <row r="509606" spans="8:8">
      <c r="H509606" s="12"/>
    </row>
    <row r="509607" spans="8:8">
      <c r="H509607" s="12"/>
    </row>
    <row r="509608" spans="8:8">
      <c r="H509608" s="12"/>
    </row>
    <row r="509609" spans="8:8">
      <c r="H509609" s="12"/>
    </row>
    <row r="509610" spans="8:8">
      <c r="H509610" s="12"/>
    </row>
    <row r="509611" spans="8:8">
      <c r="H509611" s="12"/>
    </row>
    <row r="509612" spans="8:8">
      <c r="H509612" s="12"/>
    </row>
    <row r="509613" spans="8:8">
      <c r="H509613" s="12"/>
    </row>
    <row r="509614" spans="8:8">
      <c r="H509614" s="12"/>
    </row>
    <row r="509615" spans="8:8">
      <c r="H509615" s="12"/>
    </row>
    <row r="509616" spans="8:8">
      <c r="H509616" s="12"/>
    </row>
    <row r="509617" spans="8:8">
      <c r="H509617" s="12"/>
    </row>
    <row r="509618" spans="8:8">
      <c r="H509618" s="12"/>
    </row>
    <row r="509619" spans="8:8">
      <c r="H509619" s="12"/>
    </row>
    <row r="509620" spans="8:8">
      <c r="H509620" s="12"/>
    </row>
    <row r="509621" spans="8:8">
      <c r="H509621" s="12"/>
    </row>
    <row r="509622" spans="8:8">
      <c r="H509622" s="12"/>
    </row>
    <row r="509623" spans="8:8">
      <c r="H509623" s="12"/>
    </row>
    <row r="509624" spans="8:8">
      <c r="H509624" s="12"/>
    </row>
    <row r="509625" spans="8:8">
      <c r="H509625" s="12"/>
    </row>
    <row r="509626" spans="8:8">
      <c r="H509626" s="12"/>
    </row>
    <row r="509627" spans="8:8">
      <c r="H509627" s="12"/>
    </row>
    <row r="509628" spans="8:8">
      <c r="H509628" s="12"/>
    </row>
    <row r="509629" spans="8:8">
      <c r="H509629" s="12"/>
    </row>
    <row r="509630" spans="8:8">
      <c r="H509630" s="12"/>
    </row>
    <row r="509631" spans="8:8">
      <c r="H509631" s="12"/>
    </row>
    <row r="509632" spans="8:8">
      <c r="H509632" s="12"/>
    </row>
    <row r="509633" spans="8:8">
      <c r="H509633" s="12"/>
    </row>
    <row r="509634" spans="8:8">
      <c r="H509634" s="12"/>
    </row>
    <row r="509635" spans="8:8">
      <c r="H509635" s="12"/>
    </row>
    <row r="509636" spans="8:8">
      <c r="H509636" s="12"/>
    </row>
    <row r="509637" spans="8:8">
      <c r="H509637" s="12"/>
    </row>
    <row r="509638" spans="8:8">
      <c r="H509638" s="12"/>
    </row>
    <row r="509639" spans="8:8">
      <c r="H509639" s="12"/>
    </row>
    <row r="509640" spans="8:8">
      <c r="H509640" s="12"/>
    </row>
    <row r="509641" spans="8:8">
      <c r="H509641" s="12"/>
    </row>
    <row r="509642" spans="8:8">
      <c r="H509642" s="12"/>
    </row>
    <row r="509643" spans="8:8">
      <c r="H509643" s="12"/>
    </row>
    <row r="509644" spans="8:8">
      <c r="H509644" s="12"/>
    </row>
    <row r="509645" spans="8:8">
      <c r="H509645" s="12"/>
    </row>
    <row r="509646" spans="8:8">
      <c r="H509646" s="12"/>
    </row>
    <row r="509647" spans="8:8">
      <c r="H509647" s="12"/>
    </row>
    <row r="509648" spans="8:8">
      <c r="H509648" s="12"/>
    </row>
    <row r="509649" spans="8:8">
      <c r="H509649" s="12"/>
    </row>
    <row r="509650" spans="8:8">
      <c r="H509650" s="12"/>
    </row>
    <row r="509651" spans="8:8">
      <c r="H509651" s="12"/>
    </row>
    <row r="509652" spans="8:8">
      <c r="H509652" s="12"/>
    </row>
    <row r="509653" spans="8:8">
      <c r="H509653" s="12"/>
    </row>
    <row r="509654" spans="8:8">
      <c r="H509654" s="12"/>
    </row>
    <row r="509655" spans="8:8">
      <c r="H509655" s="12"/>
    </row>
    <row r="509656" spans="8:8">
      <c r="H509656" s="12"/>
    </row>
    <row r="509657" spans="8:8">
      <c r="H509657" s="12"/>
    </row>
    <row r="509658" spans="8:8">
      <c r="H509658" s="12"/>
    </row>
    <row r="509659" spans="8:8">
      <c r="H509659" s="12"/>
    </row>
    <row r="509660" spans="8:8">
      <c r="H509660" s="12"/>
    </row>
    <row r="509661" spans="8:8">
      <c r="H509661" s="12"/>
    </row>
    <row r="509662" spans="8:8">
      <c r="H509662" s="12"/>
    </row>
    <row r="509663" spans="8:8">
      <c r="H509663" s="12"/>
    </row>
    <row r="509664" spans="8:8">
      <c r="H509664" s="12"/>
    </row>
    <row r="509665" spans="8:8">
      <c r="H509665" s="12"/>
    </row>
    <row r="509666" spans="8:8">
      <c r="H509666" s="12"/>
    </row>
    <row r="509667" spans="8:8">
      <c r="H509667" s="12"/>
    </row>
    <row r="509668" spans="8:8">
      <c r="H509668" s="12"/>
    </row>
    <row r="509669" spans="8:8">
      <c r="H509669" s="12"/>
    </row>
    <row r="509670" spans="8:8">
      <c r="H509670" s="12"/>
    </row>
    <row r="509671" spans="8:8">
      <c r="H509671" s="12"/>
    </row>
    <row r="509672" spans="8:8">
      <c r="H509672" s="12"/>
    </row>
    <row r="509673" spans="8:8">
      <c r="H509673" s="12"/>
    </row>
    <row r="509674" spans="8:8">
      <c r="H509674" s="12"/>
    </row>
    <row r="509675" spans="8:8">
      <c r="H509675" s="12"/>
    </row>
    <row r="509676" spans="8:8">
      <c r="H509676" s="12"/>
    </row>
    <row r="509677" spans="8:8">
      <c r="H509677" s="12"/>
    </row>
    <row r="509678" spans="8:8">
      <c r="H509678" s="12"/>
    </row>
    <row r="509679" spans="8:8">
      <c r="H509679" s="12"/>
    </row>
    <row r="509680" spans="8:8">
      <c r="H509680" s="12"/>
    </row>
    <row r="509681" spans="8:8">
      <c r="H509681" s="12"/>
    </row>
    <row r="509682" spans="8:8">
      <c r="H509682" s="12"/>
    </row>
    <row r="509683" spans="8:8">
      <c r="H509683" s="12"/>
    </row>
    <row r="509684" spans="8:8">
      <c r="H509684" s="12"/>
    </row>
    <row r="509685" spans="8:8">
      <c r="H509685" s="12"/>
    </row>
    <row r="509686" spans="8:8">
      <c r="H509686" s="12"/>
    </row>
    <row r="509687" spans="8:8">
      <c r="H509687" s="12"/>
    </row>
    <row r="509688" spans="8:8">
      <c r="H509688" s="12"/>
    </row>
    <row r="509689" spans="8:8">
      <c r="H509689" s="12"/>
    </row>
    <row r="509690" spans="8:8">
      <c r="H509690" s="12"/>
    </row>
    <row r="509691" spans="8:8">
      <c r="H509691" s="12"/>
    </row>
    <row r="509692" spans="8:8">
      <c r="H509692" s="12"/>
    </row>
    <row r="509693" spans="8:8">
      <c r="H509693" s="12"/>
    </row>
    <row r="509694" spans="8:8">
      <c r="H509694" s="12"/>
    </row>
    <row r="509695" spans="8:8">
      <c r="H509695" s="12"/>
    </row>
    <row r="509696" spans="8:8">
      <c r="H509696" s="12"/>
    </row>
    <row r="509697" spans="8:8">
      <c r="H509697" s="12"/>
    </row>
    <row r="509698" spans="8:8">
      <c r="H509698" s="12"/>
    </row>
    <row r="509699" spans="8:8">
      <c r="H509699" s="12"/>
    </row>
    <row r="509700" spans="8:8">
      <c r="H509700" s="12"/>
    </row>
    <row r="509701" spans="8:8">
      <c r="H509701" s="12"/>
    </row>
    <row r="509702" spans="8:8">
      <c r="H509702" s="12"/>
    </row>
    <row r="509703" spans="8:8">
      <c r="H509703" s="12"/>
    </row>
    <row r="509704" spans="8:8">
      <c r="H509704" s="12"/>
    </row>
    <row r="509705" spans="8:8">
      <c r="H509705" s="12"/>
    </row>
    <row r="509706" spans="8:8">
      <c r="H509706" s="12"/>
    </row>
    <row r="509707" spans="8:8">
      <c r="H509707" s="12"/>
    </row>
    <row r="509708" spans="8:8">
      <c r="H509708" s="12"/>
    </row>
    <row r="509709" spans="8:8">
      <c r="H509709" s="12"/>
    </row>
    <row r="509710" spans="8:8">
      <c r="H509710" s="12"/>
    </row>
    <row r="509711" spans="8:8">
      <c r="H509711" s="12"/>
    </row>
    <row r="509712" spans="8:8">
      <c r="H509712" s="12"/>
    </row>
    <row r="509713" spans="8:8">
      <c r="H509713" s="12"/>
    </row>
    <row r="509714" spans="8:8">
      <c r="H509714" s="12"/>
    </row>
    <row r="509715" spans="8:8">
      <c r="H509715" s="12"/>
    </row>
    <row r="509716" spans="8:8">
      <c r="H509716" s="12"/>
    </row>
    <row r="509717" spans="8:8">
      <c r="H509717" s="12"/>
    </row>
    <row r="509718" spans="8:8">
      <c r="H509718" s="12"/>
    </row>
    <row r="509719" spans="8:8">
      <c r="H509719" s="12"/>
    </row>
    <row r="509720" spans="8:8">
      <c r="H509720" s="12"/>
    </row>
    <row r="509721" spans="8:8">
      <c r="H509721" s="12"/>
    </row>
    <row r="509722" spans="8:8">
      <c r="H509722" s="12"/>
    </row>
    <row r="509723" spans="8:8">
      <c r="H509723" s="12"/>
    </row>
    <row r="509724" spans="8:8">
      <c r="H509724" s="12"/>
    </row>
    <row r="509725" spans="8:8">
      <c r="H509725" s="12"/>
    </row>
    <row r="509726" spans="8:8">
      <c r="H509726" s="12"/>
    </row>
    <row r="509727" spans="8:8">
      <c r="H509727" s="12"/>
    </row>
    <row r="509728" spans="8:8">
      <c r="H509728" s="12"/>
    </row>
    <row r="509729" spans="8:8">
      <c r="H509729" s="12"/>
    </row>
    <row r="509730" spans="8:8">
      <c r="H509730" s="12"/>
    </row>
    <row r="509731" spans="8:8">
      <c r="H509731" s="12"/>
    </row>
    <row r="509732" spans="8:8">
      <c r="H509732" s="12"/>
    </row>
    <row r="509733" spans="8:8">
      <c r="H509733" s="12"/>
    </row>
    <row r="509734" spans="8:8">
      <c r="H509734" s="12"/>
    </row>
    <row r="509735" spans="8:8">
      <c r="H509735" s="12"/>
    </row>
    <row r="509736" spans="8:8">
      <c r="H509736" s="12"/>
    </row>
    <row r="509737" spans="8:8">
      <c r="H509737" s="12"/>
    </row>
    <row r="509738" spans="8:8">
      <c r="H509738" s="12"/>
    </row>
    <row r="509739" spans="8:8">
      <c r="H509739" s="12"/>
    </row>
    <row r="509740" spans="8:8">
      <c r="H509740" s="12"/>
    </row>
    <row r="509741" spans="8:8">
      <c r="H509741" s="12"/>
    </row>
    <row r="509742" spans="8:8">
      <c r="H509742" s="12"/>
    </row>
    <row r="509743" spans="8:8">
      <c r="H509743" s="12"/>
    </row>
    <row r="509744" spans="8:8">
      <c r="H509744" s="12"/>
    </row>
    <row r="509745" spans="8:8">
      <c r="H509745" s="12"/>
    </row>
    <row r="509746" spans="8:8">
      <c r="H509746" s="12"/>
    </row>
    <row r="509747" spans="8:8">
      <c r="H509747" s="12"/>
    </row>
    <row r="509748" spans="8:8">
      <c r="H509748" s="12"/>
    </row>
    <row r="509749" spans="8:8">
      <c r="H509749" s="12"/>
    </row>
    <row r="509750" spans="8:8">
      <c r="H509750" s="12"/>
    </row>
    <row r="509751" spans="8:8">
      <c r="H509751" s="12"/>
    </row>
    <row r="509752" spans="8:8">
      <c r="H509752" s="12"/>
    </row>
    <row r="509753" spans="8:8">
      <c r="H509753" s="12"/>
    </row>
    <row r="509754" spans="8:8">
      <c r="H509754" s="12"/>
    </row>
    <row r="509755" spans="8:8">
      <c r="H509755" s="12"/>
    </row>
    <row r="509756" spans="8:8">
      <c r="H509756" s="12"/>
    </row>
    <row r="509757" spans="8:8">
      <c r="H509757" s="12"/>
    </row>
    <row r="509758" spans="8:8">
      <c r="H509758" s="12"/>
    </row>
    <row r="509759" spans="8:8">
      <c r="H509759" s="12"/>
    </row>
    <row r="509760" spans="8:8">
      <c r="H509760" s="12"/>
    </row>
    <row r="509761" spans="8:8">
      <c r="H509761" s="12"/>
    </row>
    <row r="509762" spans="8:8">
      <c r="H509762" s="12"/>
    </row>
    <row r="509763" spans="8:8">
      <c r="H509763" s="12"/>
    </row>
    <row r="509764" spans="8:8">
      <c r="H509764" s="12"/>
    </row>
    <row r="509765" spans="8:8">
      <c r="H509765" s="12"/>
    </row>
    <row r="509766" spans="8:8">
      <c r="H509766" s="12"/>
    </row>
    <row r="509767" spans="8:8">
      <c r="H509767" s="12"/>
    </row>
    <row r="509768" spans="8:8">
      <c r="H509768" s="12"/>
    </row>
    <row r="509769" spans="8:8">
      <c r="H509769" s="12"/>
    </row>
    <row r="509770" spans="8:8">
      <c r="H509770" s="12"/>
    </row>
    <row r="509771" spans="8:8">
      <c r="H509771" s="12"/>
    </row>
    <row r="509772" spans="8:8">
      <c r="H509772" s="12"/>
    </row>
    <row r="509773" spans="8:8">
      <c r="H509773" s="12"/>
    </row>
    <row r="509774" spans="8:8">
      <c r="H509774" s="12"/>
    </row>
    <row r="509775" spans="8:8">
      <c r="H509775" s="12"/>
    </row>
    <row r="509776" spans="8:8">
      <c r="H509776" s="12"/>
    </row>
    <row r="509777" spans="8:8">
      <c r="H509777" s="12"/>
    </row>
    <row r="509778" spans="8:8">
      <c r="H509778" s="12"/>
    </row>
    <row r="509779" spans="8:8">
      <c r="H509779" s="12"/>
    </row>
    <row r="509780" spans="8:8">
      <c r="H509780" s="12"/>
    </row>
    <row r="509781" spans="8:8">
      <c r="H509781" s="12"/>
    </row>
    <row r="509782" spans="8:8">
      <c r="H509782" s="12"/>
    </row>
    <row r="509783" spans="8:8">
      <c r="H509783" s="12"/>
    </row>
    <row r="509784" spans="8:8">
      <c r="H509784" s="12"/>
    </row>
    <row r="509785" spans="8:8">
      <c r="H509785" s="12"/>
    </row>
    <row r="509786" spans="8:8">
      <c r="H509786" s="12"/>
    </row>
    <row r="509787" spans="8:8">
      <c r="H509787" s="12"/>
    </row>
    <row r="509788" spans="8:8">
      <c r="H509788" s="12"/>
    </row>
    <row r="509789" spans="8:8">
      <c r="H509789" s="12"/>
    </row>
    <row r="509790" spans="8:8">
      <c r="H509790" s="12"/>
    </row>
    <row r="509791" spans="8:8">
      <c r="H509791" s="12"/>
    </row>
    <row r="509792" spans="8:8">
      <c r="H509792" s="12"/>
    </row>
    <row r="509793" spans="8:8">
      <c r="H509793" s="12"/>
    </row>
    <row r="509794" spans="8:8">
      <c r="H509794" s="12"/>
    </row>
    <row r="509795" spans="8:8">
      <c r="H509795" s="12"/>
    </row>
    <row r="509796" spans="8:8">
      <c r="H509796" s="12"/>
    </row>
    <row r="509797" spans="8:8">
      <c r="H509797" s="12"/>
    </row>
    <row r="509798" spans="8:8">
      <c r="H509798" s="12"/>
    </row>
    <row r="509799" spans="8:8">
      <c r="H509799" s="12"/>
    </row>
    <row r="509800" spans="8:8">
      <c r="H509800" s="12"/>
    </row>
    <row r="509801" spans="8:8">
      <c r="H509801" s="12"/>
    </row>
    <row r="509802" spans="8:8">
      <c r="H509802" s="12"/>
    </row>
    <row r="509803" spans="8:8">
      <c r="H509803" s="12"/>
    </row>
    <row r="509804" spans="8:8">
      <c r="H509804" s="12"/>
    </row>
    <row r="509805" spans="8:8">
      <c r="H509805" s="12"/>
    </row>
    <row r="509806" spans="8:8">
      <c r="H509806" s="12"/>
    </row>
    <row r="509807" spans="8:8">
      <c r="H509807" s="12"/>
    </row>
    <row r="509808" spans="8:8">
      <c r="H509808" s="12"/>
    </row>
    <row r="509809" spans="8:8">
      <c r="H509809" s="12"/>
    </row>
    <row r="509810" spans="8:8">
      <c r="H509810" s="12"/>
    </row>
    <row r="509811" spans="8:8">
      <c r="H509811" s="12"/>
    </row>
    <row r="509812" spans="8:8">
      <c r="H509812" s="12"/>
    </row>
    <row r="509813" spans="8:8">
      <c r="H509813" s="12"/>
    </row>
    <row r="509814" spans="8:8">
      <c r="H509814" s="12"/>
    </row>
    <row r="509815" spans="8:8">
      <c r="H509815" s="12"/>
    </row>
    <row r="509816" spans="8:8">
      <c r="H509816" s="12"/>
    </row>
    <row r="509817" spans="8:8">
      <c r="H509817" s="12"/>
    </row>
    <row r="509818" spans="8:8">
      <c r="H509818" s="12"/>
    </row>
    <row r="509819" spans="8:8">
      <c r="H509819" s="12"/>
    </row>
    <row r="509820" spans="8:8">
      <c r="H509820" s="12"/>
    </row>
    <row r="509821" spans="8:8">
      <c r="H509821" s="12"/>
    </row>
    <row r="509822" spans="8:8">
      <c r="H509822" s="12"/>
    </row>
    <row r="509823" spans="8:8">
      <c r="H509823" s="12"/>
    </row>
    <row r="509824" spans="8:8">
      <c r="H509824" s="12"/>
    </row>
    <row r="509825" spans="8:8">
      <c r="H509825" s="12"/>
    </row>
    <row r="509826" spans="8:8">
      <c r="H509826" s="12"/>
    </row>
    <row r="509827" spans="8:8">
      <c r="H509827" s="12"/>
    </row>
    <row r="509828" spans="8:8">
      <c r="H509828" s="12"/>
    </row>
    <row r="509829" spans="8:8">
      <c r="H509829" s="12"/>
    </row>
    <row r="509830" spans="8:8">
      <c r="H509830" s="12"/>
    </row>
    <row r="509831" spans="8:8">
      <c r="H509831" s="12"/>
    </row>
    <row r="509832" spans="8:8">
      <c r="H509832" s="12"/>
    </row>
    <row r="509833" spans="8:8">
      <c r="H509833" s="12"/>
    </row>
    <row r="509834" spans="8:8">
      <c r="H509834" s="12"/>
    </row>
    <row r="509835" spans="8:8">
      <c r="H509835" s="12"/>
    </row>
    <row r="509836" spans="8:8">
      <c r="H509836" s="12"/>
    </row>
    <row r="509837" spans="8:8">
      <c r="H509837" s="12"/>
    </row>
    <row r="509838" spans="8:8">
      <c r="H509838" s="12"/>
    </row>
    <row r="509839" spans="8:8">
      <c r="H509839" s="12"/>
    </row>
    <row r="509840" spans="8:8">
      <c r="H509840" s="12"/>
    </row>
    <row r="509841" spans="8:8">
      <c r="H509841" s="12"/>
    </row>
    <row r="509842" spans="8:8">
      <c r="H509842" s="12"/>
    </row>
    <row r="509843" spans="8:8">
      <c r="H509843" s="12"/>
    </row>
    <row r="509844" spans="8:8">
      <c r="H509844" s="12"/>
    </row>
    <row r="509845" spans="8:8">
      <c r="H509845" s="12"/>
    </row>
    <row r="509846" spans="8:8">
      <c r="H509846" s="12"/>
    </row>
    <row r="509847" spans="8:8">
      <c r="H509847" s="12"/>
    </row>
    <row r="509848" spans="8:8">
      <c r="H509848" s="12"/>
    </row>
    <row r="509849" spans="8:8">
      <c r="H509849" s="12"/>
    </row>
    <row r="509850" spans="8:8">
      <c r="H509850" s="12"/>
    </row>
    <row r="509851" spans="8:8">
      <c r="H509851" s="12"/>
    </row>
    <row r="509852" spans="8:8">
      <c r="H509852" s="12"/>
    </row>
    <row r="509853" spans="8:8">
      <c r="H509853" s="12"/>
    </row>
    <row r="509854" spans="8:8">
      <c r="H509854" s="12"/>
    </row>
    <row r="509855" spans="8:8">
      <c r="H509855" s="12"/>
    </row>
    <row r="509856" spans="8:8">
      <c r="H509856" s="12"/>
    </row>
    <row r="509857" spans="8:8">
      <c r="H509857" s="12"/>
    </row>
    <row r="509858" spans="8:8">
      <c r="H509858" s="12"/>
    </row>
    <row r="509859" spans="8:8">
      <c r="H509859" s="12"/>
    </row>
    <row r="509860" spans="8:8">
      <c r="H509860" s="12"/>
    </row>
    <row r="509861" spans="8:8">
      <c r="H509861" s="12"/>
    </row>
    <row r="509862" spans="8:8">
      <c r="H509862" s="12"/>
    </row>
    <row r="509863" spans="8:8">
      <c r="H509863" s="12"/>
    </row>
    <row r="509864" spans="8:8">
      <c r="H509864" s="12"/>
    </row>
    <row r="509865" spans="8:8">
      <c r="H509865" s="12"/>
    </row>
    <row r="509866" spans="8:8">
      <c r="H509866" s="12"/>
    </row>
    <row r="509867" spans="8:8">
      <c r="H509867" s="12"/>
    </row>
    <row r="509868" spans="8:8">
      <c r="H509868" s="12"/>
    </row>
    <row r="509869" spans="8:8">
      <c r="H509869" s="12"/>
    </row>
    <row r="509870" spans="8:8">
      <c r="H509870" s="12"/>
    </row>
    <row r="509871" spans="8:8">
      <c r="H509871" s="12"/>
    </row>
    <row r="509872" spans="8:8">
      <c r="H509872" s="12"/>
    </row>
    <row r="509873" spans="8:8">
      <c r="H509873" s="12"/>
    </row>
    <row r="509874" spans="8:8">
      <c r="H509874" s="12"/>
    </row>
    <row r="509875" spans="8:8">
      <c r="H509875" s="12"/>
    </row>
    <row r="509876" spans="8:8">
      <c r="H509876" s="12"/>
    </row>
    <row r="509877" spans="8:8">
      <c r="H509877" s="12"/>
    </row>
    <row r="509878" spans="8:8">
      <c r="H509878" s="12"/>
    </row>
    <row r="509879" spans="8:8">
      <c r="H509879" s="12"/>
    </row>
    <row r="509880" spans="8:8">
      <c r="H509880" s="12"/>
    </row>
    <row r="509881" spans="8:8">
      <c r="H509881" s="12"/>
    </row>
    <row r="509882" spans="8:8">
      <c r="H509882" s="12"/>
    </row>
    <row r="509883" spans="8:8">
      <c r="H509883" s="12"/>
    </row>
    <row r="509884" spans="8:8">
      <c r="H509884" s="12"/>
    </row>
    <row r="509885" spans="8:8">
      <c r="H509885" s="12"/>
    </row>
    <row r="509886" spans="8:8">
      <c r="H509886" s="12"/>
    </row>
    <row r="509887" spans="8:8">
      <c r="H509887" s="12"/>
    </row>
    <row r="509888" spans="8:8">
      <c r="H509888" s="12"/>
    </row>
    <row r="509889" spans="8:8">
      <c r="H509889" s="12"/>
    </row>
    <row r="509890" spans="8:8">
      <c r="H509890" s="12"/>
    </row>
    <row r="509891" spans="8:8">
      <c r="H509891" s="12"/>
    </row>
    <row r="509892" spans="8:8">
      <c r="H509892" s="12"/>
    </row>
    <row r="509893" spans="8:8">
      <c r="H509893" s="12"/>
    </row>
    <row r="509894" spans="8:8">
      <c r="H509894" s="12"/>
    </row>
    <row r="509895" spans="8:8">
      <c r="H509895" s="12"/>
    </row>
    <row r="509896" spans="8:8">
      <c r="H509896" s="12"/>
    </row>
    <row r="509897" spans="8:8">
      <c r="H509897" s="12"/>
    </row>
    <row r="509898" spans="8:8">
      <c r="H509898" s="12"/>
    </row>
    <row r="509899" spans="8:8">
      <c r="H509899" s="12"/>
    </row>
    <row r="509900" spans="8:8">
      <c r="H509900" s="12"/>
    </row>
    <row r="509901" spans="8:8">
      <c r="H509901" s="12"/>
    </row>
    <row r="509902" spans="8:8">
      <c r="H509902" s="12"/>
    </row>
    <row r="509903" spans="8:8">
      <c r="H509903" s="12"/>
    </row>
    <row r="509904" spans="8:8">
      <c r="H509904" s="12"/>
    </row>
    <row r="509905" spans="8:8">
      <c r="H509905" s="12"/>
    </row>
    <row r="509906" spans="8:8">
      <c r="H509906" s="12"/>
    </row>
    <row r="509907" spans="8:8">
      <c r="H509907" s="12"/>
    </row>
    <row r="509908" spans="8:8">
      <c r="H509908" s="12"/>
    </row>
    <row r="509909" spans="8:8">
      <c r="H509909" s="12"/>
    </row>
    <row r="509910" spans="8:8">
      <c r="H509910" s="12"/>
    </row>
    <row r="509911" spans="8:8">
      <c r="H509911" s="12"/>
    </row>
    <row r="509912" spans="8:8">
      <c r="H509912" s="12"/>
    </row>
    <row r="509913" spans="8:8">
      <c r="H509913" s="12"/>
    </row>
    <row r="509914" spans="8:8">
      <c r="H509914" s="12"/>
    </row>
    <row r="509915" spans="8:8">
      <c r="H509915" s="12"/>
    </row>
    <row r="509916" spans="8:8">
      <c r="H509916" s="12"/>
    </row>
    <row r="509917" spans="8:8">
      <c r="H509917" s="12"/>
    </row>
    <row r="509918" spans="8:8">
      <c r="H509918" s="12"/>
    </row>
    <row r="509919" spans="8:8">
      <c r="H509919" s="12"/>
    </row>
    <row r="509920" spans="8:8">
      <c r="H509920" s="12"/>
    </row>
    <row r="509921" spans="8:8">
      <c r="H509921" s="12"/>
    </row>
    <row r="509922" spans="8:8">
      <c r="H509922" s="12"/>
    </row>
    <row r="509923" spans="8:8">
      <c r="H509923" s="12"/>
    </row>
    <row r="509924" spans="8:8">
      <c r="H509924" s="12"/>
    </row>
    <row r="509925" spans="8:8">
      <c r="H509925" s="12"/>
    </row>
    <row r="509926" spans="8:8">
      <c r="H509926" s="12"/>
    </row>
    <row r="509927" spans="8:8">
      <c r="H509927" s="12"/>
    </row>
    <row r="509928" spans="8:8">
      <c r="H509928" s="12"/>
    </row>
    <row r="509929" spans="8:8">
      <c r="H509929" s="12"/>
    </row>
    <row r="509930" spans="8:8">
      <c r="H509930" s="12"/>
    </row>
    <row r="509931" spans="8:8">
      <c r="H509931" s="12"/>
    </row>
    <row r="509932" spans="8:8">
      <c r="H509932" s="12"/>
    </row>
    <row r="509933" spans="8:8">
      <c r="H509933" s="12"/>
    </row>
    <row r="509934" spans="8:8">
      <c r="H509934" s="12"/>
    </row>
    <row r="509935" spans="8:8">
      <c r="H509935" s="12"/>
    </row>
    <row r="509936" spans="8:8">
      <c r="H509936" s="12"/>
    </row>
    <row r="509937" spans="8:8">
      <c r="H509937" s="12"/>
    </row>
    <row r="509938" spans="8:8">
      <c r="H509938" s="12"/>
    </row>
    <row r="509939" spans="8:8">
      <c r="H509939" s="12"/>
    </row>
    <row r="509940" spans="8:8">
      <c r="H509940" s="12"/>
    </row>
    <row r="509941" spans="8:8">
      <c r="H509941" s="12"/>
    </row>
    <row r="509942" spans="8:8">
      <c r="H509942" s="12"/>
    </row>
    <row r="509943" spans="8:8">
      <c r="H509943" s="12"/>
    </row>
    <row r="509944" spans="8:8">
      <c r="H509944" s="12"/>
    </row>
    <row r="509945" spans="8:8">
      <c r="H509945" s="12"/>
    </row>
    <row r="509946" spans="8:8">
      <c r="H509946" s="12"/>
    </row>
    <row r="509947" spans="8:8">
      <c r="H509947" s="12"/>
    </row>
    <row r="509948" spans="8:8">
      <c r="H509948" s="12"/>
    </row>
    <row r="509949" spans="8:8">
      <c r="H509949" s="12"/>
    </row>
    <row r="509950" spans="8:8">
      <c r="H509950" s="12"/>
    </row>
    <row r="509951" spans="8:8">
      <c r="H509951" s="12"/>
    </row>
    <row r="509952" spans="8:8">
      <c r="H509952" s="12"/>
    </row>
    <row r="509953" spans="8:8">
      <c r="H509953" s="12"/>
    </row>
    <row r="509954" spans="8:8">
      <c r="H509954" s="12"/>
    </row>
    <row r="509955" spans="8:8">
      <c r="H509955" s="12"/>
    </row>
    <row r="509956" spans="8:8">
      <c r="H509956" s="12"/>
    </row>
    <row r="509957" spans="8:8">
      <c r="H509957" s="12"/>
    </row>
    <row r="509958" spans="8:8">
      <c r="H509958" s="12"/>
    </row>
    <row r="509959" spans="8:8">
      <c r="H509959" s="12"/>
    </row>
    <row r="509960" spans="8:8">
      <c r="H509960" s="12"/>
    </row>
    <row r="509961" spans="8:8">
      <c r="H509961" s="12"/>
    </row>
    <row r="509962" spans="8:8">
      <c r="H509962" s="12"/>
    </row>
    <row r="509963" spans="8:8">
      <c r="H509963" s="12"/>
    </row>
    <row r="509964" spans="8:8">
      <c r="H509964" s="12"/>
    </row>
    <row r="509965" spans="8:8">
      <c r="H509965" s="12"/>
    </row>
    <row r="509966" spans="8:8">
      <c r="H509966" s="12"/>
    </row>
    <row r="509967" spans="8:8">
      <c r="H509967" s="12"/>
    </row>
    <row r="509968" spans="8:8">
      <c r="H509968" s="12"/>
    </row>
    <row r="509969" spans="8:8">
      <c r="H509969" s="12"/>
    </row>
    <row r="509970" spans="8:8">
      <c r="H509970" s="12"/>
    </row>
    <row r="509971" spans="8:8">
      <c r="H509971" s="12"/>
    </row>
    <row r="509972" spans="8:8">
      <c r="H509972" s="12"/>
    </row>
    <row r="509973" spans="8:8">
      <c r="H509973" s="12"/>
    </row>
    <row r="509974" spans="8:8">
      <c r="H509974" s="12"/>
    </row>
    <row r="509975" spans="8:8">
      <c r="H509975" s="12"/>
    </row>
    <row r="509976" spans="8:8">
      <c r="H509976" s="12"/>
    </row>
    <row r="509977" spans="8:8">
      <c r="H509977" s="12"/>
    </row>
    <row r="509978" spans="8:8">
      <c r="H509978" s="12"/>
    </row>
    <row r="509979" spans="8:8">
      <c r="H509979" s="12"/>
    </row>
    <row r="509980" spans="8:8">
      <c r="H509980" s="12"/>
    </row>
    <row r="509981" spans="8:8">
      <c r="H509981" s="12"/>
    </row>
    <row r="509982" spans="8:8">
      <c r="H509982" s="12"/>
    </row>
    <row r="509983" spans="8:8">
      <c r="H509983" s="12"/>
    </row>
    <row r="509984" spans="8:8">
      <c r="H509984" s="12"/>
    </row>
    <row r="509985" spans="8:8">
      <c r="H509985" s="12"/>
    </row>
    <row r="509986" spans="8:8">
      <c r="H509986" s="12"/>
    </row>
    <row r="509987" spans="8:8">
      <c r="H509987" s="12"/>
    </row>
    <row r="509988" spans="8:8">
      <c r="H509988" s="12"/>
    </row>
    <row r="509989" spans="8:8">
      <c r="H509989" s="12"/>
    </row>
    <row r="509990" spans="8:8">
      <c r="H509990" s="12"/>
    </row>
    <row r="509991" spans="8:8">
      <c r="H509991" s="12"/>
    </row>
    <row r="509992" spans="8:8">
      <c r="H509992" s="12"/>
    </row>
    <row r="509993" spans="8:8">
      <c r="H509993" s="12"/>
    </row>
    <row r="509994" spans="8:8">
      <c r="H509994" s="12"/>
    </row>
    <row r="509995" spans="8:8">
      <c r="H509995" s="12"/>
    </row>
    <row r="509996" spans="8:8">
      <c r="H509996" s="12"/>
    </row>
    <row r="509997" spans="8:8">
      <c r="H509997" s="12"/>
    </row>
    <row r="509998" spans="8:8">
      <c r="H509998" s="12"/>
    </row>
    <row r="509999" spans="8:8">
      <c r="H509999" s="12"/>
    </row>
    <row r="510000" spans="8:8">
      <c r="H510000" s="12"/>
    </row>
    <row r="510001" spans="8:8">
      <c r="H510001" s="12"/>
    </row>
    <row r="510002" spans="8:8">
      <c r="H510002" s="12"/>
    </row>
    <row r="510003" spans="8:8">
      <c r="H510003" s="12"/>
    </row>
    <row r="510004" spans="8:8">
      <c r="H510004" s="12"/>
    </row>
    <row r="510005" spans="8:8">
      <c r="H510005" s="12"/>
    </row>
    <row r="510006" spans="8:8">
      <c r="H510006" s="12"/>
    </row>
    <row r="510007" spans="8:8">
      <c r="H510007" s="12"/>
    </row>
    <row r="510008" spans="8:8">
      <c r="H510008" s="12"/>
    </row>
    <row r="510009" spans="8:8">
      <c r="H510009" s="12"/>
    </row>
    <row r="510010" spans="8:8">
      <c r="H510010" s="12"/>
    </row>
    <row r="510011" spans="8:8">
      <c r="H510011" s="12"/>
    </row>
    <row r="510012" spans="8:8">
      <c r="H510012" s="12"/>
    </row>
    <row r="510013" spans="8:8">
      <c r="H510013" s="12"/>
    </row>
    <row r="510014" spans="8:8">
      <c r="H510014" s="12"/>
    </row>
    <row r="510015" spans="8:8">
      <c r="H510015" s="12"/>
    </row>
    <row r="510016" spans="8:8">
      <c r="H510016" s="12"/>
    </row>
    <row r="510017" spans="8:8">
      <c r="H510017" s="12"/>
    </row>
    <row r="510018" spans="8:8">
      <c r="H510018" s="12"/>
    </row>
    <row r="510019" spans="8:8">
      <c r="H510019" s="12"/>
    </row>
    <row r="510020" spans="8:8">
      <c r="H510020" s="12"/>
    </row>
    <row r="510021" spans="8:8">
      <c r="H510021" s="12"/>
    </row>
    <row r="510022" spans="8:8">
      <c r="H510022" s="12"/>
    </row>
    <row r="510023" spans="8:8">
      <c r="H510023" s="12"/>
    </row>
    <row r="510024" spans="8:8">
      <c r="H510024" s="12"/>
    </row>
    <row r="510025" spans="8:8">
      <c r="H510025" s="12"/>
    </row>
    <row r="510026" spans="8:8">
      <c r="H510026" s="12"/>
    </row>
    <row r="510027" spans="8:8">
      <c r="H510027" s="12"/>
    </row>
    <row r="510028" spans="8:8">
      <c r="H510028" s="12"/>
    </row>
    <row r="510029" spans="8:8">
      <c r="H510029" s="12"/>
    </row>
    <row r="510030" spans="8:8">
      <c r="H510030" s="12"/>
    </row>
    <row r="510031" spans="8:8">
      <c r="H510031" s="12"/>
    </row>
    <row r="510032" spans="8:8">
      <c r="H510032" s="12"/>
    </row>
    <row r="510033" spans="8:8">
      <c r="H510033" s="12"/>
    </row>
    <row r="510034" spans="8:8">
      <c r="H510034" s="12"/>
    </row>
    <row r="510035" spans="8:8">
      <c r="H510035" s="12"/>
    </row>
    <row r="510036" spans="8:8">
      <c r="H510036" s="12"/>
    </row>
    <row r="510037" spans="8:8">
      <c r="H510037" s="12"/>
    </row>
    <row r="510038" spans="8:8">
      <c r="H510038" s="12"/>
    </row>
    <row r="510039" spans="8:8">
      <c r="H510039" s="12"/>
    </row>
    <row r="510040" spans="8:8">
      <c r="H510040" s="12"/>
    </row>
    <row r="510041" spans="8:8">
      <c r="H510041" s="12"/>
    </row>
    <row r="510042" spans="8:8">
      <c r="H510042" s="12"/>
    </row>
    <row r="510043" spans="8:8">
      <c r="H510043" s="12"/>
    </row>
    <row r="510044" spans="8:8">
      <c r="H510044" s="12"/>
    </row>
    <row r="510045" spans="8:8">
      <c r="H510045" s="12"/>
    </row>
    <row r="510046" spans="8:8">
      <c r="H510046" s="12"/>
    </row>
    <row r="510047" spans="8:8">
      <c r="H510047" s="12"/>
    </row>
    <row r="510048" spans="8:8">
      <c r="H510048" s="12"/>
    </row>
    <row r="510049" spans="8:8">
      <c r="H510049" s="12"/>
    </row>
    <row r="510050" spans="8:8">
      <c r="H510050" s="12"/>
    </row>
    <row r="510051" spans="8:8">
      <c r="H510051" s="12"/>
    </row>
    <row r="510052" spans="8:8">
      <c r="H510052" s="12"/>
    </row>
    <row r="510053" spans="8:8">
      <c r="H510053" s="12"/>
    </row>
    <row r="510054" spans="8:8">
      <c r="H510054" s="12"/>
    </row>
    <row r="510055" spans="8:8">
      <c r="H510055" s="12"/>
    </row>
    <row r="510056" spans="8:8">
      <c r="H510056" s="12"/>
    </row>
    <row r="510057" spans="8:8">
      <c r="H510057" s="12"/>
    </row>
    <row r="510058" spans="8:8">
      <c r="H510058" s="12"/>
    </row>
    <row r="510059" spans="8:8">
      <c r="H510059" s="12"/>
    </row>
    <row r="510060" spans="8:8">
      <c r="H510060" s="12"/>
    </row>
    <row r="510061" spans="8:8">
      <c r="H510061" s="12"/>
    </row>
    <row r="510062" spans="8:8">
      <c r="H510062" s="12"/>
    </row>
    <row r="510063" spans="8:8">
      <c r="H510063" s="12"/>
    </row>
    <row r="510064" spans="8:8">
      <c r="H510064" s="12"/>
    </row>
    <row r="510065" spans="8:8">
      <c r="H510065" s="12"/>
    </row>
    <row r="510066" spans="8:8">
      <c r="H510066" s="12"/>
    </row>
    <row r="510067" spans="8:8">
      <c r="H510067" s="12"/>
    </row>
    <row r="510068" spans="8:8">
      <c r="H510068" s="12"/>
    </row>
    <row r="510069" spans="8:8">
      <c r="H510069" s="12"/>
    </row>
    <row r="510070" spans="8:8">
      <c r="H510070" s="12"/>
    </row>
    <row r="510071" spans="8:8">
      <c r="H510071" s="12"/>
    </row>
    <row r="510072" spans="8:8">
      <c r="H510072" s="12"/>
    </row>
    <row r="510073" spans="8:8">
      <c r="H510073" s="12"/>
    </row>
    <row r="510074" spans="8:8">
      <c r="H510074" s="12"/>
    </row>
    <row r="510075" spans="8:8">
      <c r="H510075" s="12"/>
    </row>
    <row r="510076" spans="8:8">
      <c r="H510076" s="12"/>
    </row>
    <row r="510077" spans="8:8">
      <c r="H510077" s="12"/>
    </row>
    <row r="510078" spans="8:8">
      <c r="H510078" s="12"/>
    </row>
    <row r="510079" spans="8:8">
      <c r="H510079" s="12"/>
    </row>
    <row r="510080" spans="8:8">
      <c r="H510080" s="12"/>
    </row>
    <row r="510081" spans="8:8">
      <c r="H510081" s="12"/>
    </row>
    <row r="510082" spans="8:8">
      <c r="H510082" s="12"/>
    </row>
    <row r="510083" spans="8:8">
      <c r="H510083" s="12"/>
    </row>
    <row r="510084" spans="8:8">
      <c r="H510084" s="12"/>
    </row>
    <row r="510085" spans="8:8">
      <c r="H510085" s="12"/>
    </row>
    <row r="510086" spans="8:8">
      <c r="H510086" s="12"/>
    </row>
    <row r="510087" spans="8:8">
      <c r="H510087" s="12"/>
    </row>
    <row r="510088" spans="8:8">
      <c r="H510088" s="12"/>
    </row>
    <row r="510089" spans="8:8">
      <c r="H510089" s="12"/>
    </row>
    <row r="510090" spans="8:8">
      <c r="H510090" s="12"/>
    </row>
    <row r="510091" spans="8:8">
      <c r="H510091" s="12"/>
    </row>
    <row r="510092" spans="8:8">
      <c r="H510092" s="12"/>
    </row>
    <row r="510093" spans="8:8">
      <c r="H510093" s="12"/>
    </row>
    <row r="510094" spans="8:8">
      <c r="H510094" s="12"/>
    </row>
    <row r="510095" spans="8:8">
      <c r="H510095" s="12"/>
    </row>
    <row r="510096" spans="8:8">
      <c r="H510096" s="12"/>
    </row>
    <row r="510097" spans="8:8">
      <c r="H510097" s="12"/>
    </row>
    <row r="510098" spans="8:8">
      <c r="H510098" s="12"/>
    </row>
    <row r="510099" spans="8:8">
      <c r="H510099" s="12"/>
    </row>
    <row r="510100" spans="8:8">
      <c r="H510100" s="12"/>
    </row>
    <row r="510101" spans="8:8">
      <c r="H510101" s="12"/>
    </row>
    <row r="510102" spans="8:8">
      <c r="H510102" s="12"/>
    </row>
    <row r="510103" spans="8:8">
      <c r="H510103" s="12"/>
    </row>
    <row r="510104" spans="8:8">
      <c r="H510104" s="12"/>
    </row>
    <row r="510105" spans="8:8">
      <c r="H510105" s="12"/>
    </row>
    <row r="510106" spans="8:8">
      <c r="H510106" s="12"/>
    </row>
    <row r="510107" spans="8:8">
      <c r="H510107" s="12"/>
    </row>
    <row r="510108" spans="8:8">
      <c r="H510108" s="12"/>
    </row>
    <row r="510109" spans="8:8">
      <c r="H510109" s="12"/>
    </row>
    <row r="510110" spans="8:8">
      <c r="H510110" s="12"/>
    </row>
    <row r="510111" spans="8:8">
      <c r="H510111" s="12"/>
    </row>
    <row r="510112" spans="8:8">
      <c r="H510112" s="12"/>
    </row>
    <row r="510113" spans="8:8">
      <c r="H510113" s="12"/>
    </row>
    <row r="510114" spans="8:8">
      <c r="H510114" s="12"/>
    </row>
    <row r="510115" spans="8:8">
      <c r="H510115" s="12"/>
    </row>
    <row r="510116" spans="8:8">
      <c r="H510116" s="12"/>
    </row>
    <row r="510117" spans="8:8">
      <c r="H510117" s="12"/>
    </row>
    <row r="510118" spans="8:8">
      <c r="H510118" s="12"/>
    </row>
    <row r="510119" spans="8:8">
      <c r="H510119" s="12"/>
    </row>
    <row r="510120" spans="8:8">
      <c r="H510120" s="12"/>
    </row>
    <row r="510121" spans="8:8">
      <c r="H510121" s="12"/>
    </row>
    <row r="510122" spans="8:8">
      <c r="H510122" s="12"/>
    </row>
    <row r="510123" spans="8:8">
      <c r="H510123" s="12"/>
    </row>
    <row r="510124" spans="8:8">
      <c r="H510124" s="12"/>
    </row>
    <row r="510125" spans="8:8">
      <c r="H510125" s="12"/>
    </row>
    <row r="510126" spans="8:8">
      <c r="H510126" s="12"/>
    </row>
    <row r="510127" spans="8:8">
      <c r="H510127" s="12"/>
    </row>
    <row r="510128" spans="8:8">
      <c r="H510128" s="12"/>
    </row>
    <row r="510129" spans="8:8">
      <c r="H510129" s="12"/>
    </row>
    <row r="510130" spans="8:8">
      <c r="H510130" s="12"/>
    </row>
    <row r="510131" spans="8:8">
      <c r="H510131" s="12"/>
    </row>
    <row r="510132" spans="8:8">
      <c r="H510132" s="12"/>
    </row>
    <row r="510133" spans="8:8">
      <c r="H510133" s="12"/>
    </row>
    <row r="510134" spans="8:8">
      <c r="H510134" s="12"/>
    </row>
    <row r="510135" spans="8:8">
      <c r="H510135" s="12"/>
    </row>
    <row r="510136" spans="8:8">
      <c r="H510136" s="12"/>
    </row>
    <row r="510137" spans="8:8">
      <c r="H510137" s="12"/>
    </row>
    <row r="510138" spans="8:8">
      <c r="H510138" s="12"/>
    </row>
    <row r="510139" spans="8:8">
      <c r="H510139" s="12"/>
    </row>
    <row r="510140" spans="8:8">
      <c r="H510140" s="12"/>
    </row>
    <row r="510141" spans="8:8">
      <c r="H510141" s="12"/>
    </row>
    <row r="510142" spans="8:8">
      <c r="H510142" s="12"/>
    </row>
    <row r="510143" spans="8:8">
      <c r="H510143" s="12"/>
    </row>
    <row r="510144" spans="8:8">
      <c r="H510144" s="12"/>
    </row>
    <row r="510145" spans="8:8">
      <c r="H510145" s="12"/>
    </row>
    <row r="510146" spans="8:8">
      <c r="H510146" s="12"/>
    </row>
    <row r="510147" spans="8:8">
      <c r="H510147" s="12"/>
    </row>
    <row r="510148" spans="8:8">
      <c r="H510148" s="12"/>
    </row>
    <row r="510149" spans="8:8">
      <c r="H510149" s="12"/>
    </row>
    <row r="510150" spans="8:8">
      <c r="H510150" s="12"/>
    </row>
    <row r="510151" spans="8:8">
      <c r="H510151" s="12"/>
    </row>
    <row r="510152" spans="8:8">
      <c r="H510152" s="12"/>
    </row>
    <row r="510153" spans="8:8">
      <c r="H510153" s="12"/>
    </row>
    <row r="510154" spans="8:8">
      <c r="H510154" s="12"/>
    </row>
    <row r="510155" spans="8:8">
      <c r="H510155" s="12"/>
    </row>
    <row r="510156" spans="8:8">
      <c r="H510156" s="12"/>
    </row>
    <row r="510157" spans="8:8">
      <c r="H510157" s="12"/>
    </row>
    <row r="510158" spans="8:8">
      <c r="H510158" s="12"/>
    </row>
    <row r="510159" spans="8:8">
      <c r="H510159" s="12"/>
    </row>
    <row r="510160" spans="8:8">
      <c r="H510160" s="12"/>
    </row>
    <row r="510161" spans="8:8">
      <c r="H510161" s="12"/>
    </row>
    <row r="510162" spans="8:8">
      <c r="H510162" s="12"/>
    </row>
    <row r="510163" spans="8:8">
      <c r="H510163" s="12"/>
    </row>
    <row r="510164" spans="8:8">
      <c r="H510164" s="12"/>
    </row>
    <row r="510165" spans="8:8">
      <c r="H510165" s="12"/>
    </row>
    <row r="510166" spans="8:8">
      <c r="H510166" s="12"/>
    </row>
    <row r="510167" spans="8:8">
      <c r="H510167" s="12"/>
    </row>
    <row r="510168" spans="8:8">
      <c r="H510168" s="12"/>
    </row>
    <row r="510169" spans="8:8">
      <c r="H510169" s="12"/>
    </row>
    <row r="510170" spans="8:8">
      <c r="H510170" s="12"/>
    </row>
    <row r="510171" spans="8:8">
      <c r="H510171" s="12"/>
    </row>
    <row r="510172" spans="8:8">
      <c r="H510172" s="12"/>
    </row>
    <row r="510173" spans="8:8">
      <c r="H510173" s="12"/>
    </row>
    <row r="510174" spans="8:8">
      <c r="H510174" s="12"/>
    </row>
    <row r="510175" spans="8:8">
      <c r="H510175" s="12"/>
    </row>
    <row r="510176" spans="8:8">
      <c r="H510176" s="12"/>
    </row>
    <row r="510177" spans="8:8">
      <c r="H510177" s="12"/>
    </row>
    <row r="510178" spans="8:8">
      <c r="H510178" s="12"/>
    </row>
    <row r="510179" spans="8:8">
      <c r="H510179" s="12"/>
    </row>
    <row r="510180" spans="8:8">
      <c r="H510180" s="12"/>
    </row>
    <row r="510181" spans="8:8">
      <c r="H510181" s="12"/>
    </row>
    <row r="510182" spans="8:8">
      <c r="H510182" s="12"/>
    </row>
    <row r="510183" spans="8:8">
      <c r="H510183" s="12"/>
    </row>
    <row r="510184" spans="8:8">
      <c r="H510184" s="12"/>
    </row>
    <row r="510185" spans="8:8">
      <c r="H510185" s="12"/>
    </row>
    <row r="510186" spans="8:8">
      <c r="H510186" s="12"/>
    </row>
    <row r="510187" spans="8:8">
      <c r="H510187" s="12"/>
    </row>
    <row r="510188" spans="8:8">
      <c r="H510188" s="12"/>
    </row>
    <row r="510189" spans="8:8">
      <c r="H510189" s="12"/>
    </row>
    <row r="510190" spans="8:8">
      <c r="H510190" s="12"/>
    </row>
    <row r="510191" spans="8:8">
      <c r="H510191" s="12"/>
    </row>
    <row r="510192" spans="8:8">
      <c r="H510192" s="12"/>
    </row>
    <row r="510193" spans="8:8">
      <c r="H510193" s="12"/>
    </row>
    <row r="510194" spans="8:8">
      <c r="H510194" s="12"/>
    </row>
    <row r="510195" spans="8:8">
      <c r="H510195" s="12"/>
    </row>
    <row r="510196" spans="8:8">
      <c r="H510196" s="12"/>
    </row>
    <row r="510197" spans="8:8">
      <c r="H510197" s="12"/>
    </row>
    <row r="510198" spans="8:8">
      <c r="H510198" s="12"/>
    </row>
    <row r="510199" spans="8:8">
      <c r="H510199" s="12"/>
    </row>
    <row r="510200" spans="8:8">
      <c r="H510200" s="12"/>
    </row>
    <row r="510201" spans="8:8">
      <c r="H510201" s="12"/>
    </row>
    <row r="510202" spans="8:8">
      <c r="H510202" s="12"/>
    </row>
    <row r="510203" spans="8:8">
      <c r="H510203" s="12"/>
    </row>
    <row r="510204" spans="8:8">
      <c r="H510204" s="12"/>
    </row>
    <row r="510205" spans="8:8">
      <c r="H510205" s="12"/>
    </row>
    <row r="510206" spans="8:8">
      <c r="H510206" s="12"/>
    </row>
    <row r="510207" spans="8:8">
      <c r="H510207" s="12"/>
    </row>
    <row r="510208" spans="8:8">
      <c r="H510208" s="12"/>
    </row>
    <row r="510209" spans="8:8">
      <c r="H510209" s="12"/>
    </row>
    <row r="510210" spans="8:8">
      <c r="H510210" s="12"/>
    </row>
    <row r="510211" spans="8:8">
      <c r="H510211" s="12"/>
    </row>
    <row r="510212" spans="8:8">
      <c r="H510212" s="12"/>
    </row>
    <row r="510213" spans="8:8">
      <c r="H510213" s="12"/>
    </row>
    <row r="510214" spans="8:8">
      <c r="H510214" s="12"/>
    </row>
    <row r="510215" spans="8:8">
      <c r="H510215" s="12"/>
    </row>
    <row r="510216" spans="8:8">
      <c r="H510216" s="12"/>
    </row>
    <row r="510217" spans="8:8">
      <c r="H510217" s="12"/>
    </row>
    <row r="510218" spans="8:8">
      <c r="H510218" s="12"/>
    </row>
    <row r="510219" spans="8:8">
      <c r="H510219" s="12"/>
    </row>
    <row r="510220" spans="8:8">
      <c r="H510220" s="12"/>
    </row>
    <row r="510221" spans="8:8">
      <c r="H510221" s="12"/>
    </row>
    <row r="510222" spans="8:8">
      <c r="H510222" s="12"/>
    </row>
    <row r="510223" spans="8:8">
      <c r="H510223" s="12"/>
    </row>
    <row r="510224" spans="8:8">
      <c r="H510224" s="12"/>
    </row>
    <row r="510225" spans="8:8">
      <c r="H510225" s="12"/>
    </row>
    <row r="510226" spans="8:8">
      <c r="H510226" s="12"/>
    </row>
    <row r="510227" spans="8:8">
      <c r="H510227" s="12"/>
    </row>
    <row r="510228" spans="8:8">
      <c r="H510228" s="12"/>
    </row>
    <row r="510229" spans="8:8">
      <c r="H510229" s="12"/>
    </row>
    <row r="510230" spans="8:8">
      <c r="H510230" s="12"/>
    </row>
    <row r="510231" spans="8:8">
      <c r="H510231" s="12"/>
    </row>
    <row r="510232" spans="8:8">
      <c r="H510232" s="12"/>
    </row>
    <row r="510233" spans="8:8">
      <c r="H510233" s="12"/>
    </row>
    <row r="510234" spans="8:8">
      <c r="H510234" s="12"/>
    </row>
    <row r="510235" spans="8:8">
      <c r="H510235" s="12"/>
    </row>
    <row r="510236" spans="8:8">
      <c r="H510236" s="12"/>
    </row>
    <row r="510237" spans="8:8">
      <c r="H510237" s="12"/>
    </row>
    <row r="510238" spans="8:8">
      <c r="H510238" s="12"/>
    </row>
    <row r="510239" spans="8:8">
      <c r="H510239" s="12"/>
    </row>
    <row r="510240" spans="8:8">
      <c r="H510240" s="12"/>
    </row>
    <row r="510241" spans="8:8">
      <c r="H510241" s="12"/>
    </row>
    <row r="510242" spans="8:8">
      <c r="H510242" s="12"/>
    </row>
    <row r="510243" spans="8:8">
      <c r="H510243" s="12"/>
    </row>
    <row r="510244" spans="8:8">
      <c r="H510244" s="12"/>
    </row>
    <row r="510245" spans="8:8">
      <c r="H510245" s="12"/>
    </row>
    <row r="510246" spans="8:8">
      <c r="H510246" s="12"/>
    </row>
    <row r="510247" spans="8:8">
      <c r="H510247" s="12"/>
    </row>
    <row r="510248" spans="8:8">
      <c r="H510248" s="12"/>
    </row>
    <row r="510249" spans="8:8">
      <c r="H510249" s="12"/>
    </row>
    <row r="510250" spans="8:8">
      <c r="H510250" s="12"/>
    </row>
    <row r="510251" spans="8:8">
      <c r="H510251" s="12"/>
    </row>
    <row r="510252" spans="8:8">
      <c r="H510252" s="12"/>
    </row>
    <row r="510253" spans="8:8">
      <c r="H510253" s="12"/>
    </row>
    <row r="510254" spans="8:8">
      <c r="H510254" s="12"/>
    </row>
    <row r="510255" spans="8:8">
      <c r="H510255" s="12"/>
    </row>
    <row r="510256" spans="8:8">
      <c r="H510256" s="12"/>
    </row>
    <row r="510257" spans="8:8">
      <c r="H510257" s="12"/>
    </row>
    <row r="510258" spans="8:8">
      <c r="H510258" s="12"/>
    </row>
    <row r="510259" spans="8:8">
      <c r="H510259" s="12"/>
    </row>
    <row r="510260" spans="8:8">
      <c r="H510260" s="12"/>
    </row>
    <row r="510261" spans="8:8">
      <c r="H510261" s="12"/>
    </row>
    <row r="510262" spans="8:8">
      <c r="H510262" s="12"/>
    </row>
    <row r="510263" spans="8:8">
      <c r="H510263" s="12"/>
    </row>
    <row r="510264" spans="8:8">
      <c r="H510264" s="12"/>
    </row>
    <row r="510265" spans="8:8">
      <c r="H510265" s="12"/>
    </row>
    <row r="510266" spans="8:8">
      <c r="H510266" s="12"/>
    </row>
    <row r="510267" spans="8:8">
      <c r="H510267" s="12"/>
    </row>
    <row r="510268" spans="8:8">
      <c r="H510268" s="12"/>
    </row>
    <row r="510269" spans="8:8">
      <c r="H510269" s="12"/>
    </row>
    <row r="510270" spans="8:8">
      <c r="H510270" s="12"/>
    </row>
    <row r="510271" spans="8:8">
      <c r="H510271" s="12"/>
    </row>
    <row r="510272" spans="8:8">
      <c r="H510272" s="12"/>
    </row>
    <row r="510273" spans="8:8">
      <c r="H510273" s="12"/>
    </row>
    <row r="510274" spans="8:8">
      <c r="H510274" s="12"/>
    </row>
    <row r="510275" spans="8:8">
      <c r="H510275" s="12"/>
    </row>
    <row r="510276" spans="8:8">
      <c r="H510276" s="12"/>
    </row>
    <row r="510277" spans="8:8">
      <c r="H510277" s="12"/>
    </row>
    <row r="510278" spans="8:8">
      <c r="H510278" s="12"/>
    </row>
    <row r="510279" spans="8:8">
      <c r="H510279" s="12"/>
    </row>
    <row r="510280" spans="8:8">
      <c r="H510280" s="12"/>
    </row>
    <row r="510281" spans="8:8">
      <c r="H510281" s="12"/>
    </row>
    <row r="510282" spans="8:8">
      <c r="H510282" s="12"/>
    </row>
    <row r="510283" spans="8:8">
      <c r="H510283" s="12"/>
    </row>
    <row r="510284" spans="8:8">
      <c r="H510284" s="12"/>
    </row>
    <row r="510285" spans="8:8">
      <c r="H510285" s="12"/>
    </row>
    <row r="510286" spans="8:8">
      <c r="H510286" s="12"/>
    </row>
    <row r="510287" spans="8:8">
      <c r="H510287" s="12"/>
    </row>
    <row r="510288" spans="8:8">
      <c r="H510288" s="12"/>
    </row>
    <row r="510289" spans="8:8">
      <c r="H510289" s="12"/>
    </row>
    <row r="510290" spans="8:8">
      <c r="H510290" s="12"/>
    </row>
    <row r="510291" spans="8:8">
      <c r="H510291" s="12"/>
    </row>
    <row r="510292" spans="8:8">
      <c r="H510292" s="12"/>
    </row>
    <row r="510293" spans="8:8">
      <c r="H510293" s="12"/>
    </row>
    <row r="510294" spans="8:8">
      <c r="H510294" s="12"/>
    </row>
    <row r="510295" spans="8:8">
      <c r="H510295" s="12"/>
    </row>
    <row r="510296" spans="8:8">
      <c r="H510296" s="12"/>
    </row>
    <row r="510297" spans="8:8">
      <c r="H510297" s="12"/>
    </row>
    <row r="510298" spans="8:8">
      <c r="H510298" s="12"/>
    </row>
    <row r="510299" spans="8:8">
      <c r="H510299" s="12"/>
    </row>
    <row r="510300" spans="8:8">
      <c r="H510300" s="12"/>
    </row>
    <row r="510301" spans="8:8">
      <c r="H510301" s="12"/>
    </row>
    <row r="510302" spans="8:8">
      <c r="H510302" s="12"/>
    </row>
    <row r="510303" spans="8:8">
      <c r="H510303" s="12"/>
    </row>
    <row r="510304" spans="8:8">
      <c r="H510304" s="12"/>
    </row>
    <row r="510305" spans="8:8">
      <c r="H510305" s="12"/>
    </row>
    <row r="510306" spans="8:8">
      <c r="H510306" s="12"/>
    </row>
    <row r="510307" spans="8:8">
      <c r="H510307" s="12"/>
    </row>
    <row r="510308" spans="8:8">
      <c r="H510308" s="12"/>
    </row>
    <row r="510309" spans="8:8">
      <c r="H510309" s="12"/>
    </row>
    <row r="510310" spans="8:8">
      <c r="H510310" s="12"/>
    </row>
    <row r="510311" spans="8:8">
      <c r="H510311" s="12"/>
    </row>
    <row r="510312" spans="8:8">
      <c r="H510312" s="12"/>
    </row>
    <row r="510313" spans="8:8">
      <c r="H510313" s="12"/>
    </row>
    <row r="510314" spans="8:8">
      <c r="H510314" s="12"/>
    </row>
    <row r="510315" spans="8:8">
      <c r="H510315" s="12"/>
    </row>
    <row r="510316" spans="8:8">
      <c r="H510316" s="12"/>
    </row>
    <row r="510317" spans="8:8">
      <c r="H510317" s="12"/>
    </row>
    <row r="510318" spans="8:8">
      <c r="H510318" s="12"/>
    </row>
    <row r="510319" spans="8:8">
      <c r="H510319" s="12"/>
    </row>
    <row r="510320" spans="8:8">
      <c r="H510320" s="12"/>
    </row>
    <row r="510321" spans="8:8">
      <c r="H510321" s="12"/>
    </row>
    <row r="510322" spans="8:8">
      <c r="H510322" s="12"/>
    </row>
    <row r="510323" spans="8:8">
      <c r="H510323" s="12"/>
    </row>
    <row r="510324" spans="8:8">
      <c r="H510324" s="12"/>
    </row>
    <row r="510325" spans="8:8">
      <c r="H510325" s="12"/>
    </row>
    <row r="510326" spans="8:8">
      <c r="H510326" s="12"/>
    </row>
    <row r="510327" spans="8:8">
      <c r="H510327" s="12"/>
    </row>
    <row r="510328" spans="8:8">
      <c r="H510328" s="12"/>
    </row>
    <row r="510329" spans="8:8">
      <c r="H510329" s="12"/>
    </row>
    <row r="510330" spans="8:8">
      <c r="H510330" s="12"/>
    </row>
    <row r="510331" spans="8:8">
      <c r="H510331" s="12"/>
    </row>
    <row r="510332" spans="8:8">
      <c r="H510332" s="12"/>
    </row>
    <row r="510333" spans="8:8">
      <c r="H510333" s="12"/>
    </row>
    <row r="510334" spans="8:8">
      <c r="H510334" s="12"/>
    </row>
    <row r="510335" spans="8:8">
      <c r="H510335" s="12"/>
    </row>
    <row r="510336" spans="8:8">
      <c r="H510336" s="12"/>
    </row>
    <row r="510337" spans="8:8">
      <c r="H510337" s="12"/>
    </row>
    <row r="510338" spans="8:8">
      <c r="H510338" s="12"/>
    </row>
    <row r="510339" spans="8:8">
      <c r="H510339" s="12"/>
    </row>
    <row r="510340" spans="8:8">
      <c r="H510340" s="12"/>
    </row>
    <row r="510341" spans="8:8">
      <c r="H510341" s="12"/>
    </row>
    <row r="510342" spans="8:8">
      <c r="H510342" s="12"/>
    </row>
    <row r="510343" spans="8:8">
      <c r="H510343" s="12"/>
    </row>
    <row r="510344" spans="8:8">
      <c r="H510344" s="12"/>
    </row>
    <row r="510345" spans="8:8">
      <c r="H510345" s="12"/>
    </row>
    <row r="510346" spans="8:8">
      <c r="H510346" s="12"/>
    </row>
    <row r="510347" spans="8:8">
      <c r="H510347" s="12"/>
    </row>
    <row r="510348" spans="8:8">
      <c r="H510348" s="12"/>
    </row>
    <row r="510349" spans="8:8">
      <c r="H510349" s="12"/>
    </row>
    <row r="510350" spans="8:8">
      <c r="H510350" s="12"/>
    </row>
    <row r="510351" spans="8:8">
      <c r="H510351" s="12"/>
    </row>
    <row r="510352" spans="8:8">
      <c r="H510352" s="12"/>
    </row>
    <row r="510353" spans="8:8">
      <c r="H510353" s="12"/>
    </row>
    <row r="510354" spans="8:8">
      <c r="H510354" s="12"/>
    </row>
    <row r="510355" spans="8:8">
      <c r="H510355" s="12"/>
    </row>
    <row r="510356" spans="8:8">
      <c r="H510356" s="12"/>
    </row>
    <row r="510357" spans="8:8">
      <c r="H510357" s="12"/>
    </row>
    <row r="510358" spans="8:8">
      <c r="H510358" s="12"/>
    </row>
    <row r="510359" spans="8:8">
      <c r="H510359" s="12"/>
    </row>
    <row r="510360" spans="8:8">
      <c r="H510360" s="12"/>
    </row>
    <row r="510361" spans="8:8">
      <c r="H510361" s="12"/>
    </row>
    <row r="510362" spans="8:8">
      <c r="H510362" s="12"/>
    </row>
    <row r="510363" spans="8:8">
      <c r="H510363" s="12"/>
    </row>
    <row r="510364" spans="8:8">
      <c r="H510364" s="12"/>
    </row>
    <row r="510365" spans="8:8">
      <c r="H510365" s="12"/>
    </row>
    <row r="510366" spans="8:8">
      <c r="H510366" s="12"/>
    </row>
    <row r="510367" spans="8:8">
      <c r="H510367" s="12"/>
    </row>
    <row r="510368" spans="8:8">
      <c r="H510368" s="12"/>
    </row>
    <row r="510369" spans="8:8">
      <c r="H510369" s="12"/>
    </row>
    <row r="510370" spans="8:8">
      <c r="H510370" s="12"/>
    </row>
    <row r="510371" spans="8:8">
      <c r="H510371" s="12"/>
    </row>
    <row r="510372" spans="8:8">
      <c r="H510372" s="12"/>
    </row>
    <row r="510373" spans="8:8">
      <c r="H510373" s="12"/>
    </row>
    <row r="510374" spans="8:8">
      <c r="H510374" s="12"/>
    </row>
    <row r="510375" spans="8:8">
      <c r="H510375" s="12"/>
    </row>
    <row r="510376" spans="8:8">
      <c r="H510376" s="12"/>
    </row>
    <row r="510377" spans="8:8">
      <c r="H510377" s="12"/>
    </row>
    <row r="510378" spans="8:8">
      <c r="H510378" s="12"/>
    </row>
    <row r="510379" spans="8:8">
      <c r="H510379" s="12"/>
    </row>
    <row r="510380" spans="8:8">
      <c r="H510380" s="12"/>
    </row>
    <row r="510381" spans="8:8">
      <c r="H510381" s="12"/>
    </row>
    <row r="510382" spans="8:8">
      <c r="H510382" s="12"/>
    </row>
    <row r="510383" spans="8:8">
      <c r="H510383" s="12"/>
    </row>
    <row r="510384" spans="8:8">
      <c r="H510384" s="12"/>
    </row>
    <row r="510385" spans="8:8">
      <c r="H510385" s="12"/>
    </row>
    <row r="510386" spans="8:8">
      <c r="H510386" s="12"/>
    </row>
    <row r="510387" spans="8:8">
      <c r="H510387" s="12"/>
    </row>
    <row r="510388" spans="8:8">
      <c r="H510388" s="12"/>
    </row>
    <row r="510389" spans="8:8">
      <c r="H510389" s="12"/>
    </row>
    <row r="510390" spans="8:8">
      <c r="H510390" s="12"/>
    </row>
    <row r="510391" spans="8:8">
      <c r="H510391" s="12"/>
    </row>
    <row r="510392" spans="8:8">
      <c r="H510392" s="12"/>
    </row>
    <row r="510393" spans="8:8">
      <c r="H510393" s="12"/>
    </row>
    <row r="510394" spans="8:8">
      <c r="H510394" s="12"/>
    </row>
    <row r="510395" spans="8:8">
      <c r="H510395" s="12"/>
    </row>
    <row r="510396" spans="8:8">
      <c r="H510396" s="12"/>
    </row>
    <row r="510397" spans="8:8">
      <c r="H510397" s="12"/>
    </row>
    <row r="510398" spans="8:8">
      <c r="H510398" s="12"/>
    </row>
    <row r="510399" spans="8:8">
      <c r="H510399" s="12"/>
    </row>
    <row r="510400" spans="8:8">
      <c r="H510400" s="12"/>
    </row>
    <row r="510401" spans="8:8">
      <c r="H510401" s="12"/>
    </row>
    <row r="510402" spans="8:8">
      <c r="H510402" s="12"/>
    </row>
    <row r="510403" spans="8:8">
      <c r="H510403" s="12"/>
    </row>
    <row r="510404" spans="8:8">
      <c r="H510404" s="12"/>
    </row>
    <row r="510405" spans="8:8">
      <c r="H510405" s="12"/>
    </row>
    <row r="510406" spans="8:8">
      <c r="H510406" s="12"/>
    </row>
    <row r="510407" spans="8:8">
      <c r="H510407" s="12"/>
    </row>
    <row r="510408" spans="8:8">
      <c r="H510408" s="12"/>
    </row>
    <row r="510409" spans="8:8">
      <c r="H510409" s="12"/>
    </row>
    <row r="510410" spans="8:8">
      <c r="H510410" s="12"/>
    </row>
    <row r="510411" spans="8:8">
      <c r="H510411" s="12"/>
    </row>
    <row r="510412" spans="8:8">
      <c r="H510412" s="12"/>
    </row>
    <row r="510413" spans="8:8">
      <c r="H510413" s="12"/>
    </row>
    <row r="510414" spans="8:8">
      <c r="H510414" s="12"/>
    </row>
    <row r="510415" spans="8:8">
      <c r="H510415" s="12"/>
    </row>
    <row r="510416" spans="8:8">
      <c r="H510416" s="12"/>
    </row>
    <row r="510417" spans="8:8">
      <c r="H510417" s="12"/>
    </row>
    <row r="510418" spans="8:8">
      <c r="H510418" s="12"/>
    </row>
    <row r="510419" spans="8:8">
      <c r="H510419" s="12"/>
    </row>
    <row r="510420" spans="8:8">
      <c r="H510420" s="12"/>
    </row>
    <row r="510421" spans="8:8">
      <c r="H510421" s="12"/>
    </row>
    <row r="510422" spans="8:8">
      <c r="H510422" s="12"/>
    </row>
    <row r="510423" spans="8:8">
      <c r="H510423" s="12"/>
    </row>
    <row r="510424" spans="8:8">
      <c r="H510424" s="12"/>
    </row>
    <row r="510425" spans="8:8">
      <c r="H510425" s="12"/>
    </row>
    <row r="510426" spans="8:8">
      <c r="H510426" s="12"/>
    </row>
    <row r="510427" spans="8:8">
      <c r="H510427" s="12"/>
    </row>
    <row r="510428" spans="8:8">
      <c r="H510428" s="12"/>
    </row>
    <row r="510429" spans="8:8">
      <c r="H510429" s="12"/>
    </row>
    <row r="510430" spans="8:8">
      <c r="H510430" s="12"/>
    </row>
    <row r="510431" spans="8:8">
      <c r="H510431" s="12"/>
    </row>
    <row r="510432" spans="8:8">
      <c r="H510432" s="12"/>
    </row>
    <row r="510433" spans="8:8">
      <c r="H510433" s="12"/>
    </row>
    <row r="510434" spans="8:8">
      <c r="H510434" s="12"/>
    </row>
    <row r="510435" spans="8:8">
      <c r="H510435" s="12"/>
    </row>
    <row r="510436" spans="8:8">
      <c r="H510436" s="12"/>
    </row>
    <row r="510437" spans="8:8">
      <c r="H510437" s="12"/>
    </row>
    <row r="510438" spans="8:8">
      <c r="H510438" s="12"/>
    </row>
    <row r="510439" spans="8:8">
      <c r="H510439" s="12"/>
    </row>
    <row r="510440" spans="8:8">
      <c r="H510440" s="12"/>
    </row>
    <row r="510441" spans="8:8">
      <c r="H510441" s="12"/>
    </row>
    <row r="510442" spans="8:8">
      <c r="H510442" s="12"/>
    </row>
    <row r="510443" spans="8:8">
      <c r="H510443" s="12"/>
    </row>
    <row r="510444" spans="8:8">
      <c r="H510444" s="12"/>
    </row>
    <row r="510445" spans="8:8">
      <c r="H510445" s="12"/>
    </row>
    <row r="510446" spans="8:8">
      <c r="H510446" s="12"/>
    </row>
    <row r="510447" spans="8:8">
      <c r="H510447" s="12"/>
    </row>
    <row r="510448" spans="8:8">
      <c r="H510448" s="12"/>
    </row>
    <row r="510449" spans="8:8">
      <c r="H510449" s="12"/>
    </row>
    <row r="510450" spans="8:8">
      <c r="H510450" s="12"/>
    </row>
    <row r="510451" spans="8:8">
      <c r="H510451" s="12"/>
    </row>
    <row r="510452" spans="8:8">
      <c r="H510452" s="12"/>
    </row>
    <row r="510453" spans="8:8">
      <c r="H510453" s="12"/>
    </row>
    <row r="510454" spans="8:8">
      <c r="H510454" s="12"/>
    </row>
    <row r="510455" spans="8:8">
      <c r="H510455" s="12"/>
    </row>
    <row r="510456" spans="8:8">
      <c r="H510456" s="12"/>
    </row>
    <row r="510457" spans="8:8">
      <c r="H510457" s="12"/>
    </row>
    <row r="510458" spans="8:8">
      <c r="H510458" s="12"/>
    </row>
    <row r="510459" spans="8:8">
      <c r="H510459" s="12"/>
    </row>
    <row r="510460" spans="8:8">
      <c r="H510460" s="12"/>
    </row>
    <row r="510461" spans="8:8">
      <c r="H510461" s="12"/>
    </row>
    <row r="510462" spans="8:8">
      <c r="H510462" s="12"/>
    </row>
    <row r="510463" spans="8:8">
      <c r="H510463" s="12"/>
    </row>
    <row r="510464" spans="8:8">
      <c r="H510464" s="12"/>
    </row>
    <row r="510465" spans="8:8">
      <c r="H510465" s="12"/>
    </row>
    <row r="510466" spans="8:8">
      <c r="H510466" s="12"/>
    </row>
    <row r="510467" spans="8:8">
      <c r="H510467" s="12"/>
    </row>
    <row r="510468" spans="8:8">
      <c r="H510468" s="12"/>
    </row>
    <row r="510469" spans="8:8">
      <c r="H510469" s="12"/>
    </row>
    <row r="510470" spans="8:8">
      <c r="H510470" s="12"/>
    </row>
    <row r="510471" spans="8:8">
      <c r="H510471" s="12"/>
    </row>
    <row r="510472" spans="8:8">
      <c r="H510472" s="12"/>
    </row>
    <row r="510473" spans="8:8">
      <c r="H510473" s="12"/>
    </row>
    <row r="510474" spans="8:8">
      <c r="H510474" s="12"/>
    </row>
    <row r="510475" spans="8:8">
      <c r="H510475" s="12"/>
    </row>
    <row r="510476" spans="8:8">
      <c r="H510476" s="12"/>
    </row>
    <row r="510477" spans="8:8">
      <c r="H510477" s="12"/>
    </row>
    <row r="510478" spans="8:8">
      <c r="H510478" s="12"/>
    </row>
    <row r="510479" spans="8:8">
      <c r="H510479" s="12"/>
    </row>
    <row r="510480" spans="8:8">
      <c r="H510480" s="12"/>
    </row>
    <row r="510481" spans="8:8">
      <c r="H510481" s="12"/>
    </row>
    <row r="510482" spans="8:8">
      <c r="H510482" s="12"/>
    </row>
    <row r="510483" spans="8:8">
      <c r="H510483" s="12"/>
    </row>
    <row r="510484" spans="8:8">
      <c r="H510484" s="12"/>
    </row>
    <row r="510485" spans="8:8">
      <c r="H510485" s="12"/>
    </row>
    <row r="510486" spans="8:8">
      <c r="H510486" s="12"/>
    </row>
    <row r="510487" spans="8:8">
      <c r="H510487" s="12"/>
    </row>
    <row r="510488" spans="8:8">
      <c r="H510488" s="12"/>
    </row>
    <row r="510489" spans="8:8">
      <c r="H510489" s="12"/>
    </row>
    <row r="510490" spans="8:8">
      <c r="H510490" s="12"/>
    </row>
    <row r="510491" spans="8:8">
      <c r="H510491" s="12"/>
    </row>
    <row r="510492" spans="8:8">
      <c r="H510492" s="12"/>
    </row>
    <row r="510493" spans="8:8">
      <c r="H510493" s="12"/>
    </row>
    <row r="510494" spans="8:8">
      <c r="H510494" s="12"/>
    </row>
    <row r="510495" spans="8:8">
      <c r="H510495" s="12"/>
    </row>
    <row r="510496" spans="8:8">
      <c r="H510496" s="12"/>
    </row>
    <row r="510497" spans="8:8">
      <c r="H510497" s="12"/>
    </row>
    <row r="510498" spans="8:8">
      <c r="H510498" s="12"/>
    </row>
    <row r="510499" spans="8:8">
      <c r="H510499" s="12"/>
    </row>
    <row r="510500" spans="8:8">
      <c r="H510500" s="12"/>
    </row>
    <row r="510501" spans="8:8">
      <c r="H510501" s="12"/>
    </row>
    <row r="510502" spans="8:8">
      <c r="H510502" s="12"/>
    </row>
    <row r="510503" spans="8:8">
      <c r="H510503" s="12"/>
    </row>
    <row r="510504" spans="8:8">
      <c r="H510504" s="12"/>
    </row>
    <row r="510505" spans="8:8">
      <c r="H510505" s="12"/>
    </row>
    <row r="510506" spans="8:8">
      <c r="H510506" s="12"/>
    </row>
    <row r="510507" spans="8:8">
      <c r="H510507" s="12"/>
    </row>
    <row r="510508" spans="8:8">
      <c r="H510508" s="12"/>
    </row>
    <row r="510509" spans="8:8">
      <c r="H510509" s="12"/>
    </row>
    <row r="510510" spans="8:8">
      <c r="H510510" s="12"/>
    </row>
    <row r="510511" spans="8:8">
      <c r="H510511" s="12"/>
    </row>
    <row r="510512" spans="8:8">
      <c r="H510512" s="12"/>
    </row>
    <row r="510513" spans="8:8">
      <c r="H510513" s="12"/>
    </row>
    <row r="510514" spans="8:8">
      <c r="H510514" s="12"/>
    </row>
    <row r="510515" spans="8:8">
      <c r="H510515" s="12"/>
    </row>
    <row r="510516" spans="8:8">
      <c r="H510516" s="12"/>
    </row>
    <row r="510517" spans="8:8">
      <c r="H510517" s="12"/>
    </row>
    <row r="510518" spans="8:8">
      <c r="H510518" s="12"/>
    </row>
    <row r="510519" spans="8:8">
      <c r="H510519" s="12"/>
    </row>
    <row r="510520" spans="8:8">
      <c r="H510520" s="12"/>
    </row>
    <row r="510521" spans="8:8">
      <c r="H510521" s="12"/>
    </row>
    <row r="510522" spans="8:8">
      <c r="H510522" s="12"/>
    </row>
    <row r="510523" spans="8:8">
      <c r="H510523" s="12"/>
    </row>
    <row r="510524" spans="8:8">
      <c r="H510524" s="12"/>
    </row>
    <row r="510525" spans="8:8">
      <c r="H510525" s="12"/>
    </row>
    <row r="510526" spans="8:8">
      <c r="H510526" s="12"/>
    </row>
    <row r="510527" spans="8:8">
      <c r="H510527" s="12"/>
    </row>
    <row r="510528" spans="8:8">
      <c r="H510528" s="12"/>
    </row>
    <row r="510529" spans="8:8">
      <c r="H510529" s="12"/>
    </row>
    <row r="510530" spans="8:8">
      <c r="H510530" s="12"/>
    </row>
    <row r="510531" spans="8:8">
      <c r="H510531" s="12"/>
    </row>
    <row r="510532" spans="8:8">
      <c r="H510532" s="12"/>
    </row>
    <row r="510533" spans="8:8">
      <c r="H510533" s="12"/>
    </row>
    <row r="510534" spans="8:8">
      <c r="H510534" s="12"/>
    </row>
    <row r="510535" spans="8:8">
      <c r="H510535" s="12"/>
    </row>
    <row r="510536" spans="8:8">
      <c r="H510536" s="12"/>
    </row>
    <row r="510537" spans="8:8">
      <c r="H510537" s="12"/>
    </row>
    <row r="510538" spans="8:8">
      <c r="H510538" s="12"/>
    </row>
    <row r="510539" spans="8:8">
      <c r="H510539" s="12"/>
    </row>
    <row r="510540" spans="8:8">
      <c r="H510540" s="12"/>
    </row>
    <row r="510541" spans="8:8">
      <c r="H510541" s="12"/>
    </row>
    <row r="510542" spans="8:8">
      <c r="H510542" s="12"/>
    </row>
    <row r="510543" spans="8:8">
      <c r="H510543" s="12"/>
    </row>
    <row r="510544" spans="8:8">
      <c r="H510544" s="12"/>
    </row>
    <row r="510545" spans="8:8">
      <c r="H510545" s="12"/>
    </row>
    <row r="510546" spans="8:8">
      <c r="H510546" s="12"/>
    </row>
    <row r="510547" spans="8:8">
      <c r="H510547" s="12"/>
    </row>
    <row r="510548" spans="8:8">
      <c r="H510548" s="12"/>
    </row>
    <row r="510549" spans="8:8">
      <c r="H510549" s="12"/>
    </row>
    <row r="510550" spans="8:8">
      <c r="H510550" s="12"/>
    </row>
    <row r="510551" spans="8:8">
      <c r="H510551" s="12"/>
    </row>
    <row r="510552" spans="8:8">
      <c r="H510552" s="12"/>
    </row>
    <row r="510553" spans="8:8">
      <c r="H510553" s="12"/>
    </row>
    <row r="510554" spans="8:8">
      <c r="H510554" s="12"/>
    </row>
    <row r="510555" spans="8:8">
      <c r="H510555" s="12"/>
    </row>
    <row r="510556" spans="8:8">
      <c r="H510556" s="12"/>
    </row>
    <row r="510557" spans="8:8">
      <c r="H510557" s="12"/>
    </row>
    <row r="510558" spans="8:8">
      <c r="H510558" s="12"/>
    </row>
    <row r="510559" spans="8:8">
      <c r="H510559" s="12"/>
    </row>
    <row r="510560" spans="8:8">
      <c r="H510560" s="12"/>
    </row>
    <row r="510561" spans="8:8">
      <c r="H510561" s="12"/>
    </row>
    <row r="510562" spans="8:8">
      <c r="H510562" s="12"/>
    </row>
    <row r="510563" spans="8:8">
      <c r="H510563" s="12"/>
    </row>
    <row r="510564" spans="8:8">
      <c r="H510564" s="12"/>
    </row>
    <row r="510565" spans="8:8">
      <c r="H510565" s="12"/>
    </row>
    <row r="510566" spans="8:8">
      <c r="H510566" s="12"/>
    </row>
    <row r="510567" spans="8:8">
      <c r="H510567" s="12"/>
    </row>
    <row r="510568" spans="8:8">
      <c r="H510568" s="12"/>
    </row>
    <row r="510569" spans="8:8">
      <c r="H510569" s="12"/>
    </row>
    <row r="510570" spans="8:8">
      <c r="H510570" s="12"/>
    </row>
    <row r="510571" spans="8:8">
      <c r="H510571" s="12"/>
    </row>
    <row r="510572" spans="8:8">
      <c r="H510572" s="12"/>
    </row>
    <row r="510573" spans="8:8">
      <c r="H510573" s="12"/>
    </row>
    <row r="510574" spans="8:8">
      <c r="H510574" s="12"/>
    </row>
    <row r="510575" spans="8:8">
      <c r="H510575" s="12"/>
    </row>
    <row r="510576" spans="8:8">
      <c r="H510576" s="12"/>
    </row>
    <row r="510577" spans="8:8">
      <c r="H510577" s="12"/>
    </row>
    <row r="510578" spans="8:8">
      <c r="H510578" s="12"/>
    </row>
    <row r="510579" spans="8:8">
      <c r="H510579" s="12"/>
    </row>
    <row r="510580" spans="8:8">
      <c r="H510580" s="12"/>
    </row>
    <row r="510581" spans="8:8">
      <c r="H510581" s="12"/>
    </row>
    <row r="510582" spans="8:8">
      <c r="H510582" s="12"/>
    </row>
    <row r="510583" spans="8:8">
      <c r="H510583" s="12"/>
    </row>
    <row r="510584" spans="8:8">
      <c r="H510584" s="12"/>
    </row>
    <row r="510585" spans="8:8">
      <c r="H510585" s="12"/>
    </row>
    <row r="510586" spans="8:8">
      <c r="H510586" s="12"/>
    </row>
    <row r="510587" spans="8:8">
      <c r="H510587" s="12"/>
    </row>
    <row r="510588" spans="8:8">
      <c r="H510588" s="12"/>
    </row>
    <row r="510589" spans="8:8">
      <c r="H510589" s="12"/>
    </row>
    <row r="510590" spans="8:8">
      <c r="H510590" s="12"/>
    </row>
    <row r="510591" spans="8:8">
      <c r="H510591" s="12"/>
    </row>
    <row r="510592" spans="8:8">
      <c r="H510592" s="12"/>
    </row>
    <row r="510593" spans="8:8">
      <c r="H510593" s="12"/>
    </row>
    <row r="510594" spans="8:8">
      <c r="H510594" s="12"/>
    </row>
    <row r="510595" spans="8:8">
      <c r="H510595" s="12"/>
    </row>
    <row r="510596" spans="8:8">
      <c r="H510596" s="12"/>
    </row>
    <row r="510597" spans="8:8">
      <c r="H510597" s="12"/>
    </row>
    <row r="510598" spans="8:8">
      <c r="H510598" s="12"/>
    </row>
    <row r="510599" spans="8:8">
      <c r="H510599" s="12"/>
    </row>
    <row r="510600" spans="8:8">
      <c r="H510600" s="12"/>
    </row>
    <row r="510601" spans="8:8">
      <c r="H510601" s="12"/>
    </row>
    <row r="510602" spans="8:8">
      <c r="H510602" s="12"/>
    </row>
    <row r="510603" spans="8:8">
      <c r="H510603" s="12"/>
    </row>
    <row r="510604" spans="8:8">
      <c r="H510604" s="12"/>
    </row>
    <row r="510605" spans="8:8">
      <c r="H510605" s="12"/>
    </row>
    <row r="510606" spans="8:8">
      <c r="H510606" s="12"/>
    </row>
    <row r="510607" spans="8:8">
      <c r="H510607" s="12"/>
    </row>
    <row r="510608" spans="8:8">
      <c r="H510608" s="12"/>
    </row>
    <row r="510609" spans="8:8">
      <c r="H510609" s="12"/>
    </row>
    <row r="510610" spans="8:8">
      <c r="H510610" s="12"/>
    </row>
    <row r="510611" spans="8:8">
      <c r="H510611" s="12"/>
    </row>
    <row r="510612" spans="8:8">
      <c r="H510612" s="12"/>
    </row>
    <row r="510613" spans="8:8">
      <c r="H510613" s="12"/>
    </row>
    <row r="510614" spans="8:8">
      <c r="H510614" s="12"/>
    </row>
    <row r="510615" spans="8:8">
      <c r="H510615" s="12"/>
    </row>
    <row r="510616" spans="8:8">
      <c r="H510616" s="12"/>
    </row>
    <row r="510617" spans="8:8">
      <c r="H510617" s="12"/>
    </row>
    <row r="510618" spans="8:8">
      <c r="H510618" s="12"/>
    </row>
    <row r="510619" spans="8:8">
      <c r="H510619" s="12"/>
    </row>
    <row r="510620" spans="8:8">
      <c r="H510620" s="12"/>
    </row>
    <row r="510621" spans="8:8">
      <c r="H510621" s="12"/>
    </row>
    <row r="510622" spans="8:8">
      <c r="H510622" s="12"/>
    </row>
    <row r="510623" spans="8:8">
      <c r="H510623" s="12"/>
    </row>
    <row r="510624" spans="8:8">
      <c r="H510624" s="12"/>
    </row>
    <row r="510625" spans="8:8">
      <c r="H510625" s="12"/>
    </row>
    <row r="510626" spans="8:8">
      <c r="H510626" s="12"/>
    </row>
    <row r="510627" spans="8:8">
      <c r="H510627" s="12"/>
    </row>
    <row r="510628" spans="8:8">
      <c r="H510628" s="12"/>
    </row>
    <row r="510629" spans="8:8">
      <c r="H510629" s="12"/>
    </row>
    <row r="510630" spans="8:8">
      <c r="H510630" s="12"/>
    </row>
    <row r="510631" spans="8:8">
      <c r="H510631" s="12"/>
    </row>
    <row r="510632" spans="8:8">
      <c r="H510632" s="12"/>
    </row>
    <row r="510633" spans="8:8">
      <c r="H510633" s="12"/>
    </row>
    <row r="510634" spans="8:8">
      <c r="H510634" s="12"/>
    </row>
    <row r="510635" spans="8:8">
      <c r="H510635" s="12"/>
    </row>
    <row r="510636" spans="8:8">
      <c r="H510636" s="12"/>
    </row>
    <row r="510637" spans="8:8">
      <c r="H510637" s="12"/>
    </row>
    <row r="510638" spans="8:8">
      <c r="H510638" s="12"/>
    </row>
    <row r="510639" spans="8:8">
      <c r="H510639" s="12"/>
    </row>
    <row r="510640" spans="8:8">
      <c r="H510640" s="12"/>
    </row>
    <row r="510641" spans="8:8">
      <c r="H510641" s="12"/>
    </row>
    <row r="510642" spans="8:8">
      <c r="H510642" s="12"/>
    </row>
    <row r="510643" spans="8:8">
      <c r="H510643" s="12"/>
    </row>
    <row r="510644" spans="8:8">
      <c r="H510644" s="12"/>
    </row>
    <row r="510645" spans="8:8">
      <c r="H510645" s="12"/>
    </row>
    <row r="510646" spans="8:8">
      <c r="H510646" s="12"/>
    </row>
    <row r="510647" spans="8:8">
      <c r="H510647" s="12"/>
    </row>
    <row r="510648" spans="8:8">
      <c r="H510648" s="12"/>
    </row>
    <row r="510649" spans="8:8">
      <c r="H510649" s="12"/>
    </row>
    <row r="510650" spans="8:8">
      <c r="H510650" s="12"/>
    </row>
    <row r="510651" spans="8:8">
      <c r="H510651" s="12"/>
    </row>
    <row r="510652" spans="8:8">
      <c r="H510652" s="12"/>
    </row>
    <row r="510653" spans="8:8">
      <c r="H510653" s="12"/>
    </row>
    <row r="510654" spans="8:8">
      <c r="H510654" s="12"/>
    </row>
    <row r="510655" spans="8:8">
      <c r="H510655" s="12"/>
    </row>
    <row r="510656" spans="8:8">
      <c r="H510656" s="12"/>
    </row>
    <row r="510657" spans="8:8">
      <c r="H510657" s="12"/>
    </row>
    <row r="510658" spans="8:8">
      <c r="H510658" s="12"/>
    </row>
    <row r="510659" spans="8:8">
      <c r="H510659" s="12"/>
    </row>
    <row r="510660" spans="8:8">
      <c r="H510660" s="12"/>
    </row>
    <row r="510661" spans="8:8">
      <c r="H510661" s="12"/>
    </row>
    <row r="510662" spans="8:8">
      <c r="H510662" s="12"/>
    </row>
    <row r="510663" spans="8:8">
      <c r="H510663" s="12"/>
    </row>
    <row r="510664" spans="8:8">
      <c r="H510664" s="12"/>
    </row>
    <row r="510665" spans="8:8">
      <c r="H510665" s="12"/>
    </row>
    <row r="510666" spans="8:8">
      <c r="H510666" s="12"/>
    </row>
    <row r="510667" spans="8:8">
      <c r="H510667" s="12"/>
    </row>
    <row r="510668" spans="8:8">
      <c r="H510668" s="12"/>
    </row>
    <row r="510669" spans="8:8">
      <c r="H510669" s="12"/>
    </row>
    <row r="510670" spans="8:8">
      <c r="H510670" s="12"/>
    </row>
    <row r="510671" spans="8:8">
      <c r="H510671" s="12"/>
    </row>
    <row r="510672" spans="8:8">
      <c r="H510672" s="12"/>
    </row>
    <row r="510673" spans="8:8">
      <c r="H510673" s="12"/>
    </row>
    <row r="510674" spans="8:8">
      <c r="H510674" s="12"/>
    </row>
    <row r="510675" spans="8:8">
      <c r="H510675" s="12"/>
    </row>
    <row r="510676" spans="8:8">
      <c r="H510676" s="12"/>
    </row>
    <row r="510677" spans="8:8">
      <c r="H510677" s="12"/>
    </row>
    <row r="510678" spans="8:8">
      <c r="H510678" s="12"/>
    </row>
    <row r="510679" spans="8:8">
      <c r="H510679" s="12"/>
    </row>
    <row r="510680" spans="8:8">
      <c r="H510680" s="12"/>
    </row>
    <row r="510681" spans="8:8">
      <c r="H510681" s="12"/>
    </row>
    <row r="510682" spans="8:8">
      <c r="H510682" s="12"/>
    </row>
    <row r="510683" spans="8:8">
      <c r="H510683" s="12"/>
    </row>
    <row r="510684" spans="8:8">
      <c r="H510684" s="12"/>
    </row>
    <row r="510685" spans="8:8">
      <c r="H510685" s="12"/>
    </row>
    <row r="510686" spans="8:8">
      <c r="H510686" s="12"/>
    </row>
    <row r="510687" spans="8:8">
      <c r="H510687" s="12"/>
    </row>
    <row r="510688" spans="8:8">
      <c r="H510688" s="12"/>
    </row>
    <row r="510689" spans="8:8">
      <c r="H510689" s="12"/>
    </row>
    <row r="510690" spans="8:8">
      <c r="H510690" s="12"/>
    </row>
    <row r="510691" spans="8:8">
      <c r="H510691" s="12"/>
    </row>
    <row r="510692" spans="8:8">
      <c r="H510692" s="12"/>
    </row>
    <row r="510693" spans="8:8">
      <c r="H510693" s="12"/>
    </row>
    <row r="510694" spans="8:8">
      <c r="H510694" s="12"/>
    </row>
    <row r="510695" spans="8:8">
      <c r="H510695" s="12"/>
    </row>
    <row r="510696" spans="8:8">
      <c r="H510696" s="12"/>
    </row>
    <row r="510697" spans="8:8">
      <c r="H510697" s="12"/>
    </row>
    <row r="510698" spans="8:8">
      <c r="H510698" s="12"/>
    </row>
    <row r="510699" spans="8:8">
      <c r="H510699" s="12"/>
    </row>
    <row r="510700" spans="8:8">
      <c r="H510700" s="12"/>
    </row>
    <row r="510701" spans="8:8">
      <c r="H510701" s="12"/>
    </row>
    <row r="510702" spans="8:8">
      <c r="H510702" s="12"/>
    </row>
    <row r="510703" spans="8:8">
      <c r="H510703" s="12"/>
    </row>
    <row r="510704" spans="8:8">
      <c r="H510704" s="12"/>
    </row>
    <row r="510705" spans="8:8">
      <c r="H510705" s="12"/>
    </row>
    <row r="510706" spans="8:8">
      <c r="H510706" s="12"/>
    </row>
    <row r="510707" spans="8:8">
      <c r="H510707" s="12"/>
    </row>
    <row r="510708" spans="8:8">
      <c r="H510708" s="12"/>
    </row>
    <row r="510709" spans="8:8">
      <c r="H510709" s="12"/>
    </row>
    <row r="510710" spans="8:8">
      <c r="H510710" s="12"/>
    </row>
    <row r="510711" spans="8:8">
      <c r="H510711" s="12"/>
    </row>
    <row r="510712" spans="8:8">
      <c r="H510712" s="12"/>
    </row>
    <row r="510713" spans="8:8">
      <c r="H510713" s="12"/>
    </row>
    <row r="510714" spans="8:8">
      <c r="H510714" s="12"/>
    </row>
    <row r="510715" spans="8:8">
      <c r="H510715" s="12"/>
    </row>
    <row r="510716" spans="8:8">
      <c r="H510716" s="12"/>
    </row>
    <row r="510717" spans="8:8">
      <c r="H510717" s="12"/>
    </row>
    <row r="510718" spans="8:8">
      <c r="H510718" s="12"/>
    </row>
    <row r="510719" spans="8:8">
      <c r="H510719" s="12"/>
    </row>
    <row r="510720" spans="8:8">
      <c r="H510720" s="12"/>
    </row>
    <row r="510721" spans="8:8">
      <c r="H510721" s="12"/>
    </row>
    <row r="510722" spans="8:8">
      <c r="H510722" s="12"/>
    </row>
    <row r="510723" spans="8:8">
      <c r="H510723" s="12"/>
    </row>
    <row r="510724" spans="8:8">
      <c r="H510724" s="12"/>
    </row>
    <row r="510725" spans="8:8">
      <c r="H510725" s="12"/>
    </row>
    <row r="510726" spans="8:8">
      <c r="H510726" s="12"/>
    </row>
    <row r="510727" spans="8:8">
      <c r="H510727" s="12"/>
    </row>
    <row r="510728" spans="8:8">
      <c r="H510728" s="12"/>
    </row>
    <row r="510729" spans="8:8">
      <c r="H510729" s="12"/>
    </row>
    <row r="510730" spans="8:8">
      <c r="H510730" s="12"/>
    </row>
    <row r="510731" spans="8:8">
      <c r="H510731" s="12"/>
    </row>
    <row r="510732" spans="8:8">
      <c r="H510732" s="12"/>
    </row>
    <row r="510733" spans="8:8">
      <c r="H510733" s="12"/>
    </row>
    <row r="510734" spans="8:8">
      <c r="H510734" s="12"/>
    </row>
    <row r="510735" spans="8:8">
      <c r="H510735" s="12"/>
    </row>
    <row r="510736" spans="8:8">
      <c r="H510736" s="12"/>
    </row>
    <row r="510737" spans="8:8">
      <c r="H510737" s="12"/>
    </row>
    <row r="510738" spans="8:8">
      <c r="H510738" s="12"/>
    </row>
    <row r="510739" spans="8:8">
      <c r="H510739" s="12"/>
    </row>
    <row r="510740" spans="8:8">
      <c r="H510740" s="12"/>
    </row>
    <row r="510741" spans="8:8">
      <c r="H510741" s="12"/>
    </row>
    <row r="510742" spans="8:8">
      <c r="H510742" s="12"/>
    </row>
    <row r="510743" spans="8:8">
      <c r="H510743" s="12"/>
    </row>
    <row r="510744" spans="8:8">
      <c r="H510744" s="12"/>
    </row>
    <row r="510745" spans="8:8">
      <c r="H510745" s="12"/>
    </row>
    <row r="510746" spans="8:8">
      <c r="H510746" s="12"/>
    </row>
    <row r="510747" spans="8:8">
      <c r="H510747" s="12"/>
    </row>
    <row r="510748" spans="8:8">
      <c r="H510748" s="12"/>
    </row>
    <row r="510749" spans="8:8">
      <c r="H510749" s="12"/>
    </row>
    <row r="510750" spans="8:8">
      <c r="H510750" s="12"/>
    </row>
    <row r="510751" spans="8:8">
      <c r="H510751" s="12"/>
    </row>
    <row r="510752" spans="8:8">
      <c r="H510752" s="12"/>
    </row>
    <row r="510753" spans="8:8">
      <c r="H510753" s="12"/>
    </row>
    <row r="510754" spans="8:8">
      <c r="H510754" s="12"/>
    </row>
    <row r="510755" spans="8:8">
      <c r="H510755" s="12"/>
    </row>
    <row r="510756" spans="8:8">
      <c r="H510756" s="12"/>
    </row>
    <row r="510757" spans="8:8">
      <c r="H510757" s="12"/>
    </row>
    <row r="510758" spans="8:8">
      <c r="H510758" s="12"/>
    </row>
    <row r="510759" spans="8:8">
      <c r="H510759" s="12"/>
    </row>
    <row r="510760" spans="8:8">
      <c r="H510760" s="12"/>
    </row>
    <row r="510761" spans="8:8">
      <c r="H510761" s="12"/>
    </row>
    <row r="510762" spans="8:8">
      <c r="H510762" s="12"/>
    </row>
    <row r="510763" spans="8:8">
      <c r="H510763" s="12"/>
    </row>
    <row r="510764" spans="8:8">
      <c r="H510764" s="12"/>
    </row>
    <row r="510765" spans="8:8">
      <c r="H510765" s="12"/>
    </row>
    <row r="510766" spans="8:8">
      <c r="H510766" s="12"/>
    </row>
    <row r="510767" spans="8:8">
      <c r="H510767" s="12"/>
    </row>
    <row r="510768" spans="8:8">
      <c r="H510768" s="12"/>
    </row>
    <row r="510769" spans="8:8">
      <c r="H510769" s="12"/>
    </row>
    <row r="510770" spans="8:8">
      <c r="H510770" s="12"/>
    </row>
    <row r="510771" spans="8:8">
      <c r="H510771" s="12"/>
    </row>
    <row r="510772" spans="8:8">
      <c r="H510772" s="12"/>
    </row>
    <row r="510773" spans="8:8">
      <c r="H510773" s="12"/>
    </row>
    <row r="510774" spans="8:8">
      <c r="H510774" s="12"/>
    </row>
    <row r="510775" spans="8:8">
      <c r="H510775" s="12"/>
    </row>
    <row r="510776" spans="8:8">
      <c r="H510776" s="12"/>
    </row>
    <row r="510777" spans="8:8">
      <c r="H510777" s="12"/>
    </row>
    <row r="510778" spans="8:8">
      <c r="H510778" s="12"/>
    </row>
    <row r="510779" spans="8:8">
      <c r="H510779" s="12"/>
    </row>
    <row r="510780" spans="8:8">
      <c r="H510780" s="12"/>
    </row>
    <row r="510781" spans="8:8">
      <c r="H510781" s="12"/>
    </row>
    <row r="510782" spans="8:8">
      <c r="H510782" s="12"/>
    </row>
    <row r="510783" spans="8:8">
      <c r="H510783" s="12"/>
    </row>
    <row r="510784" spans="8:8">
      <c r="H510784" s="12"/>
    </row>
    <row r="510785" spans="8:8">
      <c r="H510785" s="12"/>
    </row>
    <row r="510786" spans="8:8">
      <c r="H510786" s="12"/>
    </row>
    <row r="510787" spans="8:8">
      <c r="H510787" s="12"/>
    </row>
    <row r="510788" spans="8:8">
      <c r="H510788" s="12"/>
    </row>
    <row r="510789" spans="8:8">
      <c r="H510789" s="12"/>
    </row>
    <row r="510790" spans="8:8">
      <c r="H510790" s="12"/>
    </row>
    <row r="510791" spans="8:8">
      <c r="H510791" s="12"/>
    </row>
    <row r="510792" spans="8:8">
      <c r="H510792" s="12"/>
    </row>
    <row r="510793" spans="8:8">
      <c r="H510793" s="12"/>
    </row>
    <row r="510794" spans="8:8">
      <c r="H510794" s="12"/>
    </row>
    <row r="510795" spans="8:8">
      <c r="H510795" s="12"/>
    </row>
    <row r="510796" spans="8:8">
      <c r="H510796" s="12"/>
    </row>
    <row r="510797" spans="8:8">
      <c r="H510797" s="12"/>
    </row>
    <row r="510798" spans="8:8">
      <c r="H510798" s="12"/>
    </row>
    <row r="510799" spans="8:8">
      <c r="H510799" s="12"/>
    </row>
    <row r="510800" spans="8:8">
      <c r="H510800" s="12"/>
    </row>
    <row r="510801" spans="8:8">
      <c r="H510801" s="12"/>
    </row>
    <row r="510802" spans="8:8">
      <c r="H510802" s="12"/>
    </row>
    <row r="510803" spans="8:8">
      <c r="H510803" s="12"/>
    </row>
    <row r="510804" spans="8:8">
      <c r="H510804" s="12"/>
    </row>
    <row r="510805" spans="8:8">
      <c r="H510805" s="12"/>
    </row>
    <row r="510806" spans="8:8">
      <c r="H510806" s="12"/>
    </row>
    <row r="510807" spans="8:8">
      <c r="H510807" s="12"/>
    </row>
    <row r="510808" spans="8:8">
      <c r="H510808" s="12"/>
    </row>
    <row r="510809" spans="8:8">
      <c r="H510809" s="12"/>
    </row>
    <row r="510810" spans="8:8">
      <c r="H510810" s="12"/>
    </row>
    <row r="510811" spans="8:8">
      <c r="H510811" s="12"/>
    </row>
    <row r="510812" spans="8:8">
      <c r="H510812" s="12"/>
    </row>
    <row r="510813" spans="8:8">
      <c r="H510813" s="12"/>
    </row>
    <row r="510814" spans="8:8">
      <c r="H510814" s="12"/>
    </row>
    <row r="510815" spans="8:8">
      <c r="H510815" s="12"/>
    </row>
    <row r="510816" spans="8:8">
      <c r="H510816" s="12"/>
    </row>
    <row r="510817" spans="8:8">
      <c r="H510817" s="12"/>
    </row>
    <row r="510818" spans="8:8">
      <c r="H510818" s="12"/>
    </row>
    <row r="510819" spans="8:8">
      <c r="H510819" s="12"/>
    </row>
    <row r="510820" spans="8:8">
      <c r="H510820" s="12"/>
    </row>
    <row r="510821" spans="8:8">
      <c r="H510821" s="12"/>
    </row>
    <row r="510822" spans="8:8">
      <c r="H510822" s="12"/>
    </row>
    <row r="510823" spans="8:8">
      <c r="H510823" s="12"/>
    </row>
    <row r="510824" spans="8:8">
      <c r="H510824" s="12"/>
    </row>
    <row r="510825" spans="8:8">
      <c r="H510825" s="12"/>
    </row>
    <row r="510826" spans="8:8">
      <c r="H510826" s="12"/>
    </row>
    <row r="510827" spans="8:8">
      <c r="H510827" s="12"/>
    </row>
    <row r="510828" spans="8:8">
      <c r="H510828" s="12"/>
    </row>
    <row r="510829" spans="8:8">
      <c r="H510829" s="12"/>
    </row>
    <row r="510830" spans="8:8">
      <c r="H510830" s="12"/>
    </row>
    <row r="510831" spans="8:8">
      <c r="H510831" s="12"/>
    </row>
    <row r="510832" spans="8:8">
      <c r="H510832" s="12"/>
    </row>
    <row r="510833" spans="8:8">
      <c r="H510833" s="12"/>
    </row>
    <row r="510834" spans="8:8">
      <c r="H510834" s="12"/>
    </row>
    <row r="510835" spans="8:8">
      <c r="H510835" s="12"/>
    </row>
    <row r="510836" spans="8:8">
      <c r="H510836" s="12"/>
    </row>
    <row r="510837" spans="8:8">
      <c r="H510837" s="12"/>
    </row>
    <row r="510838" spans="8:8">
      <c r="H510838" s="12"/>
    </row>
    <row r="510839" spans="8:8">
      <c r="H510839" s="12"/>
    </row>
    <row r="510840" spans="8:8">
      <c r="H510840" s="12"/>
    </row>
    <row r="510841" spans="8:8">
      <c r="H510841" s="12"/>
    </row>
    <row r="510842" spans="8:8">
      <c r="H510842" s="12"/>
    </row>
    <row r="510843" spans="8:8">
      <c r="H510843" s="12"/>
    </row>
    <row r="510844" spans="8:8">
      <c r="H510844" s="12"/>
    </row>
    <row r="510845" spans="8:8">
      <c r="H510845" s="12"/>
    </row>
    <row r="510846" spans="8:8">
      <c r="H510846" s="12"/>
    </row>
    <row r="510847" spans="8:8">
      <c r="H510847" s="12"/>
    </row>
    <row r="510848" spans="8:8">
      <c r="H510848" s="12"/>
    </row>
    <row r="510849" spans="8:8">
      <c r="H510849" s="12"/>
    </row>
    <row r="510850" spans="8:8">
      <c r="H510850" s="12"/>
    </row>
    <row r="510851" spans="8:8">
      <c r="H510851" s="12"/>
    </row>
    <row r="510852" spans="8:8">
      <c r="H510852" s="12"/>
    </row>
    <row r="510853" spans="8:8">
      <c r="H510853" s="12"/>
    </row>
    <row r="510854" spans="8:8">
      <c r="H510854" s="12"/>
    </row>
    <row r="510855" spans="8:8">
      <c r="H510855" s="12"/>
    </row>
    <row r="510856" spans="8:8">
      <c r="H510856" s="12"/>
    </row>
    <row r="510857" spans="8:8">
      <c r="H510857" s="12"/>
    </row>
    <row r="510858" spans="8:8">
      <c r="H510858" s="12"/>
    </row>
    <row r="510859" spans="8:8">
      <c r="H510859" s="12"/>
    </row>
    <row r="510860" spans="8:8">
      <c r="H510860" s="12"/>
    </row>
    <row r="510861" spans="8:8">
      <c r="H510861" s="12"/>
    </row>
    <row r="510862" spans="8:8">
      <c r="H510862" s="12"/>
    </row>
    <row r="510863" spans="8:8">
      <c r="H510863" s="12"/>
    </row>
    <row r="510864" spans="8:8">
      <c r="H510864" s="12"/>
    </row>
    <row r="510865" spans="8:8">
      <c r="H510865" s="12"/>
    </row>
    <row r="510866" spans="8:8">
      <c r="H510866" s="12"/>
    </row>
    <row r="510867" spans="8:8">
      <c r="H510867" s="12"/>
    </row>
    <row r="510868" spans="8:8">
      <c r="H510868" s="12"/>
    </row>
    <row r="510869" spans="8:8">
      <c r="H510869" s="12"/>
    </row>
    <row r="510870" spans="8:8">
      <c r="H510870" s="12"/>
    </row>
    <row r="510871" spans="8:8">
      <c r="H510871" s="12"/>
    </row>
    <row r="510872" spans="8:8">
      <c r="H510872" s="12"/>
    </row>
    <row r="510873" spans="8:8">
      <c r="H510873" s="12"/>
    </row>
    <row r="510874" spans="8:8">
      <c r="H510874" s="12"/>
    </row>
    <row r="510875" spans="8:8">
      <c r="H510875" s="12"/>
    </row>
    <row r="510876" spans="8:8">
      <c r="H510876" s="12"/>
    </row>
    <row r="510877" spans="8:8">
      <c r="H510877" s="12"/>
    </row>
    <row r="510878" spans="8:8">
      <c r="H510878" s="12"/>
    </row>
    <row r="510879" spans="8:8">
      <c r="H510879" s="12"/>
    </row>
    <row r="510880" spans="8:8">
      <c r="H510880" s="12"/>
    </row>
    <row r="510881" spans="8:8">
      <c r="H510881" s="12"/>
    </row>
    <row r="510882" spans="8:8">
      <c r="H510882" s="12"/>
    </row>
    <row r="510883" spans="8:8">
      <c r="H510883" s="12"/>
    </row>
    <row r="510884" spans="8:8">
      <c r="H510884" s="12"/>
    </row>
    <row r="510885" spans="8:8">
      <c r="H510885" s="12"/>
    </row>
    <row r="510886" spans="8:8">
      <c r="H510886" s="12"/>
    </row>
    <row r="510887" spans="8:8">
      <c r="H510887" s="12"/>
    </row>
    <row r="510888" spans="8:8">
      <c r="H510888" s="12"/>
    </row>
    <row r="510889" spans="8:8">
      <c r="H510889" s="12"/>
    </row>
    <row r="510890" spans="8:8">
      <c r="H510890" s="12"/>
    </row>
    <row r="510891" spans="8:8">
      <c r="H510891" s="12"/>
    </row>
    <row r="510892" spans="8:8">
      <c r="H510892" s="12"/>
    </row>
    <row r="510893" spans="8:8">
      <c r="H510893" s="12"/>
    </row>
    <row r="510894" spans="8:8">
      <c r="H510894" s="12"/>
    </row>
    <row r="510895" spans="8:8">
      <c r="H510895" s="12"/>
    </row>
    <row r="510896" spans="8:8">
      <c r="H510896" s="12"/>
    </row>
    <row r="510897" spans="8:8">
      <c r="H510897" s="12"/>
    </row>
    <row r="510898" spans="8:8">
      <c r="H510898" s="12"/>
    </row>
    <row r="510899" spans="8:8">
      <c r="H510899" s="12"/>
    </row>
    <row r="510900" spans="8:8">
      <c r="H510900" s="12"/>
    </row>
    <row r="510901" spans="8:8">
      <c r="H510901" s="12"/>
    </row>
    <row r="510902" spans="8:8">
      <c r="H510902" s="12"/>
    </row>
    <row r="510903" spans="8:8">
      <c r="H510903" s="12"/>
    </row>
    <row r="510904" spans="8:8">
      <c r="H510904" s="12"/>
    </row>
    <row r="510905" spans="8:8">
      <c r="H510905" s="12"/>
    </row>
    <row r="510906" spans="8:8">
      <c r="H510906" s="12"/>
    </row>
    <row r="510907" spans="8:8">
      <c r="H510907" s="12"/>
    </row>
    <row r="510908" spans="8:8">
      <c r="H510908" s="12"/>
    </row>
    <row r="510909" spans="8:8">
      <c r="H510909" s="12"/>
    </row>
    <row r="510910" spans="8:8">
      <c r="H510910" s="12"/>
    </row>
    <row r="510911" spans="8:8">
      <c r="H510911" s="12"/>
    </row>
    <row r="510912" spans="8:8">
      <c r="H510912" s="12"/>
    </row>
    <row r="510913" spans="8:8">
      <c r="H510913" s="12"/>
    </row>
    <row r="510914" spans="8:8">
      <c r="H510914" s="12"/>
    </row>
    <row r="510915" spans="8:8">
      <c r="H510915" s="12"/>
    </row>
    <row r="510916" spans="8:8">
      <c r="H510916" s="12"/>
    </row>
    <row r="510917" spans="8:8">
      <c r="H510917" s="12"/>
    </row>
    <row r="510918" spans="8:8">
      <c r="H510918" s="12"/>
    </row>
    <row r="510919" spans="8:8">
      <c r="H510919" s="12"/>
    </row>
    <row r="510920" spans="8:8">
      <c r="H510920" s="12"/>
    </row>
    <row r="510921" spans="8:8">
      <c r="H510921" s="12"/>
    </row>
    <row r="510922" spans="8:8">
      <c r="H510922" s="12"/>
    </row>
    <row r="510923" spans="8:8">
      <c r="H510923" s="12"/>
    </row>
    <row r="510924" spans="8:8">
      <c r="H510924" s="12"/>
    </row>
    <row r="510925" spans="8:8">
      <c r="H510925" s="12"/>
    </row>
    <row r="510926" spans="8:8">
      <c r="H510926" s="12"/>
    </row>
    <row r="510927" spans="8:8">
      <c r="H510927" s="12"/>
    </row>
    <row r="510928" spans="8:8">
      <c r="H510928" s="12"/>
    </row>
    <row r="510929" spans="8:8">
      <c r="H510929" s="12"/>
    </row>
    <row r="510930" spans="8:8">
      <c r="H510930" s="12"/>
    </row>
    <row r="510931" spans="8:8">
      <c r="H510931" s="12"/>
    </row>
    <row r="510932" spans="8:8">
      <c r="H510932" s="12"/>
    </row>
    <row r="510933" spans="8:8">
      <c r="H510933" s="12"/>
    </row>
    <row r="510934" spans="8:8">
      <c r="H510934" s="12"/>
    </row>
    <row r="510935" spans="8:8">
      <c r="H510935" s="12"/>
    </row>
    <row r="510936" spans="8:8">
      <c r="H510936" s="12"/>
    </row>
    <row r="510937" spans="8:8">
      <c r="H510937" s="12"/>
    </row>
    <row r="510938" spans="8:8">
      <c r="H510938" s="12"/>
    </row>
    <row r="510939" spans="8:8">
      <c r="H510939" s="12"/>
    </row>
    <row r="510940" spans="8:8">
      <c r="H510940" s="12"/>
    </row>
    <row r="510941" spans="8:8">
      <c r="H510941" s="12"/>
    </row>
    <row r="510942" spans="8:8">
      <c r="H510942" s="12"/>
    </row>
    <row r="510943" spans="8:8">
      <c r="H510943" s="12"/>
    </row>
    <row r="510944" spans="8:8">
      <c r="H510944" s="12"/>
    </row>
    <row r="510945" spans="8:8">
      <c r="H510945" s="12"/>
    </row>
    <row r="510946" spans="8:8">
      <c r="H510946" s="12"/>
    </row>
    <row r="510947" spans="8:8">
      <c r="H510947" s="12"/>
    </row>
    <row r="510948" spans="8:8">
      <c r="H510948" s="12"/>
    </row>
    <row r="510949" spans="8:8">
      <c r="H510949" s="12"/>
    </row>
    <row r="510950" spans="8:8">
      <c r="H510950" s="12"/>
    </row>
    <row r="510951" spans="8:8">
      <c r="H510951" s="12"/>
    </row>
    <row r="510952" spans="8:8">
      <c r="H510952" s="12"/>
    </row>
    <row r="510953" spans="8:8">
      <c r="H510953" s="12"/>
    </row>
    <row r="510954" spans="8:8">
      <c r="H510954" s="12"/>
    </row>
    <row r="510955" spans="8:8">
      <c r="H510955" s="12"/>
    </row>
    <row r="510956" spans="8:8">
      <c r="H510956" s="12"/>
    </row>
    <row r="510957" spans="8:8">
      <c r="H510957" s="12"/>
    </row>
    <row r="510958" spans="8:8">
      <c r="H510958" s="12"/>
    </row>
    <row r="510959" spans="8:8">
      <c r="H510959" s="12"/>
    </row>
    <row r="510960" spans="8:8">
      <c r="H510960" s="12"/>
    </row>
    <row r="510961" spans="8:8">
      <c r="H510961" s="12"/>
    </row>
    <row r="510962" spans="8:8">
      <c r="H510962" s="12"/>
    </row>
    <row r="510963" spans="8:8">
      <c r="H510963" s="12"/>
    </row>
    <row r="510964" spans="8:8">
      <c r="H510964" s="12"/>
    </row>
    <row r="510965" spans="8:8">
      <c r="H510965" s="12"/>
    </row>
    <row r="510966" spans="8:8">
      <c r="H510966" s="12"/>
    </row>
    <row r="510967" spans="8:8">
      <c r="H510967" s="12"/>
    </row>
    <row r="510968" spans="8:8">
      <c r="H510968" s="12"/>
    </row>
    <row r="510969" spans="8:8">
      <c r="H510969" s="12"/>
    </row>
    <row r="510970" spans="8:8">
      <c r="H510970" s="12"/>
    </row>
    <row r="510971" spans="8:8">
      <c r="H510971" s="12"/>
    </row>
    <row r="510972" spans="8:8">
      <c r="H510972" s="12"/>
    </row>
    <row r="510973" spans="8:8">
      <c r="H510973" s="12"/>
    </row>
    <row r="510974" spans="8:8">
      <c r="H510974" s="12"/>
    </row>
    <row r="510975" spans="8:8">
      <c r="H510975" s="12"/>
    </row>
    <row r="510976" spans="8:8">
      <c r="H510976" s="12"/>
    </row>
    <row r="510977" spans="8:8">
      <c r="H510977" s="12"/>
    </row>
    <row r="510978" spans="8:8">
      <c r="H510978" s="12"/>
    </row>
    <row r="510979" spans="8:8">
      <c r="H510979" s="12"/>
    </row>
    <row r="510980" spans="8:8">
      <c r="H510980" s="12"/>
    </row>
    <row r="510981" spans="8:8">
      <c r="H510981" s="12"/>
    </row>
    <row r="510982" spans="8:8">
      <c r="H510982" s="12"/>
    </row>
    <row r="510983" spans="8:8">
      <c r="H510983" s="12"/>
    </row>
    <row r="510984" spans="8:8">
      <c r="H510984" s="12"/>
    </row>
    <row r="510985" spans="8:8">
      <c r="H510985" s="12"/>
    </row>
    <row r="510986" spans="8:8">
      <c r="H510986" s="12"/>
    </row>
    <row r="510987" spans="8:8">
      <c r="H510987" s="12"/>
    </row>
    <row r="510988" spans="8:8">
      <c r="H510988" s="12"/>
    </row>
    <row r="510989" spans="8:8">
      <c r="H510989" s="12"/>
    </row>
    <row r="510990" spans="8:8">
      <c r="H510990" s="12"/>
    </row>
    <row r="510991" spans="8:8">
      <c r="H510991" s="12"/>
    </row>
    <row r="510992" spans="8:8">
      <c r="H510992" s="12"/>
    </row>
    <row r="510993" spans="8:8">
      <c r="H510993" s="12"/>
    </row>
    <row r="510994" spans="8:8">
      <c r="H510994" s="12"/>
    </row>
    <row r="510995" spans="8:8">
      <c r="H510995" s="12"/>
    </row>
    <row r="510996" spans="8:8">
      <c r="H510996" s="12"/>
    </row>
    <row r="510997" spans="8:8">
      <c r="H510997" s="12"/>
    </row>
    <row r="510998" spans="8:8">
      <c r="H510998" s="12"/>
    </row>
    <row r="510999" spans="8:8">
      <c r="H510999" s="12"/>
    </row>
    <row r="511000" spans="8:8">
      <c r="H511000" s="12"/>
    </row>
    <row r="511001" spans="8:8">
      <c r="H511001" s="12"/>
    </row>
    <row r="511002" spans="8:8">
      <c r="H511002" s="12"/>
    </row>
    <row r="511003" spans="8:8">
      <c r="H511003" s="12"/>
    </row>
    <row r="511004" spans="8:8">
      <c r="H511004" s="12"/>
    </row>
    <row r="511005" spans="8:8">
      <c r="H511005" s="12"/>
    </row>
    <row r="511006" spans="8:8">
      <c r="H511006" s="12"/>
    </row>
    <row r="511007" spans="8:8">
      <c r="H511007" s="12"/>
    </row>
    <row r="511008" spans="8:8">
      <c r="H511008" s="12"/>
    </row>
    <row r="511009" spans="8:8">
      <c r="H511009" s="12"/>
    </row>
    <row r="511010" spans="8:8">
      <c r="H511010" s="12"/>
    </row>
    <row r="511011" spans="8:8">
      <c r="H511011" s="12"/>
    </row>
    <row r="511012" spans="8:8">
      <c r="H511012" s="12"/>
    </row>
    <row r="511013" spans="8:8">
      <c r="H511013" s="12"/>
    </row>
    <row r="511014" spans="8:8">
      <c r="H511014" s="12"/>
    </row>
    <row r="511015" spans="8:8">
      <c r="H511015" s="12"/>
    </row>
    <row r="511016" spans="8:8">
      <c r="H511016" s="12"/>
    </row>
    <row r="511017" spans="8:8">
      <c r="H511017" s="12"/>
    </row>
    <row r="511018" spans="8:8">
      <c r="H511018" s="12"/>
    </row>
    <row r="511019" spans="8:8">
      <c r="H511019" s="12"/>
    </row>
    <row r="511020" spans="8:8">
      <c r="H511020" s="12"/>
    </row>
    <row r="511021" spans="8:8">
      <c r="H511021" s="12"/>
    </row>
    <row r="511022" spans="8:8">
      <c r="H511022" s="12"/>
    </row>
    <row r="511023" spans="8:8">
      <c r="H511023" s="12"/>
    </row>
    <row r="511024" spans="8:8">
      <c r="H511024" s="12"/>
    </row>
    <row r="511025" spans="8:8">
      <c r="H511025" s="12"/>
    </row>
    <row r="511026" spans="8:8">
      <c r="H511026" s="12"/>
    </row>
    <row r="511027" spans="8:8">
      <c r="H511027" s="12"/>
    </row>
    <row r="511028" spans="8:8">
      <c r="H511028" s="12"/>
    </row>
    <row r="511029" spans="8:8">
      <c r="H511029" s="12"/>
    </row>
    <row r="511030" spans="8:8">
      <c r="H511030" s="12"/>
    </row>
    <row r="511031" spans="8:8">
      <c r="H511031" s="12"/>
    </row>
    <row r="511032" spans="8:8">
      <c r="H511032" s="12"/>
    </row>
    <row r="511033" spans="8:8">
      <c r="H511033" s="12"/>
    </row>
    <row r="511034" spans="8:8">
      <c r="H511034" s="12"/>
    </row>
    <row r="511035" spans="8:8">
      <c r="H511035" s="12"/>
    </row>
    <row r="511036" spans="8:8">
      <c r="H511036" s="12"/>
    </row>
    <row r="511037" spans="8:8">
      <c r="H511037" s="12"/>
    </row>
    <row r="511038" spans="8:8">
      <c r="H511038" s="12"/>
    </row>
    <row r="511039" spans="8:8">
      <c r="H511039" s="12"/>
    </row>
    <row r="511040" spans="8:8">
      <c r="H511040" s="12"/>
    </row>
    <row r="511041" spans="8:8">
      <c r="H511041" s="12"/>
    </row>
    <row r="511042" spans="8:8">
      <c r="H511042" s="12"/>
    </row>
    <row r="511043" spans="8:8">
      <c r="H511043" s="12"/>
    </row>
    <row r="511044" spans="8:8">
      <c r="H511044" s="12"/>
    </row>
    <row r="511045" spans="8:8">
      <c r="H511045" s="12"/>
    </row>
    <row r="511046" spans="8:8">
      <c r="H511046" s="12"/>
    </row>
    <row r="511047" spans="8:8">
      <c r="H511047" s="12"/>
    </row>
    <row r="511048" spans="8:8">
      <c r="H511048" s="12"/>
    </row>
    <row r="511049" spans="8:8">
      <c r="H511049" s="12"/>
    </row>
    <row r="511050" spans="8:8">
      <c r="H511050" s="12"/>
    </row>
    <row r="511051" spans="8:8">
      <c r="H511051" s="12"/>
    </row>
    <row r="511052" spans="8:8">
      <c r="H511052" s="12"/>
    </row>
    <row r="511053" spans="8:8">
      <c r="H511053" s="12"/>
    </row>
    <row r="511054" spans="8:8">
      <c r="H511054" s="12"/>
    </row>
    <row r="511055" spans="8:8">
      <c r="H511055" s="12"/>
    </row>
    <row r="511056" spans="8:8">
      <c r="H511056" s="12"/>
    </row>
    <row r="511057" spans="8:8">
      <c r="H511057" s="12"/>
    </row>
    <row r="511058" spans="8:8">
      <c r="H511058" s="12"/>
    </row>
    <row r="511059" spans="8:8">
      <c r="H511059" s="12"/>
    </row>
    <row r="511060" spans="8:8">
      <c r="H511060" s="12"/>
    </row>
    <row r="511061" spans="8:8">
      <c r="H511061" s="12"/>
    </row>
    <row r="511062" spans="8:8">
      <c r="H511062" s="12"/>
    </row>
    <row r="511063" spans="8:8">
      <c r="H511063" s="12"/>
    </row>
    <row r="511064" spans="8:8">
      <c r="H511064" s="12"/>
    </row>
    <row r="511065" spans="8:8">
      <c r="H511065" s="12"/>
    </row>
    <row r="511066" spans="8:8">
      <c r="H511066" s="12"/>
    </row>
    <row r="511067" spans="8:8">
      <c r="H511067" s="12"/>
    </row>
    <row r="511068" spans="8:8">
      <c r="H511068" s="12"/>
    </row>
    <row r="511069" spans="8:8">
      <c r="H511069" s="12"/>
    </row>
    <row r="511070" spans="8:8">
      <c r="H511070" s="12"/>
    </row>
    <row r="511071" spans="8:8">
      <c r="H511071" s="12"/>
    </row>
    <row r="511072" spans="8:8">
      <c r="H511072" s="12"/>
    </row>
    <row r="511073" spans="8:8">
      <c r="H511073" s="12"/>
    </row>
    <row r="511074" spans="8:8">
      <c r="H511074" s="12"/>
    </row>
    <row r="511075" spans="8:8">
      <c r="H511075" s="12"/>
    </row>
    <row r="511076" spans="8:8">
      <c r="H511076" s="12"/>
    </row>
    <row r="511077" spans="8:8">
      <c r="H511077" s="12"/>
    </row>
    <row r="511078" spans="8:8">
      <c r="H511078" s="12"/>
    </row>
    <row r="511079" spans="8:8">
      <c r="H511079" s="12"/>
    </row>
    <row r="511080" spans="8:8">
      <c r="H511080" s="12"/>
    </row>
    <row r="511081" spans="8:8">
      <c r="H511081" s="12"/>
    </row>
    <row r="511082" spans="8:8">
      <c r="H511082" s="12"/>
    </row>
    <row r="511083" spans="8:8">
      <c r="H511083" s="12"/>
    </row>
    <row r="511084" spans="8:8">
      <c r="H511084" s="12"/>
    </row>
    <row r="511085" spans="8:8">
      <c r="H511085" s="12"/>
    </row>
    <row r="511086" spans="8:8">
      <c r="H511086" s="12"/>
    </row>
    <row r="511087" spans="8:8">
      <c r="H511087" s="12"/>
    </row>
    <row r="511088" spans="8:8">
      <c r="H511088" s="12"/>
    </row>
    <row r="511089" spans="8:8">
      <c r="H511089" s="12"/>
    </row>
    <row r="511090" spans="8:8">
      <c r="H511090" s="12"/>
    </row>
    <row r="511091" spans="8:8">
      <c r="H511091" s="12"/>
    </row>
    <row r="511092" spans="8:8">
      <c r="H511092" s="12"/>
    </row>
    <row r="511093" spans="8:8">
      <c r="H511093" s="12"/>
    </row>
    <row r="511094" spans="8:8">
      <c r="H511094" s="12"/>
    </row>
    <row r="511095" spans="8:8">
      <c r="H511095" s="12"/>
    </row>
    <row r="511096" spans="8:8">
      <c r="H511096" s="12"/>
    </row>
    <row r="511097" spans="8:8">
      <c r="H511097" s="12"/>
    </row>
    <row r="511098" spans="8:8">
      <c r="H511098" s="12"/>
    </row>
    <row r="511099" spans="8:8">
      <c r="H511099" s="12"/>
    </row>
    <row r="511100" spans="8:8">
      <c r="H511100" s="12"/>
    </row>
    <row r="511101" spans="8:8">
      <c r="H511101" s="12"/>
    </row>
    <row r="511102" spans="8:8">
      <c r="H511102" s="12"/>
    </row>
    <row r="511103" spans="8:8">
      <c r="H511103" s="12"/>
    </row>
    <row r="511104" spans="8:8">
      <c r="H511104" s="12"/>
    </row>
    <row r="511105" spans="8:8">
      <c r="H511105" s="12"/>
    </row>
    <row r="511106" spans="8:8">
      <c r="H511106" s="12"/>
    </row>
    <row r="511107" spans="8:8">
      <c r="H511107" s="12"/>
    </row>
    <row r="511108" spans="8:8">
      <c r="H511108" s="12"/>
    </row>
    <row r="511109" spans="8:8">
      <c r="H511109" s="12"/>
    </row>
    <row r="511110" spans="8:8">
      <c r="H511110" s="12"/>
    </row>
    <row r="511111" spans="8:8">
      <c r="H511111" s="12"/>
    </row>
    <row r="511112" spans="8:8">
      <c r="H511112" s="12"/>
    </row>
    <row r="511113" spans="8:8">
      <c r="H511113" s="12"/>
    </row>
    <row r="511114" spans="8:8">
      <c r="H511114" s="12"/>
    </row>
    <row r="511115" spans="8:8">
      <c r="H511115" s="12"/>
    </row>
    <row r="511116" spans="8:8">
      <c r="H511116" s="12"/>
    </row>
    <row r="511117" spans="8:8">
      <c r="H511117" s="12"/>
    </row>
    <row r="511118" spans="8:8">
      <c r="H511118" s="12"/>
    </row>
    <row r="511119" spans="8:8">
      <c r="H511119" s="12"/>
    </row>
    <row r="511120" spans="8:8">
      <c r="H511120" s="12"/>
    </row>
    <row r="511121" spans="8:8">
      <c r="H511121" s="12"/>
    </row>
    <row r="511122" spans="8:8">
      <c r="H511122" s="12"/>
    </row>
    <row r="511123" spans="8:8">
      <c r="H511123" s="12"/>
    </row>
    <row r="511124" spans="8:8">
      <c r="H511124" s="12"/>
    </row>
    <row r="511125" spans="8:8">
      <c r="H511125" s="12"/>
    </row>
    <row r="511126" spans="8:8">
      <c r="H511126" s="12"/>
    </row>
    <row r="511127" spans="8:8">
      <c r="H511127" s="12"/>
    </row>
    <row r="511128" spans="8:8">
      <c r="H511128" s="12"/>
    </row>
    <row r="511129" spans="8:8">
      <c r="H511129" s="12"/>
    </row>
    <row r="511130" spans="8:8">
      <c r="H511130" s="12"/>
    </row>
    <row r="511131" spans="8:8">
      <c r="H511131" s="12"/>
    </row>
    <row r="511132" spans="8:8">
      <c r="H511132" s="12"/>
    </row>
    <row r="511133" spans="8:8">
      <c r="H511133" s="12"/>
    </row>
    <row r="511134" spans="8:8">
      <c r="H511134" s="12"/>
    </row>
    <row r="511135" spans="8:8">
      <c r="H511135" s="12"/>
    </row>
    <row r="511136" spans="8:8">
      <c r="H511136" s="12"/>
    </row>
    <row r="511137" spans="8:8">
      <c r="H511137" s="12"/>
    </row>
    <row r="511138" spans="8:8">
      <c r="H511138" s="12"/>
    </row>
    <row r="511139" spans="8:8">
      <c r="H511139" s="12"/>
    </row>
    <row r="511140" spans="8:8">
      <c r="H511140" s="12"/>
    </row>
    <row r="511141" spans="8:8">
      <c r="H511141" s="12"/>
    </row>
    <row r="511142" spans="8:8">
      <c r="H511142" s="12"/>
    </row>
    <row r="511143" spans="8:8">
      <c r="H511143" s="12"/>
    </row>
    <row r="511144" spans="8:8">
      <c r="H511144" s="12"/>
    </row>
    <row r="511145" spans="8:8">
      <c r="H511145" s="12"/>
    </row>
    <row r="511146" spans="8:8">
      <c r="H511146" s="12"/>
    </row>
    <row r="511147" spans="8:8">
      <c r="H511147" s="12"/>
    </row>
    <row r="511148" spans="8:8">
      <c r="H511148" s="12"/>
    </row>
    <row r="511149" spans="8:8">
      <c r="H511149" s="12"/>
    </row>
    <row r="511150" spans="8:8">
      <c r="H511150" s="12"/>
    </row>
    <row r="511151" spans="8:8">
      <c r="H511151" s="12"/>
    </row>
    <row r="511152" spans="8:8">
      <c r="H511152" s="12"/>
    </row>
    <row r="511153" spans="8:8">
      <c r="H511153" s="12"/>
    </row>
    <row r="511154" spans="8:8">
      <c r="H511154" s="12"/>
    </row>
    <row r="511155" spans="8:8">
      <c r="H511155" s="12"/>
    </row>
    <row r="511156" spans="8:8">
      <c r="H511156" s="12"/>
    </row>
    <row r="511157" spans="8:8">
      <c r="H511157" s="12"/>
    </row>
    <row r="511158" spans="8:8">
      <c r="H511158" s="12"/>
    </row>
    <row r="511159" spans="8:8">
      <c r="H511159" s="12"/>
    </row>
    <row r="511160" spans="8:8">
      <c r="H511160" s="12"/>
    </row>
    <row r="511161" spans="8:8">
      <c r="H511161" s="12"/>
    </row>
    <row r="511162" spans="8:8">
      <c r="H511162" s="12"/>
    </row>
    <row r="511163" spans="8:8">
      <c r="H511163" s="12"/>
    </row>
    <row r="511164" spans="8:8">
      <c r="H511164" s="12"/>
    </row>
    <row r="511165" spans="8:8">
      <c r="H511165" s="12"/>
    </row>
    <row r="511166" spans="8:8">
      <c r="H511166" s="12"/>
    </row>
    <row r="511167" spans="8:8">
      <c r="H511167" s="12"/>
    </row>
    <row r="511168" spans="8:8">
      <c r="H511168" s="12"/>
    </row>
    <row r="511169" spans="8:8">
      <c r="H511169" s="12"/>
    </row>
    <row r="511170" spans="8:8">
      <c r="H511170" s="12"/>
    </row>
    <row r="511171" spans="8:8">
      <c r="H511171" s="12"/>
    </row>
    <row r="511172" spans="8:8">
      <c r="H511172" s="12"/>
    </row>
    <row r="511173" spans="8:8">
      <c r="H511173" s="12"/>
    </row>
    <row r="511174" spans="8:8">
      <c r="H511174" s="12"/>
    </row>
    <row r="511175" spans="8:8">
      <c r="H511175" s="12"/>
    </row>
    <row r="511176" spans="8:8">
      <c r="H511176" s="12"/>
    </row>
    <row r="511177" spans="8:8">
      <c r="H511177" s="12"/>
    </row>
    <row r="511178" spans="8:8">
      <c r="H511178" s="12"/>
    </row>
    <row r="511179" spans="8:8">
      <c r="H511179" s="12"/>
    </row>
    <row r="511180" spans="8:8">
      <c r="H511180" s="12"/>
    </row>
    <row r="511181" spans="8:8">
      <c r="H511181" s="12"/>
    </row>
    <row r="511182" spans="8:8">
      <c r="H511182" s="12"/>
    </row>
    <row r="511183" spans="8:8">
      <c r="H511183" s="12"/>
    </row>
    <row r="511184" spans="8:8">
      <c r="H511184" s="12"/>
    </row>
    <row r="511185" spans="8:8">
      <c r="H511185" s="12"/>
    </row>
    <row r="511186" spans="8:8">
      <c r="H511186" s="12"/>
    </row>
    <row r="511187" spans="8:8">
      <c r="H511187" s="12"/>
    </row>
    <row r="511188" spans="8:8">
      <c r="H511188" s="12"/>
    </row>
    <row r="511189" spans="8:8">
      <c r="H511189" s="12"/>
    </row>
    <row r="511190" spans="8:8">
      <c r="H511190" s="12"/>
    </row>
    <row r="511191" spans="8:8">
      <c r="H511191" s="12"/>
    </row>
    <row r="511192" spans="8:8">
      <c r="H511192" s="12"/>
    </row>
    <row r="511193" spans="8:8">
      <c r="H511193" s="12"/>
    </row>
    <row r="511194" spans="8:8">
      <c r="H511194" s="12"/>
    </row>
    <row r="511195" spans="8:8">
      <c r="H511195" s="12"/>
    </row>
    <row r="511196" spans="8:8">
      <c r="H511196" s="12"/>
    </row>
    <row r="511197" spans="8:8">
      <c r="H511197" s="12"/>
    </row>
    <row r="511198" spans="8:8">
      <c r="H511198" s="12"/>
    </row>
    <row r="511199" spans="8:8">
      <c r="H511199" s="12"/>
    </row>
    <row r="511200" spans="8:8">
      <c r="H511200" s="12"/>
    </row>
    <row r="511201" spans="8:8">
      <c r="H511201" s="12"/>
    </row>
    <row r="511202" spans="8:8">
      <c r="H511202" s="12"/>
    </row>
    <row r="511203" spans="8:8">
      <c r="H511203" s="12"/>
    </row>
    <row r="511204" spans="8:8">
      <c r="H511204" s="12"/>
    </row>
    <row r="511205" spans="8:8">
      <c r="H511205" s="12"/>
    </row>
    <row r="511206" spans="8:8">
      <c r="H511206" s="12"/>
    </row>
    <row r="511207" spans="8:8">
      <c r="H511207" s="12"/>
    </row>
    <row r="511208" spans="8:8">
      <c r="H511208" s="12"/>
    </row>
    <row r="511209" spans="8:8">
      <c r="H511209" s="12"/>
    </row>
    <row r="511210" spans="8:8">
      <c r="H511210" s="12"/>
    </row>
    <row r="511211" spans="8:8">
      <c r="H511211" s="12"/>
    </row>
    <row r="511212" spans="8:8">
      <c r="H511212" s="12"/>
    </row>
    <row r="511213" spans="8:8">
      <c r="H511213" s="12"/>
    </row>
    <row r="511214" spans="8:8">
      <c r="H511214" s="12"/>
    </row>
    <row r="511215" spans="8:8">
      <c r="H511215" s="12"/>
    </row>
    <row r="511216" spans="8:8">
      <c r="H511216" s="12"/>
    </row>
    <row r="511217" spans="8:8">
      <c r="H511217" s="12"/>
    </row>
    <row r="511218" spans="8:8">
      <c r="H511218" s="12"/>
    </row>
    <row r="511219" spans="8:8">
      <c r="H511219" s="12"/>
    </row>
    <row r="511220" spans="8:8">
      <c r="H511220" s="12"/>
    </row>
    <row r="511221" spans="8:8">
      <c r="H511221" s="12"/>
    </row>
    <row r="511222" spans="8:8">
      <c r="H511222" s="12"/>
    </row>
    <row r="511223" spans="8:8">
      <c r="H511223" s="12"/>
    </row>
    <row r="511224" spans="8:8">
      <c r="H511224" s="12"/>
    </row>
    <row r="511225" spans="8:8">
      <c r="H511225" s="12"/>
    </row>
    <row r="511226" spans="8:8">
      <c r="H511226" s="12"/>
    </row>
    <row r="511227" spans="8:8">
      <c r="H511227" s="12"/>
    </row>
    <row r="511228" spans="8:8">
      <c r="H511228" s="12"/>
    </row>
    <row r="511229" spans="8:8">
      <c r="H511229" s="12"/>
    </row>
    <row r="511230" spans="8:8">
      <c r="H511230" s="12"/>
    </row>
    <row r="511231" spans="8:8">
      <c r="H511231" s="12"/>
    </row>
    <row r="511232" spans="8:8">
      <c r="H511232" s="12"/>
    </row>
    <row r="511233" spans="8:8">
      <c r="H511233" s="12"/>
    </row>
    <row r="511234" spans="8:8">
      <c r="H511234" s="12"/>
    </row>
    <row r="511235" spans="8:8">
      <c r="H511235" s="12"/>
    </row>
    <row r="511236" spans="8:8">
      <c r="H511236" s="12"/>
    </row>
    <row r="511237" spans="8:8">
      <c r="H511237" s="12"/>
    </row>
    <row r="511238" spans="8:8">
      <c r="H511238" s="12"/>
    </row>
    <row r="511239" spans="8:8">
      <c r="H511239" s="12"/>
    </row>
    <row r="511240" spans="8:8">
      <c r="H511240" s="12"/>
    </row>
    <row r="511241" spans="8:8">
      <c r="H511241" s="12"/>
    </row>
    <row r="511242" spans="8:8">
      <c r="H511242" s="12"/>
    </row>
    <row r="511243" spans="8:8">
      <c r="H511243" s="12"/>
    </row>
    <row r="511244" spans="8:8">
      <c r="H511244" s="12"/>
    </row>
    <row r="511245" spans="8:8">
      <c r="H511245" s="12"/>
    </row>
    <row r="511246" spans="8:8">
      <c r="H511246" s="12"/>
    </row>
    <row r="511247" spans="8:8">
      <c r="H511247" s="12"/>
    </row>
    <row r="511248" spans="8:8">
      <c r="H511248" s="12"/>
    </row>
    <row r="511249" spans="8:8">
      <c r="H511249" s="12"/>
    </row>
    <row r="511250" spans="8:8">
      <c r="H511250" s="12"/>
    </row>
    <row r="511251" spans="8:8">
      <c r="H511251" s="12"/>
    </row>
    <row r="511252" spans="8:8">
      <c r="H511252" s="12"/>
    </row>
    <row r="511253" spans="8:8">
      <c r="H511253" s="12"/>
    </row>
    <row r="511254" spans="8:8">
      <c r="H511254" s="12"/>
    </row>
    <row r="511255" spans="8:8">
      <c r="H511255" s="12"/>
    </row>
    <row r="511256" spans="8:8">
      <c r="H511256" s="12"/>
    </row>
    <row r="511257" spans="8:8">
      <c r="H511257" s="12"/>
    </row>
    <row r="511258" spans="8:8">
      <c r="H511258" s="12"/>
    </row>
    <row r="511259" spans="8:8">
      <c r="H511259" s="12"/>
    </row>
    <row r="511260" spans="8:8">
      <c r="H511260" s="12"/>
    </row>
    <row r="511261" spans="8:8">
      <c r="H511261" s="12"/>
    </row>
    <row r="511262" spans="8:8">
      <c r="H511262" s="12"/>
    </row>
    <row r="511263" spans="8:8">
      <c r="H511263" s="12"/>
    </row>
    <row r="511264" spans="8:8">
      <c r="H511264" s="12"/>
    </row>
    <row r="511265" spans="8:8">
      <c r="H511265" s="12"/>
    </row>
    <row r="511266" spans="8:8">
      <c r="H511266" s="12"/>
    </row>
    <row r="511267" spans="8:8">
      <c r="H511267" s="12"/>
    </row>
    <row r="511268" spans="8:8">
      <c r="H511268" s="12"/>
    </row>
    <row r="511269" spans="8:8">
      <c r="H511269" s="12"/>
    </row>
    <row r="511270" spans="8:8">
      <c r="H511270" s="12"/>
    </row>
    <row r="511271" spans="8:8">
      <c r="H511271" s="12"/>
    </row>
    <row r="511272" spans="8:8">
      <c r="H511272" s="12"/>
    </row>
    <row r="511273" spans="8:8">
      <c r="H511273" s="12"/>
    </row>
    <row r="511274" spans="8:8">
      <c r="H511274" s="12"/>
    </row>
    <row r="511275" spans="8:8">
      <c r="H511275" s="12"/>
    </row>
    <row r="511276" spans="8:8">
      <c r="H511276" s="12"/>
    </row>
    <row r="511277" spans="8:8">
      <c r="H511277" s="12"/>
    </row>
    <row r="511278" spans="8:8">
      <c r="H511278" s="12"/>
    </row>
    <row r="511279" spans="8:8">
      <c r="H511279" s="12"/>
    </row>
    <row r="511280" spans="8:8">
      <c r="H511280" s="12"/>
    </row>
    <row r="511281" spans="8:8">
      <c r="H511281" s="12"/>
    </row>
    <row r="511282" spans="8:8">
      <c r="H511282" s="12"/>
    </row>
    <row r="511283" spans="8:8">
      <c r="H511283" s="12"/>
    </row>
    <row r="511284" spans="8:8">
      <c r="H511284" s="12"/>
    </row>
    <row r="511285" spans="8:8">
      <c r="H511285" s="12"/>
    </row>
    <row r="511286" spans="8:8">
      <c r="H511286" s="12"/>
    </row>
    <row r="511287" spans="8:8">
      <c r="H511287" s="12"/>
    </row>
    <row r="511288" spans="8:8">
      <c r="H511288" s="12"/>
    </row>
    <row r="511289" spans="8:8">
      <c r="H511289" s="12"/>
    </row>
    <row r="511290" spans="8:8">
      <c r="H511290" s="12"/>
    </row>
    <row r="511291" spans="8:8">
      <c r="H511291" s="12"/>
    </row>
    <row r="511292" spans="8:8">
      <c r="H511292" s="12"/>
    </row>
    <row r="511293" spans="8:8">
      <c r="H511293" s="12"/>
    </row>
    <row r="511294" spans="8:8">
      <c r="H511294" s="12"/>
    </row>
    <row r="511295" spans="8:8">
      <c r="H511295" s="12"/>
    </row>
    <row r="511296" spans="8:8">
      <c r="H511296" s="12"/>
    </row>
    <row r="511297" spans="8:8">
      <c r="H511297" s="12"/>
    </row>
    <row r="511298" spans="8:8">
      <c r="H511298" s="12"/>
    </row>
    <row r="511299" spans="8:8">
      <c r="H511299" s="12"/>
    </row>
    <row r="511300" spans="8:8">
      <c r="H511300" s="12"/>
    </row>
    <row r="511301" spans="8:8">
      <c r="H511301" s="12"/>
    </row>
    <row r="511302" spans="8:8">
      <c r="H511302" s="12"/>
    </row>
    <row r="511303" spans="8:8">
      <c r="H511303" s="12"/>
    </row>
    <row r="511304" spans="8:8">
      <c r="H511304" s="12"/>
    </row>
    <row r="511305" spans="8:8">
      <c r="H511305" s="12"/>
    </row>
    <row r="511306" spans="8:8">
      <c r="H511306" s="12"/>
    </row>
    <row r="511307" spans="8:8">
      <c r="H511307" s="12"/>
    </row>
    <row r="511308" spans="8:8">
      <c r="H511308" s="12"/>
    </row>
    <row r="511309" spans="8:8">
      <c r="H511309" s="12"/>
    </row>
    <row r="511310" spans="8:8">
      <c r="H511310" s="12"/>
    </row>
    <row r="511311" spans="8:8">
      <c r="H511311" s="12"/>
    </row>
    <row r="511312" spans="8:8">
      <c r="H511312" s="12"/>
    </row>
    <row r="511313" spans="8:8">
      <c r="H511313" s="12"/>
    </row>
    <row r="511314" spans="8:8">
      <c r="H511314" s="12"/>
    </row>
    <row r="511315" spans="8:8">
      <c r="H511315" s="12"/>
    </row>
    <row r="511316" spans="8:8">
      <c r="H511316" s="12"/>
    </row>
    <row r="511317" spans="8:8">
      <c r="H511317" s="12"/>
    </row>
    <row r="511318" spans="8:8">
      <c r="H511318" s="12"/>
    </row>
    <row r="511319" spans="8:8">
      <c r="H511319" s="12"/>
    </row>
    <row r="511320" spans="8:8">
      <c r="H511320" s="12"/>
    </row>
    <row r="511321" spans="8:8">
      <c r="H511321" s="12"/>
    </row>
    <row r="511322" spans="8:8">
      <c r="H511322" s="12"/>
    </row>
    <row r="511323" spans="8:8">
      <c r="H511323" s="12"/>
    </row>
    <row r="511324" spans="8:8">
      <c r="H511324" s="12"/>
    </row>
    <row r="511325" spans="8:8">
      <c r="H511325" s="12"/>
    </row>
    <row r="511326" spans="8:8">
      <c r="H511326" s="12"/>
    </row>
    <row r="511327" spans="8:8">
      <c r="H511327" s="12"/>
    </row>
    <row r="511328" spans="8:8">
      <c r="H511328" s="12"/>
    </row>
    <row r="511329" spans="8:8">
      <c r="H511329" s="12"/>
    </row>
    <row r="511330" spans="8:8">
      <c r="H511330" s="12"/>
    </row>
    <row r="511331" spans="8:8">
      <c r="H511331" s="12"/>
    </row>
    <row r="511332" spans="8:8">
      <c r="H511332" s="12"/>
    </row>
    <row r="511333" spans="8:8">
      <c r="H511333" s="12"/>
    </row>
    <row r="511334" spans="8:8">
      <c r="H511334" s="12"/>
    </row>
    <row r="511335" spans="8:8">
      <c r="H511335" s="12"/>
    </row>
    <row r="511336" spans="8:8">
      <c r="H511336" s="12"/>
    </row>
    <row r="511337" spans="8:8">
      <c r="H511337" s="12"/>
    </row>
    <row r="511338" spans="8:8">
      <c r="H511338" s="12"/>
    </row>
    <row r="511339" spans="8:8">
      <c r="H511339" s="12"/>
    </row>
    <row r="511340" spans="8:8">
      <c r="H511340" s="12"/>
    </row>
    <row r="511341" spans="8:8">
      <c r="H511341" s="12"/>
    </row>
    <row r="511342" spans="8:8">
      <c r="H511342" s="12"/>
    </row>
    <row r="511343" spans="8:8">
      <c r="H511343" s="12"/>
    </row>
    <row r="511344" spans="8:8">
      <c r="H511344" s="12"/>
    </row>
    <row r="511345" spans="8:8">
      <c r="H511345" s="12"/>
    </row>
    <row r="511346" spans="8:8">
      <c r="H511346" s="12"/>
    </row>
    <row r="511347" spans="8:8">
      <c r="H511347" s="12"/>
    </row>
    <row r="511348" spans="8:8">
      <c r="H511348" s="12"/>
    </row>
    <row r="511349" spans="8:8">
      <c r="H511349" s="12"/>
    </row>
    <row r="511350" spans="8:8">
      <c r="H511350" s="12"/>
    </row>
    <row r="511351" spans="8:8">
      <c r="H511351" s="12"/>
    </row>
    <row r="511352" spans="8:8">
      <c r="H511352" s="12"/>
    </row>
    <row r="511353" spans="8:8">
      <c r="H511353" s="12"/>
    </row>
    <row r="511354" spans="8:8">
      <c r="H511354" s="12"/>
    </row>
    <row r="511355" spans="8:8">
      <c r="H511355" s="12"/>
    </row>
    <row r="511356" spans="8:8">
      <c r="H511356" s="12"/>
    </row>
    <row r="511357" spans="8:8">
      <c r="H511357" s="12"/>
    </row>
    <row r="511358" spans="8:8">
      <c r="H511358" s="12"/>
    </row>
    <row r="511359" spans="8:8">
      <c r="H511359" s="12"/>
    </row>
    <row r="511360" spans="8:8">
      <c r="H511360" s="12"/>
    </row>
    <row r="511361" spans="8:8">
      <c r="H511361" s="12"/>
    </row>
    <row r="511362" spans="8:8">
      <c r="H511362" s="12"/>
    </row>
    <row r="511363" spans="8:8">
      <c r="H511363" s="12"/>
    </row>
    <row r="511364" spans="8:8">
      <c r="H511364" s="12"/>
    </row>
    <row r="511365" spans="8:8">
      <c r="H511365" s="12"/>
    </row>
    <row r="511366" spans="8:8">
      <c r="H511366" s="12"/>
    </row>
    <row r="511367" spans="8:8">
      <c r="H511367" s="12"/>
    </row>
    <row r="511368" spans="8:8">
      <c r="H511368" s="12"/>
    </row>
    <row r="511369" spans="8:8">
      <c r="H511369" s="12"/>
    </row>
    <row r="511370" spans="8:8">
      <c r="H511370" s="12"/>
    </row>
    <row r="511371" spans="8:8">
      <c r="H511371" s="12"/>
    </row>
    <row r="511372" spans="8:8">
      <c r="H511372" s="12"/>
    </row>
    <row r="511373" spans="8:8">
      <c r="H511373" s="12"/>
    </row>
    <row r="511374" spans="8:8">
      <c r="H511374" s="12"/>
    </row>
    <row r="511375" spans="8:8">
      <c r="H511375" s="12"/>
    </row>
    <row r="511376" spans="8:8">
      <c r="H511376" s="12"/>
    </row>
    <row r="511377" spans="8:8">
      <c r="H511377" s="12"/>
    </row>
    <row r="511378" spans="8:8">
      <c r="H511378" s="12"/>
    </row>
    <row r="511379" spans="8:8">
      <c r="H511379" s="12"/>
    </row>
    <row r="511380" spans="8:8">
      <c r="H511380" s="12"/>
    </row>
    <row r="511381" spans="8:8">
      <c r="H511381" s="12"/>
    </row>
    <row r="511382" spans="8:8">
      <c r="H511382" s="12"/>
    </row>
    <row r="511383" spans="8:8">
      <c r="H511383" s="12"/>
    </row>
    <row r="511384" spans="8:8">
      <c r="H511384" s="12"/>
    </row>
    <row r="511385" spans="8:8">
      <c r="H511385" s="12"/>
    </row>
    <row r="511386" spans="8:8">
      <c r="H511386" s="12"/>
    </row>
    <row r="511387" spans="8:8">
      <c r="H511387" s="12"/>
    </row>
    <row r="511388" spans="8:8">
      <c r="H511388" s="12"/>
    </row>
    <row r="511389" spans="8:8">
      <c r="H511389" s="12"/>
    </row>
    <row r="511390" spans="8:8">
      <c r="H511390" s="12"/>
    </row>
    <row r="511391" spans="8:8">
      <c r="H511391" s="12"/>
    </row>
    <row r="511392" spans="8:8">
      <c r="H511392" s="12"/>
    </row>
    <row r="511393" spans="8:8">
      <c r="H511393" s="12"/>
    </row>
    <row r="511394" spans="8:8">
      <c r="H511394" s="12"/>
    </row>
    <row r="511395" spans="8:8">
      <c r="H511395" s="12"/>
    </row>
    <row r="511396" spans="8:8">
      <c r="H511396" s="12"/>
    </row>
    <row r="511397" spans="8:8">
      <c r="H511397" s="12"/>
    </row>
    <row r="511398" spans="8:8">
      <c r="H511398" s="12"/>
    </row>
    <row r="511399" spans="8:8">
      <c r="H511399" s="12"/>
    </row>
    <row r="511400" spans="8:8">
      <c r="H511400" s="12"/>
    </row>
    <row r="511401" spans="8:8">
      <c r="H511401" s="12"/>
    </row>
    <row r="511402" spans="8:8">
      <c r="H511402" s="12"/>
    </row>
    <row r="511403" spans="8:8">
      <c r="H511403" s="12"/>
    </row>
    <row r="511404" spans="8:8">
      <c r="H511404" s="12"/>
    </row>
    <row r="511405" spans="8:8">
      <c r="H511405" s="12"/>
    </row>
    <row r="511406" spans="8:8">
      <c r="H511406" s="12"/>
    </row>
    <row r="511407" spans="8:8">
      <c r="H511407" s="12"/>
    </row>
    <row r="511408" spans="8:8">
      <c r="H511408" s="12"/>
    </row>
    <row r="511409" spans="8:8">
      <c r="H511409" s="12"/>
    </row>
    <row r="511410" spans="8:8">
      <c r="H511410" s="12"/>
    </row>
    <row r="511411" spans="8:8">
      <c r="H511411" s="12"/>
    </row>
    <row r="511412" spans="8:8">
      <c r="H511412" s="12"/>
    </row>
    <row r="511413" spans="8:8">
      <c r="H511413" s="12"/>
    </row>
    <row r="511414" spans="8:8">
      <c r="H511414" s="12"/>
    </row>
    <row r="511415" spans="8:8">
      <c r="H511415" s="12"/>
    </row>
    <row r="511416" spans="8:8">
      <c r="H511416" s="12"/>
    </row>
    <row r="511417" spans="8:8">
      <c r="H511417" s="12"/>
    </row>
    <row r="511418" spans="8:8">
      <c r="H511418" s="12"/>
    </row>
    <row r="511419" spans="8:8">
      <c r="H511419" s="12"/>
    </row>
    <row r="511420" spans="8:8">
      <c r="H511420" s="12"/>
    </row>
    <row r="511421" spans="8:8">
      <c r="H511421" s="12"/>
    </row>
    <row r="511422" spans="8:8">
      <c r="H511422" s="12"/>
    </row>
    <row r="511423" spans="8:8">
      <c r="H511423" s="12"/>
    </row>
    <row r="511424" spans="8:8">
      <c r="H511424" s="12"/>
    </row>
    <row r="511425" spans="8:8">
      <c r="H511425" s="12"/>
    </row>
    <row r="511426" spans="8:8">
      <c r="H511426" s="12"/>
    </row>
    <row r="511427" spans="8:8">
      <c r="H511427" s="12"/>
    </row>
    <row r="511428" spans="8:8">
      <c r="H511428" s="12"/>
    </row>
    <row r="511429" spans="8:8">
      <c r="H511429" s="12"/>
    </row>
    <row r="511430" spans="8:8">
      <c r="H511430" s="12"/>
    </row>
    <row r="511431" spans="8:8">
      <c r="H511431" s="12"/>
    </row>
    <row r="511432" spans="8:8">
      <c r="H511432" s="12"/>
    </row>
    <row r="511433" spans="8:8">
      <c r="H511433" s="12"/>
    </row>
    <row r="511434" spans="8:8">
      <c r="H511434" s="12"/>
    </row>
    <row r="511435" spans="8:8">
      <c r="H511435" s="12"/>
    </row>
    <row r="511436" spans="8:8">
      <c r="H511436" s="12"/>
    </row>
    <row r="511437" spans="8:8">
      <c r="H511437" s="12"/>
    </row>
    <row r="511438" spans="8:8">
      <c r="H511438" s="12"/>
    </row>
    <row r="511439" spans="8:8">
      <c r="H511439" s="12"/>
    </row>
    <row r="511440" spans="8:8">
      <c r="H511440" s="12"/>
    </row>
    <row r="511441" spans="8:8">
      <c r="H511441" s="12"/>
    </row>
    <row r="511442" spans="8:8">
      <c r="H511442" s="12"/>
    </row>
    <row r="511443" spans="8:8">
      <c r="H511443" s="12"/>
    </row>
    <row r="511444" spans="8:8">
      <c r="H511444" s="12"/>
    </row>
    <row r="511445" spans="8:8">
      <c r="H511445" s="12"/>
    </row>
    <row r="511446" spans="8:8">
      <c r="H511446" s="12"/>
    </row>
    <row r="511447" spans="8:8">
      <c r="H511447" s="12"/>
    </row>
    <row r="511448" spans="8:8">
      <c r="H511448" s="12"/>
    </row>
    <row r="511449" spans="8:8">
      <c r="H511449" s="12"/>
    </row>
    <row r="511450" spans="8:8">
      <c r="H511450" s="12"/>
    </row>
    <row r="511451" spans="8:8">
      <c r="H511451" s="12"/>
    </row>
    <row r="511452" spans="8:8">
      <c r="H511452" s="12"/>
    </row>
    <row r="511453" spans="8:8">
      <c r="H511453" s="12"/>
    </row>
    <row r="511454" spans="8:8">
      <c r="H511454" s="12"/>
    </row>
    <row r="511455" spans="8:8">
      <c r="H511455" s="12"/>
    </row>
    <row r="511456" spans="8:8">
      <c r="H511456" s="12"/>
    </row>
    <row r="511457" spans="8:8">
      <c r="H511457" s="12"/>
    </row>
    <row r="511458" spans="8:8">
      <c r="H511458" s="12"/>
    </row>
    <row r="511459" spans="8:8">
      <c r="H511459" s="12"/>
    </row>
    <row r="511460" spans="8:8">
      <c r="H511460" s="12"/>
    </row>
    <row r="511461" spans="8:8">
      <c r="H511461" s="12"/>
    </row>
    <row r="511462" spans="8:8">
      <c r="H511462" s="12"/>
    </row>
    <row r="511463" spans="8:8">
      <c r="H511463" s="12"/>
    </row>
    <row r="511464" spans="8:8">
      <c r="H511464" s="12"/>
    </row>
    <row r="511465" spans="8:8">
      <c r="H511465" s="12"/>
    </row>
    <row r="511466" spans="8:8">
      <c r="H511466" s="12"/>
    </row>
    <row r="511467" spans="8:8">
      <c r="H511467" s="12"/>
    </row>
    <row r="511468" spans="8:8">
      <c r="H511468" s="12"/>
    </row>
    <row r="511469" spans="8:8">
      <c r="H511469" s="12"/>
    </row>
    <row r="511470" spans="8:8">
      <c r="H511470" s="12"/>
    </row>
    <row r="511471" spans="8:8">
      <c r="H511471" s="12"/>
    </row>
    <row r="511472" spans="8:8">
      <c r="H511472" s="12"/>
    </row>
    <row r="511473" spans="8:8">
      <c r="H511473" s="12"/>
    </row>
    <row r="511474" spans="8:8">
      <c r="H511474" s="12"/>
    </row>
    <row r="511475" spans="8:8">
      <c r="H511475" s="12"/>
    </row>
    <row r="511476" spans="8:8">
      <c r="H511476" s="12"/>
    </row>
    <row r="511477" spans="8:8">
      <c r="H511477" s="12"/>
    </row>
    <row r="511478" spans="8:8">
      <c r="H511478" s="12"/>
    </row>
    <row r="511479" spans="8:8">
      <c r="H511479" s="12"/>
    </row>
    <row r="511480" spans="8:8">
      <c r="H511480" s="12"/>
    </row>
    <row r="511481" spans="8:8">
      <c r="H511481" s="12"/>
    </row>
    <row r="511482" spans="8:8">
      <c r="H511482" s="12"/>
    </row>
    <row r="511483" spans="8:8">
      <c r="H511483" s="12"/>
    </row>
    <row r="511484" spans="8:8">
      <c r="H511484" s="12"/>
    </row>
    <row r="511485" spans="8:8">
      <c r="H511485" s="12"/>
    </row>
    <row r="511486" spans="8:8">
      <c r="H511486" s="12"/>
    </row>
    <row r="511487" spans="8:8">
      <c r="H511487" s="12"/>
    </row>
    <row r="511488" spans="8:8">
      <c r="H511488" s="12"/>
    </row>
    <row r="511489" spans="8:8">
      <c r="H511489" s="12"/>
    </row>
    <row r="511490" spans="8:8">
      <c r="H511490" s="12"/>
    </row>
    <row r="511491" spans="8:8">
      <c r="H511491" s="12"/>
    </row>
    <row r="511492" spans="8:8">
      <c r="H511492" s="12"/>
    </row>
    <row r="511493" spans="8:8">
      <c r="H511493" s="12"/>
    </row>
    <row r="511494" spans="8:8">
      <c r="H511494" s="12"/>
    </row>
    <row r="511495" spans="8:8">
      <c r="H511495" s="12"/>
    </row>
    <row r="511496" spans="8:8">
      <c r="H511496" s="12"/>
    </row>
    <row r="511497" spans="8:8">
      <c r="H511497" s="12"/>
    </row>
    <row r="511498" spans="8:8">
      <c r="H511498" s="12"/>
    </row>
    <row r="511499" spans="8:8">
      <c r="H511499" s="12"/>
    </row>
    <row r="511500" spans="8:8">
      <c r="H511500" s="12"/>
    </row>
    <row r="511501" spans="8:8">
      <c r="H511501" s="12"/>
    </row>
    <row r="511502" spans="8:8">
      <c r="H511502" s="12"/>
    </row>
    <row r="511503" spans="8:8">
      <c r="H511503" s="12"/>
    </row>
    <row r="511504" spans="8:8">
      <c r="H511504" s="12"/>
    </row>
    <row r="511505" spans="8:8">
      <c r="H511505" s="12"/>
    </row>
    <row r="511506" spans="8:8">
      <c r="H511506" s="12"/>
    </row>
    <row r="511507" spans="8:8">
      <c r="H511507" s="12"/>
    </row>
    <row r="511508" spans="8:8">
      <c r="H511508" s="12"/>
    </row>
    <row r="511509" spans="8:8">
      <c r="H511509" s="12"/>
    </row>
    <row r="511510" spans="8:8">
      <c r="H511510" s="12"/>
    </row>
    <row r="511511" spans="8:8">
      <c r="H511511" s="12"/>
    </row>
    <row r="511512" spans="8:8">
      <c r="H511512" s="12"/>
    </row>
    <row r="511513" spans="8:8">
      <c r="H511513" s="12"/>
    </row>
    <row r="511514" spans="8:8">
      <c r="H511514" s="12"/>
    </row>
    <row r="511515" spans="8:8">
      <c r="H511515" s="12"/>
    </row>
    <row r="511516" spans="8:8">
      <c r="H511516" s="12"/>
    </row>
    <row r="511517" spans="8:8">
      <c r="H511517" s="12"/>
    </row>
    <row r="511518" spans="8:8">
      <c r="H511518" s="12"/>
    </row>
    <row r="511519" spans="8:8">
      <c r="H511519" s="12"/>
    </row>
    <row r="511520" spans="8:8">
      <c r="H511520" s="12"/>
    </row>
    <row r="511521" spans="8:8">
      <c r="H511521" s="12"/>
    </row>
    <row r="511522" spans="8:8">
      <c r="H511522" s="12"/>
    </row>
    <row r="511523" spans="8:8">
      <c r="H511523" s="12"/>
    </row>
    <row r="511524" spans="8:8">
      <c r="H511524" s="12"/>
    </row>
    <row r="511525" spans="8:8">
      <c r="H511525" s="12"/>
    </row>
    <row r="511526" spans="8:8">
      <c r="H511526" s="12"/>
    </row>
    <row r="511527" spans="8:8">
      <c r="H511527" s="12"/>
    </row>
    <row r="511528" spans="8:8">
      <c r="H511528" s="12"/>
    </row>
    <row r="511529" spans="8:8">
      <c r="H511529" s="12"/>
    </row>
    <row r="511530" spans="8:8">
      <c r="H511530" s="12"/>
    </row>
    <row r="511531" spans="8:8">
      <c r="H511531" s="12"/>
    </row>
    <row r="511532" spans="8:8">
      <c r="H511532" s="12"/>
    </row>
    <row r="511533" spans="8:8">
      <c r="H511533" s="12"/>
    </row>
    <row r="511534" spans="8:8">
      <c r="H511534" s="12"/>
    </row>
    <row r="511535" spans="8:8">
      <c r="H511535" s="12"/>
    </row>
    <row r="511536" spans="8:8">
      <c r="H511536" s="12"/>
    </row>
    <row r="511537" spans="8:8">
      <c r="H511537" s="12"/>
    </row>
    <row r="511538" spans="8:8">
      <c r="H511538" s="12"/>
    </row>
    <row r="511539" spans="8:8">
      <c r="H511539" s="12"/>
    </row>
    <row r="511540" spans="8:8">
      <c r="H511540" s="12"/>
    </row>
    <row r="511541" spans="8:8">
      <c r="H511541" s="12"/>
    </row>
    <row r="511542" spans="8:8">
      <c r="H511542" s="12"/>
    </row>
    <row r="511543" spans="8:8">
      <c r="H511543" s="12"/>
    </row>
    <row r="511544" spans="8:8">
      <c r="H511544" s="12"/>
    </row>
    <row r="511545" spans="8:8">
      <c r="H511545" s="12"/>
    </row>
    <row r="511546" spans="8:8">
      <c r="H511546" s="12"/>
    </row>
    <row r="511547" spans="8:8">
      <c r="H511547" s="12"/>
    </row>
    <row r="511548" spans="8:8">
      <c r="H511548" s="12"/>
    </row>
    <row r="511549" spans="8:8">
      <c r="H511549" s="12"/>
    </row>
    <row r="511550" spans="8:8">
      <c r="H511550" s="12"/>
    </row>
    <row r="511551" spans="8:8">
      <c r="H511551" s="12"/>
    </row>
    <row r="511552" spans="8:8">
      <c r="H511552" s="12"/>
    </row>
    <row r="511553" spans="8:8">
      <c r="H511553" s="12"/>
    </row>
    <row r="511554" spans="8:8">
      <c r="H511554" s="12"/>
    </row>
    <row r="511555" spans="8:8">
      <c r="H511555" s="12"/>
    </row>
    <row r="511556" spans="8:8">
      <c r="H511556" s="12"/>
    </row>
    <row r="511557" spans="8:8">
      <c r="H511557" s="12"/>
    </row>
    <row r="511558" spans="8:8">
      <c r="H511558" s="12"/>
    </row>
    <row r="511559" spans="8:8">
      <c r="H511559" s="12"/>
    </row>
    <row r="511560" spans="8:8">
      <c r="H511560" s="12"/>
    </row>
    <row r="511561" spans="8:8">
      <c r="H511561" s="12"/>
    </row>
    <row r="511562" spans="8:8">
      <c r="H511562" s="12"/>
    </row>
    <row r="511563" spans="8:8">
      <c r="H511563" s="12"/>
    </row>
    <row r="511564" spans="8:8">
      <c r="H511564" s="12"/>
    </row>
    <row r="511565" spans="8:8">
      <c r="H511565" s="12"/>
    </row>
    <row r="511566" spans="8:8">
      <c r="H511566" s="12"/>
    </row>
    <row r="511567" spans="8:8">
      <c r="H511567" s="12"/>
    </row>
    <row r="511568" spans="8:8">
      <c r="H511568" s="12"/>
    </row>
    <row r="511569" spans="8:8">
      <c r="H511569" s="12"/>
    </row>
    <row r="511570" spans="8:8">
      <c r="H511570" s="12"/>
    </row>
    <row r="511571" spans="8:8">
      <c r="H511571" s="12"/>
    </row>
    <row r="511572" spans="8:8">
      <c r="H511572" s="12"/>
    </row>
    <row r="511573" spans="8:8">
      <c r="H511573" s="12"/>
    </row>
    <row r="511574" spans="8:8">
      <c r="H511574" s="12"/>
    </row>
    <row r="511575" spans="8:8">
      <c r="H511575" s="12"/>
    </row>
    <row r="511576" spans="8:8">
      <c r="H511576" s="12"/>
    </row>
    <row r="511577" spans="8:8">
      <c r="H511577" s="12"/>
    </row>
    <row r="511578" spans="8:8">
      <c r="H511578" s="12"/>
    </row>
    <row r="511579" spans="8:8">
      <c r="H511579" s="12"/>
    </row>
    <row r="511580" spans="8:8">
      <c r="H511580" s="12"/>
    </row>
    <row r="511581" spans="8:8">
      <c r="H511581" s="12"/>
    </row>
    <row r="511582" spans="8:8">
      <c r="H511582" s="12"/>
    </row>
    <row r="511583" spans="8:8">
      <c r="H511583" s="12"/>
    </row>
    <row r="511584" spans="8:8">
      <c r="H511584" s="12"/>
    </row>
    <row r="511585" spans="8:8">
      <c r="H511585" s="12"/>
    </row>
    <row r="511586" spans="8:8">
      <c r="H511586" s="12"/>
    </row>
    <row r="511587" spans="8:8">
      <c r="H511587" s="12"/>
    </row>
    <row r="511588" spans="8:8">
      <c r="H511588" s="12"/>
    </row>
    <row r="511589" spans="8:8">
      <c r="H511589" s="12"/>
    </row>
    <row r="511590" spans="8:8">
      <c r="H511590" s="12"/>
    </row>
    <row r="511591" spans="8:8">
      <c r="H511591" s="12"/>
    </row>
    <row r="511592" spans="8:8">
      <c r="H511592" s="12"/>
    </row>
    <row r="511593" spans="8:8">
      <c r="H511593" s="12"/>
    </row>
    <row r="511594" spans="8:8">
      <c r="H511594" s="12"/>
    </row>
    <row r="511595" spans="8:8">
      <c r="H511595" s="12"/>
    </row>
    <row r="511596" spans="8:8">
      <c r="H511596" s="12"/>
    </row>
    <row r="511597" spans="8:8">
      <c r="H511597" s="12"/>
    </row>
    <row r="511598" spans="8:8">
      <c r="H511598" s="12"/>
    </row>
    <row r="511599" spans="8:8">
      <c r="H511599" s="12"/>
    </row>
    <row r="511600" spans="8:8">
      <c r="H511600" s="12"/>
    </row>
    <row r="511601" spans="8:8">
      <c r="H511601" s="12"/>
    </row>
    <row r="511602" spans="8:8">
      <c r="H511602" s="12"/>
    </row>
    <row r="511603" spans="8:8">
      <c r="H511603" s="12"/>
    </row>
    <row r="511604" spans="8:8">
      <c r="H511604" s="12"/>
    </row>
    <row r="511605" spans="8:8">
      <c r="H511605" s="12"/>
    </row>
    <row r="511606" spans="8:8">
      <c r="H511606" s="12"/>
    </row>
    <row r="511607" spans="8:8">
      <c r="H511607" s="12"/>
    </row>
    <row r="511608" spans="8:8">
      <c r="H511608" s="12"/>
    </row>
    <row r="511609" spans="8:8">
      <c r="H511609" s="12"/>
    </row>
    <row r="511610" spans="8:8">
      <c r="H511610" s="12"/>
    </row>
    <row r="511611" spans="8:8">
      <c r="H511611" s="12"/>
    </row>
    <row r="511612" spans="8:8">
      <c r="H511612" s="12"/>
    </row>
    <row r="511613" spans="8:8">
      <c r="H511613" s="12"/>
    </row>
    <row r="511614" spans="8:8">
      <c r="H511614" s="12"/>
    </row>
    <row r="511615" spans="8:8">
      <c r="H511615" s="12"/>
    </row>
    <row r="511616" spans="8:8">
      <c r="H511616" s="12"/>
    </row>
    <row r="511617" spans="8:8">
      <c r="H511617" s="12"/>
    </row>
    <row r="511618" spans="8:8">
      <c r="H511618" s="12"/>
    </row>
    <row r="511619" spans="8:8">
      <c r="H511619" s="12"/>
    </row>
    <row r="511620" spans="8:8">
      <c r="H511620" s="12"/>
    </row>
    <row r="511621" spans="8:8">
      <c r="H511621" s="12"/>
    </row>
    <row r="511622" spans="8:8">
      <c r="H511622" s="12"/>
    </row>
    <row r="511623" spans="8:8">
      <c r="H511623" s="12"/>
    </row>
    <row r="511624" spans="8:8">
      <c r="H511624" s="12"/>
    </row>
    <row r="511625" spans="8:8">
      <c r="H511625" s="12"/>
    </row>
    <row r="511626" spans="8:8">
      <c r="H511626" s="12"/>
    </row>
    <row r="511627" spans="8:8">
      <c r="H511627" s="12"/>
    </row>
    <row r="511628" spans="8:8">
      <c r="H511628" s="12"/>
    </row>
    <row r="511629" spans="8:8">
      <c r="H511629" s="12"/>
    </row>
    <row r="511630" spans="8:8">
      <c r="H511630" s="12"/>
    </row>
    <row r="511631" spans="8:8">
      <c r="H511631" s="12"/>
    </row>
    <row r="511632" spans="8:8">
      <c r="H511632" s="12"/>
    </row>
    <row r="511633" spans="8:8">
      <c r="H511633" s="12"/>
    </row>
    <row r="511634" spans="8:8">
      <c r="H511634" s="12"/>
    </row>
    <row r="511635" spans="8:8">
      <c r="H511635" s="12"/>
    </row>
    <row r="511636" spans="8:8">
      <c r="H511636" s="12"/>
    </row>
    <row r="511637" spans="8:8">
      <c r="H511637" s="12"/>
    </row>
    <row r="511638" spans="8:8">
      <c r="H511638" s="12"/>
    </row>
    <row r="511639" spans="8:8">
      <c r="H511639" s="12"/>
    </row>
    <row r="511640" spans="8:8">
      <c r="H511640" s="12"/>
    </row>
    <row r="511641" spans="8:8">
      <c r="H511641" s="12"/>
    </row>
    <row r="511642" spans="8:8">
      <c r="H511642" s="12"/>
    </row>
    <row r="511643" spans="8:8">
      <c r="H511643" s="12"/>
    </row>
    <row r="511644" spans="8:8">
      <c r="H511644" s="12"/>
    </row>
    <row r="511645" spans="8:8">
      <c r="H511645" s="12"/>
    </row>
    <row r="511646" spans="8:8">
      <c r="H511646" s="12"/>
    </row>
    <row r="511647" spans="8:8">
      <c r="H511647" s="12"/>
    </row>
    <row r="511648" spans="8:8">
      <c r="H511648" s="12"/>
    </row>
    <row r="511649" spans="8:8">
      <c r="H511649" s="12"/>
    </row>
    <row r="511650" spans="8:8">
      <c r="H511650" s="12"/>
    </row>
    <row r="511651" spans="8:8">
      <c r="H511651" s="12"/>
    </row>
    <row r="511652" spans="8:8">
      <c r="H511652" s="12"/>
    </row>
    <row r="511653" spans="8:8">
      <c r="H511653" s="12"/>
    </row>
    <row r="511654" spans="8:8">
      <c r="H511654" s="12"/>
    </row>
    <row r="511655" spans="8:8">
      <c r="H511655" s="12"/>
    </row>
    <row r="511656" spans="8:8">
      <c r="H511656" s="12"/>
    </row>
    <row r="511657" spans="8:8">
      <c r="H511657" s="12"/>
    </row>
    <row r="511658" spans="8:8">
      <c r="H511658" s="12"/>
    </row>
    <row r="511659" spans="8:8">
      <c r="H511659" s="12"/>
    </row>
    <row r="511660" spans="8:8">
      <c r="H511660" s="12"/>
    </row>
    <row r="511661" spans="8:8">
      <c r="H511661" s="12"/>
    </row>
    <row r="511662" spans="8:8">
      <c r="H511662" s="12"/>
    </row>
    <row r="511663" spans="8:8">
      <c r="H511663" s="12"/>
    </row>
    <row r="511664" spans="8:8">
      <c r="H511664" s="12"/>
    </row>
    <row r="511665" spans="8:8">
      <c r="H511665" s="12"/>
    </row>
    <row r="511666" spans="8:8">
      <c r="H511666" s="12"/>
    </row>
    <row r="511667" spans="8:8">
      <c r="H511667" s="12"/>
    </row>
    <row r="511668" spans="8:8">
      <c r="H511668" s="12"/>
    </row>
    <row r="511669" spans="8:8">
      <c r="H511669" s="12"/>
    </row>
    <row r="511670" spans="8:8">
      <c r="H511670" s="12"/>
    </row>
    <row r="511671" spans="8:8">
      <c r="H511671" s="12"/>
    </row>
    <row r="511672" spans="8:8">
      <c r="H511672" s="12"/>
    </row>
    <row r="511673" spans="8:8">
      <c r="H511673" s="12"/>
    </row>
    <row r="511674" spans="8:8">
      <c r="H511674" s="12"/>
    </row>
    <row r="511675" spans="8:8">
      <c r="H511675" s="12"/>
    </row>
    <row r="511676" spans="8:8">
      <c r="H511676" s="12"/>
    </row>
    <row r="511677" spans="8:8">
      <c r="H511677" s="12"/>
    </row>
    <row r="511678" spans="8:8">
      <c r="H511678" s="12"/>
    </row>
    <row r="511679" spans="8:8">
      <c r="H511679" s="12"/>
    </row>
    <row r="511680" spans="8:8">
      <c r="H511680" s="12"/>
    </row>
    <row r="511681" spans="8:8">
      <c r="H511681" s="12"/>
    </row>
    <row r="511682" spans="8:8">
      <c r="H511682" s="12"/>
    </row>
    <row r="511683" spans="8:8">
      <c r="H511683" s="12"/>
    </row>
    <row r="511684" spans="8:8">
      <c r="H511684" s="12"/>
    </row>
    <row r="511685" spans="8:8">
      <c r="H511685" s="12"/>
    </row>
    <row r="511686" spans="8:8">
      <c r="H511686" s="12"/>
    </row>
    <row r="511687" spans="8:8">
      <c r="H511687" s="12"/>
    </row>
    <row r="511688" spans="8:8">
      <c r="H511688" s="12"/>
    </row>
    <row r="511689" spans="8:8">
      <c r="H511689" s="12"/>
    </row>
    <row r="511690" spans="8:8">
      <c r="H511690" s="12"/>
    </row>
    <row r="511691" spans="8:8">
      <c r="H511691" s="12"/>
    </row>
    <row r="511692" spans="8:8">
      <c r="H511692" s="12"/>
    </row>
    <row r="511693" spans="8:8">
      <c r="H511693" s="12"/>
    </row>
    <row r="511694" spans="8:8">
      <c r="H511694" s="12"/>
    </row>
    <row r="511695" spans="8:8">
      <c r="H511695" s="12"/>
    </row>
    <row r="511696" spans="8:8">
      <c r="H511696" s="12"/>
    </row>
    <row r="511697" spans="8:8">
      <c r="H511697" s="12"/>
    </row>
    <row r="511698" spans="8:8">
      <c r="H511698" s="12"/>
    </row>
    <row r="511699" spans="8:8">
      <c r="H511699" s="12"/>
    </row>
    <row r="511700" spans="8:8">
      <c r="H511700" s="12"/>
    </row>
    <row r="511701" spans="8:8">
      <c r="H511701" s="12"/>
    </row>
    <row r="511702" spans="8:8">
      <c r="H511702" s="12"/>
    </row>
    <row r="511703" spans="8:8">
      <c r="H511703" s="12"/>
    </row>
    <row r="511704" spans="8:8">
      <c r="H511704" s="12"/>
    </row>
    <row r="511705" spans="8:8">
      <c r="H511705" s="12"/>
    </row>
    <row r="511706" spans="8:8">
      <c r="H511706" s="12"/>
    </row>
    <row r="511707" spans="8:8">
      <c r="H511707" s="12"/>
    </row>
    <row r="511708" spans="8:8">
      <c r="H511708" s="12"/>
    </row>
    <row r="511709" spans="8:8">
      <c r="H511709" s="12"/>
    </row>
    <row r="511710" spans="8:8">
      <c r="H511710" s="12"/>
    </row>
    <row r="511711" spans="8:8">
      <c r="H511711" s="12"/>
    </row>
    <row r="511712" spans="8:8">
      <c r="H511712" s="12"/>
    </row>
    <row r="511713" spans="8:8">
      <c r="H511713" s="12"/>
    </row>
    <row r="511714" spans="8:8">
      <c r="H511714" s="12"/>
    </row>
    <row r="511715" spans="8:8">
      <c r="H511715" s="12"/>
    </row>
    <row r="511716" spans="8:8">
      <c r="H511716" s="12"/>
    </row>
    <row r="511717" spans="8:8">
      <c r="H511717" s="12"/>
    </row>
    <row r="511718" spans="8:8">
      <c r="H511718" s="12"/>
    </row>
    <row r="511719" spans="8:8">
      <c r="H511719" s="12"/>
    </row>
    <row r="511720" spans="8:8">
      <c r="H511720" s="12"/>
    </row>
    <row r="511721" spans="8:8">
      <c r="H511721" s="12"/>
    </row>
    <row r="511722" spans="8:8">
      <c r="H511722" s="12"/>
    </row>
    <row r="511723" spans="8:8">
      <c r="H511723" s="12"/>
    </row>
    <row r="511724" spans="8:8">
      <c r="H511724" s="12"/>
    </row>
    <row r="511725" spans="8:8">
      <c r="H511725" s="12"/>
    </row>
    <row r="511726" spans="8:8">
      <c r="H511726" s="12"/>
    </row>
    <row r="511727" spans="8:8">
      <c r="H511727" s="12"/>
    </row>
    <row r="511728" spans="8:8">
      <c r="H511728" s="12"/>
    </row>
    <row r="511729" spans="8:8">
      <c r="H511729" s="12"/>
    </row>
    <row r="511730" spans="8:8">
      <c r="H511730" s="12"/>
    </row>
    <row r="511731" spans="8:8">
      <c r="H511731" s="12"/>
    </row>
    <row r="511732" spans="8:8">
      <c r="H511732" s="12"/>
    </row>
    <row r="511733" spans="8:8">
      <c r="H511733" s="12"/>
    </row>
    <row r="511734" spans="8:8">
      <c r="H511734" s="12"/>
    </row>
    <row r="511735" spans="8:8">
      <c r="H511735" s="12"/>
    </row>
    <row r="511736" spans="8:8">
      <c r="H511736" s="12"/>
    </row>
    <row r="511737" spans="8:8">
      <c r="H511737" s="12"/>
    </row>
    <row r="511738" spans="8:8">
      <c r="H511738" s="12"/>
    </row>
    <row r="511739" spans="8:8">
      <c r="H511739" s="12"/>
    </row>
    <row r="511740" spans="8:8">
      <c r="H511740" s="12"/>
    </row>
    <row r="511741" spans="8:8">
      <c r="H511741" s="12"/>
    </row>
    <row r="511742" spans="8:8">
      <c r="H511742" s="12"/>
    </row>
    <row r="511743" spans="8:8">
      <c r="H511743" s="12"/>
    </row>
    <row r="511744" spans="8:8">
      <c r="H511744" s="12"/>
    </row>
    <row r="511745" spans="8:8">
      <c r="H511745" s="12"/>
    </row>
    <row r="511746" spans="8:8">
      <c r="H511746" s="12"/>
    </row>
    <row r="511747" spans="8:8">
      <c r="H511747" s="12"/>
    </row>
    <row r="511748" spans="8:8">
      <c r="H511748" s="12"/>
    </row>
    <row r="511749" spans="8:8">
      <c r="H511749" s="12"/>
    </row>
    <row r="511750" spans="8:8">
      <c r="H511750" s="12"/>
    </row>
    <row r="511751" spans="8:8">
      <c r="H511751" s="12"/>
    </row>
    <row r="511752" spans="8:8">
      <c r="H511752" s="12"/>
    </row>
    <row r="511753" spans="8:8">
      <c r="H511753" s="12"/>
    </row>
    <row r="511754" spans="8:8">
      <c r="H511754" s="12"/>
    </row>
    <row r="511755" spans="8:8">
      <c r="H511755" s="12"/>
    </row>
    <row r="511756" spans="8:8">
      <c r="H511756" s="12"/>
    </row>
    <row r="511757" spans="8:8">
      <c r="H511757" s="12"/>
    </row>
    <row r="511758" spans="8:8">
      <c r="H511758" s="12"/>
    </row>
    <row r="511759" spans="8:8">
      <c r="H511759" s="12"/>
    </row>
    <row r="511760" spans="8:8">
      <c r="H511760" s="12"/>
    </row>
    <row r="511761" spans="8:8">
      <c r="H511761" s="12"/>
    </row>
    <row r="511762" spans="8:8">
      <c r="H511762" s="12"/>
    </row>
    <row r="511763" spans="8:8">
      <c r="H511763" s="12"/>
    </row>
    <row r="511764" spans="8:8">
      <c r="H511764" s="12"/>
    </row>
    <row r="511765" spans="8:8">
      <c r="H511765" s="12"/>
    </row>
    <row r="511766" spans="8:8">
      <c r="H511766" s="12"/>
    </row>
    <row r="511767" spans="8:8">
      <c r="H511767" s="12"/>
    </row>
    <row r="511768" spans="8:8">
      <c r="H511768" s="12"/>
    </row>
    <row r="511769" spans="8:8">
      <c r="H511769" s="12"/>
    </row>
    <row r="511770" spans="8:8">
      <c r="H511770" s="12"/>
    </row>
    <row r="511771" spans="8:8">
      <c r="H511771" s="12"/>
    </row>
    <row r="511772" spans="8:8">
      <c r="H511772" s="12"/>
    </row>
    <row r="511773" spans="8:8">
      <c r="H511773" s="12"/>
    </row>
    <row r="511774" spans="8:8">
      <c r="H511774" s="12"/>
    </row>
    <row r="511775" spans="8:8">
      <c r="H511775" s="12"/>
    </row>
    <row r="511776" spans="8:8">
      <c r="H511776" s="12"/>
    </row>
    <row r="511777" spans="8:8">
      <c r="H511777" s="12"/>
    </row>
    <row r="511778" spans="8:8">
      <c r="H511778" s="12"/>
    </row>
    <row r="511779" spans="8:8">
      <c r="H511779" s="12"/>
    </row>
    <row r="511780" spans="8:8">
      <c r="H511780" s="12"/>
    </row>
    <row r="511781" spans="8:8">
      <c r="H511781" s="12"/>
    </row>
    <row r="511782" spans="8:8">
      <c r="H511782" s="12"/>
    </row>
    <row r="511783" spans="8:8">
      <c r="H511783" s="12"/>
    </row>
    <row r="511784" spans="8:8">
      <c r="H511784" s="12"/>
    </row>
    <row r="511785" spans="8:8">
      <c r="H511785" s="12"/>
    </row>
    <row r="511786" spans="8:8">
      <c r="H511786" s="12"/>
    </row>
    <row r="511787" spans="8:8">
      <c r="H511787" s="12"/>
    </row>
    <row r="511788" spans="8:8">
      <c r="H511788" s="12"/>
    </row>
    <row r="511789" spans="8:8">
      <c r="H511789" s="12"/>
    </row>
    <row r="511790" spans="8:8">
      <c r="H511790" s="12"/>
    </row>
    <row r="511791" spans="8:8">
      <c r="H511791" s="12"/>
    </row>
    <row r="511792" spans="8:8">
      <c r="H511792" s="12"/>
    </row>
    <row r="511793" spans="8:8">
      <c r="H511793" s="12"/>
    </row>
    <row r="511794" spans="8:8">
      <c r="H511794" s="12"/>
    </row>
    <row r="511795" spans="8:8">
      <c r="H511795" s="12"/>
    </row>
    <row r="511796" spans="8:8">
      <c r="H511796" s="12"/>
    </row>
    <row r="511797" spans="8:8">
      <c r="H511797" s="12"/>
    </row>
    <row r="511798" spans="8:8">
      <c r="H511798" s="12"/>
    </row>
    <row r="511799" spans="8:8">
      <c r="H511799" s="12"/>
    </row>
    <row r="511800" spans="8:8">
      <c r="H511800" s="12"/>
    </row>
    <row r="511801" spans="8:8">
      <c r="H511801" s="12"/>
    </row>
    <row r="511802" spans="8:8">
      <c r="H511802" s="12"/>
    </row>
    <row r="511803" spans="8:8">
      <c r="H511803" s="12"/>
    </row>
    <row r="511804" spans="8:8">
      <c r="H511804" s="12"/>
    </row>
    <row r="511805" spans="8:8">
      <c r="H511805" s="12"/>
    </row>
    <row r="511806" spans="8:8">
      <c r="H511806" s="12"/>
    </row>
    <row r="511807" spans="8:8">
      <c r="H511807" s="12"/>
    </row>
    <row r="511808" spans="8:8">
      <c r="H511808" s="12"/>
    </row>
    <row r="511809" spans="8:8">
      <c r="H511809" s="12"/>
    </row>
    <row r="511810" spans="8:8">
      <c r="H511810" s="12"/>
    </row>
    <row r="511811" spans="8:8">
      <c r="H511811" s="12"/>
    </row>
    <row r="511812" spans="8:8">
      <c r="H511812" s="12"/>
    </row>
    <row r="511813" spans="8:8">
      <c r="H511813" s="12"/>
    </row>
    <row r="511814" spans="8:8">
      <c r="H511814" s="12"/>
    </row>
    <row r="511815" spans="8:8">
      <c r="H511815" s="12"/>
    </row>
    <row r="511816" spans="8:8">
      <c r="H511816" s="12"/>
    </row>
    <row r="511817" spans="8:8">
      <c r="H511817" s="12"/>
    </row>
    <row r="511818" spans="8:8">
      <c r="H511818" s="12"/>
    </row>
    <row r="511819" spans="8:8">
      <c r="H511819" s="12"/>
    </row>
    <row r="511820" spans="8:8">
      <c r="H511820" s="12"/>
    </row>
    <row r="511821" spans="8:8">
      <c r="H511821" s="12"/>
    </row>
    <row r="511822" spans="8:8">
      <c r="H511822" s="12"/>
    </row>
    <row r="511823" spans="8:8">
      <c r="H511823" s="12"/>
    </row>
    <row r="511824" spans="8:8">
      <c r="H511824" s="12"/>
    </row>
    <row r="511825" spans="8:8">
      <c r="H511825" s="12"/>
    </row>
    <row r="511826" spans="8:8">
      <c r="H511826" s="12"/>
    </row>
    <row r="511827" spans="8:8">
      <c r="H511827" s="12"/>
    </row>
    <row r="511828" spans="8:8">
      <c r="H511828" s="12"/>
    </row>
    <row r="511829" spans="8:8">
      <c r="H511829" s="12"/>
    </row>
    <row r="511830" spans="8:8">
      <c r="H511830" s="12"/>
    </row>
    <row r="511831" spans="8:8">
      <c r="H511831" s="12"/>
    </row>
    <row r="511832" spans="8:8">
      <c r="H511832" s="12"/>
    </row>
    <row r="511833" spans="8:8">
      <c r="H511833" s="12"/>
    </row>
    <row r="511834" spans="8:8">
      <c r="H511834" s="12"/>
    </row>
    <row r="511835" spans="8:8">
      <c r="H511835" s="12"/>
    </row>
    <row r="511836" spans="8:8">
      <c r="H511836" s="12"/>
    </row>
    <row r="511837" spans="8:8">
      <c r="H511837" s="12"/>
    </row>
    <row r="511838" spans="8:8">
      <c r="H511838" s="12"/>
    </row>
    <row r="511839" spans="8:8">
      <c r="H511839" s="12"/>
    </row>
    <row r="511840" spans="8:8">
      <c r="H511840" s="12"/>
    </row>
    <row r="511841" spans="8:8">
      <c r="H511841" s="12"/>
    </row>
    <row r="511842" spans="8:8">
      <c r="H511842" s="12"/>
    </row>
    <row r="511843" spans="8:8">
      <c r="H511843" s="12"/>
    </row>
    <row r="511844" spans="8:8">
      <c r="H511844" s="12"/>
    </row>
    <row r="511845" spans="8:8">
      <c r="H511845" s="12"/>
    </row>
    <row r="511846" spans="8:8">
      <c r="H511846" s="12"/>
    </row>
    <row r="511847" spans="8:8">
      <c r="H511847" s="12"/>
    </row>
    <row r="511848" spans="8:8">
      <c r="H511848" s="12"/>
    </row>
    <row r="511849" spans="8:8">
      <c r="H511849" s="12"/>
    </row>
    <row r="511850" spans="8:8">
      <c r="H511850" s="12"/>
    </row>
    <row r="511851" spans="8:8">
      <c r="H511851" s="12"/>
    </row>
    <row r="511852" spans="8:8">
      <c r="H511852" s="12"/>
    </row>
    <row r="511853" spans="8:8">
      <c r="H511853" s="12"/>
    </row>
    <row r="511854" spans="8:8">
      <c r="H511854" s="12"/>
    </row>
    <row r="511855" spans="8:8">
      <c r="H511855" s="12"/>
    </row>
    <row r="511856" spans="8:8">
      <c r="H511856" s="12"/>
    </row>
    <row r="511857" spans="8:8">
      <c r="H511857" s="12"/>
    </row>
    <row r="511858" spans="8:8">
      <c r="H511858" s="12"/>
    </row>
    <row r="511859" spans="8:8">
      <c r="H511859" s="12"/>
    </row>
    <row r="511860" spans="8:8">
      <c r="H511860" s="12"/>
    </row>
    <row r="511861" spans="8:8">
      <c r="H511861" s="12"/>
    </row>
    <row r="511862" spans="8:8">
      <c r="H511862" s="12"/>
    </row>
    <row r="511863" spans="8:8">
      <c r="H511863" s="12"/>
    </row>
    <row r="511864" spans="8:8">
      <c r="H511864" s="12"/>
    </row>
    <row r="511865" spans="8:8">
      <c r="H511865" s="12"/>
    </row>
    <row r="511866" spans="8:8">
      <c r="H511866" s="12"/>
    </row>
    <row r="511867" spans="8:8">
      <c r="H511867" s="12"/>
    </row>
    <row r="511868" spans="8:8">
      <c r="H511868" s="12"/>
    </row>
    <row r="511869" spans="8:8">
      <c r="H511869" s="12"/>
    </row>
    <row r="511870" spans="8:8">
      <c r="H511870" s="12"/>
    </row>
    <row r="511871" spans="8:8">
      <c r="H511871" s="12"/>
    </row>
    <row r="511872" spans="8:8">
      <c r="H511872" s="12"/>
    </row>
    <row r="511873" spans="8:8">
      <c r="H511873" s="12"/>
    </row>
    <row r="511874" spans="8:8">
      <c r="H511874" s="12"/>
    </row>
    <row r="511875" spans="8:8">
      <c r="H511875" s="12"/>
    </row>
    <row r="511876" spans="8:8">
      <c r="H511876" s="12"/>
    </row>
    <row r="511877" spans="8:8">
      <c r="H511877" s="12"/>
    </row>
    <row r="511878" spans="8:8">
      <c r="H511878" s="12"/>
    </row>
    <row r="511879" spans="8:8">
      <c r="H511879" s="12"/>
    </row>
    <row r="511880" spans="8:8">
      <c r="H511880" s="12"/>
    </row>
    <row r="511881" spans="8:8">
      <c r="H511881" s="12"/>
    </row>
    <row r="511882" spans="8:8">
      <c r="H511882" s="12"/>
    </row>
    <row r="511883" spans="8:8">
      <c r="H511883" s="12"/>
    </row>
    <row r="511884" spans="8:8">
      <c r="H511884" s="12"/>
    </row>
    <row r="511885" spans="8:8">
      <c r="H511885" s="12"/>
    </row>
    <row r="511886" spans="8:8">
      <c r="H511886" s="12"/>
    </row>
    <row r="511887" spans="8:8">
      <c r="H511887" s="12"/>
    </row>
    <row r="511888" spans="8:8">
      <c r="H511888" s="12"/>
    </row>
    <row r="511889" spans="8:8">
      <c r="H511889" s="12"/>
    </row>
    <row r="511890" spans="8:8">
      <c r="H511890" s="12"/>
    </row>
    <row r="511891" spans="8:8">
      <c r="H511891" s="12"/>
    </row>
    <row r="511892" spans="8:8">
      <c r="H511892" s="12"/>
    </row>
    <row r="511893" spans="8:8">
      <c r="H511893" s="12"/>
    </row>
    <row r="511894" spans="8:8">
      <c r="H511894" s="12"/>
    </row>
    <row r="511895" spans="8:8">
      <c r="H511895" s="12"/>
    </row>
    <row r="511896" spans="8:8">
      <c r="H511896" s="12"/>
    </row>
    <row r="511897" spans="8:8">
      <c r="H511897" s="12"/>
    </row>
    <row r="511898" spans="8:8">
      <c r="H511898" s="12"/>
    </row>
    <row r="511899" spans="8:8">
      <c r="H511899" s="12"/>
    </row>
    <row r="511900" spans="8:8">
      <c r="H511900" s="12"/>
    </row>
    <row r="511901" spans="8:8">
      <c r="H511901" s="12"/>
    </row>
    <row r="511902" spans="8:8">
      <c r="H511902" s="12"/>
    </row>
    <row r="511903" spans="8:8">
      <c r="H511903" s="12"/>
    </row>
    <row r="511904" spans="8:8">
      <c r="H511904" s="12"/>
    </row>
    <row r="511905" spans="8:8">
      <c r="H511905" s="12"/>
    </row>
    <row r="511906" spans="8:8">
      <c r="H511906" s="12"/>
    </row>
    <row r="511907" spans="8:8">
      <c r="H511907" s="12"/>
    </row>
    <row r="511908" spans="8:8">
      <c r="H511908" s="12"/>
    </row>
    <row r="511909" spans="8:8">
      <c r="H511909" s="12"/>
    </row>
    <row r="511910" spans="8:8">
      <c r="H511910" s="12"/>
    </row>
    <row r="511911" spans="8:8">
      <c r="H511911" s="12"/>
    </row>
    <row r="511912" spans="8:8">
      <c r="H511912" s="12"/>
    </row>
    <row r="511913" spans="8:8">
      <c r="H511913" s="12"/>
    </row>
    <row r="511914" spans="8:8">
      <c r="H511914" s="12"/>
    </row>
    <row r="511915" spans="8:8">
      <c r="H511915" s="12"/>
    </row>
    <row r="511916" spans="8:8">
      <c r="H511916" s="12"/>
    </row>
    <row r="511917" spans="8:8">
      <c r="H511917" s="12"/>
    </row>
    <row r="511918" spans="8:8">
      <c r="H511918" s="12"/>
    </row>
    <row r="511919" spans="8:8">
      <c r="H511919" s="12"/>
    </row>
    <row r="511920" spans="8:8">
      <c r="H511920" s="12"/>
    </row>
    <row r="511921" spans="8:8">
      <c r="H511921" s="12"/>
    </row>
    <row r="511922" spans="8:8">
      <c r="H511922" s="12"/>
    </row>
    <row r="511923" spans="8:8">
      <c r="H511923" s="12"/>
    </row>
    <row r="511924" spans="8:8">
      <c r="H511924" s="12"/>
    </row>
    <row r="511925" spans="8:8">
      <c r="H511925" s="12"/>
    </row>
    <row r="511926" spans="8:8">
      <c r="H511926" s="12"/>
    </row>
    <row r="511927" spans="8:8">
      <c r="H511927" s="12"/>
    </row>
    <row r="511928" spans="8:8">
      <c r="H511928" s="12"/>
    </row>
    <row r="511929" spans="8:8">
      <c r="H511929" s="12"/>
    </row>
    <row r="511930" spans="8:8">
      <c r="H511930" s="12"/>
    </row>
    <row r="511931" spans="8:8">
      <c r="H511931" s="12"/>
    </row>
    <row r="511932" spans="8:8">
      <c r="H511932" s="12"/>
    </row>
    <row r="511933" spans="8:8">
      <c r="H511933" s="12"/>
    </row>
    <row r="511934" spans="8:8">
      <c r="H511934" s="12"/>
    </row>
    <row r="511935" spans="8:8">
      <c r="H511935" s="12"/>
    </row>
    <row r="511936" spans="8:8">
      <c r="H511936" s="12"/>
    </row>
    <row r="511937" spans="8:8">
      <c r="H511937" s="12"/>
    </row>
    <row r="511938" spans="8:8">
      <c r="H511938" s="12"/>
    </row>
    <row r="511939" spans="8:8">
      <c r="H511939" s="12"/>
    </row>
    <row r="511940" spans="8:8">
      <c r="H511940" s="12"/>
    </row>
    <row r="511941" spans="8:8">
      <c r="H511941" s="12"/>
    </row>
    <row r="511942" spans="8:8">
      <c r="H511942" s="12"/>
    </row>
    <row r="511943" spans="8:8">
      <c r="H511943" s="12"/>
    </row>
    <row r="511944" spans="8:8">
      <c r="H511944" s="12"/>
    </row>
    <row r="511945" spans="8:8">
      <c r="H511945" s="12"/>
    </row>
    <row r="511946" spans="8:8">
      <c r="H511946" s="12"/>
    </row>
    <row r="511947" spans="8:8">
      <c r="H511947" s="12"/>
    </row>
    <row r="511948" spans="8:8">
      <c r="H511948" s="12"/>
    </row>
    <row r="511949" spans="8:8">
      <c r="H511949" s="12"/>
    </row>
    <row r="511950" spans="8:8">
      <c r="H511950" s="12"/>
    </row>
    <row r="511951" spans="8:8">
      <c r="H511951" s="12"/>
    </row>
    <row r="511952" spans="8:8">
      <c r="H511952" s="12"/>
    </row>
    <row r="511953" spans="8:8">
      <c r="H511953" s="12"/>
    </row>
    <row r="511954" spans="8:8">
      <c r="H511954" s="12"/>
    </row>
    <row r="511955" spans="8:8">
      <c r="H511955" s="12"/>
    </row>
    <row r="511956" spans="8:8">
      <c r="H511956" s="12"/>
    </row>
    <row r="511957" spans="8:8">
      <c r="H511957" s="12"/>
    </row>
    <row r="511958" spans="8:8">
      <c r="H511958" s="12"/>
    </row>
    <row r="511959" spans="8:8">
      <c r="H511959" s="12"/>
    </row>
    <row r="511960" spans="8:8">
      <c r="H511960" s="12"/>
    </row>
    <row r="511961" spans="8:8">
      <c r="H511961" s="12"/>
    </row>
    <row r="511962" spans="8:8">
      <c r="H511962" s="12"/>
    </row>
    <row r="511963" spans="8:8">
      <c r="H511963" s="12"/>
    </row>
    <row r="511964" spans="8:8">
      <c r="H511964" s="12"/>
    </row>
    <row r="511965" spans="8:8">
      <c r="H511965" s="12"/>
    </row>
    <row r="511966" spans="8:8">
      <c r="H511966" s="12"/>
    </row>
    <row r="511967" spans="8:8">
      <c r="H511967" s="12"/>
    </row>
    <row r="511968" spans="8:8">
      <c r="H511968" s="12"/>
    </row>
    <row r="511969" spans="8:8">
      <c r="H511969" s="12"/>
    </row>
    <row r="511970" spans="8:8">
      <c r="H511970" s="12"/>
    </row>
    <row r="511971" spans="8:8">
      <c r="H511971" s="12"/>
    </row>
    <row r="511972" spans="8:8">
      <c r="H511972" s="12"/>
    </row>
    <row r="511973" spans="8:8">
      <c r="H511973" s="12"/>
    </row>
    <row r="511974" spans="8:8">
      <c r="H511974" s="12"/>
    </row>
    <row r="511975" spans="8:8">
      <c r="H511975" s="12"/>
    </row>
    <row r="511976" spans="8:8">
      <c r="H511976" s="12"/>
    </row>
    <row r="511977" spans="8:8">
      <c r="H511977" s="12"/>
    </row>
    <row r="511978" spans="8:8">
      <c r="H511978" s="12"/>
    </row>
    <row r="511979" spans="8:8">
      <c r="H511979" s="12"/>
    </row>
    <row r="511980" spans="8:8">
      <c r="H511980" s="12"/>
    </row>
    <row r="511981" spans="8:8">
      <c r="H511981" s="12"/>
    </row>
    <row r="511982" spans="8:8">
      <c r="H511982" s="12"/>
    </row>
    <row r="511983" spans="8:8">
      <c r="H511983" s="12"/>
    </row>
    <row r="511984" spans="8:8">
      <c r="H511984" s="12"/>
    </row>
    <row r="511985" spans="8:8">
      <c r="H511985" s="12"/>
    </row>
    <row r="511986" spans="8:8">
      <c r="H511986" s="12"/>
    </row>
    <row r="511987" spans="8:8">
      <c r="H511987" s="12"/>
    </row>
    <row r="511988" spans="8:8">
      <c r="H511988" s="12"/>
    </row>
    <row r="511989" spans="8:8">
      <c r="H511989" s="12"/>
    </row>
    <row r="511990" spans="8:8">
      <c r="H511990" s="12"/>
    </row>
    <row r="511991" spans="8:8">
      <c r="H511991" s="12"/>
    </row>
    <row r="511992" spans="8:8">
      <c r="H511992" s="12"/>
    </row>
    <row r="511993" spans="8:8">
      <c r="H511993" s="12"/>
    </row>
    <row r="511994" spans="8:8">
      <c r="H511994" s="12"/>
    </row>
    <row r="511995" spans="8:8">
      <c r="H511995" s="12"/>
    </row>
    <row r="511996" spans="8:8">
      <c r="H511996" s="12"/>
    </row>
    <row r="511997" spans="8:8">
      <c r="H511997" s="12"/>
    </row>
    <row r="511998" spans="8:8">
      <c r="H511998" s="12"/>
    </row>
    <row r="511999" spans="8:8">
      <c r="H511999" s="12"/>
    </row>
    <row r="512000" spans="8:8">
      <c r="H512000" s="12"/>
    </row>
    <row r="512001" spans="8:8">
      <c r="H512001" s="12"/>
    </row>
    <row r="512002" spans="8:8">
      <c r="H512002" s="12"/>
    </row>
    <row r="512003" spans="8:8">
      <c r="H512003" s="12"/>
    </row>
    <row r="512004" spans="8:8">
      <c r="H512004" s="12"/>
    </row>
    <row r="512005" spans="8:8">
      <c r="H512005" s="12"/>
    </row>
    <row r="512006" spans="8:8">
      <c r="H512006" s="12"/>
    </row>
    <row r="512007" spans="8:8">
      <c r="H512007" s="12"/>
    </row>
    <row r="512008" spans="8:8">
      <c r="H512008" s="12"/>
    </row>
    <row r="512009" spans="8:8">
      <c r="H512009" s="12"/>
    </row>
    <row r="512010" spans="8:8">
      <c r="H512010" s="12"/>
    </row>
    <row r="512011" spans="8:8">
      <c r="H512011" s="12"/>
    </row>
    <row r="512012" spans="8:8">
      <c r="H512012" s="12"/>
    </row>
    <row r="512013" spans="8:8">
      <c r="H512013" s="12"/>
    </row>
    <row r="512014" spans="8:8">
      <c r="H512014" s="12"/>
    </row>
    <row r="512015" spans="8:8">
      <c r="H512015" s="12"/>
    </row>
    <row r="512016" spans="8:8">
      <c r="H512016" s="12"/>
    </row>
    <row r="512017" spans="8:8">
      <c r="H512017" s="12"/>
    </row>
    <row r="512018" spans="8:8">
      <c r="H512018" s="12"/>
    </row>
    <row r="512019" spans="8:8">
      <c r="H512019" s="12"/>
    </row>
    <row r="512020" spans="8:8">
      <c r="H512020" s="12"/>
    </row>
    <row r="512021" spans="8:8">
      <c r="H512021" s="12"/>
    </row>
    <row r="512022" spans="8:8">
      <c r="H512022" s="12"/>
    </row>
    <row r="512023" spans="8:8">
      <c r="H512023" s="12"/>
    </row>
    <row r="512024" spans="8:8">
      <c r="H512024" s="12"/>
    </row>
    <row r="512025" spans="8:8">
      <c r="H512025" s="12"/>
    </row>
    <row r="512026" spans="8:8">
      <c r="H512026" s="12"/>
    </row>
    <row r="512027" spans="8:8">
      <c r="H512027" s="12"/>
    </row>
    <row r="512028" spans="8:8">
      <c r="H512028" s="12"/>
    </row>
    <row r="512029" spans="8:8">
      <c r="H512029" s="12"/>
    </row>
    <row r="512030" spans="8:8">
      <c r="H512030" s="12"/>
    </row>
    <row r="512031" spans="8:8">
      <c r="H512031" s="12"/>
    </row>
    <row r="512032" spans="8:8">
      <c r="H512032" s="12"/>
    </row>
    <row r="512033" spans="8:8">
      <c r="H512033" s="12"/>
    </row>
    <row r="512034" spans="8:8">
      <c r="H512034" s="12"/>
    </row>
    <row r="512035" spans="8:8">
      <c r="H512035" s="12"/>
    </row>
    <row r="512036" spans="8:8">
      <c r="H512036" s="12"/>
    </row>
    <row r="512037" spans="8:8">
      <c r="H512037" s="12"/>
    </row>
    <row r="512038" spans="8:8">
      <c r="H512038" s="12"/>
    </row>
    <row r="512039" spans="8:8">
      <c r="H512039" s="12"/>
    </row>
    <row r="512040" spans="8:8">
      <c r="H512040" s="12"/>
    </row>
    <row r="512041" spans="8:8">
      <c r="H512041" s="12"/>
    </row>
    <row r="512042" spans="8:8">
      <c r="H512042" s="12"/>
    </row>
    <row r="512043" spans="8:8">
      <c r="H512043" s="12"/>
    </row>
    <row r="512044" spans="8:8">
      <c r="H512044" s="12"/>
    </row>
    <row r="512045" spans="8:8">
      <c r="H512045" s="12"/>
    </row>
    <row r="512046" spans="8:8">
      <c r="H512046" s="12"/>
    </row>
    <row r="512047" spans="8:8">
      <c r="H512047" s="12"/>
    </row>
    <row r="512048" spans="8:8">
      <c r="H512048" s="12"/>
    </row>
    <row r="512049" spans="8:8">
      <c r="H512049" s="12"/>
    </row>
    <row r="512050" spans="8:8">
      <c r="H512050" s="12"/>
    </row>
    <row r="512051" spans="8:8">
      <c r="H512051" s="12"/>
    </row>
    <row r="512052" spans="8:8">
      <c r="H512052" s="12"/>
    </row>
    <row r="512053" spans="8:8">
      <c r="H512053" s="12"/>
    </row>
    <row r="512054" spans="8:8">
      <c r="H512054" s="12"/>
    </row>
    <row r="512055" spans="8:8">
      <c r="H512055" s="12"/>
    </row>
    <row r="512056" spans="8:8">
      <c r="H512056" s="12"/>
    </row>
    <row r="512057" spans="8:8">
      <c r="H512057" s="12"/>
    </row>
    <row r="512058" spans="8:8">
      <c r="H512058" s="12"/>
    </row>
    <row r="512059" spans="8:8">
      <c r="H512059" s="12"/>
    </row>
    <row r="512060" spans="8:8">
      <c r="H512060" s="12"/>
    </row>
    <row r="512061" spans="8:8">
      <c r="H512061" s="12"/>
    </row>
    <row r="512062" spans="8:8">
      <c r="H512062" s="12"/>
    </row>
    <row r="512063" spans="8:8">
      <c r="H512063" s="12"/>
    </row>
    <row r="512064" spans="8:8">
      <c r="H512064" s="12"/>
    </row>
    <row r="512065" spans="8:8">
      <c r="H512065" s="12"/>
    </row>
    <row r="512066" spans="8:8">
      <c r="H512066" s="12"/>
    </row>
    <row r="512067" spans="8:8">
      <c r="H512067" s="12"/>
    </row>
    <row r="512068" spans="8:8">
      <c r="H512068" s="12"/>
    </row>
    <row r="512069" spans="8:8">
      <c r="H512069" s="12"/>
    </row>
    <row r="512070" spans="8:8">
      <c r="H512070" s="12"/>
    </row>
    <row r="512071" spans="8:8">
      <c r="H512071" s="12"/>
    </row>
    <row r="512072" spans="8:8">
      <c r="H512072" s="12"/>
    </row>
    <row r="512073" spans="8:8">
      <c r="H512073" s="12"/>
    </row>
    <row r="512074" spans="8:8">
      <c r="H512074" s="12"/>
    </row>
    <row r="512075" spans="8:8">
      <c r="H512075" s="12"/>
    </row>
    <row r="512076" spans="8:8">
      <c r="H512076" s="12"/>
    </row>
    <row r="512077" spans="8:8">
      <c r="H512077" s="12"/>
    </row>
    <row r="512078" spans="8:8">
      <c r="H512078" s="12"/>
    </row>
    <row r="512079" spans="8:8">
      <c r="H512079" s="12"/>
    </row>
    <row r="512080" spans="8:8">
      <c r="H512080" s="12"/>
    </row>
    <row r="512081" spans="8:8">
      <c r="H512081" s="12"/>
    </row>
    <row r="512082" spans="8:8">
      <c r="H512082" s="12"/>
    </row>
    <row r="512083" spans="8:8">
      <c r="H512083" s="12"/>
    </row>
    <row r="512084" spans="8:8">
      <c r="H512084" s="12"/>
    </row>
    <row r="512085" spans="8:8">
      <c r="H512085" s="12"/>
    </row>
    <row r="512086" spans="8:8">
      <c r="H512086" s="12"/>
    </row>
    <row r="512087" spans="8:8">
      <c r="H512087" s="12"/>
    </row>
    <row r="512088" spans="8:8">
      <c r="H512088" s="12"/>
    </row>
    <row r="512089" spans="8:8">
      <c r="H512089" s="12"/>
    </row>
    <row r="512090" spans="8:8">
      <c r="H512090" s="12"/>
    </row>
    <row r="512091" spans="8:8">
      <c r="H512091" s="12"/>
    </row>
    <row r="512092" spans="8:8">
      <c r="H512092" s="12"/>
    </row>
    <row r="512093" spans="8:8">
      <c r="H512093" s="12"/>
    </row>
    <row r="512094" spans="8:8">
      <c r="H512094" s="12"/>
    </row>
    <row r="512095" spans="8:8">
      <c r="H512095" s="12"/>
    </row>
    <row r="512096" spans="8:8">
      <c r="H512096" s="12"/>
    </row>
    <row r="512097" spans="8:8">
      <c r="H512097" s="12"/>
    </row>
    <row r="512098" spans="8:8">
      <c r="H512098" s="12"/>
    </row>
    <row r="512099" spans="8:8">
      <c r="H512099" s="12"/>
    </row>
    <row r="512100" spans="8:8">
      <c r="H512100" s="12"/>
    </row>
    <row r="512101" spans="8:8">
      <c r="H512101" s="12"/>
    </row>
    <row r="512102" spans="8:8">
      <c r="H512102" s="12"/>
    </row>
    <row r="512103" spans="8:8">
      <c r="H512103" s="12"/>
    </row>
    <row r="512104" spans="8:8">
      <c r="H512104" s="12"/>
    </row>
    <row r="512105" spans="8:8">
      <c r="H512105" s="12"/>
    </row>
    <row r="512106" spans="8:8">
      <c r="H512106" s="12"/>
    </row>
    <row r="512107" spans="8:8">
      <c r="H512107" s="12"/>
    </row>
    <row r="512108" spans="8:8">
      <c r="H512108" s="12"/>
    </row>
    <row r="512109" spans="8:8">
      <c r="H512109" s="12"/>
    </row>
    <row r="512110" spans="8:8">
      <c r="H512110" s="12"/>
    </row>
    <row r="512111" spans="8:8">
      <c r="H512111" s="12"/>
    </row>
    <row r="512112" spans="8:8">
      <c r="H512112" s="12"/>
    </row>
    <row r="512113" spans="8:8">
      <c r="H512113" s="12"/>
    </row>
    <row r="512114" spans="8:8">
      <c r="H512114" s="12"/>
    </row>
    <row r="512115" spans="8:8">
      <c r="H512115" s="12"/>
    </row>
    <row r="512116" spans="8:8">
      <c r="H512116" s="12"/>
    </row>
    <row r="512117" spans="8:8">
      <c r="H512117" s="12"/>
    </row>
    <row r="512118" spans="8:8">
      <c r="H512118" s="12"/>
    </row>
    <row r="512119" spans="8:8">
      <c r="H512119" s="12"/>
    </row>
    <row r="512120" spans="8:8">
      <c r="H512120" s="12"/>
    </row>
    <row r="512121" spans="8:8">
      <c r="H512121" s="12"/>
    </row>
    <row r="512122" spans="8:8">
      <c r="H512122" s="12"/>
    </row>
    <row r="512123" spans="8:8">
      <c r="H512123" s="12"/>
    </row>
    <row r="512124" spans="8:8">
      <c r="H512124" s="12"/>
    </row>
    <row r="512125" spans="8:8">
      <c r="H512125" s="12"/>
    </row>
    <row r="512126" spans="8:8">
      <c r="H512126" s="12"/>
    </row>
    <row r="512127" spans="8:8">
      <c r="H512127" s="12"/>
    </row>
    <row r="512128" spans="8:8">
      <c r="H512128" s="12"/>
    </row>
    <row r="512129" spans="8:8">
      <c r="H512129" s="12"/>
    </row>
    <row r="512130" spans="8:8">
      <c r="H512130" s="12"/>
    </row>
    <row r="512131" spans="8:8">
      <c r="H512131" s="12"/>
    </row>
    <row r="512132" spans="8:8">
      <c r="H512132" s="12"/>
    </row>
    <row r="512133" spans="8:8">
      <c r="H512133" s="12"/>
    </row>
    <row r="512134" spans="8:8">
      <c r="H512134" s="12"/>
    </row>
    <row r="512135" spans="8:8">
      <c r="H512135" s="12"/>
    </row>
    <row r="512136" spans="8:8">
      <c r="H512136" s="12"/>
    </row>
    <row r="512137" spans="8:8">
      <c r="H512137" s="12"/>
    </row>
    <row r="512138" spans="8:8">
      <c r="H512138" s="12"/>
    </row>
    <row r="512139" spans="8:8">
      <c r="H512139" s="12"/>
    </row>
    <row r="512140" spans="8:8">
      <c r="H512140" s="12"/>
    </row>
    <row r="512141" spans="8:8">
      <c r="H512141" s="12"/>
    </row>
    <row r="512142" spans="8:8">
      <c r="H512142" s="12"/>
    </row>
    <row r="512143" spans="8:8">
      <c r="H512143" s="12"/>
    </row>
    <row r="512144" spans="8:8">
      <c r="H512144" s="12"/>
    </row>
    <row r="512145" spans="8:8">
      <c r="H512145" s="12"/>
    </row>
    <row r="512146" spans="8:8">
      <c r="H512146" s="12"/>
    </row>
    <row r="512147" spans="8:8">
      <c r="H512147" s="12"/>
    </row>
    <row r="512148" spans="8:8">
      <c r="H512148" s="12"/>
    </row>
    <row r="512149" spans="8:8">
      <c r="H512149" s="12"/>
    </row>
    <row r="512150" spans="8:8">
      <c r="H512150" s="12"/>
    </row>
    <row r="512151" spans="8:8">
      <c r="H512151" s="12"/>
    </row>
    <row r="512152" spans="8:8">
      <c r="H512152" s="12"/>
    </row>
    <row r="512153" spans="8:8">
      <c r="H512153" s="12"/>
    </row>
    <row r="512154" spans="8:8">
      <c r="H512154" s="12"/>
    </row>
    <row r="512155" spans="8:8">
      <c r="H512155" s="12"/>
    </row>
    <row r="512156" spans="8:8">
      <c r="H512156" s="12"/>
    </row>
    <row r="512157" spans="8:8">
      <c r="H512157" s="12"/>
    </row>
    <row r="512158" spans="8:8">
      <c r="H512158" s="12"/>
    </row>
    <row r="512159" spans="8:8">
      <c r="H512159" s="12"/>
    </row>
    <row r="512160" spans="8:8">
      <c r="H512160" s="12"/>
    </row>
    <row r="512161" spans="8:8">
      <c r="H512161" s="12"/>
    </row>
    <row r="512162" spans="8:8">
      <c r="H512162" s="12"/>
    </row>
    <row r="512163" spans="8:8">
      <c r="H512163" s="12"/>
    </row>
    <row r="512164" spans="8:8">
      <c r="H512164" s="12"/>
    </row>
    <row r="512165" spans="8:8">
      <c r="H512165" s="12"/>
    </row>
    <row r="512166" spans="8:8">
      <c r="H512166" s="12"/>
    </row>
    <row r="512167" spans="8:8">
      <c r="H512167" s="12"/>
    </row>
    <row r="512168" spans="8:8">
      <c r="H512168" s="12"/>
    </row>
    <row r="512169" spans="8:8">
      <c r="H512169" s="12"/>
    </row>
    <row r="512170" spans="8:8">
      <c r="H512170" s="12"/>
    </row>
    <row r="512171" spans="8:8">
      <c r="H512171" s="12"/>
    </row>
    <row r="512172" spans="8:8">
      <c r="H512172" s="12"/>
    </row>
    <row r="512173" spans="8:8">
      <c r="H512173" s="12"/>
    </row>
    <row r="512174" spans="8:8">
      <c r="H512174" s="12"/>
    </row>
    <row r="512175" spans="8:8">
      <c r="H512175" s="12"/>
    </row>
    <row r="512176" spans="8:8">
      <c r="H512176" s="12"/>
    </row>
    <row r="512177" spans="8:8">
      <c r="H512177" s="12"/>
    </row>
    <row r="512178" spans="8:8">
      <c r="H512178" s="12"/>
    </row>
    <row r="512179" spans="8:8">
      <c r="H512179" s="12"/>
    </row>
    <row r="512180" spans="8:8">
      <c r="H512180" s="12"/>
    </row>
    <row r="512181" spans="8:8">
      <c r="H512181" s="12"/>
    </row>
    <row r="512182" spans="8:8">
      <c r="H512182" s="12"/>
    </row>
    <row r="512183" spans="8:8">
      <c r="H512183" s="12"/>
    </row>
    <row r="512184" spans="8:8">
      <c r="H512184" s="12"/>
    </row>
    <row r="512185" spans="8:8">
      <c r="H512185" s="12"/>
    </row>
    <row r="512186" spans="8:8">
      <c r="H512186" s="12"/>
    </row>
    <row r="512187" spans="8:8">
      <c r="H512187" s="12"/>
    </row>
    <row r="512188" spans="8:8">
      <c r="H512188" s="12"/>
    </row>
    <row r="512189" spans="8:8">
      <c r="H512189" s="12"/>
    </row>
    <row r="512190" spans="8:8">
      <c r="H512190" s="12"/>
    </row>
    <row r="512191" spans="8:8">
      <c r="H512191" s="12"/>
    </row>
    <row r="512192" spans="8:8">
      <c r="H512192" s="12"/>
    </row>
    <row r="512193" spans="8:8">
      <c r="H512193" s="12"/>
    </row>
    <row r="512194" spans="8:8">
      <c r="H512194" s="12"/>
    </row>
    <row r="512195" spans="8:8">
      <c r="H512195" s="12"/>
    </row>
    <row r="512196" spans="8:8">
      <c r="H512196" s="12"/>
    </row>
    <row r="512197" spans="8:8">
      <c r="H512197" s="12"/>
    </row>
    <row r="512198" spans="8:8">
      <c r="H512198" s="12"/>
    </row>
    <row r="512199" spans="8:8">
      <c r="H512199" s="12"/>
    </row>
    <row r="512200" spans="8:8">
      <c r="H512200" s="12"/>
    </row>
    <row r="512201" spans="8:8">
      <c r="H512201" s="12"/>
    </row>
    <row r="512202" spans="8:8">
      <c r="H512202" s="12"/>
    </row>
    <row r="512203" spans="8:8">
      <c r="H512203" s="12"/>
    </row>
    <row r="512204" spans="8:8">
      <c r="H512204" s="12"/>
    </row>
    <row r="512205" spans="8:8">
      <c r="H512205" s="12"/>
    </row>
    <row r="512206" spans="8:8">
      <c r="H512206" s="12"/>
    </row>
    <row r="512207" spans="8:8">
      <c r="H512207" s="12"/>
    </row>
    <row r="512208" spans="8:8">
      <c r="H512208" s="12"/>
    </row>
    <row r="512209" spans="8:8">
      <c r="H512209" s="12"/>
    </row>
    <row r="512210" spans="8:8">
      <c r="H512210" s="12"/>
    </row>
    <row r="512211" spans="8:8">
      <c r="H512211" s="12"/>
    </row>
    <row r="512212" spans="8:8">
      <c r="H512212" s="12"/>
    </row>
    <row r="512213" spans="8:8">
      <c r="H512213" s="12"/>
    </row>
    <row r="512214" spans="8:8">
      <c r="H512214" s="12"/>
    </row>
    <row r="512215" spans="8:8">
      <c r="H512215" s="12"/>
    </row>
    <row r="512216" spans="8:8">
      <c r="H512216" s="12"/>
    </row>
    <row r="512217" spans="8:8">
      <c r="H512217" s="12"/>
    </row>
    <row r="512218" spans="8:8">
      <c r="H512218" s="12"/>
    </row>
    <row r="512219" spans="8:8">
      <c r="H512219" s="12"/>
    </row>
    <row r="512220" spans="8:8">
      <c r="H512220" s="12"/>
    </row>
    <row r="512221" spans="8:8">
      <c r="H512221" s="12"/>
    </row>
    <row r="512222" spans="8:8">
      <c r="H512222" s="12"/>
    </row>
    <row r="512223" spans="8:8">
      <c r="H512223" s="12"/>
    </row>
    <row r="512224" spans="8:8">
      <c r="H512224" s="12"/>
    </row>
    <row r="512225" spans="8:8">
      <c r="H512225" s="12"/>
    </row>
    <row r="512226" spans="8:8">
      <c r="H512226" s="12"/>
    </row>
    <row r="512227" spans="8:8">
      <c r="H512227" s="12"/>
    </row>
    <row r="512228" spans="8:8">
      <c r="H512228" s="12"/>
    </row>
    <row r="512229" spans="8:8">
      <c r="H512229" s="12"/>
    </row>
    <row r="512230" spans="8:8">
      <c r="H512230" s="12"/>
    </row>
    <row r="512231" spans="8:8">
      <c r="H512231" s="12"/>
    </row>
    <row r="512232" spans="8:8">
      <c r="H512232" s="12"/>
    </row>
    <row r="512233" spans="8:8">
      <c r="H512233" s="12"/>
    </row>
    <row r="512234" spans="8:8">
      <c r="H512234" s="12"/>
    </row>
    <row r="512235" spans="8:8">
      <c r="H512235" s="12"/>
    </row>
    <row r="512236" spans="8:8">
      <c r="H512236" s="12"/>
    </row>
    <row r="512237" spans="8:8">
      <c r="H512237" s="12"/>
    </row>
    <row r="512238" spans="8:8">
      <c r="H512238" s="12"/>
    </row>
    <row r="512239" spans="8:8">
      <c r="H512239" s="12"/>
    </row>
    <row r="512240" spans="8:8">
      <c r="H512240" s="12"/>
    </row>
    <row r="512241" spans="8:8">
      <c r="H512241" s="12"/>
    </row>
    <row r="512242" spans="8:8">
      <c r="H512242" s="12"/>
    </row>
    <row r="512243" spans="8:8">
      <c r="H512243" s="12"/>
    </row>
    <row r="512244" spans="8:8">
      <c r="H512244" s="12"/>
    </row>
    <row r="512245" spans="8:8">
      <c r="H512245" s="12"/>
    </row>
    <row r="512246" spans="8:8">
      <c r="H512246" s="12"/>
    </row>
    <row r="512247" spans="8:8">
      <c r="H512247" s="12"/>
    </row>
    <row r="512248" spans="8:8">
      <c r="H512248" s="12"/>
    </row>
    <row r="512249" spans="8:8">
      <c r="H512249" s="12"/>
    </row>
    <row r="512250" spans="8:8">
      <c r="H512250" s="12"/>
    </row>
    <row r="512251" spans="8:8">
      <c r="H512251" s="12"/>
    </row>
    <row r="512252" spans="8:8">
      <c r="H512252" s="12"/>
    </row>
    <row r="512253" spans="8:8">
      <c r="H512253" s="12"/>
    </row>
    <row r="512254" spans="8:8">
      <c r="H512254" s="12"/>
    </row>
    <row r="512255" spans="8:8">
      <c r="H512255" s="12"/>
    </row>
    <row r="512256" spans="8:8">
      <c r="H512256" s="12"/>
    </row>
    <row r="512257" spans="8:8">
      <c r="H512257" s="12"/>
    </row>
    <row r="512258" spans="8:8">
      <c r="H512258" s="12"/>
    </row>
    <row r="512259" spans="8:8">
      <c r="H512259" s="12"/>
    </row>
    <row r="512260" spans="8:8">
      <c r="H512260" s="12"/>
    </row>
    <row r="512261" spans="8:8">
      <c r="H512261" s="12"/>
    </row>
    <row r="512262" spans="8:8">
      <c r="H512262" s="12"/>
    </row>
    <row r="512263" spans="8:8">
      <c r="H512263" s="12"/>
    </row>
    <row r="512264" spans="8:8">
      <c r="H512264" s="12"/>
    </row>
    <row r="512265" spans="8:8">
      <c r="H512265" s="12"/>
    </row>
    <row r="512266" spans="8:8">
      <c r="H512266" s="12"/>
    </row>
    <row r="512267" spans="8:8">
      <c r="H512267" s="12"/>
    </row>
    <row r="512268" spans="8:8">
      <c r="H512268" s="12"/>
    </row>
    <row r="512269" spans="8:8">
      <c r="H512269" s="12"/>
    </row>
    <row r="512270" spans="8:8">
      <c r="H512270" s="12"/>
    </row>
    <row r="512271" spans="8:8">
      <c r="H512271" s="12"/>
    </row>
    <row r="512272" spans="8:8">
      <c r="H512272" s="12"/>
    </row>
    <row r="512273" spans="8:8">
      <c r="H512273" s="12"/>
    </row>
    <row r="512274" spans="8:8">
      <c r="H512274" s="12"/>
    </row>
    <row r="512275" spans="8:8">
      <c r="H512275" s="12"/>
    </row>
    <row r="512276" spans="8:8">
      <c r="H512276" s="12"/>
    </row>
    <row r="512277" spans="8:8">
      <c r="H512277" s="12"/>
    </row>
    <row r="512278" spans="8:8">
      <c r="H512278" s="12"/>
    </row>
    <row r="512279" spans="8:8">
      <c r="H512279" s="12"/>
    </row>
    <row r="512280" spans="8:8">
      <c r="H512280" s="12"/>
    </row>
    <row r="512281" spans="8:8">
      <c r="H512281" s="12"/>
    </row>
    <row r="512282" spans="8:8">
      <c r="H512282" s="12"/>
    </row>
    <row r="512283" spans="8:8">
      <c r="H512283" s="12"/>
    </row>
    <row r="512284" spans="8:8">
      <c r="H512284" s="12"/>
    </row>
    <row r="512285" spans="8:8">
      <c r="H512285" s="12"/>
    </row>
    <row r="512286" spans="8:8">
      <c r="H512286" s="12"/>
    </row>
    <row r="512287" spans="8:8">
      <c r="H512287" s="12"/>
    </row>
    <row r="512288" spans="8:8">
      <c r="H512288" s="12"/>
    </row>
    <row r="512289" spans="8:8">
      <c r="H512289" s="12"/>
    </row>
    <row r="512290" spans="8:8">
      <c r="H512290" s="12"/>
    </row>
    <row r="512291" spans="8:8">
      <c r="H512291" s="12"/>
    </row>
    <row r="512292" spans="8:8">
      <c r="H512292" s="12"/>
    </row>
    <row r="512293" spans="8:8">
      <c r="H512293" s="12"/>
    </row>
    <row r="512294" spans="8:8">
      <c r="H512294" s="12"/>
    </row>
    <row r="512295" spans="8:8">
      <c r="H512295" s="12"/>
    </row>
    <row r="512296" spans="8:8">
      <c r="H512296" s="12"/>
    </row>
    <row r="512297" spans="8:8">
      <c r="H512297" s="12"/>
    </row>
    <row r="512298" spans="8:8">
      <c r="H512298" s="12"/>
    </row>
    <row r="512299" spans="8:8">
      <c r="H512299" s="12"/>
    </row>
    <row r="512300" spans="8:8">
      <c r="H512300" s="12"/>
    </row>
    <row r="512301" spans="8:8">
      <c r="H512301" s="12"/>
    </row>
    <row r="512302" spans="8:8">
      <c r="H512302" s="12"/>
    </row>
    <row r="512303" spans="8:8">
      <c r="H512303" s="12"/>
    </row>
    <row r="512304" spans="8:8">
      <c r="H512304" s="12"/>
    </row>
    <row r="512305" spans="8:8">
      <c r="H512305" s="12"/>
    </row>
    <row r="512306" spans="8:8">
      <c r="H512306" s="12"/>
    </row>
    <row r="512307" spans="8:8">
      <c r="H512307" s="12"/>
    </row>
    <row r="512308" spans="8:8">
      <c r="H512308" s="12"/>
    </row>
    <row r="512309" spans="8:8">
      <c r="H512309" s="12"/>
    </row>
    <row r="512310" spans="8:8">
      <c r="H512310" s="12"/>
    </row>
    <row r="512311" spans="8:8">
      <c r="H512311" s="12"/>
    </row>
    <row r="512312" spans="8:8">
      <c r="H512312" s="12"/>
    </row>
    <row r="512313" spans="8:8">
      <c r="H512313" s="12"/>
    </row>
    <row r="512314" spans="8:8">
      <c r="H512314" s="12"/>
    </row>
    <row r="512315" spans="8:8">
      <c r="H512315" s="12"/>
    </row>
    <row r="512316" spans="8:8">
      <c r="H512316" s="12"/>
    </row>
    <row r="512317" spans="8:8">
      <c r="H512317" s="12"/>
    </row>
    <row r="512318" spans="8:8">
      <c r="H512318" s="12"/>
    </row>
    <row r="512319" spans="8:8">
      <c r="H512319" s="12"/>
    </row>
    <row r="512320" spans="8:8">
      <c r="H512320" s="12"/>
    </row>
    <row r="512321" spans="8:8">
      <c r="H512321" s="12"/>
    </row>
    <row r="512322" spans="8:8">
      <c r="H512322" s="12"/>
    </row>
    <row r="512323" spans="8:8">
      <c r="H512323" s="12"/>
    </row>
    <row r="512324" spans="8:8">
      <c r="H512324" s="12"/>
    </row>
    <row r="512325" spans="8:8">
      <c r="H512325" s="12"/>
    </row>
    <row r="512326" spans="8:8">
      <c r="H512326" s="12"/>
    </row>
    <row r="512327" spans="8:8">
      <c r="H512327" s="12"/>
    </row>
    <row r="512328" spans="8:8">
      <c r="H512328" s="12"/>
    </row>
    <row r="512329" spans="8:8">
      <c r="H512329" s="12"/>
    </row>
    <row r="512330" spans="8:8">
      <c r="H512330" s="12"/>
    </row>
    <row r="512331" spans="8:8">
      <c r="H512331" s="12"/>
    </row>
    <row r="512332" spans="8:8">
      <c r="H512332" s="12"/>
    </row>
    <row r="512333" spans="8:8">
      <c r="H512333" s="12"/>
    </row>
    <row r="512334" spans="8:8">
      <c r="H512334" s="12"/>
    </row>
    <row r="512335" spans="8:8">
      <c r="H512335" s="12"/>
    </row>
    <row r="512336" spans="8:8">
      <c r="H512336" s="12"/>
    </row>
    <row r="512337" spans="8:8">
      <c r="H512337" s="12"/>
    </row>
    <row r="512338" spans="8:8">
      <c r="H512338" s="12"/>
    </row>
    <row r="512339" spans="8:8">
      <c r="H512339" s="12"/>
    </row>
    <row r="512340" spans="8:8">
      <c r="H512340" s="12"/>
    </row>
    <row r="512341" spans="8:8">
      <c r="H512341" s="12"/>
    </row>
    <row r="512342" spans="8:8">
      <c r="H512342" s="12"/>
    </row>
    <row r="512343" spans="8:8">
      <c r="H512343" s="12"/>
    </row>
    <row r="512344" spans="8:8">
      <c r="H512344" s="12"/>
    </row>
    <row r="512345" spans="8:8">
      <c r="H512345" s="12"/>
    </row>
    <row r="512346" spans="8:8">
      <c r="H512346" s="12"/>
    </row>
    <row r="512347" spans="8:8">
      <c r="H512347" s="12"/>
    </row>
    <row r="512348" spans="8:8">
      <c r="H512348" s="12"/>
    </row>
    <row r="512349" spans="8:8">
      <c r="H512349" s="12"/>
    </row>
    <row r="512350" spans="8:8">
      <c r="H512350" s="12"/>
    </row>
    <row r="512351" spans="8:8">
      <c r="H512351" s="12"/>
    </row>
    <row r="512352" spans="8:8">
      <c r="H512352" s="12"/>
    </row>
    <row r="512353" spans="8:8">
      <c r="H512353" s="12"/>
    </row>
    <row r="512354" spans="8:8">
      <c r="H512354" s="12"/>
    </row>
    <row r="512355" spans="8:8">
      <c r="H512355" s="12"/>
    </row>
    <row r="512356" spans="8:8">
      <c r="H512356" s="12"/>
    </row>
    <row r="512357" spans="8:8">
      <c r="H512357" s="12"/>
    </row>
    <row r="512358" spans="8:8">
      <c r="H512358" s="12"/>
    </row>
    <row r="512359" spans="8:8">
      <c r="H512359" s="12"/>
    </row>
    <row r="512360" spans="8:8">
      <c r="H512360" s="12"/>
    </row>
    <row r="512361" spans="8:8">
      <c r="H512361" s="12"/>
    </row>
    <row r="512362" spans="8:8">
      <c r="H512362" s="12"/>
    </row>
    <row r="512363" spans="8:8">
      <c r="H512363" s="12"/>
    </row>
    <row r="512364" spans="8:8">
      <c r="H512364" s="12"/>
    </row>
    <row r="512365" spans="8:8">
      <c r="H512365" s="12"/>
    </row>
    <row r="512366" spans="8:8">
      <c r="H512366" s="12"/>
    </row>
    <row r="512367" spans="8:8">
      <c r="H512367" s="12"/>
    </row>
    <row r="512368" spans="8:8">
      <c r="H512368" s="12"/>
    </row>
    <row r="512369" spans="8:8">
      <c r="H512369" s="12"/>
    </row>
    <row r="512370" spans="8:8">
      <c r="H512370" s="12"/>
    </row>
    <row r="512371" spans="8:8">
      <c r="H512371" s="12"/>
    </row>
    <row r="512372" spans="8:8">
      <c r="H512372" s="12"/>
    </row>
    <row r="512373" spans="8:8">
      <c r="H512373" s="12"/>
    </row>
    <row r="512374" spans="8:8">
      <c r="H512374" s="12"/>
    </row>
    <row r="512375" spans="8:8">
      <c r="H512375" s="12"/>
    </row>
    <row r="512376" spans="8:8">
      <c r="H512376" s="12"/>
    </row>
    <row r="512377" spans="8:8">
      <c r="H512377" s="12"/>
    </row>
    <row r="512378" spans="8:8">
      <c r="H512378" s="12"/>
    </row>
    <row r="512379" spans="8:8">
      <c r="H512379" s="12"/>
    </row>
    <row r="512380" spans="8:8">
      <c r="H512380" s="12"/>
    </row>
    <row r="512381" spans="8:8">
      <c r="H512381" s="12"/>
    </row>
    <row r="512382" spans="8:8">
      <c r="H512382" s="12"/>
    </row>
    <row r="512383" spans="8:8">
      <c r="H512383" s="12"/>
    </row>
    <row r="512384" spans="8:8">
      <c r="H512384" s="12"/>
    </row>
    <row r="512385" spans="8:8">
      <c r="H512385" s="12"/>
    </row>
    <row r="512386" spans="8:8">
      <c r="H512386" s="12"/>
    </row>
    <row r="512387" spans="8:8">
      <c r="H512387" s="12"/>
    </row>
    <row r="512388" spans="8:8">
      <c r="H512388" s="12"/>
    </row>
    <row r="512389" spans="8:8">
      <c r="H512389" s="12"/>
    </row>
    <row r="512390" spans="8:8">
      <c r="H512390" s="12"/>
    </row>
    <row r="512391" spans="8:8">
      <c r="H512391" s="12"/>
    </row>
    <row r="512392" spans="8:8">
      <c r="H512392" s="12"/>
    </row>
    <row r="512393" spans="8:8">
      <c r="H512393" s="12"/>
    </row>
    <row r="512394" spans="8:8">
      <c r="H512394" s="12"/>
    </row>
    <row r="512395" spans="8:8">
      <c r="H512395" s="12"/>
    </row>
    <row r="512396" spans="8:8">
      <c r="H512396" s="12"/>
    </row>
    <row r="512397" spans="8:8">
      <c r="H512397" s="12"/>
    </row>
    <row r="512398" spans="8:8">
      <c r="H512398" s="12"/>
    </row>
    <row r="512399" spans="8:8">
      <c r="H512399" s="12"/>
    </row>
    <row r="512400" spans="8:8">
      <c r="H512400" s="12"/>
    </row>
    <row r="512401" spans="8:8">
      <c r="H512401" s="12"/>
    </row>
    <row r="512402" spans="8:8">
      <c r="H512402" s="12"/>
    </row>
    <row r="512403" spans="8:8">
      <c r="H512403" s="12"/>
    </row>
    <row r="512404" spans="8:8">
      <c r="H512404" s="12"/>
    </row>
    <row r="512405" spans="8:8">
      <c r="H512405" s="12"/>
    </row>
    <row r="512406" spans="8:8">
      <c r="H512406" s="12"/>
    </row>
    <row r="512407" spans="8:8">
      <c r="H512407" s="12"/>
    </row>
    <row r="512408" spans="8:8">
      <c r="H512408" s="12"/>
    </row>
    <row r="512409" spans="8:8">
      <c r="H512409" s="12"/>
    </row>
    <row r="512410" spans="8:8">
      <c r="H512410" s="12"/>
    </row>
    <row r="512411" spans="8:8">
      <c r="H512411" s="12"/>
    </row>
    <row r="512412" spans="8:8">
      <c r="H512412" s="12"/>
    </row>
    <row r="512413" spans="8:8">
      <c r="H512413" s="12"/>
    </row>
    <row r="512414" spans="8:8">
      <c r="H512414" s="12"/>
    </row>
    <row r="512415" spans="8:8">
      <c r="H512415" s="12"/>
    </row>
    <row r="512416" spans="8:8">
      <c r="H512416" s="12"/>
    </row>
    <row r="512417" spans="8:8">
      <c r="H512417" s="12"/>
    </row>
    <row r="512418" spans="8:8">
      <c r="H512418" s="12"/>
    </row>
    <row r="512419" spans="8:8">
      <c r="H512419" s="12"/>
    </row>
    <row r="512420" spans="8:8">
      <c r="H512420" s="12"/>
    </row>
    <row r="512421" spans="8:8">
      <c r="H512421" s="12"/>
    </row>
    <row r="512422" spans="8:8">
      <c r="H512422" s="12"/>
    </row>
    <row r="512423" spans="8:8">
      <c r="H512423" s="12"/>
    </row>
    <row r="512424" spans="8:8">
      <c r="H512424" s="12"/>
    </row>
    <row r="512425" spans="8:8">
      <c r="H512425" s="12"/>
    </row>
    <row r="512426" spans="8:8">
      <c r="H512426" s="12"/>
    </row>
    <row r="512427" spans="8:8">
      <c r="H512427" s="12"/>
    </row>
    <row r="512428" spans="8:8">
      <c r="H512428" s="12"/>
    </row>
    <row r="512429" spans="8:8">
      <c r="H512429" s="12"/>
    </row>
    <row r="512430" spans="8:8">
      <c r="H512430" s="12"/>
    </row>
    <row r="512431" spans="8:8">
      <c r="H512431" s="12"/>
    </row>
    <row r="512432" spans="8:8">
      <c r="H512432" s="12"/>
    </row>
    <row r="512433" spans="8:8">
      <c r="H512433" s="12"/>
    </row>
    <row r="512434" spans="8:8">
      <c r="H512434" s="12"/>
    </row>
    <row r="512435" spans="8:8">
      <c r="H512435" s="12"/>
    </row>
    <row r="512436" spans="8:8">
      <c r="H512436" s="12"/>
    </row>
    <row r="512437" spans="8:8">
      <c r="H512437" s="12"/>
    </row>
    <row r="512438" spans="8:8">
      <c r="H512438" s="12"/>
    </row>
    <row r="512439" spans="8:8">
      <c r="H512439" s="12"/>
    </row>
    <row r="512440" spans="8:8">
      <c r="H512440" s="12"/>
    </row>
    <row r="512441" spans="8:8">
      <c r="H512441" s="12"/>
    </row>
    <row r="512442" spans="8:8">
      <c r="H512442" s="12"/>
    </row>
    <row r="512443" spans="8:8">
      <c r="H512443" s="12"/>
    </row>
    <row r="512444" spans="8:8">
      <c r="H512444" s="12"/>
    </row>
    <row r="512445" spans="8:8">
      <c r="H512445" s="12"/>
    </row>
    <row r="512446" spans="8:8">
      <c r="H512446" s="12"/>
    </row>
    <row r="512447" spans="8:8">
      <c r="H512447" s="12"/>
    </row>
    <row r="512448" spans="8:8">
      <c r="H512448" s="12"/>
    </row>
    <row r="512449" spans="8:8">
      <c r="H512449" s="12"/>
    </row>
    <row r="512450" spans="8:8">
      <c r="H512450" s="12"/>
    </row>
    <row r="512451" spans="8:8">
      <c r="H512451" s="12"/>
    </row>
    <row r="512452" spans="8:8">
      <c r="H512452" s="12"/>
    </row>
    <row r="512453" spans="8:8">
      <c r="H512453" s="12"/>
    </row>
    <row r="512454" spans="8:8">
      <c r="H512454" s="12"/>
    </row>
    <row r="512455" spans="8:8">
      <c r="H512455" s="12"/>
    </row>
    <row r="512456" spans="8:8">
      <c r="H512456" s="12"/>
    </row>
    <row r="512457" spans="8:8">
      <c r="H512457" s="12"/>
    </row>
    <row r="512458" spans="8:8">
      <c r="H512458" s="12"/>
    </row>
    <row r="512459" spans="8:8">
      <c r="H512459" s="12"/>
    </row>
    <row r="512460" spans="8:8">
      <c r="H512460" s="12"/>
    </row>
    <row r="512461" spans="8:8">
      <c r="H512461" s="12"/>
    </row>
    <row r="512462" spans="8:8">
      <c r="H512462" s="12"/>
    </row>
    <row r="512463" spans="8:8">
      <c r="H512463" s="12"/>
    </row>
    <row r="512464" spans="8:8">
      <c r="H512464" s="12"/>
    </row>
    <row r="512465" spans="8:8">
      <c r="H512465" s="12"/>
    </row>
    <row r="512466" spans="8:8">
      <c r="H512466" s="12"/>
    </row>
    <row r="512467" spans="8:8">
      <c r="H512467" s="12"/>
    </row>
    <row r="512468" spans="8:8">
      <c r="H512468" s="12"/>
    </row>
    <row r="512469" spans="8:8">
      <c r="H512469" s="12"/>
    </row>
    <row r="512470" spans="8:8">
      <c r="H512470" s="12"/>
    </row>
    <row r="512471" spans="8:8">
      <c r="H512471" s="12"/>
    </row>
    <row r="512472" spans="8:8">
      <c r="H512472" s="12"/>
    </row>
    <row r="512473" spans="8:8">
      <c r="H512473" s="12"/>
    </row>
    <row r="512474" spans="8:8">
      <c r="H512474" s="12"/>
    </row>
    <row r="512475" spans="8:8">
      <c r="H512475" s="12"/>
    </row>
    <row r="512476" spans="8:8">
      <c r="H512476" s="12"/>
    </row>
    <row r="512477" spans="8:8">
      <c r="H512477" s="12"/>
    </row>
    <row r="512478" spans="8:8">
      <c r="H512478" s="12"/>
    </row>
    <row r="512479" spans="8:8">
      <c r="H512479" s="12"/>
    </row>
    <row r="512480" spans="8:8">
      <c r="H512480" s="12"/>
    </row>
    <row r="512481" spans="8:8">
      <c r="H512481" s="12"/>
    </row>
    <row r="512482" spans="8:8">
      <c r="H512482" s="12"/>
    </row>
    <row r="512483" spans="8:8">
      <c r="H512483" s="12"/>
    </row>
    <row r="512484" spans="8:8">
      <c r="H512484" s="12"/>
    </row>
    <row r="512485" spans="8:8">
      <c r="H512485" s="12"/>
    </row>
    <row r="512486" spans="8:8">
      <c r="H512486" s="12"/>
    </row>
    <row r="512487" spans="8:8">
      <c r="H512487" s="12"/>
    </row>
    <row r="512488" spans="8:8">
      <c r="H512488" s="12"/>
    </row>
    <row r="512489" spans="8:8">
      <c r="H512489" s="12"/>
    </row>
    <row r="512490" spans="8:8">
      <c r="H512490" s="12"/>
    </row>
    <row r="512491" spans="8:8">
      <c r="H512491" s="12"/>
    </row>
    <row r="512492" spans="8:8">
      <c r="H512492" s="12"/>
    </row>
    <row r="512493" spans="8:8">
      <c r="H512493" s="12"/>
    </row>
    <row r="512494" spans="8:8">
      <c r="H512494" s="12"/>
    </row>
    <row r="512495" spans="8:8">
      <c r="H512495" s="12"/>
    </row>
    <row r="512496" spans="8:8">
      <c r="H512496" s="12"/>
    </row>
    <row r="512497" spans="8:8">
      <c r="H512497" s="12"/>
    </row>
    <row r="512498" spans="8:8">
      <c r="H512498" s="12"/>
    </row>
    <row r="512499" spans="8:8">
      <c r="H512499" s="12"/>
    </row>
    <row r="512500" spans="8:8">
      <c r="H512500" s="12"/>
    </row>
    <row r="512501" spans="8:8">
      <c r="H512501" s="12"/>
    </row>
    <row r="512502" spans="8:8">
      <c r="H512502" s="12"/>
    </row>
    <row r="512503" spans="8:8">
      <c r="H512503" s="12"/>
    </row>
    <row r="512504" spans="8:8">
      <c r="H512504" s="12"/>
    </row>
    <row r="512505" spans="8:8">
      <c r="H512505" s="12"/>
    </row>
    <row r="512506" spans="8:8">
      <c r="H512506" s="12"/>
    </row>
    <row r="512507" spans="8:8">
      <c r="H512507" s="12"/>
    </row>
    <row r="512508" spans="8:8">
      <c r="H512508" s="12"/>
    </row>
    <row r="512509" spans="8:8">
      <c r="H512509" s="12"/>
    </row>
    <row r="512510" spans="8:8">
      <c r="H512510" s="12"/>
    </row>
    <row r="512511" spans="8:8">
      <c r="H512511" s="12"/>
    </row>
    <row r="512512" spans="8:8">
      <c r="H512512" s="12"/>
    </row>
    <row r="512513" spans="8:8">
      <c r="H512513" s="12"/>
    </row>
    <row r="512514" spans="8:8">
      <c r="H512514" s="12"/>
    </row>
    <row r="512515" spans="8:8">
      <c r="H512515" s="12"/>
    </row>
    <row r="512516" spans="8:8">
      <c r="H512516" s="12"/>
    </row>
    <row r="512517" spans="8:8">
      <c r="H512517" s="12"/>
    </row>
    <row r="512518" spans="8:8">
      <c r="H512518" s="12"/>
    </row>
    <row r="512519" spans="8:8">
      <c r="H512519" s="12"/>
    </row>
    <row r="512520" spans="8:8">
      <c r="H512520" s="12"/>
    </row>
    <row r="512521" spans="8:8">
      <c r="H512521" s="12"/>
    </row>
    <row r="512522" spans="8:8">
      <c r="H512522" s="12"/>
    </row>
    <row r="512523" spans="8:8">
      <c r="H512523" s="12"/>
    </row>
    <row r="512524" spans="8:8">
      <c r="H512524" s="12"/>
    </row>
    <row r="512525" spans="8:8">
      <c r="H512525" s="12"/>
    </row>
    <row r="512526" spans="8:8">
      <c r="H512526" s="12"/>
    </row>
    <row r="512527" spans="8:8">
      <c r="H512527" s="12"/>
    </row>
    <row r="512528" spans="8:8">
      <c r="H512528" s="12"/>
    </row>
    <row r="512529" spans="8:8">
      <c r="H512529" s="12"/>
    </row>
    <row r="512530" spans="8:8">
      <c r="H512530" s="12"/>
    </row>
    <row r="512531" spans="8:8">
      <c r="H512531" s="12"/>
    </row>
    <row r="512532" spans="8:8">
      <c r="H512532" s="12"/>
    </row>
    <row r="512533" spans="8:8">
      <c r="H512533" s="12"/>
    </row>
    <row r="512534" spans="8:8">
      <c r="H512534" s="12"/>
    </row>
    <row r="512535" spans="8:8">
      <c r="H512535" s="12"/>
    </row>
    <row r="512536" spans="8:8">
      <c r="H512536" s="12"/>
    </row>
    <row r="512537" spans="8:8">
      <c r="H512537" s="12"/>
    </row>
    <row r="512538" spans="8:8">
      <c r="H512538" s="12"/>
    </row>
    <row r="512539" spans="8:8">
      <c r="H512539" s="12"/>
    </row>
    <row r="512540" spans="8:8">
      <c r="H512540" s="12"/>
    </row>
    <row r="512541" spans="8:8">
      <c r="H512541" s="12"/>
    </row>
    <row r="512542" spans="8:8">
      <c r="H512542" s="12"/>
    </row>
    <row r="512543" spans="8:8">
      <c r="H512543" s="12"/>
    </row>
    <row r="512544" spans="8:8">
      <c r="H512544" s="12"/>
    </row>
    <row r="512545" spans="8:8">
      <c r="H512545" s="12"/>
    </row>
    <row r="512546" spans="8:8">
      <c r="H512546" s="12"/>
    </row>
    <row r="512547" spans="8:8">
      <c r="H512547" s="12"/>
    </row>
    <row r="512548" spans="8:8">
      <c r="H512548" s="12"/>
    </row>
    <row r="512549" spans="8:8">
      <c r="H512549" s="12"/>
    </row>
    <row r="512550" spans="8:8">
      <c r="H512550" s="12"/>
    </row>
    <row r="512551" spans="8:8">
      <c r="H512551" s="12"/>
    </row>
    <row r="512552" spans="8:8">
      <c r="H512552" s="12"/>
    </row>
    <row r="512553" spans="8:8">
      <c r="H512553" s="12"/>
    </row>
    <row r="512554" spans="8:8">
      <c r="H512554" s="12"/>
    </row>
    <row r="512555" spans="8:8">
      <c r="H512555" s="12"/>
    </row>
    <row r="512556" spans="8:8">
      <c r="H512556" s="12"/>
    </row>
    <row r="512557" spans="8:8">
      <c r="H512557" s="12"/>
    </row>
    <row r="512558" spans="8:8">
      <c r="H512558" s="12"/>
    </row>
    <row r="512559" spans="8:8">
      <c r="H512559" s="12"/>
    </row>
    <row r="512560" spans="8:8">
      <c r="H512560" s="12"/>
    </row>
    <row r="512561" spans="8:8">
      <c r="H512561" s="12"/>
    </row>
    <row r="512562" spans="8:8">
      <c r="H512562" s="12"/>
    </row>
    <row r="512563" spans="8:8">
      <c r="H512563" s="12"/>
    </row>
    <row r="512564" spans="8:8">
      <c r="H512564" s="12"/>
    </row>
    <row r="512565" spans="8:8">
      <c r="H512565" s="12"/>
    </row>
    <row r="512566" spans="8:8">
      <c r="H512566" s="12"/>
    </row>
    <row r="512567" spans="8:8">
      <c r="H512567" s="12"/>
    </row>
    <row r="512568" spans="8:8">
      <c r="H512568" s="12"/>
    </row>
    <row r="512569" spans="8:8">
      <c r="H512569" s="12"/>
    </row>
    <row r="512570" spans="8:8">
      <c r="H512570" s="12"/>
    </row>
    <row r="512571" spans="8:8">
      <c r="H512571" s="12"/>
    </row>
    <row r="512572" spans="8:8">
      <c r="H512572" s="12"/>
    </row>
    <row r="512573" spans="8:8">
      <c r="H512573" s="12"/>
    </row>
    <row r="512574" spans="8:8">
      <c r="H512574" s="12"/>
    </row>
    <row r="512575" spans="8:8">
      <c r="H512575" s="12"/>
    </row>
    <row r="512576" spans="8:8">
      <c r="H512576" s="12"/>
    </row>
    <row r="512577" spans="8:8">
      <c r="H512577" s="12"/>
    </row>
    <row r="512578" spans="8:8">
      <c r="H512578" s="12"/>
    </row>
    <row r="512579" spans="8:8">
      <c r="H512579" s="12"/>
    </row>
    <row r="512580" spans="8:8">
      <c r="H512580" s="12"/>
    </row>
    <row r="512581" spans="8:8">
      <c r="H512581" s="12"/>
    </row>
    <row r="512582" spans="8:8">
      <c r="H512582" s="12"/>
    </row>
    <row r="512583" spans="8:8">
      <c r="H512583" s="12"/>
    </row>
    <row r="512584" spans="8:8">
      <c r="H512584" s="12"/>
    </row>
    <row r="512585" spans="8:8">
      <c r="H512585" s="12"/>
    </row>
    <row r="512586" spans="8:8">
      <c r="H512586" s="12"/>
    </row>
    <row r="512587" spans="8:8">
      <c r="H512587" s="12"/>
    </row>
    <row r="512588" spans="8:8">
      <c r="H512588" s="12"/>
    </row>
    <row r="512589" spans="8:8">
      <c r="H512589" s="12"/>
    </row>
    <row r="512590" spans="8:8">
      <c r="H512590" s="12"/>
    </row>
    <row r="512591" spans="8:8">
      <c r="H512591" s="12"/>
    </row>
    <row r="512592" spans="8:8">
      <c r="H512592" s="12"/>
    </row>
    <row r="512593" spans="8:8">
      <c r="H512593" s="12"/>
    </row>
    <row r="512594" spans="8:8">
      <c r="H512594" s="12"/>
    </row>
    <row r="512595" spans="8:8">
      <c r="H512595" s="12"/>
    </row>
    <row r="512596" spans="8:8">
      <c r="H512596" s="12"/>
    </row>
    <row r="512597" spans="8:8">
      <c r="H512597" s="12"/>
    </row>
    <row r="512598" spans="8:8">
      <c r="H512598" s="12"/>
    </row>
    <row r="512599" spans="8:8">
      <c r="H512599" s="12"/>
    </row>
    <row r="512600" spans="8:8">
      <c r="H512600" s="12"/>
    </row>
    <row r="512601" spans="8:8">
      <c r="H512601" s="12"/>
    </row>
    <row r="512602" spans="8:8">
      <c r="H512602" s="12"/>
    </row>
    <row r="512603" spans="8:8">
      <c r="H512603" s="12"/>
    </row>
    <row r="512604" spans="8:8">
      <c r="H512604" s="12"/>
    </row>
    <row r="512605" spans="8:8">
      <c r="H512605" s="12"/>
    </row>
    <row r="512606" spans="8:8">
      <c r="H512606" s="12"/>
    </row>
    <row r="512607" spans="8:8">
      <c r="H512607" s="12"/>
    </row>
    <row r="512608" spans="8:8">
      <c r="H512608" s="12"/>
    </row>
    <row r="512609" spans="8:8">
      <c r="H512609" s="12"/>
    </row>
    <row r="512610" spans="8:8">
      <c r="H512610" s="12"/>
    </row>
    <row r="512611" spans="8:8">
      <c r="H512611" s="12"/>
    </row>
    <row r="512612" spans="8:8">
      <c r="H512612" s="12"/>
    </row>
    <row r="512613" spans="8:8">
      <c r="H512613" s="12"/>
    </row>
    <row r="512614" spans="8:8">
      <c r="H512614" s="12"/>
    </row>
    <row r="512615" spans="8:8">
      <c r="H512615" s="12"/>
    </row>
    <row r="512616" spans="8:8">
      <c r="H512616" s="12"/>
    </row>
    <row r="512617" spans="8:8">
      <c r="H512617" s="12"/>
    </row>
    <row r="512618" spans="8:8">
      <c r="H512618" s="12"/>
    </row>
    <row r="512619" spans="8:8">
      <c r="H512619" s="12"/>
    </row>
    <row r="512620" spans="8:8">
      <c r="H512620" s="12"/>
    </row>
    <row r="512621" spans="8:8">
      <c r="H512621" s="12"/>
    </row>
    <row r="512622" spans="8:8">
      <c r="H512622" s="12"/>
    </row>
    <row r="512623" spans="8:8">
      <c r="H512623" s="12"/>
    </row>
    <row r="512624" spans="8:8">
      <c r="H512624" s="12"/>
    </row>
    <row r="512625" spans="8:8">
      <c r="H512625" s="12"/>
    </row>
    <row r="512626" spans="8:8">
      <c r="H512626" s="12"/>
    </row>
    <row r="512627" spans="8:8">
      <c r="H512627" s="12"/>
    </row>
    <row r="512628" spans="8:8">
      <c r="H512628" s="12"/>
    </row>
    <row r="512629" spans="8:8">
      <c r="H512629" s="12"/>
    </row>
    <row r="512630" spans="8:8">
      <c r="H512630" s="12"/>
    </row>
    <row r="512631" spans="8:8">
      <c r="H512631" s="12"/>
    </row>
    <row r="512632" spans="8:8">
      <c r="H512632" s="12"/>
    </row>
    <row r="512633" spans="8:8">
      <c r="H512633" s="12"/>
    </row>
    <row r="512634" spans="8:8">
      <c r="H512634" s="12"/>
    </row>
    <row r="512635" spans="8:8">
      <c r="H512635" s="12"/>
    </row>
    <row r="512636" spans="8:8">
      <c r="H512636" s="12"/>
    </row>
    <row r="512637" spans="8:8">
      <c r="H512637" s="12"/>
    </row>
    <row r="512638" spans="8:8">
      <c r="H512638" s="12"/>
    </row>
    <row r="512639" spans="8:8">
      <c r="H512639" s="12"/>
    </row>
    <row r="512640" spans="8:8">
      <c r="H512640" s="12"/>
    </row>
    <row r="512641" spans="8:8">
      <c r="H512641" s="12"/>
    </row>
    <row r="512642" spans="8:8">
      <c r="H512642" s="12"/>
    </row>
    <row r="512643" spans="8:8">
      <c r="H512643" s="12"/>
    </row>
    <row r="512644" spans="8:8">
      <c r="H512644" s="12"/>
    </row>
    <row r="512645" spans="8:8">
      <c r="H512645" s="12"/>
    </row>
    <row r="512646" spans="8:8">
      <c r="H512646" s="12"/>
    </row>
    <row r="512647" spans="8:8">
      <c r="H512647" s="12"/>
    </row>
    <row r="512648" spans="8:8">
      <c r="H512648" s="12"/>
    </row>
    <row r="512649" spans="8:8">
      <c r="H512649" s="12"/>
    </row>
    <row r="512650" spans="8:8">
      <c r="H512650" s="12"/>
    </row>
    <row r="512651" spans="8:8">
      <c r="H512651" s="12"/>
    </row>
    <row r="512652" spans="8:8">
      <c r="H512652" s="12"/>
    </row>
    <row r="512653" spans="8:8">
      <c r="H512653" s="12"/>
    </row>
    <row r="512654" spans="8:8">
      <c r="H512654" s="12"/>
    </row>
    <row r="512655" spans="8:8">
      <c r="H512655" s="12"/>
    </row>
    <row r="512656" spans="8:8">
      <c r="H512656" s="12"/>
    </row>
    <row r="512657" spans="8:8">
      <c r="H512657" s="12"/>
    </row>
    <row r="512658" spans="8:8">
      <c r="H512658" s="12"/>
    </row>
    <row r="512659" spans="8:8">
      <c r="H512659" s="12"/>
    </row>
    <row r="512660" spans="8:8">
      <c r="H512660" s="12"/>
    </row>
    <row r="512661" spans="8:8">
      <c r="H512661" s="12"/>
    </row>
    <row r="512662" spans="8:8">
      <c r="H512662" s="12"/>
    </row>
    <row r="512663" spans="8:8">
      <c r="H512663" s="12"/>
    </row>
    <row r="512664" spans="8:8">
      <c r="H512664" s="12"/>
    </row>
    <row r="512665" spans="8:8">
      <c r="H512665" s="12"/>
    </row>
    <row r="512666" spans="8:8">
      <c r="H512666" s="12"/>
    </row>
    <row r="512667" spans="8:8">
      <c r="H512667" s="12"/>
    </row>
    <row r="512668" spans="8:8">
      <c r="H512668" s="12"/>
    </row>
    <row r="512669" spans="8:8">
      <c r="H512669" s="12"/>
    </row>
    <row r="512670" spans="8:8">
      <c r="H512670" s="12"/>
    </row>
    <row r="512671" spans="8:8">
      <c r="H512671" s="12"/>
    </row>
    <row r="512672" spans="8:8">
      <c r="H512672" s="12"/>
    </row>
    <row r="512673" spans="8:8">
      <c r="H512673" s="12"/>
    </row>
    <row r="512674" spans="8:8">
      <c r="H512674" s="12"/>
    </row>
    <row r="512675" spans="8:8">
      <c r="H512675" s="12"/>
    </row>
    <row r="512676" spans="8:8">
      <c r="H512676" s="12"/>
    </row>
    <row r="512677" spans="8:8">
      <c r="H512677" s="12"/>
    </row>
    <row r="512678" spans="8:8">
      <c r="H512678" s="12"/>
    </row>
    <row r="512679" spans="8:8">
      <c r="H512679" s="12"/>
    </row>
    <row r="512680" spans="8:8">
      <c r="H512680" s="12"/>
    </row>
    <row r="512681" spans="8:8">
      <c r="H512681" s="12"/>
    </row>
    <row r="512682" spans="8:8">
      <c r="H512682" s="12"/>
    </row>
    <row r="512683" spans="8:8">
      <c r="H512683" s="12"/>
    </row>
    <row r="512684" spans="8:8">
      <c r="H512684" s="12"/>
    </row>
    <row r="512685" spans="8:8">
      <c r="H512685" s="12"/>
    </row>
    <row r="512686" spans="8:8">
      <c r="H512686" s="12"/>
    </row>
    <row r="512687" spans="8:8">
      <c r="H512687" s="12"/>
    </row>
    <row r="512688" spans="8:8">
      <c r="H512688" s="12"/>
    </row>
    <row r="512689" spans="8:8">
      <c r="H512689" s="12"/>
    </row>
    <row r="512690" spans="8:8">
      <c r="H512690" s="12"/>
    </row>
    <row r="512691" spans="8:8">
      <c r="H512691" s="12"/>
    </row>
    <row r="512692" spans="8:8">
      <c r="H512692" s="12"/>
    </row>
    <row r="512693" spans="8:8">
      <c r="H512693" s="12"/>
    </row>
    <row r="512694" spans="8:8">
      <c r="H512694" s="12"/>
    </row>
    <row r="512695" spans="8:8">
      <c r="H512695" s="12"/>
    </row>
    <row r="512696" spans="8:8">
      <c r="H512696" s="12"/>
    </row>
    <row r="512697" spans="8:8">
      <c r="H512697" s="12"/>
    </row>
    <row r="512698" spans="8:8">
      <c r="H512698" s="12"/>
    </row>
    <row r="512699" spans="8:8">
      <c r="H512699" s="12"/>
    </row>
    <row r="512700" spans="8:8">
      <c r="H512700" s="12"/>
    </row>
    <row r="512701" spans="8:8">
      <c r="H512701" s="12"/>
    </row>
    <row r="512702" spans="8:8">
      <c r="H512702" s="12"/>
    </row>
    <row r="512703" spans="8:8">
      <c r="H512703" s="12"/>
    </row>
    <row r="512704" spans="8:8">
      <c r="H512704" s="12"/>
    </row>
    <row r="512705" spans="8:8">
      <c r="H512705" s="12"/>
    </row>
    <row r="512706" spans="8:8">
      <c r="H512706" s="12"/>
    </row>
    <row r="512707" spans="8:8">
      <c r="H512707" s="12"/>
    </row>
    <row r="512708" spans="8:8">
      <c r="H512708" s="12"/>
    </row>
    <row r="512709" spans="8:8">
      <c r="H512709" s="12"/>
    </row>
    <row r="512710" spans="8:8">
      <c r="H512710" s="12"/>
    </row>
    <row r="512711" spans="8:8">
      <c r="H512711" s="12"/>
    </row>
    <row r="512712" spans="8:8">
      <c r="H512712" s="12"/>
    </row>
    <row r="512713" spans="8:8">
      <c r="H512713" s="12"/>
    </row>
    <row r="512714" spans="8:8">
      <c r="H512714" s="12"/>
    </row>
    <row r="512715" spans="8:8">
      <c r="H512715" s="12"/>
    </row>
    <row r="512716" spans="8:8">
      <c r="H512716" s="12"/>
    </row>
    <row r="512717" spans="8:8">
      <c r="H512717" s="12"/>
    </row>
    <row r="512718" spans="8:8">
      <c r="H512718" s="12"/>
    </row>
    <row r="512719" spans="8:8">
      <c r="H512719" s="12"/>
    </row>
    <row r="512720" spans="8:8">
      <c r="H512720" s="12"/>
    </row>
    <row r="512721" spans="8:8">
      <c r="H512721" s="12"/>
    </row>
    <row r="512722" spans="8:8">
      <c r="H512722" s="12"/>
    </row>
    <row r="512723" spans="8:8">
      <c r="H512723" s="12"/>
    </row>
    <row r="512724" spans="8:8">
      <c r="H512724" s="12"/>
    </row>
    <row r="512725" spans="8:8">
      <c r="H512725" s="12"/>
    </row>
    <row r="512726" spans="8:8">
      <c r="H512726" s="12"/>
    </row>
    <row r="512727" spans="8:8">
      <c r="H512727" s="12"/>
    </row>
    <row r="512728" spans="8:8">
      <c r="H512728" s="12"/>
    </row>
    <row r="512729" spans="8:8">
      <c r="H512729" s="12"/>
    </row>
    <row r="512730" spans="8:8">
      <c r="H512730" s="12"/>
    </row>
    <row r="512731" spans="8:8">
      <c r="H512731" s="12"/>
    </row>
    <row r="512732" spans="8:8">
      <c r="H512732" s="12"/>
    </row>
    <row r="512733" spans="8:8">
      <c r="H512733" s="12"/>
    </row>
    <row r="512734" spans="8:8">
      <c r="H512734" s="12"/>
    </row>
    <row r="512735" spans="8:8">
      <c r="H512735" s="12"/>
    </row>
    <row r="512736" spans="8:8">
      <c r="H512736" s="12"/>
    </row>
    <row r="512737" spans="8:8">
      <c r="H512737" s="12"/>
    </row>
    <row r="512738" spans="8:8">
      <c r="H512738" s="12"/>
    </row>
    <row r="512739" spans="8:8">
      <c r="H512739" s="12"/>
    </row>
    <row r="512740" spans="8:8">
      <c r="H512740" s="12"/>
    </row>
    <row r="512741" spans="8:8">
      <c r="H512741" s="12"/>
    </row>
    <row r="512742" spans="8:8">
      <c r="H512742" s="12"/>
    </row>
    <row r="512743" spans="8:8">
      <c r="H512743" s="12"/>
    </row>
    <row r="512744" spans="8:8">
      <c r="H512744" s="12"/>
    </row>
    <row r="512745" spans="8:8">
      <c r="H512745" s="12"/>
    </row>
    <row r="512746" spans="8:8">
      <c r="H512746" s="12"/>
    </row>
    <row r="512747" spans="8:8">
      <c r="H512747" s="12"/>
    </row>
    <row r="512748" spans="8:8">
      <c r="H512748" s="12"/>
    </row>
    <row r="512749" spans="8:8">
      <c r="H512749" s="12"/>
    </row>
    <row r="512750" spans="8:8">
      <c r="H512750" s="12"/>
    </row>
    <row r="512751" spans="8:8">
      <c r="H512751" s="12"/>
    </row>
    <row r="512752" spans="8:8">
      <c r="H512752" s="12"/>
    </row>
    <row r="512753" spans="8:8">
      <c r="H512753" s="12"/>
    </row>
    <row r="512754" spans="8:8">
      <c r="H512754" s="12"/>
    </row>
    <row r="512755" spans="8:8">
      <c r="H512755" s="12"/>
    </row>
    <row r="512756" spans="8:8">
      <c r="H512756" s="12"/>
    </row>
    <row r="512757" spans="8:8">
      <c r="H512757" s="12"/>
    </row>
    <row r="512758" spans="8:8">
      <c r="H512758" s="12"/>
    </row>
    <row r="512759" spans="8:8">
      <c r="H512759" s="12"/>
    </row>
    <row r="512760" spans="8:8">
      <c r="H512760" s="12"/>
    </row>
    <row r="512761" spans="8:8">
      <c r="H512761" s="12"/>
    </row>
    <row r="512762" spans="8:8">
      <c r="H512762" s="12"/>
    </row>
    <row r="512763" spans="8:8">
      <c r="H512763" s="12"/>
    </row>
    <row r="512764" spans="8:8">
      <c r="H512764" s="12"/>
    </row>
    <row r="512765" spans="8:8">
      <c r="H512765" s="12"/>
    </row>
    <row r="512766" spans="8:8">
      <c r="H512766" s="12"/>
    </row>
    <row r="512767" spans="8:8">
      <c r="H512767" s="12"/>
    </row>
    <row r="512768" spans="8:8">
      <c r="H512768" s="12"/>
    </row>
    <row r="512769" spans="8:8">
      <c r="H512769" s="12"/>
    </row>
    <row r="512770" spans="8:8">
      <c r="H512770" s="12"/>
    </row>
    <row r="512771" spans="8:8">
      <c r="H512771" s="12"/>
    </row>
    <row r="512772" spans="8:8">
      <c r="H512772" s="12"/>
    </row>
    <row r="512773" spans="8:8">
      <c r="H512773" s="12"/>
    </row>
    <row r="512774" spans="8:8">
      <c r="H512774" s="12"/>
    </row>
    <row r="512775" spans="8:8">
      <c r="H512775" s="12"/>
    </row>
    <row r="512776" spans="8:8">
      <c r="H512776" s="12"/>
    </row>
    <row r="512777" spans="8:8">
      <c r="H512777" s="12"/>
    </row>
    <row r="512778" spans="8:8">
      <c r="H512778" s="12"/>
    </row>
    <row r="512779" spans="8:8">
      <c r="H512779" s="12"/>
    </row>
    <row r="512780" spans="8:8">
      <c r="H512780" s="12"/>
    </row>
    <row r="512781" spans="8:8">
      <c r="H512781" s="12"/>
    </row>
    <row r="512782" spans="8:8">
      <c r="H512782" s="12"/>
    </row>
    <row r="512783" spans="8:8">
      <c r="H512783" s="12"/>
    </row>
    <row r="512784" spans="8:8">
      <c r="H512784" s="12"/>
    </row>
    <row r="512785" spans="8:8">
      <c r="H512785" s="12"/>
    </row>
    <row r="512786" spans="8:8">
      <c r="H512786" s="12"/>
    </row>
    <row r="512787" spans="8:8">
      <c r="H512787" s="12"/>
    </row>
    <row r="512788" spans="8:8">
      <c r="H512788" s="12"/>
    </row>
    <row r="512789" spans="8:8">
      <c r="H512789" s="12"/>
    </row>
    <row r="512790" spans="8:8">
      <c r="H512790" s="12"/>
    </row>
    <row r="512791" spans="8:8">
      <c r="H512791" s="12"/>
    </row>
    <row r="512792" spans="8:8">
      <c r="H512792" s="12"/>
    </row>
    <row r="512793" spans="8:8">
      <c r="H512793" s="12"/>
    </row>
    <row r="512794" spans="8:8">
      <c r="H512794" s="12"/>
    </row>
    <row r="512795" spans="8:8">
      <c r="H512795" s="12"/>
    </row>
    <row r="512796" spans="8:8">
      <c r="H512796" s="12"/>
    </row>
    <row r="512797" spans="8:8">
      <c r="H512797" s="12"/>
    </row>
    <row r="512798" spans="8:8">
      <c r="H512798" s="12"/>
    </row>
    <row r="512799" spans="8:8">
      <c r="H512799" s="12"/>
    </row>
    <row r="512800" spans="8:8">
      <c r="H512800" s="12"/>
    </row>
    <row r="512801" spans="8:8">
      <c r="H512801" s="12"/>
    </row>
    <row r="512802" spans="8:8">
      <c r="H512802" s="12"/>
    </row>
    <row r="512803" spans="8:8">
      <c r="H512803" s="12"/>
    </row>
    <row r="512804" spans="8:8">
      <c r="H512804" s="12"/>
    </row>
    <row r="512805" spans="8:8">
      <c r="H512805" s="12"/>
    </row>
    <row r="512806" spans="8:8">
      <c r="H512806" s="12"/>
    </row>
    <row r="512807" spans="8:8">
      <c r="H512807" s="12"/>
    </row>
    <row r="512808" spans="8:8">
      <c r="H512808" s="12"/>
    </row>
    <row r="512809" spans="8:8">
      <c r="H512809" s="12"/>
    </row>
    <row r="512810" spans="8:8">
      <c r="H512810" s="12"/>
    </row>
    <row r="512811" spans="8:8">
      <c r="H512811" s="12"/>
    </row>
    <row r="512812" spans="8:8">
      <c r="H512812" s="12"/>
    </row>
    <row r="512813" spans="8:8">
      <c r="H512813" s="12"/>
    </row>
    <row r="512814" spans="8:8">
      <c r="H512814" s="12"/>
    </row>
    <row r="512815" spans="8:8">
      <c r="H512815" s="12"/>
    </row>
    <row r="512816" spans="8:8">
      <c r="H512816" s="12"/>
    </row>
    <row r="512817" spans="8:8">
      <c r="H512817" s="12"/>
    </row>
    <row r="512818" spans="8:8">
      <c r="H512818" s="12"/>
    </row>
    <row r="512819" spans="8:8">
      <c r="H512819" s="12"/>
    </row>
    <row r="512820" spans="8:8">
      <c r="H512820" s="12"/>
    </row>
    <row r="512821" spans="8:8">
      <c r="H512821" s="12"/>
    </row>
    <row r="512822" spans="8:8">
      <c r="H512822" s="12"/>
    </row>
    <row r="512823" spans="8:8">
      <c r="H512823" s="12"/>
    </row>
    <row r="512824" spans="8:8">
      <c r="H512824" s="12"/>
    </row>
    <row r="512825" spans="8:8">
      <c r="H512825" s="12"/>
    </row>
    <row r="512826" spans="8:8">
      <c r="H512826" s="12"/>
    </row>
    <row r="512827" spans="8:8">
      <c r="H512827" s="12"/>
    </row>
    <row r="512828" spans="8:8">
      <c r="H512828" s="12"/>
    </row>
    <row r="512829" spans="8:8">
      <c r="H512829" s="12"/>
    </row>
    <row r="512830" spans="8:8">
      <c r="H512830" s="12"/>
    </row>
    <row r="512831" spans="8:8">
      <c r="H512831" s="12"/>
    </row>
    <row r="512832" spans="8:8">
      <c r="H512832" s="12"/>
    </row>
    <row r="512833" spans="8:8">
      <c r="H512833" s="12"/>
    </row>
    <row r="512834" spans="8:8">
      <c r="H512834" s="12"/>
    </row>
    <row r="512835" spans="8:8">
      <c r="H512835" s="12"/>
    </row>
    <row r="512836" spans="8:8">
      <c r="H512836" s="12"/>
    </row>
    <row r="512837" spans="8:8">
      <c r="H512837" s="12"/>
    </row>
    <row r="512838" spans="8:8">
      <c r="H512838" s="12"/>
    </row>
    <row r="512839" spans="8:8">
      <c r="H512839" s="12"/>
    </row>
    <row r="512840" spans="8:8">
      <c r="H512840" s="12"/>
    </row>
    <row r="512841" spans="8:8">
      <c r="H512841" s="12"/>
    </row>
    <row r="512842" spans="8:8">
      <c r="H512842" s="12"/>
    </row>
    <row r="512843" spans="8:8">
      <c r="H512843" s="12"/>
    </row>
    <row r="512844" spans="8:8">
      <c r="H512844" s="12"/>
    </row>
    <row r="512845" spans="8:8">
      <c r="H512845" s="12"/>
    </row>
    <row r="512846" spans="8:8">
      <c r="H512846" s="12"/>
    </row>
    <row r="512847" spans="8:8">
      <c r="H512847" s="12"/>
    </row>
    <row r="512848" spans="8:8">
      <c r="H512848" s="12"/>
    </row>
    <row r="512849" spans="8:8">
      <c r="H512849" s="12"/>
    </row>
    <row r="512850" spans="8:8">
      <c r="H512850" s="12"/>
    </row>
    <row r="512851" spans="8:8">
      <c r="H512851" s="12"/>
    </row>
    <row r="512852" spans="8:8">
      <c r="H512852" s="12"/>
    </row>
    <row r="512853" spans="8:8">
      <c r="H512853" s="12"/>
    </row>
    <row r="512854" spans="8:8">
      <c r="H512854" s="12"/>
    </row>
    <row r="512855" spans="8:8">
      <c r="H512855" s="12"/>
    </row>
    <row r="512856" spans="8:8">
      <c r="H512856" s="12"/>
    </row>
    <row r="512857" spans="8:8">
      <c r="H512857" s="12"/>
    </row>
    <row r="512858" spans="8:8">
      <c r="H512858" s="12"/>
    </row>
    <row r="512859" spans="8:8">
      <c r="H512859" s="12"/>
    </row>
    <row r="512860" spans="8:8">
      <c r="H512860" s="12"/>
    </row>
    <row r="512861" spans="8:8">
      <c r="H512861" s="12"/>
    </row>
    <row r="512862" spans="8:8">
      <c r="H512862" s="12"/>
    </row>
    <row r="512863" spans="8:8">
      <c r="H512863" s="12"/>
    </row>
    <row r="512864" spans="8:8">
      <c r="H512864" s="12"/>
    </row>
    <row r="512865" spans="8:8">
      <c r="H512865" s="12"/>
    </row>
    <row r="512866" spans="8:8">
      <c r="H512866" s="12"/>
    </row>
    <row r="512867" spans="8:8">
      <c r="H512867" s="12"/>
    </row>
    <row r="512868" spans="8:8">
      <c r="H512868" s="12"/>
    </row>
    <row r="512869" spans="8:8">
      <c r="H512869" s="12"/>
    </row>
    <row r="512870" spans="8:8">
      <c r="H512870" s="12"/>
    </row>
    <row r="512871" spans="8:8">
      <c r="H512871" s="12"/>
    </row>
    <row r="512872" spans="8:8">
      <c r="H512872" s="12"/>
    </row>
    <row r="512873" spans="8:8">
      <c r="H512873" s="12"/>
    </row>
    <row r="512874" spans="8:8">
      <c r="H512874" s="12"/>
    </row>
    <row r="512875" spans="8:8">
      <c r="H512875" s="12"/>
    </row>
    <row r="512876" spans="8:8">
      <c r="H512876" s="12"/>
    </row>
    <row r="512877" spans="8:8">
      <c r="H512877" s="12"/>
    </row>
    <row r="512878" spans="8:8">
      <c r="H512878" s="12"/>
    </row>
    <row r="512879" spans="8:8">
      <c r="H512879" s="12"/>
    </row>
    <row r="512880" spans="8:8">
      <c r="H512880" s="12"/>
    </row>
    <row r="512881" spans="8:8">
      <c r="H512881" s="12"/>
    </row>
    <row r="512882" spans="8:8">
      <c r="H512882" s="12"/>
    </row>
    <row r="512883" spans="8:8">
      <c r="H512883" s="12"/>
    </row>
    <row r="512884" spans="8:8">
      <c r="H512884" s="12"/>
    </row>
    <row r="512885" spans="8:8">
      <c r="H512885" s="12"/>
    </row>
    <row r="512886" spans="8:8">
      <c r="H512886" s="12"/>
    </row>
    <row r="512887" spans="8:8">
      <c r="H512887" s="12"/>
    </row>
    <row r="512888" spans="8:8">
      <c r="H512888" s="12"/>
    </row>
    <row r="512889" spans="8:8">
      <c r="H512889" s="12"/>
    </row>
    <row r="512890" spans="8:8">
      <c r="H512890" s="12"/>
    </row>
    <row r="512891" spans="8:8">
      <c r="H512891" s="12"/>
    </row>
    <row r="512892" spans="8:8">
      <c r="H512892" s="12"/>
    </row>
    <row r="512893" spans="8:8">
      <c r="H512893" s="12"/>
    </row>
    <row r="512894" spans="8:8">
      <c r="H512894" s="12"/>
    </row>
    <row r="512895" spans="8:8">
      <c r="H512895" s="12"/>
    </row>
    <row r="512896" spans="8:8">
      <c r="H512896" s="12"/>
    </row>
    <row r="512897" spans="8:8">
      <c r="H512897" s="12"/>
    </row>
    <row r="512898" spans="8:8">
      <c r="H512898" s="12"/>
    </row>
    <row r="512899" spans="8:8">
      <c r="H512899" s="12"/>
    </row>
    <row r="512900" spans="8:8">
      <c r="H512900" s="12"/>
    </row>
    <row r="512901" spans="8:8">
      <c r="H512901" s="12"/>
    </row>
    <row r="512902" spans="8:8">
      <c r="H512902" s="12"/>
    </row>
    <row r="512903" spans="8:8">
      <c r="H512903" s="12"/>
    </row>
    <row r="512904" spans="8:8">
      <c r="H512904" s="12"/>
    </row>
    <row r="512905" spans="8:8">
      <c r="H512905" s="12"/>
    </row>
    <row r="512906" spans="8:8">
      <c r="H512906" s="12"/>
    </row>
    <row r="512907" spans="8:8">
      <c r="H512907" s="12"/>
    </row>
    <row r="512908" spans="8:8">
      <c r="H512908" s="12"/>
    </row>
    <row r="512909" spans="8:8">
      <c r="H512909" s="12"/>
    </row>
    <row r="512910" spans="8:8">
      <c r="H512910" s="12"/>
    </row>
    <row r="512911" spans="8:8">
      <c r="H512911" s="12"/>
    </row>
    <row r="512912" spans="8:8">
      <c r="H512912" s="12"/>
    </row>
    <row r="512913" spans="8:8">
      <c r="H512913" s="12"/>
    </row>
    <row r="512914" spans="8:8">
      <c r="H512914" s="12"/>
    </row>
    <row r="512915" spans="8:8">
      <c r="H512915" s="12"/>
    </row>
    <row r="512916" spans="8:8">
      <c r="H512916" s="12"/>
    </row>
    <row r="512917" spans="8:8">
      <c r="H512917" s="12"/>
    </row>
    <row r="512918" spans="8:8">
      <c r="H512918" s="12"/>
    </row>
    <row r="512919" spans="8:8">
      <c r="H512919" s="12"/>
    </row>
    <row r="512920" spans="8:8">
      <c r="H512920" s="12"/>
    </row>
    <row r="512921" spans="8:8">
      <c r="H512921" s="12"/>
    </row>
    <row r="512922" spans="8:8">
      <c r="H512922" s="12"/>
    </row>
    <row r="512923" spans="8:8">
      <c r="H512923" s="12"/>
    </row>
    <row r="512924" spans="8:8">
      <c r="H512924" s="12"/>
    </row>
    <row r="512925" spans="8:8">
      <c r="H512925" s="12"/>
    </row>
    <row r="512926" spans="8:8">
      <c r="H512926" s="12"/>
    </row>
    <row r="512927" spans="8:8">
      <c r="H512927" s="12"/>
    </row>
    <row r="512928" spans="8:8">
      <c r="H512928" s="12"/>
    </row>
    <row r="512929" spans="8:8">
      <c r="H512929" s="12"/>
    </row>
    <row r="512930" spans="8:8">
      <c r="H512930" s="12"/>
    </row>
    <row r="512931" spans="8:8">
      <c r="H512931" s="12"/>
    </row>
    <row r="512932" spans="8:8">
      <c r="H512932" s="12"/>
    </row>
    <row r="512933" spans="8:8">
      <c r="H512933" s="12"/>
    </row>
    <row r="512934" spans="8:8">
      <c r="H512934" s="12"/>
    </row>
    <row r="512935" spans="8:8">
      <c r="H512935" s="12"/>
    </row>
    <row r="512936" spans="8:8">
      <c r="H512936" s="12"/>
    </row>
    <row r="512937" spans="8:8">
      <c r="H512937" s="12"/>
    </row>
    <row r="512938" spans="8:8">
      <c r="H512938" s="12"/>
    </row>
    <row r="512939" spans="8:8">
      <c r="H512939" s="12"/>
    </row>
    <row r="512940" spans="8:8">
      <c r="H512940" s="12"/>
    </row>
    <row r="512941" spans="8:8">
      <c r="H512941" s="12"/>
    </row>
    <row r="512942" spans="8:8">
      <c r="H512942" s="12"/>
    </row>
    <row r="512943" spans="8:8">
      <c r="H512943" s="12"/>
    </row>
    <row r="512944" spans="8:8">
      <c r="H512944" s="12"/>
    </row>
    <row r="512945" spans="8:8">
      <c r="H512945" s="12"/>
    </row>
    <row r="512946" spans="8:8">
      <c r="H512946" s="12"/>
    </row>
    <row r="512947" spans="8:8">
      <c r="H512947" s="12"/>
    </row>
    <row r="512948" spans="8:8">
      <c r="H512948" s="12"/>
    </row>
    <row r="512949" spans="8:8">
      <c r="H512949" s="12"/>
    </row>
    <row r="512950" spans="8:8">
      <c r="H512950" s="12"/>
    </row>
    <row r="512951" spans="8:8">
      <c r="H512951" s="12"/>
    </row>
    <row r="512952" spans="8:8">
      <c r="H512952" s="12"/>
    </row>
    <row r="512953" spans="8:8">
      <c r="H512953" s="12"/>
    </row>
    <row r="512954" spans="8:8">
      <c r="H512954" s="12"/>
    </row>
    <row r="512955" spans="8:8">
      <c r="H512955" s="12"/>
    </row>
    <row r="512956" spans="8:8">
      <c r="H512956" s="12"/>
    </row>
    <row r="512957" spans="8:8">
      <c r="H512957" s="12"/>
    </row>
    <row r="512958" spans="8:8">
      <c r="H512958" s="12"/>
    </row>
    <row r="512959" spans="8:8">
      <c r="H512959" s="12"/>
    </row>
    <row r="512960" spans="8:8">
      <c r="H512960" s="12"/>
    </row>
    <row r="512961" spans="8:8">
      <c r="H512961" s="12"/>
    </row>
    <row r="512962" spans="8:8">
      <c r="H512962" s="12"/>
    </row>
    <row r="512963" spans="8:8">
      <c r="H512963" s="12"/>
    </row>
    <row r="512964" spans="8:8">
      <c r="H512964" s="12"/>
    </row>
    <row r="512965" spans="8:8">
      <c r="H512965" s="12"/>
    </row>
    <row r="512966" spans="8:8">
      <c r="H512966" s="12"/>
    </row>
    <row r="512967" spans="8:8">
      <c r="H512967" s="12"/>
    </row>
    <row r="512968" spans="8:8">
      <c r="H512968" s="12"/>
    </row>
    <row r="512969" spans="8:8">
      <c r="H512969" s="12"/>
    </row>
    <row r="512970" spans="8:8">
      <c r="H512970" s="12"/>
    </row>
    <row r="512971" spans="8:8">
      <c r="H512971" s="12"/>
    </row>
    <row r="512972" spans="8:8">
      <c r="H512972" s="12"/>
    </row>
    <row r="512973" spans="8:8">
      <c r="H512973" s="12"/>
    </row>
    <row r="512974" spans="8:8">
      <c r="H512974" s="12"/>
    </row>
    <row r="512975" spans="8:8">
      <c r="H512975" s="12"/>
    </row>
    <row r="512976" spans="8:8">
      <c r="H512976" s="12"/>
    </row>
    <row r="512977" spans="8:8">
      <c r="H512977" s="12"/>
    </row>
    <row r="512978" spans="8:8">
      <c r="H512978" s="12"/>
    </row>
    <row r="512979" spans="8:8">
      <c r="H512979" s="12"/>
    </row>
    <row r="512980" spans="8:8">
      <c r="H512980" s="12"/>
    </row>
    <row r="512981" spans="8:8">
      <c r="H512981" s="12"/>
    </row>
    <row r="512982" spans="8:8">
      <c r="H512982" s="12"/>
    </row>
    <row r="512983" spans="8:8">
      <c r="H512983" s="12"/>
    </row>
    <row r="512984" spans="8:8">
      <c r="H512984" s="12"/>
    </row>
    <row r="512985" spans="8:8">
      <c r="H512985" s="12"/>
    </row>
    <row r="512986" spans="8:8">
      <c r="H512986" s="12"/>
    </row>
    <row r="512987" spans="8:8">
      <c r="H512987" s="12"/>
    </row>
    <row r="512988" spans="8:8">
      <c r="H512988" s="12"/>
    </row>
    <row r="512989" spans="8:8">
      <c r="H512989" s="12"/>
    </row>
    <row r="512990" spans="8:8">
      <c r="H512990" s="12"/>
    </row>
    <row r="512991" spans="8:8">
      <c r="H512991" s="12"/>
    </row>
    <row r="512992" spans="8:8">
      <c r="H512992" s="12"/>
    </row>
    <row r="512993" spans="8:8">
      <c r="H512993" s="12"/>
    </row>
    <row r="512994" spans="8:8">
      <c r="H512994" s="12"/>
    </row>
    <row r="512995" spans="8:8">
      <c r="H512995" s="12"/>
    </row>
    <row r="512996" spans="8:8">
      <c r="H512996" s="12"/>
    </row>
    <row r="512997" spans="8:8">
      <c r="H512997" s="12"/>
    </row>
    <row r="512998" spans="8:8">
      <c r="H512998" s="12"/>
    </row>
    <row r="512999" spans="8:8">
      <c r="H512999" s="12"/>
    </row>
    <row r="513000" spans="8:8">
      <c r="H513000" s="12"/>
    </row>
    <row r="513001" spans="8:8">
      <c r="H513001" s="12"/>
    </row>
    <row r="513002" spans="8:8">
      <c r="H513002" s="12"/>
    </row>
    <row r="513003" spans="8:8">
      <c r="H513003" s="12"/>
    </row>
    <row r="513004" spans="8:8">
      <c r="H513004" s="12"/>
    </row>
    <row r="513005" spans="8:8">
      <c r="H513005" s="12"/>
    </row>
    <row r="513006" spans="8:8">
      <c r="H513006" s="12"/>
    </row>
    <row r="513007" spans="8:8">
      <c r="H513007" s="12"/>
    </row>
    <row r="513008" spans="8:8">
      <c r="H513008" s="12"/>
    </row>
    <row r="513009" spans="8:8">
      <c r="H513009" s="12"/>
    </row>
    <row r="513010" spans="8:8">
      <c r="H513010" s="12"/>
    </row>
    <row r="513011" spans="8:8">
      <c r="H513011" s="12"/>
    </row>
    <row r="513012" spans="8:8">
      <c r="H513012" s="12"/>
    </row>
    <row r="513013" spans="8:8">
      <c r="H513013" s="12"/>
    </row>
    <row r="513014" spans="8:8">
      <c r="H513014" s="12"/>
    </row>
    <row r="513015" spans="8:8">
      <c r="H513015" s="12"/>
    </row>
    <row r="513016" spans="8:8">
      <c r="H513016" s="12"/>
    </row>
    <row r="513017" spans="8:8">
      <c r="H513017" s="12"/>
    </row>
    <row r="513018" spans="8:8">
      <c r="H513018" s="12"/>
    </row>
    <row r="513019" spans="8:8">
      <c r="H513019" s="12"/>
    </row>
    <row r="513020" spans="8:8">
      <c r="H513020" s="12"/>
    </row>
    <row r="513021" spans="8:8">
      <c r="H513021" s="12"/>
    </row>
    <row r="513022" spans="8:8">
      <c r="H513022" s="12"/>
    </row>
    <row r="513023" spans="8:8">
      <c r="H513023" s="12"/>
    </row>
    <row r="513024" spans="8:8">
      <c r="H513024" s="12"/>
    </row>
    <row r="513025" spans="8:8">
      <c r="H513025" s="12"/>
    </row>
    <row r="513026" spans="8:8">
      <c r="H513026" s="12"/>
    </row>
    <row r="513027" spans="8:8">
      <c r="H513027" s="12"/>
    </row>
    <row r="513028" spans="8:8">
      <c r="H513028" s="12"/>
    </row>
    <row r="513029" spans="8:8">
      <c r="H513029" s="12"/>
    </row>
    <row r="513030" spans="8:8">
      <c r="H513030" s="12"/>
    </row>
    <row r="513031" spans="8:8">
      <c r="H513031" s="12"/>
    </row>
    <row r="513032" spans="8:8">
      <c r="H513032" s="12"/>
    </row>
    <row r="513033" spans="8:8">
      <c r="H513033" s="12"/>
    </row>
    <row r="513034" spans="8:8">
      <c r="H513034" s="12"/>
    </row>
    <row r="513035" spans="8:8">
      <c r="H513035" s="12"/>
    </row>
    <row r="513036" spans="8:8">
      <c r="H513036" s="12"/>
    </row>
    <row r="513037" spans="8:8">
      <c r="H513037" s="12"/>
    </row>
    <row r="513038" spans="8:8">
      <c r="H513038" s="12"/>
    </row>
    <row r="513039" spans="8:8">
      <c r="H513039" s="12"/>
    </row>
    <row r="513040" spans="8:8">
      <c r="H513040" s="12"/>
    </row>
    <row r="513041" spans="8:8">
      <c r="H513041" s="12"/>
    </row>
    <row r="513042" spans="8:8">
      <c r="H513042" s="12"/>
    </row>
    <row r="513043" spans="8:8">
      <c r="H513043" s="12"/>
    </row>
    <row r="513044" spans="8:8">
      <c r="H513044" s="12"/>
    </row>
    <row r="513045" spans="8:8">
      <c r="H513045" s="12"/>
    </row>
    <row r="513046" spans="8:8">
      <c r="H513046" s="12"/>
    </row>
    <row r="513047" spans="8:8">
      <c r="H513047" s="12"/>
    </row>
    <row r="513048" spans="8:8">
      <c r="H513048" s="12"/>
    </row>
    <row r="513049" spans="8:8">
      <c r="H513049" s="12"/>
    </row>
    <row r="513050" spans="8:8">
      <c r="H513050" s="12"/>
    </row>
    <row r="513051" spans="8:8">
      <c r="H513051" s="12"/>
    </row>
    <row r="513052" spans="8:8">
      <c r="H513052" s="12"/>
    </row>
    <row r="513053" spans="8:8">
      <c r="H513053" s="12"/>
    </row>
    <row r="513054" spans="8:8">
      <c r="H513054" s="12"/>
    </row>
    <row r="513055" spans="8:8">
      <c r="H513055" s="12"/>
    </row>
    <row r="513056" spans="8:8">
      <c r="H513056" s="12"/>
    </row>
    <row r="513057" spans="8:8">
      <c r="H513057" s="12"/>
    </row>
    <row r="513058" spans="8:8">
      <c r="H513058" s="12"/>
    </row>
    <row r="513059" spans="8:8">
      <c r="H513059" s="12"/>
    </row>
    <row r="513060" spans="8:8">
      <c r="H513060" s="12"/>
    </row>
    <row r="513061" spans="8:8">
      <c r="H513061" s="12"/>
    </row>
    <row r="513062" spans="8:8">
      <c r="H513062" s="12"/>
    </row>
    <row r="513063" spans="8:8">
      <c r="H513063" s="12"/>
    </row>
    <row r="513064" spans="8:8">
      <c r="H513064" s="12"/>
    </row>
    <row r="513065" spans="8:8">
      <c r="H513065" s="12"/>
    </row>
    <row r="513066" spans="8:8">
      <c r="H513066" s="12"/>
    </row>
    <row r="513067" spans="8:8">
      <c r="H513067" s="12"/>
    </row>
    <row r="513068" spans="8:8">
      <c r="H513068" s="12"/>
    </row>
    <row r="513069" spans="8:8">
      <c r="H513069" s="12"/>
    </row>
    <row r="513070" spans="8:8">
      <c r="H513070" s="12"/>
    </row>
    <row r="513071" spans="8:8">
      <c r="H513071" s="12"/>
    </row>
    <row r="513072" spans="8:8">
      <c r="H513072" s="12"/>
    </row>
    <row r="513073" spans="8:8">
      <c r="H513073" s="12"/>
    </row>
    <row r="513074" spans="8:8">
      <c r="H513074" s="12"/>
    </row>
    <row r="513075" spans="8:8">
      <c r="H513075" s="12"/>
    </row>
    <row r="513076" spans="8:8">
      <c r="H513076" s="12"/>
    </row>
    <row r="513077" spans="8:8">
      <c r="H513077" s="12"/>
    </row>
    <row r="513078" spans="8:8">
      <c r="H513078" s="12"/>
    </row>
    <row r="513079" spans="8:8">
      <c r="H513079" s="12"/>
    </row>
    <row r="513080" spans="8:8">
      <c r="H513080" s="12"/>
    </row>
    <row r="513081" spans="8:8">
      <c r="H513081" s="12"/>
    </row>
    <row r="513082" spans="8:8">
      <c r="H513082" s="12"/>
    </row>
    <row r="513083" spans="8:8">
      <c r="H513083" s="12"/>
    </row>
    <row r="513084" spans="8:8">
      <c r="H513084" s="12"/>
    </row>
    <row r="513085" spans="8:8">
      <c r="H513085" s="12"/>
    </row>
    <row r="513086" spans="8:8">
      <c r="H513086" s="12"/>
    </row>
    <row r="513087" spans="8:8">
      <c r="H513087" s="12"/>
    </row>
    <row r="513088" spans="8:8">
      <c r="H513088" s="12"/>
    </row>
    <row r="513089" spans="8:8">
      <c r="H513089" s="12"/>
    </row>
    <row r="513090" spans="8:8">
      <c r="H513090" s="12"/>
    </row>
    <row r="513091" spans="8:8">
      <c r="H513091" s="12"/>
    </row>
    <row r="513092" spans="8:8">
      <c r="H513092" s="12"/>
    </row>
    <row r="513093" spans="8:8">
      <c r="H513093" s="12"/>
    </row>
    <row r="513094" spans="8:8">
      <c r="H513094" s="12"/>
    </row>
    <row r="513095" spans="8:8">
      <c r="H513095" s="12"/>
    </row>
    <row r="513096" spans="8:8">
      <c r="H513096" s="12"/>
    </row>
    <row r="513097" spans="8:8">
      <c r="H513097" s="12"/>
    </row>
    <row r="513098" spans="8:8">
      <c r="H513098" s="12"/>
    </row>
    <row r="513099" spans="8:8">
      <c r="H513099" s="12"/>
    </row>
    <row r="513100" spans="8:8">
      <c r="H513100" s="12"/>
    </row>
    <row r="513101" spans="8:8">
      <c r="H513101" s="12"/>
    </row>
    <row r="513102" spans="8:8">
      <c r="H513102" s="12"/>
    </row>
    <row r="513103" spans="8:8">
      <c r="H513103" s="12"/>
    </row>
    <row r="513104" spans="8:8">
      <c r="H513104" s="12"/>
    </row>
    <row r="513105" spans="8:8">
      <c r="H513105" s="12"/>
    </row>
    <row r="513106" spans="8:8">
      <c r="H513106" s="12"/>
    </row>
    <row r="513107" spans="8:8">
      <c r="H513107" s="12"/>
    </row>
    <row r="513108" spans="8:8">
      <c r="H513108" s="12"/>
    </row>
    <row r="513109" spans="8:8">
      <c r="H513109" s="12"/>
    </row>
    <row r="513110" spans="8:8">
      <c r="H513110" s="12"/>
    </row>
    <row r="513111" spans="8:8">
      <c r="H513111" s="12"/>
    </row>
    <row r="513112" spans="8:8">
      <c r="H513112" s="12"/>
    </row>
    <row r="513113" spans="8:8">
      <c r="H513113" s="12"/>
    </row>
    <row r="513114" spans="8:8">
      <c r="H513114" s="12"/>
    </row>
    <row r="513115" spans="8:8">
      <c r="H513115" s="12"/>
    </row>
    <row r="513116" spans="8:8">
      <c r="H513116" s="12"/>
    </row>
    <row r="513117" spans="8:8">
      <c r="H513117" s="12"/>
    </row>
    <row r="513118" spans="8:8">
      <c r="H513118" s="12"/>
    </row>
    <row r="513119" spans="8:8">
      <c r="H513119" s="12"/>
    </row>
    <row r="513120" spans="8:8">
      <c r="H513120" s="12"/>
    </row>
    <row r="513121" spans="8:8">
      <c r="H513121" s="12"/>
    </row>
    <row r="513122" spans="8:8">
      <c r="H513122" s="12"/>
    </row>
    <row r="513123" spans="8:8">
      <c r="H513123" s="12"/>
    </row>
    <row r="513124" spans="8:8">
      <c r="H513124" s="12"/>
    </row>
    <row r="513125" spans="8:8">
      <c r="H513125" s="12"/>
    </row>
    <row r="513126" spans="8:8">
      <c r="H513126" s="12"/>
    </row>
    <row r="513127" spans="8:8">
      <c r="H513127" s="12"/>
    </row>
    <row r="513128" spans="8:8">
      <c r="H513128" s="12"/>
    </row>
    <row r="513129" spans="8:8">
      <c r="H513129" s="12"/>
    </row>
    <row r="513130" spans="8:8">
      <c r="H513130" s="12"/>
    </row>
    <row r="513131" spans="8:8">
      <c r="H513131" s="12"/>
    </row>
    <row r="513132" spans="8:8">
      <c r="H513132" s="12"/>
    </row>
    <row r="513133" spans="8:8">
      <c r="H513133" s="12"/>
    </row>
    <row r="513134" spans="8:8">
      <c r="H513134" s="12"/>
    </row>
    <row r="513135" spans="8:8">
      <c r="H513135" s="12"/>
    </row>
    <row r="513136" spans="8:8">
      <c r="H513136" s="12"/>
    </row>
    <row r="513137" spans="8:8">
      <c r="H513137" s="12"/>
    </row>
    <row r="513138" spans="8:8">
      <c r="H513138" s="12"/>
    </row>
    <row r="513139" spans="8:8">
      <c r="H513139" s="12"/>
    </row>
    <row r="513140" spans="8:8">
      <c r="H513140" s="12"/>
    </row>
    <row r="513141" spans="8:8">
      <c r="H513141" s="12"/>
    </row>
    <row r="513142" spans="8:8">
      <c r="H513142" s="12"/>
    </row>
    <row r="513143" spans="8:8">
      <c r="H513143" s="12"/>
    </row>
    <row r="513144" spans="8:8">
      <c r="H513144" s="12"/>
    </row>
    <row r="513145" spans="8:8">
      <c r="H513145" s="12"/>
    </row>
    <row r="513146" spans="8:8">
      <c r="H513146" s="12"/>
    </row>
    <row r="513147" spans="8:8">
      <c r="H513147" s="12"/>
    </row>
    <row r="513148" spans="8:8">
      <c r="H513148" s="12"/>
    </row>
    <row r="513149" spans="8:8">
      <c r="H513149" s="12"/>
    </row>
    <row r="513150" spans="8:8">
      <c r="H513150" s="12"/>
    </row>
    <row r="513151" spans="8:8">
      <c r="H513151" s="12"/>
    </row>
    <row r="513152" spans="8:8">
      <c r="H513152" s="12"/>
    </row>
    <row r="513153" spans="8:8">
      <c r="H513153" s="12"/>
    </row>
    <row r="513154" spans="8:8">
      <c r="H513154" s="12"/>
    </row>
    <row r="513155" spans="8:8">
      <c r="H513155" s="12"/>
    </row>
    <row r="513156" spans="8:8">
      <c r="H513156" s="12"/>
    </row>
    <row r="513157" spans="8:8">
      <c r="H513157" s="12"/>
    </row>
    <row r="513158" spans="8:8">
      <c r="H513158" s="12"/>
    </row>
    <row r="513159" spans="8:8">
      <c r="H513159" s="12"/>
    </row>
    <row r="513160" spans="8:8">
      <c r="H513160" s="12"/>
    </row>
    <row r="513161" spans="8:8">
      <c r="H513161" s="12"/>
    </row>
    <row r="513162" spans="8:8">
      <c r="H513162" s="12"/>
    </row>
    <row r="513163" spans="8:8">
      <c r="H513163" s="12"/>
    </row>
    <row r="513164" spans="8:8">
      <c r="H513164" s="12"/>
    </row>
    <row r="513165" spans="8:8">
      <c r="H513165" s="12"/>
    </row>
    <row r="513166" spans="8:8">
      <c r="H513166" s="12"/>
    </row>
    <row r="513167" spans="8:8">
      <c r="H513167" s="12"/>
    </row>
    <row r="513168" spans="8:8">
      <c r="H513168" s="12"/>
    </row>
    <row r="513169" spans="8:8">
      <c r="H513169" s="12"/>
    </row>
    <row r="513170" spans="8:8">
      <c r="H513170" s="12"/>
    </row>
    <row r="513171" spans="8:8">
      <c r="H513171" s="12"/>
    </row>
    <row r="513172" spans="8:8">
      <c r="H513172" s="12"/>
    </row>
    <row r="513173" spans="8:8">
      <c r="H513173" s="12"/>
    </row>
    <row r="513174" spans="8:8">
      <c r="H513174" s="12"/>
    </row>
    <row r="513175" spans="8:8">
      <c r="H513175" s="12"/>
    </row>
    <row r="513176" spans="8:8">
      <c r="H513176" s="12"/>
    </row>
    <row r="513177" spans="8:8">
      <c r="H513177" s="12"/>
    </row>
    <row r="513178" spans="8:8">
      <c r="H513178" s="12"/>
    </row>
    <row r="513179" spans="8:8">
      <c r="H513179" s="12"/>
    </row>
    <row r="513180" spans="8:8">
      <c r="H513180" s="12"/>
    </row>
    <row r="513181" spans="8:8">
      <c r="H513181" s="12"/>
    </row>
    <row r="513182" spans="8:8">
      <c r="H513182" s="12"/>
    </row>
    <row r="513183" spans="8:8">
      <c r="H513183" s="12"/>
    </row>
    <row r="513184" spans="8:8">
      <c r="H513184" s="12"/>
    </row>
    <row r="513185" spans="8:8">
      <c r="H513185" s="12"/>
    </row>
    <row r="513186" spans="8:8">
      <c r="H513186" s="12"/>
    </row>
    <row r="513187" spans="8:8">
      <c r="H513187" s="12"/>
    </row>
    <row r="513188" spans="8:8">
      <c r="H513188" s="12"/>
    </row>
    <row r="513189" spans="8:8">
      <c r="H513189" s="12"/>
    </row>
    <row r="513190" spans="8:8">
      <c r="H513190" s="12"/>
    </row>
    <row r="513191" spans="8:8">
      <c r="H513191" s="12"/>
    </row>
    <row r="513192" spans="8:8">
      <c r="H513192" s="12"/>
    </row>
    <row r="513193" spans="8:8">
      <c r="H513193" s="12"/>
    </row>
    <row r="513194" spans="8:8">
      <c r="H513194" s="12"/>
    </row>
    <row r="513195" spans="8:8">
      <c r="H513195" s="12"/>
    </row>
    <row r="513196" spans="8:8">
      <c r="H513196" s="12"/>
    </row>
    <row r="513197" spans="8:8">
      <c r="H513197" s="12"/>
    </row>
    <row r="513198" spans="8:8">
      <c r="H513198" s="12"/>
    </row>
    <row r="513199" spans="8:8">
      <c r="H513199" s="12"/>
    </row>
    <row r="513200" spans="8:8">
      <c r="H513200" s="12"/>
    </row>
    <row r="513201" spans="8:8">
      <c r="H513201" s="12"/>
    </row>
    <row r="513202" spans="8:8">
      <c r="H513202" s="12"/>
    </row>
    <row r="513203" spans="8:8">
      <c r="H513203" s="12"/>
    </row>
    <row r="513204" spans="8:8">
      <c r="H513204" s="12"/>
    </row>
    <row r="513205" spans="8:8">
      <c r="H513205" s="12"/>
    </row>
    <row r="513206" spans="8:8">
      <c r="H513206" s="12"/>
    </row>
    <row r="513207" spans="8:8">
      <c r="H513207" s="12"/>
    </row>
    <row r="513208" spans="8:8">
      <c r="H513208" s="12"/>
    </row>
    <row r="513209" spans="8:8">
      <c r="H513209" s="12"/>
    </row>
    <row r="513210" spans="8:8">
      <c r="H513210" s="12"/>
    </row>
    <row r="513211" spans="8:8">
      <c r="H513211" s="12"/>
    </row>
    <row r="513212" spans="8:8">
      <c r="H513212" s="12"/>
    </row>
    <row r="513213" spans="8:8">
      <c r="H513213" s="12"/>
    </row>
    <row r="513214" spans="8:8">
      <c r="H513214" s="12"/>
    </row>
    <row r="513215" spans="8:8">
      <c r="H513215" s="12"/>
    </row>
    <row r="513216" spans="8:8">
      <c r="H513216" s="12"/>
    </row>
    <row r="513217" spans="8:8">
      <c r="H513217" s="12"/>
    </row>
    <row r="513218" spans="8:8">
      <c r="H513218" s="12"/>
    </row>
    <row r="513219" spans="8:8">
      <c r="H513219" s="12"/>
    </row>
    <row r="513220" spans="8:8">
      <c r="H513220" s="12"/>
    </row>
    <row r="513221" spans="8:8">
      <c r="H513221" s="12"/>
    </row>
    <row r="513222" spans="8:8">
      <c r="H513222" s="12"/>
    </row>
    <row r="513223" spans="8:8">
      <c r="H513223" s="12"/>
    </row>
    <row r="513224" spans="8:8">
      <c r="H513224" s="12"/>
    </row>
    <row r="513225" spans="8:8">
      <c r="H513225" s="12"/>
    </row>
    <row r="513226" spans="8:8">
      <c r="H513226" s="12"/>
    </row>
    <row r="513227" spans="8:8">
      <c r="H513227" s="12"/>
    </row>
    <row r="513228" spans="8:8">
      <c r="H513228" s="12"/>
    </row>
    <row r="513229" spans="8:8">
      <c r="H513229" s="12"/>
    </row>
    <row r="513230" spans="8:8">
      <c r="H513230" s="12"/>
    </row>
    <row r="513231" spans="8:8">
      <c r="H513231" s="12"/>
    </row>
    <row r="513232" spans="8:8">
      <c r="H513232" s="12"/>
    </row>
    <row r="513233" spans="8:8">
      <c r="H513233" s="12"/>
    </row>
    <row r="513234" spans="8:8">
      <c r="H513234" s="12"/>
    </row>
    <row r="513235" spans="8:8">
      <c r="H513235" s="12"/>
    </row>
    <row r="513236" spans="8:8">
      <c r="H513236" s="12"/>
    </row>
    <row r="513237" spans="8:8">
      <c r="H513237" s="12"/>
    </row>
    <row r="513238" spans="8:8">
      <c r="H513238" s="12"/>
    </row>
    <row r="513239" spans="8:8">
      <c r="H513239" s="12"/>
    </row>
    <row r="513240" spans="8:8">
      <c r="H513240" s="12"/>
    </row>
    <row r="513241" spans="8:8">
      <c r="H513241" s="12"/>
    </row>
    <row r="513242" spans="8:8">
      <c r="H513242" s="12"/>
    </row>
    <row r="513243" spans="8:8">
      <c r="H513243" s="12"/>
    </row>
    <row r="513244" spans="8:8">
      <c r="H513244" s="12"/>
    </row>
    <row r="513245" spans="8:8">
      <c r="H513245" s="12"/>
    </row>
    <row r="513246" spans="8:8">
      <c r="H513246" s="12"/>
    </row>
    <row r="513247" spans="8:8">
      <c r="H513247" s="12"/>
    </row>
    <row r="513248" spans="8:8">
      <c r="H513248" s="12"/>
    </row>
    <row r="513249" spans="8:8">
      <c r="H513249" s="12"/>
    </row>
    <row r="513250" spans="8:8">
      <c r="H513250" s="12"/>
    </row>
    <row r="513251" spans="8:8">
      <c r="H513251" s="12"/>
    </row>
    <row r="513252" spans="8:8">
      <c r="H513252" s="12"/>
    </row>
    <row r="513253" spans="8:8">
      <c r="H513253" s="12"/>
    </row>
    <row r="513254" spans="8:8">
      <c r="H513254" s="12"/>
    </row>
    <row r="513255" spans="8:8">
      <c r="H513255" s="12"/>
    </row>
    <row r="513256" spans="8:8">
      <c r="H513256" s="12"/>
    </row>
    <row r="513257" spans="8:8">
      <c r="H513257" s="12"/>
    </row>
    <row r="513258" spans="8:8">
      <c r="H513258" s="12"/>
    </row>
    <row r="513259" spans="8:8">
      <c r="H513259" s="12"/>
    </row>
    <row r="513260" spans="8:8">
      <c r="H513260" s="12"/>
    </row>
    <row r="513261" spans="8:8">
      <c r="H513261" s="12"/>
    </row>
    <row r="513262" spans="8:8">
      <c r="H513262" s="12"/>
    </row>
    <row r="513263" spans="8:8">
      <c r="H513263" s="12"/>
    </row>
    <row r="513264" spans="8:8">
      <c r="H513264" s="12"/>
    </row>
    <row r="513265" spans="8:8">
      <c r="H513265" s="12"/>
    </row>
    <row r="513266" spans="8:8">
      <c r="H513266" s="12"/>
    </row>
    <row r="513267" spans="8:8">
      <c r="H513267" s="12"/>
    </row>
    <row r="513268" spans="8:8">
      <c r="H513268" s="12"/>
    </row>
    <row r="513269" spans="8:8">
      <c r="H513269" s="12"/>
    </row>
    <row r="513270" spans="8:8">
      <c r="H513270" s="12"/>
    </row>
    <row r="513271" spans="8:8">
      <c r="H513271" s="12"/>
    </row>
    <row r="513272" spans="8:8">
      <c r="H513272" s="12"/>
    </row>
    <row r="513273" spans="8:8">
      <c r="H513273" s="12"/>
    </row>
    <row r="513274" spans="8:8">
      <c r="H513274" s="12"/>
    </row>
    <row r="513275" spans="8:8">
      <c r="H513275" s="12"/>
    </row>
    <row r="513276" spans="8:8">
      <c r="H513276" s="12"/>
    </row>
    <row r="513277" spans="8:8">
      <c r="H513277" s="12"/>
    </row>
    <row r="513278" spans="8:8">
      <c r="H513278" s="12"/>
    </row>
    <row r="513279" spans="8:8">
      <c r="H513279" s="12"/>
    </row>
    <row r="513280" spans="8:8">
      <c r="H513280" s="12"/>
    </row>
    <row r="513281" spans="8:8">
      <c r="H513281" s="12"/>
    </row>
    <row r="513282" spans="8:8">
      <c r="H513282" s="12"/>
    </row>
    <row r="513283" spans="8:8">
      <c r="H513283" s="12"/>
    </row>
    <row r="513284" spans="8:8">
      <c r="H513284" s="12"/>
    </row>
    <row r="513285" spans="8:8">
      <c r="H513285" s="12"/>
    </row>
    <row r="513286" spans="8:8">
      <c r="H513286" s="12"/>
    </row>
    <row r="513287" spans="8:8">
      <c r="H513287" s="12"/>
    </row>
    <row r="513288" spans="8:8">
      <c r="H513288" s="12"/>
    </row>
    <row r="513289" spans="8:8">
      <c r="H513289" s="12"/>
    </row>
    <row r="513290" spans="8:8">
      <c r="H513290" s="12"/>
    </row>
    <row r="513291" spans="8:8">
      <c r="H513291" s="12"/>
    </row>
    <row r="513292" spans="8:8">
      <c r="H513292" s="12"/>
    </row>
    <row r="513293" spans="8:8">
      <c r="H513293" s="12"/>
    </row>
    <row r="513294" spans="8:8">
      <c r="H513294" s="12"/>
    </row>
    <row r="513295" spans="8:8">
      <c r="H513295" s="12"/>
    </row>
    <row r="513296" spans="8:8">
      <c r="H513296" s="12"/>
    </row>
    <row r="513297" spans="8:8">
      <c r="H513297" s="12"/>
    </row>
    <row r="513298" spans="8:8">
      <c r="H513298" s="12"/>
    </row>
    <row r="513299" spans="8:8">
      <c r="H513299" s="12"/>
    </row>
    <row r="513300" spans="8:8">
      <c r="H513300" s="12"/>
    </row>
    <row r="513301" spans="8:8">
      <c r="H513301" s="12"/>
    </row>
    <row r="513302" spans="8:8">
      <c r="H513302" s="12"/>
    </row>
    <row r="513303" spans="8:8">
      <c r="H513303" s="12"/>
    </row>
    <row r="513304" spans="8:8">
      <c r="H513304" s="12"/>
    </row>
    <row r="513305" spans="8:8">
      <c r="H513305" s="12"/>
    </row>
    <row r="513306" spans="8:8">
      <c r="H513306" s="12"/>
    </row>
    <row r="513307" spans="8:8">
      <c r="H513307" s="12"/>
    </row>
    <row r="513308" spans="8:8">
      <c r="H513308" s="12"/>
    </row>
    <row r="513309" spans="8:8">
      <c r="H513309" s="12"/>
    </row>
    <row r="513310" spans="8:8">
      <c r="H513310" s="12"/>
    </row>
    <row r="513311" spans="8:8">
      <c r="H513311" s="12"/>
    </row>
    <row r="513312" spans="8:8">
      <c r="H513312" s="12"/>
    </row>
    <row r="513313" spans="8:8">
      <c r="H513313" s="12"/>
    </row>
    <row r="513314" spans="8:8">
      <c r="H513314" s="12"/>
    </row>
    <row r="513315" spans="8:8">
      <c r="H513315" s="12"/>
    </row>
    <row r="513316" spans="8:8">
      <c r="H513316" s="12"/>
    </row>
    <row r="513317" spans="8:8">
      <c r="H513317" s="12"/>
    </row>
    <row r="513318" spans="8:8">
      <c r="H513318" s="12"/>
    </row>
    <row r="513319" spans="8:8">
      <c r="H513319" s="12"/>
    </row>
    <row r="513320" spans="8:8">
      <c r="H513320" s="12"/>
    </row>
    <row r="513321" spans="8:8">
      <c r="H513321" s="12"/>
    </row>
    <row r="513322" spans="8:8">
      <c r="H513322" s="12"/>
    </row>
    <row r="513323" spans="8:8">
      <c r="H513323" s="12"/>
    </row>
    <row r="513324" spans="8:8">
      <c r="H513324" s="12"/>
    </row>
    <row r="513325" spans="8:8">
      <c r="H513325" s="12"/>
    </row>
    <row r="513326" spans="8:8">
      <c r="H513326" s="12"/>
    </row>
    <row r="513327" spans="8:8">
      <c r="H513327" s="12"/>
    </row>
    <row r="513328" spans="8:8">
      <c r="H513328" s="12"/>
    </row>
    <row r="513329" spans="8:8">
      <c r="H513329" s="12"/>
    </row>
    <row r="513330" spans="8:8">
      <c r="H513330" s="12"/>
    </row>
    <row r="513331" spans="8:8">
      <c r="H513331" s="12"/>
    </row>
    <row r="513332" spans="8:8">
      <c r="H513332" s="12"/>
    </row>
    <row r="513333" spans="8:8">
      <c r="H513333" s="12"/>
    </row>
    <row r="513334" spans="8:8">
      <c r="H513334" s="12"/>
    </row>
    <row r="513335" spans="8:8">
      <c r="H513335" s="12"/>
    </row>
    <row r="513336" spans="8:8">
      <c r="H513336" s="12"/>
    </row>
    <row r="513337" spans="8:8">
      <c r="H513337" s="12"/>
    </row>
    <row r="513338" spans="8:8">
      <c r="H513338" s="12"/>
    </row>
    <row r="513339" spans="8:8">
      <c r="H513339" s="12"/>
    </row>
    <row r="513340" spans="8:8">
      <c r="H513340" s="12"/>
    </row>
    <row r="513341" spans="8:8">
      <c r="H513341" s="12"/>
    </row>
    <row r="513342" spans="8:8">
      <c r="H513342" s="12"/>
    </row>
    <row r="513343" spans="8:8">
      <c r="H513343" s="12"/>
    </row>
    <row r="513344" spans="8:8">
      <c r="H513344" s="12"/>
    </row>
    <row r="513345" spans="8:8">
      <c r="H513345" s="12"/>
    </row>
    <row r="513346" spans="8:8">
      <c r="H513346" s="12"/>
    </row>
    <row r="513347" spans="8:8">
      <c r="H513347" s="12"/>
    </row>
    <row r="513348" spans="8:8">
      <c r="H513348" s="12"/>
    </row>
    <row r="513349" spans="8:8">
      <c r="H513349" s="12"/>
    </row>
    <row r="513350" spans="8:8">
      <c r="H513350" s="12"/>
    </row>
    <row r="513351" spans="8:8">
      <c r="H513351" s="12"/>
    </row>
    <row r="513352" spans="8:8">
      <c r="H513352" s="12"/>
    </row>
    <row r="513353" spans="8:8">
      <c r="H513353" s="12"/>
    </row>
    <row r="513354" spans="8:8">
      <c r="H513354" s="12"/>
    </row>
    <row r="513355" spans="8:8">
      <c r="H513355" s="12"/>
    </row>
    <row r="513356" spans="8:8">
      <c r="H513356" s="12"/>
    </row>
    <row r="513357" spans="8:8">
      <c r="H513357" s="12"/>
    </row>
    <row r="513358" spans="8:8">
      <c r="H513358" s="12"/>
    </row>
    <row r="513359" spans="8:8">
      <c r="H513359" s="12"/>
    </row>
    <row r="513360" spans="8:8">
      <c r="H513360" s="12"/>
    </row>
    <row r="513361" spans="8:8">
      <c r="H513361" s="12"/>
    </row>
    <row r="513362" spans="8:8">
      <c r="H513362" s="12"/>
    </row>
    <row r="513363" spans="8:8">
      <c r="H513363" s="12"/>
    </row>
    <row r="513364" spans="8:8">
      <c r="H513364" s="12"/>
    </row>
    <row r="513365" spans="8:8">
      <c r="H513365" s="12"/>
    </row>
    <row r="513366" spans="8:8">
      <c r="H513366" s="12"/>
    </row>
    <row r="513367" spans="8:8">
      <c r="H513367" s="12"/>
    </row>
    <row r="513368" spans="8:8">
      <c r="H513368" s="12"/>
    </row>
    <row r="513369" spans="8:8">
      <c r="H513369" s="12"/>
    </row>
    <row r="513370" spans="8:8">
      <c r="H513370" s="12"/>
    </row>
    <row r="513371" spans="8:8">
      <c r="H513371" s="12"/>
    </row>
    <row r="513372" spans="8:8">
      <c r="H513372" s="12"/>
    </row>
    <row r="513373" spans="8:8">
      <c r="H513373" s="12"/>
    </row>
    <row r="513374" spans="8:8">
      <c r="H513374" s="12"/>
    </row>
    <row r="513375" spans="8:8">
      <c r="H513375" s="12"/>
    </row>
    <row r="513376" spans="8:8">
      <c r="H513376" s="12"/>
    </row>
    <row r="513377" spans="8:8">
      <c r="H513377" s="12"/>
    </row>
    <row r="513378" spans="8:8">
      <c r="H513378" s="12"/>
    </row>
    <row r="513379" spans="8:8">
      <c r="H513379" s="12"/>
    </row>
    <row r="513380" spans="8:8">
      <c r="H513380" s="12"/>
    </row>
    <row r="513381" spans="8:8">
      <c r="H513381" s="12"/>
    </row>
    <row r="513382" spans="8:8">
      <c r="H513382" s="12"/>
    </row>
    <row r="513383" spans="8:8">
      <c r="H513383" s="12"/>
    </row>
    <row r="513384" spans="8:8">
      <c r="H513384" s="12"/>
    </row>
    <row r="513385" spans="8:8">
      <c r="H513385" s="12"/>
    </row>
    <row r="513386" spans="8:8">
      <c r="H513386" s="12"/>
    </row>
    <row r="513387" spans="8:8">
      <c r="H513387" s="12"/>
    </row>
    <row r="513388" spans="8:8">
      <c r="H513388" s="12"/>
    </row>
    <row r="513389" spans="8:8">
      <c r="H513389" s="12"/>
    </row>
    <row r="513390" spans="8:8">
      <c r="H513390" s="12"/>
    </row>
    <row r="513391" spans="8:8">
      <c r="H513391" s="12"/>
    </row>
    <row r="513392" spans="8:8">
      <c r="H513392" s="12"/>
    </row>
    <row r="513393" spans="8:8">
      <c r="H513393" s="12"/>
    </row>
    <row r="513394" spans="8:8">
      <c r="H513394" s="12"/>
    </row>
    <row r="513395" spans="8:8">
      <c r="H513395" s="12"/>
    </row>
    <row r="513396" spans="8:8">
      <c r="H513396" s="12"/>
    </row>
    <row r="513397" spans="8:8">
      <c r="H513397" s="12"/>
    </row>
    <row r="513398" spans="8:8">
      <c r="H513398" s="12"/>
    </row>
    <row r="513399" spans="8:8">
      <c r="H513399" s="12"/>
    </row>
    <row r="513400" spans="8:8">
      <c r="H513400" s="12"/>
    </row>
    <row r="513401" spans="8:8">
      <c r="H513401" s="12"/>
    </row>
    <row r="513402" spans="8:8">
      <c r="H513402" s="12"/>
    </row>
    <row r="513403" spans="8:8">
      <c r="H513403" s="12"/>
    </row>
    <row r="513404" spans="8:8">
      <c r="H513404" s="12"/>
    </row>
    <row r="513405" spans="8:8">
      <c r="H513405" s="12"/>
    </row>
    <row r="513406" spans="8:8">
      <c r="H513406" s="12"/>
    </row>
    <row r="513407" spans="8:8">
      <c r="H513407" s="12"/>
    </row>
    <row r="513408" spans="8:8">
      <c r="H513408" s="12"/>
    </row>
    <row r="513409" spans="8:8">
      <c r="H513409" s="12"/>
    </row>
    <row r="513410" spans="8:8">
      <c r="H513410" s="12"/>
    </row>
    <row r="513411" spans="8:8">
      <c r="H513411" s="12"/>
    </row>
    <row r="513412" spans="8:8">
      <c r="H513412" s="12"/>
    </row>
    <row r="513413" spans="8:8">
      <c r="H513413" s="12"/>
    </row>
    <row r="513414" spans="8:8">
      <c r="H513414" s="12"/>
    </row>
    <row r="513415" spans="8:8">
      <c r="H513415" s="12"/>
    </row>
    <row r="513416" spans="8:8">
      <c r="H513416" s="12"/>
    </row>
    <row r="513417" spans="8:8">
      <c r="H513417" s="12"/>
    </row>
    <row r="513418" spans="8:8">
      <c r="H513418" s="12"/>
    </row>
    <row r="513419" spans="8:8">
      <c r="H513419" s="12"/>
    </row>
    <row r="513420" spans="8:8">
      <c r="H513420" s="12"/>
    </row>
    <row r="513421" spans="8:8">
      <c r="H513421" s="12"/>
    </row>
    <row r="513422" spans="8:8">
      <c r="H513422" s="12"/>
    </row>
    <row r="513423" spans="8:8">
      <c r="H513423" s="12"/>
    </row>
    <row r="513424" spans="8:8">
      <c r="H513424" s="12"/>
    </row>
    <row r="513425" spans="8:8">
      <c r="H513425" s="12"/>
    </row>
    <row r="513426" spans="8:8">
      <c r="H513426" s="12"/>
    </row>
    <row r="513427" spans="8:8">
      <c r="H513427" s="12"/>
    </row>
    <row r="513428" spans="8:8">
      <c r="H513428" s="12"/>
    </row>
    <row r="513429" spans="8:8">
      <c r="H513429" s="12"/>
    </row>
    <row r="513430" spans="8:8">
      <c r="H513430" s="12"/>
    </row>
    <row r="513431" spans="8:8">
      <c r="H513431" s="12"/>
    </row>
    <row r="513432" spans="8:8">
      <c r="H513432" s="12"/>
    </row>
    <row r="513433" spans="8:8">
      <c r="H513433" s="12"/>
    </row>
    <row r="513434" spans="8:8">
      <c r="H513434" s="12"/>
    </row>
    <row r="513435" spans="8:8">
      <c r="H513435" s="12"/>
    </row>
    <row r="513436" spans="8:8">
      <c r="H513436" s="12"/>
    </row>
    <row r="513437" spans="8:8">
      <c r="H513437" s="12"/>
    </row>
    <row r="513438" spans="8:8">
      <c r="H513438" s="12"/>
    </row>
    <row r="513439" spans="8:8">
      <c r="H513439" s="12"/>
    </row>
    <row r="513440" spans="8:8">
      <c r="H513440" s="12"/>
    </row>
    <row r="513441" spans="8:8">
      <c r="H513441" s="12"/>
    </row>
    <row r="513442" spans="8:8">
      <c r="H513442" s="12"/>
    </row>
    <row r="513443" spans="8:8">
      <c r="H513443" s="12"/>
    </row>
    <row r="513444" spans="8:8">
      <c r="H513444" s="12"/>
    </row>
    <row r="513445" spans="8:8">
      <c r="H513445" s="12"/>
    </row>
    <row r="513446" spans="8:8">
      <c r="H513446" s="12"/>
    </row>
    <row r="513447" spans="8:8">
      <c r="H513447" s="12"/>
    </row>
    <row r="513448" spans="8:8">
      <c r="H513448" s="12"/>
    </row>
    <row r="513449" spans="8:8">
      <c r="H513449" s="12"/>
    </row>
    <row r="513450" spans="8:8">
      <c r="H513450" s="12"/>
    </row>
    <row r="513451" spans="8:8">
      <c r="H513451" s="12"/>
    </row>
    <row r="513452" spans="8:8">
      <c r="H513452" s="12"/>
    </row>
    <row r="513453" spans="8:8">
      <c r="H513453" s="12"/>
    </row>
    <row r="513454" spans="8:8">
      <c r="H513454" s="12"/>
    </row>
    <row r="513455" spans="8:8">
      <c r="H513455" s="12"/>
    </row>
    <row r="513456" spans="8:8">
      <c r="H513456" s="12"/>
    </row>
    <row r="513457" spans="8:8">
      <c r="H513457" s="12"/>
    </row>
    <row r="513458" spans="8:8">
      <c r="H513458" s="12"/>
    </row>
    <row r="513459" spans="8:8">
      <c r="H513459" s="12"/>
    </row>
    <row r="513460" spans="8:8">
      <c r="H513460" s="12"/>
    </row>
    <row r="513461" spans="8:8">
      <c r="H513461" s="12"/>
    </row>
    <row r="513462" spans="8:8">
      <c r="H513462" s="12"/>
    </row>
    <row r="513463" spans="8:8">
      <c r="H513463" s="12"/>
    </row>
    <row r="513464" spans="8:8">
      <c r="H513464" s="12"/>
    </row>
    <row r="513465" spans="8:8">
      <c r="H513465" s="12"/>
    </row>
    <row r="513466" spans="8:8">
      <c r="H513466" s="12"/>
    </row>
    <row r="513467" spans="8:8">
      <c r="H513467" s="12"/>
    </row>
    <row r="513468" spans="8:8">
      <c r="H513468" s="12"/>
    </row>
    <row r="513469" spans="8:8">
      <c r="H513469" s="12"/>
    </row>
    <row r="513470" spans="8:8">
      <c r="H513470" s="12"/>
    </row>
    <row r="513471" spans="8:8">
      <c r="H513471" s="12"/>
    </row>
    <row r="513472" spans="8:8">
      <c r="H513472" s="12"/>
    </row>
    <row r="513473" spans="8:8">
      <c r="H513473" s="12"/>
    </row>
    <row r="513474" spans="8:8">
      <c r="H513474" s="12"/>
    </row>
    <row r="513475" spans="8:8">
      <c r="H513475" s="12"/>
    </row>
    <row r="513476" spans="8:8">
      <c r="H513476" s="12"/>
    </row>
    <row r="513477" spans="8:8">
      <c r="H513477" s="12"/>
    </row>
    <row r="513478" spans="8:8">
      <c r="H513478" s="12"/>
    </row>
    <row r="513479" spans="8:8">
      <c r="H513479" s="12"/>
    </row>
    <row r="513480" spans="8:8">
      <c r="H513480" s="12"/>
    </row>
    <row r="513481" spans="8:8">
      <c r="H513481" s="12"/>
    </row>
    <row r="513482" spans="8:8">
      <c r="H513482" s="12"/>
    </row>
    <row r="513483" spans="8:8">
      <c r="H513483" s="12"/>
    </row>
    <row r="513484" spans="8:8">
      <c r="H513484" s="12"/>
    </row>
    <row r="513485" spans="8:8">
      <c r="H513485" s="12"/>
    </row>
    <row r="513486" spans="8:8">
      <c r="H513486" s="12"/>
    </row>
    <row r="513487" spans="8:8">
      <c r="H513487" s="12"/>
    </row>
    <row r="513488" spans="8:8">
      <c r="H513488" s="12"/>
    </row>
    <row r="513489" spans="8:8">
      <c r="H513489" s="12"/>
    </row>
    <row r="513490" spans="8:8">
      <c r="H513490" s="12"/>
    </row>
    <row r="513491" spans="8:8">
      <c r="H513491" s="12"/>
    </row>
    <row r="513492" spans="8:8">
      <c r="H513492" s="12"/>
    </row>
    <row r="513493" spans="8:8">
      <c r="H513493" s="12"/>
    </row>
    <row r="513494" spans="8:8">
      <c r="H513494" s="12"/>
    </row>
    <row r="513495" spans="8:8">
      <c r="H513495" s="12"/>
    </row>
    <row r="513496" spans="8:8">
      <c r="H513496" s="12"/>
    </row>
    <row r="513497" spans="8:8">
      <c r="H513497" s="12"/>
    </row>
    <row r="513498" spans="8:8">
      <c r="H513498" s="12"/>
    </row>
    <row r="513499" spans="8:8">
      <c r="H513499" s="12"/>
    </row>
    <row r="513500" spans="8:8">
      <c r="H513500" s="12"/>
    </row>
    <row r="513501" spans="8:8">
      <c r="H513501" s="12"/>
    </row>
    <row r="513502" spans="8:8">
      <c r="H513502" s="12"/>
    </row>
    <row r="513503" spans="8:8">
      <c r="H513503" s="12"/>
    </row>
    <row r="513504" spans="8:8">
      <c r="H513504" s="12"/>
    </row>
    <row r="513505" spans="8:8">
      <c r="H513505" s="12"/>
    </row>
    <row r="513506" spans="8:8">
      <c r="H513506" s="12"/>
    </row>
    <row r="513507" spans="8:8">
      <c r="H513507" s="12"/>
    </row>
    <row r="513508" spans="8:8">
      <c r="H513508" s="12"/>
    </row>
    <row r="513509" spans="8:8">
      <c r="H513509" s="12"/>
    </row>
    <row r="513510" spans="8:8">
      <c r="H513510" s="12"/>
    </row>
    <row r="513511" spans="8:8">
      <c r="H513511" s="12"/>
    </row>
    <row r="513512" spans="8:8">
      <c r="H513512" s="12"/>
    </row>
    <row r="513513" spans="8:8">
      <c r="H513513" s="12"/>
    </row>
    <row r="513514" spans="8:8">
      <c r="H513514" s="12"/>
    </row>
    <row r="513515" spans="8:8">
      <c r="H513515" s="12"/>
    </row>
    <row r="513516" spans="8:8">
      <c r="H513516" s="12"/>
    </row>
    <row r="513517" spans="8:8">
      <c r="H513517" s="12"/>
    </row>
    <row r="513518" spans="8:8">
      <c r="H513518" s="12"/>
    </row>
    <row r="513519" spans="8:8">
      <c r="H513519" s="12"/>
    </row>
    <row r="513520" spans="8:8">
      <c r="H513520" s="12"/>
    </row>
    <row r="513521" spans="8:8">
      <c r="H513521" s="12"/>
    </row>
    <row r="513522" spans="8:8">
      <c r="H513522" s="12"/>
    </row>
    <row r="513523" spans="8:8">
      <c r="H513523" s="12"/>
    </row>
    <row r="513524" spans="8:8">
      <c r="H513524" s="12"/>
    </row>
    <row r="513525" spans="8:8">
      <c r="H513525" s="12"/>
    </row>
    <row r="513526" spans="8:8">
      <c r="H513526" s="12"/>
    </row>
    <row r="513527" spans="8:8">
      <c r="H513527" s="12"/>
    </row>
    <row r="513528" spans="8:8">
      <c r="H513528" s="12"/>
    </row>
    <row r="513529" spans="8:8">
      <c r="H513529" s="12"/>
    </row>
    <row r="513530" spans="8:8">
      <c r="H513530" s="12"/>
    </row>
    <row r="513531" spans="8:8">
      <c r="H513531" s="12"/>
    </row>
    <row r="513532" spans="8:8">
      <c r="H513532" s="12"/>
    </row>
    <row r="513533" spans="8:8">
      <c r="H513533" s="12"/>
    </row>
    <row r="513534" spans="8:8">
      <c r="H513534" s="12"/>
    </row>
    <row r="513535" spans="8:8">
      <c r="H513535" s="12"/>
    </row>
    <row r="513536" spans="8:8">
      <c r="H513536" s="12"/>
    </row>
    <row r="513537" spans="8:8">
      <c r="H513537" s="12"/>
    </row>
    <row r="513538" spans="8:8">
      <c r="H513538" s="12"/>
    </row>
    <row r="513539" spans="8:8">
      <c r="H513539" s="12"/>
    </row>
    <row r="513540" spans="8:8">
      <c r="H513540" s="12"/>
    </row>
    <row r="513541" spans="8:8">
      <c r="H513541" s="12"/>
    </row>
    <row r="513542" spans="8:8">
      <c r="H513542" s="12"/>
    </row>
    <row r="513543" spans="8:8">
      <c r="H513543" s="12"/>
    </row>
    <row r="513544" spans="8:8">
      <c r="H513544" s="12"/>
    </row>
    <row r="513545" spans="8:8">
      <c r="H513545" s="12"/>
    </row>
    <row r="513546" spans="8:8">
      <c r="H513546" s="12"/>
    </row>
    <row r="513547" spans="8:8">
      <c r="H513547" s="12"/>
    </row>
    <row r="513548" spans="8:8">
      <c r="H513548" s="12"/>
    </row>
    <row r="513549" spans="8:8">
      <c r="H513549" s="12"/>
    </row>
    <row r="513550" spans="8:8">
      <c r="H513550" s="12"/>
    </row>
    <row r="513551" spans="8:8">
      <c r="H513551" s="12"/>
    </row>
    <row r="513552" spans="8:8">
      <c r="H513552" s="12"/>
    </row>
    <row r="513553" spans="8:8">
      <c r="H513553" s="12"/>
    </row>
    <row r="513554" spans="8:8">
      <c r="H513554" s="12"/>
    </row>
    <row r="513555" spans="8:8">
      <c r="H513555" s="12"/>
    </row>
    <row r="513556" spans="8:8">
      <c r="H513556" s="12"/>
    </row>
    <row r="513557" spans="8:8">
      <c r="H513557" s="12"/>
    </row>
    <row r="513558" spans="8:8">
      <c r="H513558" s="12"/>
    </row>
    <row r="513559" spans="8:8">
      <c r="H513559" s="12"/>
    </row>
    <row r="513560" spans="8:8">
      <c r="H513560" s="12"/>
    </row>
    <row r="513561" spans="8:8">
      <c r="H513561" s="12"/>
    </row>
    <row r="513562" spans="8:8">
      <c r="H513562" s="12"/>
    </row>
    <row r="513563" spans="8:8">
      <c r="H513563" s="12"/>
    </row>
    <row r="513564" spans="8:8">
      <c r="H513564" s="12"/>
    </row>
    <row r="513565" spans="8:8">
      <c r="H513565" s="12"/>
    </row>
    <row r="513566" spans="8:8">
      <c r="H513566" s="12"/>
    </row>
    <row r="513567" spans="8:8">
      <c r="H513567" s="12"/>
    </row>
    <row r="513568" spans="8:8">
      <c r="H513568" s="12"/>
    </row>
    <row r="513569" spans="8:8">
      <c r="H513569" s="12"/>
    </row>
    <row r="513570" spans="8:8">
      <c r="H513570" s="12"/>
    </row>
    <row r="513571" spans="8:8">
      <c r="H513571" s="12"/>
    </row>
    <row r="513572" spans="8:8">
      <c r="H513572" s="12"/>
    </row>
    <row r="513573" spans="8:8">
      <c r="H513573" s="12"/>
    </row>
    <row r="513574" spans="8:8">
      <c r="H513574" s="12"/>
    </row>
    <row r="513575" spans="8:8">
      <c r="H513575" s="12"/>
    </row>
    <row r="513576" spans="8:8">
      <c r="H513576" s="12"/>
    </row>
    <row r="513577" spans="8:8">
      <c r="H513577" s="12"/>
    </row>
    <row r="513578" spans="8:8">
      <c r="H513578" s="12"/>
    </row>
    <row r="513579" spans="8:8">
      <c r="H513579" s="12"/>
    </row>
    <row r="513580" spans="8:8">
      <c r="H513580" s="12"/>
    </row>
    <row r="513581" spans="8:8">
      <c r="H513581" s="12"/>
    </row>
    <row r="513582" spans="8:8">
      <c r="H513582" s="12"/>
    </row>
    <row r="513583" spans="8:8">
      <c r="H513583" s="12"/>
    </row>
    <row r="513584" spans="8:8">
      <c r="H513584" s="12"/>
    </row>
    <row r="513585" spans="8:8">
      <c r="H513585" s="12"/>
    </row>
    <row r="513586" spans="8:8">
      <c r="H513586" s="12"/>
    </row>
    <row r="513587" spans="8:8">
      <c r="H513587" s="12"/>
    </row>
    <row r="513588" spans="8:8">
      <c r="H513588" s="12"/>
    </row>
    <row r="513589" spans="8:8">
      <c r="H513589" s="12"/>
    </row>
    <row r="513590" spans="8:8">
      <c r="H513590" s="12"/>
    </row>
    <row r="513591" spans="8:8">
      <c r="H513591" s="12"/>
    </row>
    <row r="513592" spans="8:8">
      <c r="H513592" s="12"/>
    </row>
    <row r="513593" spans="8:8">
      <c r="H513593" s="12"/>
    </row>
    <row r="513594" spans="8:8">
      <c r="H513594" s="12"/>
    </row>
    <row r="513595" spans="8:8">
      <c r="H513595" s="12"/>
    </row>
    <row r="513596" spans="8:8">
      <c r="H513596" s="12"/>
    </row>
    <row r="513597" spans="8:8">
      <c r="H513597" s="12"/>
    </row>
    <row r="513598" spans="8:8">
      <c r="H513598" s="12"/>
    </row>
    <row r="513599" spans="8:8">
      <c r="H513599" s="12"/>
    </row>
    <row r="513600" spans="8:8">
      <c r="H513600" s="12"/>
    </row>
    <row r="513601" spans="8:8">
      <c r="H513601" s="12"/>
    </row>
    <row r="513602" spans="8:8">
      <c r="H513602" s="12"/>
    </row>
    <row r="513603" spans="8:8">
      <c r="H513603" s="12"/>
    </row>
    <row r="513604" spans="8:8">
      <c r="H513604" s="12"/>
    </row>
    <row r="513605" spans="8:8">
      <c r="H513605" s="12"/>
    </row>
    <row r="513606" spans="8:8">
      <c r="H513606" s="12"/>
    </row>
    <row r="513607" spans="8:8">
      <c r="H513607" s="12"/>
    </row>
    <row r="513608" spans="8:8">
      <c r="H513608" s="12"/>
    </row>
    <row r="513609" spans="8:8">
      <c r="H513609" s="12"/>
    </row>
    <row r="513610" spans="8:8">
      <c r="H513610" s="12"/>
    </row>
    <row r="513611" spans="8:8">
      <c r="H513611" s="12"/>
    </row>
    <row r="513612" spans="8:8">
      <c r="H513612" s="12"/>
    </row>
    <row r="513613" spans="8:8">
      <c r="H513613" s="12"/>
    </row>
    <row r="513614" spans="8:8">
      <c r="H513614" s="12"/>
    </row>
    <row r="513615" spans="8:8">
      <c r="H513615" s="12"/>
    </row>
    <row r="513616" spans="8:8">
      <c r="H513616" s="12"/>
    </row>
    <row r="513617" spans="8:8">
      <c r="H513617" s="12"/>
    </row>
    <row r="513618" spans="8:8">
      <c r="H513618" s="12"/>
    </row>
    <row r="513619" spans="8:8">
      <c r="H513619" s="12"/>
    </row>
    <row r="513620" spans="8:8">
      <c r="H513620" s="12"/>
    </row>
    <row r="513621" spans="8:8">
      <c r="H513621" s="12"/>
    </row>
    <row r="513622" spans="8:8">
      <c r="H513622" s="12"/>
    </row>
    <row r="513623" spans="8:8">
      <c r="H513623" s="12"/>
    </row>
    <row r="513624" spans="8:8">
      <c r="H513624" s="12"/>
    </row>
    <row r="513625" spans="8:8">
      <c r="H513625" s="12"/>
    </row>
    <row r="513626" spans="8:8">
      <c r="H513626" s="12"/>
    </row>
    <row r="513627" spans="8:8">
      <c r="H513627" s="12"/>
    </row>
    <row r="513628" spans="8:8">
      <c r="H513628" s="12"/>
    </row>
    <row r="513629" spans="8:8">
      <c r="H513629" s="12"/>
    </row>
    <row r="513630" spans="8:8">
      <c r="H513630" s="12"/>
    </row>
    <row r="513631" spans="8:8">
      <c r="H513631" s="12"/>
    </row>
    <row r="513632" spans="8:8">
      <c r="H513632" s="12"/>
    </row>
    <row r="513633" spans="8:8">
      <c r="H513633" s="12"/>
    </row>
    <row r="513634" spans="8:8">
      <c r="H513634" s="12"/>
    </row>
    <row r="513635" spans="8:8">
      <c r="H513635" s="12"/>
    </row>
    <row r="513636" spans="8:8">
      <c r="H513636" s="12"/>
    </row>
    <row r="513637" spans="8:8">
      <c r="H513637" s="12"/>
    </row>
    <row r="513638" spans="8:8">
      <c r="H513638" s="12"/>
    </row>
    <row r="513639" spans="8:8">
      <c r="H513639" s="12"/>
    </row>
    <row r="513640" spans="8:8">
      <c r="H513640" s="12"/>
    </row>
    <row r="513641" spans="8:8">
      <c r="H513641" s="12"/>
    </row>
    <row r="513642" spans="8:8">
      <c r="H513642" s="12"/>
    </row>
    <row r="513643" spans="8:8">
      <c r="H513643" s="12"/>
    </row>
    <row r="513644" spans="8:8">
      <c r="H513644" s="12"/>
    </row>
    <row r="513645" spans="8:8">
      <c r="H513645" s="12"/>
    </row>
    <row r="513646" spans="8:8">
      <c r="H513646" s="12"/>
    </row>
    <row r="513647" spans="8:8">
      <c r="H513647" s="12"/>
    </row>
    <row r="513648" spans="8:8">
      <c r="H513648" s="12"/>
    </row>
    <row r="513649" spans="8:8">
      <c r="H513649" s="12"/>
    </row>
    <row r="513650" spans="8:8">
      <c r="H513650" s="12"/>
    </row>
    <row r="513651" spans="8:8">
      <c r="H513651" s="12"/>
    </row>
    <row r="513652" spans="8:8">
      <c r="H513652" s="12"/>
    </row>
    <row r="513653" spans="8:8">
      <c r="H513653" s="12"/>
    </row>
    <row r="513654" spans="8:8">
      <c r="H513654" s="12"/>
    </row>
    <row r="513655" spans="8:8">
      <c r="H513655" s="12"/>
    </row>
    <row r="513656" spans="8:8">
      <c r="H513656" s="12"/>
    </row>
    <row r="513657" spans="8:8">
      <c r="H513657" s="12"/>
    </row>
    <row r="513658" spans="8:8">
      <c r="H513658" s="12"/>
    </row>
    <row r="513659" spans="8:8">
      <c r="H513659" s="12"/>
    </row>
    <row r="513660" spans="8:8">
      <c r="H513660" s="12"/>
    </row>
    <row r="513661" spans="8:8">
      <c r="H513661" s="12"/>
    </row>
    <row r="513662" spans="8:8">
      <c r="H513662" s="12"/>
    </row>
    <row r="513663" spans="8:8">
      <c r="H513663" s="12"/>
    </row>
    <row r="513664" spans="8:8">
      <c r="H513664" s="12"/>
    </row>
    <row r="513665" spans="8:8">
      <c r="H513665" s="12"/>
    </row>
    <row r="513666" spans="8:8">
      <c r="H513666" s="12"/>
    </row>
    <row r="513667" spans="8:8">
      <c r="H513667" s="12"/>
    </row>
    <row r="513668" spans="8:8">
      <c r="H513668" s="12"/>
    </row>
    <row r="513669" spans="8:8">
      <c r="H513669" s="12"/>
    </row>
    <row r="513670" spans="8:8">
      <c r="H513670" s="12"/>
    </row>
    <row r="513671" spans="8:8">
      <c r="H513671" s="12"/>
    </row>
    <row r="513672" spans="8:8">
      <c r="H513672" s="12"/>
    </row>
    <row r="513673" spans="8:8">
      <c r="H513673" s="12"/>
    </row>
    <row r="513674" spans="8:8">
      <c r="H513674" s="12"/>
    </row>
    <row r="513675" spans="8:8">
      <c r="H513675" s="12"/>
    </row>
    <row r="513676" spans="8:8">
      <c r="H513676" s="12"/>
    </row>
    <row r="513677" spans="8:8">
      <c r="H513677" s="12"/>
    </row>
    <row r="513678" spans="8:8">
      <c r="H513678" s="12"/>
    </row>
    <row r="513679" spans="8:8">
      <c r="H513679" s="12"/>
    </row>
    <row r="513680" spans="8:8">
      <c r="H513680" s="12"/>
    </row>
    <row r="513681" spans="8:8">
      <c r="H513681" s="12"/>
    </row>
    <row r="513682" spans="8:8">
      <c r="H513682" s="12"/>
    </row>
    <row r="513683" spans="8:8">
      <c r="H513683" s="12"/>
    </row>
    <row r="513684" spans="8:8">
      <c r="H513684" s="12"/>
    </row>
    <row r="513685" spans="8:8">
      <c r="H513685" s="12"/>
    </row>
    <row r="513686" spans="8:8">
      <c r="H513686" s="12"/>
    </row>
    <row r="513687" spans="8:8">
      <c r="H513687" s="12"/>
    </row>
    <row r="513688" spans="8:8">
      <c r="H513688" s="12"/>
    </row>
    <row r="513689" spans="8:8">
      <c r="H513689" s="12"/>
    </row>
    <row r="513690" spans="8:8">
      <c r="H513690" s="12"/>
    </row>
    <row r="513691" spans="8:8">
      <c r="H513691" s="12"/>
    </row>
    <row r="513692" spans="8:8">
      <c r="H513692" s="12"/>
    </row>
    <row r="513693" spans="8:8">
      <c r="H513693" s="12"/>
    </row>
    <row r="513694" spans="8:8">
      <c r="H513694" s="12"/>
    </row>
    <row r="513695" spans="8:8">
      <c r="H513695" s="12"/>
    </row>
    <row r="513696" spans="8:8">
      <c r="H513696" s="12"/>
    </row>
    <row r="513697" spans="8:8">
      <c r="H513697" s="12"/>
    </row>
    <row r="513698" spans="8:8">
      <c r="H513698" s="12"/>
    </row>
    <row r="513699" spans="8:8">
      <c r="H513699" s="12"/>
    </row>
    <row r="513700" spans="8:8">
      <c r="H513700" s="12"/>
    </row>
    <row r="513701" spans="8:8">
      <c r="H513701" s="12"/>
    </row>
    <row r="513702" spans="8:8">
      <c r="H513702" s="12"/>
    </row>
    <row r="513703" spans="8:8">
      <c r="H513703" s="12"/>
    </row>
    <row r="513704" spans="8:8">
      <c r="H513704" s="12"/>
    </row>
    <row r="513705" spans="8:8">
      <c r="H513705" s="12"/>
    </row>
    <row r="513706" spans="8:8">
      <c r="H513706" s="12"/>
    </row>
    <row r="513707" spans="8:8">
      <c r="H513707" s="12"/>
    </row>
    <row r="513708" spans="8:8">
      <c r="H513708" s="12"/>
    </row>
    <row r="513709" spans="8:8">
      <c r="H513709" s="12"/>
    </row>
    <row r="513710" spans="8:8">
      <c r="H513710" s="12"/>
    </row>
    <row r="513711" spans="8:8">
      <c r="H513711" s="12"/>
    </row>
    <row r="513712" spans="8:8">
      <c r="H513712" s="12"/>
    </row>
    <row r="513713" spans="8:8">
      <c r="H513713" s="12"/>
    </row>
    <row r="513714" spans="8:8">
      <c r="H513714" s="12"/>
    </row>
    <row r="513715" spans="8:8">
      <c r="H513715" s="12"/>
    </row>
    <row r="513716" spans="8:8">
      <c r="H513716" s="12"/>
    </row>
    <row r="513717" spans="8:8">
      <c r="H513717" s="12"/>
    </row>
    <row r="513718" spans="8:8">
      <c r="H513718" s="12"/>
    </row>
    <row r="513719" spans="8:8">
      <c r="H513719" s="12"/>
    </row>
    <row r="513720" spans="8:8">
      <c r="H513720" s="12"/>
    </row>
    <row r="513721" spans="8:8">
      <c r="H513721" s="12"/>
    </row>
    <row r="513722" spans="8:8">
      <c r="H513722" s="12"/>
    </row>
    <row r="513723" spans="8:8">
      <c r="H513723" s="12"/>
    </row>
    <row r="513724" spans="8:8">
      <c r="H513724" s="12"/>
    </row>
    <row r="513725" spans="8:8">
      <c r="H513725" s="12"/>
    </row>
    <row r="513726" spans="8:8">
      <c r="H513726" s="12"/>
    </row>
    <row r="513727" spans="8:8">
      <c r="H513727" s="12"/>
    </row>
    <row r="513728" spans="8:8">
      <c r="H513728" s="12"/>
    </row>
    <row r="513729" spans="8:8">
      <c r="H513729" s="12"/>
    </row>
    <row r="513730" spans="8:8">
      <c r="H513730" s="12"/>
    </row>
    <row r="513731" spans="8:8">
      <c r="H513731" s="12"/>
    </row>
    <row r="513732" spans="8:8">
      <c r="H513732" s="12"/>
    </row>
    <row r="513733" spans="8:8">
      <c r="H513733" s="12"/>
    </row>
    <row r="513734" spans="8:8">
      <c r="H513734" s="12"/>
    </row>
    <row r="513735" spans="8:8">
      <c r="H513735" s="12"/>
    </row>
    <row r="513736" spans="8:8">
      <c r="H513736" s="12"/>
    </row>
    <row r="513737" spans="8:8">
      <c r="H513737" s="12"/>
    </row>
    <row r="513738" spans="8:8">
      <c r="H513738" s="12"/>
    </row>
    <row r="513739" spans="8:8">
      <c r="H513739" s="12"/>
    </row>
    <row r="513740" spans="8:8">
      <c r="H513740" s="12"/>
    </row>
    <row r="513741" spans="8:8">
      <c r="H513741" s="12"/>
    </row>
    <row r="513742" spans="8:8">
      <c r="H513742" s="12"/>
    </row>
    <row r="513743" spans="8:8">
      <c r="H513743" s="12"/>
    </row>
    <row r="513744" spans="8:8">
      <c r="H513744" s="12"/>
    </row>
    <row r="513745" spans="8:8">
      <c r="H513745" s="12"/>
    </row>
    <row r="513746" spans="8:8">
      <c r="H513746" s="12"/>
    </row>
    <row r="513747" spans="8:8">
      <c r="H513747" s="12"/>
    </row>
    <row r="513748" spans="8:8">
      <c r="H513748" s="12"/>
    </row>
    <row r="513749" spans="8:8">
      <c r="H513749" s="12"/>
    </row>
    <row r="513750" spans="8:8">
      <c r="H513750" s="12"/>
    </row>
    <row r="513751" spans="8:8">
      <c r="H513751" s="12"/>
    </row>
    <row r="513752" spans="8:8">
      <c r="H513752" s="12"/>
    </row>
    <row r="513753" spans="8:8">
      <c r="H513753" s="12"/>
    </row>
    <row r="513754" spans="8:8">
      <c r="H513754" s="12"/>
    </row>
    <row r="513755" spans="8:8">
      <c r="H513755" s="12"/>
    </row>
    <row r="513756" spans="8:8">
      <c r="H513756" s="12"/>
    </row>
    <row r="513757" spans="8:8">
      <c r="H513757" s="12"/>
    </row>
    <row r="513758" spans="8:8">
      <c r="H513758" s="12"/>
    </row>
    <row r="513759" spans="8:8">
      <c r="H513759" s="12"/>
    </row>
    <row r="513760" spans="8:8">
      <c r="H513760" s="12"/>
    </row>
    <row r="513761" spans="8:8">
      <c r="H513761" s="12"/>
    </row>
    <row r="513762" spans="8:8">
      <c r="H513762" s="12"/>
    </row>
    <row r="513763" spans="8:8">
      <c r="H513763" s="12"/>
    </row>
    <row r="513764" spans="8:8">
      <c r="H513764" s="12"/>
    </row>
    <row r="513765" spans="8:8">
      <c r="H513765" s="12"/>
    </row>
    <row r="513766" spans="8:8">
      <c r="H513766" s="12"/>
    </row>
    <row r="513767" spans="8:8">
      <c r="H513767" s="12"/>
    </row>
    <row r="513768" spans="8:8">
      <c r="H513768" s="12"/>
    </row>
    <row r="513769" spans="8:8">
      <c r="H513769" s="12"/>
    </row>
    <row r="513770" spans="8:8">
      <c r="H513770" s="12"/>
    </row>
    <row r="513771" spans="8:8">
      <c r="H513771" s="12"/>
    </row>
    <row r="513772" spans="8:8">
      <c r="H513772" s="12"/>
    </row>
    <row r="513773" spans="8:8">
      <c r="H513773" s="12"/>
    </row>
    <row r="513774" spans="8:8">
      <c r="H513774" s="12"/>
    </row>
    <row r="513775" spans="8:8">
      <c r="H513775" s="12"/>
    </row>
    <row r="513776" spans="8:8">
      <c r="H513776" s="12"/>
    </row>
    <row r="513777" spans="8:8">
      <c r="H513777" s="12"/>
    </row>
    <row r="513778" spans="8:8">
      <c r="H513778" s="12"/>
    </row>
    <row r="513779" spans="8:8">
      <c r="H513779" s="12"/>
    </row>
    <row r="513780" spans="8:8">
      <c r="H513780" s="12"/>
    </row>
    <row r="513781" spans="8:8">
      <c r="H513781" s="12"/>
    </row>
    <row r="513782" spans="8:8">
      <c r="H513782" s="12"/>
    </row>
    <row r="513783" spans="8:8">
      <c r="H513783" s="12"/>
    </row>
    <row r="513784" spans="8:8">
      <c r="H513784" s="12"/>
    </row>
    <row r="513785" spans="8:8">
      <c r="H513785" s="12"/>
    </row>
    <row r="513786" spans="8:8">
      <c r="H513786" s="12"/>
    </row>
    <row r="513787" spans="8:8">
      <c r="H513787" s="12"/>
    </row>
    <row r="513788" spans="8:8">
      <c r="H513788" s="12"/>
    </row>
    <row r="513789" spans="8:8">
      <c r="H513789" s="12"/>
    </row>
    <row r="513790" spans="8:8">
      <c r="H513790" s="12"/>
    </row>
    <row r="513791" spans="8:8">
      <c r="H513791" s="12"/>
    </row>
    <row r="513792" spans="8:8">
      <c r="H513792" s="12"/>
    </row>
    <row r="513793" spans="8:8">
      <c r="H513793" s="12"/>
    </row>
    <row r="513794" spans="8:8">
      <c r="H513794" s="12"/>
    </row>
    <row r="513795" spans="8:8">
      <c r="H513795" s="12"/>
    </row>
    <row r="513796" spans="8:8">
      <c r="H513796" s="12"/>
    </row>
    <row r="513797" spans="8:8">
      <c r="H513797" s="12"/>
    </row>
    <row r="513798" spans="8:8">
      <c r="H513798" s="12"/>
    </row>
    <row r="513799" spans="8:8">
      <c r="H513799" s="12"/>
    </row>
    <row r="513800" spans="8:8">
      <c r="H513800" s="12"/>
    </row>
    <row r="513801" spans="8:8">
      <c r="H513801" s="12"/>
    </row>
    <row r="513802" spans="8:8">
      <c r="H513802" s="12"/>
    </row>
    <row r="513803" spans="8:8">
      <c r="H513803" s="12"/>
    </row>
    <row r="513804" spans="8:8">
      <c r="H513804" s="12"/>
    </row>
    <row r="513805" spans="8:8">
      <c r="H513805" s="12"/>
    </row>
    <row r="513806" spans="8:8">
      <c r="H513806" s="12"/>
    </row>
    <row r="513807" spans="8:8">
      <c r="H513807" s="12"/>
    </row>
    <row r="513808" spans="8:8">
      <c r="H513808" s="12"/>
    </row>
    <row r="513809" spans="8:8">
      <c r="H513809" s="12"/>
    </row>
    <row r="513810" spans="8:8">
      <c r="H513810" s="12"/>
    </row>
    <row r="513811" spans="8:8">
      <c r="H513811" s="12"/>
    </row>
    <row r="513812" spans="8:8">
      <c r="H513812" s="12"/>
    </row>
    <row r="513813" spans="8:8">
      <c r="H513813" s="12"/>
    </row>
    <row r="513814" spans="8:8">
      <c r="H513814" s="12"/>
    </row>
    <row r="513815" spans="8:8">
      <c r="H513815" s="12"/>
    </row>
    <row r="513816" spans="8:8">
      <c r="H513816" s="12"/>
    </row>
    <row r="513817" spans="8:8">
      <c r="H513817" s="12"/>
    </row>
    <row r="513818" spans="8:8">
      <c r="H513818" s="12"/>
    </row>
    <row r="513819" spans="8:8">
      <c r="H513819" s="12"/>
    </row>
    <row r="513820" spans="8:8">
      <c r="H513820" s="12"/>
    </row>
    <row r="513821" spans="8:8">
      <c r="H513821" s="12"/>
    </row>
    <row r="513822" spans="8:8">
      <c r="H513822" s="12"/>
    </row>
    <row r="513823" spans="8:8">
      <c r="H513823" s="12"/>
    </row>
    <row r="513824" spans="8:8">
      <c r="H513824" s="12"/>
    </row>
    <row r="513825" spans="8:8">
      <c r="H513825" s="12"/>
    </row>
    <row r="513826" spans="8:8">
      <c r="H513826" s="12"/>
    </row>
    <row r="513827" spans="8:8">
      <c r="H513827" s="12"/>
    </row>
    <row r="513828" spans="8:8">
      <c r="H513828" s="12"/>
    </row>
    <row r="513829" spans="8:8">
      <c r="H513829" s="12"/>
    </row>
    <row r="513830" spans="8:8">
      <c r="H513830" s="12"/>
    </row>
    <row r="513831" spans="8:8">
      <c r="H513831" s="12"/>
    </row>
    <row r="513832" spans="8:8">
      <c r="H513832" s="12"/>
    </row>
    <row r="513833" spans="8:8">
      <c r="H513833" s="12"/>
    </row>
    <row r="513834" spans="8:8">
      <c r="H513834" s="12"/>
    </row>
    <row r="513835" spans="8:8">
      <c r="H513835" s="12"/>
    </row>
    <row r="513836" spans="8:8">
      <c r="H513836" s="12"/>
    </row>
    <row r="513837" spans="8:8">
      <c r="H513837" s="12"/>
    </row>
    <row r="513838" spans="8:8">
      <c r="H513838" s="12"/>
    </row>
    <row r="513839" spans="8:8">
      <c r="H513839" s="12"/>
    </row>
    <row r="513840" spans="8:8">
      <c r="H513840" s="12"/>
    </row>
    <row r="513841" spans="8:8">
      <c r="H513841" s="12"/>
    </row>
    <row r="513842" spans="8:8">
      <c r="H513842" s="12"/>
    </row>
    <row r="513843" spans="8:8">
      <c r="H513843" s="12"/>
    </row>
    <row r="513844" spans="8:8">
      <c r="H513844" s="12"/>
    </row>
    <row r="513845" spans="8:8">
      <c r="H513845" s="12"/>
    </row>
    <row r="513846" spans="8:8">
      <c r="H513846" s="12"/>
    </row>
    <row r="513847" spans="8:8">
      <c r="H513847" s="12"/>
    </row>
    <row r="513848" spans="8:8">
      <c r="H513848" s="12"/>
    </row>
    <row r="513849" spans="8:8">
      <c r="H513849" s="12"/>
    </row>
    <row r="513850" spans="8:8">
      <c r="H513850" s="12"/>
    </row>
    <row r="513851" spans="8:8">
      <c r="H513851" s="12"/>
    </row>
    <row r="513852" spans="8:8">
      <c r="H513852" s="12"/>
    </row>
    <row r="513853" spans="8:8">
      <c r="H513853" s="12"/>
    </row>
    <row r="513854" spans="8:8">
      <c r="H513854" s="12"/>
    </row>
    <row r="513855" spans="8:8">
      <c r="H513855" s="12"/>
    </row>
    <row r="513856" spans="8:8">
      <c r="H513856" s="12"/>
    </row>
    <row r="513857" spans="8:8">
      <c r="H513857" s="12"/>
    </row>
    <row r="513858" spans="8:8">
      <c r="H513858" s="12"/>
    </row>
    <row r="513859" spans="8:8">
      <c r="H513859" s="12"/>
    </row>
    <row r="513860" spans="8:8">
      <c r="H513860" s="12"/>
    </row>
    <row r="513861" spans="8:8">
      <c r="H513861" s="12"/>
    </row>
    <row r="513862" spans="8:8">
      <c r="H513862" s="12"/>
    </row>
    <row r="513863" spans="8:8">
      <c r="H513863" s="12"/>
    </row>
    <row r="513864" spans="8:8">
      <c r="H513864" s="12"/>
    </row>
    <row r="513865" spans="8:8">
      <c r="H513865" s="12"/>
    </row>
    <row r="513866" spans="8:8">
      <c r="H513866" s="12"/>
    </row>
    <row r="513867" spans="8:8">
      <c r="H513867" s="12"/>
    </row>
    <row r="513868" spans="8:8">
      <c r="H513868" s="12"/>
    </row>
    <row r="513869" spans="8:8">
      <c r="H513869" s="12"/>
    </row>
    <row r="513870" spans="8:8">
      <c r="H513870" s="12"/>
    </row>
    <row r="513871" spans="8:8">
      <c r="H513871" s="12"/>
    </row>
    <row r="513872" spans="8:8">
      <c r="H513872" s="12"/>
    </row>
    <row r="513873" spans="8:8">
      <c r="H513873" s="12"/>
    </row>
    <row r="513874" spans="8:8">
      <c r="H513874" s="12"/>
    </row>
    <row r="513875" spans="8:8">
      <c r="H513875" s="12"/>
    </row>
    <row r="513876" spans="8:8">
      <c r="H513876" s="12"/>
    </row>
    <row r="513877" spans="8:8">
      <c r="H513877" s="12"/>
    </row>
    <row r="513878" spans="8:8">
      <c r="H513878" s="12"/>
    </row>
    <row r="513879" spans="8:8">
      <c r="H513879" s="12"/>
    </row>
    <row r="513880" spans="8:8">
      <c r="H513880" s="12"/>
    </row>
    <row r="513881" spans="8:8">
      <c r="H513881" s="12"/>
    </row>
    <row r="513882" spans="8:8">
      <c r="H513882" s="12"/>
    </row>
    <row r="513883" spans="8:8">
      <c r="H513883" s="12"/>
    </row>
    <row r="513884" spans="8:8">
      <c r="H513884" s="12"/>
    </row>
    <row r="513885" spans="8:8">
      <c r="H513885" s="12"/>
    </row>
    <row r="513886" spans="8:8">
      <c r="H513886" s="12"/>
    </row>
    <row r="513887" spans="8:8">
      <c r="H513887" s="12"/>
    </row>
    <row r="513888" spans="8:8">
      <c r="H513888" s="12"/>
    </row>
    <row r="513889" spans="8:8">
      <c r="H513889" s="12"/>
    </row>
    <row r="513890" spans="8:8">
      <c r="H513890" s="12"/>
    </row>
    <row r="513891" spans="8:8">
      <c r="H513891" s="12"/>
    </row>
    <row r="513892" spans="8:8">
      <c r="H513892" s="12"/>
    </row>
    <row r="513893" spans="8:8">
      <c r="H513893" s="12"/>
    </row>
    <row r="513894" spans="8:8">
      <c r="H513894" s="12"/>
    </row>
    <row r="513895" spans="8:8">
      <c r="H513895" s="12"/>
    </row>
    <row r="513896" spans="8:8">
      <c r="H513896" s="12"/>
    </row>
    <row r="513897" spans="8:8">
      <c r="H513897" s="12"/>
    </row>
    <row r="513898" spans="8:8">
      <c r="H513898" s="12"/>
    </row>
    <row r="513899" spans="8:8">
      <c r="H513899" s="12"/>
    </row>
    <row r="513900" spans="8:8">
      <c r="H513900" s="12"/>
    </row>
    <row r="513901" spans="8:8">
      <c r="H513901" s="12"/>
    </row>
    <row r="513902" spans="8:8">
      <c r="H513902" s="12"/>
    </row>
    <row r="513903" spans="8:8">
      <c r="H513903" s="12"/>
    </row>
    <row r="513904" spans="8:8">
      <c r="H513904" s="12"/>
    </row>
    <row r="513905" spans="8:8">
      <c r="H513905" s="12"/>
    </row>
    <row r="513906" spans="8:8">
      <c r="H513906" s="12"/>
    </row>
    <row r="513907" spans="8:8">
      <c r="H513907" s="12"/>
    </row>
    <row r="513908" spans="8:8">
      <c r="H513908" s="12"/>
    </row>
    <row r="513909" spans="8:8">
      <c r="H513909" s="12"/>
    </row>
    <row r="513910" spans="8:8">
      <c r="H513910" s="12"/>
    </row>
    <row r="513911" spans="8:8">
      <c r="H513911" s="12"/>
    </row>
    <row r="513912" spans="8:8">
      <c r="H513912" s="12"/>
    </row>
    <row r="513913" spans="8:8">
      <c r="H513913" s="12"/>
    </row>
    <row r="513914" spans="8:8">
      <c r="H513914" s="12"/>
    </row>
    <row r="513915" spans="8:8">
      <c r="H513915" s="12"/>
    </row>
    <row r="513916" spans="8:8">
      <c r="H513916" s="12"/>
    </row>
    <row r="513917" spans="8:8">
      <c r="H513917" s="12"/>
    </row>
    <row r="513918" spans="8:8">
      <c r="H513918" s="12"/>
    </row>
    <row r="513919" spans="8:8">
      <c r="H513919" s="12"/>
    </row>
    <row r="513920" spans="8:8">
      <c r="H513920" s="12"/>
    </row>
    <row r="513921" spans="8:8">
      <c r="H513921" s="12"/>
    </row>
    <row r="513922" spans="8:8">
      <c r="H513922" s="12"/>
    </row>
    <row r="513923" spans="8:8">
      <c r="H513923" s="12"/>
    </row>
    <row r="513924" spans="8:8">
      <c r="H513924" s="12"/>
    </row>
    <row r="513925" spans="8:8">
      <c r="H513925" s="12"/>
    </row>
    <row r="513926" spans="8:8">
      <c r="H513926" s="12"/>
    </row>
    <row r="513927" spans="8:8">
      <c r="H513927" s="12"/>
    </row>
    <row r="513928" spans="8:8">
      <c r="H513928" s="12"/>
    </row>
    <row r="513929" spans="8:8">
      <c r="H513929" s="12"/>
    </row>
    <row r="513930" spans="8:8">
      <c r="H513930" s="12"/>
    </row>
    <row r="513931" spans="8:8">
      <c r="H513931" s="12"/>
    </row>
    <row r="513932" spans="8:8">
      <c r="H513932" s="12"/>
    </row>
    <row r="513933" spans="8:8">
      <c r="H513933" s="12"/>
    </row>
    <row r="513934" spans="8:8">
      <c r="H513934" s="12"/>
    </row>
    <row r="513935" spans="8:8">
      <c r="H513935" s="12"/>
    </row>
    <row r="513936" spans="8:8">
      <c r="H513936" s="12"/>
    </row>
    <row r="513937" spans="8:8">
      <c r="H513937" s="12"/>
    </row>
    <row r="513938" spans="8:8">
      <c r="H513938" s="12"/>
    </row>
    <row r="513939" spans="8:8">
      <c r="H513939" s="12"/>
    </row>
    <row r="513940" spans="8:8">
      <c r="H513940" s="12"/>
    </row>
    <row r="513941" spans="8:8">
      <c r="H513941" s="12"/>
    </row>
    <row r="513942" spans="8:8">
      <c r="H513942" s="12"/>
    </row>
    <row r="513943" spans="8:8">
      <c r="H513943" s="12"/>
    </row>
    <row r="513944" spans="8:8">
      <c r="H513944" s="12"/>
    </row>
    <row r="513945" spans="8:8">
      <c r="H513945" s="12"/>
    </row>
    <row r="513946" spans="8:8">
      <c r="H513946" s="12"/>
    </row>
    <row r="513947" spans="8:8">
      <c r="H513947" s="12"/>
    </row>
    <row r="513948" spans="8:8">
      <c r="H513948" s="12"/>
    </row>
    <row r="513949" spans="8:8">
      <c r="H513949" s="12"/>
    </row>
    <row r="513950" spans="8:8">
      <c r="H513950" s="12"/>
    </row>
    <row r="513951" spans="8:8">
      <c r="H513951" s="12"/>
    </row>
    <row r="513952" spans="8:8">
      <c r="H513952" s="12"/>
    </row>
    <row r="513953" spans="8:8">
      <c r="H513953" s="12"/>
    </row>
    <row r="513954" spans="8:8">
      <c r="H513954" s="12"/>
    </row>
    <row r="513955" spans="8:8">
      <c r="H513955" s="12"/>
    </row>
    <row r="513956" spans="8:8">
      <c r="H513956" s="12"/>
    </row>
    <row r="513957" spans="8:8">
      <c r="H513957" s="12"/>
    </row>
    <row r="513958" spans="8:8">
      <c r="H513958" s="12"/>
    </row>
    <row r="513959" spans="8:8">
      <c r="H513959" s="12"/>
    </row>
    <row r="513960" spans="8:8">
      <c r="H513960" s="12"/>
    </row>
    <row r="513961" spans="8:8">
      <c r="H513961" s="12"/>
    </row>
    <row r="513962" spans="8:8">
      <c r="H513962" s="12"/>
    </row>
    <row r="513963" spans="8:8">
      <c r="H513963" s="12"/>
    </row>
    <row r="513964" spans="8:8">
      <c r="H513964" s="12"/>
    </row>
    <row r="513965" spans="8:8">
      <c r="H513965" s="12"/>
    </row>
    <row r="513966" spans="8:8">
      <c r="H513966" s="12"/>
    </row>
    <row r="513967" spans="8:8">
      <c r="H513967" s="12"/>
    </row>
    <row r="513968" spans="8:8">
      <c r="H513968" s="12"/>
    </row>
    <row r="513969" spans="8:8">
      <c r="H513969" s="12"/>
    </row>
    <row r="513970" spans="8:8">
      <c r="H513970" s="12"/>
    </row>
    <row r="513971" spans="8:8">
      <c r="H513971" s="12"/>
    </row>
    <row r="513972" spans="8:8">
      <c r="H513972" s="12"/>
    </row>
    <row r="513973" spans="8:8">
      <c r="H513973" s="12"/>
    </row>
    <row r="513974" spans="8:8">
      <c r="H513974" s="12"/>
    </row>
    <row r="513975" spans="8:8">
      <c r="H513975" s="12"/>
    </row>
    <row r="513976" spans="8:8">
      <c r="H513976" s="12"/>
    </row>
    <row r="513977" spans="8:8">
      <c r="H513977" s="12"/>
    </row>
    <row r="513978" spans="8:8">
      <c r="H513978" s="12"/>
    </row>
    <row r="513979" spans="8:8">
      <c r="H513979" s="12"/>
    </row>
    <row r="513980" spans="8:8">
      <c r="H513980" s="12"/>
    </row>
    <row r="513981" spans="8:8">
      <c r="H513981" s="12"/>
    </row>
    <row r="513982" spans="8:8">
      <c r="H513982" s="12"/>
    </row>
    <row r="513983" spans="8:8">
      <c r="H513983" s="12"/>
    </row>
    <row r="513984" spans="8:8">
      <c r="H513984" s="12"/>
    </row>
    <row r="513985" spans="8:8">
      <c r="H513985" s="12"/>
    </row>
    <row r="513986" spans="8:8">
      <c r="H513986" s="12"/>
    </row>
    <row r="513987" spans="8:8">
      <c r="H513987" s="12"/>
    </row>
    <row r="513988" spans="8:8">
      <c r="H513988" s="12"/>
    </row>
    <row r="513989" spans="8:8">
      <c r="H513989" s="12"/>
    </row>
    <row r="513990" spans="8:8">
      <c r="H513990" s="12"/>
    </row>
    <row r="513991" spans="8:8">
      <c r="H513991" s="12"/>
    </row>
    <row r="513992" spans="8:8">
      <c r="H513992" s="12"/>
    </row>
    <row r="513993" spans="8:8">
      <c r="H513993" s="12"/>
    </row>
    <row r="513994" spans="8:8">
      <c r="H513994" s="12"/>
    </row>
    <row r="513995" spans="8:8">
      <c r="H513995" s="12"/>
    </row>
    <row r="513996" spans="8:8">
      <c r="H513996" s="12"/>
    </row>
    <row r="513997" spans="8:8">
      <c r="H513997" s="12"/>
    </row>
    <row r="513998" spans="8:8">
      <c r="H513998" s="12"/>
    </row>
    <row r="513999" spans="8:8">
      <c r="H513999" s="12"/>
    </row>
    <row r="514000" spans="8:8">
      <c r="H514000" s="12"/>
    </row>
    <row r="514001" spans="8:8">
      <c r="H514001" s="12"/>
    </row>
    <row r="514002" spans="8:8">
      <c r="H514002" s="12"/>
    </row>
    <row r="514003" spans="8:8">
      <c r="H514003" s="12"/>
    </row>
    <row r="514004" spans="8:8">
      <c r="H514004" s="12"/>
    </row>
    <row r="514005" spans="8:8">
      <c r="H514005" s="12"/>
    </row>
    <row r="514006" spans="8:8">
      <c r="H514006" s="12"/>
    </row>
    <row r="514007" spans="8:8">
      <c r="H514007" s="12"/>
    </row>
    <row r="514008" spans="8:8">
      <c r="H514008" s="12"/>
    </row>
    <row r="514009" spans="8:8">
      <c r="H514009" s="12"/>
    </row>
    <row r="514010" spans="8:8">
      <c r="H514010" s="12"/>
    </row>
    <row r="514011" spans="8:8">
      <c r="H514011" s="12"/>
    </row>
    <row r="514012" spans="8:8">
      <c r="H514012" s="12"/>
    </row>
    <row r="514013" spans="8:8">
      <c r="H514013" s="12"/>
    </row>
    <row r="514014" spans="8:8">
      <c r="H514014" s="12"/>
    </row>
    <row r="514015" spans="8:8">
      <c r="H514015" s="12"/>
    </row>
    <row r="514016" spans="8:8">
      <c r="H514016" s="12"/>
    </row>
    <row r="514017" spans="8:8">
      <c r="H514017" s="12"/>
    </row>
    <row r="514018" spans="8:8">
      <c r="H514018" s="12"/>
    </row>
    <row r="514019" spans="8:8">
      <c r="H514019" s="12"/>
    </row>
    <row r="514020" spans="8:8">
      <c r="H514020" s="12"/>
    </row>
    <row r="514021" spans="8:8">
      <c r="H514021" s="12"/>
    </row>
    <row r="514022" spans="8:8">
      <c r="H514022" s="12"/>
    </row>
    <row r="514023" spans="8:8">
      <c r="H514023" s="12"/>
    </row>
    <row r="514024" spans="8:8">
      <c r="H514024" s="12"/>
    </row>
    <row r="514025" spans="8:8">
      <c r="H514025" s="12"/>
    </row>
    <row r="514026" spans="8:8">
      <c r="H514026" s="12"/>
    </row>
    <row r="514027" spans="8:8">
      <c r="H514027" s="12"/>
    </row>
    <row r="514028" spans="8:8">
      <c r="H514028" s="12"/>
    </row>
    <row r="514029" spans="8:8">
      <c r="H514029" s="12"/>
    </row>
    <row r="514030" spans="8:8">
      <c r="H514030" s="12"/>
    </row>
    <row r="514031" spans="8:8">
      <c r="H514031" s="12"/>
    </row>
    <row r="514032" spans="8:8">
      <c r="H514032" s="12"/>
    </row>
    <row r="514033" spans="8:8">
      <c r="H514033" s="12"/>
    </row>
    <row r="514034" spans="8:8">
      <c r="H514034" s="12"/>
    </row>
    <row r="514035" spans="8:8">
      <c r="H514035" s="12"/>
    </row>
    <row r="514036" spans="8:8">
      <c r="H514036" s="12"/>
    </row>
    <row r="514037" spans="8:8">
      <c r="H514037" s="12"/>
    </row>
    <row r="514038" spans="8:8">
      <c r="H514038" s="12"/>
    </row>
    <row r="514039" spans="8:8">
      <c r="H514039" s="12"/>
    </row>
    <row r="514040" spans="8:8">
      <c r="H514040" s="12"/>
    </row>
    <row r="514041" spans="8:8">
      <c r="H514041" s="12"/>
    </row>
    <row r="514042" spans="8:8">
      <c r="H514042" s="12"/>
    </row>
    <row r="514043" spans="8:8">
      <c r="H514043" s="12"/>
    </row>
    <row r="514044" spans="8:8">
      <c r="H514044" s="12"/>
    </row>
    <row r="514045" spans="8:8">
      <c r="H514045" s="12"/>
    </row>
    <row r="514046" spans="8:8">
      <c r="H514046" s="12"/>
    </row>
    <row r="514047" spans="8:8">
      <c r="H514047" s="12"/>
    </row>
    <row r="514048" spans="8:8">
      <c r="H514048" s="12"/>
    </row>
    <row r="514049" spans="8:8">
      <c r="H514049" s="12"/>
    </row>
    <row r="514050" spans="8:8">
      <c r="H514050" s="12"/>
    </row>
    <row r="514051" spans="8:8">
      <c r="H514051" s="12"/>
    </row>
    <row r="514052" spans="8:8">
      <c r="H514052" s="12"/>
    </row>
    <row r="514053" spans="8:8">
      <c r="H514053" s="12"/>
    </row>
    <row r="514054" spans="8:8">
      <c r="H514054" s="12"/>
    </row>
    <row r="514055" spans="8:8">
      <c r="H514055" s="12"/>
    </row>
    <row r="514056" spans="8:8">
      <c r="H514056" s="12"/>
    </row>
    <row r="514057" spans="8:8">
      <c r="H514057" s="12"/>
    </row>
    <row r="514058" spans="8:8">
      <c r="H514058" s="12"/>
    </row>
    <row r="514059" spans="8:8">
      <c r="H514059" s="12"/>
    </row>
    <row r="514060" spans="8:8">
      <c r="H514060" s="12"/>
    </row>
    <row r="514061" spans="8:8">
      <c r="H514061" s="12"/>
    </row>
    <row r="514062" spans="8:8">
      <c r="H514062" s="12"/>
    </row>
    <row r="514063" spans="8:8">
      <c r="H514063" s="12"/>
    </row>
    <row r="514064" spans="8:8">
      <c r="H514064" s="12"/>
    </row>
    <row r="514065" spans="8:8">
      <c r="H514065" s="12"/>
    </row>
    <row r="514066" spans="8:8">
      <c r="H514066" s="12"/>
    </row>
    <row r="514067" spans="8:8">
      <c r="H514067" s="12"/>
    </row>
    <row r="514068" spans="8:8">
      <c r="H514068" s="12"/>
    </row>
    <row r="514069" spans="8:8">
      <c r="H514069" s="12"/>
    </row>
    <row r="514070" spans="8:8">
      <c r="H514070" s="12"/>
    </row>
    <row r="514071" spans="8:8">
      <c r="H514071" s="12"/>
    </row>
    <row r="514072" spans="8:8">
      <c r="H514072" s="12"/>
    </row>
    <row r="514073" spans="8:8">
      <c r="H514073" s="12"/>
    </row>
    <row r="514074" spans="8:8">
      <c r="H514074" s="12"/>
    </row>
    <row r="514075" spans="8:8">
      <c r="H514075" s="12"/>
    </row>
    <row r="514076" spans="8:8">
      <c r="H514076" s="12"/>
    </row>
    <row r="514077" spans="8:8">
      <c r="H514077" s="12"/>
    </row>
    <row r="514078" spans="8:8">
      <c r="H514078" s="12"/>
    </row>
    <row r="514079" spans="8:8">
      <c r="H514079" s="12"/>
    </row>
    <row r="514080" spans="8:8">
      <c r="H514080" s="12"/>
    </row>
    <row r="514081" spans="8:8">
      <c r="H514081" s="12"/>
    </row>
    <row r="514082" spans="8:8">
      <c r="H514082" s="12"/>
    </row>
    <row r="514083" spans="8:8">
      <c r="H514083" s="12"/>
    </row>
    <row r="514084" spans="8:8">
      <c r="H514084" s="12"/>
    </row>
    <row r="514085" spans="8:8">
      <c r="H514085" s="12"/>
    </row>
    <row r="514086" spans="8:8">
      <c r="H514086" s="12"/>
    </row>
    <row r="514087" spans="8:8">
      <c r="H514087" s="12"/>
    </row>
    <row r="514088" spans="8:8">
      <c r="H514088" s="12"/>
    </row>
    <row r="514089" spans="8:8">
      <c r="H514089" s="12"/>
    </row>
    <row r="514090" spans="8:8">
      <c r="H514090" s="12"/>
    </row>
    <row r="514091" spans="8:8">
      <c r="H514091" s="12"/>
    </row>
    <row r="514092" spans="8:8">
      <c r="H514092" s="12"/>
    </row>
    <row r="514093" spans="8:8">
      <c r="H514093" s="12"/>
    </row>
    <row r="514094" spans="8:8">
      <c r="H514094" s="12"/>
    </row>
    <row r="514095" spans="8:8">
      <c r="H514095" s="12"/>
    </row>
    <row r="514096" spans="8:8">
      <c r="H514096" s="12"/>
    </row>
    <row r="514097" spans="8:8">
      <c r="H514097" s="12"/>
    </row>
    <row r="514098" spans="8:8">
      <c r="H514098" s="12"/>
    </row>
    <row r="514099" spans="8:8">
      <c r="H514099" s="12"/>
    </row>
    <row r="514100" spans="8:8">
      <c r="H514100" s="12"/>
    </row>
    <row r="514101" spans="8:8">
      <c r="H514101" s="12"/>
    </row>
    <row r="514102" spans="8:8">
      <c r="H514102" s="12"/>
    </row>
    <row r="514103" spans="8:8">
      <c r="H514103" s="12"/>
    </row>
    <row r="514104" spans="8:8">
      <c r="H514104" s="12"/>
    </row>
    <row r="514105" spans="8:8">
      <c r="H514105" s="12"/>
    </row>
    <row r="514106" spans="8:8">
      <c r="H514106" s="12"/>
    </row>
    <row r="514107" spans="8:8">
      <c r="H514107" s="12"/>
    </row>
    <row r="514108" spans="8:8">
      <c r="H514108" s="12"/>
    </row>
    <row r="514109" spans="8:8">
      <c r="H514109" s="12"/>
    </row>
    <row r="514110" spans="8:8">
      <c r="H514110" s="12"/>
    </row>
    <row r="514111" spans="8:8">
      <c r="H514111" s="12"/>
    </row>
    <row r="514112" spans="8:8">
      <c r="H514112" s="12"/>
    </row>
    <row r="514113" spans="8:8">
      <c r="H514113" s="12"/>
    </row>
    <row r="514114" spans="8:8">
      <c r="H514114" s="12"/>
    </row>
    <row r="514115" spans="8:8">
      <c r="H514115" s="12"/>
    </row>
    <row r="514116" spans="8:8">
      <c r="H514116" s="12"/>
    </row>
    <row r="514117" spans="8:8">
      <c r="H514117" s="12"/>
    </row>
    <row r="514118" spans="8:8">
      <c r="H514118" s="12"/>
    </row>
    <row r="514119" spans="8:8">
      <c r="H514119" s="12"/>
    </row>
    <row r="514120" spans="8:8">
      <c r="H514120" s="12"/>
    </row>
    <row r="514121" spans="8:8">
      <c r="H514121" s="12"/>
    </row>
    <row r="514122" spans="8:8">
      <c r="H514122" s="12"/>
    </row>
    <row r="514123" spans="8:8">
      <c r="H514123" s="12"/>
    </row>
    <row r="514124" spans="8:8">
      <c r="H514124" s="12"/>
    </row>
    <row r="514125" spans="8:8">
      <c r="H514125" s="12"/>
    </row>
    <row r="514126" spans="8:8">
      <c r="H514126" s="12"/>
    </row>
    <row r="514127" spans="8:8">
      <c r="H514127" s="12"/>
    </row>
    <row r="514128" spans="8:8">
      <c r="H514128" s="12"/>
    </row>
    <row r="514129" spans="8:8">
      <c r="H514129" s="12"/>
    </row>
    <row r="514130" spans="8:8">
      <c r="H514130" s="12"/>
    </row>
    <row r="514131" spans="8:8">
      <c r="H514131" s="12"/>
    </row>
    <row r="514132" spans="8:8">
      <c r="H514132" s="12"/>
    </row>
    <row r="514133" spans="8:8">
      <c r="H514133" s="12"/>
    </row>
    <row r="514134" spans="8:8">
      <c r="H514134" s="12"/>
    </row>
    <row r="514135" spans="8:8">
      <c r="H514135" s="12"/>
    </row>
    <row r="514136" spans="8:8">
      <c r="H514136" s="12"/>
    </row>
    <row r="514137" spans="8:8">
      <c r="H514137" s="12"/>
    </row>
    <row r="514138" spans="8:8">
      <c r="H514138" s="12"/>
    </row>
    <row r="514139" spans="8:8">
      <c r="H514139" s="12"/>
    </row>
    <row r="514140" spans="8:8">
      <c r="H514140" s="12"/>
    </row>
    <row r="514141" spans="8:8">
      <c r="H514141" s="12"/>
    </row>
    <row r="514142" spans="8:8">
      <c r="H514142" s="12"/>
    </row>
    <row r="514143" spans="8:8">
      <c r="H514143" s="12"/>
    </row>
    <row r="514144" spans="8:8">
      <c r="H514144" s="12"/>
    </row>
    <row r="514145" spans="8:8">
      <c r="H514145" s="12"/>
    </row>
    <row r="514146" spans="8:8">
      <c r="H514146" s="12"/>
    </row>
    <row r="514147" spans="8:8">
      <c r="H514147" s="12"/>
    </row>
    <row r="514148" spans="8:8">
      <c r="H514148" s="12"/>
    </row>
    <row r="514149" spans="8:8">
      <c r="H514149" s="12"/>
    </row>
    <row r="514150" spans="8:8">
      <c r="H514150" s="12"/>
    </row>
    <row r="514151" spans="8:8">
      <c r="H514151" s="12"/>
    </row>
    <row r="514152" spans="8:8">
      <c r="H514152" s="12"/>
    </row>
    <row r="514153" spans="8:8">
      <c r="H514153" s="12"/>
    </row>
    <row r="514154" spans="8:8">
      <c r="H514154" s="12"/>
    </row>
    <row r="514155" spans="8:8">
      <c r="H514155" s="12"/>
    </row>
    <row r="514156" spans="8:8">
      <c r="H514156" s="12"/>
    </row>
    <row r="514157" spans="8:8">
      <c r="H514157" s="12"/>
    </row>
    <row r="514158" spans="8:8">
      <c r="H514158" s="12"/>
    </row>
    <row r="514159" spans="8:8">
      <c r="H514159" s="12"/>
    </row>
    <row r="514160" spans="8:8">
      <c r="H514160" s="12"/>
    </row>
    <row r="514161" spans="8:8">
      <c r="H514161" s="12"/>
    </row>
    <row r="514162" spans="8:8">
      <c r="H514162" s="12"/>
    </row>
    <row r="514163" spans="8:8">
      <c r="H514163" s="12"/>
    </row>
    <row r="514164" spans="8:8">
      <c r="H514164" s="12"/>
    </row>
    <row r="514165" spans="8:8">
      <c r="H514165" s="12"/>
    </row>
    <row r="514166" spans="8:8">
      <c r="H514166" s="12"/>
    </row>
    <row r="514167" spans="8:8">
      <c r="H514167" s="12"/>
    </row>
    <row r="514168" spans="8:8">
      <c r="H514168" s="12"/>
    </row>
    <row r="514169" spans="8:8">
      <c r="H514169" s="12"/>
    </row>
    <row r="514170" spans="8:8">
      <c r="H514170" s="12"/>
    </row>
    <row r="514171" spans="8:8">
      <c r="H514171" s="12"/>
    </row>
    <row r="514172" spans="8:8">
      <c r="H514172" s="12"/>
    </row>
    <row r="514173" spans="8:8">
      <c r="H514173" s="12"/>
    </row>
    <row r="514174" spans="8:8">
      <c r="H514174" s="12"/>
    </row>
    <row r="514175" spans="8:8">
      <c r="H514175" s="12"/>
    </row>
    <row r="514176" spans="8:8">
      <c r="H514176" s="12"/>
    </row>
    <row r="514177" spans="8:8">
      <c r="H514177" s="12"/>
    </row>
    <row r="514178" spans="8:8">
      <c r="H514178" s="12"/>
    </row>
    <row r="514179" spans="8:8">
      <c r="H514179" s="12"/>
    </row>
    <row r="514180" spans="8:8">
      <c r="H514180" s="12"/>
    </row>
    <row r="514181" spans="8:8">
      <c r="H514181" s="12"/>
    </row>
    <row r="514182" spans="8:8">
      <c r="H514182" s="12"/>
    </row>
    <row r="514183" spans="8:8">
      <c r="H514183" s="12"/>
    </row>
    <row r="514184" spans="8:8">
      <c r="H514184" s="12"/>
    </row>
    <row r="514185" spans="8:8">
      <c r="H514185" s="12"/>
    </row>
    <row r="514186" spans="8:8">
      <c r="H514186" s="12"/>
    </row>
    <row r="514187" spans="8:8">
      <c r="H514187" s="12"/>
    </row>
    <row r="514188" spans="8:8">
      <c r="H514188" s="12"/>
    </row>
    <row r="514189" spans="8:8">
      <c r="H514189" s="12"/>
    </row>
    <row r="514190" spans="8:8">
      <c r="H514190" s="12"/>
    </row>
    <row r="514191" spans="8:8">
      <c r="H514191" s="12"/>
    </row>
    <row r="514192" spans="8:8">
      <c r="H514192" s="12"/>
    </row>
    <row r="514193" spans="8:8">
      <c r="H514193" s="12"/>
    </row>
    <row r="514194" spans="8:8">
      <c r="H514194" s="12"/>
    </row>
    <row r="514195" spans="8:8">
      <c r="H514195" s="12"/>
    </row>
    <row r="514196" spans="8:8">
      <c r="H514196" s="12"/>
    </row>
    <row r="514197" spans="8:8">
      <c r="H514197" s="12"/>
    </row>
    <row r="514198" spans="8:8">
      <c r="H514198" s="12"/>
    </row>
    <row r="514199" spans="8:8">
      <c r="H514199" s="12"/>
    </row>
    <row r="514200" spans="8:8">
      <c r="H514200" s="12"/>
    </row>
    <row r="514201" spans="8:8">
      <c r="H514201" s="12"/>
    </row>
    <row r="514202" spans="8:8">
      <c r="H514202" s="12"/>
    </row>
    <row r="514203" spans="8:8">
      <c r="H514203" s="12"/>
    </row>
    <row r="514204" spans="8:8">
      <c r="H514204" s="12"/>
    </row>
    <row r="514205" spans="8:8">
      <c r="H514205" s="12"/>
    </row>
    <row r="514206" spans="8:8">
      <c r="H514206" s="12"/>
    </row>
    <row r="514207" spans="8:8">
      <c r="H514207" s="12"/>
    </row>
    <row r="514208" spans="8:8">
      <c r="H514208" s="12"/>
    </row>
    <row r="514209" spans="8:8">
      <c r="H514209" s="12"/>
    </row>
    <row r="514210" spans="8:8">
      <c r="H514210" s="12"/>
    </row>
    <row r="514211" spans="8:8">
      <c r="H514211" s="12"/>
    </row>
    <row r="514212" spans="8:8">
      <c r="H514212" s="12"/>
    </row>
    <row r="514213" spans="8:8">
      <c r="H514213" s="12"/>
    </row>
    <row r="514214" spans="8:8">
      <c r="H514214" s="12"/>
    </row>
    <row r="514215" spans="8:8">
      <c r="H514215" s="12"/>
    </row>
    <row r="514216" spans="8:8">
      <c r="H514216" s="12"/>
    </row>
    <row r="514217" spans="8:8">
      <c r="H514217" s="12"/>
    </row>
    <row r="514218" spans="8:8">
      <c r="H514218" s="12"/>
    </row>
    <row r="514219" spans="8:8">
      <c r="H514219" s="12"/>
    </row>
    <row r="514220" spans="8:8">
      <c r="H514220" s="12"/>
    </row>
    <row r="514221" spans="8:8">
      <c r="H514221" s="12"/>
    </row>
    <row r="514222" spans="8:8">
      <c r="H514222" s="12"/>
    </row>
    <row r="514223" spans="8:8">
      <c r="H514223" s="12"/>
    </row>
    <row r="514224" spans="8:8">
      <c r="H514224" s="12"/>
    </row>
    <row r="514225" spans="8:8">
      <c r="H514225" s="12"/>
    </row>
    <row r="514226" spans="8:8">
      <c r="H514226" s="12"/>
    </row>
    <row r="514227" spans="8:8">
      <c r="H514227" s="12"/>
    </row>
    <row r="514228" spans="8:8">
      <c r="H514228" s="12"/>
    </row>
    <row r="514229" spans="8:8">
      <c r="H514229" s="12"/>
    </row>
    <row r="514230" spans="8:8">
      <c r="H514230" s="12"/>
    </row>
    <row r="514231" spans="8:8">
      <c r="H514231" s="12"/>
    </row>
    <row r="514232" spans="8:8">
      <c r="H514232" s="12"/>
    </row>
    <row r="514233" spans="8:8">
      <c r="H514233" s="12"/>
    </row>
    <row r="514234" spans="8:8">
      <c r="H514234" s="12"/>
    </row>
    <row r="514235" spans="8:8">
      <c r="H514235" s="12"/>
    </row>
    <row r="514236" spans="8:8">
      <c r="H514236" s="12"/>
    </row>
    <row r="514237" spans="8:8">
      <c r="H514237" s="12"/>
    </row>
    <row r="514238" spans="8:8">
      <c r="H514238" s="12"/>
    </row>
    <row r="514239" spans="8:8">
      <c r="H514239" s="12"/>
    </row>
    <row r="514240" spans="8:8">
      <c r="H514240" s="12"/>
    </row>
    <row r="514241" spans="8:8">
      <c r="H514241" s="12"/>
    </row>
    <row r="514242" spans="8:8">
      <c r="H514242" s="12"/>
    </row>
    <row r="514243" spans="8:8">
      <c r="H514243" s="12"/>
    </row>
    <row r="514244" spans="8:8">
      <c r="H514244" s="12"/>
    </row>
    <row r="514245" spans="8:8">
      <c r="H514245" s="12"/>
    </row>
    <row r="514246" spans="8:8">
      <c r="H514246" s="12"/>
    </row>
    <row r="514247" spans="8:8">
      <c r="H514247" s="12"/>
    </row>
    <row r="514248" spans="8:8">
      <c r="H514248" s="12"/>
    </row>
    <row r="514249" spans="8:8">
      <c r="H514249" s="12"/>
    </row>
    <row r="514250" spans="8:8">
      <c r="H514250" s="12"/>
    </row>
    <row r="514251" spans="8:8">
      <c r="H514251" s="12"/>
    </row>
    <row r="514252" spans="8:8">
      <c r="H514252" s="12"/>
    </row>
    <row r="514253" spans="8:8">
      <c r="H514253" s="12"/>
    </row>
    <row r="514254" spans="8:8">
      <c r="H514254" s="12"/>
    </row>
    <row r="514255" spans="8:8">
      <c r="H514255" s="12"/>
    </row>
    <row r="514256" spans="8:8">
      <c r="H514256" s="12"/>
    </row>
    <row r="514257" spans="8:8">
      <c r="H514257" s="12"/>
    </row>
    <row r="514258" spans="8:8">
      <c r="H514258" s="12"/>
    </row>
    <row r="514259" spans="8:8">
      <c r="H514259" s="12"/>
    </row>
    <row r="514260" spans="8:8">
      <c r="H514260" s="12"/>
    </row>
    <row r="514261" spans="8:8">
      <c r="H514261" s="12"/>
    </row>
    <row r="514262" spans="8:8">
      <c r="H514262" s="12"/>
    </row>
    <row r="514263" spans="8:8">
      <c r="H514263" s="12"/>
    </row>
    <row r="514264" spans="8:8">
      <c r="H514264" s="12"/>
    </row>
    <row r="514265" spans="8:8">
      <c r="H514265" s="12"/>
    </row>
    <row r="514266" spans="8:8">
      <c r="H514266" s="12"/>
    </row>
    <row r="514267" spans="8:8">
      <c r="H514267" s="12"/>
    </row>
    <row r="514268" spans="8:8">
      <c r="H514268" s="12"/>
    </row>
    <row r="514269" spans="8:8">
      <c r="H514269" s="12"/>
    </row>
    <row r="514270" spans="8:8">
      <c r="H514270" s="12"/>
    </row>
    <row r="514271" spans="8:8">
      <c r="H514271" s="12"/>
    </row>
    <row r="514272" spans="8:8">
      <c r="H514272" s="12"/>
    </row>
    <row r="514273" spans="8:8">
      <c r="H514273" s="12"/>
    </row>
    <row r="514274" spans="8:8">
      <c r="H514274" s="12"/>
    </row>
    <row r="514275" spans="8:8">
      <c r="H514275" s="12"/>
    </row>
    <row r="514276" spans="8:8">
      <c r="H514276" s="12"/>
    </row>
    <row r="514277" spans="8:8">
      <c r="H514277" s="12"/>
    </row>
    <row r="514278" spans="8:8">
      <c r="H514278" s="12"/>
    </row>
    <row r="514279" spans="8:8">
      <c r="H514279" s="12"/>
    </row>
    <row r="514280" spans="8:8">
      <c r="H514280" s="12"/>
    </row>
    <row r="514281" spans="8:8">
      <c r="H514281" s="12"/>
    </row>
    <row r="514282" spans="8:8">
      <c r="H514282" s="12"/>
    </row>
    <row r="514283" spans="8:8">
      <c r="H514283" s="12"/>
    </row>
    <row r="514284" spans="8:8">
      <c r="H514284" s="12"/>
    </row>
    <row r="514285" spans="8:8">
      <c r="H514285" s="12"/>
    </row>
    <row r="514286" spans="8:8">
      <c r="H514286" s="12"/>
    </row>
    <row r="514287" spans="8:8">
      <c r="H514287" s="12"/>
    </row>
    <row r="514288" spans="8:8">
      <c r="H514288" s="12"/>
    </row>
    <row r="514289" spans="8:8">
      <c r="H514289" s="12"/>
    </row>
    <row r="514290" spans="8:8">
      <c r="H514290" s="12"/>
    </row>
    <row r="514291" spans="8:8">
      <c r="H514291" s="12"/>
    </row>
    <row r="514292" spans="8:8">
      <c r="H514292" s="12"/>
    </row>
    <row r="514293" spans="8:8">
      <c r="H514293" s="12"/>
    </row>
    <row r="514294" spans="8:8">
      <c r="H514294" s="12"/>
    </row>
    <row r="514295" spans="8:8">
      <c r="H514295" s="12"/>
    </row>
    <row r="514296" spans="8:8">
      <c r="H514296" s="12"/>
    </row>
    <row r="514297" spans="8:8">
      <c r="H514297" s="12"/>
    </row>
    <row r="514298" spans="8:8">
      <c r="H514298" s="12"/>
    </row>
    <row r="514299" spans="8:8">
      <c r="H514299" s="12"/>
    </row>
    <row r="514300" spans="8:8">
      <c r="H514300" s="12"/>
    </row>
    <row r="514301" spans="8:8">
      <c r="H514301" s="12"/>
    </row>
    <row r="514302" spans="8:8">
      <c r="H514302" s="12"/>
    </row>
    <row r="514303" spans="8:8">
      <c r="H514303" s="12"/>
    </row>
    <row r="514304" spans="8:8">
      <c r="H514304" s="12"/>
    </row>
    <row r="514305" spans="8:8">
      <c r="H514305" s="12"/>
    </row>
    <row r="514306" spans="8:8">
      <c r="H514306" s="12"/>
    </row>
    <row r="514307" spans="8:8">
      <c r="H514307" s="12"/>
    </row>
    <row r="514308" spans="8:8">
      <c r="H514308" s="12"/>
    </row>
    <row r="514309" spans="8:8">
      <c r="H514309" s="12"/>
    </row>
    <row r="514310" spans="8:8">
      <c r="H514310" s="12"/>
    </row>
    <row r="514311" spans="8:8">
      <c r="H514311" s="12"/>
    </row>
    <row r="514312" spans="8:8">
      <c r="H514312" s="12"/>
    </row>
    <row r="514313" spans="8:8">
      <c r="H514313" s="12"/>
    </row>
    <row r="514314" spans="8:8">
      <c r="H514314" s="12"/>
    </row>
    <row r="514315" spans="8:8">
      <c r="H514315" s="12"/>
    </row>
    <row r="514316" spans="8:8">
      <c r="H514316" s="12"/>
    </row>
    <row r="514317" spans="8:8">
      <c r="H514317" s="12"/>
    </row>
    <row r="514318" spans="8:8">
      <c r="H514318" s="12"/>
    </row>
    <row r="514319" spans="8:8">
      <c r="H514319" s="12"/>
    </row>
    <row r="514320" spans="8:8">
      <c r="H514320" s="12"/>
    </row>
    <row r="514321" spans="8:8">
      <c r="H514321" s="12"/>
    </row>
    <row r="514322" spans="8:8">
      <c r="H514322" s="12"/>
    </row>
    <row r="514323" spans="8:8">
      <c r="H514323" s="12"/>
    </row>
    <row r="514324" spans="8:8">
      <c r="H514324" s="12"/>
    </row>
    <row r="514325" spans="8:8">
      <c r="H514325" s="12"/>
    </row>
    <row r="514326" spans="8:8">
      <c r="H514326" s="12"/>
    </row>
    <row r="514327" spans="8:8">
      <c r="H514327" s="12"/>
    </row>
    <row r="514328" spans="8:8">
      <c r="H514328" s="12"/>
    </row>
    <row r="514329" spans="8:8">
      <c r="H514329" s="12"/>
    </row>
    <row r="514330" spans="8:8">
      <c r="H514330" s="12"/>
    </row>
    <row r="514331" spans="8:8">
      <c r="H514331" s="12"/>
    </row>
    <row r="514332" spans="8:8">
      <c r="H514332" s="12"/>
    </row>
    <row r="514333" spans="8:8">
      <c r="H514333" s="12"/>
    </row>
    <row r="514334" spans="8:8">
      <c r="H514334" s="12"/>
    </row>
    <row r="514335" spans="8:8">
      <c r="H514335" s="12"/>
    </row>
    <row r="514336" spans="8:8">
      <c r="H514336" s="12"/>
    </row>
    <row r="514337" spans="8:8">
      <c r="H514337" s="12"/>
    </row>
    <row r="514338" spans="8:8">
      <c r="H514338" s="12"/>
    </row>
    <row r="514339" spans="8:8">
      <c r="H514339" s="12"/>
    </row>
    <row r="514340" spans="8:8">
      <c r="H514340" s="12"/>
    </row>
    <row r="514341" spans="8:8">
      <c r="H514341" s="12"/>
    </row>
    <row r="514342" spans="8:8">
      <c r="H514342" s="12"/>
    </row>
    <row r="514343" spans="8:8">
      <c r="H514343" s="12"/>
    </row>
    <row r="514344" spans="8:8">
      <c r="H514344" s="12"/>
    </row>
    <row r="514345" spans="8:8">
      <c r="H514345" s="12"/>
    </row>
    <row r="514346" spans="8:8">
      <c r="H514346" s="12"/>
    </row>
    <row r="514347" spans="8:8">
      <c r="H514347" s="12"/>
    </row>
    <row r="514348" spans="8:8">
      <c r="H514348" s="12"/>
    </row>
    <row r="514349" spans="8:8">
      <c r="H514349" s="12"/>
    </row>
    <row r="514350" spans="8:8">
      <c r="H514350" s="12"/>
    </row>
    <row r="514351" spans="8:8">
      <c r="H514351" s="12"/>
    </row>
    <row r="514352" spans="8:8">
      <c r="H514352" s="12"/>
    </row>
    <row r="514353" spans="8:8">
      <c r="H514353" s="12"/>
    </row>
    <row r="514354" spans="8:8">
      <c r="H514354" s="12"/>
    </row>
    <row r="514355" spans="8:8">
      <c r="H514355" s="12"/>
    </row>
    <row r="514356" spans="8:8">
      <c r="H514356" s="12"/>
    </row>
    <row r="514357" spans="8:8">
      <c r="H514357" s="12"/>
    </row>
    <row r="514358" spans="8:8">
      <c r="H514358" s="12"/>
    </row>
    <row r="514359" spans="8:8">
      <c r="H514359" s="12"/>
    </row>
    <row r="514360" spans="8:8">
      <c r="H514360" s="12"/>
    </row>
    <row r="514361" spans="8:8">
      <c r="H514361" s="12"/>
    </row>
    <row r="514362" spans="8:8">
      <c r="H514362" s="12"/>
    </row>
    <row r="514363" spans="8:8">
      <c r="H514363" s="12"/>
    </row>
    <row r="514364" spans="8:8">
      <c r="H514364" s="12"/>
    </row>
    <row r="514365" spans="8:8">
      <c r="H514365" s="12"/>
    </row>
    <row r="514366" spans="8:8">
      <c r="H514366" s="12"/>
    </row>
    <row r="514367" spans="8:8">
      <c r="H514367" s="12"/>
    </row>
    <row r="514368" spans="8:8">
      <c r="H514368" s="12"/>
    </row>
    <row r="514369" spans="8:8">
      <c r="H514369" s="12"/>
    </row>
    <row r="514370" spans="8:8">
      <c r="H514370" s="12"/>
    </row>
    <row r="514371" spans="8:8">
      <c r="H514371" s="12"/>
    </row>
    <row r="514372" spans="8:8">
      <c r="H514372" s="12"/>
    </row>
    <row r="514373" spans="8:8">
      <c r="H514373" s="12"/>
    </row>
    <row r="514374" spans="8:8">
      <c r="H514374" s="12"/>
    </row>
    <row r="514375" spans="8:8">
      <c r="H514375" s="12"/>
    </row>
    <row r="514376" spans="8:8">
      <c r="H514376" s="12"/>
    </row>
    <row r="514377" spans="8:8">
      <c r="H514377" s="12"/>
    </row>
    <row r="514378" spans="8:8">
      <c r="H514378" s="12"/>
    </row>
    <row r="514379" spans="8:8">
      <c r="H514379" s="12"/>
    </row>
    <row r="514380" spans="8:8">
      <c r="H514380" s="12"/>
    </row>
    <row r="514381" spans="8:8">
      <c r="H514381" s="12"/>
    </row>
    <row r="514382" spans="8:8">
      <c r="H514382" s="12"/>
    </row>
    <row r="514383" spans="8:8">
      <c r="H514383" s="12"/>
    </row>
    <row r="514384" spans="8:8">
      <c r="H514384" s="12"/>
    </row>
    <row r="514385" spans="8:8">
      <c r="H514385" s="12"/>
    </row>
    <row r="514386" spans="8:8">
      <c r="H514386" s="12"/>
    </row>
    <row r="514387" spans="8:8">
      <c r="H514387" s="12"/>
    </row>
    <row r="514388" spans="8:8">
      <c r="H514388" s="12"/>
    </row>
    <row r="514389" spans="8:8">
      <c r="H514389" s="12"/>
    </row>
    <row r="514390" spans="8:8">
      <c r="H514390" s="12"/>
    </row>
    <row r="514391" spans="8:8">
      <c r="H514391" s="12"/>
    </row>
    <row r="514392" spans="8:8">
      <c r="H514392" s="12"/>
    </row>
    <row r="514393" spans="8:8">
      <c r="H514393" s="12"/>
    </row>
    <row r="514394" spans="8:8">
      <c r="H514394" s="12"/>
    </row>
    <row r="514395" spans="8:8">
      <c r="H514395" s="12"/>
    </row>
    <row r="514396" spans="8:8">
      <c r="H514396" s="12"/>
    </row>
    <row r="514397" spans="8:8">
      <c r="H514397" s="12"/>
    </row>
    <row r="514398" spans="8:8">
      <c r="H514398" s="12"/>
    </row>
    <row r="514399" spans="8:8">
      <c r="H514399" s="12"/>
    </row>
    <row r="514400" spans="8:8">
      <c r="H514400" s="12"/>
    </row>
    <row r="514401" spans="8:8">
      <c r="H514401" s="12"/>
    </row>
    <row r="514402" spans="8:8">
      <c r="H514402" s="12"/>
    </row>
    <row r="514403" spans="8:8">
      <c r="H514403" s="12"/>
    </row>
    <row r="514404" spans="8:8">
      <c r="H514404" s="12"/>
    </row>
    <row r="514405" spans="8:8">
      <c r="H514405" s="12"/>
    </row>
    <row r="514406" spans="8:8">
      <c r="H514406" s="12"/>
    </row>
    <row r="514407" spans="8:8">
      <c r="H514407" s="12"/>
    </row>
    <row r="514408" spans="8:8">
      <c r="H514408" s="12"/>
    </row>
    <row r="514409" spans="8:8">
      <c r="H514409" s="12"/>
    </row>
    <row r="514410" spans="8:8">
      <c r="H514410" s="12"/>
    </row>
    <row r="514411" spans="8:8">
      <c r="H514411" s="12"/>
    </row>
    <row r="514412" spans="8:8">
      <c r="H514412" s="12"/>
    </row>
    <row r="514413" spans="8:8">
      <c r="H514413" s="12"/>
    </row>
    <row r="514414" spans="8:8">
      <c r="H514414" s="12"/>
    </row>
    <row r="514415" spans="8:8">
      <c r="H514415" s="12"/>
    </row>
    <row r="514416" spans="8:8">
      <c r="H514416" s="12"/>
    </row>
    <row r="514417" spans="8:8">
      <c r="H514417" s="12"/>
    </row>
    <row r="514418" spans="8:8">
      <c r="H514418" s="12"/>
    </row>
    <row r="514419" spans="8:8">
      <c r="H514419" s="12"/>
    </row>
    <row r="514420" spans="8:8">
      <c r="H514420" s="12"/>
    </row>
    <row r="514421" spans="8:8">
      <c r="H514421" s="12"/>
    </row>
    <row r="514422" spans="8:8">
      <c r="H514422" s="12"/>
    </row>
    <row r="514423" spans="8:8">
      <c r="H514423" s="12"/>
    </row>
    <row r="514424" spans="8:8">
      <c r="H514424" s="12"/>
    </row>
    <row r="514425" spans="8:8">
      <c r="H514425" s="12"/>
    </row>
    <row r="514426" spans="8:8">
      <c r="H514426" s="12"/>
    </row>
    <row r="514427" spans="8:8">
      <c r="H514427" s="12"/>
    </row>
    <row r="514428" spans="8:8">
      <c r="H514428" s="12"/>
    </row>
    <row r="514429" spans="8:8">
      <c r="H514429" s="12"/>
    </row>
    <row r="514430" spans="8:8">
      <c r="H514430" s="12"/>
    </row>
    <row r="514431" spans="8:8">
      <c r="H514431" s="12"/>
    </row>
    <row r="514432" spans="8:8">
      <c r="H514432" s="12"/>
    </row>
    <row r="514433" spans="8:8">
      <c r="H514433" s="12"/>
    </row>
    <row r="514434" spans="8:8">
      <c r="H514434" s="12"/>
    </row>
    <row r="514435" spans="8:8">
      <c r="H514435" s="12"/>
    </row>
    <row r="514436" spans="8:8">
      <c r="H514436" s="12"/>
    </row>
    <row r="514437" spans="8:8">
      <c r="H514437" s="12"/>
    </row>
    <row r="514438" spans="8:8">
      <c r="H514438" s="12"/>
    </row>
    <row r="514439" spans="8:8">
      <c r="H514439" s="12"/>
    </row>
    <row r="514440" spans="8:8">
      <c r="H514440" s="12"/>
    </row>
    <row r="514441" spans="8:8">
      <c r="H514441" s="12"/>
    </row>
    <row r="514442" spans="8:8">
      <c r="H514442" s="12"/>
    </row>
    <row r="514443" spans="8:8">
      <c r="H514443" s="12"/>
    </row>
    <row r="514444" spans="8:8">
      <c r="H514444" s="12"/>
    </row>
    <row r="514445" spans="8:8">
      <c r="H514445" s="12"/>
    </row>
    <row r="514446" spans="8:8">
      <c r="H514446" s="12"/>
    </row>
    <row r="514447" spans="8:8">
      <c r="H514447" s="12"/>
    </row>
    <row r="514448" spans="8:8">
      <c r="H514448" s="12"/>
    </row>
    <row r="514449" spans="8:8">
      <c r="H514449" s="12"/>
    </row>
    <row r="514450" spans="8:8">
      <c r="H514450" s="12"/>
    </row>
    <row r="514451" spans="8:8">
      <c r="H514451" s="12"/>
    </row>
    <row r="514452" spans="8:8">
      <c r="H514452" s="12"/>
    </row>
    <row r="514453" spans="8:8">
      <c r="H514453" s="12"/>
    </row>
    <row r="514454" spans="8:8">
      <c r="H514454" s="12"/>
    </row>
    <row r="514455" spans="8:8">
      <c r="H514455" s="12"/>
    </row>
    <row r="514456" spans="8:8">
      <c r="H514456" s="12"/>
    </row>
    <row r="514457" spans="8:8">
      <c r="H514457" s="12"/>
    </row>
    <row r="514458" spans="8:8">
      <c r="H514458" s="12"/>
    </row>
    <row r="514459" spans="8:8">
      <c r="H514459" s="12"/>
    </row>
    <row r="514460" spans="8:8">
      <c r="H514460" s="12"/>
    </row>
    <row r="514461" spans="8:8">
      <c r="H514461" s="12"/>
    </row>
    <row r="514462" spans="8:8">
      <c r="H514462" s="12"/>
    </row>
    <row r="514463" spans="8:8">
      <c r="H514463" s="12"/>
    </row>
    <row r="514464" spans="8:8">
      <c r="H514464" s="12"/>
    </row>
    <row r="514465" spans="8:8">
      <c r="H514465" s="12"/>
    </row>
    <row r="514466" spans="8:8">
      <c r="H514466" s="12"/>
    </row>
    <row r="514467" spans="8:8">
      <c r="H514467" s="12"/>
    </row>
    <row r="514468" spans="8:8">
      <c r="H514468" s="12"/>
    </row>
    <row r="514469" spans="8:8">
      <c r="H514469" s="12"/>
    </row>
    <row r="514470" spans="8:8">
      <c r="H514470" s="12"/>
    </row>
    <row r="514471" spans="8:8">
      <c r="H514471" s="12"/>
    </row>
    <row r="514472" spans="8:8">
      <c r="H514472" s="12"/>
    </row>
    <row r="514473" spans="8:8">
      <c r="H514473" s="12"/>
    </row>
    <row r="514474" spans="8:8">
      <c r="H514474" s="12"/>
    </row>
    <row r="514475" spans="8:8">
      <c r="H514475" s="12"/>
    </row>
    <row r="514476" spans="8:8">
      <c r="H514476" s="12"/>
    </row>
    <row r="514477" spans="8:8">
      <c r="H514477" s="12"/>
    </row>
    <row r="514478" spans="8:8">
      <c r="H514478" s="12"/>
    </row>
    <row r="514479" spans="8:8">
      <c r="H514479" s="12"/>
    </row>
    <row r="514480" spans="8:8">
      <c r="H514480" s="12"/>
    </row>
    <row r="514481" spans="8:8">
      <c r="H514481" s="12"/>
    </row>
    <row r="514482" spans="8:8">
      <c r="H514482" s="12"/>
    </row>
    <row r="514483" spans="8:8">
      <c r="H514483" s="12"/>
    </row>
    <row r="514484" spans="8:8">
      <c r="H514484" s="12"/>
    </row>
    <row r="514485" spans="8:8">
      <c r="H514485" s="12"/>
    </row>
    <row r="514486" spans="8:8">
      <c r="H514486" s="12"/>
    </row>
    <row r="514487" spans="8:8">
      <c r="H514487" s="12"/>
    </row>
    <row r="514488" spans="8:8">
      <c r="H514488" s="12"/>
    </row>
    <row r="514489" spans="8:8">
      <c r="H514489" s="12"/>
    </row>
    <row r="514490" spans="8:8">
      <c r="H514490" s="12"/>
    </row>
    <row r="514491" spans="8:8">
      <c r="H514491" s="12"/>
    </row>
    <row r="514492" spans="8:8">
      <c r="H514492" s="12"/>
    </row>
    <row r="514493" spans="8:8">
      <c r="H514493" s="12"/>
    </row>
    <row r="514494" spans="8:8">
      <c r="H514494" s="12"/>
    </row>
    <row r="514495" spans="8:8">
      <c r="H514495" s="12"/>
    </row>
    <row r="514496" spans="8:8">
      <c r="H514496" s="12"/>
    </row>
    <row r="514497" spans="8:8">
      <c r="H514497" s="12"/>
    </row>
    <row r="514498" spans="8:8">
      <c r="H514498" s="12"/>
    </row>
    <row r="514499" spans="8:8">
      <c r="H514499" s="12"/>
    </row>
    <row r="514500" spans="8:8">
      <c r="H514500" s="12"/>
    </row>
    <row r="514501" spans="8:8">
      <c r="H514501" s="12"/>
    </row>
    <row r="514502" spans="8:8">
      <c r="H514502" s="12"/>
    </row>
    <row r="514503" spans="8:8">
      <c r="H514503" s="12"/>
    </row>
    <row r="514504" spans="8:8">
      <c r="H514504" s="12"/>
    </row>
    <row r="514505" spans="8:8">
      <c r="H514505" s="12"/>
    </row>
    <row r="514506" spans="8:8">
      <c r="H514506" s="12"/>
    </row>
    <row r="514507" spans="8:8">
      <c r="H514507" s="12"/>
    </row>
    <row r="514508" spans="8:8">
      <c r="H514508" s="12"/>
    </row>
    <row r="514509" spans="8:8">
      <c r="H514509" s="12"/>
    </row>
    <row r="514510" spans="8:8">
      <c r="H514510" s="12"/>
    </row>
    <row r="514511" spans="8:8">
      <c r="H514511" s="12"/>
    </row>
    <row r="514512" spans="8:8">
      <c r="H514512" s="12"/>
    </row>
    <row r="514513" spans="8:8">
      <c r="H514513" s="12"/>
    </row>
    <row r="514514" spans="8:8">
      <c r="H514514" s="12"/>
    </row>
    <row r="514515" spans="8:8">
      <c r="H514515" s="12"/>
    </row>
    <row r="514516" spans="8:8">
      <c r="H514516" s="12"/>
    </row>
    <row r="514517" spans="8:8">
      <c r="H514517" s="12"/>
    </row>
    <row r="514518" spans="8:8">
      <c r="H514518" s="12"/>
    </row>
    <row r="514519" spans="8:8">
      <c r="H514519" s="12"/>
    </row>
    <row r="514520" spans="8:8">
      <c r="H514520" s="12"/>
    </row>
    <row r="514521" spans="8:8">
      <c r="H514521" s="12"/>
    </row>
    <row r="514522" spans="8:8">
      <c r="H514522" s="12"/>
    </row>
    <row r="514523" spans="8:8">
      <c r="H514523" s="12"/>
    </row>
    <row r="514524" spans="8:8">
      <c r="H514524" s="12"/>
    </row>
    <row r="514525" spans="8:8">
      <c r="H514525" s="12"/>
    </row>
    <row r="514526" spans="8:8">
      <c r="H514526" s="12"/>
    </row>
    <row r="514527" spans="8:8">
      <c r="H514527" s="12"/>
    </row>
    <row r="514528" spans="8:8">
      <c r="H514528" s="12"/>
    </row>
    <row r="514529" spans="8:8">
      <c r="H514529" s="12"/>
    </row>
    <row r="514530" spans="8:8">
      <c r="H514530" s="12"/>
    </row>
    <row r="514531" spans="8:8">
      <c r="H514531" s="12"/>
    </row>
    <row r="514532" spans="8:8">
      <c r="H514532" s="12"/>
    </row>
    <row r="514533" spans="8:8">
      <c r="H514533" s="12"/>
    </row>
    <row r="514534" spans="8:8">
      <c r="H514534" s="12"/>
    </row>
    <row r="514535" spans="8:8">
      <c r="H514535" s="12"/>
    </row>
    <row r="514536" spans="8:8">
      <c r="H514536" s="12"/>
    </row>
    <row r="514537" spans="8:8">
      <c r="H514537" s="12"/>
    </row>
    <row r="514538" spans="8:8">
      <c r="H514538" s="12"/>
    </row>
    <row r="514539" spans="8:8">
      <c r="H514539" s="12"/>
    </row>
    <row r="514540" spans="8:8">
      <c r="H514540" s="12"/>
    </row>
    <row r="514541" spans="8:8">
      <c r="H514541" s="12"/>
    </row>
    <row r="514542" spans="8:8">
      <c r="H514542" s="12"/>
    </row>
    <row r="514543" spans="8:8">
      <c r="H514543" s="12"/>
    </row>
    <row r="514544" spans="8:8">
      <c r="H514544" s="12"/>
    </row>
    <row r="514545" spans="8:8">
      <c r="H514545" s="12"/>
    </row>
    <row r="514546" spans="8:8">
      <c r="H514546" s="12"/>
    </row>
    <row r="514547" spans="8:8">
      <c r="H514547" s="12"/>
    </row>
    <row r="514548" spans="8:8">
      <c r="H514548" s="12"/>
    </row>
    <row r="514549" spans="8:8">
      <c r="H514549" s="12"/>
    </row>
    <row r="514550" spans="8:8">
      <c r="H514550" s="12"/>
    </row>
    <row r="514551" spans="8:8">
      <c r="H514551" s="12"/>
    </row>
    <row r="514552" spans="8:8">
      <c r="H514552" s="12"/>
    </row>
    <row r="514553" spans="8:8">
      <c r="H514553" s="12"/>
    </row>
    <row r="514554" spans="8:8">
      <c r="H514554" s="12"/>
    </row>
    <row r="514555" spans="8:8">
      <c r="H514555" s="12"/>
    </row>
    <row r="514556" spans="8:8">
      <c r="H514556" s="12"/>
    </row>
    <row r="514557" spans="8:8">
      <c r="H514557" s="12"/>
    </row>
    <row r="514558" spans="8:8">
      <c r="H514558" s="12"/>
    </row>
    <row r="514559" spans="8:8">
      <c r="H514559" s="12"/>
    </row>
    <row r="514560" spans="8:8">
      <c r="H514560" s="12"/>
    </row>
    <row r="514561" spans="8:8">
      <c r="H514561" s="12"/>
    </row>
    <row r="514562" spans="8:8">
      <c r="H514562" s="12"/>
    </row>
    <row r="514563" spans="8:8">
      <c r="H514563" s="12"/>
    </row>
    <row r="514564" spans="8:8">
      <c r="H514564" s="12"/>
    </row>
    <row r="514565" spans="8:8">
      <c r="H514565" s="12"/>
    </row>
    <row r="514566" spans="8:8">
      <c r="H514566" s="12"/>
    </row>
    <row r="514567" spans="8:8">
      <c r="H514567" s="12"/>
    </row>
    <row r="514568" spans="8:8">
      <c r="H514568" s="12"/>
    </row>
    <row r="514569" spans="8:8">
      <c r="H514569" s="12"/>
    </row>
    <row r="514570" spans="8:8">
      <c r="H514570" s="12"/>
    </row>
    <row r="514571" spans="8:8">
      <c r="H514571" s="12"/>
    </row>
    <row r="514572" spans="8:8">
      <c r="H514572" s="12"/>
    </row>
    <row r="514573" spans="8:8">
      <c r="H514573" s="12"/>
    </row>
    <row r="514574" spans="8:8">
      <c r="H514574" s="12"/>
    </row>
    <row r="514575" spans="8:8">
      <c r="H514575" s="12"/>
    </row>
    <row r="514576" spans="8:8">
      <c r="H514576" s="12"/>
    </row>
    <row r="514577" spans="8:8">
      <c r="H514577" s="12"/>
    </row>
    <row r="514578" spans="8:8">
      <c r="H514578" s="12"/>
    </row>
    <row r="514579" spans="8:8">
      <c r="H514579" s="12"/>
    </row>
    <row r="514580" spans="8:8">
      <c r="H514580" s="12"/>
    </row>
    <row r="514581" spans="8:8">
      <c r="H514581" s="12"/>
    </row>
    <row r="514582" spans="8:8">
      <c r="H514582" s="12"/>
    </row>
    <row r="514583" spans="8:8">
      <c r="H514583" s="12"/>
    </row>
    <row r="514584" spans="8:8">
      <c r="H514584" s="12"/>
    </row>
    <row r="514585" spans="8:8">
      <c r="H514585" s="12"/>
    </row>
    <row r="514586" spans="8:8">
      <c r="H514586" s="12"/>
    </row>
    <row r="514587" spans="8:8">
      <c r="H514587" s="12"/>
    </row>
    <row r="514588" spans="8:8">
      <c r="H514588" s="12"/>
    </row>
    <row r="514589" spans="8:8">
      <c r="H514589" s="12"/>
    </row>
    <row r="514590" spans="8:8">
      <c r="H514590" s="12"/>
    </row>
    <row r="514591" spans="8:8">
      <c r="H514591" s="12"/>
    </row>
    <row r="514592" spans="8:8">
      <c r="H514592" s="12"/>
    </row>
    <row r="514593" spans="8:8">
      <c r="H514593" s="12"/>
    </row>
    <row r="514594" spans="8:8">
      <c r="H514594" s="12"/>
    </row>
    <row r="514595" spans="8:8">
      <c r="H514595" s="12"/>
    </row>
    <row r="514596" spans="8:8">
      <c r="H514596" s="12"/>
    </row>
    <row r="514597" spans="8:8">
      <c r="H514597" s="12"/>
    </row>
    <row r="514598" spans="8:8">
      <c r="H514598" s="12"/>
    </row>
    <row r="514599" spans="8:8">
      <c r="H514599" s="12"/>
    </row>
    <row r="514600" spans="8:8">
      <c r="H514600" s="12"/>
    </row>
    <row r="514601" spans="8:8">
      <c r="H514601" s="12"/>
    </row>
    <row r="514602" spans="8:8">
      <c r="H514602" s="12"/>
    </row>
    <row r="514603" spans="8:8">
      <c r="H514603" s="12"/>
    </row>
    <row r="514604" spans="8:8">
      <c r="H514604" s="12"/>
    </row>
    <row r="514605" spans="8:8">
      <c r="H514605" s="12"/>
    </row>
    <row r="514606" spans="8:8">
      <c r="H514606" s="12"/>
    </row>
    <row r="514607" spans="8:8">
      <c r="H514607" s="12"/>
    </row>
    <row r="514608" spans="8:8">
      <c r="H514608" s="12"/>
    </row>
    <row r="514609" spans="8:8">
      <c r="H514609" s="12"/>
    </row>
    <row r="514610" spans="8:8">
      <c r="H514610" s="12"/>
    </row>
    <row r="514611" spans="8:8">
      <c r="H514611" s="12"/>
    </row>
    <row r="514612" spans="8:8">
      <c r="H514612" s="12"/>
    </row>
    <row r="514613" spans="8:8">
      <c r="H514613" s="12"/>
    </row>
    <row r="514614" spans="8:8">
      <c r="H514614" s="12"/>
    </row>
    <row r="514615" spans="8:8">
      <c r="H514615" s="12"/>
    </row>
    <row r="514616" spans="8:8">
      <c r="H514616" s="12"/>
    </row>
    <row r="514617" spans="8:8">
      <c r="H514617" s="12"/>
    </row>
    <row r="514618" spans="8:8">
      <c r="H514618" s="12"/>
    </row>
    <row r="514619" spans="8:8">
      <c r="H514619" s="12"/>
    </row>
    <row r="514620" spans="8:8">
      <c r="H514620" s="12"/>
    </row>
    <row r="514621" spans="8:8">
      <c r="H514621" s="12"/>
    </row>
    <row r="514622" spans="8:8">
      <c r="H514622" s="12"/>
    </row>
    <row r="514623" spans="8:8">
      <c r="H514623" s="12"/>
    </row>
    <row r="514624" spans="8:8">
      <c r="H514624" s="12"/>
    </row>
    <row r="514625" spans="8:8">
      <c r="H514625" s="12"/>
    </row>
    <row r="514626" spans="8:8">
      <c r="H514626" s="12"/>
    </row>
    <row r="514627" spans="8:8">
      <c r="H514627" s="12"/>
    </row>
    <row r="514628" spans="8:8">
      <c r="H514628" s="12"/>
    </row>
    <row r="514629" spans="8:8">
      <c r="H514629" s="12"/>
    </row>
    <row r="514630" spans="8:8">
      <c r="H514630" s="12"/>
    </row>
    <row r="514631" spans="8:8">
      <c r="H514631" s="12"/>
    </row>
    <row r="514632" spans="8:8">
      <c r="H514632" s="12"/>
    </row>
    <row r="514633" spans="8:8">
      <c r="H514633" s="12"/>
    </row>
    <row r="514634" spans="8:8">
      <c r="H514634" s="12"/>
    </row>
    <row r="514635" spans="8:8">
      <c r="H514635" s="12"/>
    </row>
    <row r="514636" spans="8:8">
      <c r="H514636" s="12"/>
    </row>
    <row r="514637" spans="8:8">
      <c r="H514637" s="12"/>
    </row>
    <row r="514638" spans="8:8">
      <c r="H514638" s="12"/>
    </row>
    <row r="514639" spans="8:8">
      <c r="H514639" s="12"/>
    </row>
    <row r="514640" spans="8:8">
      <c r="H514640" s="12"/>
    </row>
    <row r="514641" spans="8:8">
      <c r="H514641" s="12"/>
    </row>
    <row r="514642" spans="8:8">
      <c r="H514642" s="12"/>
    </row>
    <row r="514643" spans="8:8">
      <c r="H514643" s="12"/>
    </row>
    <row r="514644" spans="8:8">
      <c r="H514644" s="12"/>
    </row>
    <row r="514645" spans="8:8">
      <c r="H514645" s="12"/>
    </row>
    <row r="514646" spans="8:8">
      <c r="H514646" s="12"/>
    </row>
    <row r="514647" spans="8:8">
      <c r="H514647" s="12"/>
    </row>
    <row r="514648" spans="8:8">
      <c r="H514648" s="12"/>
    </row>
    <row r="514649" spans="8:8">
      <c r="H514649" s="12"/>
    </row>
    <row r="514650" spans="8:8">
      <c r="H514650" s="12"/>
    </row>
    <row r="514651" spans="8:8">
      <c r="H514651" s="12"/>
    </row>
    <row r="514652" spans="8:8">
      <c r="H514652" s="12"/>
    </row>
    <row r="514653" spans="8:8">
      <c r="H514653" s="12"/>
    </row>
    <row r="514654" spans="8:8">
      <c r="H514654" s="12"/>
    </row>
    <row r="514655" spans="8:8">
      <c r="H514655" s="12"/>
    </row>
    <row r="514656" spans="8:8">
      <c r="H514656" s="12"/>
    </row>
    <row r="514657" spans="8:8">
      <c r="H514657" s="12"/>
    </row>
    <row r="514658" spans="8:8">
      <c r="H514658" s="12"/>
    </row>
    <row r="514659" spans="8:8">
      <c r="H514659" s="12"/>
    </row>
    <row r="514660" spans="8:8">
      <c r="H514660" s="12"/>
    </row>
    <row r="514661" spans="8:8">
      <c r="H514661" s="12"/>
    </row>
    <row r="514662" spans="8:8">
      <c r="H514662" s="12"/>
    </row>
    <row r="514663" spans="8:8">
      <c r="H514663" s="12"/>
    </row>
    <row r="514664" spans="8:8">
      <c r="H514664" s="12"/>
    </row>
    <row r="514665" spans="8:8">
      <c r="H514665" s="12"/>
    </row>
    <row r="514666" spans="8:8">
      <c r="H514666" s="12"/>
    </row>
    <row r="514667" spans="8:8">
      <c r="H514667" s="12"/>
    </row>
    <row r="514668" spans="8:8">
      <c r="H514668" s="12"/>
    </row>
    <row r="514669" spans="8:8">
      <c r="H514669" s="12"/>
    </row>
    <row r="514670" spans="8:8">
      <c r="H514670" s="12"/>
    </row>
    <row r="514671" spans="8:8">
      <c r="H514671" s="12"/>
    </row>
    <row r="514672" spans="8:8">
      <c r="H514672" s="12"/>
    </row>
    <row r="514673" spans="8:8">
      <c r="H514673" s="12"/>
    </row>
    <row r="514674" spans="8:8">
      <c r="H514674" s="12"/>
    </row>
    <row r="514675" spans="8:8">
      <c r="H514675" s="12"/>
    </row>
    <row r="514676" spans="8:8">
      <c r="H514676" s="12"/>
    </row>
    <row r="514677" spans="8:8">
      <c r="H514677" s="12"/>
    </row>
    <row r="514678" spans="8:8">
      <c r="H514678" s="12"/>
    </row>
    <row r="514679" spans="8:8">
      <c r="H514679" s="12"/>
    </row>
    <row r="514680" spans="8:8">
      <c r="H514680" s="12"/>
    </row>
    <row r="514681" spans="8:8">
      <c r="H514681" s="12"/>
    </row>
    <row r="514682" spans="8:8">
      <c r="H514682" s="12"/>
    </row>
    <row r="514683" spans="8:8">
      <c r="H514683" s="12"/>
    </row>
    <row r="514684" spans="8:8">
      <c r="H514684" s="12"/>
    </row>
    <row r="514685" spans="8:8">
      <c r="H514685" s="12"/>
    </row>
    <row r="514686" spans="8:8">
      <c r="H514686" s="12"/>
    </row>
    <row r="514687" spans="8:8">
      <c r="H514687" s="12"/>
    </row>
    <row r="514688" spans="8:8">
      <c r="H514688" s="12"/>
    </row>
    <row r="514689" spans="8:8">
      <c r="H514689" s="12"/>
    </row>
    <row r="514690" spans="8:8">
      <c r="H514690" s="12"/>
    </row>
    <row r="514691" spans="8:8">
      <c r="H514691" s="12"/>
    </row>
    <row r="514692" spans="8:8">
      <c r="H514692" s="12"/>
    </row>
    <row r="514693" spans="8:8">
      <c r="H514693" s="12"/>
    </row>
    <row r="514694" spans="8:8">
      <c r="H514694" s="12"/>
    </row>
    <row r="514695" spans="8:8">
      <c r="H514695" s="12"/>
    </row>
    <row r="514696" spans="8:8">
      <c r="H514696" s="12"/>
    </row>
    <row r="514697" spans="8:8">
      <c r="H514697" s="12"/>
    </row>
    <row r="514698" spans="8:8">
      <c r="H514698" s="12"/>
    </row>
    <row r="514699" spans="8:8">
      <c r="H514699" s="12"/>
    </row>
    <row r="514700" spans="8:8">
      <c r="H514700" s="12"/>
    </row>
    <row r="514701" spans="8:8">
      <c r="H514701" s="12"/>
    </row>
    <row r="514702" spans="8:8">
      <c r="H514702" s="12"/>
    </row>
    <row r="514703" spans="8:8">
      <c r="H514703" s="12"/>
    </row>
    <row r="514704" spans="8:8">
      <c r="H514704" s="12"/>
    </row>
    <row r="514705" spans="8:8">
      <c r="H514705" s="12"/>
    </row>
    <row r="514706" spans="8:8">
      <c r="H514706" s="12"/>
    </row>
    <row r="514707" spans="8:8">
      <c r="H514707" s="12"/>
    </row>
    <row r="514708" spans="8:8">
      <c r="H514708" s="12"/>
    </row>
    <row r="514709" spans="8:8">
      <c r="H514709" s="12"/>
    </row>
    <row r="514710" spans="8:8">
      <c r="H514710" s="12"/>
    </row>
    <row r="514711" spans="8:8">
      <c r="H514711" s="12"/>
    </row>
    <row r="514712" spans="8:8">
      <c r="H514712" s="12"/>
    </row>
    <row r="514713" spans="8:8">
      <c r="H514713" s="12"/>
    </row>
    <row r="514714" spans="8:8">
      <c r="H514714" s="12"/>
    </row>
    <row r="514715" spans="8:8">
      <c r="H514715" s="12"/>
    </row>
    <row r="514716" spans="8:8">
      <c r="H514716" s="12"/>
    </row>
    <row r="514717" spans="8:8">
      <c r="H514717" s="12"/>
    </row>
    <row r="514718" spans="8:8">
      <c r="H514718" s="12"/>
    </row>
    <row r="514719" spans="8:8">
      <c r="H514719" s="12"/>
    </row>
    <row r="514720" spans="8:8">
      <c r="H514720" s="12"/>
    </row>
    <row r="514721" spans="8:8">
      <c r="H514721" s="12"/>
    </row>
    <row r="514722" spans="8:8">
      <c r="H514722" s="12"/>
    </row>
    <row r="514723" spans="8:8">
      <c r="H514723" s="12"/>
    </row>
    <row r="514724" spans="8:8">
      <c r="H514724" s="12"/>
    </row>
    <row r="514725" spans="8:8">
      <c r="H514725" s="12"/>
    </row>
    <row r="514726" spans="8:8">
      <c r="H514726" s="12"/>
    </row>
    <row r="514727" spans="8:8">
      <c r="H514727" s="12"/>
    </row>
    <row r="514728" spans="8:8">
      <c r="H514728" s="12"/>
    </row>
    <row r="514729" spans="8:8">
      <c r="H514729" s="12"/>
    </row>
    <row r="514730" spans="8:8">
      <c r="H514730" s="12"/>
    </row>
    <row r="514731" spans="8:8">
      <c r="H514731" s="12"/>
    </row>
    <row r="514732" spans="8:8">
      <c r="H514732" s="12"/>
    </row>
    <row r="514733" spans="8:8">
      <c r="H514733" s="12"/>
    </row>
    <row r="514734" spans="8:8">
      <c r="H514734" s="12"/>
    </row>
    <row r="514735" spans="8:8">
      <c r="H514735" s="12"/>
    </row>
    <row r="514736" spans="8:8">
      <c r="H514736" s="12"/>
    </row>
    <row r="514737" spans="8:8">
      <c r="H514737" s="12"/>
    </row>
    <row r="514738" spans="8:8">
      <c r="H514738" s="12"/>
    </row>
    <row r="514739" spans="8:8">
      <c r="H514739" s="12"/>
    </row>
    <row r="514740" spans="8:8">
      <c r="H514740" s="12"/>
    </row>
    <row r="514741" spans="8:8">
      <c r="H514741" s="12"/>
    </row>
    <row r="514742" spans="8:8">
      <c r="H514742" s="12"/>
    </row>
    <row r="514743" spans="8:8">
      <c r="H514743" s="12"/>
    </row>
    <row r="514744" spans="8:8">
      <c r="H514744" s="12"/>
    </row>
    <row r="514745" spans="8:8">
      <c r="H514745" s="12"/>
    </row>
    <row r="514746" spans="8:8">
      <c r="H514746" s="12"/>
    </row>
    <row r="514747" spans="8:8">
      <c r="H514747" s="12"/>
    </row>
    <row r="514748" spans="8:8">
      <c r="H514748" s="12"/>
    </row>
    <row r="514749" spans="8:8">
      <c r="H514749" s="12"/>
    </row>
    <row r="514750" spans="8:8">
      <c r="H514750" s="12"/>
    </row>
    <row r="514751" spans="8:8">
      <c r="H514751" s="12"/>
    </row>
    <row r="514752" spans="8:8">
      <c r="H514752" s="12"/>
    </row>
    <row r="514753" spans="8:8">
      <c r="H514753" s="12"/>
    </row>
    <row r="514754" spans="8:8">
      <c r="H514754" s="12"/>
    </row>
    <row r="514755" spans="8:8">
      <c r="H514755" s="12"/>
    </row>
    <row r="514756" spans="8:8">
      <c r="H514756" s="12"/>
    </row>
    <row r="514757" spans="8:8">
      <c r="H514757" s="12"/>
    </row>
    <row r="514758" spans="8:8">
      <c r="H514758" s="12"/>
    </row>
    <row r="514759" spans="8:8">
      <c r="H514759" s="12"/>
    </row>
    <row r="514760" spans="8:8">
      <c r="H514760" s="12"/>
    </row>
    <row r="514761" spans="8:8">
      <c r="H514761" s="12"/>
    </row>
    <row r="514762" spans="8:8">
      <c r="H514762" s="12"/>
    </row>
    <row r="514763" spans="8:8">
      <c r="H514763" s="12"/>
    </row>
    <row r="514764" spans="8:8">
      <c r="H514764" s="12"/>
    </row>
    <row r="514765" spans="8:8">
      <c r="H514765" s="12"/>
    </row>
    <row r="514766" spans="8:8">
      <c r="H514766" s="12"/>
    </row>
    <row r="514767" spans="8:8">
      <c r="H514767" s="12"/>
    </row>
    <row r="514768" spans="8:8">
      <c r="H514768" s="12"/>
    </row>
    <row r="514769" spans="8:8">
      <c r="H514769" s="12"/>
    </row>
    <row r="514770" spans="8:8">
      <c r="H514770" s="12"/>
    </row>
    <row r="514771" spans="8:8">
      <c r="H514771" s="12"/>
    </row>
    <row r="514772" spans="8:8">
      <c r="H514772" s="12"/>
    </row>
    <row r="514773" spans="8:8">
      <c r="H514773" s="12"/>
    </row>
    <row r="514774" spans="8:8">
      <c r="H514774" s="12"/>
    </row>
    <row r="514775" spans="8:8">
      <c r="H514775" s="12"/>
    </row>
    <row r="514776" spans="8:8">
      <c r="H514776" s="12"/>
    </row>
    <row r="514777" spans="8:8">
      <c r="H514777" s="12"/>
    </row>
    <row r="514778" spans="8:8">
      <c r="H514778" s="12"/>
    </row>
    <row r="514779" spans="8:8">
      <c r="H514779" s="12"/>
    </row>
    <row r="514780" spans="8:8">
      <c r="H514780" s="12"/>
    </row>
    <row r="514781" spans="8:8">
      <c r="H514781" s="12"/>
    </row>
    <row r="514782" spans="8:8">
      <c r="H514782" s="12"/>
    </row>
    <row r="514783" spans="8:8">
      <c r="H514783" s="12"/>
    </row>
    <row r="514784" spans="8:8">
      <c r="H514784" s="12"/>
    </row>
    <row r="514785" spans="8:8">
      <c r="H514785" s="12"/>
    </row>
    <row r="514786" spans="8:8">
      <c r="H514786" s="12"/>
    </row>
    <row r="514787" spans="8:8">
      <c r="H514787" s="12"/>
    </row>
    <row r="514788" spans="8:8">
      <c r="H514788" s="12"/>
    </row>
    <row r="514789" spans="8:8">
      <c r="H514789" s="12"/>
    </row>
    <row r="514790" spans="8:8">
      <c r="H514790" s="12"/>
    </row>
    <row r="514791" spans="8:8">
      <c r="H514791" s="12"/>
    </row>
    <row r="514792" spans="8:8">
      <c r="H514792" s="12"/>
    </row>
    <row r="514793" spans="8:8">
      <c r="H514793" s="12"/>
    </row>
    <row r="514794" spans="8:8">
      <c r="H514794" s="12"/>
    </row>
    <row r="514795" spans="8:8">
      <c r="H514795" s="12"/>
    </row>
    <row r="514796" spans="8:8">
      <c r="H514796" s="12"/>
    </row>
    <row r="514797" spans="8:8">
      <c r="H514797" s="12"/>
    </row>
    <row r="514798" spans="8:8">
      <c r="H514798" s="12"/>
    </row>
    <row r="514799" spans="8:8">
      <c r="H514799" s="12"/>
    </row>
    <row r="514800" spans="8:8">
      <c r="H514800" s="12"/>
    </row>
    <row r="514801" spans="8:8">
      <c r="H514801" s="12"/>
    </row>
    <row r="514802" spans="8:8">
      <c r="H514802" s="12"/>
    </row>
    <row r="514803" spans="8:8">
      <c r="H514803" s="12"/>
    </row>
    <row r="514804" spans="8:8">
      <c r="H514804" s="12"/>
    </row>
    <row r="514805" spans="8:8">
      <c r="H514805" s="12"/>
    </row>
    <row r="514806" spans="8:8">
      <c r="H514806" s="12"/>
    </row>
    <row r="514807" spans="8:8">
      <c r="H514807" s="12"/>
    </row>
    <row r="514808" spans="8:8">
      <c r="H514808" s="12"/>
    </row>
    <row r="514809" spans="8:8">
      <c r="H514809" s="12"/>
    </row>
    <row r="514810" spans="8:8">
      <c r="H514810" s="12"/>
    </row>
    <row r="514811" spans="8:8">
      <c r="H514811" s="12"/>
    </row>
    <row r="514812" spans="8:8">
      <c r="H514812" s="12"/>
    </row>
    <row r="514813" spans="8:8">
      <c r="H514813" s="12"/>
    </row>
    <row r="514814" spans="8:8">
      <c r="H514814" s="12"/>
    </row>
    <row r="514815" spans="8:8">
      <c r="H514815" s="12"/>
    </row>
    <row r="514816" spans="8:8">
      <c r="H514816" s="12"/>
    </row>
    <row r="514817" spans="8:8">
      <c r="H514817" s="12"/>
    </row>
    <row r="514818" spans="8:8">
      <c r="H514818" s="12"/>
    </row>
    <row r="514819" spans="8:8">
      <c r="H514819" s="12"/>
    </row>
    <row r="514820" spans="8:8">
      <c r="H514820" s="12"/>
    </row>
    <row r="514821" spans="8:8">
      <c r="H514821" s="12"/>
    </row>
    <row r="514822" spans="8:8">
      <c r="H514822" s="12"/>
    </row>
    <row r="514823" spans="8:8">
      <c r="H514823" s="12"/>
    </row>
    <row r="514824" spans="8:8">
      <c r="H514824" s="12"/>
    </row>
    <row r="514825" spans="8:8">
      <c r="H514825" s="12"/>
    </row>
    <row r="514826" spans="8:8">
      <c r="H514826" s="12"/>
    </row>
    <row r="514827" spans="8:8">
      <c r="H514827" s="12"/>
    </row>
    <row r="514828" spans="8:8">
      <c r="H514828" s="12"/>
    </row>
    <row r="514829" spans="8:8">
      <c r="H514829" s="12"/>
    </row>
    <row r="514830" spans="8:8">
      <c r="H514830" s="12"/>
    </row>
    <row r="514831" spans="8:8">
      <c r="H514831" s="12"/>
    </row>
    <row r="514832" spans="8:8">
      <c r="H514832" s="12"/>
    </row>
    <row r="514833" spans="8:8">
      <c r="H514833" s="12"/>
    </row>
    <row r="514834" spans="8:8">
      <c r="H514834" s="12"/>
    </row>
    <row r="514835" spans="8:8">
      <c r="H514835" s="12"/>
    </row>
    <row r="514836" spans="8:8">
      <c r="H514836" s="12"/>
    </row>
    <row r="514837" spans="8:8">
      <c r="H514837" s="12"/>
    </row>
    <row r="514838" spans="8:8">
      <c r="H514838" s="12"/>
    </row>
    <row r="514839" spans="8:8">
      <c r="H514839" s="12"/>
    </row>
    <row r="514840" spans="8:8">
      <c r="H514840" s="12"/>
    </row>
    <row r="514841" spans="8:8">
      <c r="H514841" s="12"/>
    </row>
    <row r="514842" spans="8:8">
      <c r="H514842" s="12"/>
    </row>
    <row r="514843" spans="8:8">
      <c r="H514843" s="12"/>
    </row>
    <row r="514844" spans="8:8">
      <c r="H514844" s="12"/>
    </row>
    <row r="514845" spans="8:8">
      <c r="H514845" s="12"/>
    </row>
    <row r="514846" spans="8:8">
      <c r="H514846" s="12"/>
    </row>
    <row r="514847" spans="8:8">
      <c r="H514847" s="12"/>
    </row>
    <row r="514848" spans="8:8">
      <c r="H514848" s="12"/>
    </row>
    <row r="514849" spans="8:8">
      <c r="H514849" s="12"/>
    </row>
    <row r="514850" spans="8:8">
      <c r="H514850" s="12"/>
    </row>
    <row r="514851" spans="8:8">
      <c r="H514851" s="12"/>
    </row>
    <row r="514852" spans="8:8">
      <c r="H514852" s="12"/>
    </row>
    <row r="514853" spans="8:8">
      <c r="H514853" s="12"/>
    </row>
    <row r="514854" spans="8:8">
      <c r="H514854" s="12"/>
    </row>
    <row r="514855" spans="8:8">
      <c r="H514855" s="12"/>
    </row>
    <row r="514856" spans="8:8">
      <c r="H514856" s="12"/>
    </row>
    <row r="514857" spans="8:8">
      <c r="H514857" s="12"/>
    </row>
    <row r="514858" spans="8:8">
      <c r="H514858" s="12"/>
    </row>
    <row r="514859" spans="8:8">
      <c r="H514859" s="12"/>
    </row>
    <row r="514860" spans="8:8">
      <c r="H514860" s="12"/>
    </row>
    <row r="514861" spans="8:8">
      <c r="H514861" s="12"/>
    </row>
    <row r="514862" spans="8:8">
      <c r="H514862" s="12"/>
    </row>
    <row r="514863" spans="8:8">
      <c r="H514863" s="12"/>
    </row>
    <row r="514864" spans="8:8">
      <c r="H514864" s="12"/>
    </row>
    <row r="514865" spans="8:8">
      <c r="H514865" s="12"/>
    </row>
    <row r="514866" spans="8:8">
      <c r="H514866" s="12"/>
    </row>
    <row r="514867" spans="8:8">
      <c r="H514867" s="12"/>
    </row>
    <row r="514868" spans="8:8">
      <c r="H514868" s="12"/>
    </row>
    <row r="514869" spans="8:8">
      <c r="H514869" s="12"/>
    </row>
    <row r="514870" spans="8:8">
      <c r="H514870" s="12"/>
    </row>
    <row r="514871" spans="8:8">
      <c r="H514871" s="12"/>
    </row>
    <row r="514872" spans="8:8">
      <c r="H514872" s="12"/>
    </row>
    <row r="514873" spans="8:8">
      <c r="H514873" s="12"/>
    </row>
    <row r="514874" spans="8:8">
      <c r="H514874" s="12"/>
    </row>
    <row r="514875" spans="8:8">
      <c r="H514875" s="12"/>
    </row>
    <row r="514876" spans="8:8">
      <c r="H514876" s="12"/>
    </row>
    <row r="514877" spans="8:8">
      <c r="H514877" s="12"/>
    </row>
    <row r="514878" spans="8:8">
      <c r="H514878" s="12"/>
    </row>
    <row r="514879" spans="8:8">
      <c r="H514879" s="12"/>
    </row>
    <row r="514880" spans="8:8">
      <c r="H514880" s="12"/>
    </row>
    <row r="514881" spans="8:8">
      <c r="H514881" s="12"/>
    </row>
    <row r="514882" spans="8:8">
      <c r="H514882" s="12"/>
    </row>
    <row r="514883" spans="8:8">
      <c r="H514883" s="12"/>
    </row>
    <row r="514884" spans="8:8">
      <c r="H514884" s="12"/>
    </row>
    <row r="514885" spans="8:8">
      <c r="H514885" s="12"/>
    </row>
    <row r="514886" spans="8:8">
      <c r="H514886" s="12"/>
    </row>
    <row r="514887" spans="8:8">
      <c r="H514887" s="12"/>
    </row>
    <row r="514888" spans="8:8">
      <c r="H514888" s="12"/>
    </row>
    <row r="514889" spans="8:8">
      <c r="H514889" s="12"/>
    </row>
    <row r="514890" spans="8:8">
      <c r="H514890" s="12"/>
    </row>
    <row r="514891" spans="8:8">
      <c r="H514891" s="12"/>
    </row>
    <row r="514892" spans="8:8">
      <c r="H514892" s="12"/>
    </row>
    <row r="514893" spans="8:8">
      <c r="H514893" s="12"/>
    </row>
    <row r="514894" spans="8:8">
      <c r="H514894" s="12"/>
    </row>
    <row r="514895" spans="8:8">
      <c r="H514895" s="12"/>
    </row>
    <row r="514896" spans="8:8">
      <c r="H514896" s="12"/>
    </row>
    <row r="514897" spans="8:8">
      <c r="H514897" s="12"/>
    </row>
    <row r="514898" spans="8:8">
      <c r="H514898" s="12"/>
    </row>
    <row r="514899" spans="8:8">
      <c r="H514899" s="12"/>
    </row>
    <row r="514900" spans="8:8">
      <c r="H514900" s="12"/>
    </row>
    <row r="514901" spans="8:8">
      <c r="H514901" s="12"/>
    </row>
    <row r="514902" spans="8:8">
      <c r="H514902" s="12"/>
    </row>
    <row r="514903" spans="8:8">
      <c r="H514903" s="12"/>
    </row>
    <row r="514904" spans="8:8">
      <c r="H514904" s="12"/>
    </row>
    <row r="514905" spans="8:8">
      <c r="H514905" s="12"/>
    </row>
    <row r="514906" spans="8:8">
      <c r="H514906" s="12"/>
    </row>
    <row r="514907" spans="8:8">
      <c r="H514907" s="12"/>
    </row>
    <row r="514908" spans="8:8">
      <c r="H514908" s="12"/>
    </row>
    <row r="514909" spans="8:8">
      <c r="H514909" s="12"/>
    </row>
    <row r="514910" spans="8:8">
      <c r="H514910" s="12"/>
    </row>
    <row r="514911" spans="8:8">
      <c r="H514911" s="12"/>
    </row>
    <row r="514912" spans="8:8">
      <c r="H514912" s="12"/>
    </row>
    <row r="514913" spans="8:8">
      <c r="H514913" s="12"/>
    </row>
    <row r="514914" spans="8:8">
      <c r="H514914" s="12"/>
    </row>
    <row r="514915" spans="8:8">
      <c r="H514915" s="12"/>
    </row>
    <row r="514916" spans="8:8">
      <c r="H514916" s="12"/>
    </row>
    <row r="514917" spans="8:8">
      <c r="H514917" s="12"/>
    </row>
    <row r="514918" spans="8:8">
      <c r="H514918" s="12"/>
    </row>
    <row r="514919" spans="8:8">
      <c r="H514919" s="12"/>
    </row>
    <row r="514920" spans="8:8">
      <c r="H514920" s="12"/>
    </row>
    <row r="514921" spans="8:8">
      <c r="H514921" s="12"/>
    </row>
    <row r="514922" spans="8:8">
      <c r="H514922" s="12"/>
    </row>
    <row r="514923" spans="8:8">
      <c r="H514923" s="12"/>
    </row>
    <row r="514924" spans="8:8">
      <c r="H514924" s="12"/>
    </row>
    <row r="514925" spans="8:8">
      <c r="H514925" s="12"/>
    </row>
    <row r="514926" spans="8:8">
      <c r="H514926" s="12"/>
    </row>
    <row r="514927" spans="8:8">
      <c r="H514927" s="12"/>
    </row>
    <row r="514928" spans="8:8">
      <c r="H514928" s="12"/>
    </row>
    <row r="514929" spans="8:8">
      <c r="H514929" s="12"/>
    </row>
    <row r="514930" spans="8:8">
      <c r="H514930" s="12"/>
    </row>
    <row r="514931" spans="8:8">
      <c r="H514931" s="12"/>
    </row>
    <row r="514932" spans="8:8">
      <c r="H514932" s="12"/>
    </row>
    <row r="514933" spans="8:8">
      <c r="H514933" s="12"/>
    </row>
    <row r="514934" spans="8:8">
      <c r="H514934" s="12"/>
    </row>
    <row r="514935" spans="8:8">
      <c r="H514935" s="12"/>
    </row>
    <row r="514936" spans="8:8">
      <c r="H514936" s="12"/>
    </row>
    <row r="514937" spans="8:8">
      <c r="H514937" s="12"/>
    </row>
    <row r="514938" spans="8:8">
      <c r="H514938" s="12"/>
    </row>
    <row r="514939" spans="8:8">
      <c r="H514939" s="12"/>
    </row>
    <row r="514940" spans="8:8">
      <c r="H514940" s="12"/>
    </row>
    <row r="514941" spans="8:8">
      <c r="H514941" s="12"/>
    </row>
    <row r="514942" spans="8:8">
      <c r="H514942" s="12"/>
    </row>
    <row r="514943" spans="8:8">
      <c r="H514943" s="12"/>
    </row>
    <row r="514944" spans="8:8">
      <c r="H514944" s="12"/>
    </row>
    <row r="514945" spans="8:8">
      <c r="H514945" s="12"/>
    </row>
    <row r="514946" spans="8:8">
      <c r="H514946" s="12"/>
    </row>
    <row r="514947" spans="8:8">
      <c r="H514947" s="12"/>
    </row>
    <row r="514948" spans="8:8">
      <c r="H514948" s="12"/>
    </row>
    <row r="514949" spans="8:8">
      <c r="H514949" s="12"/>
    </row>
    <row r="514950" spans="8:8">
      <c r="H514950" s="12"/>
    </row>
    <row r="514951" spans="8:8">
      <c r="H514951" s="12"/>
    </row>
    <row r="514952" spans="8:8">
      <c r="H514952" s="12"/>
    </row>
    <row r="514953" spans="8:8">
      <c r="H514953" s="12"/>
    </row>
    <row r="514954" spans="8:8">
      <c r="H514954" s="12"/>
    </row>
    <row r="514955" spans="8:8">
      <c r="H514955" s="12"/>
    </row>
    <row r="514956" spans="8:8">
      <c r="H514956" s="12"/>
    </row>
    <row r="514957" spans="8:8">
      <c r="H514957" s="12"/>
    </row>
    <row r="514958" spans="8:8">
      <c r="H514958" s="12"/>
    </row>
    <row r="514959" spans="8:8">
      <c r="H514959" s="12"/>
    </row>
    <row r="514960" spans="8:8">
      <c r="H514960" s="12"/>
    </row>
    <row r="514961" spans="8:8">
      <c r="H514961" s="12"/>
    </row>
    <row r="514962" spans="8:8">
      <c r="H514962" s="12"/>
    </row>
    <row r="514963" spans="8:8">
      <c r="H514963" s="12"/>
    </row>
    <row r="514964" spans="8:8">
      <c r="H514964" s="12"/>
    </row>
    <row r="514965" spans="8:8">
      <c r="H514965" s="12"/>
    </row>
    <row r="514966" spans="8:8">
      <c r="H514966" s="12"/>
    </row>
    <row r="514967" spans="8:8">
      <c r="H514967" s="12"/>
    </row>
    <row r="514968" spans="8:8">
      <c r="H514968" s="12"/>
    </row>
    <row r="514969" spans="8:8">
      <c r="H514969" s="12"/>
    </row>
    <row r="514970" spans="8:8">
      <c r="H514970" s="12"/>
    </row>
    <row r="514971" spans="8:8">
      <c r="H514971" s="12"/>
    </row>
    <row r="514972" spans="8:8">
      <c r="H514972" s="12"/>
    </row>
    <row r="514973" spans="8:8">
      <c r="H514973" s="12"/>
    </row>
    <row r="514974" spans="8:8">
      <c r="H514974" s="12"/>
    </row>
    <row r="514975" spans="8:8">
      <c r="H514975" s="12"/>
    </row>
    <row r="514976" spans="8:8">
      <c r="H514976" s="12"/>
    </row>
    <row r="514977" spans="8:8">
      <c r="H514977" s="12"/>
    </row>
    <row r="514978" spans="8:8">
      <c r="H514978" s="12"/>
    </row>
    <row r="514979" spans="8:8">
      <c r="H514979" s="12"/>
    </row>
    <row r="514980" spans="8:8">
      <c r="H514980" s="12"/>
    </row>
    <row r="514981" spans="8:8">
      <c r="H514981" s="12"/>
    </row>
    <row r="514982" spans="8:8">
      <c r="H514982" s="12"/>
    </row>
    <row r="514983" spans="8:8">
      <c r="H514983" s="12"/>
    </row>
    <row r="514984" spans="8:8">
      <c r="H514984" s="12"/>
    </row>
    <row r="514985" spans="8:8">
      <c r="H514985" s="12"/>
    </row>
    <row r="514986" spans="8:8">
      <c r="H514986" s="12"/>
    </row>
    <row r="514987" spans="8:8">
      <c r="H514987" s="12"/>
    </row>
    <row r="514988" spans="8:8">
      <c r="H514988" s="12"/>
    </row>
    <row r="514989" spans="8:8">
      <c r="H514989" s="12"/>
    </row>
    <row r="514990" spans="8:8">
      <c r="H514990" s="12"/>
    </row>
    <row r="514991" spans="8:8">
      <c r="H514991" s="12"/>
    </row>
    <row r="514992" spans="8:8">
      <c r="H514992" s="12"/>
    </row>
    <row r="514993" spans="8:8">
      <c r="H514993" s="12"/>
    </row>
    <row r="514994" spans="8:8">
      <c r="H514994" s="12"/>
    </row>
    <row r="514995" spans="8:8">
      <c r="H514995" s="12"/>
    </row>
    <row r="514996" spans="8:8">
      <c r="H514996" s="12"/>
    </row>
    <row r="514997" spans="8:8">
      <c r="H514997" s="12"/>
    </row>
    <row r="514998" spans="8:8">
      <c r="H514998" s="12"/>
    </row>
    <row r="514999" spans="8:8">
      <c r="H514999" s="12"/>
    </row>
    <row r="515000" spans="8:8">
      <c r="H515000" s="12"/>
    </row>
    <row r="515001" spans="8:8">
      <c r="H515001" s="12"/>
    </row>
    <row r="515002" spans="8:8">
      <c r="H515002" s="12"/>
    </row>
    <row r="515003" spans="8:8">
      <c r="H515003" s="12"/>
    </row>
    <row r="515004" spans="8:8">
      <c r="H515004" s="12"/>
    </row>
    <row r="515005" spans="8:8">
      <c r="H515005" s="12"/>
    </row>
    <row r="515006" spans="8:8">
      <c r="H515006" s="12"/>
    </row>
    <row r="515007" spans="8:8">
      <c r="H515007" s="12"/>
    </row>
    <row r="515008" spans="8:8">
      <c r="H515008" s="12"/>
    </row>
    <row r="515009" spans="8:8">
      <c r="H515009" s="12"/>
    </row>
    <row r="515010" spans="8:8">
      <c r="H515010" s="12"/>
    </row>
    <row r="515011" spans="8:8">
      <c r="H515011" s="12"/>
    </row>
    <row r="515012" spans="8:8">
      <c r="H515012" s="12"/>
    </row>
    <row r="515013" spans="8:8">
      <c r="H515013" s="12"/>
    </row>
    <row r="515014" spans="8:8">
      <c r="H515014" s="12"/>
    </row>
    <row r="515015" spans="8:8">
      <c r="H515015" s="12"/>
    </row>
    <row r="515016" spans="8:8">
      <c r="H515016" s="12"/>
    </row>
    <row r="515017" spans="8:8">
      <c r="H515017" s="12"/>
    </row>
    <row r="515018" spans="8:8">
      <c r="H515018" s="12"/>
    </row>
    <row r="515019" spans="8:8">
      <c r="H515019" s="12"/>
    </row>
    <row r="515020" spans="8:8">
      <c r="H515020" s="12"/>
    </row>
    <row r="515021" spans="8:8">
      <c r="H515021" s="12"/>
    </row>
    <row r="515022" spans="8:8">
      <c r="H515022" s="12"/>
    </row>
    <row r="515023" spans="8:8">
      <c r="H515023" s="12"/>
    </row>
    <row r="515024" spans="8:8">
      <c r="H515024" s="12"/>
    </row>
    <row r="515025" spans="8:8">
      <c r="H515025" s="12"/>
    </row>
    <row r="515026" spans="8:8">
      <c r="H515026" s="12"/>
    </row>
    <row r="515027" spans="8:8">
      <c r="H515027" s="12"/>
    </row>
    <row r="515028" spans="8:8">
      <c r="H515028" s="12"/>
    </row>
    <row r="515029" spans="8:8">
      <c r="H515029" s="12"/>
    </row>
    <row r="515030" spans="8:8">
      <c r="H515030" s="12"/>
    </row>
    <row r="515031" spans="8:8">
      <c r="H515031" s="12"/>
    </row>
    <row r="515032" spans="8:8">
      <c r="H515032" s="12"/>
    </row>
    <row r="515033" spans="8:8">
      <c r="H515033" s="12"/>
    </row>
    <row r="515034" spans="8:8">
      <c r="H515034" s="12"/>
    </row>
    <row r="515035" spans="8:8">
      <c r="H515035" s="12"/>
    </row>
    <row r="515036" spans="8:8">
      <c r="H515036" s="12"/>
    </row>
    <row r="515037" spans="8:8">
      <c r="H515037" s="12"/>
    </row>
    <row r="515038" spans="8:8">
      <c r="H515038" s="12"/>
    </row>
    <row r="515039" spans="8:8">
      <c r="H515039" s="12"/>
    </row>
    <row r="515040" spans="8:8">
      <c r="H515040" s="12"/>
    </row>
    <row r="515041" spans="8:8">
      <c r="H515041" s="12"/>
    </row>
    <row r="515042" spans="8:8">
      <c r="H515042" s="12"/>
    </row>
    <row r="515043" spans="8:8">
      <c r="H515043" s="12"/>
    </row>
    <row r="515044" spans="8:8">
      <c r="H515044" s="12"/>
    </row>
    <row r="515045" spans="8:8">
      <c r="H515045" s="12"/>
    </row>
    <row r="515046" spans="8:8">
      <c r="H515046" s="12"/>
    </row>
    <row r="515047" spans="8:8">
      <c r="H515047" s="12"/>
    </row>
    <row r="515048" spans="8:8">
      <c r="H515048" s="12"/>
    </row>
    <row r="515049" spans="8:8">
      <c r="H515049" s="12"/>
    </row>
    <row r="515050" spans="8:8">
      <c r="H515050" s="12"/>
    </row>
    <row r="515051" spans="8:8">
      <c r="H515051" s="12"/>
    </row>
    <row r="515052" spans="8:8">
      <c r="H515052" s="12"/>
    </row>
    <row r="515053" spans="8:8">
      <c r="H515053" s="12"/>
    </row>
    <row r="515054" spans="8:8">
      <c r="H515054" s="12"/>
    </row>
    <row r="515055" spans="8:8">
      <c r="H515055" s="12"/>
    </row>
    <row r="515056" spans="8:8">
      <c r="H515056" s="12"/>
    </row>
    <row r="515057" spans="8:8">
      <c r="H515057" s="12"/>
    </row>
    <row r="515058" spans="8:8">
      <c r="H515058" s="12"/>
    </row>
    <row r="515059" spans="8:8">
      <c r="H515059" s="12"/>
    </row>
    <row r="515060" spans="8:8">
      <c r="H515060" s="12"/>
    </row>
    <row r="515061" spans="8:8">
      <c r="H515061" s="12"/>
    </row>
    <row r="515062" spans="8:8">
      <c r="H515062" s="12"/>
    </row>
    <row r="515063" spans="8:8">
      <c r="H515063" s="12"/>
    </row>
    <row r="515064" spans="8:8">
      <c r="H515064" s="12"/>
    </row>
    <row r="515065" spans="8:8">
      <c r="H515065" s="12"/>
    </row>
    <row r="515066" spans="8:8">
      <c r="H515066" s="12"/>
    </row>
    <row r="515067" spans="8:8">
      <c r="H515067" s="12"/>
    </row>
    <row r="515068" spans="8:8">
      <c r="H515068" s="12"/>
    </row>
    <row r="515069" spans="8:8">
      <c r="H515069" s="12"/>
    </row>
    <row r="515070" spans="8:8">
      <c r="H515070" s="12"/>
    </row>
    <row r="515071" spans="8:8">
      <c r="H515071" s="12"/>
    </row>
    <row r="515072" spans="8:8">
      <c r="H515072" s="12"/>
    </row>
    <row r="515073" spans="8:8">
      <c r="H515073" s="12"/>
    </row>
    <row r="515074" spans="8:8">
      <c r="H515074" s="12"/>
    </row>
    <row r="515075" spans="8:8">
      <c r="H515075" s="12"/>
    </row>
    <row r="515076" spans="8:8">
      <c r="H515076" s="12"/>
    </row>
    <row r="515077" spans="8:8">
      <c r="H515077" s="12"/>
    </row>
    <row r="515078" spans="8:8">
      <c r="H515078" s="12"/>
    </row>
    <row r="515079" spans="8:8">
      <c r="H515079" s="12"/>
    </row>
    <row r="515080" spans="8:8">
      <c r="H515080" s="12"/>
    </row>
    <row r="515081" spans="8:8">
      <c r="H515081" s="12"/>
    </row>
    <row r="515082" spans="8:8">
      <c r="H515082" s="12"/>
    </row>
    <row r="515083" spans="8:8">
      <c r="H515083" s="12"/>
    </row>
    <row r="515084" spans="8:8">
      <c r="H515084" s="12"/>
    </row>
    <row r="515085" spans="8:8">
      <c r="H515085" s="12"/>
    </row>
    <row r="515086" spans="8:8">
      <c r="H515086" s="12"/>
    </row>
    <row r="515087" spans="8:8">
      <c r="H515087" s="12"/>
    </row>
    <row r="515088" spans="8:8">
      <c r="H515088" s="12"/>
    </row>
    <row r="515089" spans="8:8">
      <c r="H515089" s="12"/>
    </row>
    <row r="515090" spans="8:8">
      <c r="H515090" s="12"/>
    </row>
    <row r="515091" spans="8:8">
      <c r="H515091" s="12"/>
    </row>
    <row r="515092" spans="8:8">
      <c r="H515092" s="12"/>
    </row>
    <row r="515093" spans="8:8">
      <c r="H515093" s="12"/>
    </row>
    <row r="515094" spans="8:8">
      <c r="H515094" s="12"/>
    </row>
    <row r="515095" spans="8:8">
      <c r="H515095" s="12"/>
    </row>
    <row r="515096" spans="8:8">
      <c r="H515096" s="12"/>
    </row>
    <row r="515097" spans="8:8">
      <c r="H515097" s="12"/>
    </row>
    <row r="515098" spans="8:8">
      <c r="H515098" s="12"/>
    </row>
    <row r="515099" spans="8:8">
      <c r="H515099" s="12"/>
    </row>
    <row r="515100" spans="8:8">
      <c r="H515100" s="12"/>
    </row>
    <row r="515101" spans="8:8">
      <c r="H515101" s="12"/>
    </row>
    <row r="515102" spans="8:8">
      <c r="H515102" s="12"/>
    </row>
    <row r="515103" spans="8:8">
      <c r="H515103" s="12"/>
    </row>
    <row r="515104" spans="8:8">
      <c r="H515104" s="12"/>
    </row>
    <row r="515105" spans="8:8">
      <c r="H515105" s="12"/>
    </row>
    <row r="515106" spans="8:8">
      <c r="H515106" s="12"/>
    </row>
    <row r="515107" spans="8:8">
      <c r="H515107" s="12"/>
    </row>
    <row r="515108" spans="8:8">
      <c r="H515108" s="12"/>
    </row>
    <row r="515109" spans="8:8">
      <c r="H515109" s="12"/>
    </row>
    <row r="515110" spans="8:8">
      <c r="H515110" s="12"/>
    </row>
    <row r="515111" spans="8:8">
      <c r="H515111" s="12"/>
    </row>
    <row r="515112" spans="8:8">
      <c r="H515112" s="12"/>
    </row>
    <row r="515113" spans="8:8">
      <c r="H515113" s="12"/>
    </row>
    <row r="515114" spans="8:8">
      <c r="H515114" s="12"/>
    </row>
    <row r="515115" spans="8:8">
      <c r="H515115" s="12"/>
    </row>
    <row r="515116" spans="8:8">
      <c r="H515116" s="12"/>
    </row>
    <row r="515117" spans="8:8">
      <c r="H515117" s="12"/>
    </row>
    <row r="515118" spans="8:8">
      <c r="H515118" s="12"/>
    </row>
    <row r="515119" spans="8:8">
      <c r="H515119" s="12"/>
    </row>
    <row r="515120" spans="8:8">
      <c r="H515120" s="12"/>
    </row>
    <row r="515121" spans="8:8">
      <c r="H515121" s="12"/>
    </row>
    <row r="515122" spans="8:8">
      <c r="H515122" s="12"/>
    </row>
    <row r="515123" spans="8:8">
      <c r="H515123" s="12"/>
    </row>
    <row r="515124" spans="8:8">
      <c r="H515124" s="12"/>
    </row>
    <row r="515125" spans="8:8">
      <c r="H515125" s="12"/>
    </row>
    <row r="515126" spans="8:8">
      <c r="H515126" s="12"/>
    </row>
    <row r="515127" spans="8:8">
      <c r="H515127" s="12"/>
    </row>
    <row r="515128" spans="8:8">
      <c r="H515128" s="12"/>
    </row>
    <row r="515129" spans="8:8">
      <c r="H515129" s="12"/>
    </row>
    <row r="515130" spans="8:8">
      <c r="H515130" s="12"/>
    </row>
    <row r="515131" spans="8:8">
      <c r="H515131" s="12"/>
    </row>
    <row r="515132" spans="8:8">
      <c r="H515132" s="12"/>
    </row>
    <row r="515133" spans="8:8">
      <c r="H515133" s="12"/>
    </row>
    <row r="515134" spans="8:8">
      <c r="H515134" s="12"/>
    </row>
    <row r="515135" spans="8:8">
      <c r="H515135" s="12"/>
    </row>
    <row r="515136" spans="8:8">
      <c r="H515136" s="12"/>
    </row>
    <row r="515137" spans="8:8">
      <c r="H515137" s="12"/>
    </row>
    <row r="515138" spans="8:8">
      <c r="H515138" s="12"/>
    </row>
    <row r="515139" spans="8:8">
      <c r="H515139" s="12"/>
    </row>
    <row r="515140" spans="8:8">
      <c r="H515140" s="12"/>
    </row>
    <row r="515141" spans="8:8">
      <c r="H515141" s="12"/>
    </row>
    <row r="515142" spans="8:8">
      <c r="H515142" s="12"/>
    </row>
    <row r="515143" spans="8:8">
      <c r="H515143" s="12"/>
    </row>
    <row r="515144" spans="8:8">
      <c r="H515144" s="12"/>
    </row>
    <row r="515145" spans="8:8">
      <c r="H515145" s="12"/>
    </row>
    <row r="515146" spans="8:8">
      <c r="H515146" s="12"/>
    </row>
    <row r="515147" spans="8:8">
      <c r="H515147" s="12"/>
    </row>
    <row r="515148" spans="8:8">
      <c r="H515148" s="12"/>
    </row>
    <row r="515149" spans="8:8">
      <c r="H515149" s="12"/>
    </row>
    <row r="515150" spans="8:8">
      <c r="H515150" s="12"/>
    </row>
    <row r="515151" spans="8:8">
      <c r="H515151" s="12"/>
    </row>
    <row r="515152" spans="8:8">
      <c r="H515152" s="12"/>
    </row>
    <row r="515153" spans="8:8">
      <c r="H515153" s="12"/>
    </row>
    <row r="515154" spans="8:8">
      <c r="H515154" s="12"/>
    </row>
    <row r="515155" spans="8:8">
      <c r="H515155" s="12"/>
    </row>
    <row r="515156" spans="8:8">
      <c r="H515156" s="12"/>
    </row>
    <row r="515157" spans="8:8">
      <c r="H515157" s="12"/>
    </row>
    <row r="515158" spans="8:8">
      <c r="H515158" s="12"/>
    </row>
    <row r="515159" spans="8:8">
      <c r="H515159" s="12"/>
    </row>
    <row r="515160" spans="8:8">
      <c r="H515160" s="12"/>
    </row>
    <row r="515161" spans="8:8">
      <c r="H515161" s="12"/>
    </row>
    <row r="515162" spans="8:8">
      <c r="H515162" s="12"/>
    </row>
    <row r="515163" spans="8:8">
      <c r="H515163" s="12"/>
    </row>
    <row r="515164" spans="8:8">
      <c r="H515164" s="12"/>
    </row>
    <row r="515165" spans="8:8">
      <c r="H515165" s="12"/>
    </row>
    <row r="515166" spans="8:8">
      <c r="H515166" s="12"/>
    </row>
    <row r="515167" spans="8:8">
      <c r="H515167" s="12"/>
    </row>
    <row r="515168" spans="8:8">
      <c r="H515168" s="12"/>
    </row>
    <row r="515169" spans="8:8">
      <c r="H515169" s="12"/>
    </row>
    <row r="515170" spans="8:8">
      <c r="H515170" s="12"/>
    </row>
    <row r="515171" spans="8:8">
      <c r="H515171" s="12"/>
    </row>
    <row r="515172" spans="8:8">
      <c r="H515172" s="12"/>
    </row>
    <row r="515173" spans="8:8">
      <c r="H515173" s="12"/>
    </row>
    <row r="515174" spans="8:8">
      <c r="H515174" s="12"/>
    </row>
    <row r="515175" spans="8:8">
      <c r="H515175" s="12"/>
    </row>
    <row r="515176" spans="8:8">
      <c r="H515176" s="12"/>
    </row>
    <row r="515177" spans="8:8">
      <c r="H515177" s="12"/>
    </row>
    <row r="515178" spans="8:8">
      <c r="H515178" s="12"/>
    </row>
    <row r="515179" spans="8:8">
      <c r="H515179" s="12"/>
    </row>
    <row r="515180" spans="8:8">
      <c r="H515180" s="12"/>
    </row>
    <row r="515181" spans="8:8">
      <c r="H515181" s="12"/>
    </row>
    <row r="515182" spans="8:8">
      <c r="H515182" s="12"/>
    </row>
    <row r="515183" spans="8:8">
      <c r="H515183" s="12"/>
    </row>
    <row r="515184" spans="8:8">
      <c r="H515184" s="12"/>
    </row>
    <row r="515185" spans="8:8">
      <c r="H515185" s="12"/>
    </row>
    <row r="515186" spans="8:8">
      <c r="H515186" s="12"/>
    </row>
    <row r="515187" spans="8:8">
      <c r="H515187" s="12"/>
    </row>
    <row r="515188" spans="8:8">
      <c r="H515188" s="12"/>
    </row>
    <row r="515189" spans="8:8">
      <c r="H515189" s="12"/>
    </row>
    <row r="515190" spans="8:8">
      <c r="H515190" s="12"/>
    </row>
    <row r="515191" spans="8:8">
      <c r="H515191" s="12"/>
    </row>
    <row r="515192" spans="8:8">
      <c r="H515192" s="12"/>
    </row>
    <row r="515193" spans="8:8">
      <c r="H515193" s="12"/>
    </row>
    <row r="515194" spans="8:8">
      <c r="H515194" s="12"/>
    </row>
    <row r="515195" spans="8:8">
      <c r="H515195" s="12"/>
    </row>
    <row r="515196" spans="8:8">
      <c r="H515196" s="12"/>
    </row>
    <row r="515197" spans="8:8">
      <c r="H515197" s="12"/>
    </row>
    <row r="515198" spans="8:8">
      <c r="H515198" s="12"/>
    </row>
    <row r="515199" spans="8:8">
      <c r="H515199" s="12"/>
    </row>
    <row r="515200" spans="8:8">
      <c r="H515200" s="12"/>
    </row>
    <row r="515201" spans="8:8">
      <c r="H515201" s="12"/>
    </row>
    <row r="515202" spans="8:8">
      <c r="H515202" s="12"/>
    </row>
    <row r="515203" spans="8:8">
      <c r="H515203" s="12"/>
    </row>
    <row r="515204" spans="8:8">
      <c r="H515204" s="12"/>
    </row>
    <row r="515205" spans="8:8">
      <c r="H515205" s="12"/>
    </row>
    <row r="515206" spans="8:8">
      <c r="H515206" s="12"/>
    </row>
    <row r="515207" spans="8:8">
      <c r="H515207" s="12"/>
    </row>
    <row r="515208" spans="8:8">
      <c r="H515208" s="12"/>
    </row>
    <row r="515209" spans="8:8">
      <c r="H515209" s="12"/>
    </row>
    <row r="515210" spans="8:8">
      <c r="H515210" s="12"/>
    </row>
    <row r="515211" spans="8:8">
      <c r="H515211" s="12"/>
    </row>
    <row r="515212" spans="8:8">
      <c r="H515212" s="12"/>
    </row>
    <row r="515213" spans="8:8">
      <c r="H515213" s="12"/>
    </row>
    <row r="515214" spans="8:8">
      <c r="H515214" s="12"/>
    </row>
    <row r="515215" spans="8:8">
      <c r="H515215" s="12"/>
    </row>
    <row r="515216" spans="8:8">
      <c r="H515216" s="12"/>
    </row>
    <row r="515217" spans="8:8">
      <c r="H515217" s="12"/>
    </row>
    <row r="515218" spans="8:8">
      <c r="H515218" s="12"/>
    </row>
    <row r="515219" spans="8:8">
      <c r="H515219" s="12"/>
    </row>
    <row r="515220" spans="8:8">
      <c r="H515220" s="12"/>
    </row>
    <row r="515221" spans="8:8">
      <c r="H515221" s="12"/>
    </row>
    <row r="515222" spans="8:8">
      <c r="H515222" s="12"/>
    </row>
    <row r="515223" spans="8:8">
      <c r="H515223" s="12"/>
    </row>
    <row r="515224" spans="8:8">
      <c r="H515224" s="12"/>
    </row>
    <row r="515225" spans="8:8">
      <c r="H515225" s="12"/>
    </row>
    <row r="515226" spans="8:8">
      <c r="H515226" s="12"/>
    </row>
    <row r="515227" spans="8:8">
      <c r="H515227" s="12"/>
    </row>
    <row r="515228" spans="8:8">
      <c r="H515228" s="12"/>
    </row>
    <row r="515229" spans="8:8">
      <c r="H515229" s="12"/>
    </row>
    <row r="515230" spans="8:8">
      <c r="H515230" s="12"/>
    </row>
    <row r="515231" spans="8:8">
      <c r="H515231" s="12"/>
    </row>
    <row r="515232" spans="8:8">
      <c r="H515232" s="12"/>
    </row>
    <row r="515233" spans="8:8">
      <c r="H515233" s="12"/>
    </row>
    <row r="515234" spans="8:8">
      <c r="H515234" s="12"/>
    </row>
    <row r="515235" spans="8:8">
      <c r="H515235" s="12"/>
    </row>
    <row r="515236" spans="8:8">
      <c r="H515236" s="12"/>
    </row>
    <row r="515237" spans="8:8">
      <c r="H515237" s="12"/>
    </row>
    <row r="515238" spans="8:8">
      <c r="H515238" s="12"/>
    </row>
    <row r="515239" spans="8:8">
      <c r="H515239" s="12"/>
    </row>
    <row r="515240" spans="8:8">
      <c r="H515240" s="12"/>
    </row>
    <row r="515241" spans="8:8">
      <c r="H515241" s="12"/>
    </row>
    <row r="515242" spans="8:8">
      <c r="H515242" s="12"/>
    </row>
    <row r="515243" spans="8:8">
      <c r="H515243" s="12"/>
    </row>
    <row r="515244" spans="8:8">
      <c r="H515244" s="12"/>
    </row>
    <row r="515245" spans="8:8">
      <c r="H515245" s="12"/>
    </row>
    <row r="515246" spans="8:8">
      <c r="H515246" s="12"/>
    </row>
    <row r="515247" spans="8:8">
      <c r="H515247" s="12"/>
    </row>
    <row r="515248" spans="8:8">
      <c r="H515248" s="12"/>
    </row>
    <row r="515249" spans="8:8">
      <c r="H515249" s="12"/>
    </row>
    <row r="515250" spans="8:8">
      <c r="H515250" s="12"/>
    </row>
    <row r="515251" spans="8:8">
      <c r="H515251" s="12"/>
    </row>
    <row r="515252" spans="8:8">
      <c r="H515252" s="12"/>
    </row>
    <row r="515253" spans="8:8">
      <c r="H515253" s="12"/>
    </row>
    <row r="515254" spans="8:8">
      <c r="H515254" s="12"/>
    </row>
    <row r="515255" spans="8:8">
      <c r="H515255" s="12"/>
    </row>
    <row r="515256" spans="8:8">
      <c r="H515256" s="12"/>
    </row>
    <row r="515257" spans="8:8">
      <c r="H515257" s="12"/>
    </row>
    <row r="515258" spans="8:8">
      <c r="H515258" s="12"/>
    </row>
    <row r="515259" spans="8:8">
      <c r="H515259" s="12"/>
    </row>
    <row r="515260" spans="8:8">
      <c r="H515260" s="12"/>
    </row>
    <row r="515261" spans="8:8">
      <c r="H515261" s="12"/>
    </row>
    <row r="515262" spans="8:8">
      <c r="H515262" s="12"/>
    </row>
    <row r="515263" spans="8:8">
      <c r="H515263" s="12"/>
    </row>
    <row r="515264" spans="8:8">
      <c r="H515264" s="12"/>
    </row>
    <row r="515265" spans="8:8">
      <c r="H515265" s="12"/>
    </row>
    <row r="515266" spans="8:8">
      <c r="H515266" s="12"/>
    </row>
    <row r="515267" spans="8:8">
      <c r="H515267" s="12"/>
    </row>
    <row r="515268" spans="8:8">
      <c r="H515268" s="12"/>
    </row>
    <row r="515269" spans="8:8">
      <c r="H515269" s="12"/>
    </row>
    <row r="515270" spans="8:8">
      <c r="H515270" s="12"/>
    </row>
    <row r="515271" spans="8:8">
      <c r="H515271" s="12"/>
    </row>
    <row r="515272" spans="8:8">
      <c r="H515272" s="12"/>
    </row>
    <row r="515273" spans="8:8">
      <c r="H515273" s="12"/>
    </row>
    <row r="515274" spans="8:8">
      <c r="H515274" s="12"/>
    </row>
    <row r="515275" spans="8:8">
      <c r="H515275" s="12"/>
    </row>
    <row r="515276" spans="8:8">
      <c r="H515276" s="12"/>
    </row>
    <row r="515277" spans="8:8">
      <c r="H515277" s="12"/>
    </row>
    <row r="515278" spans="8:8">
      <c r="H515278" s="12"/>
    </row>
    <row r="515279" spans="8:8">
      <c r="H515279" s="12"/>
    </row>
    <row r="515280" spans="8:8">
      <c r="H515280" s="12"/>
    </row>
    <row r="515281" spans="8:8">
      <c r="H515281" s="12"/>
    </row>
    <row r="515282" spans="8:8">
      <c r="H515282" s="12"/>
    </row>
    <row r="515283" spans="8:8">
      <c r="H515283" s="12"/>
    </row>
    <row r="515284" spans="8:8">
      <c r="H515284" s="12"/>
    </row>
    <row r="515285" spans="8:8">
      <c r="H515285" s="12"/>
    </row>
    <row r="515286" spans="8:8">
      <c r="H515286" s="12"/>
    </row>
    <row r="515287" spans="8:8">
      <c r="H515287" s="12"/>
    </row>
    <row r="515288" spans="8:8">
      <c r="H515288" s="12"/>
    </row>
    <row r="515289" spans="8:8">
      <c r="H515289" s="12"/>
    </row>
    <row r="515290" spans="8:8">
      <c r="H515290" s="12"/>
    </row>
    <row r="515291" spans="8:8">
      <c r="H515291" s="12"/>
    </row>
    <row r="515292" spans="8:8">
      <c r="H515292" s="12"/>
    </row>
    <row r="515293" spans="8:8">
      <c r="H515293" s="12"/>
    </row>
    <row r="515294" spans="8:8">
      <c r="H515294" s="12"/>
    </row>
    <row r="515295" spans="8:8">
      <c r="H515295" s="12"/>
    </row>
    <row r="515296" spans="8:8">
      <c r="H515296" s="12"/>
    </row>
    <row r="515297" spans="8:8">
      <c r="H515297" s="12"/>
    </row>
    <row r="515298" spans="8:8">
      <c r="H515298" s="12"/>
    </row>
    <row r="515299" spans="8:8">
      <c r="H515299" s="12"/>
    </row>
    <row r="515300" spans="8:8">
      <c r="H515300" s="12"/>
    </row>
    <row r="515301" spans="8:8">
      <c r="H515301" s="12"/>
    </row>
    <row r="515302" spans="8:8">
      <c r="H515302" s="12"/>
    </row>
    <row r="515303" spans="8:8">
      <c r="H515303" s="12"/>
    </row>
    <row r="515304" spans="8:8">
      <c r="H515304" s="12"/>
    </row>
    <row r="515305" spans="8:8">
      <c r="H515305" s="12"/>
    </row>
    <row r="515306" spans="8:8">
      <c r="H515306" s="12"/>
    </row>
    <row r="515307" spans="8:8">
      <c r="H515307" s="12"/>
    </row>
    <row r="515308" spans="8:8">
      <c r="H515308" s="12"/>
    </row>
    <row r="515309" spans="8:8">
      <c r="H515309" s="12"/>
    </row>
    <row r="515310" spans="8:8">
      <c r="H515310" s="12"/>
    </row>
    <row r="515311" spans="8:8">
      <c r="H515311" s="12"/>
    </row>
    <row r="515312" spans="8:8">
      <c r="H515312" s="12"/>
    </row>
    <row r="515313" spans="8:8">
      <c r="H515313" s="12"/>
    </row>
    <row r="515314" spans="8:8">
      <c r="H515314" s="12"/>
    </row>
    <row r="515315" spans="8:8">
      <c r="H515315" s="12"/>
    </row>
    <row r="515316" spans="8:8">
      <c r="H515316" s="12"/>
    </row>
    <row r="515317" spans="8:8">
      <c r="H515317" s="12"/>
    </row>
    <row r="515318" spans="8:8">
      <c r="H515318" s="12"/>
    </row>
    <row r="515319" spans="8:8">
      <c r="H515319" s="12"/>
    </row>
    <row r="515320" spans="8:8">
      <c r="H515320" s="12"/>
    </row>
    <row r="515321" spans="8:8">
      <c r="H515321" s="12"/>
    </row>
    <row r="515322" spans="8:8">
      <c r="H515322" s="12"/>
    </row>
    <row r="515323" spans="8:8">
      <c r="H515323" s="12"/>
    </row>
    <row r="515324" spans="8:8">
      <c r="H515324" s="12"/>
    </row>
    <row r="515325" spans="8:8">
      <c r="H515325" s="12"/>
    </row>
    <row r="515326" spans="8:8">
      <c r="H515326" s="12"/>
    </row>
    <row r="515327" spans="8:8">
      <c r="H515327" s="12"/>
    </row>
    <row r="515328" spans="8:8">
      <c r="H515328" s="12"/>
    </row>
    <row r="515329" spans="8:8">
      <c r="H515329" s="12"/>
    </row>
    <row r="515330" spans="8:8">
      <c r="H515330" s="12"/>
    </row>
    <row r="515331" spans="8:8">
      <c r="H515331" s="12"/>
    </row>
    <row r="515332" spans="8:8">
      <c r="H515332" s="12"/>
    </row>
    <row r="515333" spans="8:8">
      <c r="H515333" s="12"/>
    </row>
    <row r="515334" spans="8:8">
      <c r="H515334" s="12"/>
    </row>
    <row r="515335" spans="8:8">
      <c r="H515335" s="12"/>
    </row>
    <row r="515336" spans="8:8">
      <c r="H515336" s="12"/>
    </row>
    <row r="515337" spans="8:8">
      <c r="H515337" s="12"/>
    </row>
    <row r="515338" spans="8:8">
      <c r="H515338" s="12"/>
    </row>
    <row r="515339" spans="8:8">
      <c r="H515339" s="12"/>
    </row>
    <row r="515340" spans="8:8">
      <c r="H515340" s="12"/>
    </row>
    <row r="515341" spans="8:8">
      <c r="H515341" s="12"/>
    </row>
    <row r="515342" spans="8:8">
      <c r="H515342" s="12"/>
    </row>
    <row r="515343" spans="8:8">
      <c r="H515343" s="12"/>
    </row>
    <row r="515344" spans="8:8">
      <c r="H515344" s="12"/>
    </row>
    <row r="515345" spans="8:8">
      <c r="H515345" s="12"/>
    </row>
    <row r="515346" spans="8:8">
      <c r="H515346" s="12"/>
    </row>
    <row r="515347" spans="8:8">
      <c r="H515347" s="12"/>
    </row>
    <row r="515348" spans="8:8">
      <c r="H515348" s="12"/>
    </row>
    <row r="515349" spans="8:8">
      <c r="H515349" s="12"/>
    </row>
    <row r="515350" spans="8:8">
      <c r="H515350" s="12"/>
    </row>
    <row r="515351" spans="8:8">
      <c r="H515351" s="12"/>
    </row>
    <row r="515352" spans="8:8">
      <c r="H515352" s="12"/>
    </row>
    <row r="515353" spans="8:8">
      <c r="H515353" s="12"/>
    </row>
    <row r="515354" spans="8:8">
      <c r="H515354" s="12"/>
    </row>
    <row r="515355" spans="8:8">
      <c r="H515355" s="12"/>
    </row>
    <row r="515356" spans="8:8">
      <c r="H515356" s="12"/>
    </row>
    <row r="515357" spans="8:8">
      <c r="H515357" s="12"/>
    </row>
    <row r="515358" spans="8:8">
      <c r="H515358" s="12"/>
    </row>
    <row r="515359" spans="8:8">
      <c r="H515359" s="12"/>
    </row>
    <row r="515360" spans="8:8">
      <c r="H515360" s="12"/>
    </row>
    <row r="515361" spans="8:8">
      <c r="H515361" s="12"/>
    </row>
    <row r="515362" spans="8:8">
      <c r="H515362" s="12"/>
    </row>
    <row r="515363" spans="8:8">
      <c r="H515363" s="12"/>
    </row>
    <row r="515364" spans="8:8">
      <c r="H515364" s="12"/>
    </row>
    <row r="515365" spans="8:8">
      <c r="H515365" s="12"/>
    </row>
    <row r="515366" spans="8:8">
      <c r="H515366" s="12"/>
    </row>
    <row r="515367" spans="8:8">
      <c r="H515367" s="12"/>
    </row>
    <row r="515368" spans="8:8">
      <c r="H515368" s="12"/>
    </row>
    <row r="515369" spans="8:8">
      <c r="H515369" s="12"/>
    </row>
    <row r="515370" spans="8:8">
      <c r="H515370" s="12"/>
    </row>
    <row r="515371" spans="8:8">
      <c r="H515371" s="12"/>
    </row>
    <row r="515372" spans="8:8">
      <c r="H515372" s="12"/>
    </row>
    <row r="515373" spans="8:8">
      <c r="H515373" s="12"/>
    </row>
    <row r="515374" spans="8:8">
      <c r="H515374" s="12"/>
    </row>
    <row r="515375" spans="8:8">
      <c r="H515375" s="12"/>
    </row>
    <row r="515376" spans="8:8">
      <c r="H515376" s="12"/>
    </row>
    <row r="515377" spans="8:8">
      <c r="H515377" s="12"/>
    </row>
    <row r="515378" spans="8:8">
      <c r="H515378" s="12"/>
    </row>
    <row r="515379" spans="8:8">
      <c r="H515379" s="12"/>
    </row>
    <row r="515380" spans="8:8">
      <c r="H515380" s="12"/>
    </row>
    <row r="515381" spans="8:8">
      <c r="H515381" s="12"/>
    </row>
    <row r="515382" spans="8:8">
      <c r="H515382" s="12"/>
    </row>
    <row r="515383" spans="8:8">
      <c r="H515383" s="12"/>
    </row>
    <row r="515384" spans="8:8">
      <c r="H515384" s="12"/>
    </row>
    <row r="515385" spans="8:8">
      <c r="H515385" s="12"/>
    </row>
    <row r="515386" spans="8:8">
      <c r="H515386" s="12"/>
    </row>
    <row r="515387" spans="8:8">
      <c r="H515387" s="12"/>
    </row>
    <row r="515388" spans="8:8">
      <c r="H515388" s="12"/>
    </row>
    <row r="515389" spans="8:8">
      <c r="H515389" s="12"/>
    </row>
    <row r="515390" spans="8:8">
      <c r="H515390" s="12"/>
    </row>
    <row r="515391" spans="8:8">
      <c r="H515391" s="12"/>
    </row>
    <row r="515392" spans="8:8">
      <c r="H515392" s="12"/>
    </row>
    <row r="515393" spans="8:8">
      <c r="H515393" s="12"/>
    </row>
    <row r="515394" spans="8:8">
      <c r="H515394" s="12"/>
    </row>
    <row r="515395" spans="8:8">
      <c r="H515395" s="12"/>
    </row>
    <row r="515396" spans="8:8">
      <c r="H515396" s="12"/>
    </row>
    <row r="515397" spans="8:8">
      <c r="H515397" s="12"/>
    </row>
    <row r="515398" spans="8:8">
      <c r="H515398" s="12"/>
    </row>
    <row r="515399" spans="8:8">
      <c r="H515399" s="12"/>
    </row>
    <row r="515400" spans="8:8">
      <c r="H515400" s="12"/>
    </row>
    <row r="515401" spans="8:8">
      <c r="H515401" s="12"/>
    </row>
    <row r="515402" spans="8:8">
      <c r="H515402" s="12"/>
    </row>
    <row r="515403" spans="8:8">
      <c r="H515403" s="12"/>
    </row>
    <row r="515404" spans="8:8">
      <c r="H515404" s="12"/>
    </row>
    <row r="515405" spans="8:8">
      <c r="H515405" s="12"/>
    </row>
    <row r="515406" spans="8:8">
      <c r="H515406" s="12"/>
    </row>
    <row r="515407" spans="8:8">
      <c r="H515407" s="12"/>
    </row>
    <row r="515408" spans="8:8">
      <c r="H515408" s="12"/>
    </row>
    <row r="515409" spans="8:8">
      <c r="H515409" s="12"/>
    </row>
    <row r="515410" spans="8:8">
      <c r="H515410" s="12"/>
    </row>
    <row r="515411" spans="8:8">
      <c r="H515411" s="12"/>
    </row>
    <row r="515412" spans="8:8">
      <c r="H515412" s="12"/>
    </row>
    <row r="515413" spans="8:8">
      <c r="H515413" s="12"/>
    </row>
    <row r="515414" spans="8:8">
      <c r="H515414" s="12"/>
    </row>
    <row r="515415" spans="8:8">
      <c r="H515415" s="12"/>
    </row>
    <row r="515416" spans="8:8">
      <c r="H515416" s="12"/>
    </row>
    <row r="515417" spans="8:8">
      <c r="H515417" s="12"/>
    </row>
    <row r="515418" spans="8:8">
      <c r="H515418" s="12"/>
    </row>
    <row r="515419" spans="8:8">
      <c r="H515419" s="12"/>
    </row>
    <row r="515420" spans="8:8">
      <c r="H515420" s="12"/>
    </row>
    <row r="515421" spans="8:8">
      <c r="H515421" s="12"/>
    </row>
    <row r="515422" spans="8:8">
      <c r="H515422" s="12"/>
    </row>
    <row r="515423" spans="8:8">
      <c r="H515423" s="12"/>
    </row>
    <row r="515424" spans="8:8">
      <c r="H515424" s="12"/>
    </row>
    <row r="515425" spans="8:8">
      <c r="H515425" s="12"/>
    </row>
    <row r="515426" spans="8:8">
      <c r="H515426" s="12"/>
    </row>
    <row r="515427" spans="8:8">
      <c r="H515427" s="12"/>
    </row>
    <row r="515428" spans="8:8">
      <c r="H515428" s="12"/>
    </row>
    <row r="515429" spans="8:8">
      <c r="H515429" s="12"/>
    </row>
    <row r="515430" spans="8:8">
      <c r="H515430" s="12"/>
    </row>
    <row r="515431" spans="8:8">
      <c r="H515431" s="12"/>
    </row>
    <row r="515432" spans="8:8">
      <c r="H515432" s="12"/>
    </row>
    <row r="515433" spans="8:8">
      <c r="H515433" s="12"/>
    </row>
    <row r="515434" spans="8:8">
      <c r="H515434" s="12"/>
    </row>
    <row r="515435" spans="8:8">
      <c r="H515435" s="12"/>
    </row>
    <row r="515436" spans="8:8">
      <c r="H515436" s="12"/>
    </row>
    <row r="515437" spans="8:8">
      <c r="H515437" s="12"/>
    </row>
    <row r="515438" spans="8:8">
      <c r="H515438" s="12"/>
    </row>
    <row r="515439" spans="8:8">
      <c r="H515439" s="12"/>
    </row>
    <row r="515440" spans="8:8">
      <c r="H515440" s="12"/>
    </row>
    <row r="515441" spans="8:8">
      <c r="H515441" s="12"/>
    </row>
    <row r="515442" spans="8:8">
      <c r="H515442" s="12"/>
    </row>
    <row r="515443" spans="8:8">
      <c r="H515443" s="12"/>
    </row>
    <row r="515444" spans="8:8">
      <c r="H515444" s="12"/>
    </row>
    <row r="515445" spans="8:8">
      <c r="H515445" s="12"/>
    </row>
    <row r="515446" spans="8:8">
      <c r="H515446" s="12"/>
    </row>
    <row r="515447" spans="8:8">
      <c r="H515447" s="12"/>
    </row>
    <row r="515448" spans="8:8">
      <c r="H515448" s="12"/>
    </row>
    <row r="515449" spans="8:8">
      <c r="H515449" s="12"/>
    </row>
    <row r="515450" spans="8:8">
      <c r="H515450" s="12"/>
    </row>
    <row r="515451" spans="8:8">
      <c r="H515451" s="12"/>
    </row>
    <row r="515452" spans="8:8">
      <c r="H515452" s="12"/>
    </row>
    <row r="515453" spans="8:8">
      <c r="H515453" s="12"/>
    </row>
    <row r="515454" spans="8:8">
      <c r="H515454" s="12"/>
    </row>
    <row r="515455" spans="8:8">
      <c r="H515455" s="12"/>
    </row>
    <row r="515456" spans="8:8">
      <c r="H515456" s="12"/>
    </row>
    <row r="515457" spans="8:8">
      <c r="H515457" s="12"/>
    </row>
    <row r="515458" spans="8:8">
      <c r="H515458" s="12"/>
    </row>
    <row r="515459" spans="8:8">
      <c r="H515459" s="12"/>
    </row>
    <row r="515460" spans="8:8">
      <c r="H515460" s="12"/>
    </row>
    <row r="515461" spans="8:8">
      <c r="H515461" s="12"/>
    </row>
    <row r="515462" spans="8:8">
      <c r="H515462" s="12"/>
    </row>
    <row r="515463" spans="8:8">
      <c r="H515463" s="12"/>
    </row>
    <row r="515464" spans="8:8">
      <c r="H515464" s="12"/>
    </row>
    <row r="515465" spans="8:8">
      <c r="H515465" s="12"/>
    </row>
    <row r="515466" spans="8:8">
      <c r="H515466" s="12"/>
    </row>
    <row r="515467" spans="8:8">
      <c r="H515467" s="12"/>
    </row>
    <row r="515468" spans="8:8">
      <c r="H515468" s="12"/>
    </row>
    <row r="515469" spans="8:8">
      <c r="H515469" s="12"/>
    </row>
    <row r="515470" spans="8:8">
      <c r="H515470" s="12"/>
    </row>
    <row r="515471" spans="8:8">
      <c r="H515471" s="12"/>
    </row>
    <row r="515472" spans="8:8">
      <c r="H515472" s="12"/>
    </row>
    <row r="515473" spans="8:8">
      <c r="H515473" s="12"/>
    </row>
    <row r="515474" spans="8:8">
      <c r="H515474" s="12"/>
    </row>
    <row r="515475" spans="8:8">
      <c r="H515475" s="12"/>
    </row>
    <row r="515476" spans="8:8">
      <c r="H515476" s="12"/>
    </row>
    <row r="515477" spans="8:8">
      <c r="H515477" s="12"/>
    </row>
    <row r="515478" spans="8:8">
      <c r="H515478" s="12"/>
    </row>
    <row r="515479" spans="8:8">
      <c r="H515479" s="12"/>
    </row>
    <row r="515480" spans="8:8">
      <c r="H515480" s="12"/>
    </row>
    <row r="515481" spans="8:8">
      <c r="H515481" s="12"/>
    </row>
    <row r="515482" spans="8:8">
      <c r="H515482" s="12"/>
    </row>
    <row r="515483" spans="8:8">
      <c r="H515483" s="12"/>
    </row>
    <row r="515484" spans="8:8">
      <c r="H515484" s="12"/>
    </row>
    <row r="515485" spans="8:8">
      <c r="H515485" s="12"/>
    </row>
    <row r="515486" spans="8:8">
      <c r="H515486" s="12"/>
    </row>
    <row r="515487" spans="8:8">
      <c r="H515487" s="12"/>
    </row>
    <row r="515488" spans="8:8">
      <c r="H515488" s="12"/>
    </row>
    <row r="515489" spans="8:8">
      <c r="H515489" s="12"/>
    </row>
    <row r="515490" spans="8:8">
      <c r="H515490" s="12"/>
    </row>
    <row r="515491" spans="8:8">
      <c r="H515491" s="12"/>
    </row>
    <row r="515492" spans="8:8">
      <c r="H515492" s="12"/>
    </row>
    <row r="515493" spans="8:8">
      <c r="H515493" s="12"/>
    </row>
    <row r="515494" spans="8:8">
      <c r="H515494" s="12"/>
    </row>
    <row r="515495" spans="8:8">
      <c r="H515495" s="12"/>
    </row>
    <row r="515496" spans="8:8">
      <c r="H515496" s="12"/>
    </row>
    <row r="515497" spans="8:8">
      <c r="H515497" s="12"/>
    </row>
    <row r="515498" spans="8:8">
      <c r="H515498" s="12"/>
    </row>
    <row r="515499" spans="8:8">
      <c r="H515499" s="12"/>
    </row>
    <row r="515500" spans="8:8">
      <c r="H515500" s="12"/>
    </row>
    <row r="515501" spans="8:8">
      <c r="H515501" s="12"/>
    </row>
    <row r="515502" spans="8:8">
      <c r="H515502" s="12"/>
    </row>
    <row r="515503" spans="8:8">
      <c r="H515503" s="12"/>
    </row>
    <row r="515504" spans="8:8">
      <c r="H515504" s="12"/>
    </row>
    <row r="515505" spans="8:8">
      <c r="H515505" s="12"/>
    </row>
    <row r="515506" spans="8:8">
      <c r="H515506" s="12"/>
    </row>
    <row r="515507" spans="8:8">
      <c r="H515507" s="12"/>
    </row>
    <row r="515508" spans="8:8">
      <c r="H515508" s="12"/>
    </row>
    <row r="515509" spans="8:8">
      <c r="H515509" s="12"/>
    </row>
    <row r="515510" spans="8:8">
      <c r="H515510" s="12"/>
    </row>
    <row r="515511" spans="8:8">
      <c r="H515511" s="12"/>
    </row>
    <row r="515512" spans="8:8">
      <c r="H515512" s="12"/>
    </row>
    <row r="515513" spans="8:8">
      <c r="H515513" s="12"/>
    </row>
    <row r="515514" spans="8:8">
      <c r="H515514" s="12"/>
    </row>
    <row r="515515" spans="8:8">
      <c r="H515515" s="12"/>
    </row>
    <row r="515516" spans="8:8">
      <c r="H515516" s="12"/>
    </row>
    <row r="515517" spans="8:8">
      <c r="H515517" s="12"/>
    </row>
    <row r="515518" spans="8:8">
      <c r="H515518" s="12"/>
    </row>
    <row r="515519" spans="8:8">
      <c r="H515519" s="12"/>
    </row>
    <row r="515520" spans="8:8">
      <c r="H515520" s="12"/>
    </row>
    <row r="515521" spans="8:8">
      <c r="H515521" s="12"/>
    </row>
    <row r="515522" spans="8:8">
      <c r="H515522" s="12"/>
    </row>
    <row r="515523" spans="8:8">
      <c r="H515523" s="12"/>
    </row>
    <row r="515524" spans="8:8">
      <c r="H515524" s="12"/>
    </row>
    <row r="515525" spans="8:8">
      <c r="H515525" s="12"/>
    </row>
    <row r="515526" spans="8:8">
      <c r="H515526" s="12"/>
    </row>
    <row r="515527" spans="8:8">
      <c r="H515527" s="12"/>
    </row>
    <row r="515528" spans="8:8">
      <c r="H515528" s="12"/>
    </row>
    <row r="515529" spans="8:8">
      <c r="H515529" s="12"/>
    </row>
    <row r="515530" spans="8:8">
      <c r="H515530" s="12"/>
    </row>
    <row r="515531" spans="8:8">
      <c r="H515531" s="12"/>
    </row>
    <row r="515532" spans="8:8">
      <c r="H515532" s="12"/>
    </row>
    <row r="515533" spans="8:8">
      <c r="H515533" s="12"/>
    </row>
    <row r="515534" spans="8:8">
      <c r="H515534" s="12"/>
    </row>
    <row r="515535" spans="8:8">
      <c r="H515535" s="12"/>
    </row>
    <row r="515536" spans="8:8">
      <c r="H515536" s="12"/>
    </row>
    <row r="515537" spans="8:8">
      <c r="H515537" s="12"/>
    </row>
    <row r="515538" spans="8:8">
      <c r="H515538" s="12"/>
    </row>
    <row r="515539" spans="8:8">
      <c r="H515539" s="12"/>
    </row>
    <row r="515540" spans="8:8">
      <c r="H515540" s="12"/>
    </row>
    <row r="515541" spans="8:8">
      <c r="H515541" s="12"/>
    </row>
    <row r="515542" spans="8:8">
      <c r="H515542" s="12"/>
    </row>
    <row r="515543" spans="8:8">
      <c r="H515543" s="12"/>
    </row>
    <row r="515544" spans="8:8">
      <c r="H515544" s="12"/>
    </row>
    <row r="515545" spans="8:8">
      <c r="H515545" s="12"/>
    </row>
    <row r="515546" spans="8:8">
      <c r="H515546" s="12"/>
    </row>
    <row r="515547" spans="8:8">
      <c r="H515547" s="12"/>
    </row>
    <row r="515548" spans="8:8">
      <c r="H515548" s="12"/>
    </row>
    <row r="515549" spans="8:8">
      <c r="H515549" s="12"/>
    </row>
    <row r="515550" spans="8:8">
      <c r="H515550" s="12"/>
    </row>
    <row r="515551" spans="8:8">
      <c r="H515551" s="12"/>
    </row>
    <row r="515552" spans="8:8">
      <c r="H515552" s="12"/>
    </row>
    <row r="515553" spans="8:8">
      <c r="H515553" s="12"/>
    </row>
    <row r="515554" spans="8:8">
      <c r="H515554" s="12"/>
    </row>
    <row r="515555" spans="8:8">
      <c r="H515555" s="12"/>
    </row>
    <row r="515556" spans="8:8">
      <c r="H515556" s="12"/>
    </row>
    <row r="515557" spans="8:8">
      <c r="H515557" s="12"/>
    </row>
    <row r="515558" spans="8:8">
      <c r="H515558" s="12"/>
    </row>
    <row r="515559" spans="8:8">
      <c r="H515559" s="12"/>
    </row>
    <row r="515560" spans="8:8">
      <c r="H515560" s="12"/>
    </row>
    <row r="515561" spans="8:8">
      <c r="H515561" s="12"/>
    </row>
    <row r="515562" spans="8:8">
      <c r="H515562" s="12"/>
    </row>
    <row r="515563" spans="8:8">
      <c r="H515563" s="12"/>
    </row>
    <row r="515564" spans="8:8">
      <c r="H515564" s="12"/>
    </row>
    <row r="515565" spans="8:8">
      <c r="H515565" s="12"/>
    </row>
    <row r="515566" spans="8:8">
      <c r="H515566" s="12"/>
    </row>
    <row r="515567" spans="8:8">
      <c r="H515567" s="12"/>
    </row>
    <row r="515568" spans="8:8">
      <c r="H515568" s="12"/>
    </row>
    <row r="515569" spans="8:8">
      <c r="H515569" s="12"/>
    </row>
    <row r="515570" spans="8:8">
      <c r="H515570" s="12"/>
    </row>
    <row r="515571" spans="8:8">
      <c r="H515571" s="12"/>
    </row>
    <row r="515572" spans="8:8">
      <c r="H515572" s="12"/>
    </row>
    <row r="515573" spans="8:8">
      <c r="H515573" s="12"/>
    </row>
    <row r="515574" spans="8:8">
      <c r="H515574" s="12"/>
    </row>
    <row r="515575" spans="8:8">
      <c r="H515575" s="12"/>
    </row>
    <row r="515576" spans="8:8">
      <c r="H515576" s="12"/>
    </row>
    <row r="515577" spans="8:8">
      <c r="H515577" s="12"/>
    </row>
    <row r="515578" spans="8:8">
      <c r="H515578" s="12"/>
    </row>
    <row r="515579" spans="8:8">
      <c r="H515579" s="12"/>
    </row>
    <row r="515580" spans="8:8">
      <c r="H515580" s="12"/>
    </row>
    <row r="515581" spans="8:8">
      <c r="H515581" s="12"/>
    </row>
    <row r="515582" spans="8:8">
      <c r="H515582" s="12"/>
    </row>
    <row r="515583" spans="8:8">
      <c r="H515583" s="12"/>
    </row>
    <row r="515584" spans="8:8">
      <c r="H515584" s="12"/>
    </row>
    <row r="515585" spans="8:8">
      <c r="H515585" s="12"/>
    </row>
    <row r="515586" spans="8:8">
      <c r="H515586" s="12"/>
    </row>
    <row r="515587" spans="8:8">
      <c r="H515587" s="12"/>
    </row>
    <row r="515588" spans="8:8">
      <c r="H515588" s="12"/>
    </row>
    <row r="515589" spans="8:8">
      <c r="H515589" s="12"/>
    </row>
    <row r="515590" spans="8:8">
      <c r="H515590" s="12"/>
    </row>
    <row r="515591" spans="8:8">
      <c r="H515591" s="12"/>
    </row>
    <row r="515592" spans="8:8">
      <c r="H515592" s="12"/>
    </row>
    <row r="515593" spans="8:8">
      <c r="H515593" s="12"/>
    </row>
    <row r="515594" spans="8:8">
      <c r="H515594" s="12"/>
    </row>
    <row r="515595" spans="8:8">
      <c r="H515595" s="12"/>
    </row>
    <row r="515596" spans="8:8">
      <c r="H515596" s="12"/>
    </row>
    <row r="515597" spans="8:8">
      <c r="H515597" s="12"/>
    </row>
    <row r="515598" spans="8:8">
      <c r="H515598" s="12"/>
    </row>
    <row r="515599" spans="8:8">
      <c r="H515599" s="12"/>
    </row>
    <row r="515600" spans="8:8">
      <c r="H515600" s="12"/>
    </row>
    <row r="515601" spans="8:8">
      <c r="H515601" s="12"/>
    </row>
    <row r="515602" spans="8:8">
      <c r="H515602" s="12"/>
    </row>
    <row r="515603" spans="8:8">
      <c r="H515603" s="12"/>
    </row>
    <row r="515604" spans="8:8">
      <c r="H515604" s="12"/>
    </row>
    <row r="515605" spans="8:8">
      <c r="H515605" s="12"/>
    </row>
    <row r="515606" spans="8:8">
      <c r="H515606" s="12"/>
    </row>
    <row r="515607" spans="8:8">
      <c r="H515607" s="12"/>
    </row>
    <row r="515608" spans="8:8">
      <c r="H515608" s="12"/>
    </row>
    <row r="515609" spans="8:8">
      <c r="H515609" s="12"/>
    </row>
    <row r="515610" spans="8:8">
      <c r="H515610" s="12"/>
    </row>
    <row r="515611" spans="8:8">
      <c r="H515611" s="12"/>
    </row>
    <row r="515612" spans="8:8">
      <c r="H515612" s="12"/>
    </row>
    <row r="515613" spans="8:8">
      <c r="H515613" s="12"/>
    </row>
    <row r="515614" spans="8:8">
      <c r="H515614" s="12"/>
    </row>
    <row r="515615" spans="8:8">
      <c r="H515615" s="12"/>
    </row>
    <row r="515616" spans="8:8">
      <c r="H515616" s="12"/>
    </row>
    <row r="515617" spans="8:8">
      <c r="H515617" s="12"/>
    </row>
    <row r="515618" spans="8:8">
      <c r="H515618" s="12"/>
    </row>
    <row r="515619" spans="8:8">
      <c r="H515619" s="12"/>
    </row>
    <row r="515620" spans="8:8">
      <c r="H515620" s="12"/>
    </row>
    <row r="515621" spans="8:8">
      <c r="H515621" s="12"/>
    </row>
    <row r="515622" spans="8:8">
      <c r="H515622" s="12"/>
    </row>
    <row r="515623" spans="8:8">
      <c r="H515623" s="12"/>
    </row>
    <row r="515624" spans="8:8">
      <c r="H515624" s="12"/>
    </row>
    <row r="515625" spans="8:8">
      <c r="H515625" s="12"/>
    </row>
    <row r="515626" spans="8:8">
      <c r="H515626" s="12"/>
    </row>
    <row r="515627" spans="8:8">
      <c r="H515627" s="12"/>
    </row>
    <row r="515628" spans="8:8">
      <c r="H515628" s="12"/>
    </row>
    <row r="515629" spans="8:8">
      <c r="H515629" s="12"/>
    </row>
    <row r="515630" spans="8:8">
      <c r="H515630" s="12"/>
    </row>
    <row r="515631" spans="8:8">
      <c r="H515631" s="12"/>
    </row>
    <row r="515632" spans="8:8">
      <c r="H515632" s="12"/>
    </row>
    <row r="515633" spans="8:8">
      <c r="H515633" s="12"/>
    </row>
    <row r="515634" spans="8:8">
      <c r="H515634" s="12"/>
    </row>
    <row r="515635" spans="8:8">
      <c r="H515635" s="12"/>
    </row>
    <row r="515636" spans="8:8">
      <c r="H515636" s="12"/>
    </row>
    <row r="515637" spans="8:8">
      <c r="H515637" s="12"/>
    </row>
    <row r="515638" spans="8:8">
      <c r="H515638" s="12"/>
    </row>
    <row r="515639" spans="8:8">
      <c r="H515639" s="12"/>
    </row>
    <row r="515640" spans="8:8">
      <c r="H515640" s="12"/>
    </row>
    <row r="515641" spans="8:8">
      <c r="H515641" s="12"/>
    </row>
    <row r="515642" spans="8:8">
      <c r="H515642" s="12"/>
    </row>
    <row r="515643" spans="8:8">
      <c r="H515643" s="12"/>
    </row>
    <row r="515644" spans="8:8">
      <c r="H515644" s="12"/>
    </row>
    <row r="515645" spans="8:8">
      <c r="H515645" s="12"/>
    </row>
    <row r="515646" spans="8:8">
      <c r="H515646" s="12"/>
    </row>
    <row r="515647" spans="8:8">
      <c r="H515647" s="12"/>
    </row>
    <row r="515648" spans="8:8">
      <c r="H515648" s="12"/>
    </row>
    <row r="515649" spans="8:8">
      <c r="H515649" s="12"/>
    </row>
    <row r="515650" spans="8:8">
      <c r="H515650" s="12"/>
    </row>
    <row r="515651" spans="8:8">
      <c r="H515651" s="12"/>
    </row>
    <row r="515652" spans="8:8">
      <c r="H515652" s="12"/>
    </row>
    <row r="515653" spans="8:8">
      <c r="H515653" s="12"/>
    </row>
    <row r="515654" spans="8:8">
      <c r="H515654" s="12"/>
    </row>
    <row r="515655" spans="8:8">
      <c r="H515655" s="12"/>
    </row>
    <row r="515656" spans="8:8">
      <c r="H515656" s="12"/>
    </row>
    <row r="515657" spans="8:8">
      <c r="H515657" s="12"/>
    </row>
    <row r="515658" spans="8:8">
      <c r="H515658" s="12"/>
    </row>
    <row r="515659" spans="8:8">
      <c r="H515659" s="12"/>
    </row>
    <row r="515660" spans="8:8">
      <c r="H515660" s="12"/>
    </row>
    <row r="515661" spans="8:8">
      <c r="H515661" s="12"/>
    </row>
    <row r="515662" spans="8:8">
      <c r="H515662" s="12"/>
    </row>
    <row r="515663" spans="8:8">
      <c r="H515663" s="12"/>
    </row>
    <row r="515664" spans="8:8">
      <c r="H515664" s="12"/>
    </row>
    <row r="515665" spans="8:8">
      <c r="H515665" s="12"/>
    </row>
    <row r="515666" spans="8:8">
      <c r="H515666" s="12"/>
    </row>
    <row r="515667" spans="8:8">
      <c r="H515667" s="12"/>
    </row>
    <row r="515668" spans="8:8">
      <c r="H515668" s="12"/>
    </row>
    <row r="515669" spans="8:8">
      <c r="H515669" s="12"/>
    </row>
    <row r="515670" spans="8:8">
      <c r="H515670" s="12"/>
    </row>
    <row r="515671" spans="8:8">
      <c r="H515671" s="12"/>
    </row>
    <row r="515672" spans="8:8">
      <c r="H515672" s="12"/>
    </row>
    <row r="515673" spans="8:8">
      <c r="H515673" s="12"/>
    </row>
    <row r="515674" spans="8:8">
      <c r="H515674" s="12"/>
    </row>
    <row r="515675" spans="8:8">
      <c r="H515675" s="12"/>
    </row>
    <row r="515676" spans="8:8">
      <c r="H515676" s="12"/>
    </row>
    <row r="515677" spans="8:8">
      <c r="H515677" s="12"/>
    </row>
    <row r="515678" spans="8:8">
      <c r="H515678" s="12"/>
    </row>
    <row r="515679" spans="8:8">
      <c r="H515679" s="12"/>
    </row>
    <row r="515680" spans="8:8">
      <c r="H515680" s="12"/>
    </row>
    <row r="515681" spans="8:8">
      <c r="H515681" s="12"/>
    </row>
    <row r="515682" spans="8:8">
      <c r="H515682" s="12"/>
    </row>
    <row r="515683" spans="8:8">
      <c r="H515683" s="12"/>
    </row>
    <row r="515684" spans="8:8">
      <c r="H515684" s="12"/>
    </row>
    <row r="515685" spans="8:8">
      <c r="H515685" s="12"/>
    </row>
    <row r="515686" spans="8:8">
      <c r="H515686" s="12"/>
    </row>
    <row r="515687" spans="8:8">
      <c r="H515687" s="12"/>
    </row>
    <row r="515688" spans="8:8">
      <c r="H515688" s="12"/>
    </row>
    <row r="515689" spans="8:8">
      <c r="H515689" s="12"/>
    </row>
    <row r="515690" spans="8:8">
      <c r="H515690" s="12"/>
    </row>
    <row r="515691" spans="8:8">
      <c r="H515691" s="12"/>
    </row>
    <row r="515692" spans="8:8">
      <c r="H515692" s="12"/>
    </row>
    <row r="515693" spans="8:8">
      <c r="H515693" s="12"/>
    </row>
    <row r="515694" spans="8:8">
      <c r="H515694" s="12"/>
    </row>
    <row r="515695" spans="8:8">
      <c r="H515695" s="12"/>
    </row>
    <row r="515696" spans="8:8">
      <c r="H515696" s="12"/>
    </row>
    <row r="515697" spans="8:8">
      <c r="H515697" s="12"/>
    </row>
    <row r="515698" spans="8:8">
      <c r="H515698" s="12"/>
    </row>
    <row r="515699" spans="8:8">
      <c r="H515699" s="12"/>
    </row>
    <row r="515700" spans="8:8">
      <c r="H515700" s="12"/>
    </row>
    <row r="515701" spans="8:8">
      <c r="H515701" s="12"/>
    </row>
    <row r="515702" spans="8:8">
      <c r="H515702" s="12"/>
    </row>
    <row r="515703" spans="8:8">
      <c r="H515703" s="12"/>
    </row>
    <row r="515704" spans="8:8">
      <c r="H515704" s="12"/>
    </row>
    <row r="515705" spans="8:8">
      <c r="H515705" s="12"/>
    </row>
    <row r="515706" spans="8:8">
      <c r="H515706" s="12"/>
    </row>
    <row r="515707" spans="8:8">
      <c r="H515707" s="12"/>
    </row>
    <row r="515708" spans="8:8">
      <c r="H515708" s="12"/>
    </row>
    <row r="515709" spans="8:8">
      <c r="H515709" s="12"/>
    </row>
    <row r="515710" spans="8:8">
      <c r="H515710" s="12"/>
    </row>
    <row r="515711" spans="8:8">
      <c r="H515711" s="12"/>
    </row>
    <row r="515712" spans="8:8">
      <c r="H515712" s="12"/>
    </row>
    <row r="515713" spans="8:8">
      <c r="H515713" s="12"/>
    </row>
    <row r="515714" spans="8:8">
      <c r="H515714" s="12"/>
    </row>
    <row r="515715" spans="8:8">
      <c r="H515715" s="12"/>
    </row>
    <row r="515716" spans="8:8">
      <c r="H515716" s="12"/>
    </row>
    <row r="515717" spans="8:8">
      <c r="H515717" s="12"/>
    </row>
    <row r="515718" spans="8:8">
      <c r="H515718" s="12"/>
    </row>
    <row r="515719" spans="8:8">
      <c r="H515719" s="12"/>
    </row>
    <row r="515720" spans="8:8">
      <c r="H515720" s="12"/>
    </row>
    <row r="515721" spans="8:8">
      <c r="H515721" s="12"/>
    </row>
    <row r="515722" spans="8:8">
      <c r="H515722" s="12"/>
    </row>
    <row r="515723" spans="8:8">
      <c r="H515723" s="12"/>
    </row>
    <row r="515724" spans="8:8">
      <c r="H515724" s="12"/>
    </row>
    <row r="515725" spans="8:8">
      <c r="H515725" s="12"/>
    </row>
    <row r="515726" spans="8:8">
      <c r="H515726" s="12"/>
    </row>
    <row r="515727" spans="8:8">
      <c r="H515727" s="12"/>
    </row>
    <row r="515728" spans="8:8">
      <c r="H515728" s="12"/>
    </row>
    <row r="515729" spans="8:8">
      <c r="H515729" s="12"/>
    </row>
    <row r="515730" spans="8:8">
      <c r="H515730" s="12"/>
    </row>
    <row r="515731" spans="8:8">
      <c r="H515731" s="12"/>
    </row>
    <row r="515732" spans="8:8">
      <c r="H515732" s="12"/>
    </row>
    <row r="515733" spans="8:8">
      <c r="H515733" s="12"/>
    </row>
    <row r="515734" spans="8:8">
      <c r="H515734" s="12"/>
    </row>
    <row r="515735" spans="8:8">
      <c r="H515735" s="12"/>
    </row>
    <row r="515736" spans="8:8">
      <c r="H515736" s="12"/>
    </row>
    <row r="515737" spans="8:8">
      <c r="H515737" s="12"/>
    </row>
    <row r="515738" spans="8:8">
      <c r="H515738" s="12"/>
    </row>
    <row r="515739" spans="8:8">
      <c r="H515739" s="12"/>
    </row>
    <row r="515740" spans="8:8">
      <c r="H515740" s="12"/>
    </row>
    <row r="515741" spans="8:8">
      <c r="H515741" s="12"/>
    </row>
    <row r="515742" spans="8:8">
      <c r="H515742" s="12"/>
    </row>
    <row r="515743" spans="8:8">
      <c r="H515743" s="12"/>
    </row>
    <row r="515744" spans="8:8">
      <c r="H515744" s="12"/>
    </row>
    <row r="515745" spans="8:8">
      <c r="H515745" s="12"/>
    </row>
    <row r="515746" spans="8:8">
      <c r="H515746" s="12"/>
    </row>
    <row r="515747" spans="8:8">
      <c r="H515747" s="12"/>
    </row>
    <row r="515748" spans="8:8">
      <c r="H515748" s="12"/>
    </row>
    <row r="515749" spans="8:8">
      <c r="H515749" s="12"/>
    </row>
    <row r="515750" spans="8:8">
      <c r="H515750" s="12"/>
    </row>
    <row r="515751" spans="8:8">
      <c r="H515751" s="12"/>
    </row>
    <row r="515752" spans="8:8">
      <c r="H515752" s="12"/>
    </row>
    <row r="515753" spans="8:8">
      <c r="H515753" s="12"/>
    </row>
    <row r="515754" spans="8:8">
      <c r="H515754" s="12"/>
    </row>
    <row r="515755" spans="8:8">
      <c r="H515755" s="12"/>
    </row>
    <row r="515756" spans="8:8">
      <c r="H515756" s="12"/>
    </row>
    <row r="515757" spans="8:8">
      <c r="H515757" s="12"/>
    </row>
    <row r="515758" spans="8:8">
      <c r="H515758" s="12"/>
    </row>
    <row r="515759" spans="8:8">
      <c r="H515759" s="12"/>
    </row>
    <row r="515760" spans="8:8">
      <c r="H515760" s="12"/>
    </row>
    <row r="515761" spans="8:8">
      <c r="H515761" s="12"/>
    </row>
    <row r="515762" spans="8:8">
      <c r="H515762" s="12"/>
    </row>
    <row r="515763" spans="8:8">
      <c r="H515763" s="12"/>
    </row>
    <row r="515764" spans="8:8">
      <c r="H515764" s="12"/>
    </row>
    <row r="515765" spans="8:8">
      <c r="H515765" s="12"/>
    </row>
    <row r="515766" spans="8:8">
      <c r="H515766" s="12"/>
    </row>
    <row r="515767" spans="8:8">
      <c r="H515767" s="12"/>
    </row>
    <row r="515768" spans="8:8">
      <c r="H515768" s="12"/>
    </row>
    <row r="515769" spans="8:8">
      <c r="H515769" s="12"/>
    </row>
    <row r="515770" spans="8:8">
      <c r="H515770" s="12"/>
    </row>
    <row r="515771" spans="8:8">
      <c r="H515771" s="12"/>
    </row>
    <row r="515772" spans="8:8">
      <c r="H515772" s="12"/>
    </row>
    <row r="515773" spans="8:8">
      <c r="H515773" s="12"/>
    </row>
    <row r="515774" spans="8:8">
      <c r="H515774" s="12"/>
    </row>
    <row r="515775" spans="8:8">
      <c r="H515775" s="12"/>
    </row>
    <row r="515776" spans="8:8">
      <c r="H515776" s="12"/>
    </row>
    <row r="515777" spans="8:8">
      <c r="H515777" s="12"/>
    </row>
    <row r="515778" spans="8:8">
      <c r="H515778" s="12"/>
    </row>
    <row r="515779" spans="8:8">
      <c r="H515779" s="12"/>
    </row>
    <row r="515780" spans="8:8">
      <c r="H515780" s="12"/>
    </row>
    <row r="515781" spans="8:8">
      <c r="H515781" s="12"/>
    </row>
    <row r="515782" spans="8:8">
      <c r="H515782" s="12"/>
    </row>
    <row r="515783" spans="8:8">
      <c r="H515783" s="12"/>
    </row>
    <row r="515784" spans="8:8">
      <c r="H515784" s="12"/>
    </row>
    <row r="515785" spans="8:8">
      <c r="H515785" s="12"/>
    </row>
    <row r="515786" spans="8:8">
      <c r="H515786" s="12"/>
    </row>
    <row r="515787" spans="8:8">
      <c r="H515787" s="12"/>
    </row>
    <row r="515788" spans="8:8">
      <c r="H515788" s="12"/>
    </row>
    <row r="515789" spans="8:8">
      <c r="H515789" s="12"/>
    </row>
    <row r="515790" spans="8:8">
      <c r="H515790" s="12"/>
    </row>
    <row r="515791" spans="8:8">
      <c r="H515791" s="12"/>
    </row>
    <row r="515792" spans="8:8">
      <c r="H515792" s="12"/>
    </row>
    <row r="515793" spans="8:8">
      <c r="H515793" s="12"/>
    </row>
    <row r="515794" spans="8:8">
      <c r="H515794" s="12"/>
    </row>
    <row r="515795" spans="8:8">
      <c r="H515795" s="12"/>
    </row>
    <row r="515796" spans="8:8">
      <c r="H515796" s="12"/>
    </row>
    <row r="515797" spans="8:8">
      <c r="H515797" s="12"/>
    </row>
    <row r="515798" spans="8:8">
      <c r="H515798" s="12"/>
    </row>
    <row r="515799" spans="8:8">
      <c r="H515799" s="12"/>
    </row>
    <row r="515800" spans="8:8">
      <c r="H515800" s="12"/>
    </row>
    <row r="515801" spans="8:8">
      <c r="H515801" s="12"/>
    </row>
    <row r="515802" spans="8:8">
      <c r="H515802" s="12"/>
    </row>
    <row r="515803" spans="8:8">
      <c r="H515803" s="12"/>
    </row>
    <row r="515804" spans="8:8">
      <c r="H515804" s="12"/>
    </row>
    <row r="515805" spans="8:8">
      <c r="H515805" s="12"/>
    </row>
    <row r="515806" spans="8:8">
      <c r="H515806" s="12"/>
    </row>
    <row r="515807" spans="8:8">
      <c r="H515807" s="12"/>
    </row>
    <row r="515808" spans="8:8">
      <c r="H515808" s="12"/>
    </row>
    <row r="515809" spans="8:8">
      <c r="H515809" s="12"/>
    </row>
    <row r="515810" spans="8:8">
      <c r="H515810" s="12"/>
    </row>
    <row r="515811" spans="8:8">
      <c r="H515811" s="12"/>
    </row>
    <row r="515812" spans="8:8">
      <c r="H515812" s="12"/>
    </row>
    <row r="515813" spans="8:8">
      <c r="H515813" s="12"/>
    </row>
    <row r="515814" spans="8:8">
      <c r="H515814" s="12"/>
    </row>
    <row r="515815" spans="8:8">
      <c r="H515815" s="12"/>
    </row>
    <row r="515816" spans="8:8">
      <c r="H515816" s="12"/>
    </row>
    <row r="515817" spans="8:8">
      <c r="H515817" s="12"/>
    </row>
    <row r="515818" spans="8:8">
      <c r="H515818" s="12"/>
    </row>
    <row r="515819" spans="8:8">
      <c r="H515819" s="12"/>
    </row>
    <row r="515820" spans="8:8">
      <c r="H515820" s="12"/>
    </row>
    <row r="515821" spans="8:8">
      <c r="H515821" s="12"/>
    </row>
    <row r="515822" spans="8:8">
      <c r="H515822" s="12"/>
    </row>
    <row r="515823" spans="8:8">
      <c r="H515823" s="12"/>
    </row>
    <row r="515824" spans="8:8">
      <c r="H515824" s="12"/>
    </row>
    <row r="515825" spans="8:8">
      <c r="H515825" s="12"/>
    </row>
    <row r="515826" spans="8:8">
      <c r="H515826" s="12"/>
    </row>
    <row r="515827" spans="8:8">
      <c r="H515827" s="12"/>
    </row>
    <row r="515828" spans="8:8">
      <c r="H515828" s="12"/>
    </row>
    <row r="515829" spans="8:8">
      <c r="H515829" s="12"/>
    </row>
    <row r="515830" spans="8:8">
      <c r="H515830" s="12"/>
    </row>
    <row r="515831" spans="8:8">
      <c r="H515831" s="12"/>
    </row>
    <row r="515832" spans="8:8">
      <c r="H515832" s="12"/>
    </row>
    <row r="515833" spans="8:8">
      <c r="H515833" s="12"/>
    </row>
    <row r="515834" spans="8:8">
      <c r="H515834" s="12"/>
    </row>
    <row r="515835" spans="8:8">
      <c r="H515835" s="12"/>
    </row>
    <row r="515836" spans="8:8">
      <c r="H515836" s="12"/>
    </row>
    <row r="515837" spans="8:8">
      <c r="H515837" s="12"/>
    </row>
    <row r="515838" spans="8:8">
      <c r="H515838" s="12"/>
    </row>
    <row r="515839" spans="8:8">
      <c r="H515839" s="12"/>
    </row>
    <row r="515840" spans="8:8">
      <c r="H515840" s="12"/>
    </row>
    <row r="515841" spans="8:8">
      <c r="H515841" s="12"/>
    </row>
    <row r="515842" spans="8:8">
      <c r="H515842" s="12"/>
    </row>
    <row r="515843" spans="8:8">
      <c r="H515843" s="12"/>
    </row>
    <row r="515844" spans="8:8">
      <c r="H515844" s="12"/>
    </row>
    <row r="515845" spans="8:8">
      <c r="H515845" s="12"/>
    </row>
    <row r="515846" spans="8:8">
      <c r="H515846" s="12"/>
    </row>
    <row r="515847" spans="8:8">
      <c r="H515847" s="12"/>
    </row>
    <row r="515848" spans="8:8">
      <c r="H515848" s="12"/>
    </row>
    <row r="515849" spans="8:8">
      <c r="H515849" s="12"/>
    </row>
    <row r="515850" spans="8:8">
      <c r="H515850" s="12"/>
    </row>
    <row r="515851" spans="8:8">
      <c r="H515851" s="12"/>
    </row>
    <row r="515852" spans="8:8">
      <c r="H515852" s="12"/>
    </row>
    <row r="515853" spans="8:8">
      <c r="H515853" s="12"/>
    </row>
    <row r="515854" spans="8:8">
      <c r="H515854" s="12"/>
    </row>
    <row r="515855" spans="8:8">
      <c r="H515855" s="12"/>
    </row>
    <row r="515856" spans="8:8">
      <c r="H515856" s="12"/>
    </row>
    <row r="515857" spans="8:8">
      <c r="H515857" s="12"/>
    </row>
    <row r="515858" spans="8:8">
      <c r="H515858" s="12"/>
    </row>
    <row r="515859" spans="8:8">
      <c r="H515859" s="12"/>
    </row>
    <row r="515860" spans="8:8">
      <c r="H515860" s="12"/>
    </row>
    <row r="515861" spans="8:8">
      <c r="H515861" s="12"/>
    </row>
    <row r="515862" spans="8:8">
      <c r="H515862" s="12"/>
    </row>
    <row r="515863" spans="8:8">
      <c r="H515863" s="12"/>
    </row>
    <row r="515864" spans="8:8">
      <c r="H515864" s="12"/>
    </row>
    <row r="515865" spans="8:8">
      <c r="H515865" s="12"/>
    </row>
    <row r="515866" spans="8:8">
      <c r="H515866" s="12"/>
    </row>
    <row r="515867" spans="8:8">
      <c r="H515867" s="12"/>
    </row>
    <row r="515868" spans="8:8">
      <c r="H515868" s="12"/>
    </row>
    <row r="515869" spans="8:8">
      <c r="H515869" s="12"/>
    </row>
    <row r="515870" spans="8:8">
      <c r="H515870" s="12"/>
    </row>
    <row r="515871" spans="8:8">
      <c r="H515871" s="12"/>
    </row>
    <row r="515872" spans="8:8">
      <c r="H515872" s="12"/>
    </row>
    <row r="515873" spans="8:8">
      <c r="H515873" s="12"/>
    </row>
    <row r="515874" spans="8:8">
      <c r="H515874" s="12"/>
    </row>
    <row r="515875" spans="8:8">
      <c r="H515875" s="12"/>
    </row>
    <row r="515876" spans="8:8">
      <c r="H515876" s="12"/>
    </row>
    <row r="515877" spans="8:8">
      <c r="H515877" s="12"/>
    </row>
    <row r="515878" spans="8:8">
      <c r="H515878" s="12"/>
    </row>
    <row r="515879" spans="8:8">
      <c r="H515879" s="12"/>
    </row>
    <row r="515880" spans="8:8">
      <c r="H515880" s="12"/>
    </row>
    <row r="515881" spans="8:8">
      <c r="H515881" s="12"/>
    </row>
    <row r="515882" spans="8:8">
      <c r="H515882" s="12"/>
    </row>
    <row r="515883" spans="8:8">
      <c r="H515883" s="12"/>
    </row>
    <row r="515884" spans="8:8">
      <c r="H515884" s="12"/>
    </row>
    <row r="515885" spans="8:8">
      <c r="H515885" s="12"/>
    </row>
    <row r="515886" spans="8:8">
      <c r="H515886" s="12"/>
    </row>
    <row r="515887" spans="8:8">
      <c r="H515887" s="12"/>
    </row>
    <row r="515888" spans="8:8">
      <c r="H515888" s="12"/>
    </row>
    <row r="515889" spans="8:8">
      <c r="H515889" s="12"/>
    </row>
    <row r="515890" spans="8:8">
      <c r="H515890" s="12"/>
    </row>
    <row r="515891" spans="8:8">
      <c r="H515891" s="12"/>
    </row>
    <row r="515892" spans="8:8">
      <c r="H515892" s="12"/>
    </row>
    <row r="515893" spans="8:8">
      <c r="H515893" s="12"/>
    </row>
    <row r="515894" spans="8:8">
      <c r="H515894" s="12"/>
    </row>
    <row r="515895" spans="8:8">
      <c r="H515895" s="12"/>
    </row>
    <row r="515896" spans="8:8">
      <c r="H515896" s="12"/>
    </row>
    <row r="515897" spans="8:8">
      <c r="H515897" s="12"/>
    </row>
    <row r="515898" spans="8:8">
      <c r="H515898" s="12"/>
    </row>
    <row r="515899" spans="8:8">
      <c r="H515899" s="12"/>
    </row>
    <row r="515900" spans="8:8">
      <c r="H515900" s="12"/>
    </row>
    <row r="515901" spans="8:8">
      <c r="H515901" s="12"/>
    </row>
    <row r="515902" spans="8:8">
      <c r="H515902" s="12"/>
    </row>
    <row r="515903" spans="8:8">
      <c r="H515903" s="12"/>
    </row>
    <row r="515904" spans="8:8">
      <c r="H515904" s="12"/>
    </row>
    <row r="515905" spans="8:8">
      <c r="H515905" s="12"/>
    </row>
    <row r="515906" spans="8:8">
      <c r="H515906" s="12"/>
    </row>
    <row r="515907" spans="8:8">
      <c r="H515907" s="12"/>
    </row>
    <row r="515908" spans="8:8">
      <c r="H515908" s="12"/>
    </row>
    <row r="515909" spans="8:8">
      <c r="H515909" s="12"/>
    </row>
    <row r="515910" spans="8:8">
      <c r="H515910" s="12"/>
    </row>
    <row r="515911" spans="8:8">
      <c r="H515911" s="12"/>
    </row>
    <row r="515912" spans="8:8">
      <c r="H515912" s="12"/>
    </row>
    <row r="515913" spans="8:8">
      <c r="H515913" s="12"/>
    </row>
    <row r="515914" spans="8:8">
      <c r="H515914" s="12"/>
    </row>
    <row r="515915" spans="8:8">
      <c r="H515915" s="12"/>
    </row>
    <row r="515916" spans="8:8">
      <c r="H515916" s="12"/>
    </row>
    <row r="515917" spans="8:8">
      <c r="H515917" s="12"/>
    </row>
    <row r="515918" spans="8:8">
      <c r="H515918" s="12"/>
    </row>
    <row r="515919" spans="8:8">
      <c r="H515919" s="12"/>
    </row>
    <row r="515920" spans="8:8">
      <c r="H515920" s="12"/>
    </row>
    <row r="515921" spans="8:8">
      <c r="H515921" s="12"/>
    </row>
    <row r="515922" spans="8:8">
      <c r="H515922" s="12"/>
    </row>
    <row r="515923" spans="8:8">
      <c r="H515923" s="12"/>
    </row>
    <row r="515924" spans="8:8">
      <c r="H515924" s="12"/>
    </row>
    <row r="515925" spans="8:8">
      <c r="H515925" s="12"/>
    </row>
    <row r="515926" spans="8:8">
      <c r="H515926" s="12"/>
    </row>
    <row r="515927" spans="8:8">
      <c r="H515927" s="12"/>
    </row>
    <row r="515928" spans="8:8">
      <c r="H515928" s="12"/>
    </row>
    <row r="515929" spans="8:8">
      <c r="H515929" s="12"/>
    </row>
    <row r="515930" spans="8:8">
      <c r="H515930" s="12"/>
    </row>
    <row r="515931" spans="8:8">
      <c r="H515931" s="12"/>
    </row>
    <row r="515932" spans="8:8">
      <c r="H515932" s="12"/>
    </row>
    <row r="515933" spans="8:8">
      <c r="H515933" s="12"/>
    </row>
    <row r="515934" spans="8:8">
      <c r="H515934" s="12"/>
    </row>
    <row r="515935" spans="8:8">
      <c r="H515935" s="12"/>
    </row>
    <row r="515936" spans="8:8">
      <c r="H515936" s="12"/>
    </row>
    <row r="515937" spans="8:8">
      <c r="H515937" s="12"/>
    </row>
    <row r="515938" spans="8:8">
      <c r="H515938" s="12"/>
    </row>
    <row r="515939" spans="8:8">
      <c r="H515939" s="12"/>
    </row>
    <row r="515940" spans="8:8">
      <c r="H515940" s="12"/>
    </row>
    <row r="515941" spans="8:8">
      <c r="H515941" s="12"/>
    </row>
    <row r="515942" spans="8:8">
      <c r="H515942" s="12"/>
    </row>
    <row r="515943" spans="8:8">
      <c r="H515943" s="12"/>
    </row>
    <row r="515944" spans="8:8">
      <c r="H515944" s="12"/>
    </row>
    <row r="515945" spans="8:8">
      <c r="H515945" s="12"/>
    </row>
    <row r="515946" spans="8:8">
      <c r="H515946" s="12"/>
    </row>
    <row r="515947" spans="8:8">
      <c r="H515947" s="12"/>
    </row>
    <row r="515948" spans="8:8">
      <c r="H515948" s="12"/>
    </row>
    <row r="515949" spans="8:8">
      <c r="H515949" s="12"/>
    </row>
    <row r="515950" spans="8:8">
      <c r="H515950" s="12"/>
    </row>
    <row r="515951" spans="8:8">
      <c r="H515951" s="12"/>
    </row>
    <row r="515952" spans="8:8">
      <c r="H515952" s="12"/>
    </row>
    <row r="515953" spans="8:8">
      <c r="H515953" s="12"/>
    </row>
    <row r="515954" spans="8:8">
      <c r="H515954" s="12"/>
    </row>
    <row r="515955" spans="8:8">
      <c r="H515955" s="12"/>
    </row>
    <row r="515956" spans="8:8">
      <c r="H515956" s="12"/>
    </row>
    <row r="515957" spans="8:8">
      <c r="H515957" s="12"/>
    </row>
    <row r="515958" spans="8:8">
      <c r="H515958" s="12"/>
    </row>
    <row r="515959" spans="8:8">
      <c r="H515959" s="12"/>
    </row>
    <row r="515960" spans="8:8">
      <c r="H515960" s="12"/>
    </row>
    <row r="515961" spans="8:8">
      <c r="H515961" s="12"/>
    </row>
    <row r="515962" spans="8:8">
      <c r="H515962" s="12"/>
    </row>
    <row r="515963" spans="8:8">
      <c r="H515963" s="12"/>
    </row>
    <row r="515964" spans="8:8">
      <c r="H515964" s="12"/>
    </row>
    <row r="515965" spans="8:8">
      <c r="H515965" s="12"/>
    </row>
    <row r="515966" spans="8:8">
      <c r="H515966" s="12"/>
    </row>
    <row r="515967" spans="8:8">
      <c r="H515967" s="12"/>
    </row>
    <row r="515968" spans="8:8">
      <c r="H515968" s="12"/>
    </row>
    <row r="515969" spans="8:8">
      <c r="H515969" s="12"/>
    </row>
    <row r="515970" spans="8:8">
      <c r="H515970" s="12"/>
    </row>
    <row r="515971" spans="8:8">
      <c r="H515971" s="12"/>
    </row>
    <row r="515972" spans="8:8">
      <c r="H515972" s="12"/>
    </row>
    <row r="515973" spans="8:8">
      <c r="H515973" s="12"/>
    </row>
    <row r="515974" spans="8:8">
      <c r="H515974" s="12"/>
    </row>
    <row r="515975" spans="8:8">
      <c r="H515975" s="12"/>
    </row>
    <row r="515976" spans="8:8">
      <c r="H515976" s="12"/>
    </row>
    <row r="515977" spans="8:8">
      <c r="H515977" s="12"/>
    </row>
    <row r="515978" spans="8:8">
      <c r="H515978" s="12"/>
    </row>
    <row r="515979" spans="8:8">
      <c r="H515979" s="12"/>
    </row>
    <row r="515980" spans="8:8">
      <c r="H515980" s="12"/>
    </row>
    <row r="515981" spans="8:8">
      <c r="H515981" s="12"/>
    </row>
    <row r="515982" spans="8:8">
      <c r="H515982" s="12"/>
    </row>
    <row r="515983" spans="8:8">
      <c r="H515983" s="12"/>
    </row>
    <row r="515984" spans="8:8">
      <c r="H515984" s="12"/>
    </row>
    <row r="515985" spans="8:8">
      <c r="H515985" s="12"/>
    </row>
    <row r="515986" spans="8:8">
      <c r="H515986" s="12"/>
    </row>
    <row r="515987" spans="8:8">
      <c r="H515987" s="12"/>
    </row>
    <row r="515988" spans="8:8">
      <c r="H515988" s="12"/>
    </row>
    <row r="515989" spans="8:8">
      <c r="H515989" s="12"/>
    </row>
    <row r="515990" spans="8:8">
      <c r="H515990" s="12"/>
    </row>
    <row r="515991" spans="8:8">
      <c r="H515991" s="12"/>
    </row>
    <row r="515992" spans="8:8">
      <c r="H515992" s="12"/>
    </row>
    <row r="515993" spans="8:8">
      <c r="H515993" s="12"/>
    </row>
    <row r="515994" spans="8:8">
      <c r="H515994" s="12"/>
    </row>
    <row r="515995" spans="8:8">
      <c r="H515995" s="12"/>
    </row>
    <row r="515996" spans="8:8">
      <c r="H515996" s="12"/>
    </row>
    <row r="515997" spans="8:8">
      <c r="H515997" s="12"/>
    </row>
    <row r="515998" spans="8:8">
      <c r="H515998" s="12"/>
    </row>
    <row r="515999" spans="8:8">
      <c r="H515999" s="12"/>
    </row>
    <row r="516000" spans="8:8">
      <c r="H516000" s="12"/>
    </row>
    <row r="516001" spans="8:8">
      <c r="H516001" s="12"/>
    </row>
    <row r="516002" spans="8:8">
      <c r="H516002" s="12"/>
    </row>
    <row r="516003" spans="8:8">
      <c r="H516003" s="12"/>
    </row>
    <row r="516004" spans="8:8">
      <c r="H516004" s="12"/>
    </row>
    <row r="516005" spans="8:8">
      <c r="H516005" s="12"/>
    </row>
    <row r="516006" spans="8:8">
      <c r="H516006" s="12"/>
    </row>
    <row r="516007" spans="8:8">
      <c r="H516007" s="12"/>
    </row>
    <row r="516008" spans="8:8">
      <c r="H516008" s="12"/>
    </row>
    <row r="516009" spans="8:8">
      <c r="H516009" s="12"/>
    </row>
    <row r="516010" spans="8:8">
      <c r="H516010" s="12"/>
    </row>
    <row r="516011" spans="8:8">
      <c r="H516011" s="12"/>
    </row>
    <row r="516012" spans="8:8">
      <c r="H516012" s="12"/>
    </row>
    <row r="516013" spans="8:8">
      <c r="H516013" s="12"/>
    </row>
    <row r="516014" spans="8:8">
      <c r="H516014" s="12"/>
    </row>
    <row r="516015" spans="8:8">
      <c r="H516015" s="12"/>
    </row>
    <row r="516016" spans="8:8">
      <c r="H516016" s="12"/>
    </row>
    <row r="516017" spans="8:8">
      <c r="H516017" s="12"/>
    </row>
    <row r="516018" spans="8:8">
      <c r="H516018" s="12"/>
    </row>
    <row r="516019" spans="8:8">
      <c r="H516019" s="12"/>
    </row>
    <row r="516020" spans="8:8">
      <c r="H516020" s="12"/>
    </row>
    <row r="516021" spans="8:8">
      <c r="H516021" s="12"/>
    </row>
    <row r="516022" spans="8:8">
      <c r="H516022" s="12"/>
    </row>
    <row r="516023" spans="8:8">
      <c r="H516023" s="12"/>
    </row>
    <row r="516024" spans="8:8">
      <c r="H516024" s="12"/>
    </row>
    <row r="516025" spans="8:8">
      <c r="H516025" s="12"/>
    </row>
    <row r="516026" spans="8:8">
      <c r="H516026" s="12"/>
    </row>
    <row r="516027" spans="8:8">
      <c r="H516027" s="12"/>
    </row>
    <row r="516028" spans="8:8">
      <c r="H516028" s="12"/>
    </row>
    <row r="516029" spans="8:8">
      <c r="H516029" s="12"/>
    </row>
    <row r="516030" spans="8:8">
      <c r="H516030" s="12"/>
    </row>
    <row r="516031" spans="8:8">
      <c r="H516031" s="12"/>
    </row>
    <row r="516032" spans="8:8">
      <c r="H516032" s="12"/>
    </row>
    <row r="516033" spans="8:8">
      <c r="H516033" s="12"/>
    </row>
    <row r="516034" spans="8:8">
      <c r="H516034" s="12"/>
    </row>
    <row r="516035" spans="8:8">
      <c r="H516035" s="12"/>
    </row>
    <row r="516036" spans="8:8">
      <c r="H516036" s="12"/>
    </row>
    <row r="516037" spans="8:8">
      <c r="H516037" s="12"/>
    </row>
    <row r="516038" spans="8:8">
      <c r="H516038" s="12"/>
    </row>
    <row r="516039" spans="8:8">
      <c r="H516039" s="12"/>
    </row>
    <row r="516040" spans="8:8">
      <c r="H516040" s="12"/>
    </row>
    <row r="516041" spans="8:8">
      <c r="H516041" s="12"/>
    </row>
    <row r="516042" spans="8:8">
      <c r="H516042" s="12"/>
    </row>
    <row r="516043" spans="8:8">
      <c r="H516043" s="12"/>
    </row>
    <row r="516044" spans="8:8">
      <c r="H516044" s="12"/>
    </row>
    <row r="516045" spans="8:8">
      <c r="H516045" s="12"/>
    </row>
    <row r="516046" spans="8:8">
      <c r="H516046" s="12"/>
    </row>
    <row r="516047" spans="8:8">
      <c r="H516047" s="12"/>
    </row>
    <row r="516048" spans="8:8">
      <c r="H516048" s="12"/>
    </row>
    <row r="516049" spans="8:8">
      <c r="H516049" s="12"/>
    </row>
    <row r="516050" spans="8:8">
      <c r="H516050" s="12"/>
    </row>
    <row r="516051" spans="8:8">
      <c r="H516051" s="12"/>
    </row>
    <row r="516052" spans="8:8">
      <c r="H516052" s="12"/>
    </row>
    <row r="516053" spans="8:8">
      <c r="H516053" s="12"/>
    </row>
    <row r="516054" spans="8:8">
      <c r="H516054" s="12"/>
    </row>
    <row r="516055" spans="8:8">
      <c r="H516055" s="12"/>
    </row>
    <row r="516056" spans="8:8">
      <c r="H516056" s="12"/>
    </row>
    <row r="516057" spans="8:8">
      <c r="H516057" s="12"/>
    </row>
    <row r="516058" spans="8:8">
      <c r="H516058" s="12"/>
    </row>
    <row r="516059" spans="8:8">
      <c r="H516059" s="12"/>
    </row>
    <row r="516060" spans="8:8">
      <c r="H516060" s="12"/>
    </row>
    <row r="516061" spans="8:8">
      <c r="H516061" s="12"/>
    </row>
    <row r="516062" spans="8:8">
      <c r="H516062" s="12"/>
    </row>
    <row r="516063" spans="8:8">
      <c r="H516063" s="12"/>
    </row>
    <row r="516064" spans="8:8">
      <c r="H516064" s="12"/>
    </row>
    <row r="516065" spans="8:8">
      <c r="H516065" s="12"/>
    </row>
    <row r="516066" spans="8:8">
      <c r="H516066" s="12"/>
    </row>
    <row r="516067" spans="8:8">
      <c r="H516067" s="12"/>
    </row>
    <row r="516068" spans="8:8">
      <c r="H516068" s="12"/>
    </row>
    <row r="516069" spans="8:8">
      <c r="H516069" s="12"/>
    </row>
    <row r="516070" spans="8:8">
      <c r="H516070" s="12"/>
    </row>
    <row r="516071" spans="8:8">
      <c r="H516071" s="12"/>
    </row>
    <row r="516072" spans="8:8">
      <c r="H516072" s="12"/>
    </row>
    <row r="516073" spans="8:8">
      <c r="H516073" s="12"/>
    </row>
    <row r="516074" spans="8:8">
      <c r="H516074" s="12"/>
    </row>
    <row r="516075" spans="8:8">
      <c r="H516075" s="12"/>
    </row>
    <row r="516076" spans="8:8">
      <c r="H516076" s="12"/>
    </row>
    <row r="516077" spans="8:8">
      <c r="H516077" s="12"/>
    </row>
    <row r="516078" spans="8:8">
      <c r="H516078" s="12"/>
    </row>
    <row r="516079" spans="8:8">
      <c r="H516079" s="12"/>
    </row>
    <row r="516080" spans="8:8">
      <c r="H516080" s="12"/>
    </row>
    <row r="516081" spans="8:8">
      <c r="H516081" s="12"/>
    </row>
    <row r="516082" spans="8:8">
      <c r="H516082" s="12"/>
    </row>
    <row r="516083" spans="8:8">
      <c r="H516083" s="12"/>
    </row>
    <row r="516084" spans="8:8">
      <c r="H516084" s="12"/>
    </row>
    <row r="516085" spans="8:8">
      <c r="H516085" s="12"/>
    </row>
    <row r="516086" spans="8:8">
      <c r="H516086" s="12"/>
    </row>
    <row r="516087" spans="8:8">
      <c r="H516087" s="12"/>
    </row>
    <row r="516088" spans="8:8">
      <c r="H516088" s="12"/>
    </row>
    <row r="516089" spans="8:8">
      <c r="H516089" s="12"/>
    </row>
    <row r="516090" spans="8:8">
      <c r="H516090" s="12"/>
    </row>
    <row r="516091" spans="8:8">
      <c r="H516091" s="12"/>
    </row>
    <row r="516092" spans="8:8">
      <c r="H516092" s="12"/>
    </row>
    <row r="516093" spans="8:8">
      <c r="H516093" s="12"/>
    </row>
    <row r="516094" spans="8:8">
      <c r="H516094" s="12"/>
    </row>
    <row r="516095" spans="8:8">
      <c r="H516095" s="12"/>
    </row>
    <row r="516096" spans="8:8">
      <c r="H516096" s="12"/>
    </row>
    <row r="516097" spans="8:8">
      <c r="H516097" s="12"/>
    </row>
    <row r="516098" spans="8:8">
      <c r="H516098" s="12"/>
    </row>
    <row r="516099" spans="8:8">
      <c r="H516099" s="12"/>
    </row>
    <row r="516100" spans="8:8">
      <c r="H516100" s="12"/>
    </row>
    <row r="516101" spans="8:8">
      <c r="H516101" s="12"/>
    </row>
    <row r="516102" spans="8:8">
      <c r="H516102" s="12"/>
    </row>
    <row r="516103" spans="8:8">
      <c r="H516103" s="12"/>
    </row>
    <row r="516104" spans="8:8">
      <c r="H516104" s="12"/>
    </row>
    <row r="516105" spans="8:8">
      <c r="H516105" s="12"/>
    </row>
    <row r="516106" spans="8:8">
      <c r="H516106" s="12"/>
    </row>
    <row r="516107" spans="8:8">
      <c r="H516107" s="12"/>
    </row>
    <row r="516108" spans="8:8">
      <c r="H516108" s="12"/>
    </row>
    <row r="516109" spans="8:8">
      <c r="H516109" s="12"/>
    </row>
    <row r="516110" spans="8:8">
      <c r="H516110" s="12"/>
    </row>
    <row r="516111" spans="8:8">
      <c r="H516111" s="12"/>
    </row>
    <row r="516112" spans="8:8">
      <c r="H516112" s="12"/>
    </row>
    <row r="516113" spans="8:8">
      <c r="H516113" s="12"/>
    </row>
    <row r="516114" spans="8:8">
      <c r="H516114" s="12"/>
    </row>
    <row r="516115" spans="8:8">
      <c r="H516115" s="12"/>
    </row>
    <row r="516116" spans="8:8">
      <c r="H516116" s="12"/>
    </row>
    <row r="516117" spans="8:8">
      <c r="H516117" s="12"/>
    </row>
    <row r="516118" spans="8:8">
      <c r="H516118" s="12"/>
    </row>
    <row r="516119" spans="8:8">
      <c r="H516119" s="12"/>
    </row>
    <row r="516120" spans="8:8">
      <c r="H516120" s="12"/>
    </row>
    <row r="516121" spans="8:8">
      <c r="H516121" s="12"/>
    </row>
    <row r="516122" spans="8:8">
      <c r="H516122" s="12"/>
    </row>
    <row r="516123" spans="8:8">
      <c r="H516123" s="12"/>
    </row>
    <row r="516124" spans="8:8">
      <c r="H516124" s="12"/>
    </row>
    <row r="516125" spans="8:8">
      <c r="H516125" s="12"/>
    </row>
    <row r="516126" spans="8:8">
      <c r="H516126" s="12"/>
    </row>
    <row r="516127" spans="8:8">
      <c r="H516127" s="12"/>
    </row>
    <row r="516128" spans="8:8">
      <c r="H516128" s="12"/>
    </row>
    <row r="516129" spans="8:8">
      <c r="H516129" s="12"/>
    </row>
    <row r="516130" spans="8:8">
      <c r="H516130" s="12"/>
    </row>
    <row r="516131" spans="8:8">
      <c r="H516131" s="12"/>
    </row>
    <row r="516132" spans="8:8">
      <c r="H516132" s="12"/>
    </row>
    <row r="516133" spans="8:8">
      <c r="H516133" s="12"/>
    </row>
    <row r="516134" spans="8:8">
      <c r="H516134" s="12"/>
    </row>
    <row r="516135" spans="8:8">
      <c r="H516135" s="12"/>
    </row>
    <row r="516136" spans="8:8">
      <c r="H516136" s="12"/>
    </row>
    <row r="516137" spans="8:8">
      <c r="H516137" s="12"/>
    </row>
    <row r="516138" spans="8:8">
      <c r="H516138" s="12"/>
    </row>
    <row r="516139" spans="8:8">
      <c r="H516139" s="12"/>
    </row>
    <row r="516140" spans="8:8">
      <c r="H516140" s="12"/>
    </row>
    <row r="516141" spans="8:8">
      <c r="H516141" s="12"/>
    </row>
    <row r="516142" spans="8:8">
      <c r="H516142" s="12"/>
    </row>
    <row r="516143" spans="8:8">
      <c r="H516143" s="12"/>
    </row>
    <row r="516144" spans="8:8">
      <c r="H516144" s="12"/>
    </row>
    <row r="516145" spans="8:8">
      <c r="H516145" s="12"/>
    </row>
    <row r="516146" spans="8:8">
      <c r="H516146" s="12"/>
    </row>
    <row r="516147" spans="8:8">
      <c r="H516147" s="12"/>
    </row>
    <row r="516148" spans="8:8">
      <c r="H516148" s="12"/>
    </row>
    <row r="516149" spans="8:8">
      <c r="H516149" s="12"/>
    </row>
    <row r="516150" spans="8:8">
      <c r="H516150" s="12"/>
    </row>
    <row r="516151" spans="8:8">
      <c r="H516151" s="12"/>
    </row>
    <row r="516152" spans="8:8">
      <c r="H516152" s="12"/>
    </row>
    <row r="516153" spans="8:8">
      <c r="H516153" s="12"/>
    </row>
    <row r="516154" spans="8:8">
      <c r="H516154" s="12"/>
    </row>
    <row r="516155" spans="8:8">
      <c r="H516155" s="12"/>
    </row>
    <row r="516156" spans="8:8">
      <c r="H516156" s="12"/>
    </row>
    <row r="516157" spans="8:8">
      <c r="H516157" s="12"/>
    </row>
    <row r="516158" spans="8:8">
      <c r="H516158" s="12"/>
    </row>
    <row r="516159" spans="8:8">
      <c r="H516159" s="12"/>
    </row>
    <row r="516160" spans="8:8">
      <c r="H516160" s="12"/>
    </row>
    <row r="516161" spans="8:8">
      <c r="H516161" s="12"/>
    </row>
    <row r="516162" spans="8:8">
      <c r="H516162" s="12"/>
    </row>
    <row r="516163" spans="8:8">
      <c r="H516163" s="12"/>
    </row>
    <row r="516164" spans="8:8">
      <c r="H516164" s="12"/>
    </row>
    <row r="516165" spans="8:8">
      <c r="H516165" s="12"/>
    </row>
    <row r="516166" spans="8:8">
      <c r="H516166" s="12"/>
    </row>
    <row r="516167" spans="8:8">
      <c r="H516167" s="12"/>
    </row>
    <row r="516168" spans="8:8">
      <c r="H516168" s="12"/>
    </row>
    <row r="516169" spans="8:8">
      <c r="H516169" s="12"/>
    </row>
    <row r="516170" spans="8:8">
      <c r="H516170" s="12"/>
    </row>
    <row r="516171" spans="8:8">
      <c r="H516171" s="12"/>
    </row>
    <row r="516172" spans="8:8">
      <c r="H516172" s="12"/>
    </row>
    <row r="516173" spans="8:8">
      <c r="H516173" s="12"/>
    </row>
    <row r="516174" spans="8:8">
      <c r="H516174" s="12"/>
    </row>
    <row r="516175" spans="8:8">
      <c r="H516175" s="12"/>
    </row>
    <row r="516176" spans="8:8">
      <c r="H516176" s="12"/>
    </row>
    <row r="516177" spans="8:8">
      <c r="H516177" s="12"/>
    </row>
    <row r="516178" spans="8:8">
      <c r="H516178" s="12"/>
    </row>
    <row r="516179" spans="8:8">
      <c r="H516179" s="12"/>
    </row>
    <row r="516180" spans="8:8">
      <c r="H516180" s="12"/>
    </row>
    <row r="516181" spans="8:8">
      <c r="H516181" s="12"/>
    </row>
    <row r="516182" spans="8:8">
      <c r="H516182" s="12"/>
    </row>
    <row r="516183" spans="8:8">
      <c r="H516183" s="12"/>
    </row>
    <row r="516184" spans="8:8">
      <c r="H516184" s="12"/>
    </row>
    <row r="516185" spans="8:8">
      <c r="H516185" s="12"/>
    </row>
    <row r="516186" spans="8:8">
      <c r="H516186" s="12"/>
    </row>
    <row r="516187" spans="8:8">
      <c r="H516187" s="12"/>
    </row>
    <row r="516188" spans="8:8">
      <c r="H516188" s="12"/>
    </row>
    <row r="516189" spans="8:8">
      <c r="H516189" s="12"/>
    </row>
    <row r="516190" spans="8:8">
      <c r="H516190" s="12"/>
    </row>
    <row r="516191" spans="8:8">
      <c r="H516191" s="12"/>
    </row>
    <row r="516192" spans="8:8">
      <c r="H516192" s="12"/>
    </row>
    <row r="516193" spans="8:8">
      <c r="H516193" s="12"/>
    </row>
    <row r="516194" spans="8:8">
      <c r="H516194" s="12"/>
    </row>
    <row r="516195" spans="8:8">
      <c r="H516195" s="12"/>
    </row>
    <row r="516196" spans="8:8">
      <c r="H516196" s="12"/>
    </row>
    <row r="516197" spans="8:8">
      <c r="H516197" s="12"/>
    </row>
    <row r="516198" spans="8:8">
      <c r="H516198" s="12"/>
    </row>
    <row r="516199" spans="8:8">
      <c r="H516199" s="12"/>
    </row>
    <row r="516200" spans="8:8">
      <c r="H516200" s="12"/>
    </row>
    <row r="516201" spans="8:8">
      <c r="H516201" s="12"/>
    </row>
    <row r="516202" spans="8:8">
      <c r="H516202" s="12"/>
    </row>
    <row r="516203" spans="8:8">
      <c r="H516203" s="12"/>
    </row>
    <row r="516204" spans="8:8">
      <c r="H516204" s="12"/>
    </row>
    <row r="516205" spans="8:8">
      <c r="H516205" s="12"/>
    </row>
    <row r="516206" spans="8:8">
      <c r="H516206" s="12"/>
    </row>
    <row r="516207" spans="8:8">
      <c r="H516207" s="12"/>
    </row>
    <row r="516208" spans="8:8">
      <c r="H516208" s="12"/>
    </row>
    <row r="516209" spans="8:8">
      <c r="H516209" s="12"/>
    </row>
    <row r="516210" spans="8:8">
      <c r="H516210" s="12"/>
    </row>
    <row r="516211" spans="8:8">
      <c r="H516211" s="12"/>
    </row>
    <row r="516212" spans="8:8">
      <c r="H516212" s="12"/>
    </row>
    <row r="516213" spans="8:8">
      <c r="H516213" s="12"/>
    </row>
    <row r="516214" spans="8:8">
      <c r="H516214" s="12"/>
    </row>
    <row r="516215" spans="8:8">
      <c r="H516215" s="12"/>
    </row>
    <row r="516216" spans="8:8">
      <c r="H516216" s="12"/>
    </row>
    <row r="516217" spans="8:8">
      <c r="H516217" s="12"/>
    </row>
    <row r="516218" spans="8:8">
      <c r="H516218" s="12"/>
    </row>
    <row r="516219" spans="8:8">
      <c r="H516219" s="12"/>
    </row>
    <row r="516220" spans="8:8">
      <c r="H516220" s="12"/>
    </row>
    <row r="516221" spans="8:8">
      <c r="H516221" s="12"/>
    </row>
    <row r="516222" spans="8:8">
      <c r="H516222" s="12"/>
    </row>
    <row r="516223" spans="8:8">
      <c r="H516223" s="12"/>
    </row>
    <row r="516224" spans="8:8">
      <c r="H516224" s="12"/>
    </row>
    <row r="516225" spans="8:8">
      <c r="H516225" s="12"/>
    </row>
    <row r="516226" spans="8:8">
      <c r="H516226" s="12"/>
    </row>
    <row r="516227" spans="8:8">
      <c r="H516227" s="12"/>
    </row>
    <row r="516228" spans="8:8">
      <c r="H516228" s="12"/>
    </row>
    <row r="516229" spans="8:8">
      <c r="H516229" s="12"/>
    </row>
    <row r="516230" spans="8:8">
      <c r="H516230" s="12"/>
    </row>
    <row r="516231" spans="8:8">
      <c r="H516231" s="12"/>
    </row>
    <row r="516232" spans="8:8">
      <c r="H516232" s="12"/>
    </row>
    <row r="516233" spans="8:8">
      <c r="H516233" s="12"/>
    </row>
    <row r="516234" spans="8:8">
      <c r="H516234" s="12"/>
    </row>
    <row r="516235" spans="8:8">
      <c r="H516235" s="12"/>
    </row>
    <row r="516236" spans="8:8">
      <c r="H516236" s="12"/>
    </row>
    <row r="516237" spans="8:8">
      <c r="H516237" s="12"/>
    </row>
    <row r="516238" spans="8:8">
      <c r="H516238" s="12"/>
    </row>
    <row r="516239" spans="8:8">
      <c r="H516239" s="12"/>
    </row>
    <row r="516240" spans="8:8">
      <c r="H516240" s="12"/>
    </row>
    <row r="516241" spans="8:8">
      <c r="H516241" s="12"/>
    </row>
    <row r="516242" spans="8:8">
      <c r="H516242" s="12"/>
    </row>
    <row r="516243" spans="8:8">
      <c r="H516243" s="12"/>
    </row>
    <row r="516244" spans="8:8">
      <c r="H516244" s="12"/>
    </row>
    <row r="516245" spans="8:8">
      <c r="H516245" s="12"/>
    </row>
    <row r="516246" spans="8:8">
      <c r="H516246" s="12"/>
    </row>
    <row r="516247" spans="8:8">
      <c r="H516247" s="12"/>
    </row>
    <row r="516248" spans="8:8">
      <c r="H516248" s="12"/>
    </row>
    <row r="516249" spans="8:8">
      <c r="H516249" s="12"/>
    </row>
    <row r="516250" spans="8:8">
      <c r="H516250" s="12"/>
    </row>
    <row r="516251" spans="8:8">
      <c r="H516251" s="12"/>
    </row>
    <row r="516252" spans="8:8">
      <c r="H516252" s="12"/>
    </row>
    <row r="516253" spans="8:8">
      <c r="H516253" s="12"/>
    </row>
    <row r="516254" spans="8:8">
      <c r="H516254" s="12"/>
    </row>
    <row r="516255" spans="8:8">
      <c r="H516255" s="12"/>
    </row>
    <row r="516256" spans="8:8">
      <c r="H516256" s="12"/>
    </row>
    <row r="516257" spans="8:8">
      <c r="H516257" s="12"/>
    </row>
    <row r="516258" spans="8:8">
      <c r="H516258" s="12"/>
    </row>
    <row r="516259" spans="8:8">
      <c r="H516259" s="12"/>
    </row>
    <row r="516260" spans="8:8">
      <c r="H516260" s="12"/>
    </row>
    <row r="516261" spans="8:8">
      <c r="H516261" s="12"/>
    </row>
    <row r="516262" spans="8:8">
      <c r="H516262" s="12"/>
    </row>
    <row r="516263" spans="8:8">
      <c r="H516263" s="12"/>
    </row>
    <row r="516264" spans="8:8">
      <c r="H516264" s="12"/>
    </row>
    <row r="516265" spans="8:8">
      <c r="H516265" s="12"/>
    </row>
    <row r="516266" spans="8:8">
      <c r="H516266" s="12"/>
    </row>
    <row r="516267" spans="8:8">
      <c r="H516267" s="12"/>
    </row>
    <row r="516268" spans="8:8">
      <c r="H516268" s="12"/>
    </row>
    <row r="516269" spans="8:8">
      <c r="H516269" s="12"/>
    </row>
    <row r="516270" spans="8:8">
      <c r="H516270" s="12"/>
    </row>
    <row r="516271" spans="8:8">
      <c r="H516271" s="12"/>
    </row>
    <row r="516272" spans="8:8">
      <c r="H516272" s="12"/>
    </row>
    <row r="516273" spans="8:8">
      <c r="H516273" s="12"/>
    </row>
    <row r="516274" spans="8:8">
      <c r="H516274" s="12"/>
    </row>
    <row r="516275" spans="8:8">
      <c r="H516275" s="12"/>
    </row>
    <row r="516276" spans="8:8">
      <c r="H516276" s="12"/>
    </row>
    <row r="516277" spans="8:8">
      <c r="H516277" s="12"/>
    </row>
    <row r="516278" spans="8:8">
      <c r="H516278" s="12"/>
    </row>
    <row r="516279" spans="8:8">
      <c r="H516279" s="12"/>
    </row>
    <row r="516280" spans="8:8">
      <c r="H516280" s="12"/>
    </row>
    <row r="516281" spans="8:8">
      <c r="H516281" s="12"/>
    </row>
    <row r="516282" spans="8:8">
      <c r="H516282" s="12"/>
    </row>
    <row r="516283" spans="8:8">
      <c r="H516283" s="12"/>
    </row>
    <row r="516284" spans="8:8">
      <c r="H516284" s="12"/>
    </row>
    <row r="516285" spans="8:8">
      <c r="H516285" s="12"/>
    </row>
    <row r="516286" spans="8:8">
      <c r="H516286" s="12"/>
    </row>
    <row r="516287" spans="8:8">
      <c r="H516287" s="12"/>
    </row>
    <row r="516288" spans="8:8">
      <c r="H516288" s="12"/>
    </row>
    <row r="516289" spans="8:8">
      <c r="H516289" s="12"/>
    </row>
    <row r="516290" spans="8:8">
      <c r="H516290" s="12"/>
    </row>
    <row r="516291" spans="8:8">
      <c r="H516291" s="12"/>
    </row>
    <row r="516292" spans="8:8">
      <c r="H516292" s="12"/>
    </row>
    <row r="516293" spans="8:8">
      <c r="H516293" s="12"/>
    </row>
    <row r="516294" spans="8:8">
      <c r="H516294" s="12"/>
    </row>
    <row r="516295" spans="8:8">
      <c r="H516295" s="12"/>
    </row>
    <row r="516296" spans="8:8">
      <c r="H516296" s="12"/>
    </row>
    <row r="516297" spans="8:8">
      <c r="H516297" s="12"/>
    </row>
    <row r="516298" spans="8:8">
      <c r="H516298" s="12"/>
    </row>
    <row r="516299" spans="8:8">
      <c r="H516299" s="12"/>
    </row>
    <row r="516300" spans="8:8">
      <c r="H516300" s="12"/>
    </row>
    <row r="516301" spans="8:8">
      <c r="H516301" s="12"/>
    </row>
    <row r="516302" spans="8:8">
      <c r="H516302" s="12"/>
    </row>
    <row r="516303" spans="8:8">
      <c r="H516303" s="12"/>
    </row>
    <row r="516304" spans="8:8">
      <c r="H516304" s="12"/>
    </row>
    <row r="516305" spans="8:8">
      <c r="H516305" s="12"/>
    </row>
    <row r="516306" spans="8:8">
      <c r="H516306" s="12"/>
    </row>
    <row r="516307" spans="8:8">
      <c r="H516307" s="12"/>
    </row>
    <row r="516308" spans="8:8">
      <c r="H516308" s="12"/>
    </row>
    <row r="516309" spans="8:8">
      <c r="H516309" s="12"/>
    </row>
    <row r="516310" spans="8:8">
      <c r="H516310" s="12"/>
    </row>
    <row r="516311" spans="8:8">
      <c r="H516311" s="12"/>
    </row>
    <row r="516312" spans="8:8">
      <c r="H516312" s="12"/>
    </row>
    <row r="516313" spans="8:8">
      <c r="H516313" s="12"/>
    </row>
    <row r="516314" spans="8:8">
      <c r="H516314" s="12"/>
    </row>
    <row r="516315" spans="8:8">
      <c r="H516315" s="12"/>
    </row>
    <row r="516316" spans="8:8">
      <c r="H516316" s="12"/>
    </row>
    <row r="516317" spans="8:8">
      <c r="H516317" s="12"/>
    </row>
    <row r="516318" spans="8:8">
      <c r="H516318" s="12"/>
    </row>
    <row r="516319" spans="8:8">
      <c r="H516319" s="12"/>
    </row>
    <row r="516320" spans="8:8">
      <c r="H516320" s="12"/>
    </row>
    <row r="516321" spans="8:8">
      <c r="H516321" s="12"/>
    </row>
    <row r="516322" spans="8:8">
      <c r="H516322" s="12"/>
    </row>
    <row r="516323" spans="8:8">
      <c r="H516323" s="12"/>
    </row>
    <row r="516324" spans="8:8">
      <c r="H516324" s="12"/>
    </row>
    <row r="516325" spans="8:8">
      <c r="H516325" s="12"/>
    </row>
    <row r="516326" spans="8:8">
      <c r="H516326" s="12"/>
    </row>
    <row r="516327" spans="8:8">
      <c r="H516327" s="12"/>
    </row>
    <row r="516328" spans="8:8">
      <c r="H516328" s="12"/>
    </row>
    <row r="516329" spans="8:8">
      <c r="H516329" s="12"/>
    </row>
    <row r="516330" spans="8:8">
      <c r="H516330" s="12"/>
    </row>
    <row r="516331" spans="8:8">
      <c r="H516331" s="12"/>
    </row>
    <row r="516332" spans="8:8">
      <c r="H516332" s="12"/>
    </row>
    <row r="516333" spans="8:8">
      <c r="H516333" s="12"/>
    </row>
    <row r="516334" spans="8:8">
      <c r="H516334" s="12"/>
    </row>
    <row r="516335" spans="8:8">
      <c r="H516335" s="12"/>
    </row>
    <row r="516336" spans="8:8">
      <c r="H516336" s="12"/>
    </row>
    <row r="516337" spans="8:8">
      <c r="H516337" s="12"/>
    </row>
    <row r="516338" spans="8:8">
      <c r="H516338" s="12"/>
    </row>
    <row r="516339" spans="8:8">
      <c r="H516339" s="12"/>
    </row>
    <row r="516340" spans="8:8">
      <c r="H516340" s="12"/>
    </row>
    <row r="516341" spans="8:8">
      <c r="H516341" s="12"/>
    </row>
    <row r="516342" spans="8:8">
      <c r="H516342" s="12"/>
    </row>
    <row r="516343" spans="8:8">
      <c r="H516343" s="12"/>
    </row>
    <row r="516344" spans="8:8">
      <c r="H516344" s="12"/>
    </row>
    <row r="516345" spans="8:8">
      <c r="H516345" s="12"/>
    </row>
    <row r="516346" spans="8:8">
      <c r="H516346" s="12"/>
    </row>
    <row r="516347" spans="8:8">
      <c r="H516347" s="12"/>
    </row>
    <row r="516348" spans="8:8">
      <c r="H516348" s="12"/>
    </row>
    <row r="516349" spans="8:8">
      <c r="H516349" s="12"/>
    </row>
    <row r="516350" spans="8:8">
      <c r="H516350" s="12"/>
    </row>
    <row r="516351" spans="8:8">
      <c r="H516351" s="12"/>
    </row>
    <row r="516352" spans="8:8">
      <c r="H516352" s="12"/>
    </row>
    <row r="516353" spans="8:8">
      <c r="H516353" s="12"/>
    </row>
    <row r="516354" spans="8:8">
      <c r="H516354" s="12"/>
    </row>
    <row r="516355" spans="8:8">
      <c r="H516355" s="12"/>
    </row>
    <row r="516356" spans="8:8">
      <c r="H516356" s="12"/>
    </row>
    <row r="516357" spans="8:8">
      <c r="H516357" s="12"/>
    </row>
    <row r="516358" spans="8:8">
      <c r="H516358" s="12"/>
    </row>
    <row r="516359" spans="8:8">
      <c r="H516359" s="12"/>
    </row>
    <row r="516360" spans="8:8">
      <c r="H516360" s="12"/>
    </row>
    <row r="516361" spans="8:8">
      <c r="H516361" s="12"/>
    </row>
    <row r="516362" spans="8:8">
      <c r="H516362" s="12"/>
    </row>
    <row r="516363" spans="8:8">
      <c r="H516363" s="12"/>
    </row>
    <row r="516364" spans="8:8">
      <c r="H516364" s="12"/>
    </row>
    <row r="516365" spans="8:8">
      <c r="H516365" s="12"/>
    </row>
    <row r="516366" spans="8:8">
      <c r="H516366" s="12"/>
    </row>
    <row r="516367" spans="8:8">
      <c r="H516367" s="12"/>
    </row>
    <row r="516368" spans="8:8">
      <c r="H516368" s="12"/>
    </row>
    <row r="516369" spans="8:8">
      <c r="H516369" s="12"/>
    </row>
    <row r="516370" spans="8:8">
      <c r="H516370" s="12"/>
    </row>
    <row r="516371" spans="8:8">
      <c r="H516371" s="12"/>
    </row>
    <row r="516372" spans="8:8">
      <c r="H516372" s="12"/>
    </row>
    <row r="516373" spans="8:8">
      <c r="H516373" s="12"/>
    </row>
    <row r="516374" spans="8:8">
      <c r="H516374" s="12"/>
    </row>
    <row r="516375" spans="8:8">
      <c r="H516375" s="12"/>
    </row>
    <row r="516376" spans="8:8">
      <c r="H516376" s="12"/>
    </row>
    <row r="516377" spans="8:8">
      <c r="H516377" s="12"/>
    </row>
    <row r="516378" spans="8:8">
      <c r="H516378" s="12"/>
    </row>
    <row r="516379" spans="8:8">
      <c r="H516379" s="12"/>
    </row>
    <row r="516380" spans="8:8">
      <c r="H516380" s="12"/>
    </row>
    <row r="516381" spans="8:8">
      <c r="H516381" s="12"/>
    </row>
    <row r="516382" spans="8:8">
      <c r="H516382" s="12"/>
    </row>
    <row r="516383" spans="8:8">
      <c r="H516383" s="12"/>
    </row>
    <row r="516384" spans="8:8">
      <c r="H516384" s="12"/>
    </row>
    <row r="516385" spans="8:8">
      <c r="H516385" s="12"/>
    </row>
    <row r="516386" spans="8:8">
      <c r="H516386" s="12"/>
    </row>
    <row r="516387" spans="8:8">
      <c r="H516387" s="12"/>
    </row>
    <row r="516388" spans="8:8">
      <c r="H516388" s="12"/>
    </row>
    <row r="516389" spans="8:8">
      <c r="H516389" s="12"/>
    </row>
    <row r="516390" spans="8:8">
      <c r="H516390" s="12"/>
    </row>
    <row r="516391" spans="8:8">
      <c r="H516391" s="12"/>
    </row>
    <row r="516392" spans="8:8">
      <c r="H516392" s="12"/>
    </row>
    <row r="516393" spans="8:8">
      <c r="H516393" s="12"/>
    </row>
    <row r="516394" spans="8:8">
      <c r="H516394" s="12"/>
    </row>
    <row r="516395" spans="8:8">
      <c r="H516395" s="12"/>
    </row>
    <row r="516396" spans="8:8">
      <c r="H516396" s="12"/>
    </row>
    <row r="516397" spans="8:8">
      <c r="H516397" s="12"/>
    </row>
    <row r="516398" spans="8:8">
      <c r="H516398" s="12"/>
    </row>
    <row r="516399" spans="8:8">
      <c r="H516399" s="12"/>
    </row>
    <row r="516400" spans="8:8">
      <c r="H516400" s="12"/>
    </row>
    <row r="516401" spans="8:8">
      <c r="H516401" s="12"/>
    </row>
    <row r="516402" spans="8:8">
      <c r="H516402" s="12"/>
    </row>
    <row r="516403" spans="8:8">
      <c r="H516403" s="12"/>
    </row>
    <row r="516404" spans="8:8">
      <c r="H516404" s="12"/>
    </row>
    <row r="516405" spans="8:8">
      <c r="H516405" s="12"/>
    </row>
    <row r="516406" spans="8:8">
      <c r="H516406" s="12"/>
    </row>
    <row r="516407" spans="8:8">
      <c r="H516407" s="12"/>
    </row>
    <row r="516408" spans="8:8">
      <c r="H516408" s="12"/>
    </row>
    <row r="516409" spans="8:8">
      <c r="H516409" s="12"/>
    </row>
    <row r="516410" spans="8:8">
      <c r="H516410" s="12"/>
    </row>
    <row r="516411" spans="8:8">
      <c r="H516411" s="12"/>
    </row>
    <row r="516412" spans="8:8">
      <c r="H516412" s="12"/>
    </row>
    <row r="516413" spans="8:8">
      <c r="H516413" s="12"/>
    </row>
    <row r="516414" spans="8:8">
      <c r="H516414" s="12"/>
    </row>
    <row r="516415" spans="8:8">
      <c r="H516415" s="12"/>
    </row>
    <row r="516416" spans="8:8">
      <c r="H516416" s="12"/>
    </row>
    <row r="516417" spans="8:8">
      <c r="H516417" s="12"/>
    </row>
    <row r="516418" spans="8:8">
      <c r="H516418" s="12"/>
    </row>
    <row r="516419" spans="8:8">
      <c r="H516419" s="12"/>
    </row>
    <row r="516420" spans="8:8">
      <c r="H516420" s="12"/>
    </row>
    <row r="516421" spans="8:8">
      <c r="H516421" s="12"/>
    </row>
    <row r="516422" spans="8:8">
      <c r="H516422" s="12"/>
    </row>
    <row r="516423" spans="8:8">
      <c r="H516423" s="12"/>
    </row>
    <row r="516424" spans="8:8">
      <c r="H516424" s="12"/>
    </row>
    <row r="516425" spans="8:8">
      <c r="H516425" s="12"/>
    </row>
    <row r="516426" spans="8:8">
      <c r="H516426" s="12"/>
    </row>
    <row r="516427" spans="8:8">
      <c r="H516427" s="12"/>
    </row>
    <row r="516428" spans="8:8">
      <c r="H516428" s="12"/>
    </row>
    <row r="516429" spans="8:8">
      <c r="H516429" s="12"/>
    </row>
    <row r="516430" spans="8:8">
      <c r="H516430" s="12"/>
    </row>
    <row r="516431" spans="8:8">
      <c r="H516431" s="12"/>
    </row>
    <row r="516432" spans="8:8">
      <c r="H516432" s="12"/>
    </row>
    <row r="516433" spans="8:8">
      <c r="H516433" s="12"/>
    </row>
    <row r="516434" spans="8:8">
      <c r="H516434" s="12"/>
    </row>
    <row r="516435" spans="8:8">
      <c r="H516435" s="12"/>
    </row>
    <row r="516436" spans="8:8">
      <c r="H516436" s="12"/>
    </row>
    <row r="516437" spans="8:8">
      <c r="H516437" s="12"/>
    </row>
    <row r="516438" spans="8:8">
      <c r="H516438" s="12"/>
    </row>
    <row r="516439" spans="8:8">
      <c r="H516439" s="12"/>
    </row>
    <row r="516440" spans="8:8">
      <c r="H516440" s="12"/>
    </row>
    <row r="516441" spans="8:8">
      <c r="H516441" s="12"/>
    </row>
    <row r="516442" spans="8:8">
      <c r="H516442" s="12"/>
    </row>
    <row r="516443" spans="8:8">
      <c r="H516443" s="12"/>
    </row>
    <row r="516444" spans="8:8">
      <c r="H516444" s="12"/>
    </row>
    <row r="516445" spans="8:8">
      <c r="H516445" s="12"/>
    </row>
    <row r="516446" spans="8:8">
      <c r="H516446" s="12"/>
    </row>
    <row r="516447" spans="8:8">
      <c r="H516447" s="12"/>
    </row>
    <row r="516448" spans="8:8">
      <c r="H516448" s="12"/>
    </row>
    <row r="516449" spans="8:8">
      <c r="H516449" s="12"/>
    </row>
    <row r="516450" spans="8:8">
      <c r="H516450" s="12"/>
    </row>
    <row r="516451" spans="8:8">
      <c r="H516451" s="12"/>
    </row>
    <row r="516452" spans="8:8">
      <c r="H516452" s="12"/>
    </row>
    <row r="516453" spans="8:8">
      <c r="H516453" s="12"/>
    </row>
    <row r="516454" spans="8:8">
      <c r="H516454" s="12"/>
    </row>
    <row r="516455" spans="8:8">
      <c r="H516455" s="12"/>
    </row>
    <row r="516456" spans="8:8">
      <c r="H516456" s="12"/>
    </row>
    <row r="516457" spans="8:8">
      <c r="H516457" s="12"/>
    </row>
    <row r="516458" spans="8:8">
      <c r="H516458" s="12"/>
    </row>
    <row r="516459" spans="8:8">
      <c r="H516459" s="12"/>
    </row>
    <row r="516460" spans="8:8">
      <c r="H516460" s="12"/>
    </row>
    <row r="516461" spans="8:8">
      <c r="H516461" s="12"/>
    </row>
    <row r="516462" spans="8:8">
      <c r="H516462" s="12"/>
    </row>
    <row r="516463" spans="8:8">
      <c r="H516463" s="12"/>
    </row>
    <row r="516464" spans="8:8">
      <c r="H516464" s="12"/>
    </row>
    <row r="516465" spans="8:8">
      <c r="H516465" s="12"/>
    </row>
    <row r="516466" spans="8:8">
      <c r="H516466" s="12"/>
    </row>
    <row r="516467" spans="8:8">
      <c r="H516467" s="12"/>
    </row>
    <row r="516468" spans="8:8">
      <c r="H516468" s="12"/>
    </row>
    <row r="516469" spans="8:8">
      <c r="H516469" s="12"/>
    </row>
    <row r="516470" spans="8:8">
      <c r="H516470" s="12"/>
    </row>
    <row r="516471" spans="8:8">
      <c r="H516471" s="12"/>
    </row>
    <row r="516472" spans="8:8">
      <c r="H516472" s="12"/>
    </row>
    <row r="516473" spans="8:8">
      <c r="H516473" s="12"/>
    </row>
    <row r="516474" spans="8:8">
      <c r="H516474" s="12"/>
    </row>
    <row r="516475" spans="8:8">
      <c r="H516475" s="12"/>
    </row>
    <row r="516476" spans="8:8">
      <c r="H516476" s="12"/>
    </row>
    <row r="516477" spans="8:8">
      <c r="H516477" s="12"/>
    </row>
    <row r="516478" spans="8:8">
      <c r="H516478" s="12"/>
    </row>
    <row r="516479" spans="8:8">
      <c r="H516479" s="12"/>
    </row>
    <row r="516480" spans="8:8">
      <c r="H516480" s="12"/>
    </row>
    <row r="516481" spans="8:8">
      <c r="H516481" s="12"/>
    </row>
    <row r="516482" spans="8:8">
      <c r="H516482" s="12"/>
    </row>
    <row r="516483" spans="8:8">
      <c r="H516483" s="12"/>
    </row>
    <row r="516484" spans="8:8">
      <c r="H516484" s="12"/>
    </row>
    <row r="516485" spans="8:8">
      <c r="H516485" s="12"/>
    </row>
    <row r="516486" spans="8:8">
      <c r="H516486" s="12"/>
    </row>
    <row r="516487" spans="8:8">
      <c r="H516487" s="12"/>
    </row>
    <row r="516488" spans="8:8">
      <c r="H516488" s="12"/>
    </row>
    <row r="516489" spans="8:8">
      <c r="H516489" s="12"/>
    </row>
    <row r="516490" spans="8:8">
      <c r="H516490" s="12"/>
    </row>
    <row r="516491" spans="8:8">
      <c r="H516491" s="12"/>
    </row>
    <row r="516492" spans="8:8">
      <c r="H516492" s="12"/>
    </row>
    <row r="516493" spans="8:8">
      <c r="H516493" s="12"/>
    </row>
    <row r="516494" spans="8:8">
      <c r="H516494" s="12"/>
    </row>
    <row r="516495" spans="8:8">
      <c r="H516495" s="12"/>
    </row>
    <row r="516496" spans="8:8">
      <c r="H516496" s="12"/>
    </row>
    <row r="516497" spans="8:8">
      <c r="H516497" s="12"/>
    </row>
    <row r="516498" spans="8:8">
      <c r="H516498" s="12"/>
    </row>
    <row r="516499" spans="8:8">
      <c r="H516499" s="12"/>
    </row>
    <row r="516500" spans="8:8">
      <c r="H516500" s="12"/>
    </row>
    <row r="516501" spans="8:8">
      <c r="H516501" s="12"/>
    </row>
    <row r="516502" spans="8:8">
      <c r="H516502" s="12"/>
    </row>
    <row r="516503" spans="8:8">
      <c r="H516503" s="12"/>
    </row>
    <row r="516504" spans="8:8">
      <c r="H516504" s="12"/>
    </row>
    <row r="516505" spans="8:8">
      <c r="H516505" s="12"/>
    </row>
    <row r="516506" spans="8:8">
      <c r="H516506" s="12"/>
    </row>
    <row r="516507" spans="8:8">
      <c r="H516507" s="12"/>
    </row>
    <row r="516508" spans="8:8">
      <c r="H516508" s="12"/>
    </row>
    <row r="516509" spans="8:8">
      <c r="H516509" s="12"/>
    </row>
    <row r="516510" spans="8:8">
      <c r="H516510" s="12"/>
    </row>
    <row r="516511" spans="8:8">
      <c r="H516511" s="12"/>
    </row>
    <row r="516512" spans="8:8">
      <c r="H516512" s="12"/>
    </row>
    <row r="516513" spans="8:8">
      <c r="H516513" s="12"/>
    </row>
    <row r="516514" spans="8:8">
      <c r="H516514" s="12"/>
    </row>
    <row r="516515" spans="8:8">
      <c r="H516515" s="12"/>
    </row>
    <row r="516516" spans="8:8">
      <c r="H516516" s="12"/>
    </row>
    <row r="516517" spans="8:8">
      <c r="H516517" s="12"/>
    </row>
    <row r="516518" spans="8:8">
      <c r="H516518" s="12"/>
    </row>
    <row r="516519" spans="8:8">
      <c r="H516519" s="12"/>
    </row>
    <row r="516520" spans="8:8">
      <c r="H516520" s="12"/>
    </row>
    <row r="516521" spans="8:8">
      <c r="H516521" s="12"/>
    </row>
    <row r="516522" spans="8:8">
      <c r="H516522" s="12"/>
    </row>
    <row r="516523" spans="8:8">
      <c r="H516523" s="12"/>
    </row>
    <row r="516524" spans="8:8">
      <c r="H516524" s="12"/>
    </row>
    <row r="516525" spans="8:8">
      <c r="H516525" s="12"/>
    </row>
    <row r="516526" spans="8:8">
      <c r="H516526" s="12"/>
    </row>
    <row r="516527" spans="8:8">
      <c r="H516527" s="12"/>
    </row>
    <row r="516528" spans="8:8">
      <c r="H516528" s="12"/>
    </row>
    <row r="516529" spans="8:8">
      <c r="H516529" s="12"/>
    </row>
    <row r="516530" spans="8:8">
      <c r="H516530" s="12"/>
    </row>
    <row r="516531" spans="8:8">
      <c r="H516531" s="12"/>
    </row>
    <row r="516532" spans="8:8">
      <c r="H516532" s="12"/>
    </row>
    <row r="516533" spans="8:8">
      <c r="H516533" s="12"/>
    </row>
    <row r="516534" spans="8:8">
      <c r="H516534" s="12"/>
    </row>
    <row r="516535" spans="8:8">
      <c r="H516535" s="12"/>
    </row>
    <row r="516536" spans="8:8">
      <c r="H516536" s="12"/>
    </row>
    <row r="516537" spans="8:8">
      <c r="H516537" s="12"/>
    </row>
    <row r="516538" spans="8:8">
      <c r="H516538" s="12"/>
    </row>
    <row r="516539" spans="8:8">
      <c r="H516539" s="12"/>
    </row>
    <row r="516540" spans="8:8">
      <c r="H516540" s="12"/>
    </row>
    <row r="516541" spans="8:8">
      <c r="H516541" s="12"/>
    </row>
    <row r="516542" spans="8:8">
      <c r="H516542" s="12"/>
    </row>
    <row r="516543" spans="8:8">
      <c r="H516543" s="12"/>
    </row>
    <row r="516544" spans="8:8">
      <c r="H516544" s="12"/>
    </row>
    <row r="516545" spans="8:8">
      <c r="H516545" s="12"/>
    </row>
    <row r="516546" spans="8:8">
      <c r="H516546" s="12"/>
    </row>
    <row r="516547" spans="8:8">
      <c r="H516547" s="12"/>
    </row>
    <row r="516548" spans="8:8">
      <c r="H516548" s="12"/>
    </row>
    <row r="516549" spans="8:8">
      <c r="H516549" s="12"/>
    </row>
    <row r="516550" spans="8:8">
      <c r="H516550" s="12"/>
    </row>
    <row r="516551" spans="8:8">
      <c r="H516551" s="12"/>
    </row>
    <row r="516552" spans="8:8">
      <c r="H516552" s="12"/>
    </row>
    <row r="516553" spans="8:8">
      <c r="H516553" s="12"/>
    </row>
    <row r="516554" spans="8:8">
      <c r="H516554" s="12"/>
    </row>
    <row r="516555" spans="8:8">
      <c r="H516555" s="12"/>
    </row>
    <row r="516556" spans="8:8">
      <c r="H516556" s="12"/>
    </row>
    <row r="516557" spans="8:8">
      <c r="H516557" s="12"/>
    </row>
    <row r="516558" spans="8:8">
      <c r="H516558" s="12"/>
    </row>
    <row r="516559" spans="8:8">
      <c r="H516559" s="12"/>
    </row>
    <row r="516560" spans="8:8">
      <c r="H516560" s="12"/>
    </row>
    <row r="516561" spans="8:8">
      <c r="H516561" s="12"/>
    </row>
    <row r="516562" spans="8:8">
      <c r="H516562" s="12"/>
    </row>
    <row r="516563" spans="8:8">
      <c r="H516563" s="12"/>
    </row>
    <row r="516564" spans="8:8">
      <c r="H516564" s="12"/>
    </row>
    <row r="516565" spans="8:8">
      <c r="H516565" s="12"/>
    </row>
    <row r="516566" spans="8:8">
      <c r="H516566" s="12"/>
    </row>
    <row r="516567" spans="8:8">
      <c r="H516567" s="12"/>
    </row>
    <row r="516568" spans="8:8">
      <c r="H516568" s="12"/>
    </row>
    <row r="516569" spans="8:8">
      <c r="H516569" s="12"/>
    </row>
    <row r="516570" spans="8:8">
      <c r="H516570" s="12"/>
    </row>
    <row r="516571" spans="8:8">
      <c r="H516571" s="12"/>
    </row>
    <row r="516572" spans="8:8">
      <c r="H516572" s="12"/>
    </row>
    <row r="516573" spans="8:8">
      <c r="H516573" s="12"/>
    </row>
    <row r="516574" spans="8:8">
      <c r="H516574" s="12"/>
    </row>
    <row r="516575" spans="8:8">
      <c r="H516575" s="12"/>
    </row>
    <row r="516576" spans="8:8">
      <c r="H516576" s="12"/>
    </row>
    <row r="516577" spans="8:8">
      <c r="H516577" s="12"/>
    </row>
    <row r="516578" spans="8:8">
      <c r="H516578" s="12"/>
    </row>
    <row r="516579" spans="8:8">
      <c r="H516579" s="12"/>
    </row>
    <row r="516580" spans="8:8">
      <c r="H516580" s="12"/>
    </row>
    <row r="516581" spans="8:8">
      <c r="H516581" s="12"/>
    </row>
    <row r="516582" spans="8:8">
      <c r="H516582" s="12"/>
    </row>
    <row r="516583" spans="8:8">
      <c r="H516583" s="12"/>
    </row>
    <row r="516584" spans="8:8">
      <c r="H516584" s="12"/>
    </row>
    <row r="516585" spans="8:8">
      <c r="H516585" s="12"/>
    </row>
    <row r="516586" spans="8:8">
      <c r="H516586" s="12"/>
    </row>
    <row r="516587" spans="8:8">
      <c r="H516587" s="12"/>
    </row>
    <row r="516588" spans="8:8">
      <c r="H516588" s="12"/>
    </row>
    <row r="516589" spans="8:8">
      <c r="H516589" s="12"/>
    </row>
    <row r="516590" spans="8:8">
      <c r="H516590" s="12"/>
    </row>
    <row r="516591" spans="8:8">
      <c r="H516591" s="12"/>
    </row>
    <row r="516592" spans="8:8">
      <c r="H516592" s="12"/>
    </row>
    <row r="516593" spans="8:8">
      <c r="H516593" s="12"/>
    </row>
    <row r="516594" spans="8:8">
      <c r="H516594" s="12"/>
    </row>
    <row r="516595" spans="8:8">
      <c r="H516595" s="12"/>
    </row>
    <row r="516596" spans="8:8">
      <c r="H516596" s="12"/>
    </row>
    <row r="516597" spans="8:8">
      <c r="H516597" s="12"/>
    </row>
    <row r="516598" spans="8:8">
      <c r="H516598" s="12"/>
    </row>
    <row r="516599" spans="8:8">
      <c r="H516599" s="12"/>
    </row>
    <row r="516600" spans="8:8">
      <c r="H516600" s="12"/>
    </row>
    <row r="516601" spans="8:8">
      <c r="H516601" s="12"/>
    </row>
    <row r="516602" spans="8:8">
      <c r="H516602" s="12"/>
    </row>
    <row r="516603" spans="8:8">
      <c r="H516603" s="12"/>
    </row>
    <row r="516604" spans="8:8">
      <c r="H516604" s="12"/>
    </row>
    <row r="516605" spans="8:8">
      <c r="H516605" s="12"/>
    </row>
    <row r="516606" spans="8:8">
      <c r="H516606" s="12"/>
    </row>
    <row r="516607" spans="8:8">
      <c r="H516607" s="12"/>
    </row>
    <row r="516608" spans="8:8">
      <c r="H516608" s="12"/>
    </row>
    <row r="516609" spans="8:8">
      <c r="H516609" s="12"/>
    </row>
    <row r="516610" spans="8:8">
      <c r="H516610" s="12"/>
    </row>
    <row r="516611" spans="8:8">
      <c r="H516611" s="12"/>
    </row>
    <row r="516612" spans="8:8">
      <c r="H516612" s="12"/>
    </row>
    <row r="516613" spans="8:8">
      <c r="H516613" s="12"/>
    </row>
    <row r="516614" spans="8:8">
      <c r="H516614" s="12"/>
    </row>
    <row r="516615" spans="8:8">
      <c r="H516615" s="12"/>
    </row>
    <row r="516616" spans="8:8">
      <c r="H516616" s="12"/>
    </row>
    <row r="516617" spans="8:8">
      <c r="H516617" s="12"/>
    </row>
    <row r="516618" spans="8:8">
      <c r="H516618" s="12"/>
    </row>
    <row r="516619" spans="8:8">
      <c r="H516619" s="12"/>
    </row>
    <row r="516620" spans="8:8">
      <c r="H516620" s="12"/>
    </row>
    <row r="516621" spans="8:8">
      <c r="H516621" s="12"/>
    </row>
    <row r="516622" spans="8:8">
      <c r="H516622" s="12"/>
    </row>
    <row r="516623" spans="8:8">
      <c r="H516623" s="12"/>
    </row>
    <row r="516624" spans="8:8">
      <c r="H516624" s="12"/>
    </row>
    <row r="516625" spans="8:8">
      <c r="H516625" s="12"/>
    </row>
    <row r="516626" spans="8:8">
      <c r="H516626" s="12"/>
    </row>
    <row r="516627" spans="8:8">
      <c r="H516627" s="12"/>
    </row>
    <row r="516628" spans="8:8">
      <c r="H516628" s="12"/>
    </row>
    <row r="516629" spans="8:8">
      <c r="H516629" s="12"/>
    </row>
    <row r="516630" spans="8:8">
      <c r="H516630" s="12"/>
    </row>
    <row r="516631" spans="8:8">
      <c r="H516631" s="12"/>
    </row>
    <row r="516632" spans="8:8">
      <c r="H516632" s="12"/>
    </row>
    <row r="516633" spans="8:8">
      <c r="H516633" s="12"/>
    </row>
    <row r="516634" spans="8:8">
      <c r="H516634" s="12"/>
    </row>
    <row r="516635" spans="8:8">
      <c r="H516635" s="12"/>
    </row>
    <row r="516636" spans="8:8">
      <c r="H516636" s="12"/>
    </row>
    <row r="516637" spans="8:8">
      <c r="H516637" s="12"/>
    </row>
    <row r="516638" spans="8:8">
      <c r="H516638" s="12"/>
    </row>
    <row r="516639" spans="8:8">
      <c r="H516639" s="12"/>
    </row>
    <row r="516640" spans="8:8">
      <c r="H516640" s="12"/>
    </row>
    <row r="516641" spans="8:8">
      <c r="H516641" s="12"/>
    </row>
    <row r="516642" spans="8:8">
      <c r="H516642" s="12"/>
    </row>
    <row r="516643" spans="8:8">
      <c r="H516643" s="12"/>
    </row>
    <row r="516644" spans="8:8">
      <c r="H516644" s="12"/>
    </row>
    <row r="516645" spans="8:8">
      <c r="H516645" s="12"/>
    </row>
    <row r="516646" spans="8:8">
      <c r="H516646" s="12"/>
    </row>
    <row r="516647" spans="8:8">
      <c r="H516647" s="12"/>
    </row>
    <row r="516648" spans="8:8">
      <c r="H516648" s="12"/>
    </row>
    <row r="516649" spans="8:8">
      <c r="H516649" s="12"/>
    </row>
    <row r="516650" spans="8:8">
      <c r="H516650" s="12"/>
    </row>
    <row r="516651" spans="8:8">
      <c r="H516651" s="12"/>
    </row>
    <row r="516652" spans="8:8">
      <c r="H516652" s="12"/>
    </row>
    <row r="516653" spans="8:8">
      <c r="H516653" s="12"/>
    </row>
    <row r="516654" spans="8:8">
      <c r="H516654" s="12"/>
    </row>
    <row r="516655" spans="8:8">
      <c r="H516655" s="12"/>
    </row>
    <row r="516656" spans="8:8">
      <c r="H516656" s="12"/>
    </row>
    <row r="516657" spans="8:8">
      <c r="H516657" s="12"/>
    </row>
    <row r="516658" spans="8:8">
      <c r="H516658" s="12"/>
    </row>
    <row r="516659" spans="8:8">
      <c r="H516659" s="12"/>
    </row>
    <row r="516660" spans="8:8">
      <c r="H516660" s="12"/>
    </row>
    <row r="516661" spans="8:8">
      <c r="H516661" s="12"/>
    </row>
    <row r="516662" spans="8:8">
      <c r="H516662" s="12"/>
    </row>
    <row r="516663" spans="8:8">
      <c r="H516663" s="12"/>
    </row>
    <row r="516664" spans="8:8">
      <c r="H516664" s="12"/>
    </row>
    <row r="516665" spans="8:8">
      <c r="H516665" s="12"/>
    </row>
    <row r="516666" spans="8:8">
      <c r="H516666" s="12"/>
    </row>
    <row r="516667" spans="8:8">
      <c r="H516667" s="12"/>
    </row>
    <row r="516668" spans="8:8">
      <c r="H516668" s="12"/>
    </row>
    <row r="516669" spans="8:8">
      <c r="H516669" s="12"/>
    </row>
    <row r="516670" spans="8:8">
      <c r="H516670" s="12"/>
    </row>
    <row r="516671" spans="8:8">
      <c r="H516671" s="12"/>
    </row>
    <row r="516672" spans="8:8">
      <c r="H516672" s="12"/>
    </row>
    <row r="516673" spans="8:8">
      <c r="H516673" s="12"/>
    </row>
    <row r="516674" spans="8:8">
      <c r="H516674" s="12"/>
    </row>
    <row r="516675" spans="8:8">
      <c r="H516675" s="12"/>
    </row>
    <row r="516676" spans="8:8">
      <c r="H516676" s="12"/>
    </row>
    <row r="516677" spans="8:8">
      <c r="H516677" s="12"/>
    </row>
    <row r="516678" spans="8:8">
      <c r="H516678" s="12"/>
    </row>
    <row r="516679" spans="8:8">
      <c r="H516679" s="12"/>
    </row>
    <row r="516680" spans="8:8">
      <c r="H516680" s="12"/>
    </row>
    <row r="516681" spans="8:8">
      <c r="H516681" s="12"/>
    </row>
    <row r="516682" spans="8:8">
      <c r="H516682" s="12"/>
    </row>
    <row r="516683" spans="8:8">
      <c r="H516683" s="12"/>
    </row>
    <row r="516684" spans="8:8">
      <c r="H516684" s="12"/>
    </row>
    <row r="516685" spans="8:8">
      <c r="H516685" s="12"/>
    </row>
    <row r="516686" spans="8:8">
      <c r="H516686" s="12"/>
    </row>
    <row r="516687" spans="8:8">
      <c r="H516687" s="12"/>
    </row>
    <row r="516688" spans="8:8">
      <c r="H516688" s="12"/>
    </row>
    <row r="516689" spans="8:8">
      <c r="H516689" s="12"/>
    </row>
    <row r="516690" spans="8:8">
      <c r="H516690" s="12"/>
    </row>
    <row r="516691" spans="8:8">
      <c r="H516691" s="12"/>
    </row>
    <row r="516692" spans="8:8">
      <c r="H516692" s="12"/>
    </row>
    <row r="516693" spans="8:8">
      <c r="H516693" s="12"/>
    </row>
    <row r="516694" spans="8:8">
      <c r="H516694" s="12"/>
    </row>
    <row r="516695" spans="8:8">
      <c r="H516695" s="12"/>
    </row>
    <row r="516696" spans="8:8">
      <c r="H516696" s="12"/>
    </row>
    <row r="516697" spans="8:8">
      <c r="H516697" s="12"/>
    </row>
    <row r="516698" spans="8:8">
      <c r="H516698" s="12"/>
    </row>
    <row r="516699" spans="8:8">
      <c r="H516699" s="12"/>
    </row>
    <row r="516700" spans="8:8">
      <c r="H516700" s="12"/>
    </row>
    <row r="516701" spans="8:8">
      <c r="H516701" s="12"/>
    </row>
    <row r="516702" spans="8:8">
      <c r="H516702" s="12"/>
    </row>
    <row r="516703" spans="8:8">
      <c r="H516703" s="12"/>
    </row>
    <row r="516704" spans="8:8">
      <c r="H516704" s="12"/>
    </row>
    <row r="516705" spans="8:8">
      <c r="H516705" s="12"/>
    </row>
    <row r="516706" spans="8:8">
      <c r="H516706" s="12"/>
    </row>
    <row r="516707" spans="8:8">
      <c r="H516707" s="12"/>
    </row>
    <row r="516708" spans="8:8">
      <c r="H516708" s="12"/>
    </row>
    <row r="516709" spans="8:8">
      <c r="H516709" s="12"/>
    </row>
    <row r="516710" spans="8:8">
      <c r="H516710" s="12"/>
    </row>
    <row r="516711" spans="8:8">
      <c r="H516711" s="12"/>
    </row>
    <row r="516712" spans="8:8">
      <c r="H516712" s="12"/>
    </row>
    <row r="516713" spans="8:8">
      <c r="H516713" s="12"/>
    </row>
    <row r="516714" spans="8:8">
      <c r="H516714" s="12"/>
    </row>
    <row r="516715" spans="8:8">
      <c r="H516715" s="12"/>
    </row>
    <row r="516716" spans="8:8">
      <c r="H516716" s="12"/>
    </row>
    <row r="516717" spans="8:8">
      <c r="H516717" s="12"/>
    </row>
    <row r="516718" spans="8:8">
      <c r="H516718" s="12"/>
    </row>
    <row r="516719" spans="8:8">
      <c r="H516719" s="12"/>
    </row>
    <row r="516720" spans="8:8">
      <c r="H516720" s="12"/>
    </row>
    <row r="516721" spans="8:8">
      <c r="H516721" s="12"/>
    </row>
    <row r="516722" spans="8:8">
      <c r="H516722" s="12"/>
    </row>
    <row r="516723" spans="8:8">
      <c r="H516723" s="12"/>
    </row>
    <row r="516724" spans="8:8">
      <c r="H516724" s="12"/>
    </row>
    <row r="516725" spans="8:8">
      <c r="H516725" s="12"/>
    </row>
    <row r="516726" spans="8:8">
      <c r="H516726" s="12"/>
    </row>
    <row r="516727" spans="8:8">
      <c r="H516727" s="12"/>
    </row>
    <row r="516728" spans="8:8">
      <c r="H516728" s="12"/>
    </row>
    <row r="516729" spans="8:8">
      <c r="H516729" s="12"/>
    </row>
    <row r="516730" spans="8:8">
      <c r="H516730" s="12"/>
    </row>
    <row r="516731" spans="8:8">
      <c r="H516731" s="12"/>
    </row>
    <row r="516732" spans="8:8">
      <c r="H516732" s="12"/>
    </row>
    <row r="516733" spans="8:8">
      <c r="H516733" s="12"/>
    </row>
    <row r="516734" spans="8:8">
      <c r="H516734" s="12"/>
    </row>
    <row r="516735" spans="8:8">
      <c r="H516735" s="12"/>
    </row>
    <row r="516736" spans="8:8">
      <c r="H516736" s="12"/>
    </row>
    <row r="516737" spans="8:8">
      <c r="H516737" s="12"/>
    </row>
    <row r="516738" spans="8:8">
      <c r="H516738" s="12"/>
    </row>
    <row r="516739" spans="8:8">
      <c r="H516739" s="12"/>
    </row>
    <row r="516740" spans="8:8">
      <c r="H516740" s="12"/>
    </row>
    <row r="516741" spans="8:8">
      <c r="H516741" s="12"/>
    </row>
    <row r="516742" spans="8:8">
      <c r="H516742" s="12"/>
    </row>
    <row r="516743" spans="8:8">
      <c r="H516743" s="12"/>
    </row>
    <row r="516744" spans="8:8">
      <c r="H516744" s="12"/>
    </row>
    <row r="516745" spans="8:8">
      <c r="H516745" s="12"/>
    </row>
    <row r="516746" spans="8:8">
      <c r="H516746" s="12"/>
    </row>
    <row r="516747" spans="8:8">
      <c r="H516747" s="12"/>
    </row>
    <row r="516748" spans="8:8">
      <c r="H516748" s="12"/>
    </row>
    <row r="516749" spans="8:8">
      <c r="H516749" s="12"/>
    </row>
    <row r="516750" spans="8:8">
      <c r="H516750" s="12"/>
    </row>
    <row r="516751" spans="8:8">
      <c r="H516751" s="12"/>
    </row>
    <row r="516752" spans="8:8">
      <c r="H516752" s="12"/>
    </row>
    <row r="516753" spans="8:8">
      <c r="H516753" s="12"/>
    </row>
    <row r="516754" spans="8:8">
      <c r="H516754" s="12"/>
    </row>
    <row r="516755" spans="8:8">
      <c r="H516755" s="12"/>
    </row>
    <row r="516756" spans="8:8">
      <c r="H516756" s="12"/>
    </row>
    <row r="516757" spans="8:8">
      <c r="H516757" s="12"/>
    </row>
    <row r="516758" spans="8:8">
      <c r="H516758" s="12"/>
    </row>
    <row r="516759" spans="8:8">
      <c r="H516759" s="12"/>
    </row>
    <row r="516760" spans="8:8">
      <c r="H516760" s="12"/>
    </row>
    <row r="516761" spans="8:8">
      <c r="H516761" s="12"/>
    </row>
    <row r="516762" spans="8:8">
      <c r="H516762" s="12"/>
    </row>
    <row r="516763" spans="8:8">
      <c r="H516763" s="12"/>
    </row>
    <row r="516764" spans="8:8">
      <c r="H516764" s="12"/>
    </row>
    <row r="516765" spans="8:8">
      <c r="H516765" s="12"/>
    </row>
    <row r="516766" spans="8:8">
      <c r="H516766" s="12"/>
    </row>
    <row r="516767" spans="8:8">
      <c r="H516767" s="12"/>
    </row>
    <row r="516768" spans="8:8">
      <c r="H516768" s="12"/>
    </row>
    <row r="516769" spans="8:8">
      <c r="H516769" s="12"/>
    </row>
    <row r="516770" spans="8:8">
      <c r="H516770" s="12"/>
    </row>
    <row r="516771" spans="8:8">
      <c r="H516771" s="12"/>
    </row>
    <row r="516772" spans="8:8">
      <c r="H516772" s="12"/>
    </row>
    <row r="516773" spans="8:8">
      <c r="H516773" s="12"/>
    </row>
    <row r="516774" spans="8:8">
      <c r="H516774" s="12"/>
    </row>
    <row r="516775" spans="8:8">
      <c r="H516775" s="12"/>
    </row>
    <row r="516776" spans="8:8">
      <c r="H516776" s="12"/>
    </row>
    <row r="516777" spans="8:8">
      <c r="H516777" s="12"/>
    </row>
    <row r="516778" spans="8:8">
      <c r="H516778" s="12"/>
    </row>
    <row r="516779" spans="8:8">
      <c r="H516779" s="12"/>
    </row>
    <row r="516780" spans="8:8">
      <c r="H516780" s="12"/>
    </row>
    <row r="516781" spans="8:8">
      <c r="H516781" s="12"/>
    </row>
    <row r="516782" spans="8:8">
      <c r="H516782" s="12"/>
    </row>
    <row r="516783" spans="8:8">
      <c r="H516783" s="12"/>
    </row>
    <row r="516784" spans="8:8">
      <c r="H516784" s="12"/>
    </row>
    <row r="516785" spans="8:8">
      <c r="H516785" s="12"/>
    </row>
    <row r="516786" spans="8:8">
      <c r="H516786" s="12"/>
    </row>
    <row r="516787" spans="8:8">
      <c r="H516787" s="12"/>
    </row>
    <row r="516788" spans="8:8">
      <c r="H516788" s="12"/>
    </row>
    <row r="516789" spans="8:8">
      <c r="H516789" s="12"/>
    </row>
    <row r="516790" spans="8:8">
      <c r="H516790" s="12"/>
    </row>
    <row r="516791" spans="8:8">
      <c r="H516791" s="12"/>
    </row>
    <row r="516792" spans="8:8">
      <c r="H516792" s="12"/>
    </row>
    <row r="516793" spans="8:8">
      <c r="H516793" s="12"/>
    </row>
    <row r="516794" spans="8:8">
      <c r="H516794" s="12"/>
    </row>
    <row r="516795" spans="8:8">
      <c r="H516795" s="12"/>
    </row>
    <row r="516796" spans="8:8">
      <c r="H516796" s="12"/>
    </row>
    <row r="516797" spans="8:8">
      <c r="H516797" s="12"/>
    </row>
    <row r="516798" spans="8:8">
      <c r="H516798" s="12"/>
    </row>
    <row r="516799" spans="8:8">
      <c r="H516799" s="12"/>
    </row>
    <row r="516800" spans="8:8">
      <c r="H516800" s="12"/>
    </row>
    <row r="516801" spans="8:8">
      <c r="H516801" s="12"/>
    </row>
    <row r="516802" spans="8:8">
      <c r="H516802" s="12"/>
    </row>
    <row r="516803" spans="8:8">
      <c r="H516803" s="12"/>
    </row>
    <row r="516804" spans="8:8">
      <c r="H516804" s="12"/>
    </row>
    <row r="516805" spans="8:8">
      <c r="H516805" s="12"/>
    </row>
    <row r="516806" spans="8:8">
      <c r="H516806" s="12"/>
    </row>
    <row r="516807" spans="8:8">
      <c r="H516807" s="12"/>
    </row>
    <row r="516808" spans="8:8">
      <c r="H516808" s="12"/>
    </row>
    <row r="516809" spans="8:8">
      <c r="H516809" s="12"/>
    </row>
    <row r="516810" spans="8:8">
      <c r="H516810" s="12"/>
    </row>
    <row r="516811" spans="8:8">
      <c r="H516811" s="12"/>
    </row>
    <row r="516812" spans="8:8">
      <c r="H516812" s="12"/>
    </row>
    <row r="516813" spans="8:8">
      <c r="H516813" s="12"/>
    </row>
    <row r="516814" spans="8:8">
      <c r="H516814" s="12"/>
    </row>
    <row r="516815" spans="8:8">
      <c r="H516815" s="12"/>
    </row>
    <row r="516816" spans="8:8">
      <c r="H516816" s="12"/>
    </row>
    <row r="516817" spans="8:8">
      <c r="H516817" s="12"/>
    </row>
    <row r="516818" spans="8:8">
      <c r="H516818" s="12"/>
    </row>
    <row r="516819" spans="8:8">
      <c r="H516819" s="12"/>
    </row>
    <row r="516820" spans="8:8">
      <c r="H516820" s="12"/>
    </row>
    <row r="516821" spans="8:8">
      <c r="H516821" s="12"/>
    </row>
    <row r="516822" spans="8:8">
      <c r="H516822" s="12"/>
    </row>
    <row r="516823" spans="8:8">
      <c r="H516823" s="12"/>
    </row>
    <row r="516824" spans="8:8">
      <c r="H516824" s="12"/>
    </row>
    <row r="516825" spans="8:8">
      <c r="H516825" s="12"/>
    </row>
    <row r="516826" spans="8:8">
      <c r="H516826" s="12"/>
    </row>
    <row r="516827" spans="8:8">
      <c r="H516827" s="12"/>
    </row>
    <row r="516828" spans="8:8">
      <c r="H516828" s="12"/>
    </row>
    <row r="516829" spans="8:8">
      <c r="H516829" s="12"/>
    </row>
    <row r="516830" spans="8:8">
      <c r="H516830" s="12"/>
    </row>
    <row r="516831" spans="8:8">
      <c r="H516831" s="12"/>
    </row>
    <row r="516832" spans="8:8">
      <c r="H516832" s="12"/>
    </row>
    <row r="516833" spans="8:8">
      <c r="H516833" s="12"/>
    </row>
    <row r="516834" spans="8:8">
      <c r="H516834" s="12"/>
    </row>
    <row r="516835" spans="8:8">
      <c r="H516835" s="12"/>
    </row>
    <row r="516836" spans="8:8">
      <c r="H516836" s="12"/>
    </row>
    <row r="516837" spans="8:8">
      <c r="H516837" s="12"/>
    </row>
    <row r="516838" spans="8:8">
      <c r="H516838" s="12"/>
    </row>
    <row r="516839" spans="8:8">
      <c r="H516839" s="12"/>
    </row>
    <row r="516840" spans="8:8">
      <c r="H516840" s="12"/>
    </row>
    <row r="516841" spans="8:8">
      <c r="H516841" s="12"/>
    </row>
    <row r="516842" spans="8:8">
      <c r="H516842" s="12"/>
    </row>
    <row r="516843" spans="8:8">
      <c r="H516843" s="12"/>
    </row>
    <row r="516844" spans="8:8">
      <c r="H516844" s="12"/>
    </row>
    <row r="516845" spans="8:8">
      <c r="H516845" s="12"/>
    </row>
    <row r="516846" spans="8:8">
      <c r="H516846" s="12"/>
    </row>
    <row r="516847" spans="8:8">
      <c r="H516847" s="12"/>
    </row>
    <row r="516848" spans="8:8">
      <c r="H516848" s="12"/>
    </row>
    <row r="516849" spans="8:8">
      <c r="H516849" s="12"/>
    </row>
    <row r="516850" spans="8:8">
      <c r="H516850" s="12"/>
    </row>
    <row r="516851" spans="8:8">
      <c r="H516851" s="12"/>
    </row>
    <row r="516852" spans="8:8">
      <c r="H516852" s="12"/>
    </row>
    <row r="516853" spans="8:8">
      <c r="H516853" s="12"/>
    </row>
    <row r="516854" spans="8:8">
      <c r="H516854" s="12"/>
    </row>
    <row r="516855" spans="8:8">
      <c r="H516855" s="12"/>
    </row>
    <row r="516856" spans="8:8">
      <c r="H516856" s="12"/>
    </row>
    <row r="516857" spans="8:8">
      <c r="H516857" s="12"/>
    </row>
    <row r="516858" spans="8:8">
      <c r="H516858" s="12"/>
    </row>
    <row r="516859" spans="8:8">
      <c r="H516859" s="12"/>
    </row>
    <row r="516860" spans="8:8">
      <c r="H516860" s="12"/>
    </row>
    <row r="516861" spans="8:8">
      <c r="H516861" s="12"/>
    </row>
    <row r="516862" spans="8:8">
      <c r="H516862" s="12"/>
    </row>
    <row r="516863" spans="8:8">
      <c r="H516863" s="12"/>
    </row>
    <row r="516864" spans="8:8">
      <c r="H516864" s="12"/>
    </row>
    <row r="516865" spans="8:8">
      <c r="H516865" s="12"/>
    </row>
    <row r="516866" spans="8:8">
      <c r="H516866" s="12"/>
    </row>
    <row r="516867" spans="8:8">
      <c r="H516867" s="12"/>
    </row>
    <row r="516868" spans="8:8">
      <c r="H516868" s="12"/>
    </row>
    <row r="516869" spans="8:8">
      <c r="H516869" s="12"/>
    </row>
    <row r="516870" spans="8:8">
      <c r="H516870" s="12"/>
    </row>
    <row r="516871" spans="8:8">
      <c r="H516871" s="12"/>
    </row>
    <row r="516872" spans="8:8">
      <c r="H516872" s="12"/>
    </row>
    <row r="516873" spans="8:8">
      <c r="H516873" s="12"/>
    </row>
    <row r="516874" spans="8:8">
      <c r="H516874" s="12"/>
    </row>
    <row r="516875" spans="8:8">
      <c r="H516875" s="12"/>
    </row>
    <row r="516876" spans="8:8">
      <c r="H516876" s="12"/>
    </row>
    <row r="516877" spans="8:8">
      <c r="H516877" s="12"/>
    </row>
    <row r="516878" spans="8:8">
      <c r="H516878" s="12"/>
    </row>
    <row r="516879" spans="8:8">
      <c r="H516879" s="12"/>
    </row>
    <row r="516880" spans="8:8">
      <c r="H516880" s="12"/>
    </row>
    <row r="516881" spans="8:8">
      <c r="H516881" s="12"/>
    </row>
    <row r="516882" spans="8:8">
      <c r="H516882" s="12"/>
    </row>
    <row r="516883" spans="8:8">
      <c r="H516883" s="12"/>
    </row>
    <row r="516884" spans="8:8">
      <c r="H516884" s="12"/>
    </row>
    <row r="516885" spans="8:8">
      <c r="H516885" s="12"/>
    </row>
    <row r="516886" spans="8:8">
      <c r="H516886" s="12"/>
    </row>
    <row r="516887" spans="8:8">
      <c r="H516887" s="12"/>
    </row>
    <row r="516888" spans="8:8">
      <c r="H516888" s="12"/>
    </row>
    <row r="516889" spans="8:8">
      <c r="H516889" s="12"/>
    </row>
    <row r="516890" spans="8:8">
      <c r="H516890" s="12"/>
    </row>
    <row r="516891" spans="8:8">
      <c r="H516891" s="12"/>
    </row>
    <row r="516892" spans="8:8">
      <c r="H516892" s="12"/>
    </row>
    <row r="516893" spans="8:8">
      <c r="H516893" s="12"/>
    </row>
    <row r="516894" spans="8:8">
      <c r="H516894" s="12"/>
    </row>
    <row r="516895" spans="8:8">
      <c r="H516895" s="12"/>
    </row>
    <row r="516896" spans="8:8">
      <c r="H516896" s="12"/>
    </row>
    <row r="516897" spans="8:8">
      <c r="H516897" s="12"/>
    </row>
    <row r="516898" spans="8:8">
      <c r="H516898" s="12"/>
    </row>
    <row r="516899" spans="8:8">
      <c r="H516899" s="12"/>
    </row>
    <row r="516900" spans="8:8">
      <c r="H516900" s="12"/>
    </row>
    <row r="516901" spans="8:8">
      <c r="H516901" s="12"/>
    </row>
    <row r="516902" spans="8:8">
      <c r="H516902" s="12"/>
    </row>
    <row r="516903" spans="8:8">
      <c r="H516903" s="12"/>
    </row>
    <row r="516904" spans="8:8">
      <c r="H516904" s="12"/>
    </row>
    <row r="516905" spans="8:8">
      <c r="H516905" s="12"/>
    </row>
    <row r="516906" spans="8:8">
      <c r="H516906" s="12"/>
    </row>
    <row r="516907" spans="8:8">
      <c r="H516907" s="12"/>
    </row>
    <row r="516908" spans="8:8">
      <c r="H516908" s="12"/>
    </row>
    <row r="516909" spans="8:8">
      <c r="H516909" s="12"/>
    </row>
    <row r="516910" spans="8:8">
      <c r="H516910" s="12"/>
    </row>
    <row r="516911" spans="8:8">
      <c r="H516911" s="12"/>
    </row>
    <row r="516912" spans="8:8">
      <c r="H516912" s="12"/>
    </row>
    <row r="516913" spans="8:8">
      <c r="H516913" s="12"/>
    </row>
    <row r="516914" spans="8:8">
      <c r="H516914" s="12"/>
    </row>
    <row r="516915" spans="8:8">
      <c r="H516915" s="12"/>
    </row>
    <row r="516916" spans="8:8">
      <c r="H516916" s="12"/>
    </row>
    <row r="516917" spans="8:8">
      <c r="H516917" s="12"/>
    </row>
    <row r="516918" spans="8:8">
      <c r="H516918" s="12"/>
    </row>
    <row r="516919" spans="8:8">
      <c r="H516919" s="12"/>
    </row>
    <row r="516920" spans="8:8">
      <c r="H516920" s="12"/>
    </row>
    <row r="516921" spans="8:8">
      <c r="H516921" s="12"/>
    </row>
    <row r="516922" spans="8:8">
      <c r="H516922" s="12"/>
    </row>
    <row r="516923" spans="8:8">
      <c r="H516923" s="12"/>
    </row>
    <row r="516924" spans="8:8">
      <c r="H516924" s="12"/>
    </row>
    <row r="516925" spans="8:8">
      <c r="H516925" s="12"/>
    </row>
    <row r="516926" spans="8:8">
      <c r="H516926" s="12"/>
    </row>
    <row r="516927" spans="8:8">
      <c r="H516927" s="12"/>
    </row>
    <row r="516928" spans="8:8">
      <c r="H516928" s="12"/>
    </row>
    <row r="516929" spans="8:8">
      <c r="H516929" s="12"/>
    </row>
    <row r="516930" spans="8:8">
      <c r="H516930" s="12"/>
    </row>
    <row r="516931" spans="8:8">
      <c r="H516931" s="12"/>
    </row>
    <row r="516932" spans="8:8">
      <c r="H516932" s="12"/>
    </row>
    <row r="516933" spans="8:8">
      <c r="H516933" s="12"/>
    </row>
    <row r="516934" spans="8:8">
      <c r="H516934" s="12"/>
    </row>
    <row r="516935" spans="8:8">
      <c r="H516935" s="12"/>
    </row>
    <row r="516936" spans="8:8">
      <c r="H516936" s="12"/>
    </row>
    <row r="516937" spans="8:8">
      <c r="H516937" s="12"/>
    </row>
    <row r="516938" spans="8:8">
      <c r="H516938" s="12"/>
    </row>
    <row r="516939" spans="8:8">
      <c r="H516939" s="12"/>
    </row>
    <row r="516940" spans="8:8">
      <c r="H516940" s="12"/>
    </row>
    <row r="516941" spans="8:8">
      <c r="H516941" s="12"/>
    </row>
    <row r="516942" spans="8:8">
      <c r="H516942" s="12"/>
    </row>
    <row r="516943" spans="8:8">
      <c r="H516943" s="12"/>
    </row>
    <row r="516944" spans="8:8">
      <c r="H516944" s="12"/>
    </row>
    <row r="516945" spans="8:8">
      <c r="H516945" s="12"/>
    </row>
    <row r="516946" spans="8:8">
      <c r="H516946" s="12"/>
    </row>
    <row r="516947" spans="8:8">
      <c r="H516947" s="12"/>
    </row>
    <row r="516948" spans="8:8">
      <c r="H516948" s="12"/>
    </row>
    <row r="516949" spans="8:8">
      <c r="H516949" s="12"/>
    </row>
    <row r="516950" spans="8:8">
      <c r="H516950" s="12"/>
    </row>
    <row r="516951" spans="8:8">
      <c r="H516951" s="12"/>
    </row>
    <row r="516952" spans="8:8">
      <c r="H516952" s="12"/>
    </row>
    <row r="516953" spans="8:8">
      <c r="H516953" s="12"/>
    </row>
    <row r="516954" spans="8:8">
      <c r="H516954" s="12"/>
    </row>
    <row r="516955" spans="8:8">
      <c r="H516955" s="12"/>
    </row>
    <row r="516956" spans="8:8">
      <c r="H516956" s="12"/>
    </row>
    <row r="516957" spans="8:8">
      <c r="H516957" s="12"/>
    </row>
    <row r="516958" spans="8:8">
      <c r="H516958" s="12"/>
    </row>
    <row r="516959" spans="8:8">
      <c r="H516959" s="12"/>
    </row>
    <row r="516960" spans="8:8">
      <c r="H516960" s="12"/>
    </row>
    <row r="516961" spans="8:8">
      <c r="H516961" s="12"/>
    </row>
    <row r="516962" spans="8:8">
      <c r="H516962" s="12"/>
    </row>
    <row r="516963" spans="8:8">
      <c r="H516963" s="12"/>
    </row>
    <row r="516964" spans="8:8">
      <c r="H516964" s="12"/>
    </row>
    <row r="516965" spans="8:8">
      <c r="H516965" s="12"/>
    </row>
    <row r="516966" spans="8:8">
      <c r="H516966" s="12"/>
    </row>
    <row r="516967" spans="8:8">
      <c r="H516967" s="12"/>
    </row>
    <row r="516968" spans="8:8">
      <c r="H516968" s="12"/>
    </row>
    <row r="516969" spans="8:8">
      <c r="H516969" s="12"/>
    </row>
    <row r="516970" spans="8:8">
      <c r="H516970" s="12"/>
    </row>
    <row r="516971" spans="8:8">
      <c r="H516971" s="12"/>
    </row>
    <row r="516972" spans="8:8">
      <c r="H516972" s="12"/>
    </row>
    <row r="516973" spans="8:8">
      <c r="H516973" s="12"/>
    </row>
    <row r="516974" spans="8:8">
      <c r="H516974" s="12"/>
    </row>
    <row r="516975" spans="8:8">
      <c r="H516975" s="12"/>
    </row>
    <row r="516976" spans="8:8">
      <c r="H516976" s="12"/>
    </row>
    <row r="516977" spans="8:8">
      <c r="H516977" s="12"/>
    </row>
    <row r="516978" spans="8:8">
      <c r="H516978" s="12"/>
    </row>
    <row r="516979" spans="8:8">
      <c r="H516979" s="12"/>
    </row>
    <row r="516980" spans="8:8">
      <c r="H516980" s="12"/>
    </row>
    <row r="516981" spans="8:8">
      <c r="H516981" s="12"/>
    </row>
    <row r="516982" spans="8:8">
      <c r="H516982" s="12"/>
    </row>
    <row r="516983" spans="8:8">
      <c r="H516983" s="12"/>
    </row>
    <row r="516984" spans="8:8">
      <c r="H516984" s="12"/>
    </row>
    <row r="516985" spans="8:8">
      <c r="H516985" s="12"/>
    </row>
    <row r="516986" spans="8:8">
      <c r="H516986" s="12"/>
    </row>
    <row r="516987" spans="8:8">
      <c r="H516987" s="12"/>
    </row>
    <row r="516988" spans="8:8">
      <c r="H516988" s="12"/>
    </row>
    <row r="516989" spans="8:8">
      <c r="H516989" s="12"/>
    </row>
    <row r="516990" spans="8:8">
      <c r="H516990" s="12"/>
    </row>
    <row r="516991" spans="8:8">
      <c r="H516991" s="12"/>
    </row>
    <row r="516992" spans="8:8">
      <c r="H516992" s="12"/>
    </row>
    <row r="516993" spans="8:8">
      <c r="H516993" s="12"/>
    </row>
    <row r="516994" spans="8:8">
      <c r="H516994" s="12"/>
    </row>
    <row r="516995" spans="8:8">
      <c r="H516995" s="12"/>
    </row>
    <row r="516996" spans="8:8">
      <c r="H516996" s="12"/>
    </row>
    <row r="516997" spans="8:8">
      <c r="H516997" s="12"/>
    </row>
    <row r="516998" spans="8:8">
      <c r="H516998" s="12"/>
    </row>
    <row r="516999" spans="8:8">
      <c r="H516999" s="12"/>
    </row>
    <row r="517000" spans="8:8">
      <c r="H517000" s="12"/>
    </row>
    <row r="517001" spans="8:8">
      <c r="H517001" s="12"/>
    </row>
    <row r="517002" spans="8:8">
      <c r="H517002" s="12"/>
    </row>
    <row r="517003" spans="8:8">
      <c r="H517003" s="12"/>
    </row>
    <row r="517004" spans="8:8">
      <c r="H517004" s="12"/>
    </row>
    <row r="517005" spans="8:8">
      <c r="H517005" s="12"/>
    </row>
    <row r="517006" spans="8:8">
      <c r="H517006" s="12"/>
    </row>
    <row r="517007" spans="8:8">
      <c r="H517007" s="12"/>
    </row>
    <row r="517008" spans="8:8">
      <c r="H517008" s="12"/>
    </row>
    <row r="517009" spans="8:8">
      <c r="H517009" s="12"/>
    </row>
    <row r="517010" spans="8:8">
      <c r="H517010" s="12"/>
    </row>
    <row r="517011" spans="8:8">
      <c r="H517011" s="12"/>
    </row>
    <row r="517012" spans="8:8">
      <c r="H517012" s="12"/>
    </row>
    <row r="517013" spans="8:8">
      <c r="H517013" s="12"/>
    </row>
    <row r="517014" spans="8:8">
      <c r="H517014" s="12"/>
    </row>
    <row r="517015" spans="8:8">
      <c r="H517015" s="12"/>
    </row>
    <row r="517016" spans="8:8">
      <c r="H517016" s="12"/>
    </row>
    <row r="517017" spans="8:8">
      <c r="H517017" s="12"/>
    </row>
    <row r="517018" spans="8:8">
      <c r="H517018" s="12"/>
    </row>
    <row r="517019" spans="8:8">
      <c r="H517019" s="12"/>
    </row>
    <row r="517020" spans="8:8">
      <c r="H517020" s="12"/>
    </row>
    <row r="517021" spans="8:8">
      <c r="H517021" s="12"/>
    </row>
    <row r="517022" spans="8:8">
      <c r="H517022" s="12"/>
    </row>
    <row r="517023" spans="8:8">
      <c r="H517023" s="12"/>
    </row>
    <row r="517024" spans="8:8">
      <c r="H517024" s="12"/>
    </row>
    <row r="517025" spans="8:8">
      <c r="H517025" s="12"/>
    </row>
    <row r="517026" spans="8:8">
      <c r="H517026" s="12"/>
    </row>
    <row r="517027" spans="8:8">
      <c r="H517027" s="12"/>
    </row>
    <row r="517028" spans="8:8">
      <c r="H517028" s="12"/>
    </row>
    <row r="517029" spans="8:8">
      <c r="H517029" s="12"/>
    </row>
    <row r="517030" spans="8:8">
      <c r="H517030" s="12"/>
    </row>
    <row r="517031" spans="8:8">
      <c r="H517031" s="12"/>
    </row>
    <row r="517032" spans="8:8">
      <c r="H517032" s="12"/>
    </row>
    <row r="517033" spans="8:8">
      <c r="H517033" s="12"/>
    </row>
    <row r="517034" spans="8:8">
      <c r="H517034" s="12"/>
    </row>
    <row r="517035" spans="8:8">
      <c r="H517035" s="12"/>
    </row>
    <row r="517036" spans="8:8">
      <c r="H517036" s="12"/>
    </row>
    <row r="517037" spans="8:8">
      <c r="H517037" s="12"/>
    </row>
    <row r="517038" spans="8:8">
      <c r="H517038" s="12"/>
    </row>
    <row r="517039" spans="8:8">
      <c r="H517039" s="12"/>
    </row>
    <row r="517040" spans="8:8">
      <c r="H517040" s="12"/>
    </row>
    <row r="517041" spans="8:8">
      <c r="H517041" s="12"/>
    </row>
    <row r="517042" spans="8:8">
      <c r="H517042" s="12"/>
    </row>
    <row r="517043" spans="8:8">
      <c r="H517043" s="12"/>
    </row>
    <row r="517044" spans="8:8">
      <c r="H517044" s="12"/>
    </row>
    <row r="517045" spans="8:8">
      <c r="H517045" s="12"/>
    </row>
    <row r="517046" spans="8:8">
      <c r="H517046" s="12"/>
    </row>
    <row r="517047" spans="8:8">
      <c r="H517047" s="12"/>
    </row>
    <row r="517048" spans="8:8">
      <c r="H517048" s="12"/>
    </row>
    <row r="517049" spans="8:8">
      <c r="H517049" s="12"/>
    </row>
    <row r="517050" spans="8:8">
      <c r="H517050" s="12"/>
    </row>
    <row r="517051" spans="8:8">
      <c r="H517051" s="12"/>
    </row>
    <row r="517052" spans="8:8">
      <c r="H517052" s="12"/>
    </row>
    <row r="517053" spans="8:8">
      <c r="H517053" s="12"/>
    </row>
    <row r="517054" spans="8:8">
      <c r="H517054" s="12"/>
    </row>
    <row r="517055" spans="8:8">
      <c r="H517055" s="12"/>
    </row>
    <row r="517056" spans="8:8">
      <c r="H517056" s="12"/>
    </row>
    <row r="517057" spans="8:8">
      <c r="H517057" s="12"/>
    </row>
    <row r="517058" spans="8:8">
      <c r="H517058" s="12"/>
    </row>
    <row r="517059" spans="8:8">
      <c r="H517059" s="12"/>
    </row>
    <row r="517060" spans="8:8">
      <c r="H517060" s="12"/>
    </row>
    <row r="517061" spans="8:8">
      <c r="H517061" s="12"/>
    </row>
    <row r="517062" spans="8:8">
      <c r="H517062" s="12"/>
    </row>
    <row r="517063" spans="8:8">
      <c r="H517063" s="12"/>
    </row>
    <row r="517064" spans="8:8">
      <c r="H517064" s="12"/>
    </row>
    <row r="517065" spans="8:8">
      <c r="H517065" s="12"/>
    </row>
    <row r="517066" spans="8:8">
      <c r="H517066" s="12"/>
    </row>
    <row r="517067" spans="8:8">
      <c r="H517067" s="12"/>
    </row>
    <row r="517068" spans="8:8">
      <c r="H517068" s="12"/>
    </row>
    <row r="517069" spans="8:8">
      <c r="H517069" s="12"/>
    </row>
    <row r="517070" spans="8:8">
      <c r="H517070" s="12"/>
    </row>
    <row r="517071" spans="8:8">
      <c r="H517071" s="12"/>
    </row>
    <row r="517072" spans="8:8">
      <c r="H517072" s="12"/>
    </row>
    <row r="517073" spans="8:8">
      <c r="H517073" s="12"/>
    </row>
    <row r="517074" spans="8:8">
      <c r="H517074" s="12"/>
    </row>
    <row r="517075" spans="8:8">
      <c r="H517075" s="12"/>
    </row>
    <row r="517076" spans="8:8">
      <c r="H517076" s="12"/>
    </row>
    <row r="517077" spans="8:8">
      <c r="H517077" s="12"/>
    </row>
    <row r="517078" spans="8:8">
      <c r="H517078" s="12"/>
    </row>
    <row r="517079" spans="8:8">
      <c r="H517079" s="12"/>
    </row>
    <row r="517080" spans="8:8">
      <c r="H517080" s="12"/>
    </row>
    <row r="517081" spans="8:8">
      <c r="H517081" s="12"/>
    </row>
    <row r="517082" spans="8:8">
      <c r="H517082" s="12"/>
    </row>
    <row r="517083" spans="8:8">
      <c r="H517083" s="12"/>
    </row>
    <row r="517084" spans="8:8">
      <c r="H517084" s="12"/>
    </row>
    <row r="517085" spans="8:8">
      <c r="H517085" s="12"/>
    </row>
    <row r="517086" spans="8:8">
      <c r="H517086" s="12"/>
    </row>
    <row r="517087" spans="8:8">
      <c r="H517087" s="12"/>
    </row>
    <row r="517088" spans="8:8">
      <c r="H517088" s="12"/>
    </row>
    <row r="517089" spans="8:8">
      <c r="H517089" s="12"/>
    </row>
    <row r="517090" spans="8:8">
      <c r="H517090" s="12"/>
    </row>
    <row r="517091" spans="8:8">
      <c r="H517091" s="12"/>
    </row>
    <row r="517092" spans="8:8">
      <c r="H517092" s="12"/>
    </row>
    <row r="517093" spans="8:8">
      <c r="H517093" s="12"/>
    </row>
    <row r="517094" spans="8:8">
      <c r="H517094" s="12"/>
    </row>
    <row r="517095" spans="8:8">
      <c r="H517095" s="12"/>
    </row>
    <row r="517096" spans="8:8">
      <c r="H517096" s="12"/>
    </row>
    <row r="517097" spans="8:8">
      <c r="H517097" s="12"/>
    </row>
    <row r="517098" spans="8:8">
      <c r="H517098" s="12"/>
    </row>
    <row r="517099" spans="8:8">
      <c r="H517099" s="12"/>
    </row>
    <row r="517100" spans="8:8">
      <c r="H517100" s="12"/>
    </row>
    <row r="517101" spans="8:8">
      <c r="H517101" s="12"/>
    </row>
    <row r="517102" spans="8:8">
      <c r="H517102" s="12"/>
    </row>
    <row r="517103" spans="8:8">
      <c r="H517103" s="12"/>
    </row>
    <row r="517104" spans="8:8">
      <c r="H517104" s="12"/>
    </row>
    <row r="517105" spans="8:8">
      <c r="H517105" s="12"/>
    </row>
    <row r="517106" spans="8:8">
      <c r="H517106" s="12"/>
    </row>
    <row r="517107" spans="8:8">
      <c r="H517107" s="12"/>
    </row>
    <row r="517108" spans="8:8">
      <c r="H517108" s="12"/>
    </row>
    <row r="517109" spans="8:8">
      <c r="H517109" s="12"/>
    </row>
    <row r="517110" spans="8:8">
      <c r="H517110" s="12"/>
    </row>
    <row r="517111" spans="8:8">
      <c r="H517111" s="12"/>
    </row>
    <row r="517112" spans="8:8">
      <c r="H517112" s="12"/>
    </row>
    <row r="517113" spans="8:8">
      <c r="H517113" s="12"/>
    </row>
    <row r="517114" spans="8:8">
      <c r="H517114" s="12"/>
    </row>
    <row r="517115" spans="8:8">
      <c r="H517115" s="12"/>
    </row>
    <row r="517116" spans="8:8">
      <c r="H517116" s="12"/>
    </row>
    <row r="517117" spans="8:8">
      <c r="H517117" s="12"/>
    </row>
    <row r="517118" spans="8:8">
      <c r="H517118" s="12"/>
    </row>
    <row r="517119" spans="8:8">
      <c r="H517119" s="12"/>
    </row>
    <row r="517120" spans="8:8">
      <c r="H517120" s="12"/>
    </row>
    <row r="517121" spans="8:8">
      <c r="H517121" s="12"/>
    </row>
    <row r="517122" spans="8:8">
      <c r="H517122" s="12"/>
    </row>
    <row r="517123" spans="8:8">
      <c r="H517123" s="12"/>
    </row>
    <row r="517124" spans="8:8">
      <c r="H517124" s="12"/>
    </row>
    <row r="517125" spans="8:8">
      <c r="H517125" s="12"/>
    </row>
    <row r="517126" spans="8:8">
      <c r="H517126" s="12"/>
    </row>
    <row r="517127" spans="8:8">
      <c r="H517127" s="12"/>
    </row>
    <row r="517128" spans="8:8">
      <c r="H517128" s="12"/>
    </row>
    <row r="517129" spans="8:8">
      <c r="H517129" s="12"/>
    </row>
    <row r="517130" spans="8:8">
      <c r="H517130" s="12"/>
    </row>
    <row r="517131" spans="8:8">
      <c r="H517131" s="12"/>
    </row>
    <row r="517132" spans="8:8">
      <c r="H517132" s="12"/>
    </row>
    <row r="517133" spans="8:8">
      <c r="H517133" s="12"/>
    </row>
    <row r="517134" spans="8:8">
      <c r="H517134" s="12"/>
    </row>
    <row r="517135" spans="8:8">
      <c r="H517135" s="12"/>
    </row>
    <row r="517136" spans="8:8">
      <c r="H517136" s="12"/>
    </row>
    <row r="517137" spans="8:8">
      <c r="H517137" s="12"/>
    </row>
    <row r="517138" spans="8:8">
      <c r="H517138" s="12"/>
    </row>
    <row r="517139" spans="8:8">
      <c r="H517139" s="12"/>
    </row>
    <row r="517140" spans="8:8">
      <c r="H517140" s="12"/>
    </row>
    <row r="517141" spans="8:8">
      <c r="H517141" s="12"/>
    </row>
    <row r="517142" spans="8:8">
      <c r="H517142" s="12"/>
    </row>
    <row r="517143" spans="8:8">
      <c r="H517143" s="12"/>
    </row>
    <row r="517144" spans="8:8">
      <c r="H517144" s="12"/>
    </row>
    <row r="517145" spans="8:8">
      <c r="H517145" s="12"/>
    </row>
    <row r="517146" spans="8:8">
      <c r="H517146" s="12"/>
    </row>
    <row r="517147" spans="8:8">
      <c r="H517147" s="12"/>
    </row>
    <row r="517148" spans="8:8">
      <c r="H517148" s="12"/>
    </row>
    <row r="517149" spans="8:8">
      <c r="H517149" s="12"/>
    </row>
    <row r="517150" spans="8:8">
      <c r="H517150" s="12"/>
    </row>
    <row r="517151" spans="8:8">
      <c r="H517151" s="12"/>
    </row>
    <row r="517152" spans="8:8">
      <c r="H517152" s="12"/>
    </row>
    <row r="517153" spans="8:8">
      <c r="H517153" s="12"/>
    </row>
    <row r="517154" spans="8:8">
      <c r="H517154" s="12"/>
    </row>
    <row r="517155" spans="8:8">
      <c r="H517155" s="12"/>
    </row>
    <row r="517156" spans="8:8">
      <c r="H517156" s="12"/>
    </row>
    <row r="517157" spans="8:8">
      <c r="H517157" s="12"/>
    </row>
    <row r="517158" spans="8:8">
      <c r="H517158" s="12"/>
    </row>
    <row r="517159" spans="8:8">
      <c r="H517159" s="12"/>
    </row>
    <row r="517160" spans="8:8">
      <c r="H517160" s="12"/>
    </row>
    <row r="517161" spans="8:8">
      <c r="H517161" s="12"/>
    </row>
    <row r="517162" spans="8:8">
      <c r="H517162" s="12"/>
    </row>
    <row r="517163" spans="8:8">
      <c r="H517163" s="12"/>
    </row>
    <row r="517164" spans="8:8">
      <c r="H517164" s="12"/>
    </row>
    <row r="517165" spans="8:8">
      <c r="H517165" s="12"/>
    </row>
    <row r="517166" spans="8:8">
      <c r="H517166" s="12"/>
    </row>
    <row r="517167" spans="8:8">
      <c r="H517167" s="12"/>
    </row>
    <row r="517168" spans="8:8">
      <c r="H517168" s="12"/>
    </row>
    <row r="517169" spans="8:8">
      <c r="H517169" s="12"/>
    </row>
    <row r="517170" spans="8:8">
      <c r="H517170" s="12"/>
    </row>
    <row r="517171" spans="8:8">
      <c r="H517171" s="12"/>
    </row>
    <row r="517172" spans="8:8">
      <c r="H517172" s="12"/>
    </row>
    <row r="517173" spans="8:8">
      <c r="H517173" s="12"/>
    </row>
    <row r="517174" spans="8:8">
      <c r="H517174" s="12"/>
    </row>
    <row r="517175" spans="8:8">
      <c r="H517175" s="12"/>
    </row>
    <row r="517176" spans="8:8">
      <c r="H517176" s="12"/>
    </row>
    <row r="517177" spans="8:8">
      <c r="H517177" s="12"/>
    </row>
    <row r="517178" spans="8:8">
      <c r="H517178" s="12"/>
    </row>
    <row r="517179" spans="8:8">
      <c r="H517179" s="12"/>
    </row>
    <row r="517180" spans="8:8">
      <c r="H517180" s="12"/>
    </row>
    <row r="517181" spans="8:8">
      <c r="H517181" s="12"/>
    </row>
    <row r="517182" spans="8:8">
      <c r="H517182" s="12"/>
    </row>
    <row r="517183" spans="8:8">
      <c r="H517183" s="12"/>
    </row>
    <row r="517184" spans="8:8">
      <c r="H517184" s="12"/>
    </row>
    <row r="517185" spans="8:8">
      <c r="H517185" s="12"/>
    </row>
    <row r="517186" spans="8:8">
      <c r="H517186" s="12"/>
    </row>
    <row r="517187" spans="8:8">
      <c r="H517187" s="12"/>
    </row>
    <row r="517188" spans="8:8">
      <c r="H517188" s="12"/>
    </row>
    <row r="517189" spans="8:8">
      <c r="H517189" s="12"/>
    </row>
    <row r="517190" spans="8:8">
      <c r="H517190" s="12"/>
    </row>
    <row r="517191" spans="8:8">
      <c r="H517191" s="12"/>
    </row>
    <row r="517192" spans="8:8">
      <c r="H517192" s="12"/>
    </row>
    <row r="517193" spans="8:8">
      <c r="H517193" s="12"/>
    </row>
    <row r="517194" spans="8:8">
      <c r="H517194" s="12"/>
    </row>
    <row r="517195" spans="8:8">
      <c r="H517195" s="12"/>
    </row>
    <row r="517196" spans="8:8">
      <c r="H517196" s="12"/>
    </row>
    <row r="517197" spans="8:8">
      <c r="H517197" s="12"/>
    </row>
    <row r="517198" spans="8:8">
      <c r="H517198" s="12"/>
    </row>
    <row r="517199" spans="8:8">
      <c r="H517199" s="12"/>
    </row>
    <row r="517200" spans="8:8">
      <c r="H517200" s="12"/>
    </row>
    <row r="517201" spans="8:8">
      <c r="H517201" s="12"/>
    </row>
    <row r="517202" spans="8:8">
      <c r="H517202" s="12"/>
    </row>
    <row r="517203" spans="8:8">
      <c r="H517203" s="12"/>
    </row>
    <row r="517204" spans="8:8">
      <c r="H517204" s="12"/>
    </row>
    <row r="517205" spans="8:8">
      <c r="H517205" s="12"/>
    </row>
    <row r="517206" spans="8:8">
      <c r="H517206" s="12"/>
    </row>
    <row r="517207" spans="8:8">
      <c r="H517207" s="12"/>
    </row>
    <row r="517208" spans="8:8">
      <c r="H517208" s="12"/>
    </row>
    <row r="517209" spans="8:8">
      <c r="H517209" s="12"/>
    </row>
    <row r="517210" spans="8:8">
      <c r="H517210" s="12"/>
    </row>
    <row r="517211" spans="8:8">
      <c r="H517211" s="12"/>
    </row>
    <row r="517212" spans="8:8">
      <c r="H517212" s="12"/>
    </row>
    <row r="517213" spans="8:8">
      <c r="H517213" s="12"/>
    </row>
    <row r="517214" spans="8:8">
      <c r="H517214" s="12"/>
    </row>
    <row r="517215" spans="8:8">
      <c r="H517215" s="12"/>
    </row>
    <row r="517216" spans="8:8">
      <c r="H517216" s="12"/>
    </row>
    <row r="517217" spans="8:8">
      <c r="H517217" s="12"/>
    </row>
    <row r="517218" spans="8:8">
      <c r="H517218" s="12"/>
    </row>
    <row r="517219" spans="8:8">
      <c r="H517219" s="12"/>
    </row>
    <row r="517220" spans="8:8">
      <c r="H517220" s="12"/>
    </row>
    <row r="517221" spans="8:8">
      <c r="H517221" s="12"/>
    </row>
    <row r="517222" spans="8:8">
      <c r="H517222" s="12"/>
    </row>
    <row r="517223" spans="8:8">
      <c r="H517223" s="12"/>
    </row>
    <row r="517224" spans="8:8">
      <c r="H517224" s="12"/>
    </row>
    <row r="517225" spans="8:8">
      <c r="H517225" s="12"/>
    </row>
    <row r="517226" spans="8:8">
      <c r="H517226" s="12"/>
    </row>
    <row r="517227" spans="8:8">
      <c r="H517227" s="12"/>
    </row>
    <row r="517228" spans="8:8">
      <c r="H517228" s="12"/>
    </row>
    <row r="517229" spans="8:8">
      <c r="H517229" s="12"/>
    </row>
    <row r="517230" spans="8:8">
      <c r="H517230" s="12"/>
    </row>
    <row r="517231" spans="8:8">
      <c r="H517231" s="12"/>
    </row>
    <row r="517232" spans="8:8">
      <c r="H517232" s="12"/>
    </row>
    <row r="517233" spans="8:8">
      <c r="H517233" s="12"/>
    </row>
    <row r="517234" spans="8:8">
      <c r="H517234" s="12"/>
    </row>
    <row r="517235" spans="8:8">
      <c r="H517235" s="12"/>
    </row>
    <row r="517236" spans="8:8">
      <c r="H517236" s="12"/>
    </row>
    <row r="517237" spans="8:8">
      <c r="H517237" s="12"/>
    </row>
    <row r="517238" spans="8:8">
      <c r="H517238" s="12"/>
    </row>
    <row r="517239" spans="8:8">
      <c r="H517239" s="12"/>
    </row>
    <row r="517240" spans="8:8">
      <c r="H517240" s="12"/>
    </row>
    <row r="517241" spans="8:8">
      <c r="H517241" s="12"/>
    </row>
    <row r="517242" spans="8:8">
      <c r="H517242" s="12"/>
    </row>
    <row r="517243" spans="8:8">
      <c r="H517243" s="12"/>
    </row>
    <row r="517244" spans="8:8">
      <c r="H517244" s="12"/>
    </row>
    <row r="517245" spans="8:8">
      <c r="H517245" s="12"/>
    </row>
    <row r="517246" spans="8:8">
      <c r="H517246" s="12"/>
    </row>
    <row r="517247" spans="8:8">
      <c r="H517247" s="12"/>
    </row>
    <row r="517248" spans="8:8">
      <c r="H517248" s="12"/>
    </row>
    <row r="517249" spans="8:8">
      <c r="H517249" s="12"/>
    </row>
    <row r="517250" spans="8:8">
      <c r="H517250" s="12"/>
    </row>
    <row r="517251" spans="8:8">
      <c r="H517251" s="12"/>
    </row>
    <row r="517252" spans="8:8">
      <c r="H517252" s="12"/>
    </row>
    <row r="517253" spans="8:8">
      <c r="H517253" s="12"/>
    </row>
    <row r="517254" spans="8:8">
      <c r="H517254" s="12"/>
    </row>
    <row r="517255" spans="8:8">
      <c r="H517255" s="12"/>
    </row>
    <row r="517256" spans="8:8">
      <c r="H517256" s="12"/>
    </row>
    <row r="517257" spans="8:8">
      <c r="H517257" s="12"/>
    </row>
    <row r="517258" spans="8:8">
      <c r="H517258" s="12"/>
    </row>
    <row r="517259" spans="8:8">
      <c r="H517259" s="12"/>
    </row>
    <row r="517260" spans="8:8">
      <c r="H517260" s="12"/>
    </row>
    <row r="517261" spans="8:8">
      <c r="H517261" s="12"/>
    </row>
    <row r="517262" spans="8:8">
      <c r="H517262" s="12"/>
    </row>
    <row r="517263" spans="8:8">
      <c r="H517263" s="12"/>
    </row>
    <row r="517264" spans="8:8">
      <c r="H517264" s="12"/>
    </row>
    <row r="517265" spans="8:8">
      <c r="H517265" s="12"/>
    </row>
    <row r="517266" spans="8:8">
      <c r="H517266" s="12"/>
    </row>
    <row r="517267" spans="8:8">
      <c r="H517267" s="12"/>
    </row>
    <row r="517268" spans="8:8">
      <c r="H517268" s="12"/>
    </row>
    <row r="517269" spans="8:8">
      <c r="H517269" s="12"/>
    </row>
    <row r="517270" spans="8:8">
      <c r="H517270" s="12"/>
    </row>
    <row r="517271" spans="8:8">
      <c r="H517271" s="12"/>
    </row>
    <row r="517272" spans="8:8">
      <c r="H517272" s="12"/>
    </row>
    <row r="517273" spans="8:8">
      <c r="H517273" s="12"/>
    </row>
    <row r="517274" spans="8:8">
      <c r="H517274" s="12"/>
    </row>
    <row r="517275" spans="8:8">
      <c r="H517275" s="12"/>
    </row>
    <row r="517276" spans="8:8">
      <c r="H517276" s="12"/>
    </row>
    <row r="517277" spans="8:8">
      <c r="H517277" s="12"/>
    </row>
    <row r="517278" spans="8:8">
      <c r="H517278" s="12"/>
    </row>
    <row r="517279" spans="8:8">
      <c r="H517279" s="12"/>
    </row>
    <row r="517280" spans="8:8">
      <c r="H517280" s="12"/>
    </row>
    <row r="517281" spans="8:8">
      <c r="H517281" s="12"/>
    </row>
    <row r="517282" spans="8:8">
      <c r="H517282" s="12"/>
    </row>
    <row r="517283" spans="8:8">
      <c r="H517283" s="12"/>
    </row>
    <row r="517284" spans="8:8">
      <c r="H517284" s="12"/>
    </row>
    <row r="517285" spans="8:8">
      <c r="H517285" s="12"/>
    </row>
    <row r="517286" spans="8:8">
      <c r="H517286" s="12"/>
    </row>
    <row r="517287" spans="8:8">
      <c r="H517287" s="12"/>
    </row>
    <row r="517288" spans="8:8">
      <c r="H517288" s="12"/>
    </row>
    <row r="517289" spans="8:8">
      <c r="H517289" s="12"/>
    </row>
    <row r="517290" spans="8:8">
      <c r="H517290" s="12"/>
    </row>
    <row r="517291" spans="8:8">
      <c r="H517291" s="12"/>
    </row>
    <row r="517292" spans="8:8">
      <c r="H517292" s="12"/>
    </row>
    <row r="517293" spans="8:8">
      <c r="H517293" s="12"/>
    </row>
    <row r="517294" spans="8:8">
      <c r="H517294" s="12"/>
    </row>
    <row r="517295" spans="8:8">
      <c r="H517295" s="12"/>
    </row>
    <row r="517296" spans="8:8">
      <c r="H517296" s="12"/>
    </row>
    <row r="517297" spans="8:8">
      <c r="H517297" s="12"/>
    </row>
    <row r="517298" spans="8:8">
      <c r="H517298" s="12"/>
    </row>
    <row r="517299" spans="8:8">
      <c r="H517299" s="12"/>
    </row>
    <row r="517300" spans="8:8">
      <c r="H517300" s="12"/>
    </row>
    <row r="517301" spans="8:8">
      <c r="H517301" s="12"/>
    </row>
    <row r="517302" spans="8:8">
      <c r="H517302" s="12"/>
    </row>
    <row r="517303" spans="8:8">
      <c r="H517303" s="12"/>
    </row>
    <row r="517304" spans="8:8">
      <c r="H517304" s="12"/>
    </row>
    <row r="517305" spans="8:8">
      <c r="H517305" s="12"/>
    </row>
    <row r="517306" spans="8:8">
      <c r="H517306" s="12"/>
    </row>
    <row r="517307" spans="8:8">
      <c r="H517307" s="12"/>
    </row>
    <row r="517308" spans="8:8">
      <c r="H517308" s="12"/>
    </row>
    <row r="517309" spans="8:8">
      <c r="H517309" s="12"/>
    </row>
    <row r="517310" spans="8:8">
      <c r="H517310" s="12"/>
    </row>
    <row r="517311" spans="8:8">
      <c r="H517311" s="12"/>
    </row>
    <row r="517312" spans="8:8">
      <c r="H517312" s="12"/>
    </row>
    <row r="517313" spans="8:8">
      <c r="H517313" s="12"/>
    </row>
    <row r="517314" spans="8:8">
      <c r="H517314" s="12"/>
    </row>
    <row r="517315" spans="8:8">
      <c r="H517315" s="12"/>
    </row>
    <row r="517316" spans="8:8">
      <c r="H517316" s="12"/>
    </row>
    <row r="517317" spans="8:8">
      <c r="H517317" s="12"/>
    </row>
    <row r="517318" spans="8:8">
      <c r="H517318" s="12"/>
    </row>
    <row r="517319" spans="8:8">
      <c r="H517319" s="12"/>
    </row>
    <row r="517320" spans="8:8">
      <c r="H517320" s="12"/>
    </row>
    <row r="517321" spans="8:8">
      <c r="H517321" s="12"/>
    </row>
    <row r="517322" spans="8:8">
      <c r="H517322" s="12"/>
    </row>
    <row r="517323" spans="8:8">
      <c r="H517323" s="12"/>
    </row>
    <row r="517324" spans="8:8">
      <c r="H517324" s="12"/>
    </row>
    <row r="517325" spans="8:8">
      <c r="H517325" s="12"/>
    </row>
    <row r="517326" spans="8:8">
      <c r="H517326" s="12"/>
    </row>
    <row r="517327" spans="8:8">
      <c r="H517327" s="12"/>
    </row>
    <row r="517328" spans="8:8">
      <c r="H517328" s="12"/>
    </row>
    <row r="517329" spans="8:8">
      <c r="H517329" s="12"/>
    </row>
    <row r="517330" spans="8:8">
      <c r="H517330" s="12"/>
    </row>
    <row r="517331" spans="8:8">
      <c r="H517331" s="12"/>
    </row>
    <row r="517332" spans="8:8">
      <c r="H517332" s="12"/>
    </row>
    <row r="517333" spans="8:8">
      <c r="H517333" s="12"/>
    </row>
    <row r="517334" spans="8:8">
      <c r="H517334" s="12"/>
    </row>
    <row r="517335" spans="8:8">
      <c r="H517335" s="12"/>
    </row>
    <row r="517336" spans="8:8">
      <c r="H517336" s="12"/>
    </row>
    <row r="517337" spans="8:8">
      <c r="H517337" s="12"/>
    </row>
    <row r="517338" spans="8:8">
      <c r="H517338" s="12"/>
    </row>
    <row r="517339" spans="8:8">
      <c r="H517339" s="12"/>
    </row>
    <row r="517340" spans="8:8">
      <c r="H517340" s="12"/>
    </row>
    <row r="517341" spans="8:8">
      <c r="H517341" s="12"/>
    </row>
    <row r="517342" spans="8:8">
      <c r="H517342" s="12"/>
    </row>
    <row r="517343" spans="8:8">
      <c r="H517343" s="12"/>
    </row>
    <row r="517344" spans="8:8">
      <c r="H517344" s="12"/>
    </row>
    <row r="517345" spans="8:8">
      <c r="H517345" s="12"/>
    </row>
    <row r="517346" spans="8:8">
      <c r="H517346" s="12"/>
    </row>
    <row r="517347" spans="8:8">
      <c r="H517347" s="12"/>
    </row>
    <row r="517348" spans="8:8">
      <c r="H517348" s="12"/>
    </row>
    <row r="517349" spans="8:8">
      <c r="H517349" s="12"/>
    </row>
    <row r="517350" spans="8:8">
      <c r="H517350" s="12"/>
    </row>
    <row r="517351" spans="8:8">
      <c r="H517351" s="12"/>
    </row>
    <row r="517352" spans="8:8">
      <c r="H517352" s="12"/>
    </row>
    <row r="517353" spans="8:8">
      <c r="H517353" s="12"/>
    </row>
    <row r="517354" spans="8:8">
      <c r="H517354" s="12"/>
    </row>
    <row r="517355" spans="8:8">
      <c r="H517355" s="12"/>
    </row>
    <row r="517356" spans="8:8">
      <c r="H517356" s="12"/>
    </row>
    <row r="517357" spans="8:8">
      <c r="H517357" s="12"/>
    </row>
    <row r="517358" spans="8:8">
      <c r="H517358" s="12"/>
    </row>
    <row r="517359" spans="8:8">
      <c r="H517359" s="12"/>
    </row>
    <row r="517360" spans="8:8">
      <c r="H517360" s="12"/>
    </row>
    <row r="517361" spans="8:8">
      <c r="H517361" s="12"/>
    </row>
    <row r="517362" spans="8:8">
      <c r="H517362" s="12"/>
    </row>
    <row r="517363" spans="8:8">
      <c r="H517363" s="12"/>
    </row>
    <row r="517364" spans="8:8">
      <c r="H517364" s="12"/>
    </row>
    <row r="517365" spans="8:8">
      <c r="H517365" s="12"/>
    </row>
    <row r="517366" spans="8:8">
      <c r="H517366" s="12"/>
    </row>
    <row r="517367" spans="8:8">
      <c r="H517367" s="12"/>
    </row>
    <row r="517368" spans="8:8">
      <c r="H517368" s="12"/>
    </row>
    <row r="517369" spans="8:8">
      <c r="H517369" s="12"/>
    </row>
    <row r="517370" spans="8:8">
      <c r="H517370" s="12"/>
    </row>
    <row r="517371" spans="8:8">
      <c r="H517371" s="12"/>
    </row>
    <row r="517372" spans="8:8">
      <c r="H517372" s="12"/>
    </row>
    <row r="517373" spans="8:8">
      <c r="H517373" s="12"/>
    </row>
    <row r="517374" spans="8:8">
      <c r="H517374" s="12"/>
    </row>
    <row r="517375" spans="8:8">
      <c r="H517375" s="12"/>
    </row>
    <row r="517376" spans="8:8">
      <c r="H517376" s="12"/>
    </row>
    <row r="517377" spans="8:8">
      <c r="H517377" s="12"/>
    </row>
    <row r="517378" spans="8:8">
      <c r="H517378" s="12"/>
    </row>
    <row r="517379" spans="8:8">
      <c r="H517379" s="12"/>
    </row>
    <row r="517380" spans="8:8">
      <c r="H517380" s="12"/>
    </row>
    <row r="517381" spans="8:8">
      <c r="H517381" s="12"/>
    </row>
    <row r="517382" spans="8:8">
      <c r="H517382" s="12"/>
    </row>
    <row r="517383" spans="8:8">
      <c r="H517383" s="12"/>
    </row>
    <row r="517384" spans="8:8">
      <c r="H517384" s="12"/>
    </row>
    <row r="517385" spans="8:8">
      <c r="H517385" s="12"/>
    </row>
    <row r="517386" spans="8:8">
      <c r="H517386" s="12"/>
    </row>
    <row r="517387" spans="8:8">
      <c r="H517387" s="12"/>
    </row>
    <row r="517388" spans="8:8">
      <c r="H517388" s="12"/>
    </row>
    <row r="517389" spans="8:8">
      <c r="H517389" s="12"/>
    </row>
    <row r="517390" spans="8:8">
      <c r="H517390" s="12"/>
    </row>
    <row r="517391" spans="8:8">
      <c r="H517391" s="12"/>
    </row>
    <row r="517392" spans="8:8">
      <c r="H517392" s="12"/>
    </row>
    <row r="517393" spans="8:8">
      <c r="H517393" s="12"/>
    </row>
    <row r="517394" spans="8:8">
      <c r="H517394" s="12"/>
    </row>
    <row r="517395" spans="8:8">
      <c r="H517395" s="12"/>
    </row>
    <row r="517396" spans="8:8">
      <c r="H517396" s="12"/>
    </row>
    <row r="517397" spans="8:8">
      <c r="H517397" s="12"/>
    </row>
    <row r="517398" spans="8:8">
      <c r="H517398" s="12"/>
    </row>
    <row r="517399" spans="8:8">
      <c r="H517399" s="12"/>
    </row>
    <row r="517400" spans="8:8">
      <c r="H517400" s="12"/>
    </row>
    <row r="517401" spans="8:8">
      <c r="H517401" s="12"/>
    </row>
    <row r="517402" spans="8:8">
      <c r="H517402" s="12"/>
    </row>
    <row r="517403" spans="8:8">
      <c r="H517403" s="12"/>
    </row>
    <row r="517404" spans="8:8">
      <c r="H517404" s="12"/>
    </row>
    <row r="517405" spans="8:8">
      <c r="H517405" s="12"/>
    </row>
    <row r="517406" spans="8:8">
      <c r="H517406" s="12"/>
    </row>
    <row r="517407" spans="8:8">
      <c r="H517407" s="12"/>
    </row>
    <row r="517408" spans="8:8">
      <c r="H517408" s="12"/>
    </row>
    <row r="517409" spans="8:8">
      <c r="H517409" s="12"/>
    </row>
    <row r="517410" spans="8:8">
      <c r="H517410" s="12"/>
    </row>
    <row r="517411" spans="8:8">
      <c r="H517411" s="12"/>
    </row>
    <row r="517412" spans="8:8">
      <c r="H517412" s="12"/>
    </row>
    <row r="517413" spans="8:8">
      <c r="H517413" s="12"/>
    </row>
    <row r="517414" spans="8:8">
      <c r="H517414" s="12"/>
    </row>
    <row r="517415" spans="8:8">
      <c r="H517415" s="12"/>
    </row>
    <row r="517416" spans="8:8">
      <c r="H517416" s="12"/>
    </row>
    <row r="517417" spans="8:8">
      <c r="H517417" s="12"/>
    </row>
    <row r="517418" spans="8:8">
      <c r="H517418" s="12"/>
    </row>
    <row r="517419" spans="8:8">
      <c r="H517419" s="12"/>
    </row>
    <row r="517420" spans="8:8">
      <c r="H517420" s="12"/>
    </row>
    <row r="517421" spans="8:8">
      <c r="H517421" s="12"/>
    </row>
    <row r="517422" spans="8:8">
      <c r="H517422" s="12"/>
    </row>
    <row r="517423" spans="8:8">
      <c r="H517423" s="12"/>
    </row>
    <row r="517424" spans="8:8">
      <c r="H517424" s="12"/>
    </row>
    <row r="517425" spans="8:8">
      <c r="H517425" s="12"/>
    </row>
    <row r="517426" spans="8:8">
      <c r="H517426" s="12"/>
    </row>
    <row r="517427" spans="8:8">
      <c r="H517427" s="12"/>
    </row>
    <row r="517428" spans="8:8">
      <c r="H517428" s="12"/>
    </row>
    <row r="517429" spans="8:8">
      <c r="H517429" s="12"/>
    </row>
    <row r="517430" spans="8:8">
      <c r="H517430" s="12"/>
    </row>
    <row r="517431" spans="8:8">
      <c r="H517431" s="12"/>
    </row>
    <row r="517432" spans="8:8">
      <c r="H517432" s="12"/>
    </row>
    <row r="517433" spans="8:8">
      <c r="H517433" s="12"/>
    </row>
    <row r="517434" spans="8:8">
      <c r="H517434" s="12"/>
    </row>
    <row r="517435" spans="8:8">
      <c r="H517435" s="12"/>
    </row>
    <row r="517436" spans="8:8">
      <c r="H517436" s="12"/>
    </row>
    <row r="517437" spans="8:8">
      <c r="H517437" s="12"/>
    </row>
    <row r="517438" spans="8:8">
      <c r="H517438" s="12"/>
    </row>
    <row r="517439" spans="8:8">
      <c r="H517439" s="12"/>
    </row>
    <row r="517440" spans="8:8">
      <c r="H517440" s="12"/>
    </row>
    <row r="517441" spans="8:8">
      <c r="H517441" s="12"/>
    </row>
    <row r="517442" spans="8:8">
      <c r="H517442" s="12"/>
    </row>
    <row r="517443" spans="8:8">
      <c r="H517443" s="12"/>
    </row>
    <row r="517444" spans="8:8">
      <c r="H517444" s="12"/>
    </row>
    <row r="517445" spans="8:8">
      <c r="H517445" s="12"/>
    </row>
    <row r="517446" spans="8:8">
      <c r="H517446" s="12"/>
    </row>
    <row r="517447" spans="8:8">
      <c r="H517447" s="12"/>
    </row>
    <row r="517448" spans="8:8">
      <c r="H517448" s="12"/>
    </row>
    <row r="517449" spans="8:8">
      <c r="H517449" s="12"/>
    </row>
    <row r="517450" spans="8:8">
      <c r="H517450" s="12"/>
    </row>
    <row r="517451" spans="8:8">
      <c r="H517451" s="12"/>
    </row>
    <row r="517452" spans="8:8">
      <c r="H517452" s="12"/>
    </row>
    <row r="517453" spans="8:8">
      <c r="H517453" s="12"/>
    </row>
    <row r="517454" spans="8:8">
      <c r="H517454" s="12"/>
    </row>
    <row r="517455" spans="8:8">
      <c r="H517455" s="12"/>
    </row>
    <row r="517456" spans="8:8">
      <c r="H517456" s="12"/>
    </row>
    <row r="517457" spans="8:8">
      <c r="H517457" s="12"/>
    </row>
    <row r="517458" spans="8:8">
      <c r="H517458" s="12"/>
    </row>
    <row r="517459" spans="8:8">
      <c r="H517459" s="12"/>
    </row>
    <row r="517460" spans="8:8">
      <c r="H517460" s="12"/>
    </row>
    <row r="517461" spans="8:8">
      <c r="H517461" s="12"/>
    </row>
    <row r="517462" spans="8:8">
      <c r="H517462" s="12"/>
    </row>
    <row r="517463" spans="8:8">
      <c r="H517463" s="12"/>
    </row>
    <row r="517464" spans="8:8">
      <c r="H517464" s="12"/>
    </row>
    <row r="517465" spans="8:8">
      <c r="H517465" s="12"/>
    </row>
    <row r="517466" spans="8:8">
      <c r="H517466" s="12"/>
    </row>
    <row r="517467" spans="8:8">
      <c r="H517467" s="12"/>
    </row>
    <row r="517468" spans="8:8">
      <c r="H517468" s="12"/>
    </row>
    <row r="517469" spans="8:8">
      <c r="H517469" s="12"/>
    </row>
    <row r="517470" spans="8:8">
      <c r="H517470" s="12"/>
    </row>
    <row r="517471" spans="8:8">
      <c r="H517471" s="12"/>
    </row>
    <row r="517472" spans="8:8">
      <c r="H517472" s="12"/>
    </row>
    <row r="517473" spans="8:8">
      <c r="H517473" s="12"/>
    </row>
    <row r="517474" spans="8:8">
      <c r="H517474" s="12"/>
    </row>
    <row r="517475" spans="8:8">
      <c r="H517475" s="12"/>
    </row>
    <row r="517476" spans="8:8">
      <c r="H517476" s="12"/>
    </row>
    <row r="517477" spans="8:8">
      <c r="H517477" s="12"/>
    </row>
    <row r="517478" spans="8:8">
      <c r="H517478" s="12"/>
    </row>
    <row r="517479" spans="8:8">
      <c r="H517479" s="12"/>
    </row>
    <row r="517480" spans="8:8">
      <c r="H517480" s="12"/>
    </row>
    <row r="517481" spans="8:8">
      <c r="H517481" s="12"/>
    </row>
    <row r="517482" spans="8:8">
      <c r="H517482" s="12"/>
    </row>
    <row r="517483" spans="8:8">
      <c r="H517483" s="12"/>
    </row>
    <row r="517484" spans="8:8">
      <c r="H517484" s="12"/>
    </row>
    <row r="517485" spans="8:8">
      <c r="H517485" s="12"/>
    </row>
    <row r="517486" spans="8:8">
      <c r="H517486" s="12"/>
    </row>
    <row r="517487" spans="8:8">
      <c r="H517487" s="12"/>
    </row>
    <row r="517488" spans="8:8">
      <c r="H517488" s="12"/>
    </row>
    <row r="517489" spans="8:8">
      <c r="H517489" s="12"/>
    </row>
    <row r="517490" spans="8:8">
      <c r="H517490" s="12"/>
    </row>
    <row r="517491" spans="8:8">
      <c r="H517491" s="12"/>
    </row>
    <row r="517492" spans="8:8">
      <c r="H517492" s="12"/>
    </row>
    <row r="517493" spans="8:8">
      <c r="H517493" s="12"/>
    </row>
    <row r="517494" spans="8:8">
      <c r="H517494" s="12"/>
    </row>
    <row r="517495" spans="8:8">
      <c r="H517495" s="12"/>
    </row>
    <row r="517496" spans="8:8">
      <c r="H517496" s="12"/>
    </row>
    <row r="517497" spans="8:8">
      <c r="H517497" s="12"/>
    </row>
    <row r="517498" spans="8:8">
      <c r="H517498" s="12"/>
    </row>
    <row r="517499" spans="8:8">
      <c r="H517499" s="12"/>
    </row>
    <row r="517500" spans="8:8">
      <c r="H517500" s="12"/>
    </row>
    <row r="517501" spans="8:8">
      <c r="H517501" s="12"/>
    </row>
    <row r="517502" spans="8:8">
      <c r="H517502" s="12"/>
    </row>
    <row r="517503" spans="8:8">
      <c r="H517503" s="12"/>
    </row>
    <row r="517504" spans="8:8">
      <c r="H517504" s="12"/>
    </row>
    <row r="517505" spans="8:8">
      <c r="H517505" s="12"/>
    </row>
    <row r="517506" spans="8:8">
      <c r="H517506" s="12"/>
    </row>
    <row r="517507" spans="8:8">
      <c r="H517507" s="12"/>
    </row>
    <row r="517508" spans="8:8">
      <c r="H517508" s="12"/>
    </row>
    <row r="517509" spans="8:8">
      <c r="H517509" s="12"/>
    </row>
    <row r="517510" spans="8:8">
      <c r="H517510" s="12"/>
    </row>
    <row r="517511" spans="8:8">
      <c r="H517511" s="12"/>
    </row>
    <row r="517512" spans="8:8">
      <c r="H517512" s="12"/>
    </row>
    <row r="517513" spans="8:8">
      <c r="H517513" s="12"/>
    </row>
    <row r="517514" spans="8:8">
      <c r="H517514" s="12"/>
    </row>
    <row r="517515" spans="8:8">
      <c r="H517515" s="12"/>
    </row>
    <row r="517516" spans="8:8">
      <c r="H517516" s="12"/>
    </row>
    <row r="517517" spans="8:8">
      <c r="H517517" s="12"/>
    </row>
    <row r="517518" spans="8:8">
      <c r="H517518" s="12"/>
    </row>
    <row r="517519" spans="8:8">
      <c r="H517519" s="12"/>
    </row>
    <row r="517520" spans="8:8">
      <c r="H517520" s="12"/>
    </row>
    <row r="517521" spans="8:8">
      <c r="H517521" s="12"/>
    </row>
    <row r="517522" spans="8:8">
      <c r="H517522" s="12"/>
    </row>
    <row r="517523" spans="8:8">
      <c r="H517523" s="12"/>
    </row>
    <row r="517524" spans="8:8">
      <c r="H517524" s="12"/>
    </row>
    <row r="517525" spans="8:8">
      <c r="H517525" s="12"/>
    </row>
    <row r="517526" spans="8:8">
      <c r="H517526" s="12"/>
    </row>
    <row r="517527" spans="8:8">
      <c r="H517527" s="12"/>
    </row>
    <row r="517528" spans="8:8">
      <c r="H517528" s="12"/>
    </row>
    <row r="517529" spans="8:8">
      <c r="H517529" s="12"/>
    </row>
    <row r="517530" spans="8:8">
      <c r="H517530" s="12"/>
    </row>
    <row r="517531" spans="8:8">
      <c r="H517531" s="12"/>
    </row>
    <row r="517532" spans="8:8">
      <c r="H517532" s="12"/>
    </row>
    <row r="517533" spans="8:8">
      <c r="H517533" s="12"/>
    </row>
    <row r="517534" spans="8:8">
      <c r="H517534" s="12"/>
    </row>
    <row r="517535" spans="8:8">
      <c r="H517535" s="12"/>
    </row>
    <row r="517536" spans="8:8">
      <c r="H517536" s="12"/>
    </row>
    <row r="517537" spans="8:8">
      <c r="H517537" s="12"/>
    </row>
    <row r="517538" spans="8:8">
      <c r="H517538" s="12"/>
    </row>
    <row r="517539" spans="8:8">
      <c r="H517539" s="12"/>
    </row>
    <row r="517540" spans="8:8">
      <c r="H517540" s="12"/>
    </row>
    <row r="517541" spans="8:8">
      <c r="H517541" s="12"/>
    </row>
    <row r="517542" spans="8:8">
      <c r="H517542" s="12"/>
    </row>
    <row r="517543" spans="8:8">
      <c r="H517543" s="12"/>
    </row>
    <row r="517544" spans="8:8">
      <c r="H517544" s="12"/>
    </row>
    <row r="517545" spans="8:8">
      <c r="H517545" s="12"/>
    </row>
    <row r="517546" spans="8:8">
      <c r="H517546" s="12"/>
    </row>
    <row r="517547" spans="8:8">
      <c r="H517547" s="12"/>
    </row>
    <row r="517548" spans="8:8">
      <c r="H517548" s="12"/>
    </row>
    <row r="517549" spans="8:8">
      <c r="H517549" s="12"/>
    </row>
    <row r="517550" spans="8:8">
      <c r="H517550" s="12"/>
    </row>
    <row r="517551" spans="8:8">
      <c r="H517551" s="12"/>
    </row>
    <row r="517552" spans="8:8">
      <c r="H517552" s="12"/>
    </row>
    <row r="517553" spans="8:8">
      <c r="H517553" s="12"/>
    </row>
    <row r="517554" spans="8:8">
      <c r="H517554" s="12"/>
    </row>
    <row r="517555" spans="8:8">
      <c r="H517555" s="12"/>
    </row>
    <row r="517556" spans="8:8">
      <c r="H517556" s="12"/>
    </row>
    <row r="517557" spans="8:8">
      <c r="H517557" s="12"/>
    </row>
    <row r="517558" spans="8:8">
      <c r="H517558" s="12"/>
    </row>
    <row r="517559" spans="8:8">
      <c r="H517559" s="12"/>
    </row>
    <row r="517560" spans="8:8">
      <c r="H517560" s="12"/>
    </row>
    <row r="517561" spans="8:8">
      <c r="H517561" s="12"/>
    </row>
    <row r="517562" spans="8:8">
      <c r="H517562" s="12"/>
    </row>
    <row r="517563" spans="8:8">
      <c r="H517563" s="12"/>
    </row>
    <row r="517564" spans="8:8">
      <c r="H517564" s="12"/>
    </row>
    <row r="517565" spans="8:8">
      <c r="H517565" s="12"/>
    </row>
    <row r="517566" spans="8:8">
      <c r="H517566" s="12"/>
    </row>
    <row r="517567" spans="8:8">
      <c r="H517567" s="12"/>
    </row>
    <row r="517568" spans="8:8">
      <c r="H517568" s="12"/>
    </row>
    <row r="517569" spans="8:8">
      <c r="H517569" s="12"/>
    </row>
    <row r="517570" spans="8:8">
      <c r="H517570" s="12"/>
    </row>
    <row r="517571" spans="8:8">
      <c r="H517571" s="12"/>
    </row>
    <row r="517572" spans="8:8">
      <c r="H517572" s="12"/>
    </row>
    <row r="517573" spans="8:8">
      <c r="H517573" s="12"/>
    </row>
    <row r="517574" spans="8:8">
      <c r="H517574" s="12"/>
    </row>
    <row r="517575" spans="8:8">
      <c r="H517575" s="12"/>
    </row>
    <row r="517576" spans="8:8">
      <c r="H517576" s="12"/>
    </row>
    <row r="517577" spans="8:8">
      <c r="H517577" s="12"/>
    </row>
    <row r="517578" spans="8:8">
      <c r="H517578" s="12"/>
    </row>
    <row r="517579" spans="8:8">
      <c r="H517579" s="12"/>
    </row>
    <row r="517580" spans="8:8">
      <c r="H517580" s="12"/>
    </row>
    <row r="517581" spans="8:8">
      <c r="H517581" s="12"/>
    </row>
    <row r="517582" spans="8:8">
      <c r="H517582" s="12"/>
    </row>
    <row r="517583" spans="8:8">
      <c r="H517583" s="12"/>
    </row>
    <row r="517584" spans="8:8">
      <c r="H517584" s="12"/>
    </row>
    <row r="517585" spans="8:8">
      <c r="H517585" s="12"/>
    </row>
    <row r="517586" spans="8:8">
      <c r="H517586" s="12"/>
    </row>
    <row r="517587" spans="8:8">
      <c r="H517587" s="12"/>
    </row>
    <row r="517588" spans="8:8">
      <c r="H517588" s="12"/>
    </row>
    <row r="517589" spans="8:8">
      <c r="H517589" s="12"/>
    </row>
    <row r="517590" spans="8:8">
      <c r="H517590" s="12"/>
    </row>
    <row r="517591" spans="8:8">
      <c r="H517591" s="12"/>
    </row>
    <row r="517592" spans="8:8">
      <c r="H517592" s="12"/>
    </row>
    <row r="517593" spans="8:8">
      <c r="H517593" s="12"/>
    </row>
    <row r="517594" spans="8:8">
      <c r="H517594" s="12"/>
    </row>
    <row r="517595" spans="8:8">
      <c r="H517595" s="12"/>
    </row>
    <row r="517596" spans="8:8">
      <c r="H517596" s="12"/>
    </row>
    <row r="517597" spans="8:8">
      <c r="H517597" s="12"/>
    </row>
    <row r="517598" spans="8:8">
      <c r="H517598" s="12"/>
    </row>
    <row r="517599" spans="8:8">
      <c r="H517599" s="12"/>
    </row>
    <row r="517600" spans="8:8">
      <c r="H517600" s="12"/>
    </row>
    <row r="517601" spans="8:8">
      <c r="H517601" s="12"/>
    </row>
    <row r="517602" spans="8:8">
      <c r="H517602" s="12"/>
    </row>
    <row r="517603" spans="8:8">
      <c r="H517603" s="12"/>
    </row>
    <row r="517604" spans="8:8">
      <c r="H517604" s="12"/>
    </row>
    <row r="517605" spans="8:8">
      <c r="H517605" s="12"/>
    </row>
    <row r="517606" spans="8:8">
      <c r="H517606" s="12"/>
    </row>
    <row r="517607" spans="8:8">
      <c r="H517607" s="12"/>
    </row>
    <row r="517608" spans="8:8">
      <c r="H517608" s="12"/>
    </row>
    <row r="517609" spans="8:8">
      <c r="H517609" s="12"/>
    </row>
    <row r="517610" spans="8:8">
      <c r="H517610" s="12"/>
    </row>
    <row r="517611" spans="8:8">
      <c r="H517611" s="12"/>
    </row>
    <row r="517612" spans="8:8">
      <c r="H517612" s="12"/>
    </row>
    <row r="517613" spans="8:8">
      <c r="H517613" s="12"/>
    </row>
    <row r="517614" spans="8:8">
      <c r="H517614" s="12"/>
    </row>
    <row r="517615" spans="8:8">
      <c r="H517615" s="12"/>
    </row>
    <row r="517616" spans="8:8">
      <c r="H517616" s="12"/>
    </row>
    <row r="517617" spans="8:8">
      <c r="H517617" s="12"/>
    </row>
    <row r="517618" spans="8:8">
      <c r="H517618" s="12"/>
    </row>
    <row r="517619" spans="8:8">
      <c r="H517619" s="12"/>
    </row>
    <row r="517620" spans="8:8">
      <c r="H517620" s="12"/>
    </row>
    <row r="517621" spans="8:8">
      <c r="H517621" s="12"/>
    </row>
    <row r="517622" spans="8:8">
      <c r="H517622" s="12"/>
    </row>
    <row r="517623" spans="8:8">
      <c r="H517623" s="12"/>
    </row>
    <row r="517624" spans="8:8">
      <c r="H517624" s="12"/>
    </row>
    <row r="517625" spans="8:8">
      <c r="H517625" s="12"/>
    </row>
    <row r="517626" spans="8:8">
      <c r="H517626" s="12"/>
    </row>
    <row r="517627" spans="8:8">
      <c r="H517627" s="12"/>
    </row>
    <row r="517628" spans="8:8">
      <c r="H517628" s="12"/>
    </row>
    <row r="517629" spans="8:8">
      <c r="H517629" s="12"/>
    </row>
    <row r="517630" spans="8:8">
      <c r="H517630" s="12"/>
    </row>
    <row r="517631" spans="8:8">
      <c r="H517631" s="12"/>
    </row>
    <row r="517632" spans="8:8">
      <c r="H517632" s="12"/>
    </row>
    <row r="517633" spans="8:8">
      <c r="H517633" s="12"/>
    </row>
    <row r="517634" spans="8:8">
      <c r="H517634" s="12"/>
    </row>
    <row r="517635" spans="8:8">
      <c r="H517635" s="12"/>
    </row>
    <row r="517636" spans="8:8">
      <c r="H517636" s="12"/>
    </row>
    <row r="517637" spans="8:8">
      <c r="H517637" s="12"/>
    </row>
    <row r="517638" spans="8:8">
      <c r="H517638" s="12"/>
    </row>
    <row r="517639" spans="8:8">
      <c r="H517639" s="12"/>
    </row>
    <row r="517640" spans="8:8">
      <c r="H517640" s="12"/>
    </row>
    <row r="517641" spans="8:8">
      <c r="H517641" s="12"/>
    </row>
    <row r="517642" spans="8:8">
      <c r="H517642" s="12"/>
    </row>
    <row r="517643" spans="8:8">
      <c r="H517643" s="12"/>
    </row>
    <row r="517644" spans="8:8">
      <c r="H517644" s="12"/>
    </row>
    <row r="517645" spans="8:8">
      <c r="H517645" s="12"/>
    </row>
    <row r="517646" spans="8:8">
      <c r="H517646" s="12"/>
    </row>
    <row r="517647" spans="8:8">
      <c r="H517647" s="12"/>
    </row>
    <row r="517648" spans="8:8">
      <c r="H517648" s="12"/>
    </row>
    <row r="517649" spans="8:8">
      <c r="H517649" s="12"/>
    </row>
    <row r="517650" spans="8:8">
      <c r="H517650" s="12"/>
    </row>
    <row r="517651" spans="8:8">
      <c r="H517651" s="12"/>
    </row>
    <row r="517652" spans="8:8">
      <c r="H517652" s="12"/>
    </row>
    <row r="517653" spans="8:8">
      <c r="H517653" s="12"/>
    </row>
    <row r="517654" spans="8:8">
      <c r="H517654" s="12"/>
    </row>
    <row r="517655" spans="8:8">
      <c r="H517655" s="12"/>
    </row>
    <row r="517656" spans="8:8">
      <c r="H517656" s="12"/>
    </row>
    <row r="517657" spans="8:8">
      <c r="H517657" s="12"/>
    </row>
    <row r="517658" spans="8:8">
      <c r="H517658" s="12"/>
    </row>
    <row r="517659" spans="8:8">
      <c r="H517659" s="12"/>
    </row>
    <row r="517660" spans="8:8">
      <c r="H517660" s="12"/>
    </row>
    <row r="517661" spans="8:8">
      <c r="H517661" s="12"/>
    </row>
    <row r="517662" spans="8:8">
      <c r="H517662" s="12"/>
    </row>
    <row r="517663" spans="8:8">
      <c r="H517663" s="12"/>
    </row>
    <row r="517664" spans="8:8">
      <c r="H517664" s="12"/>
    </row>
    <row r="517665" spans="8:8">
      <c r="H517665" s="12"/>
    </row>
    <row r="517666" spans="8:8">
      <c r="H517666" s="12"/>
    </row>
    <row r="517667" spans="8:8">
      <c r="H517667" s="12"/>
    </row>
    <row r="517668" spans="8:8">
      <c r="H517668" s="12"/>
    </row>
    <row r="517669" spans="8:8">
      <c r="H517669" s="12"/>
    </row>
    <row r="517670" spans="8:8">
      <c r="H517670" s="12"/>
    </row>
    <row r="517671" spans="8:8">
      <c r="H517671" s="12"/>
    </row>
    <row r="517672" spans="8:8">
      <c r="H517672" s="12"/>
    </row>
    <row r="517673" spans="8:8">
      <c r="H517673" s="12"/>
    </row>
    <row r="517674" spans="8:8">
      <c r="H517674" s="12"/>
    </row>
    <row r="517675" spans="8:8">
      <c r="H517675" s="12"/>
    </row>
    <row r="517676" spans="8:8">
      <c r="H517676" s="12"/>
    </row>
    <row r="517677" spans="8:8">
      <c r="H517677" s="12"/>
    </row>
    <row r="517678" spans="8:8">
      <c r="H517678" s="12"/>
    </row>
    <row r="517679" spans="8:8">
      <c r="H517679" s="12"/>
    </row>
    <row r="517680" spans="8:8">
      <c r="H517680" s="12"/>
    </row>
    <row r="517681" spans="8:8">
      <c r="H517681" s="12"/>
    </row>
    <row r="517682" spans="8:8">
      <c r="H517682" s="12"/>
    </row>
    <row r="517683" spans="8:8">
      <c r="H517683" s="12"/>
    </row>
    <row r="517684" spans="8:8">
      <c r="H517684" s="12"/>
    </row>
    <row r="517685" spans="8:8">
      <c r="H517685" s="12"/>
    </row>
    <row r="517686" spans="8:8">
      <c r="H517686" s="12"/>
    </row>
    <row r="517687" spans="8:8">
      <c r="H517687" s="12"/>
    </row>
    <row r="517688" spans="8:8">
      <c r="H517688" s="12"/>
    </row>
    <row r="517689" spans="8:8">
      <c r="H517689" s="12"/>
    </row>
    <row r="517690" spans="8:8">
      <c r="H517690" s="12"/>
    </row>
    <row r="517691" spans="8:8">
      <c r="H517691" s="12"/>
    </row>
    <row r="517692" spans="8:8">
      <c r="H517692" s="12"/>
    </row>
    <row r="517693" spans="8:8">
      <c r="H517693" s="12"/>
    </row>
    <row r="517694" spans="8:8">
      <c r="H517694" s="12"/>
    </row>
    <row r="517695" spans="8:8">
      <c r="H517695" s="12"/>
    </row>
    <row r="517696" spans="8:8">
      <c r="H517696" s="12"/>
    </row>
    <row r="517697" spans="8:8">
      <c r="H517697" s="12"/>
    </row>
    <row r="517698" spans="8:8">
      <c r="H517698" s="12"/>
    </row>
    <row r="517699" spans="8:8">
      <c r="H517699" s="12"/>
    </row>
    <row r="517700" spans="8:8">
      <c r="H517700" s="12"/>
    </row>
    <row r="517701" spans="8:8">
      <c r="H517701" s="12"/>
    </row>
    <row r="517702" spans="8:8">
      <c r="H517702" s="12"/>
    </row>
    <row r="517703" spans="8:8">
      <c r="H517703" s="12"/>
    </row>
    <row r="517704" spans="8:8">
      <c r="H517704" s="12"/>
    </row>
    <row r="517705" spans="8:8">
      <c r="H517705" s="12"/>
    </row>
    <row r="517706" spans="8:8">
      <c r="H517706" s="12"/>
    </row>
    <row r="517707" spans="8:8">
      <c r="H517707" s="12"/>
    </row>
    <row r="517708" spans="8:8">
      <c r="H517708" s="12"/>
    </row>
    <row r="517709" spans="8:8">
      <c r="H517709" s="12"/>
    </row>
    <row r="517710" spans="8:8">
      <c r="H517710" s="12"/>
    </row>
    <row r="517711" spans="8:8">
      <c r="H517711" s="12"/>
    </row>
    <row r="517712" spans="8:8">
      <c r="H517712" s="12"/>
    </row>
    <row r="517713" spans="8:8">
      <c r="H517713" s="12"/>
    </row>
    <row r="517714" spans="8:8">
      <c r="H517714" s="12"/>
    </row>
    <row r="517715" spans="8:8">
      <c r="H517715" s="12"/>
    </row>
    <row r="517716" spans="8:8">
      <c r="H517716" s="12"/>
    </row>
    <row r="517717" spans="8:8">
      <c r="H517717" s="12"/>
    </row>
    <row r="517718" spans="8:8">
      <c r="H517718" s="12"/>
    </row>
    <row r="517719" spans="8:8">
      <c r="H517719" s="12"/>
    </row>
    <row r="517720" spans="8:8">
      <c r="H517720" s="12"/>
    </row>
    <row r="517721" spans="8:8">
      <c r="H517721" s="12"/>
    </row>
    <row r="517722" spans="8:8">
      <c r="H517722" s="12"/>
    </row>
    <row r="517723" spans="8:8">
      <c r="H517723" s="12"/>
    </row>
    <row r="517724" spans="8:8">
      <c r="H517724" s="12"/>
    </row>
    <row r="517725" spans="8:8">
      <c r="H517725" s="12"/>
    </row>
    <row r="517726" spans="8:8">
      <c r="H517726" s="12"/>
    </row>
    <row r="517727" spans="8:8">
      <c r="H517727" s="12"/>
    </row>
    <row r="517728" spans="8:8">
      <c r="H517728" s="12"/>
    </row>
    <row r="517729" spans="8:8">
      <c r="H517729" s="12"/>
    </row>
    <row r="517730" spans="8:8">
      <c r="H517730" s="12"/>
    </row>
    <row r="517731" spans="8:8">
      <c r="H517731" s="12"/>
    </row>
    <row r="517732" spans="8:8">
      <c r="H517732" s="12"/>
    </row>
    <row r="517733" spans="8:8">
      <c r="H517733" s="12"/>
    </row>
    <row r="517734" spans="8:8">
      <c r="H517734" s="12"/>
    </row>
    <row r="517735" spans="8:8">
      <c r="H517735" s="12"/>
    </row>
    <row r="517736" spans="8:8">
      <c r="H517736" s="12"/>
    </row>
    <row r="517737" spans="8:8">
      <c r="H517737" s="12"/>
    </row>
    <row r="517738" spans="8:8">
      <c r="H517738" s="12"/>
    </row>
    <row r="517739" spans="8:8">
      <c r="H517739" s="12"/>
    </row>
    <row r="517740" spans="8:8">
      <c r="H517740" s="12"/>
    </row>
    <row r="517741" spans="8:8">
      <c r="H517741" s="12"/>
    </row>
    <row r="517742" spans="8:8">
      <c r="H517742" s="12"/>
    </row>
    <row r="517743" spans="8:8">
      <c r="H517743" s="12"/>
    </row>
    <row r="517744" spans="8:8">
      <c r="H517744" s="12"/>
    </row>
    <row r="517745" spans="8:8">
      <c r="H517745" s="12"/>
    </row>
    <row r="517746" spans="8:8">
      <c r="H517746" s="12"/>
    </row>
    <row r="517747" spans="8:8">
      <c r="H517747" s="12"/>
    </row>
    <row r="517748" spans="8:8">
      <c r="H517748" s="12"/>
    </row>
    <row r="517749" spans="8:8">
      <c r="H517749" s="12"/>
    </row>
    <row r="517750" spans="8:8">
      <c r="H517750" s="12"/>
    </row>
    <row r="517751" spans="8:8">
      <c r="H517751" s="12"/>
    </row>
    <row r="517752" spans="8:8">
      <c r="H517752" s="12"/>
    </row>
    <row r="517753" spans="8:8">
      <c r="H517753" s="12"/>
    </row>
    <row r="517754" spans="8:8">
      <c r="H517754" s="12"/>
    </row>
    <row r="517755" spans="8:8">
      <c r="H517755" s="12"/>
    </row>
    <row r="517756" spans="8:8">
      <c r="H517756" s="12"/>
    </row>
    <row r="517757" spans="8:8">
      <c r="H517757" s="12"/>
    </row>
    <row r="517758" spans="8:8">
      <c r="H517758" s="12"/>
    </row>
    <row r="517759" spans="8:8">
      <c r="H517759" s="12"/>
    </row>
    <row r="517760" spans="8:8">
      <c r="H517760" s="12"/>
    </row>
    <row r="517761" spans="8:8">
      <c r="H517761" s="12"/>
    </row>
    <row r="517762" spans="8:8">
      <c r="H517762" s="12"/>
    </row>
    <row r="517763" spans="8:8">
      <c r="H517763" s="12"/>
    </row>
    <row r="517764" spans="8:8">
      <c r="H517764" s="12"/>
    </row>
    <row r="517765" spans="8:8">
      <c r="H517765" s="12"/>
    </row>
    <row r="517766" spans="8:8">
      <c r="H517766" s="12"/>
    </row>
    <row r="517767" spans="8:8">
      <c r="H517767" s="12"/>
    </row>
    <row r="517768" spans="8:8">
      <c r="H517768" s="12"/>
    </row>
    <row r="517769" spans="8:8">
      <c r="H517769" s="12"/>
    </row>
    <row r="517770" spans="8:8">
      <c r="H517770" s="12"/>
    </row>
    <row r="517771" spans="8:8">
      <c r="H517771" s="12"/>
    </row>
    <row r="517772" spans="8:8">
      <c r="H517772" s="12"/>
    </row>
    <row r="517773" spans="8:8">
      <c r="H517773" s="12"/>
    </row>
    <row r="517774" spans="8:8">
      <c r="H517774" s="12"/>
    </row>
    <row r="517775" spans="8:8">
      <c r="H517775" s="12"/>
    </row>
    <row r="517776" spans="8:8">
      <c r="H517776" s="12"/>
    </row>
    <row r="517777" spans="8:8">
      <c r="H517777" s="12"/>
    </row>
    <row r="517778" spans="8:8">
      <c r="H517778" s="12"/>
    </row>
    <row r="517779" spans="8:8">
      <c r="H517779" s="12"/>
    </row>
    <row r="517780" spans="8:8">
      <c r="H517780" s="12"/>
    </row>
    <row r="517781" spans="8:8">
      <c r="H517781" s="12"/>
    </row>
    <row r="517782" spans="8:8">
      <c r="H517782" s="12"/>
    </row>
    <row r="517783" spans="8:8">
      <c r="H517783" s="12"/>
    </row>
    <row r="517784" spans="8:8">
      <c r="H517784" s="12"/>
    </row>
    <row r="517785" spans="8:8">
      <c r="H517785" s="12"/>
    </row>
    <row r="517786" spans="8:8">
      <c r="H517786" s="12"/>
    </row>
    <row r="517787" spans="8:8">
      <c r="H517787" s="12"/>
    </row>
    <row r="517788" spans="8:8">
      <c r="H517788" s="12"/>
    </row>
    <row r="517789" spans="8:8">
      <c r="H517789" s="12"/>
    </row>
    <row r="517790" spans="8:8">
      <c r="H517790" s="12"/>
    </row>
    <row r="517791" spans="8:8">
      <c r="H517791" s="12"/>
    </row>
    <row r="517792" spans="8:8">
      <c r="H517792" s="12"/>
    </row>
    <row r="517793" spans="8:8">
      <c r="H517793" s="12"/>
    </row>
    <row r="517794" spans="8:8">
      <c r="H517794" s="12"/>
    </row>
    <row r="517795" spans="8:8">
      <c r="H517795" s="12"/>
    </row>
    <row r="517796" spans="8:8">
      <c r="H517796" s="12"/>
    </row>
    <row r="517797" spans="8:8">
      <c r="H517797" s="12"/>
    </row>
    <row r="517798" spans="8:8">
      <c r="H517798" s="12"/>
    </row>
    <row r="517799" spans="8:8">
      <c r="H517799" s="12"/>
    </row>
    <row r="517800" spans="8:8">
      <c r="H517800" s="12"/>
    </row>
    <row r="517801" spans="8:8">
      <c r="H517801" s="12"/>
    </row>
    <row r="517802" spans="8:8">
      <c r="H517802" s="12"/>
    </row>
    <row r="517803" spans="8:8">
      <c r="H517803" s="12"/>
    </row>
    <row r="517804" spans="8:8">
      <c r="H517804" s="12"/>
    </row>
    <row r="517805" spans="8:8">
      <c r="H517805" s="12"/>
    </row>
    <row r="517806" spans="8:8">
      <c r="H517806" s="12"/>
    </row>
    <row r="517807" spans="8:8">
      <c r="H517807" s="12"/>
    </row>
    <row r="517808" spans="8:8">
      <c r="H517808" s="12"/>
    </row>
    <row r="517809" spans="8:8">
      <c r="H517809" s="12"/>
    </row>
    <row r="517810" spans="8:8">
      <c r="H517810" s="12"/>
    </row>
    <row r="517811" spans="8:8">
      <c r="H517811" s="12"/>
    </row>
    <row r="517812" spans="8:8">
      <c r="H517812" s="12"/>
    </row>
    <row r="517813" spans="8:8">
      <c r="H517813" s="12"/>
    </row>
    <row r="517814" spans="8:8">
      <c r="H517814" s="12"/>
    </row>
    <row r="517815" spans="8:8">
      <c r="H517815" s="12"/>
    </row>
    <row r="517816" spans="8:8">
      <c r="H517816" s="12"/>
    </row>
    <row r="517817" spans="8:8">
      <c r="H517817" s="12"/>
    </row>
    <row r="517818" spans="8:8">
      <c r="H517818" s="12"/>
    </row>
    <row r="517819" spans="8:8">
      <c r="H517819" s="12"/>
    </row>
    <row r="517820" spans="8:8">
      <c r="H517820" s="12"/>
    </row>
    <row r="517821" spans="8:8">
      <c r="H517821" s="12"/>
    </row>
    <row r="517822" spans="8:8">
      <c r="H517822" s="12"/>
    </row>
    <row r="517823" spans="8:8">
      <c r="H517823" s="12"/>
    </row>
    <row r="517824" spans="8:8">
      <c r="H517824" s="12"/>
    </row>
    <row r="517825" spans="8:8">
      <c r="H517825" s="12"/>
    </row>
    <row r="517826" spans="8:8">
      <c r="H517826" s="12"/>
    </row>
    <row r="517827" spans="8:8">
      <c r="H517827" s="12"/>
    </row>
    <row r="517828" spans="8:8">
      <c r="H517828" s="12"/>
    </row>
    <row r="517829" spans="8:8">
      <c r="H517829" s="12"/>
    </row>
    <row r="517830" spans="8:8">
      <c r="H517830" s="12"/>
    </row>
    <row r="517831" spans="8:8">
      <c r="H517831" s="12"/>
    </row>
    <row r="517832" spans="8:8">
      <c r="H517832" s="12"/>
    </row>
    <row r="517833" spans="8:8">
      <c r="H517833" s="12"/>
    </row>
    <row r="517834" spans="8:8">
      <c r="H517834" s="12"/>
    </row>
    <row r="517835" spans="8:8">
      <c r="H517835" s="12"/>
    </row>
    <row r="517836" spans="8:8">
      <c r="H517836" s="12"/>
    </row>
    <row r="517837" spans="8:8">
      <c r="H517837" s="12"/>
    </row>
    <row r="517838" spans="8:8">
      <c r="H517838" s="12"/>
    </row>
    <row r="517839" spans="8:8">
      <c r="H517839" s="12"/>
    </row>
    <row r="517840" spans="8:8">
      <c r="H517840" s="12"/>
    </row>
    <row r="517841" spans="8:8">
      <c r="H517841" s="12"/>
    </row>
    <row r="517842" spans="8:8">
      <c r="H517842" s="12"/>
    </row>
    <row r="517843" spans="8:8">
      <c r="H517843" s="12"/>
    </row>
    <row r="517844" spans="8:8">
      <c r="H517844" s="12"/>
    </row>
    <row r="517845" spans="8:8">
      <c r="H517845" s="12"/>
    </row>
    <row r="517846" spans="8:8">
      <c r="H517846" s="12"/>
    </row>
    <row r="517847" spans="8:8">
      <c r="H517847" s="12"/>
    </row>
    <row r="517848" spans="8:8">
      <c r="H517848" s="12"/>
    </row>
    <row r="517849" spans="8:8">
      <c r="H517849" s="12"/>
    </row>
    <row r="517850" spans="8:8">
      <c r="H517850" s="12"/>
    </row>
    <row r="517851" spans="8:8">
      <c r="H517851" s="12"/>
    </row>
    <row r="517852" spans="8:8">
      <c r="H517852" s="12"/>
    </row>
    <row r="517853" spans="8:8">
      <c r="H517853" s="12"/>
    </row>
    <row r="517854" spans="8:8">
      <c r="H517854" s="12"/>
    </row>
    <row r="517855" spans="8:8">
      <c r="H517855" s="12"/>
    </row>
    <row r="517856" spans="8:8">
      <c r="H517856" s="12"/>
    </row>
    <row r="517857" spans="8:8">
      <c r="H517857" s="12"/>
    </row>
    <row r="517858" spans="8:8">
      <c r="H517858" s="12"/>
    </row>
    <row r="517859" spans="8:8">
      <c r="H517859" s="12"/>
    </row>
    <row r="517860" spans="8:8">
      <c r="H517860" s="12"/>
    </row>
    <row r="517861" spans="8:8">
      <c r="H517861" s="12"/>
    </row>
    <row r="517862" spans="8:8">
      <c r="H517862" s="12"/>
    </row>
    <row r="517863" spans="8:8">
      <c r="H517863" s="12"/>
    </row>
    <row r="517864" spans="8:8">
      <c r="H517864" s="12"/>
    </row>
    <row r="517865" spans="8:8">
      <c r="H517865" s="12"/>
    </row>
    <row r="517866" spans="8:8">
      <c r="H517866" s="12"/>
    </row>
    <row r="517867" spans="8:8">
      <c r="H517867" s="12"/>
    </row>
    <row r="517868" spans="8:8">
      <c r="H517868" s="12"/>
    </row>
    <row r="517869" spans="8:8">
      <c r="H517869" s="12"/>
    </row>
    <row r="517870" spans="8:8">
      <c r="H517870" s="12"/>
    </row>
    <row r="517871" spans="8:8">
      <c r="H517871" s="12"/>
    </row>
    <row r="517872" spans="8:8">
      <c r="H517872" s="12"/>
    </row>
    <row r="517873" spans="8:8">
      <c r="H517873" s="12"/>
    </row>
    <row r="517874" spans="8:8">
      <c r="H517874" s="12"/>
    </row>
    <row r="517875" spans="8:8">
      <c r="H517875" s="12"/>
    </row>
    <row r="517876" spans="8:8">
      <c r="H517876" s="12"/>
    </row>
    <row r="517877" spans="8:8">
      <c r="H517877" s="12"/>
    </row>
    <row r="517878" spans="8:8">
      <c r="H517878" s="12"/>
    </row>
    <row r="517879" spans="8:8">
      <c r="H517879" s="12"/>
    </row>
    <row r="517880" spans="8:8">
      <c r="H517880" s="12"/>
    </row>
    <row r="517881" spans="8:8">
      <c r="H517881" s="12"/>
    </row>
    <row r="517882" spans="8:8">
      <c r="H517882" s="12"/>
    </row>
    <row r="517883" spans="8:8">
      <c r="H517883" s="12"/>
    </row>
    <row r="517884" spans="8:8">
      <c r="H517884" s="12"/>
    </row>
    <row r="517885" spans="8:8">
      <c r="H517885" s="12"/>
    </row>
    <row r="517886" spans="8:8">
      <c r="H517886" s="12"/>
    </row>
    <row r="517887" spans="8:8">
      <c r="H517887" s="12"/>
    </row>
    <row r="517888" spans="8:8">
      <c r="H517888" s="12"/>
    </row>
    <row r="517889" spans="8:8">
      <c r="H517889" s="12"/>
    </row>
    <row r="517890" spans="8:8">
      <c r="H517890" s="12"/>
    </row>
    <row r="517891" spans="8:8">
      <c r="H517891" s="12"/>
    </row>
    <row r="517892" spans="8:8">
      <c r="H517892" s="12"/>
    </row>
    <row r="517893" spans="8:8">
      <c r="H517893" s="12"/>
    </row>
    <row r="517894" spans="8:8">
      <c r="H517894" s="12"/>
    </row>
    <row r="517895" spans="8:8">
      <c r="H517895" s="12"/>
    </row>
    <row r="517896" spans="8:8">
      <c r="H517896" s="12"/>
    </row>
    <row r="517897" spans="8:8">
      <c r="H517897" s="12"/>
    </row>
    <row r="517898" spans="8:8">
      <c r="H517898" s="12"/>
    </row>
    <row r="517899" spans="8:8">
      <c r="H517899" s="12"/>
    </row>
    <row r="517900" spans="8:8">
      <c r="H517900" s="12"/>
    </row>
    <row r="517901" spans="8:8">
      <c r="H517901" s="12"/>
    </row>
    <row r="517902" spans="8:8">
      <c r="H517902" s="12"/>
    </row>
    <row r="517903" spans="8:8">
      <c r="H517903" s="12"/>
    </row>
    <row r="517904" spans="8:8">
      <c r="H517904" s="12"/>
    </row>
    <row r="517905" spans="8:8">
      <c r="H517905" s="12"/>
    </row>
    <row r="517906" spans="8:8">
      <c r="H517906" s="12"/>
    </row>
    <row r="517907" spans="8:8">
      <c r="H517907" s="12"/>
    </row>
    <row r="517908" spans="8:8">
      <c r="H517908" s="12"/>
    </row>
    <row r="517909" spans="8:8">
      <c r="H517909" s="12"/>
    </row>
    <row r="517910" spans="8:8">
      <c r="H517910" s="12"/>
    </row>
    <row r="517911" spans="8:8">
      <c r="H517911" s="12"/>
    </row>
    <row r="517912" spans="8:8">
      <c r="H517912" s="12"/>
    </row>
    <row r="517913" spans="8:8">
      <c r="H517913" s="12"/>
    </row>
    <row r="517914" spans="8:8">
      <c r="H517914" s="12"/>
    </row>
    <row r="517915" spans="8:8">
      <c r="H517915" s="12"/>
    </row>
    <row r="517916" spans="8:8">
      <c r="H517916" s="12"/>
    </row>
    <row r="517917" spans="8:8">
      <c r="H517917" s="12"/>
    </row>
    <row r="517918" spans="8:8">
      <c r="H517918" s="12"/>
    </row>
    <row r="517919" spans="8:8">
      <c r="H517919" s="12"/>
    </row>
    <row r="517920" spans="8:8">
      <c r="H517920" s="12"/>
    </row>
    <row r="517921" spans="8:8">
      <c r="H517921" s="12"/>
    </row>
    <row r="517922" spans="8:8">
      <c r="H517922" s="12"/>
    </row>
    <row r="517923" spans="8:8">
      <c r="H517923" s="12"/>
    </row>
    <row r="517924" spans="8:8">
      <c r="H517924" s="12"/>
    </row>
    <row r="517925" spans="8:8">
      <c r="H517925" s="12"/>
    </row>
    <row r="517926" spans="8:8">
      <c r="H517926" s="12"/>
    </row>
    <row r="517927" spans="8:8">
      <c r="H517927" s="12"/>
    </row>
    <row r="517928" spans="8:8">
      <c r="H517928" s="12"/>
    </row>
    <row r="517929" spans="8:8">
      <c r="H517929" s="12"/>
    </row>
    <row r="517930" spans="8:8">
      <c r="H517930" s="12"/>
    </row>
    <row r="517931" spans="8:8">
      <c r="H517931" s="12"/>
    </row>
    <row r="517932" spans="8:8">
      <c r="H517932" s="12"/>
    </row>
    <row r="517933" spans="8:8">
      <c r="H517933" s="12"/>
    </row>
    <row r="517934" spans="8:8">
      <c r="H517934" s="12"/>
    </row>
    <row r="517935" spans="8:8">
      <c r="H517935" s="12"/>
    </row>
    <row r="517936" spans="8:8">
      <c r="H517936" s="12"/>
    </row>
    <row r="517937" spans="8:8">
      <c r="H517937" s="12"/>
    </row>
    <row r="517938" spans="8:8">
      <c r="H517938" s="12"/>
    </row>
    <row r="517939" spans="8:8">
      <c r="H517939" s="12"/>
    </row>
    <row r="517940" spans="8:8">
      <c r="H517940" s="12"/>
    </row>
    <row r="517941" spans="8:8">
      <c r="H517941" s="12"/>
    </row>
    <row r="517942" spans="8:8">
      <c r="H517942" s="12"/>
    </row>
    <row r="517943" spans="8:8">
      <c r="H517943" s="12"/>
    </row>
    <row r="517944" spans="8:8">
      <c r="H517944" s="12"/>
    </row>
    <row r="517945" spans="8:8">
      <c r="H517945" s="12"/>
    </row>
    <row r="517946" spans="8:8">
      <c r="H517946" s="12"/>
    </row>
    <row r="517947" spans="8:8">
      <c r="H517947" s="12"/>
    </row>
    <row r="517948" spans="8:8">
      <c r="H517948" s="12"/>
    </row>
    <row r="517949" spans="8:8">
      <c r="H517949" s="12"/>
    </row>
    <row r="517950" spans="8:8">
      <c r="H517950" s="12"/>
    </row>
    <row r="517951" spans="8:8">
      <c r="H517951" s="12"/>
    </row>
    <row r="517952" spans="8:8">
      <c r="H517952" s="12"/>
    </row>
    <row r="517953" spans="8:8">
      <c r="H517953" s="12"/>
    </row>
    <row r="517954" spans="8:8">
      <c r="H517954" s="12"/>
    </row>
    <row r="517955" spans="8:8">
      <c r="H517955" s="12"/>
    </row>
    <row r="517956" spans="8:8">
      <c r="H517956" s="12"/>
    </row>
    <row r="517957" spans="8:8">
      <c r="H517957" s="12"/>
    </row>
    <row r="517958" spans="8:8">
      <c r="H517958" s="12"/>
    </row>
    <row r="517959" spans="8:8">
      <c r="H517959" s="12"/>
    </row>
    <row r="517960" spans="8:8">
      <c r="H517960" s="12"/>
    </row>
    <row r="517961" spans="8:8">
      <c r="H517961" s="12"/>
    </row>
    <row r="517962" spans="8:8">
      <c r="H517962" s="12"/>
    </row>
    <row r="517963" spans="8:8">
      <c r="H517963" s="12"/>
    </row>
    <row r="517964" spans="8:8">
      <c r="H517964" s="12"/>
    </row>
    <row r="517965" spans="8:8">
      <c r="H517965" s="12"/>
    </row>
    <row r="517966" spans="8:8">
      <c r="H517966" s="12"/>
    </row>
    <row r="517967" spans="8:8">
      <c r="H517967" s="12"/>
    </row>
    <row r="517968" spans="8:8">
      <c r="H517968" s="12"/>
    </row>
    <row r="517969" spans="8:8">
      <c r="H517969" s="12"/>
    </row>
    <row r="517970" spans="8:8">
      <c r="H517970" s="12"/>
    </row>
    <row r="517971" spans="8:8">
      <c r="H517971" s="12"/>
    </row>
    <row r="517972" spans="8:8">
      <c r="H517972" s="12"/>
    </row>
    <row r="517973" spans="8:8">
      <c r="H517973" s="12"/>
    </row>
    <row r="517974" spans="8:8">
      <c r="H517974" s="12"/>
    </row>
    <row r="517975" spans="8:8">
      <c r="H517975" s="12"/>
    </row>
    <row r="517976" spans="8:8">
      <c r="H517976" s="12"/>
    </row>
    <row r="517977" spans="8:8">
      <c r="H517977" s="12"/>
    </row>
    <row r="517978" spans="8:8">
      <c r="H517978" s="12"/>
    </row>
    <row r="517979" spans="8:8">
      <c r="H517979" s="12"/>
    </row>
    <row r="517980" spans="8:8">
      <c r="H517980" s="12"/>
    </row>
    <row r="517981" spans="8:8">
      <c r="H517981" s="12"/>
    </row>
    <row r="517982" spans="8:8">
      <c r="H517982" s="12"/>
    </row>
    <row r="517983" spans="8:8">
      <c r="H517983" s="12"/>
    </row>
    <row r="517984" spans="8:8">
      <c r="H517984" s="12"/>
    </row>
    <row r="517985" spans="8:8">
      <c r="H517985" s="12"/>
    </row>
    <row r="517986" spans="8:8">
      <c r="H517986" s="12"/>
    </row>
    <row r="517987" spans="8:8">
      <c r="H517987" s="12"/>
    </row>
    <row r="517988" spans="8:8">
      <c r="H517988" s="12"/>
    </row>
    <row r="517989" spans="8:8">
      <c r="H517989" s="12"/>
    </row>
    <row r="517990" spans="8:8">
      <c r="H517990" s="12"/>
    </row>
    <row r="517991" spans="8:8">
      <c r="H517991" s="12"/>
    </row>
    <row r="517992" spans="8:8">
      <c r="H517992" s="12"/>
    </row>
    <row r="517993" spans="8:8">
      <c r="H517993" s="12"/>
    </row>
    <row r="517994" spans="8:8">
      <c r="H517994" s="12"/>
    </row>
    <row r="517995" spans="8:8">
      <c r="H517995" s="12"/>
    </row>
    <row r="517996" spans="8:8">
      <c r="H517996" s="12"/>
    </row>
    <row r="517997" spans="8:8">
      <c r="H517997" s="12"/>
    </row>
    <row r="517998" spans="8:8">
      <c r="H517998" s="12"/>
    </row>
    <row r="517999" spans="8:8">
      <c r="H517999" s="12"/>
    </row>
    <row r="518000" spans="8:8">
      <c r="H518000" s="12"/>
    </row>
    <row r="518001" spans="8:8">
      <c r="H518001" s="12"/>
    </row>
    <row r="518002" spans="8:8">
      <c r="H518002" s="12"/>
    </row>
    <row r="518003" spans="8:8">
      <c r="H518003" s="12"/>
    </row>
    <row r="518004" spans="8:8">
      <c r="H518004" s="12"/>
    </row>
    <row r="518005" spans="8:8">
      <c r="H518005" s="12"/>
    </row>
    <row r="518006" spans="8:8">
      <c r="H518006" s="12"/>
    </row>
    <row r="518007" spans="8:8">
      <c r="H518007" s="12"/>
    </row>
    <row r="518008" spans="8:8">
      <c r="H518008" s="12"/>
    </row>
    <row r="518009" spans="8:8">
      <c r="H518009" s="12"/>
    </row>
    <row r="518010" spans="8:8">
      <c r="H518010" s="12"/>
    </row>
    <row r="518011" spans="8:8">
      <c r="H518011" s="12"/>
    </row>
    <row r="518012" spans="8:8">
      <c r="H518012" s="12"/>
    </row>
    <row r="518013" spans="8:8">
      <c r="H518013" s="12"/>
    </row>
    <row r="518014" spans="8:8">
      <c r="H518014" s="12"/>
    </row>
    <row r="518015" spans="8:8">
      <c r="H518015" s="12"/>
    </row>
    <row r="518016" spans="8:8">
      <c r="H518016" s="12"/>
    </row>
    <row r="518017" spans="8:8">
      <c r="H518017" s="12"/>
    </row>
    <row r="518018" spans="8:8">
      <c r="H518018" s="12"/>
    </row>
    <row r="518019" spans="8:8">
      <c r="H518019" s="12"/>
    </row>
    <row r="518020" spans="8:8">
      <c r="H518020" s="12"/>
    </row>
    <row r="518021" spans="8:8">
      <c r="H518021" s="12"/>
    </row>
    <row r="518022" spans="8:8">
      <c r="H518022" s="12"/>
    </row>
    <row r="518023" spans="8:8">
      <c r="H518023" s="12"/>
    </row>
    <row r="518024" spans="8:8">
      <c r="H518024" s="12"/>
    </row>
    <row r="518025" spans="8:8">
      <c r="H518025" s="12"/>
    </row>
    <row r="518026" spans="8:8">
      <c r="H518026" s="12"/>
    </row>
    <row r="518027" spans="8:8">
      <c r="H518027" s="12"/>
    </row>
    <row r="518028" spans="8:8">
      <c r="H518028" s="12"/>
    </row>
    <row r="518029" spans="8:8">
      <c r="H518029" s="12"/>
    </row>
    <row r="518030" spans="8:8">
      <c r="H518030" s="12"/>
    </row>
    <row r="518031" spans="8:8">
      <c r="H518031" s="12"/>
    </row>
    <row r="518032" spans="8:8">
      <c r="H518032" s="12"/>
    </row>
    <row r="518033" spans="8:8">
      <c r="H518033" s="12"/>
    </row>
    <row r="518034" spans="8:8">
      <c r="H518034" s="12"/>
    </row>
    <row r="518035" spans="8:8">
      <c r="H518035" s="12"/>
    </row>
    <row r="518036" spans="8:8">
      <c r="H518036" s="12"/>
    </row>
    <row r="518037" spans="8:8">
      <c r="H518037" s="12"/>
    </row>
    <row r="518038" spans="8:8">
      <c r="H518038" s="12"/>
    </row>
    <row r="518039" spans="8:8">
      <c r="H518039" s="12"/>
    </row>
    <row r="518040" spans="8:8">
      <c r="H518040" s="12"/>
    </row>
    <row r="518041" spans="8:8">
      <c r="H518041" s="12"/>
    </row>
    <row r="518042" spans="8:8">
      <c r="H518042" s="12"/>
    </row>
    <row r="518043" spans="8:8">
      <c r="H518043" s="12"/>
    </row>
    <row r="518044" spans="8:8">
      <c r="H518044" s="12"/>
    </row>
    <row r="518045" spans="8:8">
      <c r="H518045" s="12"/>
    </row>
    <row r="518046" spans="8:8">
      <c r="H518046" s="12"/>
    </row>
    <row r="518047" spans="8:8">
      <c r="H518047" s="12"/>
    </row>
    <row r="518048" spans="8:8">
      <c r="H518048" s="12"/>
    </row>
    <row r="518049" spans="8:8">
      <c r="H518049" s="12"/>
    </row>
    <row r="518050" spans="8:8">
      <c r="H518050" s="12"/>
    </row>
    <row r="518051" spans="8:8">
      <c r="H518051" s="12"/>
    </row>
    <row r="518052" spans="8:8">
      <c r="H518052" s="12"/>
    </row>
    <row r="518053" spans="8:8">
      <c r="H518053" s="12"/>
    </row>
    <row r="518054" spans="8:8">
      <c r="H518054" s="12"/>
    </row>
    <row r="518055" spans="8:8">
      <c r="H518055" s="12"/>
    </row>
    <row r="518056" spans="8:8">
      <c r="H518056" s="12"/>
    </row>
    <row r="518057" spans="8:8">
      <c r="H518057" s="12"/>
    </row>
    <row r="518058" spans="8:8">
      <c r="H518058" s="12"/>
    </row>
    <row r="518059" spans="8:8">
      <c r="H518059" s="12"/>
    </row>
    <row r="518060" spans="8:8">
      <c r="H518060" s="12"/>
    </row>
    <row r="518061" spans="8:8">
      <c r="H518061" s="12"/>
    </row>
    <row r="518062" spans="8:8">
      <c r="H518062" s="12"/>
    </row>
    <row r="518063" spans="8:8">
      <c r="H518063" s="12"/>
    </row>
    <row r="518064" spans="8:8">
      <c r="H518064" s="12"/>
    </row>
    <row r="518065" spans="8:8">
      <c r="H518065" s="12"/>
    </row>
    <row r="518066" spans="8:8">
      <c r="H518066" s="12"/>
    </row>
    <row r="518067" spans="8:8">
      <c r="H518067" s="12"/>
    </row>
    <row r="518068" spans="8:8">
      <c r="H518068" s="12"/>
    </row>
    <row r="518069" spans="8:8">
      <c r="H518069" s="12"/>
    </row>
    <row r="518070" spans="8:8">
      <c r="H518070" s="12"/>
    </row>
    <row r="518071" spans="8:8">
      <c r="H518071" s="12"/>
    </row>
    <row r="518072" spans="8:8">
      <c r="H518072" s="12"/>
    </row>
    <row r="518073" spans="8:8">
      <c r="H518073" s="12"/>
    </row>
    <row r="518074" spans="8:8">
      <c r="H518074" s="12"/>
    </row>
    <row r="518075" spans="8:8">
      <c r="H518075" s="12"/>
    </row>
    <row r="518076" spans="8:8">
      <c r="H518076" s="12"/>
    </row>
    <row r="518077" spans="8:8">
      <c r="H518077" s="12"/>
    </row>
    <row r="518078" spans="8:8">
      <c r="H518078" s="12"/>
    </row>
    <row r="518079" spans="8:8">
      <c r="H518079" s="12"/>
    </row>
    <row r="518080" spans="8:8">
      <c r="H518080" s="12"/>
    </row>
    <row r="518081" spans="8:8">
      <c r="H518081" s="12"/>
    </row>
    <row r="518082" spans="8:8">
      <c r="H518082" s="12"/>
    </row>
    <row r="518083" spans="8:8">
      <c r="H518083" s="12"/>
    </row>
    <row r="518084" spans="8:8">
      <c r="H518084" s="12"/>
    </row>
    <row r="518085" spans="8:8">
      <c r="H518085" s="12"/>
    </row>
    <row r="518086" spans="8:8">
      <c r="H518086" s="12"/>
    </row>
    <row r="518087" spans="8:8">
      <c r="H518087" s="12"/>
    </row>
    <row r="518088" spans="8:8">
      <c r="H518088" s="12"/>
    </row>
    <row r="518089" spans="8:8">
      <c r="H518089" s="12"/>
    </row>
    <row r="518090" spans="8:8">
      <c r="H518090" s="12"/>
    </row>
    <row r="518091" spans="8:8">
      <c r="H518091" s="12"/>
    </row>
    <row r="518092" spans="8:8">
      <c r="H518092" s="12"/>
    </row>
    <row r="518093" spans="8:8">
      <c r="H518093" s="12"/>
    </row>
    <row r="518094" spans="8:8">
      <c r="H518094" s="12"/>
    </row>
    <row r="518095" spans="8:8">
      <c r="H518095" s="12"/>
    </row>
    <row r="518096" spans="8:8">
      <c r="H518096" s="12"/>
    </row>
    <row r="518097" spans="8:8">
      <c r="H518097" s="12"/>
    </row>
    <row r="518098" spans="8:8">
      <c r="H518098" s="12"/>
    </row>
    <row r="518099" spans="8:8">
      <c r="H518099" s="12"/>
    </row>
    <row r="518100" spans="8:8">
      <c r="H518100" s="12"/>
    </row>
    <row r="518101" spans="8:8">
      <c r="H518101" s="12"/>
    </row>
    <row r="518102" spans="8:8">
      <c r="H518102" s="12"/>
    </row>
    <row r="518103" spans="8:8">
      <c r="H518103" s="12"/>
    </row>
    <row r="518104" spans="8:8">
      <c r="H518104" s="12"/>
    </row>
    <row r="518105" spans="8:8">
      <c r="H518105" s="12"/>
    </row>
    <row r="518106" spans="8:8">
      <c r="H518106" s="12"/>
    </row>
    <row r="518107" spans="8:8">
      <c r="H518107" s="12"/>
    </row>
    <row r="518108" spans="8:8">
      <c r="H518108" s="12"/>
    </row>
    <row r="518109" spans="8:8">
      <c r="H518109" s="12"/>
    </row>
    <row r="518110" spans="8:8">
      <c r="H518110" s="12"/>
    </row>
    <row r="518111" spans="8:8">
      <c r="H518111" s="12"/>
    </row>
    <row r="518112" spans="8:8">
      <c r="H518112" s="12"/>
    </row>
    <row r="518113" spans="8:8">
      <c r="H518113" s="12"/>
    </row>
    <row r="518114" spans="8:8">
      <c r="H518114" s="12"/>
    </row>
    <row r="518115" spans="8:8">
      <c r="H518115" s="12"/>
    </row>
    <row r="518116" spans="8:8">
      <c r="H518116" s="12"/>
    </row>
    <row r="518117" spans="8:8">
      <c r="H518117" s="12"/>
    </row>
    <row r="518118" spans="8:8">
      <c r="H518118" s="12"/>
    </row>
    <row r="518119" spans="8:8">
      <c r="H518119" s="12"/>
    </row>
    <row r="518120" spans="8:8">
      <c r="H518120" s="12"/>
    </row>
    <row r="518121" spans="8:8">
      <c r="H518121" s="12"/>
    </row>
    <row r="518122" spans="8:8">
      <c r="H518122" s="12"/>
    </row>
    <row r="518123" spans="8:8">
      <c r="H518123" s="12"/>
    </row>
    <row r="518124" spans="8:8">
      <c r="H518124" s="12"/>
    </row>
    <row r="518125" spans="8:8">
      <c r="H518125" s="12"/>
    </row>
    <row r="518126" spans="8:8">
      <c r="H518126" s="12"/>
    </row>
    <row r="518127" spans="8:8">
      <c r="H518127" s="12"/>
    </row>
    <row r="518128" spans="8:8">
      <c r="H518128" s="12"/>
    </row>
    <row r="518129" spans="8:8">
      <c r="H518129" s="12"/>
    </row>
    <row r="518130" spans="8:8">
      <c r="H518130" s="12"/>
    </row>
    <row r="518131" spans="8:8">
      <c r="H518131" s="12"/>
    </row>
    <row r="518132" spans="8:8">
      <c r="H518132" s="12"/>
    </row>
    <row r="518133" spans="8:8">
      <c r="H518133" s="12"/>
    </row>
    <row r="518134" spans="8:8">
      <c r="H518134" s="12"/>
    </row>
    <row r="518135" spans="8:8">
      <c r="H518135" s="12"/>
    </row>
    <row r="518136" spans="8:8">
      <c r="H518136" s="12"/>
    </row>
    <row r="518137" spans="8:8">
      <c r="H518137" s="12"/>
    </row>
    <row r="518138" spans="8:8">
      <c r="H518138" s="12"/>
    </row>
    <row r="518139" spans="8:8">
      <c r="H518139" s="12"/>
    </row>
    <row r="518140" spans="8:8">
      <c r="H518140" s="12"/>
    </row>
    <row r="518141" spans="8:8">
      <c r="H518141" s="12"/>
    </row>
    <row r="518142" spans="8:8">
      <c r="H518142" s="12"/>
    </row>
    <row r="518143" spans="8:8">
      <c r="H518143" s="12"/>
    </row>
    <row r="518144" spans="8:8">
      <c r="H518144" s="12"/>
    </row>
    <row r="518145" spans="8:8">
      <c r="H518145" s="12"/>
    </row>
    <row r="518146" spans="8:8">
      <c r="H518146" s="12"/>
    </row>
    <row r="518147" spans="8:8">
      <c r="H518147" s="12"/>
    </row>
    <row r="518148" spans="8:8">
      <c r="H518148" s="12"/>
    </row>
    <row r="518149" spans="8:8">
      <c r="H518149" s="12"/>
    </row>
    <row r="518150" spans="8:8">
      <c r="H518150" s="12"/>
    </row>
    <row r="518151" spans="8:8">
      <c r="H518151" s="12"/>
    </row>
    <row r="518152" spans="8:8">
      <c r="H518152" s="12"/>
    </row>
    <row r="518153" spans="8:8">
      <c r="H518153" s="12"/>
    </row>
    <row r="518154" spans="8:8">
      <c r="H518154" s="12"/>
    </row>
    <row r="518155" spans="8:8">
      <c r="H518155" s="12"/>
    </row>
    <row r="518156" spans="8:8">
      <c r="H518156" s="12"/>
    </row>
    <row r="518157" spans="8:8">
      <c r="H518157" s="12"/>
    </row>
    <row r="518158" spans="8:8">
      <c r="H518158" s="12"/>
    </row>
    <row r="518159" spans="8:8">
      <c r="H518159" s="12"/>
    </row>
    <row r="518160" spans="8:8">
      <c r="H518160" s="12"/>
    </row>
    <row r="518161" spans="8:8">
      <c r="H518161" s="12"/>
    </row>
    <row r="518162" spans="8:8">
      <c r="H518162" s="12"/>
    </row>
    <row r="518163" spans="8:8">
      <c r="H518163" s="12"/>
    </row>
    <row r="518164" spans="8:8">
      <c r="H518164" s="12"/>
    </row>
    <row r="518165" spans="8:8">
      <c r="H518165" s="12"/>
    </row>
    <row r="518166" spans="8:8">
      <c r="H518166" s="12"/>
    </row>
    <row r="518167" spans="8:8">
      <c r="H518167" s="12"/>
    </row>
    <row r="518168" spans="8:8">
      <c r="H518168" s="12"/>
    </row>
    <row r="518169" spans="8:8">
      <c r="H518169" s="12"/>
    </row>
    <row r="518170" spans="8:8">
      <c r="H518170" s="12"/>
    </row>
    <row r="518171" spans="8:8">
      <c r="H518171" s="12"/>
    </row>
    <row r="518172" spans="8:8">
      <c r="H518172" s="12"/>
    </row>
    <row r="518173" spans="8:8">
      <c r="H518173" s="12"/>
    </row>
    <row r="518174" spans="8:8">
      <c r="H518174" s="12"/>
    </row>
    <row r="518175" spans="8:8">
      <c r="H518175" s="12"/>
    </row>
    <row r="518176" spans="8:8">
      <c r="H518176" s="12"/>
    </row>
    <row r="518177" spans="8:8">
      <c r="H518177" s="12"/>
    </row>
    <row r="518178" spans="8:8">
      <c r="H518178" s="12"/>
    </row>
    <row r="518179" spans="8:8">
      <c r="H518179" s="12"/>
    </row>
    <row r="518180" spans="8:8">
      <c r="H518180" s="12"/>
    </row>
    <row r="518181" spans="8:8">
      <c r="H518181" s="12"/>
    </row>
    <row r="518182" spans="8:8">
      <c r="H518182" s="12"/>
    </row>
    <row r="518183" spans="8:8">
      <c r="H518183" s="12"/>
    </row>
    <row r="518184" spans="8:8">
      <c r="H518184" s="12"/>
    </row>
    <row r="518185" spans="8:8">
      <c r="H518185" s="12"/>
    </row>
    <row r="518186" spans="8:8">
      <c r="H518186" s="12"/>
    </row>
    <row r="518187" spans="8:8">
      <c r="H518187" s="12"/>
    </row>
    <row r="518188" spans="8:8">
      <c r="H518188" s="12"/>
    </row>
    <row r="518189" spans="8:8">
      <c r="H518189" s="12"/>
    </row>
    <row r="518190" spans="8:8">
      <c r="H518190" s="12"/>
    </row>
    <row r="518191" spans="8:8">
      <c r="H518191" s="12"/>
    </row>
    <row r="518192" spans="8:8">
      <c r="H518192" s="12"/>
    </row>
    <row r="518193" spans="8:8">
      <c r="H518193" s="12"/>
    </row>
    <row r="518194" spans="8:8">
      <c r="H518194" s="12"/>
    </row>
    <row r="518195" spans="8:8">
      <c r="H518195" s="12"/>
    </row>
    <row r="518196" spans="8:8">
      <c r="H518196" s="12"/>
    </row>
    <row r="518197" spans="8:8">
      <c r="H518197" s="12"/>
    </row>
    <row r="518198" spans="8:8">
      <c r="H518198" s="12"/>
    </row>
    <row r="518199" spans="8:8">
      <c r="H518199" s="12"/>
    </row>
    <row r="518200" spans="8:8">
      <c r="H518200" s="12"/>
    </row>
    <row r="518201" spans="8:8">
      <c r="H518201" s="12"/>
    </row>
    <row r="518202" spans="8:8">
      <c r="H518202" s="12"/>
    </row>
    <row r="518203" spans="8:8">
      <c r="H518203" s="12"/>
    </row>
    <row r="518204" spans="8:8">
      <c r="H518204" s="12"/>
    </row>
    <row r="518205" spans="8:8">
      <c r="H518205" s="12"/>
    </row>
    <row r="518206" spans="8:8">
      <c r="H518206" s="12"/>
    </row>
    <row r="518207" spans="8:8">
      <c r="H518207" s="12"/>
    </row>
    <row r="518208" spans="8:8">
      <c r="H518208" s="12"/>
    </row>
    <row r="518209" spans="8:8">
      <c r="H518209" s="12"/>
    </row>
    <row r="518210" spans="8:8">
      <c r="H518210" s="12"/>
    </row>
    <row r="518211" spans="8:8">
      <c r="H518211" s="12"/>
    </row>
    <row r="518212" spans="8:8">
      <c r="H518212" s="12"/>
    </row>
    <row r="518213" spans="8:8">
      <c r="H518213" s="12"/>
    </row>
    <row r="518214" spans="8:8">
      <c r="H518214" s="12"/>
    </row>
    <row r="518215" spans="8:8">
      <c r="H518215" s="12"/>
    </row>
    <row r="518216" spans="8:8">
      <c r="H518216" s="12"/>
    </row>
    <row r="518217" spans="8:8">
      <c r="H518217" s="12"/>
    </row>
    <row r="518218" spans="8:8">
      <c r="H518218" s="12"/>
    </row>
    <row r="518219" spans="8:8">
      <c r="H518219" s="12"/>
    </row>
    <row r="518220" spans="8:8">
      <c r="H518220" s="12"/>
    </row>
    <row r="518221" spans="8:8">
      <c r="H518221" s="12"/>
    </row>
    <row r="518222" spans="8:8">
      <c r="H518222" s="12"/>
    </row>
    <row r="518223" spans="8:8">
      <c r="H518223" s="12"/>
    </row>
    <row r="518224" spans="8:8">
      <c r="H518224" s="12"/>
    </row>
    <row r="518225" spans="8:8">
      <c r="H518225" s="12"/>
    </row>
    <row r="518226" spans="8:8">
      <c r="H518226" s="12"/>
    </row>
    <row r="518227" spans="8:8">
      <c r="H518227" s="12"/>
    </row>
    <row r="518228" spans="8:8">
      <c r="H518228" s="12"/>
    </row>
    <row r="518229" spans="8:8">
      <c r="H518229" s="12"/>
    </row>
    <row r="518230" spans="8:8">
      <c r="H518230" s="12"/>
    </row>
    <row r="518231" spans="8:8">
      <c r="H518231" s="12"/>
    </row>
    <row r="518232" spans="8:8">
      <c r="H518232" s="12"/>
    </row>
    <row r="518233" spans="8:8">
      <c r="H518233" s="12"/>
    </row>
    <row r="518234" spans="8:8">
      <c r="H518234" s="12"/>
    </row>
    <row r="518235" spans="8:8">
      <c r="H518235" s="12"/>
    </row>
    <row r="518236" spans="8:8">
      <c r="H518236" s="12"/>
    </row>
    <row r="518237" spans="8:8">
      <c r="H518237" s="12"/>
    </row>
    <row r="518238" spans="8:8">
      <c r="H518238" s="12"/>
    </row>
    <row r="518239" spans="8:8">
      <c r="H518239" s="12"/>
    </row>
    <row r="518240" spans="8:8">
      <c r="H518240" s="12"/>
    </row>
    <row r="518241" spans="8:8">
      <c r="H518241" s="12"/>
    </row>
    <row r="518242" spans="8:8">
      <c r="H518242" s="12"/>
    </row>
    <row r="518243" spans="8:8">
      <c r="H518243" s="12"/>
    </row>
    <row r="518244" spans="8:8">
      <c r="H518244" s="12"/>
    </row>
    <row r="518245" spans="8:8">
      <c r="H518245" s="12"/>
    </row>
    <row r="518246" spans="8:8">
      <c r="H518246" s="12"/>
    </row>
    <row r="518247" spans="8:8">
      <c r="H518247" s="12"/>
    </row>
    <row r="518248" spans="8:8">
      <c r="H518248" s="12"/>
    </row>
    <row r="518249" spans="8:8">
      <c r="H518249" s="12"/>
    </row>
    <row r="518250" spans="8:8">
      <c r="H518250" s="12"/>
    </row>
    <row r="518251" spans="8:8">
      <c r="H518251" s="12"/>
    </row>
    <row r="518252" spans="8:8">
      <c r="H518252" s="12"/>
    </row>
    <row r="518253" spans="8:8">
      <c r="H518253" s="12"/>
    </row>
    <row r="518254" spans="8:8">
      <c r="H518254" s="12"/>
    </row>
    <row r="518255" spans="8:8">
      <c r="H518255" s="12"/>
    </row>
    <row r="518256" spans="8:8">
      <c r="H518256" s="12"/>
    </row>
    <row r="518257" spans="8:8">
      <c r="H518257" s="12"/>
    </row>
    <row r="518258" spans="8:8">
      <c r="H518258" s="12"/>
    </row>
    <row r="518259" spans="8:8">
      <c r="H518259" s="12"/>
    </row>
    <row r="518260" spans="8:8">
      <c r="H518260" s="12"/>
    </row>
    <row r="518261" spans="8:8">
      <c r="H518261" s="12"/>
    </row>
    <row r="518262" spans="8:8">
      <c r="H518262" s="12"/>
    </row>
    <row r="518263" spans="8:8">
      <c r="H518263" s="12"/>
    </row>
    <row r="518264" spans="8:8">
      <c r="H518264" s="12"/>
    </row>
    <row r="518265" spans="8:8">
      <c r="H518265" s="12"/>
    </row>
    <row r="518266" spans="8:8">
      <c r="H518266" s="12"/>
    </row>
    <row r="518267" spans="8:8">
      <c r="H518267" s="12"/>
    </row>
    <row r="518268" spans="8:8">
      <c r="H518268" s="12"/>
    </row>
    <row r="518269" spans="8:8">
      <c r="H518269" s="12"/>
    </row>
    <row r="518270" spans="8:8">
      <c r="H518270" s="12"/>
    </row>
    <row r="518271" spans="8:8">
      <c r="H518271" s="12"/>
    </row>
    <row r="518272" spans="8:8">
      <c r="H518272" s="12"/>
    </row>
    <row r="518273" spans="8:8">
      <c r="H518273" s="12"/>
    </row>
    <row r="518274" spans="8:8">
      <c r="H518274" s="12"/>
    </row>
    <row r="518275" spans="8:8">
      <c r="H518275" s="12"/>
    </row>
    <row r="518276" spans="8:8">
      <c r="H518276" s="12"/>
    </row>
    <row r="518277" spans="8:8">
      <c r="H518277" s="12"/>
    </row>
    <row r="518278" spans="8:8">
      <c r="H518278" s="12"/>
    </row>
    <row r="518279" spans="8:8">
      <c r="H518279" s="12"/>
    </row>
    <row r="518280" spans="8:8">
      <c r="H518280" s="12"/>
    </row>
    <row r="518281" spans="8:8">
      <c r="H518281" s="12"/>
    </row>
    <row r="518282" spans="8:8">
      <c r="H518282" s="12"/>
    </row>
    <row r="518283" spans="8:8">
      <c r="H518283" s="12"/>
    </row>
    <row r="518284" spans="8:8">
      <c r="H518284" s="12"/>
    </row>
    <row r="518285" spans="8:8">
      <c r="H518285" s="12"/>
    </row>
    <row r="518286" spans="8:8">
      <c r="H518286" s="12"/>
    </row>
    <row r="518287" spans="8:8">
      <c r="H518287" s="12"/>
    </row>
    <row r="518288" spans="8:8">
      <c r="H518288" s="12"/>
    </row>
    <row r="518289" spans="8:8">
      <c r="H518289" s="12"/>
    </row>
    <row r="518290" spans="8:8">
      <c r="H518290" s="12"/>
    </row>
    <row r="518291" spans="8:8">
      <c r="H518291" s="12"/>
    </row>
    <row r="518292" spans="8:8">
      <c r="H518292" s="12"/>
    </row>
    <row r="518293" spans="8:8">
      <c r="H518293" s="12"/>
    </row>
    <row r="518294" spans="8:8">
      <c r="H518294" s="12"/>
    </row>
    <row r="518295" spans="8:8">
      <c r="H518295" s="12"/>
    </row>
    <row r="518296" spans="8:8">
      <c r="H518296" s="12"/>
    </row>
    <row r="518297" spans="8:8">
      <c r="H518297" s="12"/>
    </row>
    <row r="518298" spans="8:8">
      <c r="H518298" s="12"/>
    </row>
    <row r="518299" spans="8:8">
      <c r="H518299" s="12"/>
    </row>
    <row r="518300" spans="8:8">
      <c r="H518300" s="12"/>
    </row>
    <row r="518301" spans="8:8">
      <c r="H518301" s="12"/>
    </row>
    <row r="518302" spans="8:8">
      <c r="H518302" s="12"/>
    </row>
    <row r="518303" spans="8:8">
      <c r="H518303" s="12"/>
    </row>
    <row r="518304" spans="8:8">
      <c r="H518304" s="12"/>
    </row>
    <row r="518305" spans="8:8">
      <c r="H518305" s="12"/>
    </row>
    <row r="518306" spans="8:8">
      <c r="H518306" s="12"/>
    </row>
    <row r="518307" spans="8:8">
      <c r="H518307" s="12"/>
    </row>
    <row r="518308" spans="8:8">
      <c r="H518308" s="12"/>
    </row>
    <row r="518309" spans="8:8">
      <c r="H518309" s="12"/>
    </row>
    <row r="518310" spans="8:8">
      <c r="H518310" s="12"/>
    </row>
    <row r="518311" spans="8:8">
      <c r="H518311" s="12"/>
    </row>
    <row r="518312" spans="8:8">
      <c r="H518312" s="12"/>
    </row>
    <row r="518313" spans="8:8">
      <c r="H518313" s="12"/>
    </row>
    <row r="518314" spans="8:8">
      <c r="H518314" s="12"/>
    </row>
    <row r="518315" spans="8:8">
      <c r="H518315" s="12"/>
    </row>
    <row r="518316" spans="8:8">
      <c r="H518316" s="12"/>
    </row>
    <row r="518317" spans="8:8">
      <c r="H518317" s="12"/>
    </row>
    <row r="518318" spans="8:8">
      <c r="H518318" s="12"/>
    </row>
    <row r="518319" spans="8:8">
      <c r="H518319" s="12"/>
    </row>
    <row r="518320" spans="8:8">
      <c r="H518320" s="12"/>
    </row>
    <row r="518321" spans="8:8">
      <c r="H518321" s="12"/>
    </row>
    <row r="518322" spans="8:8">
      <c r="H518322" s="12"/>
    </row>
    <row r="518323" spans="8:8">
      <c r="H518323" s="12"/>
    </row>
    <row r="518324" spans="8:8">
      <c r="H518324" s="12"/>
    </row>
    <row r="518325" spans="8:8">
      <c r="H518325" s="12"/>
    </row>
    <row r="518326" spans="8:8">
      <c r="H518326" s="12"/>
    </row>
    <row r="518327" spans="8:8">
      <c r="H518327" s="12"/>
    </row>
    <row r="518328" spans="8:8">
      <c r="H518328" s="12"/>
    </row>
    <row r="518329" spans="8:8">
      <c r="H518329" s="12"/>
    </row>
    <row r="518330" spans="8:8">
      <c r="H518330" s="12"/>
    </row>
    <row r="518331" spans="8:8">
      <c r="H518331" s="12"/>
    </row>
    <row r="518332" spans="8:8">
      <c r="H518332" s="12"/>
    </row>
    <row r="518333" spans="8:8">
      <c r="H518333" s="12"/>
    </row>
    <row r="518334" spans="8:8">
      <c r="H518334" s="12"/>
    </row>
    <row r="518335" spans="8:8">
      <c r="H518335" s="12"/>
    </row>
    <row r="518336" spans="8:8">
      <c r="H518336" s="12"/>
    </row>
    <row r="518337" spans="8:8">
      <c r="H518337" s="12"/>
    </row>
    <row r="518338" spans="8:8">
      <c r="H518338" s="12"/>
    </row>
    <row r="518339" spans="8:8">
      <c r="H518339" s="12"/>
    </row>
    <row r="518340" spans="8:8">
      <c r="H518340" s="12"/>
    </row>
    <row r="518341" spans="8:8">
      <c r="H518341" s="12"/>
    </row>
    <row r="518342" spans="8:8">
      <c r="H518342" s="12"/>
    </row>
    <row r="518343" spans="8:8">
      <c r="H518343" s="12"/>
    </row>
    <row r="518344" spans="8:8">
      <c r="H518344" s="12"/>
    </row>
    <row r="518345" spans="8:8">
      <c r="H518345" s="12"/>
    </row>
    <row r="518346" spans="8:8">
      <c r="H518346" s="12"/>
    </row>
    <row r="518347" spans="8:8">
      <c r="H518347" s="12"/>
    </row>
    <row r="518348" spans="8:8">
      <c r="H518348" s="12"/>
    </row>
    <row r="518349" spans="8:8">
      <c r="H518349" s="12"/>
    </row>
    <row r="518350" spans="8:8">
      <c r="H518350" s="12"/>
    </row>
    <row r="518351" spans="8:8">
      <c r="H518351" s="12"/>
    </row>
    <row r="518352" spans="8:8">
      <c r="H518352" s="12"/>
    </row>
    <row r="518353" spans="8:8">
      <c r="H518353" s="12"/>
    </row>
    <row r="518354" spans="8:8">
      <c r="H518354" s="12"/>
    </row>
    <row r="518355" spans="8:8">
      <c r="H518355" s="12"/>
    </row>
    <row r="518356" spans="8:8">
      <c r="H518356" s="12"/>
    </row>
    <row r="518357" spans="8:8">
      <c r="H518357" s="12"/>
    </row>
    <row r="518358" spans="8:8">
      <c r="H518358" s="12"/>
    </row>
    <row r="518359" spans="8:8">
      <c r="H518359" s="12"/>
    </row>
    <row r="518360" spans="8:8">
      <c r="H518360" s="12"/>
    </row>
    <row r="518361" spans="8:8">
      <c r="H518361" s="12"/>
    </row>
    <row r="518362" spans="8:8">
      <c r="H518362" s="12"/>
    </row>
    <row r="518363" spans="8:8">
      <c r="H518363" s="12"/>
    </row>
    <row r="518364" spans="8:8">
      <c r="H518364" s="12"/>
    </row>
    <row r="518365" spans="8:8">
      <c r="H518365" s="12"/>
    </row>
    <row r="518366" spans="8:8">
      <c r="H518366" s="12"/>
    </row>
    <row r="518367" spans="8:8">
      <c r="H518367" s="12"/>
    </row>
    <row r="518368" spans="8:8">
      <c r="H518368" s="12"/>
    </row>
    <row r="518369" spans="8:8">
      <c r="H518369" s="12"/>
    </row>
    <row r="518370" spans="8:8">
      <c r="H518370" s="12"/>
    </row>
    <row r="518371" spans="8:8">
      <c r="H518371" s="12"/>
    </row>
    <row r="518372" spans="8:8">
      <c r="H518372" s="12"/>
    </row>
    <row r="518373" spans="8:8">
      <c r="H518373" s="12"/>
    </row>
    <row r="518374" spans="8:8">
      <c r="H518374" s="12"/>
    </row>
    <row r="518375" spans="8:8">
      <c r="H518375" s="12"/>
    </row>
    <row r="518376" spans="8:8">
      <c r="H518376" s="12"/>
    </row>
    <row r="518377" spans="8:8">
      <c r="H518377" s="12"/>
    </row>
    <row r="518378" spans="8:8">
      <c r="H518378" s="12"/>
    </row>
    <row r="518379" spans="8:8">
      <c r="H518379" s="12"/>
    </row>
    <row r="518380" spans="8:8">
      <c r="H518380" s="12"/>
    </row>
    <row r="518381" spans="8:8">
      <c r="H518381" s="12"/>
    </row>
    <row r="518382" spans="8:8">
      <c r="H518382" s="12"/>
    </row>
    <row r="518383" spans="8:8">
      <c r="H518383" s="12"/>
    </row>
    <row r="518384" spans="8:8">
      <c r="H518384" s="12"/>
    </row>
    <row r="518385" spans="8:8">
      <c r="H518385" s="12"/>
    </row>
    <row r="518386" spans="8:8">
      <c r="H518386" s="12"/>
    </row>
    <row r="518387" spans="8:8">
      <c r="H518387" s="12"/>
    </row>
    <row r="518388" spans="8:8">
      <c r="H518388" s="12"/>
    </row>
    <row r="518389" spans="8:8">
      <c r="H518389" s="12"/>
    </row>
    <row r="518390" spans="8:8">
      <c r="H518390" s="12"/>
    </row>
    <row r="518391" spans="8:8">
      <c r="H518391" s="12"/>
    </row>
    <row r="518392" spans="8:8">
      <c r="H518392" s="12"/>
    </row>
    <row r="518393" spans="8:8">
      <c r="H518393" s="12"/>
    </row>
    <row r="518394" spans="8:8">
      <c r="H518394" s="12"/>
    </row>
    <row r="518395" spans="8:8">
      <c r="H518395" s="12"/>
    </row>
    <row r="518396" spans="8:8">
      <c r="H518396" s="12"/>
    </row>
    <row r="518397" spans="8:8">
      <c r="H518397" s="12"/>
    </row>
    <row r="518398" spans="8:8">
      <c r="H518398" s="12"/>
    </row>
    <row r="518399" spans="8:8">
      <c r="H518399" s="12"/>
    </row>
    <row r="518400" spans="8:8">
      <c r="H518400" s="12"/>
    </row>
    <row r="518401" spans="8:8">
      <c r="H518401" s="12"/>
    </row>
    <row r="518402" spans="8:8">
      <c r="H518402" s="12"/>
    </row>
    <row r="518403" spans="8:8">
      <c r="H518403" s="12"/>
    </row>
    <row r="518404" spans="8:8">
      <c r="H518404" s="12"/>
    </row>
    <row r="518405" spans="8:8">
      <c r="H518405" s="12"/>
    </row>
    <row r="518406" spans="8:8">
      <c r="H518406" s="12"/>
    </row>
    <row r="518407" spans="8:8">
      <c r="H518407" s="12"/>
    </row>
    <row r="518408" spans="8:8">
      <c r="H518408" s="12"/>
    </row>
    <row r="518409" spans="8:8">
      <c r="H518409" s="12"/>
    </row>
    <row r="518410" spans="8:8">
      <c r="H518410" s="12"/>
    </row>
    <row r="518411" spans="8:8">
      <c r="H518411" s="12"/>
    </row>
    <row r="518412" spans="8:8">
      <c r="H518412" s="12"/>
    </row>
    <row r="518413" spans="8:8">
      <c r="H518413" s="12"/>
    </row>
    <row r="518414" spans="8:8">
      <c r="H518414" s="12"/>
    </row>
    <row r="518415" spans="8:8">
      <c r="H518415" s="12"/>
    </row>
    <row r="518416" spans="8:8">
      <c r="H518416" s="12"/>
    </row>
    <row r="518417" spans="8:8">
      <c r="H518417" s="12"/>
    </row>
    <row r="518418" spans="8:8">
      <c r="H518418" s="12"/>
    </row>
    <row r="518419" spans="8:8">
      <c r="H518419" s="12"/>
    </row>
    <row r="518420" spans="8:8">
      <c r="H518420" s="12"/>
    </row>
    <row r="518421" spans="8:8">
      <c r="H518421" s="12"/>
    </row>
    <row r="518422" spans="8:8">
      <c r="H518422" s="12"/>
    </row>
    <row r="518423" spans="8:8">
      <c r="H518423" s="12"/>
    </row>
    <row r="518424" spans="8:8">
      <c r="H518424" s="12"/>
    </row>
    <row r="518425" spans="8:8">
      <c r="H518425" s="12"/>
    </row>
    <row r="518426" spans="8:8">
      <c r="H518426" s="12"/>
    </row>
    <row r="518427" spans="8:8">
      <c r="H518427" s="12"/>
    </row>
    <row r="518428" spans="8:8">
      <c r="H518428" s="12"/>
    </row>
    <row r="518429" spans="8:8">
      <c r="H518429" s="12"/>
    </row>
    <row r="518430" spans="8:8">
      <c r="H518430" s="12"/>
    </row>
    <row r="518431" spans="8:8">
      <c r="H518431" s="12"/>
    </row>
    <row r="518432" spans="8:8">
      <c r="H518432" s="12"/>
    </row>
    <row r="518433" spans="8:8">
      <c r="H518433" s="12"/>
    </row>
    <row r="518434" spans="8:8">
      <c r="H518434" s="12"/>
    </row>
    <row r="518435" spans="8:8">
      <c r="H518435" s="12"/>
    </row>
    <row r="518436" spans="8:8">
      <c r="H518436" s="12"/>
    </row>
    <row r="518437" spans="8:8">
      <c r="H518437" s="12"/>
    </row>
    <row r="518438" spans="8:8">
      <c r="H518438" s="12"/>
    </row>
    <row r="518439" spans="8:8">
      <c r="H518439" s="12"/>
    </row>
    <row r="518440" spans="8:8">
      <c r="H518440" s="12"/>
    </row>
    <row r="518441" spans="8:8">
      <c r="H518441" s="12"/>
    </row>
    <row r="518442" spans="8:8">
      <c r="H518442" s="12"/>
    </row>
    <row r="518443" spans="8:8">
      <c r="H518443" s="12"/>
    </row>
    <row r="518444" spans="8:8">
      <c r="H518444" s="12"/>
    </row>
    <row r="518445" spans="8:8">
      <c r="H518445" s="12"/>
    </row>
    <row r="518446" spans="8:8">
      <c r="H518446" s="12"/>
    </row>
    <row r="518447" spans="8:8">
      <c r="H518447" s="12"/>
    </row>
    <row r="518448" spans="8:8">
      <c r="H518448" s="12"/>
    </row>
    <row r="518449" spans="8:8">
      <c r="H518449" s="12"/>
    </row>
    <row r="518450" spans="8:8">
      <c r="H518450" s="12"/>
    </row>
    <row r="518451" spans="8:8">
      <c r="H518451" s="12"/>
    </row>
    <row r="518452" spans="8:8">
      <c r="H518452" s="12"/>
    </row>
    <row r="518453" spans="8:8">
      <c r="H518453" s="12"/>
    </row>
    <row r="518454" spans="8:8">
      <c r="H518454" s="12"/>
    </row>
    <row r="518455" spans="8:8">
      <c r="H518455" s="12"/>
    </row>
    <row r="518456" spans="8:8">
      <c r="H518456" s="12"/>
    </row>
    <row r="518457" spans="8:8">
      <c r="H518457" s="12"/>
    </row>
    <row r="518458" spans="8:8">
      <c r="H518458" s="12"/>
    </row>
    <row r="518459" spans="8:8">
      <c r="H518459" s="12"/>
    </row>
    <row r="518460" spans="8:8">
      <c r="H518460" s="12"/>
    </row>
    <row r="518461" spans="8:8">
      <c r="H518461" s="12"/>
    </row>
    <row r="518462" spans="8:8">
      <c r="H518462" s="12"/>
    </row>
    <row r="518463" spans="8:8">
      <c r="H518463" s="12"/>
    </row>
    <row r="518464" spans="8:8">
      <c r="H518464" s="12"/>
    </row>
    <row r="518465" spans="8:8">
      <c r="H518465" s="12"/>
    </row>
    <row r="518466" spans="8:8">
      <c r="H518466" s="12"/>
    </row>
    <row r="518467" spans="8:8">
      <c r="H518467" s="12"/>
    </row>
    <row r="518468" spans="8:8">
      <c r="H518468" s="12"/>
    </row>
    <row r="518469" spans="8:8">
      <c r="H518469" s="12"/>
    </row>
    <row r="518470" spans="8:8">
      <c r="H518470" s="12"/>
    </row>
    <row r="518471" spans="8:8">
      <c r="H518471" s="12"/>
    </row>
    <row r="518472" spans="8:8">
      <c r="H518472" s="12"/>
    </row>
    <row r="518473" spans="8:8">
      <c r="H518473" s="12"/>
    </row>
    <row r="518474" spans="8:8">
      <c r="H518474" s="12"/>
    </row>
    <row r="518475" spans="8:8">
      <c r="H518475" s="12"/>
    </row>
    <row r="518476" spans="8:8">
      <c r="H518476" s="12"/>
    </row>
    <row r="518477" spans="8:8">
      <c r="H518477" s="12"/>
    </row>
    <row r="518478" spans="8:8">
      <c r="H518478" s="12"/>
    </row>
    <row r="518479" spans="8:8">
      <c r="H518479" s="12"/>
    </row>
    <row r="518480" spans="8:8">
      <c r="H518480" s="12"/>
    </row>
    <row r="518481" spans="8:8">
      <c r="H518481" s="12"/>
    </row>
    <row r="518482" spans="8:8">
      <c r="H518482" s="12"/>
    </row>
    <row r="518483" spans="8:8">
      <c r="H518483" s="12"/>
    </row>
    <row r="518484" spans="8:8">
      <c r="H518484" s="12"/>
    </row>
    <row r="518485" spans="8:8">
      <c r="H518485" s="12"/>
    </row>
    <row r="518486" spans="8:8">
      <c r="H518486" s="12"/>
    </row>
    <row r="518487" spans="8:8">
      <c r="H518487" s="12"/>
    </row>
    <row r="518488" spans="8:8">
      <c r="H518488" s="12"/>
    </row>
    <row r="518489" spans="8:8">
      <c r="H518489" s="12"/>
    </row>
    <row r="518490" spans="8:8">
      <c r="H518490" s="12"/>
    </row>
    <row r="518491" spans="8:8">
      <c r="H518491" s="12"/>
    </row>
    <row r="518492" spans="8:8">
      <c r="H518492" s="12"/>
    </row>
    <row r="518493" spans="8:8">
      <c r="H518493" s="12"/>
    </row>
    <row r="518494" spans="8:8">
      <c r="H518494" s="12"/>
    </row>
    <row r="518495" spans="8:8">
      <c r="H518495" s="12"/>
    </row>
    <row r="518496" spans="8:8">
      <c r="H518496" s="12"/>
    </row>
    <row r="518497" spans="8:8">
      <c r="H518497" s="12"/>
    </row>
    <row r="518498" spans="8:8">
      <c r="H518498" s="12"/>
    </row>
    <row r="518499" spans="8:8">
      <c r="H518499" s="12"/>
    </row>
    <row r="518500" spans="8:8">
      <c r="H518500" s="12"/>
    </row>
    <row r="518501" spans="8:8">
      <c r="H518501" s="12"/>
    </row>
    <row r="518502" spans="8:8">
      <c r="H518502" s="12"/>
    </row>
    <row r="518503" spans="8:8">
      <c r="H518503" s="12"/>
    </row>
    <row r="518504" spans="8:8">
      <c r="H518504" s="12"/>
    </row>
    <row r="518505" spans="8:8">
      <c r="H518505" s="12"/>
    </row>
    <row r="518506" spans="8:8">
      <c r="H518506" s="12"/>
    </row>
    <row r="518507" spans="8:8">
      <c r="H518507" s="12"/>
    </row>
    <row r="518508" spans="8:8">
      <c r="H518508" s="12"/>
    </row>
    <row r="518509" spans="8:8">
      <c r="H518509" s="12"/>
    </row>
    <row r="518510" spans="8:8">
      <c r="H518510" s="12"/>
    </row>
    <row r="518511" spans="8:8">
      <c r="H518511" s="12"/>
    </row>
    <row r="518512" spans="8:8">
      <c r="H518512" s="12"/>
    </row>
    <row r="518513" spans="8:8">
      <c r="H518513" s="12"/>
    </row>
    <row r="518514" spans="8:8">
      <c r="H518514" s="12"/>
    </row>
    <row r="518515" spans="8:8">
      <c r="H518515" s="12"/>
    </row>
    <row r="518516" spans="8:8">
      <c r="H518516" s="12"/>
    </row>
    <row r="518517" spans="8:8">
      <c r="H518517" s="12"/>
    </row>
    <row r="518518" spans="8:8">
      <c r="H518518" s="12"/>
    </row>
    <row r="518519" spans="8:8">
      <c r="H518519" s="12"/>
    </row>
    <row r="518520" spans="8:8">
      <c r="H518520" s="12"/>
    </row>
    <row r="518521" spans="8:8">
      <c r="H518521" s="12"/>
    </row>
    <row r="518522" spans="8:8">
      <c r="H518522" s="12"/>
    </row>
    <row r="518523" spans="8:8">
      <c r="H518523" s="12"/>
    </row>
    <row r="518524" spans="8:8">
      <c r="H518524" s="12"/>
    </row>
    <row r="518525" spans="8:8">
      <c r="H518525" s="12"/>
    </row>
    <row r="518526" spans="8:8">
      <c r="H518526" s="12"/>
    </row>
    <row r="518527" spans="8:8">
      <c r="H518527" s="12"/>
    </row>
    <row r="518528" spans="8:8">
      <c r="H518528" s="12"/>
    </row>
    <row r="518529" spans="8:8">
      <c r="H518529" s="12"/>
    </row>
    <row r="518530" spans="8:8">
      <c r="H518530" s="12"/>
    </row>
    <row r="518531" spans="8:8">
      <c r="H518531" s="12"/>
    </row>
    <row r="518532" spans="8:8">
      <c r="H518532" s="12"/>
    </row>
    <row r="518533" spans="8:8">
      <c r="H518533" s="12"/>
    </row>
    <row r="518534" spans="8:8">
      <c r="H518534" s="12"/>
    </row>
    <row r="518535" spans="8:8">
      <c r="H518535" s="12"/>
    </row>
    <row r="518536" spans="8:8">
      <c r="H518536" s="12"/>
    </row>
    <row r="518537" spans="8:8">
      <c r="H518537" s="12"/>
    </row>
    <row r="518538" spans="8:8">
      <c r="H518538" s="12"/>
    </row>
    <row r="518539" spans="8:8">
      <c r="H518539" s="12"/>
    </row>
    <row r="518540" spans="8:8">
      <c r="H518540" s="12"/>
    </row>
    <row r="518541" spans="8:8">
      <c r="H518541" s="12"/>
    </row>
    <row r="518542" spans="8:8">
      <c r="H518542" s="12"/>
    </row>
    <row r="518543" spans="8:8">
      <c r="H518543" s="12"/>
    </row>
    <row r="518544" spans="8:8">
      <c r="H518544" s="12"/>
    </row>
    <row r="518545" spans="8:8">
      <c r="H518545" s="12"/>
    </row>
    <row r="518546" spans="8:8">
      <c r="H518546" s="12"/>
    </row>
    <row r="518547" spans="8:8">
      <c r="H518547" s="12"/>
    </row>
    <row r="518548" spans="8:8">
      <c r="H518548" s="12"/>
    </row>
    <row r="518549" spans="8:8">
      <c r="H518549" s="12"/>
    </row>
    <row r="518550" spans="8:8">
      <c r="H518550" s="12"/>
    </row>
    <row r="518551" spans="8:8">
      <c r="H518551" s="12"/>
    </row>
    <row r="518552" spans="8:8">
      <c r="H518552" s="12"/>
    </row>
    <row r="518553" spans="8:8">
      <c r="H518553" s="12"/>
    </row>
    <row r="518554" spans="8:8">
      <c r="H518554" s="12"/>
    </row>
    <row r="518555" spans="8:8">
      <c r="H518555" s="12"/>
    </row>
    <row r="518556" spans="8:8">
      <c r="H518556" s="12"/>
    </row>
    <row r="518557" spans="8:8">
      <c r="H518557" s="12"/>
    </row>
    <row r="518558" spans="8:8">
      <c r="H518558" s="12"/>
    </row>
    <row r="518559" spans="8:8">
      <c r="H518559" s="12"/>
    </row>
    <row r="518560" spans="8:8">
      <c r="H518560" s="12"/>
    </row>
    <row r="518561" spans="8:8">
      <c r="H518561" s="12"/>
    </row>
    <row r="518562" spans="8:8">
      <c r="H518562" s="12"/>
    </row>
    <row r="518563" spans="8:8">
      <c r="H518563" s="12"/>
    </row>
    <row r="518564" spans="8:8">
      <c r="H518564" s="12"/>
    </row>
    <row r="518565" spans="8:8">
      <c r="H518565" s="12"/>
    </row>
    <row r="518566" spans="8:8">
      <c r="H518566" s="12"/>
    </row>
    <row r="518567" spans="8:8">
      <c r="H518567" s="12"/>
    </row>
    <row r="518568" spans="8:8">
      <c r="H518568" s="12"/>
    </row>
    <row r="518569" spans="8:8">
      <c r="H518569" s="12"/>
    </row>
    <row r="518570" spans="8:8">
      <c r="H518570" s="12"/>
    </row>
    <row r="518571" spans="8:8">
      <c r="H518571" s="12"/>
    </row>
    <row r="518572" spans="8:8">
      <c r="H518572" s="12"/>
    </row>
    <row r="518573" spans="8:8">
      <c r="H518573" s="12"/>
    </row>
    <row r="518574" spans="8:8">
      <c r="H518574" s="12"/>
    </row>
    <row r="518575" spans="8:8">
      <c r="H518575" s="12"/>
    </row>
    <row r="518576" spans="8:8">
      <c r="H518576" s="12"/>
    </row>
    <row r="518577" spans="8:8">
      <c r="H518577" s="12"/>
    </row>
    <row r="518578" spans="8:8">
      <c r="H518578" s="12"/>
    </row>
    <row r="518579" spans="8:8">
      <c r="H518579" s="12"/>
    </row>
    <row r="518580" spans="8:8">
      <c r="H518580" s="12"/>
    </row>
    <row r="518581" spans="8:8">
      <c r="H518581" s="12"/>
    </row>
    <row r="518582" spans="8:8">
      <c r="H518582" s="12"/>
    </row>
    <row r="518583" spans="8:8">
      <c r="H518583" s="12"/>
    </row>
    <row r="518584" spans="8:8">
      <c r="H518584" s="12"/>
    </row>
    <row r="518585" spans="8:8">
      <c r="H518585" s="12"/>
    </row>
    <row r="518586" spans="8:8">
      <c r="H518586" s="12"/>
    </row>
    <row r="518587" spans="8:8">
      <c r="H518587" s="12"/>
    </row>
    <row r="518588" spans="8:8">
      <c r="H518588" s="12"/>
    </row>
    <row r="518589" spans="8:8">
      <c r="H518589" s="12"/>
    </row>
    <row r="518590" spans="8:8">
      <c r="H518590" s="12"/>
    </row>
    <row r="518591" spans="8:8">
      <c r="H518591" s="12"/>
    </row>
    <row r="518592" spans="8:8">
      <c r="H518592" s="12"/>
    </row>
    <row r="518593" spans="8:8">
      <c r="H518593" s="12"/>
    </row>
    <row r="518594" spans="8:8">
      <c r="H518594" s="12"/>
    </row>
    <row r="518595" spans="8:8">
      <c r="H518595" s="12"/>
    </row>
    <row r="518596" spans="8:8">
      <c r="H518596" s="12"/>
    </row>
    <row r="518597" spans="8:8">
      <c r="H518597" s="12"/>
    </row>
    <row r="518598" spans="8:8">
      <c r="H518598" s="12"/>
    </row>
    <row r="518599" spans="8:8">
      <c r="H518599" s="12"/>
    </row>
    <row r="518600" spans="8:8">
      <c r="H518600" s="12"/>
    </row>
    <row r="518601" spans="8:8">
      <c r="H518601" s="12"/>
    </row>
    <row r="518602" spans="8:8">
      <c r="H518602" s="12"/>
    </row>
    <row r="518603" spans="8:8">
      <c r="H518603" s="12"/>
    </row>
    <row r="518604" spans="8:8">
      <c r="H518604" s="12"/>
    </row>
    <row r="518605" spans="8:8">
      <c r="H518605" s="12"/>
    </row>
    <row r="518606" spans="8:8">
      <c r="H518606" s="12"/>
    </row>
    <row r="518607" spans="8:8">
      <c r="H518607" s="12"/>
    </row>
    <row r="518608" spans="8:8">
      <c r="H518608" s="12"/>
    </row>
    <row r="518609" spans="8:8">
      <c r="H518609" s="12"/>
    </row>
    <row r="518610" spans="8:8">
      <c r="H518610" s="12"/>
    </row>
    <row r="518611" spans="8:8">
      <c r="H518611" s="12"/>
    </row>
    <row r="518612" spans="8:8">
      <c r="H518612" s="12"/>
    </row>
    <row r="518613" spans="8:8">
      <c r="H518613" s="12"/>
    </row>
    <row r="518614" spans="8:8">
      <c r="H518614" s="12"/>
    </row>
    <row r="518615" spans="8:8">
      <c r="H518615" s="12"/>
    </row>
    <row r="518616" spans="8:8">
      <c r="H518616" s="12"/>
    </row>
    <row r="518617" spans="8:8">
      <c r="H518617" s="12"/>
    </row>
    <row r="518618" spans="8:8">
      <c r="H518618" s="12"/>
    </row>
    <row r="518619" spans="8:8">
      <c r="H518619" s="12"/>
    </row>
    <row r="518620" spans="8:8">
      <c r="H518620" s="12"/>
    </row>
    <row r="518621" spans="8:8">
      <c r="H518621" s="12"/>
    </row>
    <row r="518622" spans="8:8">
      <c r="H518622" s="12"/>
    </row>
    <row r="518623" spans="8:8">
      <c r="H518623" s="12"/>
    </row>
    <row r="518624" spans="8:8">
      <c r="H518624" s="12"/>
    </row>
    <row r="518625" spans="8:8">
      <c r="H518625" s="12"/>
    </row>
    <row r="518626" spans="8:8">
      <c r="H518626" s="12"/>
    </row>
    <row r="518627" spans="8:8">
      <c r="H518627" s="12"/>
    </row>
    <row r="518628" spans="8:8">
      <c r="H518628" s="12"/>
    </row>
    <row r="518629" spans="8:8">
      <c r="H518629" s="12"/>
    </row>
    <row r="518630" spans="8:8">
      <c r="H518630" s="12"/>
    </row>
    <row r="518631" spans="8:8">
      <c r="H518631" s="12"/>
    </row>
    <row r="518632" spans="8:8">
      <c r="H518632" s="12"/>
    </row>
    <row r="518633" spans="8:8">
      <c r="H518633" s="12"/>
    </row>
    <row r="518634" spans="8:8">
      <c r="H518634" s="12"/>
    </row>
    <row r="518635" spans="8:8">
      <c r="H518635" s="12"/>
    </row>
    <row r="518636" spans="8:8">
      <c r="H518636" s="12"/>
    </row>
    <row r="518637" spans="8:8">
      <c r="H518637" s="12"/>
    </row>
    <row r="518638" spans="8:8">
      <c r="H518638" s="12"/>
    </row>
    <row r="518639" spans="8:8">
      <c r="H518639" s="12"/>
    </row>
    <row r="518640" spans="8:8">
      <c r="H518640" s="12"/>
    </row>
    <row r="518641" spans="8:8">
      <c r="H518641" s="12"/>
    </row>
    <row r="518642" spans="8:8">
      <c r="H518642" s="12"/>
    </row>
    <row r="518643" spans="8:8">
      <c r="H518643" s="12"/>
    </row>
    <row r="518644" spans="8:8">
      <c r="H518644" s="12"/>
    </row>
    <row r="518645" spans="8:8">
      <c r="H518645" s="12"/>
    </row>
    <row r="518646" spans="8:8">
      <c r="H518646" s="12"/>
    </row>
    <row r="518647" spans="8:8">
      <c r="H518647" s="12"/>
    </row>
    <row r="518648" spans="8:8">
      <c r="H518648" s="12"/>
    </row>
    <row r="518649" spans="8:8">
      <c r="H518649" s="12"/>
    </row>
    <row r="518650" spans="8:8">
      <c r="H518650" s="12"/>
    </row>
    <row r="518651" spans="8:8">
      <c r="H518651" s="12"/>
    </row>
    <row r="518652" spans="8:8">
      <c r="H518652" s="12"/>
    </row>
    <row r="518653" spans="8:8">
      <c r="H518653" s="12"/>
    </row>
    <row r="518654" spans="8:8">
      <c r="H518654" s="12"/>
    </row>
    <row r="518655" spans="8:8">
      <c r="H518655" s="12"/>
    </row>
    <row r="518656" spans="8:8">
      <c r="H518656" s="12"/>
    </row>
    <row r="518657" spans="8:8">
      <c r="H518657" s="12"/>
    </row>
    <row r="518658" spans="8:8">
      <c r="H518658" s="12"/>
    </row>
    <row r="518659" spans="8:8">
      <c r="H518659" s="12"/>
    </row>
    <row r="518660" spans="8:8">
      <c r="H518660" s="12"/>
    </row>
    <row r="518661" spans="8:8">
      <c r="H518661" s="12"/>
    </row>
    <row r="518662" spans="8:8">
      <c r="H518662" s="12"/>
    </row>
    <row r="518663" spans="8:8">
      <c r="H518663" s="12"/>
    </row>
    <row r="518664" spans="8:8">
      <c r="H518664" s="12"/>
    </row>
    <row r="518665" spans="8:8">
      <c r="H518665" s="12"/>
    </row>
    <row r="518666" spans="8:8">
      <c r="H518666" s="12"/>
    </row>
    <row r="518667" spans="8:8">
      <c r="H518667" s="12"/>
    </row>
    <row r="518668" spans="8:8">
      <c r="H518668" s="12"/>
    </row>
    <row r="518669" spans="8:8">
      <c r="H518669" s="12"/>
    </row>
    <row r="518670" spans="8:8">
      <c r="H518670" s="12"/>
    </row>
    <row r="518671" spans="8:8">
      <c r="H518671" s="12"/>
    </row>
    <row r="518672" spans="8:8">
      <c r="H518672" s="12"/>
    </row>
    <row r="518673" spans="8:8">
      <c r="H518673" s="12"/>
    </row>
    <row r="518674" spans="8:8">
      <c r="H518674" s="12"/>
    </row>
    <row r="518675" spans="8:8">
      <c r="H518675" s="12"/>
    </row>
    <row r="518676" spans="8:8">
      <c r="H518676" s="12"/>
    </row>
    <row r="518677" spans="8:8">
      <c r="H518677" s="12"/>
    </row>
    <row r="518678" spans="8:8">
      <c r="H518678" s="12"/>
    </row>
    <row r="518679" spans="8:8">
      <c r="H518679" s="12"/>
    </row>
    <row r="518680" spans="8:8">
      <c r="H518680" s="12"/>
    </row>
    <row r="518681" spans="8:8">
      <c r="H518681" s="12"/>
    </row>
    <row r="518682" spans="8:8">
      <c r="H518682" s="12"/>
    </row>
    <row r="518683" spans="8:8">
      <c r="H518683" s="12"/>
    </row>
    <row r="518684" spans="8:8">
      <c r="H518684" s="12"/>
    </row>
    <row r="518685" spans="8:8">
      <c r="H518685" s="12"/>
    </row>
    <row r="518686" spans="8:8">
      <c r="H518686" s="12"/>
    </row>
    <row r="518687" spans="8:8">
      <c r="H518687" s="12"/>
    </row>
    <row r="518688" spans="8:8">
      <c r="H518688" s="12"/>
    </row>
    <row r="518689" spans="8:8">
      <c r="H518689" s="12"/>
    </row>
    <row r="518690" spans="8:8">
      <c r="H518690" s="12"/>
    </row>
    <row r="518691" spans="8:8">
      <c r="H518691" s="12"/>
    </row>
    <row r="518692" spans="8:8">
      <c r="H518692" s="12"/>
    </row>
    <row r="518693" spans="8:8">
      <c r="H518693" s="12"/>
    </row>
    <row r="518694" spans="8:8">
      <c r="H518694" s="12"/>
    </row>
    <row r="518695" spans="8:8">
      <c r="H518695" s="12"/>
    </row>
    <row r="518696" spans="8:8">
      <c r="H518696" s="12"/>
    </row>
    <row r="518697" spans="8:8">
      <c r="H518697" s="12"/>
    </row>
    <row r="518698" spans="8:8">
      <c r="H518698" s="12"/>
    </row>
    <row r="518699" spans="8:8">
      <c r="H518699" s="12"/>
    </row>
    <row r="518700" spans="8:8">
      <c r="H518700" s="12"/>
    </row>
    <row r="518701" spans="8:8">
      <c r="H518701" s="12"/>
    </row>
    <row r="518702" spans="8:8">
      <c r="H518702" s="12"/>
    </row>
    <row r="518703" spans="8:8">
      <c r="H518703" s="12"/>
    </row>
    <row r="518704" spans="8:8">
      <c r="H518704" s="12"/>
    </row>
    <row r="518705" spans="8:8">
      <c r="H518705" s="12"/>
    </row>
    <row r="518706" spans="8:8">
      <c r="H518706" s="12"/>
    </row>
    <row r="518707" spans="8:8">
      <c r="H518707" s="12"/>
    </row>
    <row r="518708" spans="8:8">
      <c r="H518708" s="12"/>
    </row>
    <row r="518709" spans="8:8">
      <c r="H518709" s="12"/>
    </row>
    <row r="518710" spans="8:8">
      <c r="H518710" s="12"/>
    </row>
    <row r="518711" spans="8:8">
      <c r="H518711" s="12"/>
    </row>
    <row r="518712" spans="8:8">
      <c r="H518712" s="12"/>
    </row>
    <row r="518713" spans="8:8">
      <c r="H518713" s="12"/>
    </row>
    <row r="518714" spans="8:8">
      <c r="H518714" s="12"/>
    </row>
    <row r="518715" spans="8:8">
      <c r="H518715" s="12"/>
    </row>
    <row r="518716" spans="8:8">
      <c r="H518716" s="12"/>
    </row>
    <row r="518717" spans="8:8">
      <c r="H518717" s="12"/>
    </row>
    <row r="518718" spans="8:8">
      <c r="H518718" s="12"/>
    </row>
    <row r="518719" spans="8:8">
      <c r="H518719" s="12"/>
    </row>
    <row r="518720" spans="8:8">
      <c r="H518720" s="12"/>
    </row>
    <row r="518721" spans="8:8">
      <c r="H518721" s="12"/>
    </row>
    <row r="518722" spans="8:8">
      <c r="H518722" s="12"/>
    </row>
    <row r="518723" spans="8:8">
      <c r="H518723" s="12"/>
    </row>
    <row r="518724" spans="8:8">
      <c r="H518724" s="12"/>
    </row>
    <row r="518725" spans="8:8">
      <c r="H518725" s="12"/>
    </row>
    <row r="518726" spans="8:8">
      <c r="H518726" s="12"/>
    </row>
    <row r="518727" spans="8:8">
      <c r="H518727" s="12"/>
    </row>
    <row r="518728" spans="8:8">
      <c r="H518728" s="12"/>
    </row>
    <row r="518729" spans="8:8">
      <c r="H518729" s="12"/>
    </row>
    <row r="518730" spans="8:8">
      <c r="H518730" s="12"/>
    </row>
    <row r="518731" spans="8:8">
      <c r="H518731" s="12"/>
    </row>
    <row r="518732" spans="8:8">
      <c r="H518732" s="12"/>
    </row>
    <row r="518733" spans="8:8">
      <c r="H518733" s="12"/>
    </row>
    <row r="518734" spans="8:8">
      <c r="H518734" s="12"/>
    </row>
    <row r="518735" spans="8:8">
      <c r="H518735" s="12"/>
    </row>
    <row r="518736" spans="8:8">
      <c r="H518736" s="12"/>
    </row>
    <row r="518737" spans="8:8">
      <c r="H518737" s="12"/>
    </row>
    <row r="518738" spans="8:8">
      <c r="H518738" s="12"/>
    </row>
    <row r="518739" spans="8:8">
      <c r="H518739" s="12"/>
    </row>
    <row r="518740" spans="8:8">
      <c r="H518740" s="12"/>
    </row>
    <row r="518741" spans="8:8">
      <c r="H518741" s="12"/>
    </row>
    <row r="518742" spans="8:8">
      <c r="H518742" s="12"/>
    </row>
    <row r="518743" spans="8:8">
      <c r="H518743" s="12"/>
    </row>
    <row r="518744" spans="8:8">
      <c r="H518744" s="12"/>
    </row>
    <row r="518745" spans="8:8">
      <c r="H518745" s="12"/>
    </row>
    <row r="518746" spans="8:8">
      <c r="H518746" s="12"/>
    </row>
    <row r="518747" spans="8:8">
      <c r="H518747" s="12"/>
    </row>
    <row r="518748" spans="8:8">
      <c r="H518748" s="12"/>
    </row>
    <row r="518749" spans="8:8">
      <c r="H518749" s="12"/>
    </row>
    <row r="518750" spans="8:8">
      <c r="H518750" s="12"/>
    </row>
    <row r="518751" spans="8:8">
      <c r="H518751" s="12"/>
    </row>
    <row r="518752" spans="8:8">
      <c r="H518752" s="12"/>
    </row>
    <row r="518753" spans="8:8">
      <c r="H518753" s="12"/>
    </row>
    <row r="518754" spans="8:8">
      <c r="H518754" s="12"/>
    </row>
    <row r="518755" spans="8:8">
      <c r="H518755" s="12"/>
    </row>
    <row r="518756" spans="8:8">
      <c r="H518756" s="12"/>
    </row>
    <row r="518757" spans="8:8">
      <c r="H518757" s="12"/>
    </row>
    <row r="518758" spans="8:8">
      <c r="H518758" s="12"/>
    </row>
    <row r="518759" spans="8:8">
      <c r="H518759" s="12"/>
    </row>
    <row r="518760" spans="8:8">
      <c r="H518760" s="12"/>
    </row>
    <row r="518761" spans="8:8">
      <c r="H518761" s="12"/>
    </row>
    <row r="518762" spans="8:8">
      <c r="H518762" s="12"/>
    </row>
    <row r="518763" spans="8:8">
      <c r="H518763" s="12"/>
    </row>
    <row r="518764" spans="8:8">
      <c r="H518764" s="12"/>
    </row>
    <row r="518765" spans="8:8">
      <c r="H518765" s="12"/>
    </row>
    <row r="518766" spans="8:8">
      <c r="H518766" s="12"/>
    </row>
    <row r="518767" spans="8:8">
      <c r="H518767" s="12"/>
    </row>
    <row r="518768" spans="8:8">
      <c r="H518768" s="12"/>
    </row>
    <row r="518769" spans="8:8">
      <c r="H518769" s="12"/>
    </row>
    <row r="518770" spans="8:8">
      <c r="H518770" s="12"/>
    </row>
    <row r="518771" spans="8:8">
      <c r="H518771" s="12"/>
    </row>
    <row r="518772" spans="8:8">
      <c r="H518772" s="12"/>
    </row>
    <row r="518773" spans="8:8">
      <c r="H518773" s="12"/>
    </row>
    <row r="518774" spans="8:8">
      <c r="H518774" s="12"/>
    </row>
    <row r="518775" spans="8:8">
      <c r="H518775" s="12"/>
    </row>
    <row r="518776" spans="8:8">
      <c r="H518776" s="12"/>
    </row>
    <row r="518777" spans="8:8">
      <c r="H518777" s="12"/>
    </row>
    <row r="518778" spans="8:8">
      <c r="H518778" s="12"/>
    </row>
    <row r="518779" spans="8:8">
      <c r="H518779" s="12"/>
    </row>
    <row r="518780" spans="8:8">
      <c r="H518780" s="12"/>
    </row>
    <row r="518781" spans="8:8">
      <c r="H518781" s="12"/>
    </row>
    <row r="518782" spans="8:8">
      <c r="H518782" s="12"/>
    </row>
    <row r="518783" spans="8:8">
      <c r="H518783" s="12"/>
    </row>
    <row r="518784" spans="8:8">
      <c r="H518784" s="12"/>
    </row>
    <row r="518785" spans="8:8">
      <c r="H518785" s="12"/>
    </row>
    <row r="518786" spans="8:8">
      <c r="H518786" s="12"/>
    </row>
    <row r="518787" spans="8:8">
      <c r="H518787" s="12"/>
    </row>
    <row r="518788" spans="8:8">
      <c r="H518788" s="12"/>
    </row>
    <row r="518789" spans="8:8">
      <c r="H518789" s="12"/>
    </row>
    <row r="518790" spans="8:8">
      <c r="H518790" s="12"/>
    </row>
    <row r="518791" spans="8:8">
      <c r="H518791" s="12"/>
    </row>
    <row r="518792" spans="8:8">
      <c r="H518792" s="12"/>
    </row>
    <row r="518793" spans="8:8">
      <c r="H518793" s="12"/>
    </row>
    <row r="518794" spans="8:8">
      <c r="H518794" s="12"/>
    </row>
    <row r="518795" spans="8:8">
      <c r="H518795" s="12"/>
    </row>
    <row r="518796" spans="8:8">
      <c r="H518796" s="12"/>
    </row>
    <row r="518797" spans="8:8">
      <c r="H518797" s="12"/>
    </row>
    <row r="518798" spans="8:8">
      <c r="H518798" s="12"/>
    </row>
    <row r="518799" spans="8:8">
      <c r="H518799" s="12"/>
    </row>
    <row r="518800" spans="8:8">
      <c r="H518800" s="12"/>
    </row>
    <row r="518801" spans="8:8">
      <c r="H518801" s="12"/>
    </row>
    <row r="518802" spans="8:8">
      <c r="H518802" s="12"/>
    </row>
    <row r="518803" spans="8:8">
      <c r="H518803" s="12"/>
    </row>
    <row r="518804" spans="8:8">
      <c r="H518804" s="12"/>
    </row>
    <row r="518805" spans="8:8">
      <c r="H518805" s="12"/>
    </row>
    <row r="518806" spans="8:8">
      <c r="H518806" s="12"/>
    </row>
    <row r="518807" spans="8:8">
      <c r="H518807" s="12"/>
    </row>
    <row r="518808" spans="8:8">
      <c r="H518808" s="12"/>
    </row>
    <row r="518809" spans="8:8">
      <c r="H518809" s="12"/>
    </row>
    <row r="518810" spans="8:8">
      <c r="H518810" s="12"/>
    </row>
    <row r="518811" spans="8:8">
      <c r="H518811" s="12"/>
    </row>
    <row r="518812" spans="8:8">
      <c r="H518812" s="12"/>
    </row>
    <row r="518813" spans="8:8">
      <c r="H518813" s="12"/>
    </row>
    <row r="518814" spans="8:8">
      <c r="H518814" s="12"/>
    </row>
    <row r="518815" spans="8:8">
      <c r="H518815" s="12"/>
    </row>
    <row r="518816" spans="8:8">
      <c r="H518816" s="12"/>
    </row>
    <row r="518817" spans="8:8">
      <c r="H518817" s="12"/>
    </row>
    <row r="518818" spans="8:8">
      <c r="H518818" s="12"/>
    </row>
    <row r="518819" spans="8:8">
      <c r="H518819" s="12"/>
    </row>
    <row r="518820" spans="8:8">
      <c r="H518820" s="12"/>
    </row>
    <row r="518821" spans="8:8">
      <c r="H518821" s="12"/>
    </row>
    <row r="518822" spans="8:8">
      <c r="H518822" s="12"/>
    </row>
    <row r="518823" spans="8:8">
      <c r="H518823" s="12"/>
    </row>
    <row r="518824" spans="8:8">
      <c r="H518824" s="12"/>
    </row>
    <row r="518825" spans="8:8">
      <c r="H518825" s="12"/>
    </row>
    <row r="518826" spans="8:8">
      <c r="H518826" s="12"/>
    </row>
    <row r="518827" spans="8:8">
      <c r="H518827" s="12"/>
    </row>
    <row r="518828" spans="8:8">
      <c r="H518828" s="12"/>
    </row>
    <row r="518829" spans="8:8">
      <c r="H518829" s="12"/>
    </row>
    <row r="518830" spans="8:8">
      <c r="H518830" s="12"/>
    </row>
    <row r="518831" spans="8:8">
      <c r="H518831" s="12"/>
    </row>
    <row r="518832" spans="8:8">
      <c r="H518832" s="12"/>
    </row>
    <row r="518833" spans="8:8">
      <c r="H518833" s="12"/>
    </row>
    <row r="518834" spans="8:8">
      <c r="H518834" s="12"/>
    </row>
    <row r="518835" spans="8:8">
      <c r="H518835" s="12"/>
    </row>
    <row r="518836" spans="8:8">
      <c r="H518836" s="12"/>
    </row>
    <row r="518837" spans="8:8">
      <c r="H518837" s="12"/>
    </row>
    <row r="518838" spans="8:8">
      <c r="H518838" s="12"/>
    </row>
    <row r="518839" spans="8:8">
      <c r="H518839" s="12"/>
    </row>
    <row r="518840" spans="8:8">
      <c r="H518840" s="12"/>
    </row>
    <row r="518841" spans="8:8">
      <c r="H518841" s="12"/>
    </row>
    <row r="518842" spans="8:8">
      <c r="H518842" s="12"/>
    </row>
    <row r="518843" spans="8:8">
      <c r="H518843" s="12"/>
    </row>
    <row r="518844" spans="8:8">
      <c r="H518844" s="12"/>
    </row>
    <row r="518845" spans="8:8">
      <c r="H518845" s="12"/>
    </row>
    <row r="518846" spans="8:8">
      <c r="H518846" s="12"/>
    </row>
    <row r="518847" spans="8:8">
      <c r="H518847" s="12"/>
    </row>
    <row r="518848" spans="8:8">
      <c r="H518848" s="12"/>
    </row>
    <row r="518849" spans="8:8">
      <c r="H518849" s="12"/>
    </row>
    <row r="518850" spans="8:8">
      <c r="H518850" s="12"/>
    </row>
    <row r="518851" spans="8:8">
      <c r="H518851" s="12"/>
    </row>
    <row r="518852" spans="8:8">
      <c r="H518852" s="12"/>
    </row>
    <row r="518853" spans="8:8">
      <c r="H518853" s="12"/>
    </row>
    <row r="518854" spans="8:8">
      <c r="H518854" s="12"/>
    </row>
    <row r="518855" spans="8:8">
      <c r="H518855" s="12"/>
    </row>
    <row r="518856" spans="8:8">
      <c r="H518856" s="12"/>
    </row>
    <row r="518857" spans="8:8">
      <c r="H518857" s="12"/>
    </row>
    <row r="518858" spans="8:8">
      <c r="H518858" s="12"/>
    </row>
    <row r="518859" spans="8:8">
      <c r="H518859" s="12"/>
    </row>
    <row r="518860" spans="8:8">
      <c r="H518860" s="12"/>
    </row>
    <row r="518861" spans="8:8">
      <c r="H518861" s="12"/>
    </row>
    <row r="518862" spans="8:8">
      <c r="H518862" s="12"/>
    </row>
    <row r="518863" spans="8:8">
      <c r="H518863" s="12"/>
    </row>
    <row r="518864" spans="8:8">
      <c r="H518864" s="12"/>
    </row>
    <row r="518865" spans="8:8">
      <c r="H518865" s="12"/>
    </row>
    <row r="518866" spans="8:8">
      <c r="H518866" s="12"/>
    </row>
    <row r="518867" spans="8:8">
      <c r="H518867" s="12"/>
    </row>
    <row r="518868" spans="8:8">
      <c r="H518868" s="12"/>
    </row>
    <row r="518869" spans="8:8">
      <c r="H518869" s="12"/>
    </row>
    <row r="518870" spans="8:8">
      <c r="H518870" s="12"/>
    </row>
    <row r="518871" spans="8:8">
      <c r="H518871" s="12"/>
    </row>
    <row r="518872" spans="8:8">
      <c r="H518872" s="12"/>
    </row>
    <row r="518873" spans="8:8">
      <c r="H518873" s="12"/>
    </row>
    <row r="518874" spans="8:8">
      <c r="H518874" s="12"/>
    </row>
    <row r="518875" spans="8:8">
      <c r="H518875" s="12"/>
    </row>
    <row r="518876" spans="8:8">
      <c r="H518876" s="12"/>
    </row>
    <row r="518877" spans="8:8">
      <c r="H518877" s="12"/>
    </row>
    <row r="518878" spans="8:8">
      <c r="H518878" s="12"/>
    </row>
    <row r="518879" spans="8:8">
      <c r="H518879" s="12"/>
    </row>
    <row r="518880" spans="8:8">
      <c r="H518880" s="12"/>
    </row>
    <row r="518881" spans="8:8">
      <c r="H518881" s="12"/>
    </row>
    <row r="518882" spans="8:8">
      <c r="H518882" s="12"/>
    </row>
    <row r="518883" spans="8:8">
      <c r="H518883" s="12"/>
    </row>
    <row r="518884" spans="8:8">
      <c r="H518884" s="12"/>
    </row>
    <row r="518885" spans="8:8">
      <c r="H518885" s="12"/>
    </row>
    <row r="518886" spans="8:8">
      <c r="H518886" s="12"/>
    </row>
    <row r="518887" spans="8:8">
      <c r="H518887" s="12"/>
    </row>
    <row r="518888" spans="8:8">
      <c r="H518888" s="12"/>
    </row>
    <row r="518889" spans="8:8">
      <c r="H518889" s="12"/>
    </row>
    <row r="518890" spans="8:8">
      <c r="H518890" s="12"/>
    </row>
    <row r="518891" spans="8:8">
      <c r="H518891" s="12"/>
    </row>
    <row r="518892" spans="8:8">
      <c r="H518892" s="12"/>
    </row>
    <row r="518893" spans="8:8">
      <c r="H518893" s="12"/>
    </row>
    <row r="518894" spans="8:8">
      <c r="H518894" s="12"/>
    </row>
    <row r="518895" spans="8:8">
      <c r="H518895" s="12"/>
    </row>
    <row r="518896" spans="8:8">
      <c r="H518896" s="12"/>
    </row>
    <row r="518897" spans="8:8">
      <c r="H518897" s="12"/>
    </row>
    <row r="518898" spans="8:8">
      <c r="H518898" s="12"/>
    </row>
    <row r="518899" spans="8:8">
      <c r="H518899" s="12"/>
    </row>
    <row r="518900" spans="8:8">
      <c r="H518900" s="12"/>
    </row>
    <row r="518901" spans="8:8">
      <c r="H518901" s="12"/>
    </row>
    <row r="518902" spans="8:8">
      <c r="H518902" s="12"/>
    </row>
    <row r="518903" spans="8:8">
      <c r="H518903" s="12"/>
    </row>
    <row r="518904" spans="8:8">
      <c r="H518904" s="12"/>
    </row>
    <row r="518905" spans="8:8">
      <c r="H518905" s="12"/>
    </row>
    <row r="518906" spans="8:8">
      <c r="H518906" s="12"/>
    </row>
    <row r="518907" spans="8:8">
      <c r="H518907" s="12"/>
    </row>
    <row r="518908" spans="8:8">
      <c r="H518908" s="12"/>
    </row>
    <row r="518909" spans="8:8">
      <c r="H518909" s="12"/>
    </row>
    <row r="518910" spans="8:8">
      <c r="H518910" s="12"/>
    </row>
    <row r="518911" spans="8:8">
      <c r="H518911" s="12"/>
    </row>
    <row r="518912" spans="8:8">
      <c r="H518912" s="12"/>
    </row>
    <row r="518913" spans="8:8">
      <c r="H518913" s="12"/>
    </row>
    <row r="518914" spans="8:8">
      <c r="H518914" s="12"/>
    </row>
    <row r="518915" spans="8:8">
      <c r="H518915" s="12"/>
    </row>
    <row r="518916" spans="8:8">
      <c r="H518916" s="12"/>
    </row>
    <row r="518917" spans="8:8">
      <c r="H518917" s="12"/>
    </row>
    <row r="518918" spans="8:8">
      <c r="H518918" s="12"/>
    </row>
    <row r="518919" spans="8:8">
      <c r="H518919" s="12"/>
    </row>
    <row r="518920" spans="8:8">
      <c r="H518920" s="12"/>
    </row>
    <row r="518921" spans="8:8">
      <c r="H518921" s="12"/>
    </row>
    <row r="518922" spans="8:8">
      <c r="H518922" s="12"/>
    </row>
    <row r="518923" spans="8:8">
      <c r="H518923" s="12"/>
    </row>
    <row r="518924" spans="8:8">
      <c r="H518924" s="12"/>
    </row>
    <row r="518925" spans="8:8">
      <c r="H518925" s="12"/>
    </row>
    <row r="518926" spans="8:8">
      <c r="H518926" s="12"/>
    </row>
    <row r="518927" spans="8:8">
      <c r="H518927" s="12"/>
    </row>
    <row r="518928" spans="8:8">
      <c r="H518928" s="12"/>
    </row>
    <row r="518929" spans="8:8">
      <c r="H518929" s="12"/>
    </row>
    <row r="518930" spans="8:8">
      <c r="H518930" s="12"/>
    </row>
    <row r="518931" spans="8:8">
      <c r="H518931" s="12"/>
    </row>
    <row r="518932" spans="8:8">
      <c r="H518932" s="12"/>
    </row>
    <row r="518933" spans="8:8">
      <c r="H518933" s="12"/>
    </row>
    <row r="518934" spans="8:8">
      <c r="H518934" s="12"/>
    </row>
    <row r="518935" spans="8:8">
      <c r="H518935" s="12"/>
    </row>
    <row r="518936" spans="8:8">
      <c r="H518936" s="12"/>
    </row>
    <row r="518937" spans="8:8">
      <c r="H518937" s="12"/>
    </row>
    <row r="518938" spans="8:8">
      <c r="H518938" s="12"/>
    </row>
    <row r="518939" spans="8:8">
      <c r="H518939" s="12"/>
    </row>
    <row r="518940" spans="8:8">
      <c r="H518940" s="12"/>
    </row>
    <row r="518941" spans="8:8">
      <c r="H518941" s="12"/>
    </row>
    <row r="518942" spans="8:8">
      <c r="H518942" s="12"/>
    </row>
    <row r="518943" spans="8:8">
      <c r="H518943" s="12"/>
    </row>
    <row r="518944" spans="8:8">
      <c r="H518944" s="12"/>
    </row>
    <row r="518945" spans="8:8">
      <c r="H518945" s="12"/>
    </row>
    <row r="518946" spans="8:8">
      <c r="H518946" s="12"/>
    </row>
    <row r="518947" spans="8:8">
      <c r="H518947" s="12"/>
    </row>
    <row r="518948" spans="8:8">
      <c r="H518948" s="12"/>
    </row>
    <row r="518949" spans="8:8">
      <c r="H518949" s="12"/>
    </row>
    <row r="518950" spans="8:8">
      <c r="H518950" s="12"/>
    </row>
    <row r="518951" spans="8:8">
      <c r="H518951" s="12"/>
    </row>
    <row r="518952" spans="8:8">
      <c r="H518952" s="12"/>
    </row>
    <row r="518953" spans="8:8">
      <c r="H518953" s="12"/>
    </row>
    <row r="518954" spans="8:8">
      <c r="H518954" s="12"/>
    </row>
    <row r="518955" spans="8:8">
      <c r="H518955" s="12"/>
    </row>
    <row r="518956" spans="8:8">
      <c r="H518956" s="12"/>
    </row>
    <row r="518957" spans="8:8">
      <c r="H518957" s="12"/>
    </row>
    <row r="518958" spans="8:8">
      <c r="H518958" s="12"/>
    </row>
    <row r="518959" spans="8:8">
      <c r="H518959" s="12"/>
    </row>
    <row r="518960" spans="8:8">
      <c r="H518960" s="12"/>
    </row>
    <row r="518961" spans="8:8">
      <c r="H518961" s="12"/>
    </row>
    <row r="518962" spans="8:8">
      <c r="H518962" s="12"/>
    </row>
    <row r="518963" spans="8:8">
      <c r="H518963" s="12"/>
    </row>
    <row r="518964" spans="8:8">
      <c r="H518964" s="12"/>
    </row>
    <row r="518965" spans="8:8">
      <c r="H518965" s="12"/>
    </row>
    <row r="518966" spans="8:8">
      <c r="H518966" s="12"/>
    </row>
    <row r="518967" spans="8:8">
      <c r="H518967" s="12"/>
    </row>
    <row r="518968" spans="8:8">
      <c r="H518968" s="12"/>
    </row>
    <row r="518969" spans="8:8">
      <c r="H518969" s="12"/>
    </row>
    <row r="518970" spans="8:8">
      <c r="H518970" s="12"/>
    </row>
    <row r="518971" spans="8:8">
      <c r="H518971" s="12"/>
    </row>
    <row r="518972" spans="8:8">
      <c r="H518972" s="12"/>
    </row>
    <row r="518973" spans="8:8">
      <c r="H518973" s="12"/>
    </row>
    <row r="518974" spans="8:8">
      <c r="H518974" s="12"/>
    </row>
    <row r="518975" spans="8:8">
      <c r="H518975" s="12"/>
    </row>
    <row r="518976" spans="8:8">
      <c r="H518976" s="12"/>
    </row>
    <row r="518977" spans="8:8">
      <c r="H518977" s="12"/>
    </row>
    <row r="518978" spans="8:8">
      <c r="H518978" s="12"/>
    </row>
    <row r="518979" spans="8:8">
      <c r="H518979" s="12"/>
    </row>
    <row r="518980" spans="8:8">
      <c r="H518980" s="12"/>
    </row>
    <row r="518981" spans="8:8">
      <c r="H518981" s="12"/>
    </row>
    <row r="518982" spans="8:8">
      <c r="H518982" s="12"/>
    </row>
    <row r="518983" spans="8:8">
      <c r="H518983" s="12"/>
    </row>
    <row r="518984" spans="8:8">
      <c r="H518984" s="12"/>
    </row>
    <row r="518985" spans="8:8">
      <c r="H518985" s="12"/>
    </row>
    <row r="518986" spans="8:8">
      <c r="H518986" s="12"/>
    </row>
    <row r="518987" spans="8:8">
      <c r="H518987" s="12"/>
    </row>
    <row r="518988" spans="8:8">
      <c r="H518988" s="12"/>
    </row>
    <row r="518989" spans="8:8">
      <c r="H518989" s="12"/>
    </row>
    <row r="518990" spans="8:8">
      <c r="H518990" s="12"/>
    </row>
    <row r="518991" spans="8:8">
      <c r="H518991" s="12"/>
    </row>
    <row r="518992" spans="8:8">
      <c r="H518992" s="12"/>
    </row>
    <row r="518993" spans="8:8">
      <c r="H518993" s="12"/>
    </row>
    <row r="518994" spans="8:8">
      <c r="H518994" s="12"/>
    </row>
    <row r="518995" spans="8:8">
      <c r="H518995" s="12"/>
    </row>
    <row r="518996" spans="8:8">
      <c r="H518996" s="12"/>
    </row>
    <row r="518997" spans="8:8">
      <c r="H518997" s="12"/>
    </row>
    <row r="518998" spans="8:8">
      <c r="H518998" s="12"/>
    </row>
    <row r="518999" spans="8:8">
      <c r="H518999" s="12"/>
    </row>
    <row r="519000" spans="8:8">
      <c r="H519000" s="12"/>
    </row>
    <row r="519001" spans="8:8">
      <c r="H519001" s="12"/>
    </row>
    <row r="519002" spans="8:8">
      <c r="H519002" s="12"/>
    </row>
    <row r="519003" spans="8:8">
      <c r="H519003" s="12"/>
    </row>
    <row r="519004" spans="8:8">
      <c r="H519004" s="12"/>
    </row>
    <row r="519005" spans="8:8">
      <c r="H519005" s="12"/>
    </row>
    <row r="519006" spans="8:8">
      <c r="H519006" s="12"/>
    </row>
    <row r="519007" spans="8:8">
      <c r="H519007" s="12"/>
    </row>
    <row r="519008" spans="8:8">
      <c r="H519008" s="12"/>
    </row>
    <row r="519009" spans="8:8">
      <c r="H519009" s="12"/>
    </row>
    <row r="519010" spans="8:8">
      <c r="H519010" s="12"/>
    </row>
    <row r="519011" spans="8:8">
      <c r="H519011" s="12"/>
    </row>
    <row r="519012" spans="8:8">
      <c r="H519012" s="12"/>
    </row>
    <row r="519013" spans="8:8">
      <c r="H519013" s="12"/>
    </row>
    <row r="519014" spans="8:8">
      <c r="H519014" s="12"/>
    </row>
    <row r="519015" spans="8:8">
      <c r="H519015" s="12"/>
    </row>
    <row r="519016" spans="8:8">
      <c r="H519016" s="12"/>
    </row>
    <row r="519017" spans="8:8">
      <c r="H519017" s="12"/>
    </row>
    <row r="519018" spans="8:8">
      <c r="H519018" s="12"/>
    </row>
    <row r="519019" spans="8:8">
      <c r="H519019" s="12"/>
    </row>
    <row r="519020" spans="8:8">
      <c r="H519020" s="12"/>
    </row>
    <row r="519021" spans="8:8">
      <c r="H519021" s="12"/>
    </row>
    <row r="519022" spans="8:8">
      <c r="H519022" s="12"/>
    </row>
    <row r="519023" spans="8:8">
      <c r="H519023" s="12"/>
    </row>
    <row r="519024" spans="8:8">
      <c r="H519024" s="12"/>
    </row>
    <row r="519025" spans="8:8">
      <c r="H519025" s="12"/>
    </row>
    <row r="519026" spans="8:8">
      <c r="H519026" s="12"/>
    </row>
    <row r="519027" spans="8:8">
      <c r="H519027" s="12"/>
    </row>
    <row r="519028" spans="8:8">
      <c r="H519028" s="12"/>
    </row>
    <row r="519029" spans="8:8">
      <c r="H519029" s="12"/>
    </row>
    <row r="519030" spans="8:8">
      <c r="H519030" s="12"/>
    </row>
    <row r="519031" spans="8:8">
      <c r="H519031" s="12"/>
    </row>
    <row r="519032" spans="8:8">
      <c r="H519032" s="12"/>
    </row>
    <row r="519033" spans="8:8">
      <c r="H519033" s="12"/>
    </row>
    <row r="519034" spans="8:8">
      <c r="H519034" s="12"/>
    </row>
    <row r="519035" spans="8:8">
      <c r="H519035" s="12"/>
    </row>
    <row r="519036" spans="8:8">
      <c r="H519036" s="12"/>
    </row>
    <row r="519037" spans="8:8">
      <c r="H519037" s="12"/>
    </row>
    <row r="519038" spans="8:8">
      <c r="H519038" s="12"/>
    </row>
    <row r="519039" spans="8:8">
      <c r="H519039" s="12"/>
    </row>
    <row r="519040" spans="8:8">
      <c r="H519040" s="12"/>
    </row>
    <row r="519041" spans="8:8">
      <c r="H519041" s="12"/>
    </row>
    <row r="519042" spans="8:8">
      <c r="H519042" s="12"/>
    </row>
    <row r="519043" spans="8:8">
      <c r="H519043" s="12"/>
    </row>
    <row r="519044" spans="8:8">
      <c r="H519044" s="12"/>
    </row>
    <row r="519045" spans="8:8">
      <c r="H519045" s="12"/>
    </row>
    <row r="519046" spans="8:8">
      <c r="H519046" s="12"/>
    </row>
    <row r="519047" spans="8:8">
      <c r="H519047" s="12"/>
    </row>
    <row r="519048" spans="8:8">
      <c r="H519048" s="12"/>
    </row>
    <row r="519049" spans="8:8">
      <c r="H519049" s="12"/>
    </row>
    <row r="519050" spans="8:8">
      <c r="H519050" s="12"/>
    </row>
    <row r="519051" spans="8:8">
      <c r="H519051" s="12"/>
    </row>
    <row r="519052" spans="8:8">
      <c r="H519052" s="12"/>
    </row>
    <row r="519053" spans="8:8">
      <c r="H519053" s="12"/>
    </row>
    <row r="519054" spans="8:8">
      <c r="H519054" s="12"/>
    </row>
    <row r="519055" spans="8:8">
      <c r="H519055" s="12"/>
    </row>
    <row r="519056" spans="8:8">
      <c r="H519056" s="12"/>
    </row>
    <row r="519057" spans="8:8">
      <c r="H519057" s="12"/>
    </row>
    <row r="519058" spans="8:8">
      <c r="H519058" s="12"/>
    </row>
    <row r="519059" spans="8:8">
      <c r="H519059" s="12"/>
    </row>
    <row r="519060" spans="8:8">
      <c r="H519060" s="12"/>
    </row>
    <row r="519061" spans="8:8">
      <c r="H519061" s="12"/>
    </row>
    <row r="519062" spans="8:8">
      <c r="H519062" s="12"/>
    </row>
    <row r="519063" spans="8:8">
      <c r="H519063" s="12"/>
    </row>
    <row r="519064" spans="8:8">
      <c r="H519064" s="12"/>
    </row>
    <row r="519065" spans="8:8">
      <c r="H519065" s="12"/>
    </row>
    <row r="519066" spans="8:8">
      <c r="H519066" s="12"/>
    </row>
    <row r="519067" spans="8:8">
      <c r="H519067" s="12"/>
    </row>
    <row r="519068" spans="8:8">
      <c r="H519068" s="12"/>
    </row>
    <row r="519069" spans="8:8">
      <c r="H519069" s="12"/>
    </row>
    <row r="519070" spans="8:8">
      <c r="H519070" s="12"/>
    </row>
    <row r="519071" spans="8:8">
      <c r="H519071" s="12"/>
    </row>
    <row r="519072" spans="8:8">
      <c r="H519072" s="12"/>
    </row>
    <row r="519073" spans="8:8">
      <c r="H519073" s="12"/>
    </row>
    <row r="519074" spans="8:8">
      <c r="H519074" s="12"/>
    </row>
    <row r="519075" spans="8:8">
      <c r="H519075" s="12"/>
    </row>
    <row r="519076" spans="8:8">
      <c r="H519076" s="12"/>
    </row>
    <row r="519077" spans="8:8">
      <c r="H519077" s="12"/>
    </row>
    <row r="519078" spans="8:8">
      <c r="H519078" s="12"/>
    </row>
    <row r="519079" spans="8:8">
      <c r="H519079" s="12"/>
    </row>
    <row r="519080" spans="8:8">
      <c r="H519080" s="12"/>
    </row>
    <row r="519081" spans="8:8">
      <c r="H519081" s="12"/>
    </row>
    <row r="519082" spans="8:8">
      <c r="H519082" s="12"/>
    </row>
    <row r="519083" spans="8:8">
      <c r="H519083" s="12"/>
    </row>
    <row r="519084" spans="8:8">
      <c r="H519084" s="12"/>
    </row>
    <row r="519085" spans="8:8">
      <c r="H519085" s="12"/>
    </row>
    <row r="519086" spans="8:8">
      <c r="H519086" s="12"/>
    </row>
    <row r="519087" spans="8:8">
      <c r="H519087" s="12"/>
    </row>
    <row r="519088" spans="8:8">
      <c r="H519088" s="12"/>
    </row>
    <row r="519089" spans="8:8">
      <c r="H519089" s="12"/>
    </row>
    <row r="519090" spans="8:8">
      <c r="H519090" s="12"/>
    </row>
    <row r="519091" spans="8:8">
      <c r="H519091" s="12"/>
    </row>
    <row r="519092" spans="8:8">
      <c r="H519092" s="12"/>
    </row>
    <row r="519093" spans="8:8">
      <c r="H519093" s="12"/>
    </row>
    <row r="519094" spans="8:8">
      <c r="H519094" s="12"/>
    </row>
    <row r="519095" spans="8:8">
      <c r="H519095" s="12"/>
    </row>
    <row r="519096" spans="8:8">
      <c r="H519096" s="12"/>
    </row>
    <row r="519097" spans="8:8">
      <c r="H519097" s="12"/>
    </row>
    <row r="519098" spans="8:8">
      <c r="H519098" s="12"/>
    </row>
    <row r="519099" spans="8:8">
      <c r="H519099" s="12"/>
    </row>
    <row r="519100" spans="8:8">
      <c r="H519100" s="12"/>
    </row>
    <row r="519101" spans="8:8">
      <c r="H519101" s="12"/>
    </row>
    <row r="519102" spans="8:8">
      <c r="H519102" s="12"/>
    </row>
    <row r="519103" spans="8:8">
      <c r="H519103" s="12"/>
    </row>
    <row r="519104" spans="8:8">
      <c r="H519104" s="12"/>
    </row>
    <row r="519105" spans="8:8">
      <c r="H519105" s="12"/>
    </row>
    <row r="519106" spans="8:8">
      <c r="H519106" s="12"/>
    </row>
    <row r="519107" spans="8:8">
      <c r="H519107" s="12"/>
    </row>
    <row r="519108" spans="8:8">
      <c r="H519108" s="12"/>
    </row>
    <row r="519109" spans="8:8">
      <c r="H519109" s="12"/>
    </row>
    <row r="519110" spans="8:8">
      <c r="H519110" s="12"/>
    </row>
    <row r="519111" spans="8:8">
      <c r="H519111" s="12"/>
    </row>
    <row r="519112" spans="8:8">
      <c r="H519112" s="12"/>
    </row>
    <row r="519113" spans="8:8">
      <c r="H519113" s="12"/>
    </row>
    <row r="519114" spans="8:8">
      <c r="H519114" s="12"/>
    </row>
    <row r="519115" spans="8:8">
      <c r="H519115" s="12"/>
    </row>
    <row r="519116" spans="8:8">
      <c r="H519116" s="12"/>
    </row>
    <row r="519117" spans="8:8">
      <c r="H519117" s="12"/>
    </row>
    <row r="519118" spans="8:8">
      <c r="H519118" s="12"/>
    </row>
    <row r="519119" spans="8:8">
      <c r="H519119" s="12"/>
    </row>
    <row r="519120" spans="8:8">
      <c r="H519120" s="12"/>
    </row>
    <row r="519121" spans="8:8">
      <c r="H519121" s="12"/>
    </row>
    <row r="519122" spans="8:8">
      <c r="H519122" s="12"/>
    </row>
    <row r="519123" spans="8:8">
      <c r="H519123" s="12"/>
    </row>
    <row r="519124" spans="8:8">
      <c r="H519124" s="12"/>
    </row>
    <row r="519125" spans="8:8">
      <c r="H519125" s="12"/>
    </row>
    <row r="519126" spans="8:8">
      <c r="H519126" s="12"/>
    </row>
    <row r="519127" spans="8:8">
      <c r="H519127" s="12"/>
    </row>
    <row r="519128" spans="8:8">
      <c r="H519128" s="12"/>
    </row>
    <row r="519129" spans="8:8">
      <c r="H519129" s="12"/>
    </row>
    <row r="519130" spans="8:8">
      <c r="H519130" s="12"/>
    </row>
    <row r="519131" spans="8:8">
      <c r="H519131" s="12"/>
    </row>
    <row r="519132" spans="8:8">
      <c r="H519132" s="12"/>
    </row>
    <row r="519133" spans="8:8">
      <c r="H519133" s="12"/>
    </row>
    <row r="519134" spans="8:8">
      <c r="H519134" s="12"/>
    </row>
    <row r="519135" spans="8:8">
      <c r="H519135" s="12"/>
    </row>
    <row r="519136" spans="8:8">
      <c r="H519136" s="12"/>
    </row>
    <row r="519137" spans="8:8">
      <c r="H519137" s="12"/>
    </row>
    <row r="519138" spans="8:8">
      <c r="H519138" s="12"/>
    </row>
    <row r="519139" spans="8:8">
      <c r="H519139" s="12"/>
    </row>
    <row r="519140" spans="8:8">
      <c r="H519140" s="12"/>
    </row>
    <row r="519141" spans="8:8">
      <c r="H519141" s="12"/>
    </row>
    <row r="519142" spans="8:8">
      <c r="H519142" s="12"/>
    </row>
    <row r="519143" spans="8:8">
      <c r="H519143" s="12"/>
    </row>
    <row r="519144" spans="8:8">
      <c r="H519144" s="12"/>
    </row>
    <row r="519145" spans="8:8">
      <c r="H519145" s="12"/>
    </row>
    <row r="519146" spans="8:8">
      <c r="H519146" s="12"/>
    </row>
    <row r="519147" spans="8:8">
      <c r="H519147" s="12"/>
    </row>
    <row r="519148" spans="8:8">
      <c r="H519148" s="12"/>
    </row>
    <row r="519149" spans="8:8">
      <c r="H519149" s="12"/>
    </row>
    <row r="519150" spans="8:8">
      <c r="H519150" s="12"/>
    </row>
    <row r="519151" spans="8:8">
      <c r="H519151" s="12"/>
    </row>
    <row r="519152" spans="8:8">
      <c r="H519152" s="12"/>
    </row>
    <row r="519153" spans="8:8">
      <c r="H519153" s="12"/>
    </row>
    <row r="519154" spans="8:8">
      <c r="H519154" s="12"/>
    </row>
    <row r="519155" spans="8:8">
      <c r="H519155" s="12"/>
    </row>
    <row r="519156" spans="8:8">
      <c r="H519156" s="12"/>
    </row>
    <row r="519157" spans="8:8">
      <c r="H519157" s="12"/>
    </row>
    <row r="519158" spans="8:8">
      <c r="H519158" s="12"/>
    </row>
    <row r="519159" spans="8:8">
      <c r="H519159" s="12"/>
    </row>
    <row r="519160" spans="8:8">
      <c r="H519160" s="12"/>
    </row>
    <row r="519161" spans="8:8">
      <c r="H519161" s="12"/>
    </row>
    <row r="519162" spans="8:8">
      <c r="H519162" s="12"/>
    </row>
    <row r="519163" spans="8:8">
      <c r="H519163" s="12"/>
    </row>
    <row r="519164" spans="8:8">
      <c r="H519164" s="12"/>
    </row>
    <row r="519165" spans="8:8">
      <c r="H519165" s="12"/>
    </row>
    <row r="519166" spans="8:8">
      <c r="H519166" s="12"/>
    </row>
    <row r="519167" spans="8:8">
      <c r="H519167" s="12"/>
    </row>
    <row r="519168" spans="8:8">
      <c r="H519168" s="12"/>
    </row>
    <row r="519169" spans="8:8">
      <c r="H519169" s="12"/>
    </row>
    <row r="519170" spans="8:8">
      <c r="H519170" s="12"/>
    </row>
    <row r="519171" spans="8:8">
      <c r="H519171" s="12"/>
    </row>
    <row r="519172" spans="8:8">
      <c r="H519172" s="12"/>
    </row>
    <row r="519173" spans="8:8">
      <c r="H519173" s="12"/>
    </row>
    <row r="519174" spans="8:8">
      <c r="H519174" s="12"/>
    </row>
    <row r="519175" spans="8:8">
      <c r="H519175" s="12"/>
    </row>
    <row r="519176" spans="8:8">
      <c r="H519176" s="12"/>
    </row>
    <row r="519177" spans="8:8">
      <c r="H519177" s="12"/>
    </row>
    <row r="519178" spans="8:8">
      <c r="H519178" s="12"/>
    </row>
    <row r="519179" spans="8:8">
      <c r="H519179" s="12"/>
    </row>
    <row r="519180" spans="8:8">
      <c r="H519180" s="12"/>
    </row>
    <row r="519181" spans="8:8">
      <c r="H519181" s="12"/>
    </row>
    <row r="519182" spans="8:8">
      <c r="H519182" s="12"/>
    </row>
    <row r="519183" spans="8:8">
      <c r="H519183" s="12"/>
    </row>
    <row r="519184" spans="8:8">
      <c r="H519184" s="12"/>
    </row>
    <row r="519185" spans="8:8">
      <c r="H519185" s="12"/>
    </row>
    <row r="519186" spans="8:8">
      <c r="H519186" s="12"/>
    </row>
    <row r="519187" spans="8:8">
      <c r="H519187" s="12"/>
    </row>
    <row r="519188" spans="8:8">
      <c r="H519188" s="12"/>
    </row>
    <row r="519189" spans="8:8">
      <c r="H519189" s="12"/>
    </row>
    <row r="519190" spans="8:8">
      <c r="H519190" s="12"/>
    </row>
    <row r="519191" spans="8:8">
      <c r="H519191" s="12"/>
    </row>
    <row r="519192" spans="8:8">
      <c r="H519192" s="12"/>
    </row>
    <row r="519193" spans="8:8">
      <c r="H519193" s="12"/>
    </row>
    <row r="519194" spans="8:8">
      <c r="H519194" s="12"/>
    </row>
    <row r="519195" spans="8:8">
      <c r="H519195" s="12"/>
    </row>
    <row r="519196" spans="8:8">
      <c r="H519196" s="12"/>
    </row>
    <row r="519197" spans="8:8">
      <c r="H519197" s="12"/>
    </row>
    <row r="519198" spans="8:8">
      <c r="H519198" s="12"/>
    </row>
    <row r="519199" spans="8:8">
      <c r="H519199" s="12"/>
    </row>
    <row r="519200" spans="8:8">
      <c r="H519200" s="12"/>
    </row>
    <row r="519201" spans="8:8">
      <c r="H519201" s="12"/>
    </row>
    <row r="519202" spans="8:8">
      <c r="H519202" s="12"/>
    </row>
    <row r="519203" spans="8:8">
      <c r="H519203" s="12"/>
    </row>
    <row r="519204" spans="8:8">
      <c r="H519204" s="12"/>
    </row>
    <row r="519205" spans="8:8">
      <c r="H519205" s="12"/>
    </row>
    <row r="519206" spans="8:8">
      <c r="H519206" s="12"/>
    </row>
    <row r="519207" spans="8:8">
      <c r="H519207" s="12"/>
    </row>
    <row r="519208" spans="8:8">
      <c r="H519208" s="12"/>
    </row>
    <row r="519209" spans="8:8">
      <c r="H519209" s="12"/>
    </row>
    <row r="519210" spans="8:8">
      <c r="H519210" s="12"/>
    </row>
    <row r="519211" spans="8:8">
      <c r="H519211" s="12"/>
    </row>
    <row r="519212" spans="8:8">
      <c r="H519212" s="12"/>
    </row>
    <row r="519213" spans="8:8">
      <c r="H519213" s="12"/>
    </row>
    <row r="519214" spans="8:8">
      <c r="H519214" s="12"/>
    </row>
    <row r="519215" spans="8:8">
      <c r="H519215" s="12"/>
    </row>
    <row r="519216" spans="8:8">
      <c r="H519216" s="12"/>
    </row>
    <row r="519217" spans="8:8">
      <c r="H519217" s="12"/>
    </row>
    <row r="519218" spans="8:8">
      <c r="H519218" s="12"/>
    </row>
    <row r="519219" spans="8:8">
      <c r="H519219" s="12"/>
    </row>
    <row r="519220" spans="8:8">
      <c r="H519220" s="12"/>
    </row>
    <row r="519221" spans="8:8">
      <c r="H519221" s="12"/>
    </row>
    <row r="519222" spans="8:8">
      <c r="H519222" s="12"/>
    </row>
    <row r="519223" spans="8:8">
      <c r="H519223" s="12"/>
    </row>
    <row r="519224" spans="8:8">
      <c r="H519224" s="12"/>
    </row>
    <row r="519225" spans="8:8">
      <c r="H519225" s="12"/>
    </row>
    <row r="519226" spans="8:8">
      <c r="H519226" s="12"/>
    </row>
    <row r="519227" spans="8:8">
      <c r="H519227" s="12"/>
    </row>
    <row r="519228" spans="8:8">
      <c r="H519228" s="12"/>
    </row>
    <row r="519229" spans="8:8">
      <c r="H519229" s="12"/>
    </row>
    <row r="519230" spans="8:8">
      <c r="H519230" s="12"/>
    </row>
    <row r="519231" spans="8:8">
      <c r="H519231" s="12"/>
    </row>
    <row r="519232" spans="8:8">
      <c r="H519232" s="12"/>
    </row>
    <row r="519233" spans="8:8">
      <c r="H519233" s="12"/>
    </row>
    <row r="519234" spans="8:8">
      <c r="H519234" s="12"/>
    </row>
    <row r="519235" spans="8:8">
      <c r="H519235" s="12"/>
    </row>
    <row r="519236" spans="8:8">
      <c r="H519236" s="12"/>
    </row>
    <row r="519237" spans="8:8">
      <c r="H519237" s="12"/>
    </row>
    <row r="519238" spans="8:8">
      <c r="H519238" s="12"/>
    </row>
    <row r="519239" spans="8:8">
      <c r="H519239" s="12"/>
    </row>
    <row r="519240" spans="8:8">
      <c r="H519240" s="12"/>
    </row>
    <row r="519241" spans="8:8">
      <c r="H519241" s="12"/>
    </row>
    <row r="519242" spans="8:8">
      <c r="H519242" s="12"/>
    </row>
    <row r="519243" spans="8:8">
      <c r="H519243" s="12"/>
    </row>
    <row r="519244" spans="8:8">
      <c r="H519244" s="12"/>
    </row>
    <row r="519245" spans="8:8">
      <c r="H519245" s="12"/>
    </row>
    <row r="519246" spans="8:8">
      <c r="H519246" s="12"/>
    </row>
    <row r="519247" spans="8:8">
      <c r="H519247" s="12"/>
    </row>
    <row r="519248" spans="8:8">
      <c r="H519248" s="12"/>
    </row>
    <row r="519249" spans="8:8">
      <c r="H519249" s="12"/>
    </row>
    <row r="519250" spans="8:8">
      <c r="H519250" s="12"/>
    </row>
    <row r="519251" spans="8:8">
      <c r="H519251" s="12"/>
    </row>
    <row r="519252" spans="8:8">
      <c r="H519252" s="12"/>
    </row>
    <row r="519253" spans="8:8">
      <c r="H519253" s="12"/>
    </row>
    <row r="519254" spans="8:8">
      <c r="H519254" s="12"/>
    </row>
    <row r="519255" spans="8:8">
      <c r="H519255" s="12"/>
    </row>
    <row r="519256" spans="8:8">
      <c r="H519256" s="12"/>
    </row>
    <row r="519257" spans="8:8">
      <c r="H519257" s="12"/>
    </row>
    <row r="519258" spans="8:8">
      <c r="H519258" s="12"/>
    </row>
    <row r="519259" spans="8:8">
      <c r="H519259" s="12"/>
    </row>
    <row r="519260" spans="8:8">
      <c r="H519260" s="12"/>
    </row>
    <row r="519261" spans="8:8">
      <c r="H519261" s="12"/>
    </row>
    <row r="519262" spans="8:8">
      <c r="H519262" s="12"/>
    </row>
    <row r="519263" spans="8:8">
      <c r="H519263" s="12"/>
    </row>
    <row r="519264" spans="8:8">
      <c r="H519264" s="12"/>
    </row>
    <row r="519265" spans="8:8">
      <c r="H519265" s="12"/>
    </row>
    <row r="519266" spans="8:8">
      <c r="H519266" s="12"/>
    </row>
    <row r="519267" spans="8:8">
      <c r="H519267" s="12"/>
    </row>
    <row r="519268" spans="8:8">
      <c r="H519268" s="12"/>
    </row>
    <row r="519269" spans="8:8">
      <c r="H519269" s="12"/>
    </row>
    <row r="519270" spans="8:8">
      <c r="H519270" s="12"/>
    </row>
    <row r="519271" spans="8:8">
      <c r="H519271" s="12"/>
    </row>
    <row r="519272" spans="8:8">
      <c r="H519272" s="12"/>
    </row>
    <row r="519273" spans="8:8">
      <c r="H519273" s="12"/>
    </row>
    <row r="519274" spans="8:8">
      <c r="H519274" s="12"/>
    </row>
    <row r="519275" spans="8:8">
      <c r="H519275" s="12"/>
    </row>
    <row r="519276" spans="8:8">
      <c r="H519276" s="12"/>
    </row>
    <row r="519277" spans="8:8">
      <c r="H519277" s="12"/>
    </row>
    <row r="519278" spans="8:8">
      <c r="H519278" s="12"/>
    </row>
    <row r="519279" spans="8:8">
      <c r="H519279" s="12"/>
    </row>
    <row r="519280" spans="8:8">
      <c r="H519280" s="12"/>
    </row>
    <row r="519281" spans="8:8">
      <c r="H519281" s="12"/>
    </row>
    <row r="519282" spans="8:8">
      <c r="H519282" s="12"/>
    </row>
    <row r="519283" spans="8:8">
      <c r="H519283" s="12"/>
    </row>
    <row r="519284" spans="8:8">
      <c r="H519284" s="12"/>
    </row>
    <row r="519285" spans="8:8">
      <c r="H519285" s="12"/>
    </row>
    <row r="519286" spans="8:8">
      <c r="H519286" s="12"/>
    </row>
    <row r="519287" spans="8:8">
      <c r="H519287" s="12"/>
    </row>
    <row r="519288" spans="8:8">
      <c r="H519288" s="12"/>
    </row>
    <row r="519289" spans="8:8">
      <c r="H519289" s="12"/>
    </row>
    <row r="519290" spans="8:8">
      <c r="H519290" s="12"/>
    </row>
    <row r="519291" spans="8:8">
      <c r="H519291" s="12"/>
    </row>
    <row r="519292" spans="8:8">
      <c r="H519292" s="12"/>
    </row>
    <row r="519293" spans="8:8">
      <c r="H519293" s="12"/>
    </row>
    <row r="519294" spans="8:8">
      <c r="H519294" s="12"/>
    </row>
    <row r="519295" spans="8:8">
      <c r="H519295" s="12"/>
    </row>
    <row r="519296" spans="8:8">
      <c r="H519296" s="12"/>
    </row>
    <row r="519297" spans="8:8">
      <c r="H519297" s="12"/>
    </row>
    <row r="519298" spans="8:8">
      <c r="H519298" s="12"/>
    </row>
    <row r="519299" spans="8:8">
      <c r="H519299" s="12"/>
    </row>
    <row r="519300" spans="8:8">
      <c r="H519300" s="12"/>
    </row>
    <row r="519301" spans="8:8">
      <c r="H519301" s="12"/>
    </row>
    <row r="519302" spans="8:8">
      <c r="H519302" s="12"/>
    </row>
    <row r="519303" spans="8:8">
      <c r="H519303" s="12"/>
    </row>
    <row r="519304" spans="8:8">
      <c r="H519304" s="12"/>
    </row>
    <row r="519305" spans="8:8">
      <c r="H519305" s="12"/>
    </row>
    <row r="519306" spans="8:8">
      <c r="H519306" s="12"/>
    </row>
    <row r="519307" spans="8:8">
      <c r="H519307" s="12"/>
    </row>
    <row r="519308" spans="8:8">
      <c r="H519308" s="12"/>
    </row>
    <row r="519309" spans="8:8">
      <c r="H519309" s="12"/>
    </row>
    <row r="519310" spans="8:8">
      <c r="H519310" s="12"/>
    </row>
    <row r="519311" spans="8:8">
      <c r="H519311" s="12"/>
    </row>
    <row r="519312" spans="8:8">
      <c r="H519312" s="12"/>
    </row>
    <row r="519313" spans="8:8">
      <c r="H519313" s="12"/>
    </row>
    <row r="519314" spans="8:8">
      <c r="H519314" s="12"/>
    </row>
    <row r="519315" spans="8:8">
      <c r="H519315" s="12"/>
    </row>
    <row r="519316" spans="8:8">
      <c r="H519316" s="12"/>
    </row>
    <row r="519317" spans="8:8">
      <c r="H519317" s="12"/>
    </row>
    <row r="519318" spans="8:8">
      <c r="H519318" s="12"/>
    </row>
    <row r="519319" spans="8:8">
      <c r="H519319" s="12"/>
    </row>
    <row r="519320" spans="8:8">
      <c r="H519320" s="12"/>
    </row>
    <row r="519321" spans="8:8">
      <c r="H519321" s="12"/>
    </row>
    <row r="519322" spans="8:8">
      <c r="H519322" s="12"/>
    </row>
    <row r="519323" spans="8:8">
      <c r="H519323" s="12"/>
    </row>
    <row r="519324" spans="8:8">
      <c r="H519324" s="12"/>
    </row>
    <row r="519325" spans="8:8">
      <c r="H519325" s="12"/>
    </row>
    <row r="519326" spans="8:8">
      <c r="H519326" s="12"/>
    </row>
    <row r="519327" spans="8:8">
      <c r="H519327" s="12"/>
    </row>
    <row r="519328" spans="8:8">
      <c r="H519328" s="12"/>
    </row>
    <row r="519329" spans="8:8">
      <c r="H519329" s="12"/>
    </row>
    <row r="519330" spans="8:8">
      <c r="H519330" s="12"/>
    </row>
    <row r="519331" spans="8:8">
      <c r="H519331" s="12"/>
    </row>
    <row r="519332" spans="8:8">
      <c r="H519332" s="12"/>
    </row>
    <row r="519333" spans="8:8">
      <c r="H519333" s="12"/>
    </row>
    <row r="519334" spans="8:8">
      <c r="H519334" s="12"/>
    </row>
    <row r="519335" spans="8:8">
      <c r="H519335" s="12"/>
    </row>
    <row r="519336" spans="8:8">
      <c r="H519336" s="12"/>
    </row>
    <row r="519337" spans="8:8">
      <c r="H519337" s="12"/>
    </row>
    <row r="519338" spans="8:8">
      <c r="H519338" s="12"/>
    </row>
    <row r="519339" spans="8:8">
      <c r="H519339" s="12"/>
    </row>
    <row r="519340" spans="8:8">
      <c r="H519340" s="12"/>
    </row>
    <row r="519341" spans="8:8">
      <c r="H519341" s="12"/>
    </row>
    <row r="519342" spans="8:8">
      <c r="H519342" s="12"/>
    </row>
    <row r="519343" spans="8:8">
      <c r="H519343" s="12"/>
    </row>
    <row r="519344" spans="8:8">
      <c r="H519344" s="12"/>
    </row>
    <row r="519345" spans="8:8">
      <c r="H519345" s="12"/>
    </row>
    <row r="519346" spans="8:8">
      <c r="H519346" s="12"/>
    </row>
    <row r="519347" spans="8:8">
      <c r="H519347" s="12"/>
    </row>
    <row r="519348" spans="8:8">
      <c r="H519348" s="12"/>
    </row>
    <row r="519349" spans="8:8">
      <c r="H519349" s="12"/>
    </row>
    <row r="519350" spans="8:8">
      <c r="H519350" s="12"/>
    </row>
    <row r="519351" spans="8:8">
      <c r="H519351" s="12"/>
    </row>
    <row r="519352" spans="8:8">
      <c r="H519352" s="12"/>
    </row>
    <row r="519353" spans="8:8">
      <c r="H519353" s="12"/>
    </row>
    <row r="519354" spans="8:8">
      <c r="H519354" s="12"/>
    </row>
    <row r="519355" spans="8:8">
      <c r="H519355" s="12"/>
    </row>
    <row r="519356" spans="8:8">
      <c r="H519356" s="12"/>
    </row>
    <row r="519357" spans="8:8">
      <c r="H519357" s="12"/>
    </row>
    <row r="519358" spans="8:8">
      <c r="H519358" s="12"/>
    </row>
    <row r="519359" spans="8:8">
      <c r="H519359" s="12"/>
    </row>
    <row r="519360" spans="8:8">
      <c r="H519360" s="12"/>
    </row>
    <row r="519361" spans="8:8">
      <c r="H519361" s="12"/>
    </row>
    <row r="519362" spans="8:8">
      <c r="H519362" s="12"/>
    </row>
    <row r="519363" spans="8:8">
      <c r="H519363" s="12"/>
    </row>
    <row r="519364" spans="8:8">
      <c r="H519364" s="12"/>
    </row>
    <row r="519365" spans="8:8">
      <c r="H519365" s="12"/>
    </row>
    <row r="519366" spans="8:8">
      <c r="H519366" s="12"/>
    </row>
    <row r="519367" spans="8:8">
      <c r="H519367" s="12"/>
    </row>
    <row r="519368" spans="8:8">
      <c r="H519368" s="12"/>
    </row>
    <row r="519369" spans="8:8">
      <c r="H519369" s="12"/>
    </row>
    <row r="519370" spans="8:8">
      <c r="H519370" s="12"/>
    </row>
    <row r="519371" spans="8:8">
      <c r="H519371" s="12"/>
    </row>
    <row r="519372" spans="8:8">
      <c r="H519372" s="12"/>
    </row>
    <row r="519373" spans="8:8">
      <c r="H519373" s="12"/>
    </row>
    <row r="519374" spans="8:8">
      <c r="H519374" s="12"/>
    </row>
    <row r="519375" spans="8:8">
      <c r="H519375" s="12"/>
    </row>
    <row r="519376" spans="8:8">
      <c r="H519376" s="12"/>
    </row>
    <row r="519377" spans="8:8">
      <c r="H519377" s="12"/>
    </row>
    <row r="519378" spans="8:8">
      <c r="H519378" s="12"/>
    </row>
    <row r="519379" spans="8:8">
      <c r="H519379" s="12"/>
    </row>
    <row r="519380" spans="8:8">
      <c r="H519380" s="12"/>
    </row>
    <row r="519381" spans="8:8">
      <c r="H519381" s="12"/>
    </row>
    <row r="519382" spans="8:8">
      <c r="H519382" s="12"/>
    </row>
    <row r="519383" spans="8:8">
      <c r="H519383" s="12"/>
    </row>
    <row r="519384" spans="8:8">
      <c r="H519384" s="12"/>
    </row>
    <row r="519385" spans="8:8">
      <c r="H519385" s="12"/>
    </row>
    <row r="519386" spans="8:8">
      <c r="H519386" s="12"/>
    </row>
    <row r="519387" spans="8:8">
      <c r="H519387" s="12"/>
    </row>
    <row r="519388" spans="8:8">
      <c r="H519388" s="12"/>
    </row>
    <row r="519389" spans="8:8">
      <c r="H519389" s="12"/>
    </row>
    <row r="519390" spans="8:8">
      <c r="H519390" s="12"/>
    </row>
    <row r="519391" spans="8:8">
      <c r="H519391" s="12"/>
    </row>
    <row r="519392" spans="8:8">
      <c r="H519392" s="12"/>
    </row>
    <row r="519393" spans="8:8">
      <c r="H519393" s="12"/>
    </row>
    <row r="519394" spans="8:8">
      <c r="H519394" s="12"/>
    </row>
    <row r="519395" spans="8:8">
      <c r="H519395" s="12"/>
    </row>
    <row r="519396" spans="8:8">
      <c r="H519396" s="12"/>
    </row>
    <row r="519397" spans="8:8">
      <c r="H519397" s="12"/>
    </row>
    <row r="519398" spans="8:8">
      <c r="H519398" s="12"/>
    </row>
    <row r="519399" spans="8:8">
      <c r="H519399" s="12"/>
    </row>
    <row r="519400" spans="8:8">
      <c r="H519400" s="12"/>
    </row>
    <row r="519401" spans="8:8">
      <c r="H519401" s="12"/>
    </row>
    <row r="519402" spans="8:8">
      <c r="H519402" s="12"/>
    </row>
    <row r="519403" spans="8:8">
      <c r="H519403" s="12"/>
    </row>
    <row r="519404" spans="8:8">
      <c r="H519404" s="12"/>
    </row>
    <row r="519405" spans="8:8">
      <c r="H519405" s="12"/>
    </row>
    <row r="519406" spans="8:8">
      <c r="H519406" s="12"/>
    </row>
    <row r="519407" spans="8:8">
      <c r="H519407" s="12"/>
    </row>
    <row r="519408" spans="8:8">
      <c r="H519408" s="12"/>
    </row>
    <row r="519409" spans="8:8">
      <c r="H519409" s="12"/>
    </row>
    <row r="519410" spans="8:8">
      <c r="H519410" s="12"/>
    </row>
    <row r="519411" spans="8:8">
      <c r="H519411" s="12"/>
    </row>
    <row r="519412" spans="8:8">
      <c r="H519412" s="12"/>
    </row>
    <row r="519413" spans="8:8">
      <c r="H519413" s="12"/>
    </row>
    <row r="519414" spans="8:8">
      <c r="H519414" s="12"/>
    </row>
    <row r="519415" spans="8:8">
      <c r="H519415" s="12"/>
    </row>
    <row r="519416" spans="8:8">
      <c r="H519416" s="12"/>
    </row>
    <row r="519417" spans="8:8">
      <c r="H519417" s="12"/>
    </row>
    <row r="519418" spans="8:8">
      <c r="H519418" s="12"/>
    </row>
    <row r="519419" spans="8:8">
      <c r="H519419" s="12"/>
    </row>
    <row r="519420" spans="8:8">
      <c r="H519420" s="12"/>
    </row>
    <row r="519421" spans="8:8">
      <c r="H519421" s="12"/>
    </row>
    <row r="519422" spans="8:8">
      <c r="H519422" s="12"/>
    </row>
    <row r="519423" spans="8:8">
      <c r="H519423" s="12"/>
    </row>
    <row r="519424" spans="8:8">
      <c r="H519424" s="12"/>
    </row>
    <row r="519425" spans="8:8">
      <c r="H519425" s="12"/>
    </row>
    <row r="519426" spans="8:8">
      <c r="H519426" s="12"/>
    </row>
    <row r="519427" spans="8:8">
      <c r="H519427" s="12"/>
    </row>
    <row r="519428" spans="8:8">
      <c r="H519428" s="12"/>
    </row>
    <row r="519429" spans="8:8">
      <c r="H519429" s="12"/>
    </row>
    <row r="519430" spans="8:8">
      <c r="H519430" s="12"/>
    </row>
    <row r="519431" spans="8:8">
      <c r="H519431" s="12"/>
    </row>
    <row r="519432" spans="8:8">
      <c r="H519432" s="12"/>
    </row>
    <row r="519433" spans="8:8">
      <c r="H519433" s="12"/>
    </row>
    <row r="519434" spans="8:8">
      <c r="H519434" s="12"/>
    </row>
    <row r="519435" spans="8:8">
      <c r="H519435" s="12"/>
    </row>
    <row r="519436" spans="8:8">
      <c r="H519436" s="12"/>
    </row>
    <row r="519437" spans="8:8">
      <c r="H519437" s="12"/>
    </row>
    <row r="519438" spans="8:8">
      <c r="H519438" s="12"/>
    </row>
    <row r="519439" spans="8:8">
      <c r="H519439" s="12"/>
    </row>
    <row r="519440" spans="8:8">
      <c r="H519440" s="12"/>
    </row>
    <row r="519441" spans="8:8">
      <c r="H519441" s="12"/>
    </row>
    <row r="519442" spans="8:8">
      <c r="H519442" s="12"/>
    </row>
    <row r="519443" spans="8:8">
      <c r="H519443" s="12"/>
    </row>
    <row r="519444" spans="8:8">
      <c r="H519444" s="12"/>
    </row>
    <row r="519445" spans="8:8">
      <c r="H519445" s="12"/>
    </row>
    <row r="519446" spans="8:8">
      <c r="H519446" s="12"/>
    </row>
    <row r="519447" spans="8:8">
      <c r="H519447" s="12"/>
    </row>
    <row r="519448" spans="8:8">
      <c r="H519448" s="12"/>
    </row>
    <row r="519449" spans="8:8">
      <c r="H519449" s="12"/>
    </row>
    <row r="519450" spans="8:8">
      <c r="H519450" s="12"/>
    </row>
    <row r="519451" spans="8:8">
      <c r="H519451" s="12"/>
    </row>
    <row r="519452" spans="8:8">
      <c r="H519452" s="12"/>
    </row>
    <row r="519453" spans="8:8">
      <c r="H519453" s="12"/>
    </row>
    <row r="519454" spans="8:8">
      <c r="H519454" s="12"/>
    </row>
    <row r="519455" spans="8:8">
      <c r="H519455" s="12"/>
    </row>
    <row r="519456" spans="8:8">
      <c r="H519456" s="12"/>
    </row>
    <row r="519457" spans="8:8">
      <c r="H519457" s="12"/>
    </row>
    <row r="519458" spans="8:8">
      <c r="H519458" s="12"/>
    </row>
    <row r="519459" spans="8:8">
      <c r="H519459" s="12"/>
    </row>
    <row r="519460" spans="8:8">
      <c r="H519460" s="12"/>
    </row>
    <row r="519461" spans="8:8">
      <c r="H519461" s="12"/>
    </row>
    <row r="519462" spans="8:8">
      <c r="H519462" s="12"/>
    </row>
    <row r="519463" spans="8:8">
      <c r="H519463" s="12"/>
    </row>
    <row r="519464" spans="8:8">
      <c r="H519464" s="12"/>
    </row>
    <row r="519465" spans="8:8">
      <c r="H519465" s="12"/>
    </row>
    <row r="519466" spans="8:8">
      <c r="H519466" s="12"/>
    </row>
    <row r="519467" spans="8:8">
      <c r="H519467" s="12"/>
    </row>
    <row r="519468" spans="8:8">
      <c r="H519468" s="12"/>
    </row>
    <row r="519469" spans="8:8">
      <c r="H519469" s="12"/>
    </row>
    <row r="519470" spans="8:8">
      <c r="H519470" s="12"/>
    </row>
    <row r="519471" spans="8:8">
      <c r="H519471" s="12"/>
    </row>
    <row r="519472" spans="8:8">
      <c r="H519472" s="12"/>
    </row>
    <row r="519473" spans="8:8">
      <c r="H519473" s="12"/>
    </row>
    <row r="519474" spans="8:8">
      <c r="H519474" s="12"/>
    </row>
    <row r="519475" spans="8:8">
      <c r="H519475" s="12"/>
    </row>
    <row r="519476" spans="8:8">
      <c r="H519476" s="12"/>
    </row>
    <row r="519477" spans="8:8">
      <c r="H519477" s="12"/>
    </row>
    <row r="519478" spans="8:8">
      <c r="H519478" s="12"/>
    </row>
    <row r="519479" spans="8:8">
      <c r="H519479" s="12"/>
    </row>
    <row r="519480" spans="8:8">
      <c r="H519480" s="12"/>
    </row>
    <row r="519481" spans="8:8">
      <c r="H519481" s="12"/>
    </row>
    <row r="519482" spans="8:8">
      <c r="H519482" s="12"/>
    </row>
    <row r="519483" spans="8:8">
      <c r="H519483" s="12"/>
    </row>
    <row r="519484" spans="8:8">
      <c r="H519484" s="12"/>
    </row>
    <row r="519485" spans="8:8">
      <c r="H519485" s="12"/>
    </row>
    <row r="519486" spans="8:8">
      <c r="H519486" s="12"/>
    </row>
    <row r="519487" spans="8:8">
      <c r="H519487" s="12"/>
    </row>
    <row r="519488" spans="8:8">
      <c r="H519488" s="12"/>
    </row>
    <row r="519489" spans="8:8">
      <c r="H519489" s="12"/>
    </row>
    <row r="519490" spans="8:8">
      <c r="H519490" s="12"/>
    </row>
    <row r="519491" spans="8:8">
      <c r="H519491" s="12"/>
    </row>
    <row r="519492" spans="8:8">
      <c r="H519492" s="12"/>
    </row>
    <row r="519493" spans="8:8">
      <c r="H519493" s="12"/>
    </row>
    <row r="519494" spans="8:8">
      <c r="H519494" s="12"/>
    </row>
    <row r="519495" spans="8:8">
      <c r="H519495" s="12"/>
    </row>
    <row r="519496" spans="8:8">
      <c r="H519496" s="12"/>
    </row>
    <row r="519497" spans="8:8">
      <c r="H519497" s="12"/>
    </row>
    <row r="519498" spans="8:8">
      <c r="H519498" s="12"/>
    </row>
    <row r="519499" spans="8:8">
      <c r="H519499" s="12"/>
    </row>
    <row r="519500" spans="8:8">
      <c r="H519500" s="12"/>
    </row>
    <row r="519501" spans="8:8">
      <c r="H519501" s="12"/>
    </row>
    <row r="519502" spans="8:8">
      <c r="H519502" s="12"/>
    </row>
    <row r="519503" spans="8:8">
      <c r="H519503" s="12"/>
    </row>
    <row r="519504" spans="8:8">
      <c r="H519504" s="12"/>
    </row>
    <row r="519505" spans="8:8">
      <c r="H519505" s="12"/>
    </row>
    <row r="519506" spans="8:8">
      <c r="H519506" s="12"/>
    </row>
    <row r="519507" spans="8:8">
      <c r="H519507" s="12"/>
    </row>
    <row r="519508" spans="8:8">
      <c r="H519508" s="12"/>
    </row>
    <row r="519509" spans="8:8">
      <c r="H519509" s="12"/>
    </row>
    <row r="519510" spans="8:8">
      <c r="H519510" s="12"/>
    </row>
    <row r="519511" spans="8:8">
      <c r="H519511" s="12"/>
    </row>
    <row r="519512" spans="8:8">
      <c r="H519512" s="12"/>
    </row>
    <row r="519513" spans="8:8">
      <c r="H519513" s="12"/>
    </row>
    <row r="519514" spans="8:8">
      <c r="H519514" s="12"/>
    </row>
    <row r="519515" spans="8:8">
      <c r="H519515" s="12"/>
    </row>
    <row r="519516" spans="8:8">
      <c r="H519516" s="12"/>
    </row>
    <row r="519517" spans="8:8">
      <c r="H519517" s="12"/>
    </row>
    <row r="519518" spans="8:8">
      <c r="H519518" s="12"/>
    </row>
    <row r="519519" spans="8:8">
      <c r="H519519" s="12"/>
    </row>
    <row r="519520" spans="8:8">
      <c r="H519520" s="12"/>
    </row>
    <row r="519521" spans="8:8">
      <c r="H519521" s="12"/>
    </row>
    <row r="519522" spans="8:8">
      <c r="H519522" s="12"/>
    </row>
    <row r="519523" spans="8:8">
      <c r="H519523" s="12"/>
    </row>
    <row r="519524" spans="8:8">
      <c r="H519524" s="12"/>
    </row>
    <row r="519525" spans="8:8">
      <c r="H519525" s="12"/>
    </row>
    <row r="519526" spans="8:8">
      <c r="H519526" s="12"/>
    </row>
    <row r="519527" spans="8:8">
      <c r="H519527" s="12"/>
    </row>
    <row r="519528" spans="8:8">
      <c r="H519528" s="12"/>
    </row>
    <row r="519529" spans="8:8">
      <c r="H519529" s="12"/>
    </row>
    <row r="519530" spans="8:8">
      <c r="H519530" s="12"/>
    </row>
    <row r="519531" spans="8:8">
      <c r="H519531" s="12"/>
    </row>
    <row r="519532" spans="8:8">
      <c r="H519532" s="12"/>
    </row>
    <row r="519533" spans="8:8">
      <c r="H519533" s="12"/>
    </row>
    <row r="519534" spans="8:8">
      <c r="H519534" s="12"/>
    </row>
    <row r="519535" spans="8:8">
      <c r="H519535" s="12"/>
    </row>
    <row r="519536" spans="8:8">
      <c r="H519536" s="12"/>
    </row>
    <row r="519537" spans="8:8">
      <c r="H519537" s="12"/>
    </row>
    <row r="519538" spans="8:8">
      <c r="H519538" s="12"/>
    </row>
    <row r="519539" spans="8:8">
      <c r="H519539" s="12"/>
    </row>
    <row r="519540" spans="8:8">
      <c r="H519540" s="12"/>
    </row>
    <row r="519541" spans="8:8">
      <c r="H519541" s="12"/>
    </row>
    <row r="519542" spans="8:8">
      <c r="H519542" s="12"/>
    </row>
    <row r="519543" spans="8:8">
      <c r="H519543" s="12"/>
    </row>
    <row r="519544" spans="8:8">
      <c r="H519544" s="12"/>
    </row>
    <row r="519545" spans="8:8">
      <c r="H519545" s="12"/>
    </row>
    <row r="519546" spans="8:8">
      <c r="H519546" s="12"/>
    </row>
    <row r="519547" spans="8:8">
      <c r="H519547" s="12"/>
    </row>
    <row r="519548" spans="8:8">
      <c r="H519548" s="12"/>
    </row>
    <row r="519549" spans="8:8">
      <c r="H519549" s="12"/>
    </row>
    <row r="519550" spans="8:8">
      <c r="H519550" s="12"/>
    </row>
    <row r="519551" spans="8:8">
      <c r="H519551" s="12"/>
    </row>
    <row r="519552" spans="8:8">
      <c r="H519552" s="12"/>
    </row>
    <row r="519553" spans="8:8">
      <c r="H519553" s="12"/>
    </row>
    <row r="519554" spans="8:8">
      <c r="H519554" s="12"/>
    </row>
    <row r="519555" spans="8:8">
      <c r="H519555" s="12"/>
    </row>
    <row r="519556" spans="8:8">
      <c r="H519556" s="12"/>
    </row>
    <row r="519557" spans="8:8">
      <c r="H519557" s="12"/>
    </row>
    <row r="519558" spans="8:8">
      <c r="H519558" s="12"/>
    </row>
    <row r="519559" spans="8:8">
      <c r="H519559" s="12"/>
    </row>
    <row r="519560" spans="8:8">
      <c r="H519560" s="12"/>
    </row>
    <row r="519561" spans="8:8">
      <c r="H519561" s="12"/>
    </row>
    <row r="519562" spans="8:8">
      <c r="H519562" s="12"/>
    </row>
    <row r="519563" spans="8:8">
      <c r="H519563" s="12"/>
    </row>
    <row r="519564" spans="8:8">
      <c r="H519564" s="12"/>
    </row>
    <row r="519565" spans="8:8">
      <c r="H519565" s="12"/>
    </row>
    <row r="519566" spans="8:8">
      <c r="H519566" s="12"/>
    </row>
    <row r="519567" spans="8:8">
      <c r="H519567" s="12"/>
    </row>
    <row r="519568" spans="8:8">
      <c r="H519568" s="12"/>
    </row>
    <row r="519569" spans="8:8">
      <c r="H519569" s="12"/>
    </row>
    <row r="519570" spans="8:8">
      <c r="H519570" s="12"/>
    </row>
    <row r="519571" spans="8:8">
      <c r="H519571" s="12"/>
    </row>
    <row r="519572" spans="8:8">
      <c r="H519572" s="12"/>
    </row>
    <row r="519573" spans="8:8">
      <c r="H519573" s="12"/>
    </row>
    <row r="519574" spans="8:8">
      <c r="H519574" s="12"/>
    </row>
    <row r="519575" spans="8:8">
      <c r="H519575" s="12"/>
    </row>
    <row r="519576" spans="8:8">
      <c r="H519576" s="12"/>
    </row>
    <row r="519577" spans="8:8">
      <c r="H519577" s="12"/>
    </row>
    <row r="519578" spans="8:8">
      <c r="H519578" s="12"/>
    </row>
    <row r="519579" spans="8:8">
      <c r="H519579" s="12"/>
    </row>
    <row r="519580" spans="8:8">
      <c r="H519580" s="12"/>
    </row>
    <row r="519581" spans="8:8">
      <c r="H519581" s="12"/>
    </row>
    <row r="519582" spans="8:8">
      <c r="H519582" s="12"/>
    </row>
    <row r="519583" spans="8:8">
      <c r="H519583" s="12"/>
    </row>
    <row r="519584" spans="8:8">
      <c r="H519584" s="12"/>
    </row>
    <row r="519585" spans="8:8">
      <c r="H519585" s="12"/>
    </row>
    <row r="519586" spans="8:8">
      <c r="H519586" s="12"/>
    </row>
    <row r="519587" spans="8:8">
      <c r="H519587" s="12"/>
    </row>
    <row r="519588" spans="8:8">
      <c r="H519588" s="12"/>
    </row>
    <row r="519589" spans="8:8">
      <c r="H519589" s="12"/>
    </row>
    <row r="519590" spans="8:8">
      <c r="H519590" s="12"/>
    </row>
    <row r="519591" spans="8:8">
      <c r="H519591" s="12"/>
    </row>
    <row r="519592" spans="8:8">
      <c r="H519592" s="12"/>
    </row>
    <row r="519593" spans="8:8">
      <c r="H519593" s="12"/>
    </row>
    <row r="519594" spans="8:8">
      <c r="H519594" s="12"/>
    </row>
    <row r="519595" spans="8:8">
      <c r="H519595" s="12"/>
    </row>
    <row r="519596" spans="8:8">
      <c r="H519596" s="12"/>
    </row>
    <row r="519597" spans="8:8">
      <c r="H519597" s="12"/>
    </row>
    <row r="519598" spans="8:8">
      <c r="H519598" s="12"/>
    </row>
    <row r="519599" spans="8:8">
      <c r="H519599" s="12"/>
    </row>
    <row r="519600" spans="8:8">
      <c r="H519600" s="12"/>
    </row>
    <row r="519601" spans="8:8">
      <c r="H519601" s="12"/>
    </row>
    <row r="519602" spans="8:8">
      <c r="H519602" s="12"/>
    </row>
    <row r="519603" spans="8:8">
      <c r="H519603" s="12"/>
    </row>
    <row r="519604" spans="8:8">
      <c r="H519604" s="12"/>
    </row>
    <row r="519605" spans="8:8">
      <c r="H519605" s="12"/>
    </row>
    <row r="519606" spans="8:8">
      <c r="H519606" s="12"/>
    </row>
    <row r="519607" spans="8:8">
      <c r="H519607" s="12"/>
    </row>
    <row r="519608" spans="8:8">
      <c r="H519608" s="12"/>
    </row>
    <row r="519609" spans="8:8">
      <c r="H519609" s="12"/>
    </row>
    <row r="519610" spans="8:8">
      <c r="H519610" s="12"/>
    </row>
    <row r="519611" spans="8:8">
      <c r="H519611" s="12"/>
    </row>
    <row r="519612" spans="8:8">
      <c r="H519612" s="12"/>
    </row>
    <row r="519613" spans="8:8">
      <c r="H519613" s="12"/>
    </row>
    <row r="519614" spans="8:8">
      <c r="H519614" s="12"/>
    </row>
    <row r="519615" spans="8:8">
      <c r="H519615" s="12"/>
    </row>
    <row r="519616" spans="8:8">
      <c r="H519616" s="12"/>
    </row>
    <row r="519617" spans="8:8">
      <c r="H519617" s="12"/>
    </row>
    <row r="519618" spans="8:8">
      <c r="H519618" s="12"/>
    </row>
    <row r="519619" spans="8:8">
      <c r="H519619" s="12"/>
    </row>
    <row r="519620" spans="8:8">
      <c r="H519620" s="12"/>
    </row>
    <row r="519621" spans="8:8">
      <c r="H519621" s="12"/>
    </row>
    <row r="519622" spans="8:8">
      <c r="H519622" s="12"/>
    </row>
    <row r="519623" spans="8:8">
      <c r="H519623" s="12"/>
    </row>
    <row r="519624" spans="8:8">
      <c r="H519624" s="12"/>
    </row>
    <row r="519625" spans="8:8">
      <c r="H519625" s="12"/>
    </row>
    <row r="519626" spans="8:8">
      <c r="H519626" s="12"/>
    </row>
    <row r="519627" spans="8:8">
      <c r="H519627" s="12"/>
    </row>
    <row r="519628" spans="8:8">
      <c r="H519628" s="12"/>
    </row>
    <row r="519629" spans="8:8">
      <c r="H519629" s="12"/>
    </row>
    <row r="519630" spans="8:8">
      <c r="H519630" s="12"/>
    </row>
    <row r="519631" spans="8:8">
      <c r="H519631" s="12"/>
    </row>
    <row r="519632" spans="8:8">
      <c r="H519632" s="12"/>
    </row>
    <row r="519633" spans="8:8">
      <c r="H519633" s="12"/>
    </row>
    <row r="519634" spans="8:8">
      <c r="H519634" s="12"/>
    </row>
    <row r="519635" spans="8:8">
      <c r="H519635" s="12"/>
    </row>
    <row r="519636" spans="8:8">
      <c r="H519636" s="12"/>
    </row>
    <row r="519637" spans="8:8">
      <c r="H519637" s="12"/>
    </row>
    <row r="519638" spans="8:8">
      <c r="H519638" s="12"/>
    </row>
    <row r="519639" spans="8:8">
      <c r="H519639" s="12"/>
    </row>
    <row r="519640" spans="8:8">
      <c r="H519640" s="12"/>
    </row>
    <row r="519641" spans="8:8">
      <c r="H519641" s="12"/>
    </row>
    <row r="519642" spans="8:8">
      <c r="H519642" s="12"/>
    </row>
    <row r="519643" spans="8:8">
      <c r="H519643" s="12"/>
    </row>
    <row r="519644" spans="8:8">
      <c r="H519644" s="12"/>
    </row>
    <row r="519645" spans="8:8">
      <c r="H519645" s="12"/>
    </row>
    <row r="519646" spans="8:8">
      <c r="H519646" s="12"/>
    </row>
    <row r="519647" spans="8:8">
      <c r="H519647" s="12"/>
    </row>
    <row r="519648" spans="8:8">
      <c r="H519648" s="12"/>
    </row>
    <row r="519649" spans="8:8">
      <c r="H519649" s="12"/>
    </row>
    <row r="519650" spans="8:8">
      <c r="H519650" s="12"/>
    </row>
    <row r="519651" spans="8:8">
      <c r="H519651" s="12"/>
    </row>
    <row r="519652" spans="8:8">
      <c r="H519652" s="12"/>
    </row>
    <row r="519653" spans="8:8">
      <c r="H519653" s="12"/>
    </row>
    <row r="519654" spans="8:8">
      <c r="H519654" s="12"/>
    </row>
    <row r="519655" spans="8:8">
      <c r="H519655" s="12"/>
    </row>
    <row r="519656" spans="8:8">
      <c r="H519656" s="12"/>
    </row>
    <row r="519657" spans="8:8">
      <c r="H519657" s="12"/>
    </row>
    <row r="519658" spans="8:8">
      <c r="H519658" s="12"/>
    </row>
    <row r="519659" spans="8:8">
      <c r="H519659" s="12"/>
    </row>
    <row r="519660" spans="8:8">
      <c r="H519660" s="12"/>
    </row>
    <row r="519661" spans="8:8">
      <c r="H519661" s="12"/>
    </row>
    <row r="519662" spans="8:8">
      <c r="H519662" s="12"/>
    </row>
    <row r="519663" spans="8:8">
      <c r="H519663" s="12"/>
    </row>
    <row r="519664" spans="8:8">
      <c r="H519664" s="12"/>
    </row>
    <row r="519665" spans="8:8">
      <c r="H519665" s="12"/>
    </row>
    <row r="519666" spans="8:8">
      <c r="H519666" s="12"/>
    </row>
    <row r="519667" spans="8:8">
      <c r="H519667" s="12"/>
    </row>
    <row r="519668" spans="8:8">
      <c r="H519668" s="12"/>
    </row>
    <row r="519669" spans="8:8">
      <c r="H519669" s="12"/>
    </row>
    <row r="519670" spans="8:8">
      <c r="H519670" s="12"/>
    </row>
    <row r="519671" spans="8:8">
      <c r="H519671" s="12"/>
    </row>
    <row r="519672" spans="8:8">
      <c r="H519672" s="12"/>
    </row>
    <row r="519673" spans="8:8">
      <c r="H519673" s="12"/>
    </row>
    <row r="519674" spans="8:8">
      <c r="H519674" s="12"/>
    </row>
    <row r="519675" spans="8:8">
      <c r="H519675" s="12"/>
    </row>
    <row r="519676" spans="8:8">
      <c r="H519676" s="12"/>
    </row>
    <row r="519677" spans="8:8">
      <c r="H519677" s="12"/>
    </row>
    <row r="519678" spans="8:8">
      <c r="H519678" s="12"/>
    </row>
    <row r="519679" spans="8:8">
      <c r="H519679" s="12"/>
    </row>
    <row r="519680" spans="8:8">
      <c r="H519680" s="12"/>
    </row>
    <row r="519681" spans="8:8">
      <c r="H519681" s="12"/>
    </row>
    <row r="519682" spans="8:8">
      <c r="H519682" s="12"/>
    </row>
    <row r="519683" spans="8:8">
      <c r="H519683" s="12"/>
    </row>
    <row r="519684" spans="8:8">
      <c r="H519684" s="12"/>
    </row>
    <row r="519685" spans="8:8">
      <c r="H519685" s="12"/>
    </row>
    <row r="519686" spans="8:8">
      <c r="H519686" s="12"/>
    </row>
    <row r="519687" spans="8:8">
      <c r="H519687" s="12"/>
    </row>
    <row r="519688" spans="8:8">
      <c r="H519688" s="12"/>
    </row>
    <row r="519689" spans="8:8">
      <c r="H519689" s="12"/>
    </row>
    <row r="519690" spans="8:8">
      <c r="H519690" s="12"/>
    </row>
    <row r="519691" spans="8:8">
      <c r="H519691" s="12"/>
    </row>
    <row r="519692" spans="8:8">
      <c r="H519692" s="12"/>
    </row>
    <row r="519693" spans="8:8">
      <c r="H519693" s="12"/>
    </row>
    <row r="519694" spans="8:8">
      <c r="H519694" s="12"/>
    </row>
    <row r="519695" spans="8:8">
      <c r="H519695" s="12"/>
    </row>
    <row r="519696" spans="8:8">
      <c r="H519696" s="12"/>
    </row>
    <row r="519697" spans="8:8">
      <c r="H519697" s="12"/>
    </row>
    <row r="519698" spans="8:8">
      <c r="H519698" s="12"/>
    </row>
    <row r="519699" spans="8:8">
      <c r="H519699" s="12"/>
    </row>
    <row r="519700" spans="8:8">
      <c r="H519700" s="12"/>
    </row>
    <row r="519701" spans="8:8">
      <c r="H519701" s="12"/>
    </row>
    <row r="519702" spans="8:8">
      <c r="H519702" s="12"/>
    </row>
    <row r="519703" spans="8:8">
      <c r="H519703" s="12"/>
    </row>
    <row r="519704" spans="8:8">
      <c r="H519704" s="12"/>
    </row>
    <row r="519705" spans="8:8">
      <c r="H519705" s="12"/>
    </row>
    <row r="519706" spans="8:8">
      <c r="H519706" s="12"/>
    </row>
    <row r="519707" spans="8:8">
      <c r="H519707" s="12"/>
    </row>
    <row r="519708" spans="8:8">
      <c r="H519708" s="12"/>
    </row>
    <row r="519709" spans="8:8">
      <c r="H519709" s="12"/>
    </row>
    <row r="519710" spans="8:8">
      <c r="H519710" s="12"/>
    </row>
    <row r="519711" spans="8:8">
      <c r="H519711" s="12"/>
    </row>
    <row r="519712" spans="8:8">
      <c r="H519712" s="12"/>
    </row>
    <row r="519713" spans="8:8">
      <c r="H519713" s="12"/>
    </row>
    <row r="519714" spans="8:8">
      <c r="H519714" s="12"/>
    </row>
    <row r="519715" spans="8:8">
      <c r="H519715" s="12"/>
    </row>
    <row r="519716" spans="8:8">
      <c r="H519716" s="12"/>
    </row>
    <row r="519717" spans="8:8">
      <c r="H519717" s="12"/>
    </row>
    <row r="519718" spans="8:8">
      <c r="H519718" s="12"/>
    </row>
    <row r="519719" spans="8:8">
      <c r="H519719" s="12"/>
    </row>
    <row r="519720" spans="8:8">
      <c r="H519720" s="12"/>
    </row>
    <row r="519721" spans="8:8">
      <c r="H519721" s="12"/>
    </row>
    <row r="519722" spans="8:8">
      <c r="H519722" s="12"/>
    </row>
    <row r="519723" spans="8:8">
      <c r="H519723" s="12"/>
    </row>
    <row r="519724" spans="8:8">
      <c r="H519724" s="12"/>
    </row>
    <row r="519725" spans="8:8">
      <c r="H519725" s="12"/>
    </row>
    <row r="519726" spans="8:8">
      <c r="H519726" s="12"/>
    </row>
    <row r="519727" spans="8:8">
      <c r="H519727" s="12"/>
    </row>
    <row r="519728" spans="8:8">
      <c r="H519728" s="12"/>
    </row>
    <row r="519729" spans="8:8">
      <c r="H519729" s="12"/>
    </row>
    <row r="519730" spans="8:8">
      <c r="H519730" s="12"/>
    </row>
    <row r="519731" spans="8:8">
      <c r="H519731" s="12"/>
    </row>
    <row r="519732" spans="8:8">
      <c r="H519732" s="12"/>
    </row>
    <row r="519733" spans="8:8">
      <c r="H519733" s="12"/>
    </row>
    <row r="519734" spans="8:8">
      <c r="H519734" s="12"/>
    </row>
    <row r="519735" spans="8:8">
      <c r="H519735" s="12"/>
    </row>
    <row r="519736" spans="8:8">
      <c r="H519736" s="12"/>
    </row>
    <row r="519737" spans="8:8">
      <c r="H519737" s="12"/>
    </row>
    <row r="519738" spans="8:8">
      <c r="H519738" s="12"/>
    </row>
    <row r="519739" spans="8:8">
      <c r="H519739" s="12"/>
    </row>
    <row r="519740" spans="8:8">
      <c r="H519740" s="12"/>
    </row>
    <row r="519741" spans="8:8">
      <c r="H519741" s="12"/>
    </row>
    <row r="519742" spans="8:8">
      <c r="H519742" s="12"/>
    </row>
    <row r="519743" spans="8:8">
      <c r="H519743" s="12"/>
    </row>
    <row r="519744" spans="8:8">
      <c r="H519744" s="12"/>
    </row>
    <row r="519745" spans="8:8">
      <c r="H519745" s="12"/>
    </row>
    <row r="519746" spans="8:8">
      <c r="H519746" s="12"/>
    </row>
    <row r="519747" spans="8:8">
      <c r="H519747" s="12"/>
    </row>
    <row r="519748" spans="8:8">
      <c r="H519748" s="12"/>
    </row>
    <row r="519749" spans="8:8">
      <c r="H519749" s="12"/>
    </row>
    <row r="519750" spans="8:8">
      <c r="H519750" s="12"/>
    </row>
    <row r="519751" spans="8:8">
      <c r="H519751" s="12"/>
    </row>
    <row r="519752" spans="8:8">
      <c r="H519752" s="12"/>
    </row>
    <row r="519753" spans="8:8">
      <c r="H519753" s="12"/>
    </row>
    <row r="519754" spans="8:8">
      <c r="H519754" s="12"/>
    </row>
    <row r="519755" spans="8:8">
      <c r="H519755" s="12"/>
    </row>
    <row r="519756" spans="8:8">
      <c r="H519756" s="12"/>
    </row>
    <row r="519757" spans="8:8">
      <c r="H519757" s="12"/>
    </row>
    <row r="519758" spans="8:8">
      <c r="H519758" s="12"/>
    </row>
    <row r="519759" spans="8:8">
      <c r="H519759" s="12"/>
    </row>
    <row r="519760" spans="8:8">
      <c r="H519760" s="12"/>
    </row>
    <row r="519761" spans="8:8">
      <c r="H519761" s="12"/>
    </row>
    <row r="519762" spans="8:8">
      <c r="H519762" s="12"/>
    </row>
    <row r="519763" spans="8:8">
      <c r="H519763" s="12"/>
    </row>
    <row r="519764" spans="8:8">
      <c r="H519764" s="12"/>
    </row>
    <row r="519765" spans="8:8">
      <c r="H519765" s="12"/>
    </row>
    <row r="519766" spans="8:8">
      <c r="H519766" s="12"/>
    </row>
    <row r="519767" spans="8:8">
      <c r="H519767" s="12"/>
    </row>
    <row r="519768" spans="8:8">
      <c r="H519768" s="12"/>
    </row>
    <row r="519769" spans="8:8">
      <c r="H519769" s="12"/>
    </row>
    <row r="519770" spans="8:8">
      <c r="H519770" s="12"/>
    </row>
    <row r="519771" spans="8:8">
      <c r="H519771" s="12"/>
    </row>
    <row r="519772" spans="8:8">
      <c r="H519772" s="12"/>
    </row>
    <row r="519773" spans="8:8">
      <c r="H519773" s="12"/>
    </row>
    <row r="519774" spans="8:8">
      <c r="H519774" s="12"/>
    </row>
    <row r="519775" spans="8:8">
      <c r="H519775" s="12"/>
    </row>
    <row r="519776" spans="8:8">
      <c r="H519776" s="12"/>
    </row>
    <row r="519777" spans="8:8">
      <c r="H519777" s="12"/>
    </row>
    <row r="519778" spans="8:8">
      <c r="H519778" s="12"/>
    </row>
    <row r="519779" spans="8:8">
      <c r="H519779" s="12"/>
    </row>
    <row r="519780" spans="8:8">
      <c r="H519780" s="12"/>
    </row>
    <row r="519781" spans="8:8">
      <c r="H519781" s="12"/>
    </row>
    <row r="519782" spans="8:8">
      <c r="H519782" s="12"/>
    </row>
    <row r="519783" spans="8:8">
      <c r="H519783" s="12"/>
    </row>
    <row r="519784" spans="8:8">
      <c r="H519784" s="12"/>
    </row>
    <row r="519785" spans="8:8">
      <c r="H519785" s="12"/>
    </row>
    <row r="519786" spans="8:8">
      <c r="H519786" s="12"/>
    </row>
    <row r="519787" spans="8:8">
      <c r="H519787" s="12"/>
    </row>
    <row r="519788" spans="8:8">
      <c r="H519788" s="12"/>
    </row>
    <row r="519789" spans="8:8">
      <c r="H519789" s="12"/>
    </row>
    <row r="519790" spans="8:8">
      <c r="H519790" s="12"/>
    </row>
    <row r="519791" spans="8:8">
      <c r="H519791" s="12"/>
    </row>
    <row r="519792" spans="8:8">
      <c r="H519792" s="12"/>
    </row>
    <row r="519793" spans="8:8">
      <c r="H519793" s="12"/>
    </row>
    <row r="519794" spans="8:8">
      <c r="H519794" s="12"/>
    </row>
    <row r="519795" spans="8:8">
      <c r="H519795" s="12"/>
    </row>
    <row r="519796" spans="8:8">
      <c r="H519796" s="12"/>
    </row>
    <row r="519797" spans="8:8">
      <c r="H519797" s="12"/>
    </row>
    <row r="519798" spans="8:8">
      <c r="H519798" s="12"/>
    </row>
    <row r="519799" spans="8:8">
      <c r="H519799" s="12"/>
    </row>
    <row r="519800" spans="8:8">
      <c r="H519800" s="12"/>
    </row>
    <row r="519801" spans="8:8">
      <c r="H519801" s="12"/>
    </row>
    <row r="519802" spans="8:8">
      <c r="H519802" s="12"/>
    </row>
    <row r="519803" spans="8:8">
      <c r="H519803" s="12"/>
    </row>
    <row r="519804" spans="8:8">
      <c r="H519804" s="12"/>
    </row>
    <row r="519805" spans="8:8">
      <c r="H519805" s="12"/>
    </row>
    <row r="519806" spans="8:8">
      <c r="H519806" s="12"/>
    </row>
    <row r="519807" spans="8:8">
      <c r="H519807" s="12"/>
    </row>
    <row r="519808" spans="8:8">
      <c r="H519808" s="12"/>
    </row>
    <row r="519809" spans="8:8">
      <c r="H519809" s="12"/>
    </row>
    <row r="519810" spans="8:8">
      <c r="H519810" s="12"/>
    </row>
    <row r="519811" spans="8:8">
      <c r="H519811" s="12"/>
    </row>
    <row r="519812" spans="8:8">
      <c r="H519812" s="12"/>
    </row>
    <row r="519813" spans="8:8">
      <c r="H519813" s="12"/>
    </row>
    <row r="519814" spans="8:8">
      <c r="H519814" s="12"/>
    </row>
    <row r="519815" spans="8:8">
      <c r="H519815" s="12"/>
    </row>
    <row r="519816" spans="8:8">
      <c r="H519816" s="12"/>
    </row>
    <row r="519817" spans="8:8">
      <c r="H519817" s="12"/>
    </row>
    <row r="519818" spans="8:8">
      <c r="H519818" s="12"/>
    </row>
    <row r="519819" spans="8:8">
      <c r="H519819" s="12"/>
    </row>
    <row r="519820" spans="8:8">
      <c r="H519820" s="12"/>
    </row>
    <row r="519821" spans="8:8">
      <c r="H519821" s="12"/>
    </row>
    <row r="519822" spans="8:8">
      <c r="H519822" s="12"/>
    </row>
    <row r="519823" spans="8:8">
      <c r="H519823" s="12"/>
    </row>
    <row r="519824" spans="8:8">
      <c r="H519824" s="12"/>
    </row>
    <row r="519825" spans="8:8">
      <c r="H519825" s="12"/>
    </row>
    <row r="519826" spans="8:8">
      <c r="H519826" s="12"/>
    </row>
    <row r="519827" spans="8:8">
      <c r="H519827" s="12"/>
    </row>
    <row r="519828" spans="8:8">
      <c r="H519828" s="12"/>
    </row>
    <row r="519829" spans="8:8">
      <c r="H519829" s="12"/>
    </row>
    <row r="519830" spans="8:8">
      <c r="H519830" s="12"/>
    </row>
    <row r="519831" spans="8:8">
      <c r="H519831" s="12"/>
    </row>
    <row r="519832" spans="8:8">
      <c r="H519832" s="12"/>
    </row>
    <row r="519833" spans="8:8">
      <c r="H519833" s="12"/>
    </row>
    <row r="519834" spans="8:8">
      <c r="H519834" s="12"/>
    </row>
    <row r="519835" spans="8:8">
      <c r="H519835" s="12"/>
    </row>
    <row r="519836" spans="8:8">
      <c r="H519836" s="12"/>
    </row>
    <row r="519837" spans="8:8">
      <c r="H519837" s="12"/>
    </row>
    <row r="519838" spans="8:8">
      <c r="H519838" s="12"/>
    </row>
    <row r="519839" spans="8:8">
      <c r="H519839" s="12"/>
    </row>
    <row r="519840" spans="8:8">
      <c r="H519840" s="12"/>
    </row>
    <row r="519841" spans="8:8">
      <c r="H519841" s="12"/>
    </row>
    <row r="519842" spans="8:8">
      <c r="H519842" s="12"/>
    </row>
    <row r="519843" spans="8:8">
      <c r="H519843" s="12"/>
    </row>
    <row r="519844" spans="8:8">
      <c r="H519844" s="12"/>
    </row>
    <row r="519845" spans="8:8">
      <c r="H519845" s="12"/>
    </row>
    <row r="519846" spans="8:8">
      <c r="H519846" s="12"/>
    </row>
    <row r="519847" spans="8:8">
      <c r="H519847" s="12"/>
    </row>
    <row r="519848" spans="8:8">
      <c r="H519848" s="12"/>
    </row>
    <row r="519849" spans="8:8">
      <c r="H519849" s="12"/>
    </row>
    <row r="519850" spans="8:8">
      <c r="H519850" s="12"/>
    </row>
    <row r="519851" spans="8:8">
      <c r="H519851" s="12"/>
    </row>
    <row r="519852" spans="8:8">
      <c r="H519852" s="12"/>
    </row>
    <row r="519853" spans="8:8">
      <c r="H519853" s="12"/>
    </row>
    <row r="519854" spans="8:8">
      <c r="H519854" s="12"/>
    </row>
    <row r="519855" spans="8:8">
      <c r="H519855" s="12"/>
    </row>
    <row r="519856" spans="8:8">
      <c r="H519856" s="12"/>
    </row>
    <row r="519857" spans="8:8">
      <c r="H519857" s="12"/>
    </row>
    <row r="519858" spans="8:8">
      <c r="H519858" s="12"/>
    </row>
    <row r="519859" spans="8:8">
      <c r="H519859" s="12"/>
    </row>
    <row r="519860" spans="8:8">
      <c r="H519860" s="12"/>
    </row>
    <row r="519861" spans="8:8">
      <c r="H519861" s="12"/>
    </row>
    <row r="519862" spans="8:8">
      <c r="H519862" s="12"/>
    </row>
    <row r="519863" spans="8:8">
      <c r="H519863" s="12"/>
    </row>
    <row r="519864" spans="8:8">
      <c r="H519864" s="12"/>
    </row>
    <row r="519865" spans="8:8">
      <c r="H519865" s="12"/>
    </row>
    <row r="519866" spans="8:8">
      <c r="H519866" s="12"/>
    </row>
    <row r="519867" spans="8:8">
      <c r="H519867" s="12"/>
    </row>
    <row r="519868" spans="8:8">
      <c r="H519868" s="12"/>
    </row>
    <row r="519869" spans="8:8">
      <c r="H519869" s="12"/>
    </row>
    <row r="519870" spans="8:8">
      <c r="H519870" s="12"/>
    </row>
    <row r="519871" spans="8:8">
      <c r="H519871" s="12"/>
    </row>
    <row r="519872" spans="8:8">
      <c r="H519872" s="12"/>
    </row>
    <row r="519873" spans="8:8">
      <c r="H519873" s="12"/>
    </row>
    <row r="519874" spans="8:8">
      <c r="H519874" s="12"/>
    </row>
    <row r="519875" spans="8:8">
      <c r="H519875" s="12"/>
    </row>
    <row r="519876" spans="8:8">
      <c r="H519876" s="12"/>
    </row>
    <row r="519877" spans="8:8">
      <c r="H519877" s="12"/>
    </row>
    <row r="519878" spans="8:8">
      <c r="H519878" s="12"/>
    </row>
    <row r="519879" spans="8:8">
      <c r="H519879" s="12"/>
    </row>
    <row r="519880" spans="8:8">
      <c r="H519880" s="12"/>
    </row>
    <row r="519881" spans="8:8">
      <c r="H519881" s="12"/>
    </row>
    <row r="519882" spans="8:8">
      <c r="H519882" s="12"/>
    </row>
    <row r="519883" spans="8:8">
      <c r="H519883" s="12"/>
    </row>
    <row r="519884" spans="8:8">
      <c r="H519884" s="12"/>
    </row>
    <row r="519885" spans="8:8">
      <c r="H519885" s="12"/>
    </row>
    <row r="519886" spans="8:8">
      <c r="H519886" s="12"/>
    </row>
    <row r="519887" spans="8:8">
      <c r="H519887" s="12"/>
    </row>
    <row r="519888" spans="8:8">
      <c r="H519888" s="12"/>
    </row>
    <row r="519889" spans="8:8">
      <c r="H519889" s="12"/>
    </row>
    <row r="519890" spans="8:8">
      <c r="H519890" s="12"/>
    </row>
    <row r="519891" spans="8:8">
      <c r="H519891" s="12"/>
    </row>
    <row r="519892" spans="8:8">
      <c r="H519892" s="12"/>
    </row>
    <row r="519893" spans="8:8">
      <c r="H519893" s="12"/>
    </row>
    <row r="519894" spans="8:8">
      <c r="H519894" s="12"/>
    </row>
    <row r="519895" spans="8:8">
      <c r="H519895" s="12"/>
    </row>
    <row r="519896" spans="8:8">
      <c r="H519896" s="12"/>
    </row>
    <row r="519897" spans="8:8">
      <c r="H519897" s="12"/>
    </row>
    <row r="519898" spans="8:8">
      <c r="H519898" s="12"/>
    </row>
    <row r="519899" spans="8:8">
      <c r="H519899" s="12"/>
    </row>
    <row r="519900" spans="8:8">
      <c r="H519900" s="12"/>
    </row>
    <row r="519901" spans="8:8">
      <c r="H519901" s="12"/>
    </row>
    <row r="519902" spans="8:8">
      <c r="H519902" s="12"/>
    </row>
    <row r="519903" spans="8:8">
      <c r="H519903" s="12"/>
    </row>
    <row r="519904" spans="8:8">
      <c r="H519904" s="12"/>
    </row>
    <row r="519905" spans="8:8">
      <c r="H519905" s="12"/>
    </row>
    <row r="519906" spans="8:8">
      <c r="H519906" s="12"/>
    </row>
    <row r="519907" spans="8:8">
      <c r="H519907" s="12"/>
    </row>
    <row r="519908" spans="8:8">
      <c r="H519908" s="12"/>
    </row>
    <row r="519909" spans="8:8">
      <c r="H519909" s="12"/>
    </row>
    <row r="519910" spans="8:8">
      <c r="H519910" s="12"/>
    </row>
    <row r="519911" spans="8:8">
      <c r="H519911" s="12"/>
    </row>
    <row r="519912" spans="8:8">
      <c r="H519912" s="12"/>
    </row>
    <row r="519913" spans="8:8">
      <c r="H519913" s="12"/>
    </row>
    <row r="519914" spans="8:8">
      <c r="H519914" s="12"/>
    </row>
    <row r="519915" spans="8:8">
      <c r="H519915" s="12"/>
    </row>
    <row r="519916" spans="8:8">
      <c r="H519916" s="12"/>
    </row>
    <row r="519917" spans="8:8">
      <c r="H519917" s="12"/>
    </row>
    <row r="519918" spans="8:8">
      <c r="H519918" s="12"/>
    </row>
    <row r="519919" spans="8:8">
      <c r="H519919" s="12"/>
    </row>
    <row r="519920" spans="8:8">
      <c r="H519920" s="12"/>
    </row>
    <row r="519921" spans="8:8">
      <c r="H519921" s="12"/>
    </row>
    <row r="519922" spans="8:8">
      <c r="H519922" s="12"/>
    </row>
    <row r="519923" spans="8:8">
      <c r="H519923" s="12"/>
    </row>
    <row r="519924" spans="8:8">
      <c r="H519924" s="12"/>
    </row>
    <row r="519925" spans="8:8">
      <c r="H519925" s="12"/>
    </row>
    <row r="519926" spans="8:8">
      <c r="H519926" s="12"/>
    </row>
    <row r="519927" spans="8:8">
      <c r="H519927" s="12"/>
    </row>
    <row r="519928" spans="8:8">
      <c r="H519928" s="12"/>
    </row>
    <row r="519929" spans="8:8">
      <c r="H519929" s="12"/>
    </row>
    <row r="519930" spans="8:8">
      <c r="H519930" s="12"/>
    </row>
    <row r="519931" spans="8:8">
      <c r="H519931" s="12"/>
    </row>
    <row r="519932" spans="8:8">
      <c r="H519932" s="12"/>
    </row>
    <row r="519933" spans="8:8">
      <c r="H519933" s="12"/>
    </row>
    <row r="519934" spans="8:8">
      <c r="H519934" s="12"/>
    </row>
    <row r="519935" spans="8:8">
      <c r="H519935" s="12"/>
    </row>
    <row r="519936" spans="8:8">
      <c r="H519936" s="12"/>
    </row>
    <row r="519937" spans="8:8">
      <c r="H519937" s="12"/>
    </row>
    <row r="519938" spans="8:8">
      <c r="H519938" s="12"/>
    </row>
    <row r="519939" spans="8:8">
      <c r="H519939" s="12"/>
    </row>
    <row r="519940" spans="8:8">
      <c r="H519940" s="12"/>
    </row>
    <row r="519941" spans="8:8">
      <c r="H519941" s="12"/>
    </row>
    <row r="519942" spans="8:8">
      <c r="H519942" s="12"/>
    </row>
    <row r="519943" spans="8:8">
      <c r="H519943" s="12"/>
    </row>
    <row r="519944" spans="8:8">
      <c r="H519944" s="12"/>
    </row>
    <row r="519945" spans="8:8">
      <c r="H519945" s="12"/>
    </row>
    <row r="519946" spans="8:8">
      <c r="H519946" s="12"/>
    </row>
    <row r="519947" spans="8:8">
      <c r="H519947" s="12"/>
    </row>
    <row r="519948" spans="8:8">
      <c r="H519948" s="12"/>
    </row>
    <row r="519949" spans="8:8">
      <c r="H519949" s="12"/>
    </row>
    <row r="519950" spans="8:8">
      <c r="H519950" s="12"/>
    </row>
    <row r="519951" spans="8:8">
      <c r="H519951" s="12"/>
    </row>
    <row r="519952" spans="8:8">
      <c r="H519952" s="12"/>
    </row>
    <row r="519953" spans="8:8">
      <c r="H519953" s="12"/>
    </row>
    <row r="519954" spans="8:8">
      <c r="H519954" s="12"/>
    </row>
    <row r="519955" spans="8:8">
      <c r="H519955" s="12"/>
    </row>
    <row r="519956" spans="8:8">
      <c r="H519956" s="12"/>
    </row>
    <row r="519957" spans="8:8">
      <c r="H519957" s="12"/>
    </row>
    <row r="519958" spans="8:8">
      <c r="H519958" s="12"/>
    </row>
    <row r="519959" spans="8:8">
      <c r="H519959" s="12"/>
    </row>
    <row r="519960" spans="8:8">
      <c r="H519960" s="12"/>
    </row>
    <row r="519961" spans="8:8">
      <c r="H519961" s="12"/>
    </row>
    <row r="519962" spans="8:8">
      <c r="H519962" s="12"/>
    </row>
    <row r="519963" spans="8:8">
      <c r="H519963" s="12"/>
    </row>
    <row r="519964" spans="8:8">
      <c r="H519964" s="12"/>
    </row>
    <row r="519965" spans="8:8">
      <c r="H519965" s="12"/>
    </row>
    <row r="519966" spans="8:8">
      <c r="H519966" s="12"/>
    </row>
    <row r="519967" spans="8:8">
      <c r="H519967" s="12"/>
    </row>
    <row r="519968" spans="8:8">
      <c r="H519968" s="12"/>
    </row>
    <row r="519969" spans="8:8">
      <c r="H519969" s="12"/>
    </row>
    <row r="519970" spans="8:8">
      <c r="H519970" s="12"/>
    </row>
    <row r="519971" spans="8:8">
      <c r="H519971" s="12"/>
    </row>
    <row r="519972" spans="8:8">
      <c r="H519972" s="12"/>
    </row>
    <row r="519973" spans="8:8">
      <c r="H519973" s="12"/>
    </row>
    <row r="519974" spans="8:8">
      <c r="H519974" s="12"/>
    </row>
    <row r="519975" spans="8:8">
      <c r="H519975" s="12"/>
    </row>
    <row r="519976" spans="8:8">
      <c r="H519976" s="12"/>
    </row>
    <row r="519977" spans="8:8">
      <c r="H519977" s="12"/>
    </row>
    <row r="519978" spans="8:8">
      <c r="H519978" s="12"/>
    </row>
    <row r="519979" spans="8:8">
      <c r="H519979" s="12"/>
    </row>
    <row r="519980" spans="8:8">
      <c r="H519980" s="12"/>
    </row>
    <row r="519981" spans="8:8">
      <c r="H519981" s="12"/>
    </row>
    <row r="519982" spans="8:8">
      <c r="H519982" s="12"/>
    </row>
    <row r="519983" spans="8:8">
      <c r="H519983" s="12"/>
    </row>
    <row r="519984" spans="8:8">
      <c r="H519984" s="12"/>
    </row>
    <row r="519985" spans="8:8">
      <c r="H519985" s="12"/>
    </row>
    <row r="519986" spans="8:8">
      <c r="H519986" s="12"/>
    </row>
    <row r="519987" spans="8:8">
      <c r="H519987" s="12"/>
    </row>
    <row r="519988" spans="8:8">
      <c r="H519988" s="12"/>
    </row>
    <row r="519989" spans="8:8">
      <c r="H519989" s="12"/>
    </row>
    <row r="519990" spans="8:8">
      <c r="H519990" s="12"/>
    </row>
    <row r="519991" spans="8:8">
      <c r="H519991" s="12"/>
    </row>
    <row r="519992" spans="8:8">
      <c r="H519992" s="12"/>
    </row>
    <row r="519993" spans="8:8">
      <c r="H519993" s="12"/>
    </row>
    <row r="519994" spans="8:8">
      <c r="H519994" s="12"/>
    </row>
    <row r="519995" spans="8:8">
      <c r="H519995" s="12"/>
    </row>
    <row r="519996" spans="8:8">
      <c r="H519996" s="12"/>
    </row>
    <row r="519997" spans="8:8">
      <c r="H519997" s="12"/>
    </row>
    <row r="519998" spans="8:8">
      <c r="H519998" s="12"/>
    </row>
    <row r="519999" spans="8:8">
      <c r="H519999" s="12"/>
    </row>
    <row r="520000" spans="8:8">
      <c r="H520000" s="12"/>
    </row>
    <row r="520001" spans="8:8">
      <c r="H520001" s="12"/>
    </row>
    <row r="520002" spans="8:8">
      <c r="H520002" s="12"/>
    </row>
    <row r="520003" spans="8:8">
      <c r="H520003" s="12"/>
    </row>
    <row r="520004" spans="8:8">
      <c r="H520004" s="12"/>
    </row>
    <row r="520005" spans="8:8">
      <c r="H520005" s="12"/>
    </row>
    <row r="520006" spans="8:8">
      <c r="H520006" s="12"/>
    </row>
    <row r="520007" spans="8:8">
      <c r="H520007" s="12"/>
    </row>
    <row r="520008" spans="8:8">
      <c r="H520008" s="12"/>
    </row>
    <row r="520009" spans="8:8">
      <c r="H520009" s="12"/>
    </row>
    <row r="520010" spans="8:8">
      <c r="H520010" s="12"/>
    </row>
    <row r="520011" spans="8:8">
      <c r="H520011" s="12"/>
    </row>
    <row r="520012" spans="8:8">
      <c r="H520012" s="12"/>
    </row>
    <row r="520013" spans="8:8">
      <c r="H520013" s="12"/>
    </row>
    <row r="520014" spans="8:8">
      <c r="H520014" s="12"/>
    </row>
    <row r="520015" spans="8:8">
      <c r="H520015" s="12"/>
    </row>
    <row r="520016" spans="8:8">
      <c r="H520016" s="12"/>
    </row>
    <row r="520017" spans="8:8">
      <c r="H520017" s="12"/>
    </row>
    <row r="520018" spans="8:8">
      <c r="H520018" s="12"/>
    </row>
    <row r="520019" spans="8:8">
      <c r="H520019" s="12"/>
    </row>
    <row r="520020" spans="8:8">
      <c r="H520020" s="12"/>
    </row>
    <row r="520021" spans="8:8">
      <c r="H520021" s="12"/>
    </row>
    <row r="520022" spans="8:8">
      <c r="H520022" s="12"/>
    </row>
    <row r="520023" spans="8:8">
      <c r="H520023" s="12"/>
    </row>
    <row r="520024" spans="8:8">
      <c r="H520024" s="12"/>
    </row>
    <row r="520025" spans="8:8">
      <c r="H520025" s="12"/>
    </row>
    <row r="520026" spans="8:8">
      <c r="H520026" s="12"/>
    </row>
    <row r="520027" spans="8:8">
      <c r="H520027" s="12"/>
    </row>
    <row r="520028" spans="8:8">
      <c r="H520028" s="12"/>
    </row>
    <row r="520029" spans="8:8">
      <c r="H520029" s="12"/>
    </row>
    <row r="520030" spans="8:8">
      <c r="H520030" s="12"/>
    </row>
    <row r="520031" spans="8:8">
      <c r="H520031" s="12"/>
    </row>
    <row r="520032" spans="8:8">
      <c r="H520032" s="12"/>
    </row>
    <row r="520033" spans="8:8">
      <c r="H520033" s="12"/>
    </row>
    <row r="520034" spans="8:8">
      <c r="H520034" s="12"/>
    </row>
    <row r="520035" spans="8:8">
      <c r="H520035" s="12"/>
    </row>
    <row r="520036" spans="8:8">
      <c r="H520036" s="12"/>
    </row>
    <row r="520037" spans="8:8">
      <c r="H520037" s="12"/>
    </row>
    <row r="520038" spans="8:8">
      <c r="H520038" s="12"/>
    </row>
    <row r="520039" spans="8:8">
      <c r="H520039" s="12"/>
    </row>
    <row r="520040" spans="8:8">
      <c r="H520040" s="12"/>
    </row>
    <row r="520041" spans="8:8">
      <c r="H520041" s="12"/>
    </row>
    <row r="520042" spans="8:8">
      <c r="H520042" s="12"/>
    </row>
    <row r="520043" spans="8:8">
      <c r="H520043" s="12"/>
    </row>
    <row r="520044" spans="8:8">
      <c r="H520044" s="12"/>
    </row>
    <row r="520045" spans="8:8">
      <c r="H520045" s="12"/>
    </row>
    <row r="520046" spans="8:8">
      <c r="H520046" s="12"/>
    </row>
    <row r="520047" spans="8:8">
      <c r="H520047" s="12"/>
    </row>
    <row r="520048" spans="8:8">
      <c r="H520048" s="12"/>
    </row>
    <row r="520049" spans="8:8">
      <c r="H520049" s="12"/>
    </row>
    <row r="520050" spans="8:8">
      <c r="H520050" s="12"/>
    </row>
    <row r="520051" spans="8:8">
      <c r="H520051" s="12"/>
    </row>
    <row r="520052" spans="8:8">
      <c r="H520052" s="12"/>
    </row>
    <row r="520053" spans="8:8">
      <c r="H520053" s="12"/>
    </row>
    <row r="520054" spans="8:8">
      <c r="H520054" s="12"/>
    </row>
    <row r="520055" spans="8:8">
      <c r="H520055" s="12"/>
    </row>
    <row r="520056" spans="8:8">
      <c r="H520056" s="12"/>
    </row>
    <row r="520057" spans="8:8">
      <c r="H520057" s="12"/>
    </row>
    <row r="520058" spans="8:8">
      <c r="H520058" s="12"/>
    </row>
    <row r="520059" spans="8:8">
      <c r="H520059" s="12"/>
    </row>
    <row r="520060" spans="8:8">
      <c r="H520060" s="12"/>
    </row>
    <row r="520061" spans="8:8">
      <c r="H520061" s="12"/>
    </row>
    <row r="520062" spans="8:8">
      <c r="H520062" s="12"/>
    </row>
    <row r="520063" spans="8:8">
      <c r="H520063" s="12"/>
    </row>
    <row r="520064" spans="8:8">
      <c r="H520064" s="12"/>
    </row>
    <row r="520065" spans="8:8">
      <c r="H520065" s="12"/>
    </row>
    <row r="520066" spans="8:8">
      <c r="H520066" s="12"/>
    </row>
    <row r="520067" spans="8:8">
      <c r="H520067" s="12"/>
    </row>
    <row r="520068" spans="8:8">
      <c r="H520068" s="12"/>
    </row>
    <row r="520069" spans="8:8">
      <c r="H520069" s="12"/>
    </row>
    <row r="520070" spans="8:8">
      <c r="H520070" s="12"/>
    </row>
    <row r="520071" spans="8:8">
      <c r="H520071" s="12"/>
    </row>
    <row r="520072" spans="8:8">
      <c r="H520072" s="12"/>
    </row>
    <row r="520073" spans="8:8">
      <c r="H520073" s="12"/>
    </row>
    <row r="520074" spans="8:8">
      <c r="H520074" s="12"/>
    </row>
    <row r="520075" spans="8:8">
      <c r="H520075" s="12"/>
    </row>
    <row r="520076" spans="8:8">
      <c r="H520076" s="12"/>
    </row>
    <row r="520077" spans="8:8">
      <c r="H520077" s="12"/>
    </row>
    <row r="520078" spans="8:8">
      <c r="H520078" s="12"/>
    </row>
    <row r="520079" spans="8:8">
      <c r="H520079" s="12"/>
    </row>
    <row r="520080" spans="8:8">
      <c r="H520080" s="12"/>
    </row>
    <row r="520081" spans="8:8">
      <c r="H520081" s="12"/>
    </row>
    <row r="520082" spans="8:8">
      <c r="H520082" s="12"/>
    </row>
    <row r="520083" spans="8:8">
      <c r="H520083" s="12"/>
    </row>
    <row r="520084" spans="8:8">
      <c r="H520084" s="12"/>
    </row>
    <row r="520085" spans="8:8">
      <c r="H520085" s="12"/>
    </row>
    <row r="520086" spans="8:8">
      <c r="H520086" s="12"/>
    </row>
    <row r="520087" spans="8:8">
      <c r="H520087" s="12"/>
    </row>
    <row r="520088" spans="8:8">
      <c r="H520088" s="12"/>
    </row>
    <row r="520089" spans="8:8">
      <c r="H520089" s="12"/>
    </row>
    <row r="520090" spans="8:8">
      <c r="H520090" s="12"/>
    </row>
    <row r="520091" spans="8:8">
      <c r="H520091" s="12"/>
    </row>
    <row r="520092" spans="8:8">
      <c r="H520092" s="12"/>
    </row>
    <row r="520093" spans="8:8">
      <c r="H520093" s="12"/>
    </row>
    <row r="520094" spans="8:8">
      <c r="H520094" s="12"/>
    </row>
    <row r="520095" spans="8:8">
      <c r="H520095" s="12"/>
    </row>
    <row r="520096" spans="8:8">
      <c r="H520096" s="12"/>
    </row>
    <row r="520097" spans="8:8">
      <c r="H520097" s="12"/>
    </row>
    <row r="520098" spans="8:8">
      <c r="H520098" s="12"/>
    </row>
    <row r="520099" spans="8:8">
      <c r="H520099" s="12"/>
    </row>
    <row r="520100" spans="8:8">
      <c r="H520100" s="12"/>
    </row>
    <row r="520101" spans="8:8">
      <c r="H520101" s="12"/>
    </row>
    <row r="520102" spans="8:8">
      <c r="H520102" s="12"/>
    </row>
    <row r="520103" spans="8:8">
      <c r="H520103" s="12"/>
    </row>
    <row r="520104" spans="8:8">
      <c r="H520104" s="12"/>
    </row>
    <row r="520105" spans="8:8">
      <c r="H520105" s="12"/>
    </row>
    <row r="520106" spans="8:8">
      <c r="H520106" s="12"/>
    </row>
    <row r="520107" spans="8:8">
      <c r="H520107" s="12"/>
    </row>
    <row r="520108" spans="8:8">
      <c r="H520108" s="12"/>
    </row>
    <row r="520109" spans="8:8">
      <c r="H520109" s="12"/>
    </row>
    <row r="520110" spans="8:8">
      <c r="H520110" s="12"/>
    </row>
    <row r="520111" spans="8:8">
      <c r="H520111" s="12"/>
    </row>
    <row r="520112" spans="8:8">
      <c r="H520112" s="12"/>
    </row>
    <row r="520113" spans="8:8">
      <c r="H520113" s="12"/>
    </row>
    <row r="520114" spans="8:8">
      <c r="H520114" s="12"/>
    </row>
    <row r="520115" spans="8:8">
      <c r="H520115" s="12"/>
    </row>
    <row r="520116" spans="8:8">
      <c r="H520116" s="12"/>
    </row>
    <row r="520117" spans="8:8">
      <c r="H520117" s="12"/>
    </row>
    <row r="520118" spans="8:8">
      <c r="H520118" s="12"/>
    </row>
    <row r="520119" spans="8:8">
      <c r="H520119" s="12"/>
    </row>
    <row r="520120" spans="8:8">
      <c r="H520120" s="12"/>
    </row>
    <row r="520121" spans="8:8">
      <c r="H520121" s="12"/>
    </row>
    <row r="520122" spans="8:8">
      <c r="H520122" s="12"/>
    </row>
    <row r="520123" spans="8:8">
      <c r="H520123" s="12"/>
    </row>
    <row r="520124" spans="8:8">
      <c r="H520124" s="12"/>
    </row>
    <row r="520125" spans="8:8">
      <c r="H520125" s="12"/>
    </row>
    <row r="520126" spans="8:8">
      <c r="H520126" s="12"/>
    </row>
    <row r="520127" spans="8:8">
      <c r="H520127" s="12"/>
    </row>
    <row r="520128" spans="8:8">
      <c r="H520128" s="12"/>
    </row>
    <row r="520129" spans="8:8">
      <c r="H520129" s="12"/>
    </row>
    <row r="520130" spans="8:8">
      <c r="H520130" s="12"/>
    </row>
    <row r="520131" spans="8:8">
      <c r="H520131" s="12"/>
    </row>
    <row r="520132" spans="8:8">
      <c r="H520132" s="12"/>
    </row>
    <row r="520133" spans="8:8">
      <c r="H520133" s="12"/>
    </row>
    <row r="520134" spans="8:8">
      <c r="H520134" s="12"/>
    </row>
    <row r="520135" spans="8:8">
      <c r="H520135" s="12"/>
    </row>
    <row r="520136" spans="8:8">
      <c r="H520136" s="12"/>
    </row>
    <row r="520137" spans="8:8">
      <c r="H520137" s="12"/>
    </row>
    <row r="520138" spans="8:8">
      <c r="H520138" s="12"/>
    </row>
    <row r="520139" spans="8:8">
      <c r="H520139" s="12"/>
    </row>
    <row r="520140" spans="8:8">
      <c r="H520140" s="12"/>
    </row>
    <row r="520141" spans="8:8">
      <c r="H520141" s="12"/>
    </row>
    <row r="520142" spans="8:8">
      <c r="H520142" s="12"/>
    </row>
    <row r="520143" spans="8:8">
      <c r="H520143" s="12"/>
    </row>
    <row r="520144" spans="8:8">
      <c r="H520144" s="12"/>
    </row>
    <row r="520145" spans="8:8">
      <c r="H520145" s="12"/>
    </row>
    <row r="520146" spans="8:8">
      <c r="H520146" s="12"/>
    </row>
    <row r="520147" spans="8:8">
      <c r="H520147" s="12"/>
    </row>
    <row r="520148" spans="8:8">
      <c r="H520148" s="12"/>
    </row>
    <row r="520149" spans="8:8">
      <c r="H520149" s="12"/>
    </row>
    <row r="520150" spans="8:8">
      <c r="H520150" s="12"/>
    </row>
    <row r="520151" spans="8:8">
      <c r="H520151" s="12"/>
    </row>
    <row r="520152" spans="8:8">
      <c r="H520152" s="12"/>
    </row>
    <row r="520153" spans="8:8">
      <c r="H520153" s="12"/>
    </row>
    <row r="520154" spans="8:8">
      <c r="H520154" s="12"/>
    </row>
    <row r="520155" spans="8:8">
      <c r="H520155" s="12"/>
    </row>
    <row r="520156" spans="8:8">
      <c r="H520156" s="12"/>
    </row>
    <row r="520157" spans="8:8">
      <c r="H520157" s="12"/>
    </row>
    <row r="520158" spans="8:8">
      <c r="H520158" s="12"/>
    </row>
    <row r="520159" spans="8:8">
      <c r="H520159" s="12"/>
    </row>
    <row r="520160" spans="8:8">
      <c r="H520160" s="12"/>
    </row>
    <row r="520161" spans="8:8">
      <c r="H520161" s="12"/>
    </row>
    <row r="520162" spans="8:8">
      <c r="H520162" s="12"/>
    </row>
    <row r="520163" spans="8:8">
      <c r="H520163" s="12"/>
    </row>
    <row r="520164" spans="8:8">
      <c r="H520164" s="12"/>
    </row>
    <row r="520165" spans="8:8">
      <c r="H520165" s="12"/>
    </row>
    <row r="520166" spans="8:8">
      <c r="H520166" s="12"/>
    </row>
    <row r="520167" spans="8:8">
      <c r="H520167" s="12"/>
    </row>
    <row r="520168" spans="8:8">
      <c r="H520168" s="12"/>
    </row>
    <row r="520169" spans="8:8">
      <c r="H520169" s="12"/>
    </row>
    <row r="520170" spans="8:8">
      <c r="H520170" s="12"/>
    </row>
    <row r="520171" spans="8:8">
      <c r="H520171" s="12"/>
    </row>
    <row r="520172" spans="8:8">
      <c r="H520172" s="12"/>
    </row>
    <row r="520173" spans="8:8">
      <c r="H520173" s="12"/>
    </row>
    <row r="520174" spans="8:8">
      <c r="H520174" s="12"/>
    </row>
    <row r="520175" spans="8:8">
      <c r="H520175" s="12"/>
    </row>
    <row r="520176" spans="8:8">
      <c r="H520176" s="12"/>
    </row>
    <row r="520177" spans="8:8">
      <c r="H520177" s="12"/>
    </row>
    <row r="520178" spans="8:8">
      <c r="H520178" s="12"/>
    </row>
    <row r="520179" spans="8:8">
      <c r="H520179" s="12"/>
    </row>
    <row r="520180" spans="8:8">
      <c r="H520180" s="12"/>
    </row>
    <row r="520181" spans="8:8">
      <c r="H520181" s="12"/>
    </row>
    <row r="520182" spans="8:8">
      <c r="H520182" s="12"/>
    </row>
    <row r="520183" spans="8:8">
      <c r="H520183" s="12"/>
    </row>
    <row r="520184" spans="8:8">
      <c r="H520184" s="12"/>
    </row>
    <row r="520185" spans="8:8">
      <c r="H520185" s="12"/>
    </row>
    <row r="520186" spans="8:8">
      <c r="H520186" s="12"/>
    </row>
    <row r="520187" spans="8:8">
      <c r="H520187" s="12"/>
    </row>
    <row r="520188" spans="8:8">
      <c r="H520188" s="12"/>
    </row>
    <row r="520189" spans="8:8">
      <c r="H520189" s="12"/>
    </row>
    <row r="520190" spans="8:8">
      <c r="H520190" s="12"/>
    </row>
    <row r="520191" spans="8:8">
      <c r="H520191" s="12"/>
    </row>
    <row r="520192" spans="8:8">
      <c r="H520192" s="12"/>
    </row>
    <row r="520193" spans="8:8">
      <c r="H520193" s="12"/>
    </row>
    <row r="520194" spans="8:8">
      <c r="H520194" s="12"/>
    </row>
    <row r="520195" spans="8:8">
      <c r="H520195" s="12"/>
    </row>
    <row r="520196" spans="8:8">
      <c r="H520196" s="12"/>
    </row>
    <row r="520197" spans="8:8">
      <c r="H520197" s="12"/>
    </row>
    <row r="520198" spans="8:8">
      <c r="H520198" s="12"/>
    </row>
    <row r="520199" spans="8:8">
      <c r="H520199" s="12"/>
    </row>
    <row r="520200" spans="8:8">
      <c r="H520200" s="12"/>
    </row>
    <row r="520201" spans="8:8">
      <c r="H520201" s="12"/>
    </row>
    <row r="520202" spans="8:8">
      <c r="H520202" s="12"/>
    </row>
    <row r="520203" spans="8:8">
      <c r="H520203" s="12"/>
    </row>
    <row r="520204" spans="8:8">
      <c r="H520204" s="12"/>
    </row>
    <row r="520205" spans="8:8">
      <c r="H520205" s="12"/>
    </row>
    <row r="520206" spans="8:8">
      <c r="H520206" s="12"/>
    </row>
    <row r="520207" spans="8:8">
      <c r="H520207" s="12"/>
    </row>
    <row r="520208" spans="8:8">
      <c r="H520208" s="12"/>
    </row>
    <row r="520209" spans="8:8">
      <c r="H520209" s="12"/>
    </row>
    <row r="520210" spans="8:8">
      <c r="H520210" s="12"/>
    </row>
    <row r="520211" spans="8:8">
      <c r="H520211" s="12"/>
    </row>
    <row r="520212" spans="8:8">
      <c r="H520212" s="12"/>
    </row>
    <row r="520213" spans="8:8">
      <c r="H520213" s="12"/>
    </row>
    <row r="520214" spans="8:8">
      <c r="H520214" s="12"/>
    </row>
    <row r="520215" spans="8:8">
      <c r="H520215" s="12"/>
    </row>
    <row r="520216" spans="8:8">
      <c r="H520216" s="12"/>
    </row>
    <row r="520217" spans="8:8">
      <c r="H520217" s="12"/>
    </row>
    <row r="520218" spans="8:8">
      <c r="H520218" s="12"/>
    </row>
    <row r="520219" spans="8:8">
      <c r="H520219" s="12"/>
    </row>
    <row r="520220" spans="8:8">
      <c r="H520220" s="12"/>
    </row>
    <row r="520221" spans="8:8">
      <c r="H520221" s="12"/>
    </row>
    <row r="520222" spans="8:8">
      <c r="H520222" s="12"/>
    </row>
    <row r="520223" spans="8:8">
      <c r="H520223" s="12"/>
    </row>
    <row r="520224" spans="8:8">
      <c r="H520224" s="12"/>
    </row>
    <row r="520225" spans="8:8">
      <c r="H520225" s="12"/>
    </row>
    <row r="520226" spans="8:8">
      <c r="H520226" s="12"/>
    </row>
    <row r="520227" spans="8:8">
      <c r="H520227" s="12"/>
    </row>
    <row r="520228" spans="8:8">
      <c r="H520228" s="12"/>
    </row>
    <row r="520229" spans="8:8">
      <c r="H520229" s="12"/>
    </row>
    <row r="520230" spans="8:8">
      <c r="H520230" s="12"/>
    </row>
    <row r="520231" spans="8:8">
      <c r="H520231" s="12"/>
    </row>
    <row r="520232" spans="8:8">
      <c r="H520232" s="12"/>
    </row>
    <row r="520233" spans="8:8">
      <c r="H520233" s="12"/>
    </row>
    <row r="520234" spans="8:8">
      <c r="H520234" s="12"/>
    </row>
    <row r="520235" spans="8:8">
      <c r="H520235" s="12"/>
    </row>
    <row r="520236" spans="8:8">
      <c r="H520236" s="12"/>
    </row>
    <row r="520237" spans="8:8">
      <c r="H520237" s="12"/>
    </row>
    <row r="520238" spans="8:8">
      <c r="H520238" s="12"/>
    </row>
    <row r="520239" spans="8:8">
      <c r="H520239" s="12"/>
    </row>
    <row r="520240" spans="8:8">
      <c r="H520240" s="12"/>
    </row>
    <row r="520241" spans="8:8">
      <c r="H520241" s="12"/>
    </row>
    <row r="520242" spans="8:8">
      <c r="H520242" s="12"/>
    </row>
    <row r="520243" spans="8:8">
      <c r="H520243" s="12"/>
    </row>
    <row r="520244" spans="8:8">
      <c r="H520244" s="12"/>
    </row>
    <row r="520245" spans="8:8">
      <c r="H520245" s="12"/>
    </row>
    <row r="520246" spans="8:8">
      <c r="H520246" s="12"/>
    </row>
    <row r="520247" spans="8:8">
      <c r="H520247" s="12"/>
    </row>
    <row r="520248" spans="8:8">
      <c r="H520248" s="12"/>
    </row>
    <row r="520249" spans="8:8">
      <c r="H520249" s="12"/>
    </row>
    <row r="520250" spans="8:8">
      <c r="H520250" s="12"/>
    </row>
    <row r="520251" spans="8:8">
      <c r="H520251" s="12"/>
    </row>
    <row r="520252" spans="8:8">
      <c r="H520252" s="12"/>
    </row>
    <row r="520253" spans="8:8">
      <c r="H520253" s="12"/>
    </row>
    <row r="520254" spans="8:8">
      <c r="H520254" s="12"/>
    </row>
    <row r="520255" spans="8:8">
      <c r="H520255" s="12"/>
    </row>
    <row r="520256" spans="8:8">
      <c r="H520256" s="12"/>
    </row>
    <row r="520257" spans="8:8">
      <c r="H520257" s="12"/>
    </row>
    <row r="520258" spans="8:8">
      <c r="H520258" s="12"/>
    </row>
    <row r="520259" spans="8:8">
      <c r="H520259" s="12"/>
    </row>
    <row r="520260" spans="8:8">
      <c r="H520260" s="12"/>
    </row>
    <row r="520261" spans="8:8">
      <c r="H520261" s="12"/>
    </row>
    <row r="520262" spans="8:8">
      <c r="H520262" s="12"/>
    </row>
    <row r="520263" spans="8:8">
      <c r="H520263" s="12"/>
    </row>
    <row r="520264" spans="8:8">
      <c r="H520264" s="12"/>
    </row>
    <row r="520265" spans="8:8">
      <c r="H520265" s="12"/>
    </row>
    <row r="520266" spans="8:8">
      <c r="H520266" s="12"/>
    </row>
    <row r="520267" spans="8:8">
      <c r="H520267" s="12"/>
    </row>
    <row r="520268" spans="8:8">
      <c r="H520268" s="12"/>
    </row>
    <row r="520269" spans="8:8">
      <c r="H520269" s="12"/>
    </row>
    <row r="520270" spans="8:8">
      <c r="H520270" s="12"/>
    </row>
    <row r="520271" spans="8:8">
      <c r="H520271" s="12"/>
    </row>
    <row r="520272" spans="8:8">
      <c r="H520272" s="12"/>
    </row>
    <row r="520273" spans="8:8">
      <c r="H520273" s="12"/>
    </row>
    <row r="520274" spans="8:8">
      <c r="H520274" s="12"/>
    </row>
    <row r="520275" spans="8:8">
      <c r="H520275" s="12"/>
    </row>
    <row r="520276" spans="8:8">
      <c r="H520276" s="12"/>
    </row>
    <row r="520277" spans="8:8">
      <c r="H520277" s="12"/>
    </row>
    <row r="520278" spans="8:8">
      <c r="H520278" s="12"/>
    </row>
    <row r="520279" spans="8:8">
      <c r="H520279" s="12"/>
    </row>
    <row r="520280" spans="8:8">
      <c r="H520280" s="12"/>
    </row>
    <row r="520281" spans="8:8">
      <c r="H520281" s="12"/>
    </row>
    <row r="520282" spans="8:8">
      <c r="H520282" s="12"/>
    </row>
    <row r="520283" spans="8:8">
      <c r="H520283" s="12"/>
    </row>
    <row r="520284" spans="8:8">
      <c r="H520284" s="12"/>
    </row>
    <row r="520285" spans="8:8">
      <c r="H520285" s="12"/>
    </row>
    <row r="520286" spans="8:8">
      <c r="H520286" s="12"/>
    </row>
    <row r="520287" spans="8:8">
      <c r="H520287" s="12"/>
    </row>
    <row r="520288" spans="8:8">
      <c r="H520288" s="12"/>
    </row>
    <row r="520289" spans="8:8">
      <c r="H520289" s="12"/>
    </row>
    <row r="520290" spans="8:8">
      <c r="H520290" s="12"/>
    </row>
    <row r="520291" spans="8:8">
      <c r="H520291" s="12"/>
    </row>
    <row r="520292" spans="8:8">
      <c r="H520292" s="12"/>
    </row>
    <row r="520293" spans="8:8">
      <c r="H520293" s="12"/>
    </row>
    <row r="520294" spans="8:8">
      <c r="H520294" s="12"/>
    </row>
    <row r="520295" spans="8:8">
      <c r="H520295" s="12"/>
    </row>
    <row r="520296" spans="8:8">
      <c r="H520296" s="12"/>
    </row>
    <row r="520297" spans="8:8">
      <c r="H520297" s="12"/>
    </row>
    <row r="520298" spans="8:8">
      <c r="H520298" s="12"/>
    </row>
    <row r="520299" spans="8:8">
      <c r="H520299" s="12"/>
    </row>
    <row r="520300" spans="8:8">
      <c r="H520300" s="12"/>
    </row>
    <row r="520301" spans="8:8">
      <c r="H520301" s="12"/>
    </row>
    <row r="520302" spans="8:8">
      <c r="H520302" s="12"/>
    </row>
    <row r="520303" spans="8:8">
      <c r="H520303" s="12"/>
    </row>
    <row r="520304" spans="8:8">
      <c r="H520304" s="12"/>
    </row>
    <row r="520305" spans="8:8">
      <c r="H520305" s="12"/>
    </row>
    <row r="520306" spans="8:8">
      <c r="H520306" s="12"/>
    </row>
    <row r="520307" spans="8:8">
      <c r="H520307" s="12"/>
    </row>
    <row r="520308" spans="8:8">
      <c r="H520308" s="12"/>
    </row>
    <row r="520309" spans="8:8">
      <c r="H520309" s="12"/>
    </row>
    <row r="520310" spans="8:8">
      <c r="H520310" s="12"/>
    </row>
    <row r="520311" spans="8:8">
      <c r="H520311" s="12"/>
    </row>
    <row r="520312" spans="8:8">
      <c r="H520312" s="12"/>
    </row>
    <row r="520313" spans="8:8">
      <c r="H520313" s="12"/>
    </row>
    <row r="520314" spans="8:8">
      <c r="H520314" s="12"/>
    </row>
    <row r="520315" spans="8:8">
      <c r="H520315" s="12"/>
    </row>
    <row r="520316" spans="8:8">
      <c r="H520316" s="12"/>
    </row>
    <row r="520317" spans="8:8">
      <c r="H520317" s="12"/>
    </row>
    <row r="520318" spans="8:8">
      <c r="H520318" s="12"/>
    </row>
    <row r="520319" spans="8:8">
      <c r="H520319" s="12"/>
    </row>
    <row r="520320" spans="8:8">
      <c r="H520320" s="12"/>
    </row>
    <row r="520321" spans="8:8">
      <c r="H520321" s="12"/>
    </row>
    <row r="520322" spans="8:8">
      <c r="H520322" s="12"/>
    </row>
    <row r="520323" spans="8:8">
      <c r="H520323" s="12"/>
    </row>
    <row r="520324" spans="8:8">
      <c r="H520324" s="12"/>
    </row>
    <row r="520325" spans="8:8">
      <c r="H520325" s="12"/>
    </row>
    <row r="520326" spans="8:8">
      <c r="H520326" s="12"/>
    </row>
    <row r="520327" spans="8:8">
      <c r="H520327" s="12"/>
    </row>
    <row r="520328" spans="8:8">
      <c r="H520328" s="12"/>
    </row>
    <row r="520329" spans="8:8">
      <c r="H520329" s="12"/>
    </row>
    <row r="520330" spans="8:8">
      <c r="H520330" s="12"/>
    </row>
    <row r="520331" spans="8:8">
      <c r="H520331" s="12"/>
    </row>
    <row r="520332" spans="8:8">
      <c r="H520332" s="12"/>
    </row>
    <row r="520333" spans="8:8">
      <c r="H520333" s="12"/>
    </row>
    <row r="520334" spans="8:8">
      <c r="H520334" s="12"/>
    </row>
    <row r="520335" spans="8:8">
      <c r="H520335" s="12"/>
    </row>
    <row r="520336" spans="8:8">
      <c r="H520336" s="12"/>
    </row>
    <row r="520337" spans="8:8">
      <c r="H520337" s="12"/>
    </row>
    <row r="520338" spans="8:8">
      <c r="H520338" s="12"/>
    </row>
    <row r="520339" spans="8:8">
      <c r="H520339" s="12"/>
    </row>
    <row r="520340" spans="8:8">
      <c r="H520340" s="12"/>
    </row>
    <row r="520341" spans="8:8">
      <c r="H520341" s="12"/>
    </row>
    <row r="520342" spans="8:8">
      <c r="H520342" s="12"/>
    </row>
    <row r="520343" spans="8:8">
      <c r="H520343" s="12"/>
    </row>
    <row r="520344" spans="8:8">
      <c r="H520344" s="12"/>
    </row>
    <row r="520345" spans="8:8">
      <c r="H520345" s="12"/>
    </row>
    <row r="520346" spans="8:8">
      <c r="H520346" s="12"/>
    </row>
    <row r="520347" spans="8:8">
      <c r="H520347" s="12"/>
    </row>
    <row r="520348" spans="8:8">
      <c r="H520348" s="12"/>
    </row>
    <row r="520349" spans="8:8">
      <c r="H520349" s="12"/>
    </row>
    <row r="520350" spans="8:8">
      <c r="H520350" s="12"/>
    </row>
    <row r="520351" spans="8:8">
      <c r="H520351" s="12"/>
    </row>
    <row r="520352" spans="8:8">
      <c r="H520352" s="12"/>
    </row>
    <row r="520353" spans="8:8">
      <c r="H520353" s="12"/>
    </row>
    <row r="520354" spans="8:8">
      <c r="H520354" s="12"/>
    </row>
    <row r="520355" spans="8:8">
      <c r="H520355" s="12"/>
    </row>
    <row r="520356" spans="8:8">
      <c r="H520356" s="12"/>
    </row>
    <row r="520357" spans="8:8">
      <c r="H520357" s="12"/>
    </row>
    <row r="520358" spans="8:8">
      <c r="H520358" s="12"/>
    </row>
    <row r="520359" spans="8:8">
      <c r="H520359" s="12"/>
    </row>
    <row r="520360" spans="8:8">
      <c r="H520360" s="12"/>
    </row>
    <row r="520361" spans="8:8">
      <c r="H520361" s="12"/>
    </row>
    <row r="520362" spans="8:8">
      <c r="H520362" s="12"/>
    </row>
    <row r="520363" spans="8:8">
      <c r="H520363" s="12"/>
    </row>
    <row r="520364" spans="8:8">
      <c r="H520364" s="12"/>
    </row>
    <row r="520365" spans="8:8">
      <c r="H520365" s="12"/>
    </row>
    <row r="520366" spans="8:8">
      <c r="H520366" s="12"/>
    </row>
    <row r="520367" spans="8:8">
      <c r="H520367" s="12"/>
    </row>
    <row r="520368" spans="8:8">
      <c r="H520368" s="12"/>
    </row>
    <row r="520369" spans="8:8">
      <c r="H520369" s="12"/>
    </row>
    <row r="520370" spans="8:8">
      <c r="H520370" s="12"/>
    </row>
    <row r="520371" spans="8:8">
      <c r="H520371" s="12"/>
    </row>
    <row r="520372" spans="8:8">
      <c r="H520372" s="12"/>
    </row>
    <row r="520373" spans="8:8">
      <c r="H520373" s="12"/>
    </row>
    <row r="520374" spans="8:8">
      <c r="H520374" s="12"/>
    </row>
    <row r="520375" spans="8:8">
      <c r="H520375" s="12"/>
    </row>
    <row r="520376" spans="8:8">
      <c r="H520376" s="12"/>
    </row>
    <row r="520377" spans="8:8">
      <c r="H520377" s="12"/>
    </row>
    <row r="520378" spans="8:8">
      <c r="H520378" s="12"/>
    </row>
    <row r="520379" spans="8:8">
      <c r="H520379" s="12"/>
    </row>
    <row r="520380" spans="8:8">
      <c r="H520380" s="12"/>
    </row>
    <row r="520381" spans="8:8">
      <c r="H520381" s="12"/>
    </row>
    <row r="520382" spans="8:8">
      <c r="H520382" s="12"/>
    </row>
    <row r="520383" spans="8:8">
      <c r="H520383" s="12"/>
    </row>
    <row r="520384" spans="8:8">
      <c r="H520384" s="12"/>
    </row>
    <row r="520385" spans="8:8">
      <c r="H520385" s="12"/>
    </row>
    <row r="520386" spans="8:8">
      <c r="H520386" s="12"/>
    </row>
    <row r="520387" spans="8:8">
      <c r="H520387" s="12"/>
    </row>
    <row r="520388" spans="8:8">
      <c r="H520388" s="12"/>
    </row>
    <row r="520389" spans="8:8">
      <c r="H520389" s="12"/>
    </row>
    <row r="520390" spans="8:8">
      <c r="H520390" s="12"/>
    </row>
    <row r="520391" spans="8:8">
      <c r="H520391" s="12"/>
    </row>
    <row r="520392" spans="8:8">
      <c r="H520392" s="12"/>
    </row>
    <row r="520393" spans="8:8">
      <c r="H520393" s="12"/>
    </row>
    <row r="520394" spans="8:8">
      <c r="H520394" s="12"/>
    </row>
    <row r="520395" spans="8:8">
      <c r="H520395" s="12"/>
    </row>
    <row r="520396" spans="8:8">
      <c r="H520396" s="12"/>
    </row>
    <row r="520397" spans="8:8">
      <c r="H520397" s="12"/>
    </row>
    <row r="520398" spans="8:8">
      <c r="H520398" s="12"/>
    </row>
    <row r="520399" spans="8:8">
      <c r="H520399" s="12"/>
    </row>
    <row r="520400" spans="8:8">
      <c r="H520400" s="12"/>
    </row>
    <row r="520401" spans="8:8">
      <c r="H520401" s="12"/>
    </row>
    <row r="520402" spans="8:8">
      <c r="H520402" s="12"/>
    </row>
    <row r="520403" spans="8:8">
      <c r="H520403" s="12"/>
    </row>
    <row r="520404" spans="8:8">
      <c r="H520404" s="12"/>
    </row>
    <row r="520405" spans="8:8">
      <c r="H520405" s="12"/>
    </row>
    <row r="520406" spans="8:8">
      <c r="H520406" s="12"/>
    </row>
    <row r="520407" spans="8:8">
      <c r="H520407" s="12"/>
    </row>
    <row r="520408" spans="8:8">
      <c r="H520408" s="12"/>
    </row>
    <row r="520409" spans="8:8">
      <c r="H520409" s="12"/>
    </row>
    <row r="520410" spans="8:8">
      <c r="H520410" s="12"/>
    </row>
    <row r="520411" spans="8:8">
      <c r="H520411" s="12"/>
    </row>
    <row r="520412" spans="8:8">
      <c r="H520412" s="12"/>
    </row>
    <row r="520413" spans="8:8">
      <c r="H520413" s="12"/>
    </row>
    <row r="520414" spans="8:8">
      <c r="H520414" s="12"/>
    </row>
    <row r="520415" spans="8:8">
      <c r="H520415" s="12"/>
    </row>
    <row r="520416" spans="8:8">
      <c r="H520416" s="12"/>
    </row>
    <row r="520417" spans="8:8">
      <c r="H520417" s="12"/>
    </row>
    <row r="520418" spans="8:8">
      <c r="H520418" s="12"/>
    </row>
    <row r="520419" spans="8:8">
      <c r="H520419" s="12"/>
    </row>
    <row r="520420" spans="8:8">
      <c r="H520420" s="12"/>
    </row>
    <row r="520421" spans="8:8">
      <c r="H520421" s="12"/>
    </row>
    <row r="520422" spans="8:8">
      <c r="H520422" s="12"/>
    </row>
    <row r="520423" spans="8:8">
      <c r="H520423" s="12"/>
    </row>
    <row r="520424" spans="8:8">
      <c r="H520424" s="12"/>
    </row>
    <row r="520425" spans="8:8">
      <c r="H520425" s="12"/>
    </row>
    <row r="520426" spans="8:8">
      <c r="H520426" s="12"/>
    </row>
    <row r="520427" spans="8:8">
      <c r="H520427" s="12"/>
    </row>
    <row r="520428" spans="8:8">
      <c r="H520428" s="12"/>
    </row>
    <row r="520429" spans="8:8">
      <c r="H520429" s="12"/>
    </row>
    <row r="520430" spans="8:8">
      <c r="H520430" s="12"/>
    </row>
    <row r="520431" spans="8:8">
      <c r="H520431" s="12"/>
    </row>
    <row r="520432" spans="8:8">
      <c r="H520432" s="12"/>
    </row>
    <row r="520433" spans="8:8">
      <c r="H520433" s="12"/>
    </row>
    <row r="520434" spans="8:8">
      <c r="H520434" s="12"/>
    </row>
    <row r="520435" spans="8:8">
      <c r="H520435" s="12"/>
    </row>
    <row r="520436" spans="8:8">
      <c r="H520436" s="12"/>
    </row>
    <row r="520437" spans="8:8">
      <c r="H520437" s="12"/>
    </row>
    <row r="520438" spans="8:8">
      <c r="H520438" s="12"/>
    </row>
    <row r="520439" spans="8:8">
      <c r="H520439" s="12"/>
    </row>
    <row r="520440" spans="8:8">
      <c r="H520440" s="12"/>
    </row>
    <row r="520441" spans="8:8">
      <c r="H520441" s="12"/>
    </row>
    <row r="520442" spans="8:8">
      <c r="H520442" s="12"/>
    </row>
    <row r="520443" spans="8:8">
      <c r="H520443" s="12"/>
    </row>
    <row r="520444" spans="8:8">
      <c r="H520444" s="12"/>
    </row>
    <row r="520445" spans="8:8">
      <c r="H520445" s="12"/>
    </row>
    <row r="520446" spans="8:8">
      <c r="H520446" s="12"/>
    </row>
    <row r="520447" spans="8:8">
      <c r="H520447" s="12"/>
    </row>
    <row r="520448" spans="8:8">
      <c r="H520448" s="12"/>
    </row>
    <row r="520449" spans="8:8">
      <c r="H520449" s="12"/>
    </row>
    <row r="520450" spans="8:8">
      <c r="H520450" s="12"/>
    </row>
    <row r="520451" spans="8:8">
      <c r="H520451" s="12"/>
    </row>
    <row r="520452" spans="8:8">
      <c r="H520452" s="12"/>
    </row>
    <row r="520453" spans="8:8">
      <c r="H520453" s="12"/>
    </row>
    <row r="520454" spans="8:8">
      <c r="H520454" s="12"/>
    </row>
    <row r="520455" spans="8:8">
      <c r="H520455" s="12"/>
    </row>
    <row r="520456" spans="8:8">
      <c r="H520456" s="12"/>
    </row>
    <row r="520457" spans="8:8">
      <c r="H520457" s="12"/>
    </row>
    <row r="520458" spans="8:8">
      <c r="H520458" s="12"/>
    </row>
    <row r="520459" spans="8:8">
      <c r="H520459" s="12"/>
    </row>
    <row r="520460" spans="8:8">
      <c r="H520460" s="12"/>
    </row>
    <row r="520461" spans="8:8">
      <c r="H520461" s="12"/>
    </row>
    <row r="520462" spans="8:8">
      <c r="H520462" s="12"/>
    </row>
    <row r="520463" spans="8:8">
      <c r="H520463" s="12"/>
    </row>
    <row r="520464" spans="8:8">
      <c r="H520464" s="12"/>
    </row>
    <row r="520465" spans="8:8">
      <c r="H520465" s="12"/>
    </row>
    <row r="520466" spans="8:8">
      <c r="H520466" s="12"/>
    </row>
    <row r="520467" spans="8:8">
      <c r="H520467" s="12"/>
    </row>
    <row r="520468" spans="8:8">
      <c r="H520468" s="12"/>
    </row>
    <row r="520469" spans="8:8">
      <c r="H520469" s="12"/>
    </row>
    <row r="520470" spans="8:8">
      <c r="H520470" s="12"/>
    </row>
    <row r="520471" spans="8:8">
      <c r="H520471" s="12"/>
    </row>
    <row r="520472" spans="8:8">
      <c r="H520472" s="12"/>
    </row>
    <row r="520473" spans="8:8">
      <c r="H520473" s="12"/>
    </row>
    <row r="520474" spans="8:8">
      <c r="H520474" s="12"/>
    </row>
    <row r="520475" spans="8:8">
      <c r="H520475" s="12"/>
    </row>
    <row r="520476" spans="8:8">
      <c r="H520476" s="12"/>
    </row>
    <row r="520477" spans="8:8">
      <c r="H520477" s="12"/>
    </row>
    <row r="520478" spans="8:8">
      <c r="H520478" s="12"/>
    </row>
    <row r="520479" spans="8:8">
      <c r="H520479" s="12"/>
    </row>
    <row r="520480" spans="8:8">
      <c r="H520480" s="12"/>
    </row>
    <row r="520481" spans="8:8">
      <c r="H520481" s="12"/>
    </row>
    <row r="520482" spans="8:8">
      <c r="H520482" s="12"/>
    </row>
    <row r="520483" spans="8:8">
      <c r="H520483" s="12"/>
    </row>
    <row r="520484" spans="8:8">
      <c r="H520484" s="12"/>
    </row>
    <row r="520485" spans="8:8">
      <c r="H520485" s="12"/>
    </row>
    <row r="520486" spans="8:8">
      <c r="H520486" s="12"/>
    </row>
    <row r="520487" spans="8:8">
      <c r="H520487" s="12"/>
    </row>
    <row r="520488" spans="8:8">
      <c r="H520488" s="12"/>
    </row>
    <row r="520489" spans="8:8">
      <c r="H520489" s="12"/>
    </row>
    <row r="520490" spans="8:8">
      <c r="H520490" s="12"/>
    </row>
    <row r="520491" spans="8:8">
      <c r="H520491" s="12"/>
    </row>
    <row r="520492" spans="8:8">
      <c r="H520492" s="12"/>
    </row>
    <row r="520493" spans="8:8">
      <c r="H520493" s="12"/>
    </row>
    <row r="520494" spans="8:8">
      <c r="H520494" s="12"/>
    </row>
    <row r="520495" spans="8:8">
      <c r="H520495" s="12"/>
    </row>
    <row r="520496" spans="8:8">
      <c r="H520496" s="12"/>
    </row>
    <row r="520497" spans="8:8">
      <c r="H520497" s="12"/>
    </row>
    <row r="520498" spans="8:8">
      <c r="H520498" s="12"/>
    </row>
    <row r="520499" spans="8:8">
      <c r="H520499" s="12"/>
    </row>
    <row r="520500" spans="8:8">
      <c r="H520500" s="12"/>
    </row>
    <row r="520501" spans="8:8">
      <c r="H520501" s="12"/>
    </row>
    <row r="520502" spans="8:8">
      <c r="H520502" s="12"/>
    </row>
    <row r="520503" spans="8:8">
      <c r="H520503" s="12"/>
    </row>
    <row r="520504" spans="8:8">
      <c r="H520504" s="12"/>
    </row>
    <row r="520505" spans="8:8">
      <c r="H520505" s="12"/>
    </row>
    <row r="520506" spans="8:8">
      <c r="H520506" s="12"/>
    </row>
    <row r="520507" spans="8:8">
      <c r="H520507" s="12"/>
    </row>
    <row r="520508" spans="8:8">
      <c r="H520508" s="12"/>
    </row>
    <row r="520509" spans="8:8">
      <c r="H520509" s="12"/>
    </row>
    <row r="520510" spans="8:8">
      <c r="H520510" s="12"/>
    </row>
    <row r="520511" spans="8:8">
      <c r="H520511" s="12"/>
    </row>
    <row r="520512" spans="8:8">
      <c r="H520512" s="12"/>
    </row>
    <row r="520513" spans="8:8">
      <c r="H520513" s="12"/>
    </row>
    <row r="520514" spans="8:8">
      <c r="H520514" s="12"/>
    </row>
    <row r="520515" spans="8:8">
      <c r="H520515" s="12"/>
    </row>
    <row r="520516" spans="8:8">
      <c r="H520516" s="12"/>
    </row>
    <row r="520517" spans="8:8">
      <c r="H520517" s="12"/>
    </row>
    <row r="520518" spans="8:8">
      <c r="H520518" s="12"/>
    </row>
    <row r="520519" spans="8:8">
      <c r="H520519" s="12"/>
    </row>
    <row r="520520" spans="8:8">
      <c r="H520520" s="12"/>
    </row>
    <row r="520521" spans="8:8">
      <c r="H520521" s="12"/>
    </row>
    <row r="520522" spans="8:8">
      <c r="H520522" s="12"/>
    </row>
    <row r="520523" spans="8:8">
      <c r="H520523" s="12"/>
    </row>
    <row r="520524" spans="8:8">
      <c r="H520524" s="12"/>
    </row>
    <row r="520525" spans="8:8">
      <c r="H520525" s="12"/>
    </row>
    <row r="520526" spans="8:8">
      <c r="H520526" s="12"/>
    </row>
    <row r="520527" spans="8:8">
      <c r="H520527" s="12"/>
    </row>
    <row r="520528" spans="8:8">
      <c r="H520528" s="12"/>
    </row>
    <row r="520529" spans="8:8">
      <c r="H520529" s="12"/>
    </row>
    <row r="520530" spans="8:8">
      <c r="H520530" s="12"/>
    </row>
    <row r="520531" spans="8:8">
      <c r="H520531" s="12"/>
    </row>
    <row r="520532" spans="8:8">
      <c r="H520532" s="12"/>
    </row>
    <row r="520533" spans="8:8">
      <c r="H520533" s="12"/>
    </row>
    <row r="520534" spans="8:8">
      <c r="H520534" s="12"/>
    </row>
    <row r="520535" spans="8:8">
      <c r="H520535" s="12"/>
    </row>
    <row r="520536" spans="8:8">
      <c r="H520536" s="12"/>
    </row>
    <row r="520537" spans="8:8">
      <c r="H520537" s="12"/>
    </row>
    <row r="520538" spans="8:8">
      <c r="H520538" s="12"/>
    </row>
    <row r="520539" spans="8:8">
      <c r="H520539" s="12"/>
    </row>
    <row r="520540" spans="8:8">
      <c r="H520540" s="12"/>
    </row>
    <row r="520541" spans="8:8">
      <c r="H520541" s="12"/>
    </row>
    <row r="520542" spans="8:8">
      <c r="H520542" s="12"/>
    </row>
    <row r="520543" spans="8:8">
      <c r="H520543" s="12"/>
    </row>
    <row r="520544" spans="8:8">
      <c r="H520544" s="12"/>
    </row>
    <row r="520545" spans="8:8">
      <c r="H520545" s="12"/>
    </row>
    <row r="520546" spans="8:8">
      <c r="H520546" s="12"/>
    </row>
    <row r="520547" spans="8:8">
      <c r="H520547" s="12"/>
    </row>
    <row r="520548" spans="8:8">
      <c r="H520548" s="12"/>
    </row>
    <row r="520549" spans="8:8">
      <c r="H520549" s="12"/>
    </row>
    <row r="520550" spans="8:8">
      <c r="H520550" s="12"/>
    </row>
    <row r="520551" spans="8:8">
      <c r="H520551" s="12"/>
    </row>
    <row r="520552" spans="8:8">
      <c r="H520552" s="12"/>
    </row>
    <row r="520553" spans="8:8">
      <c r="H520553" s="12"/>
    </row>
    <row r="520554" spans="8:8">
      <c r="H520554" s="12"/>
    </row>
    <row r="520555" spans="8:8">
      <c r="H520555" s="12"/>
    </row>
    <row r="520556" spans="8:8">
      <c r="H520556" s="12"/>
    </row>
    <row r="520557" spans="8:8">
      <c r="H520557" s="12"/>
    </row>
    <row r="520558" spans="8:8">
      <c r="H520558" s="12"/>
    </row>
    <row r="520559" spans="8:8">
      <c r="H520559" s="12"/>
    </row>
    <row r="520560" spans="8:8">
      <c r="H520560" s="12"/>
    </row>
    <row r="520561" spans="8:8">
      <c r="H520561" s="12"/>
    </row>
    <row r="520562" spans="8:8">
      <c r="H520562" s="12"/>
    </row>
    <row r="520563" spans="8:8">
      <c r="H520563" s="12"/>
    </row>
    <row r="520564" spans="8:8">
      <c r="H520564" s="12"/>
    </row>
    <row r="520565" spans="8:8">
      <c r="H520565" s="12"/>
    </row>
    <row r="520566" spans="8:8">
      <c r="H520566" s="12"/>
    </row>
    <row r="520567" spans="8:8">
      <c r="H520567" s="12"/>
    </row>
    <row r="520568" spans="8:8">
      <c r="H520568" s="12"/>
    </row>
    <row r="520569" spans="8:8">
      <c r="H520569" s="12"/>
    </row>
    <row r="520570" spans="8:8">
      <c r="H520570" s="12"/>
    </row>
    <row r="520571" spans="8:8">
      <c r="H520571" s="12"/>
    </row>
    <row r="520572" spans="8:8">
      <c r="H520572" s="12"/>
    </row>
    <row r="520573" spans="8:8">
      <c r="H520573" s="12"/>
    </row>
    <row r="520574" spans="8:8">
      <c r="H520574" s="12"/>
    </row>
    <row r="520575" spans="8:8">
      <c r="H520575" s="12"/>
    </row>
    <row r="520576" spans="8:8">
      <c r="H520576" s="12"/>
    </row>
    <row r="520577" spans="8:8">
      <c r="H520577" s="12"/>
    </row>
    <row r="520578" spans="8:8">
      <c r="H520578" s="12"/>
    </row>
    <row r="520579" spans="8:8">
      <c r="H520579" s="12"/>
    </row>
    <row r="520580" spans="8:8">
      <c r="H520580" s="12"/>
    </row>
    <row r="520581" spans="8:8">
      <c r="H520581" s="12"/>
    </row>
    <row r="520582" spans="8:8">
      <c r="H520582" s="12"/>
    </row>
    <row r="520583" spans="8:8">
      <c r="H520583" s="12"/>
    </row>
    <row r="520584" spans="8:8">
      <c r="H520584" s="12"/>
    </row>
    <row r="520585" spans="8:8">
      <c r="H520585" s="12"/>
    </row>
    <row r="520586" spans="8:8">
      <c r="H520586" s="12"/>
    </row>
    <row r="520587" spans="8:8">
      <c r="H520587" s="12"/>
    </row>
    <row r="520588" spans="8:8">
      <c r="H520588" s="12"/>
    </row>
    <row r="520589" spans="8:8">
      <c r="H520589" s="12"/>
    </row>
    <row r="520590" spans="8:8">
      <c r="H520590" s="12"/>
    </row>
    <row r="520591" spans="8:8">
      <c r="H520591" s="12"/>
    </row>
    <row r="520592" spans="8:8">
      <c r="H520592" s="12"/>
    </row>
    <row r="520593" spans="8:8">
      <c r="H520593" s="12"/>
    </row>
    <row r="520594" spans="8:8">
      <c r="H520594" s="12"/>
    </row>
    <row r="520595" spans="8:8">
      <c r="H520595" s="12"/>
    </row>
    <row r="520596" spans="8:8">
      <c r="H520596" s="12"/>
    </row>
    <row r="520597" spans="8:8">
      <c r="H520597" s="12"/>
    </row>
    <row r="520598" spans="8:8">
      <c r="H520598" s="12"/>
    </row>
    <row r="520599" spans="8:8">
      <c r="H520599" s="12"/>
    </row>
    <row r="520600" spans="8:8">
      <c r="H520600" s="12"/>
    </row>
    <row r="520601" spans="8:8">
      <c r="H520601" s="12"/>
    </row>
    <row r="520602" spans="8:8">
      <c r="H520602" s="12"/>
    </row>
    <row r="520603" spans="8:8">
      <c r="H520603" s="12"/>
    </row>
    <row r="520604" spans="8:8">
      <c r="H520604" s="12"/>
    </row>
    <row r="520605" spans="8:8">
      <c r="H520605" s="12"/>
    </row>
    <row r="520606" spans="8:8">
      <c r="H520606" s="12"/>
    </row>
    <row r="520607" spans="8:8">
      <c r="H520607" s="12"/>
    </row>
    <row r="520608" spans="8:8">
      <c r="H520608" s="12"/>
    </row>
    <row r="520609" spans="8:8">
      <c r="H520609" s="12"/>
    </row>
    <row r="520610" spans="8:8">
      <c r="H520610" s="12"/>
    </row>
    <row r="520611" spans="8:8">
      <c r="H520611" s="12"/>
    </row>
    <row r="520612" spans="8:8">
      <c r="H520612" s="12"/>
    </row>
    <row r="520613" spans="8:8">
      <c r="H520613" s="12"/>
    </row>
    <row r="520614" spans="8:8">
      <c r="H520614" s="12"/>
    </row>
    <row r="520615" spans="8:8">
      <c r="H520615" s="12"/>
    </row>
    <row r="520616" spans="8:8">
      <c r="H520616" s="12"/>
    </row>
    <row r="520617" spans="8:8">
      <c r="H520617" s="12"/>
    </row>
    <row r="520618" spans="8:8">
      <c r="H520618" s="12"/>
    </row>
    <row r="520619" spans="8:8">
      <c r="H520619" s="12"/>
    </row>
    <row r="520620" spans="8:8">
      <c r="H520620" s="12"/>
    </row>
    <row r="520621" spans="8:8">
      <c r="H520621" s="12"/>
    </row>
    <row r="520622" spans="8:8">
      <c r="H520622" s="12"/>
    </row>
    <row r="520623" spans="8:8">
      <c r="H520623" s="12"/>
    </row>
    <row r="520624" spans="8:8">
      <c r="H520624" s="12"/>
    </row>
    <row r="520625" spans="8:8">
      <c r="H520625" s="12"/>
    </row>
    <row r="520626" spans="8:8">
      <c r="H520626" s="12"/>
    </row>
    <row r="520627" spans="8:8">
      <c r="H520627" s="12"/>
    </row>
    <row r="520628" spans="8:8">
      <c r="H520628" s="12"/>
    </row>
    <row r="520629" spans="8:8">
      <c r="H520629" s="12"/>
    </row>
    <row r="520630" spans="8:8">
      <c r="H520630" s="12"/>
    </row>
    <row r="520631" spans="8:8">
      <c r="H520631" s="12"/>
    </row>
    <row r="520632" spans="8:8">
      <c r="H520632" s="12"/>
    </row>
    <row r="520633" spans="8:8">
      <c r="H520633" s="12"/>
    </row>
    <row r="520634" spans="8:8">
      <c r="H520634" s="12"/>
    </row>
    <row r="520635" spans="8:8">
      <c r="H520635" s="12"/>
    </row>
    <row r="520636" spans="8:8">
      <c r="H520636" s="12"/>
    </row>
    <row r="520637" spans="8:8">
      <c r="H520637" s="12"/>
    </row>
    <row r="520638" spans="8:8">
      <c r="H520638" s="12"/>
    </row>
    <row r="520639" spans="8:8">
      <c r="H520639" s="12"/>
    </row>
    <row r="520640" spans="8:8">
      <c r="H520640" s="12"/>
    </row>
    <row r="520641" spans="8:8">
      <c r="H520641" s="12"/>
    </row>
    <row r="520642" spans="8:8">
      <c r="H520642" s="12"/>
    </row>
    <row r="520643" spans="8:8">
      <c r="H520643" s="12"/>
    </row>
    <row r="520644" spans="8:8">
      <c r="H520644" s="12"/>
    </row>
    <row r="520645" spans="8:8">
      <c r="H520645" s="12"/>
    </row>
    <row r="520646" spans="8:8">
      <c r="H520646" s="12"/>
    </row>
    <row r="520647" spans="8:8">
      <c r="H520647" s="12"/>
    </row>
    <row r="520648" spans="8:8">
      <c r="H520648" s="12"/>
    </row>
    <row r="520649" spans="8:8">
      <c r="H520649" s="12"/>
    </row>
    <row r="520650" spans="8:8">
      <c r="H520650" s="12"/>
    </row>
    <row r="520651" spans="8:8">
      <c r="H520651" s="12"/>
    </row>
    <row r="520652" spans="8:8">
      <c r="H520652" s="12"/>
    </row>
    <row r="520653" spans="8:8">
      <c r="H520653" s="12"/>
    </row>
    <row r="520654" spans="8:8">
      <c r="H520654" s="12"/>
    </row>
    <row r="520655" spans="8:8">
      <c r="H520655" s="12"/>
    </row>
    <row r="520656" spans="8:8">
      <c r="H520656" s="12"/>
    </row>
    <row r="520657" spans="8:8">
      <c r="H520657" s="12"/>
    </row>
    <row r="520658" spans="8:8">
      <c r="H520658" s="12"/>
    </row>
    <row r="520659" spans="8:8">
      <c r="H520659" s="12"/>
    </row>
    <row r="520660" spans="8:8">
      <c r="H520660" s="12"/>
    </row>
    <row r="520661" spans="8:8">
      <c r="H520661" s="12"/>
    </row>
    <row r="520662" spans="8:8">
      <c r="H520662" s="12"/>
    </row>
    <row r="520663" spans="8:8">
      <c r="H520663" s="12"/>
    </row>
    <row r="520664" spans="8:8">
      <c r="H520664" s="12"/>
    </row>
    <row r="520665" spans="8:8">
      <c r="H520665" s="12"/>
    </row>
    <row r="520666" spans="8:8">
      <c r="H520666" s="12"/>
    </row>
    <row r="520667" spans="8:8">
      <c r="H520667" s="12"/>
    </row>
    <row r="520668" spans="8:8">
      <c r="H520668" s="12"/>
    </row>
    <row r="520669" spans="8:8">
      <c r="H520669" s="12"/>
    </row>
    <row r="520670" spans="8:8">
      <c r="H520670" s="12"/>
    </row>
    <row r="520671" spans="8:8">
      <c r="H520671" s="12"/>
    </row>
    <row r="520672" spans="8:8">
      <c r="H520672" s="12"/>
    </row>
    <row r="520673" spans="8:8">
      <c r="H520673" s="12"/>
    </row>
    <row r="520674" spans="8:8">
      <c r="H520674" s="12"/>
    </row>
    <row r="520675" spans="8:8">
      <c r="H520675" s="12"/>
    </row>
    <row r="520676" spans="8:8">
      <c r="H520676" s="12"/>
    </row>
    <row r="520677" spans="8:8">
      <c r="H520677" s="12"/>
    </row>
    <row r="520678" spans="8:8">
      <c r="H520678" s="12"/>
    </row>
    <row r="520679" spans="8:8">
      <c r="H520679" s="12"/>
    </row>
    <row r="520680" spans="8:8">
      <c r="H520680" s="12"/>
    </row>
    <row r="520681" spans="8:8">
      <c r="H520681" s="12"/>
    </row>
    <row r="520682" spans="8:8">
      <c r="H520682" s="12"/>
    </row>
    <row r="520683" spans="8:8">
      <c r="H520683" s="12"/>
    </row>
    <row r="520684" spans="8:8">
      <c r="H520684" s="12"/>
    </row>
    <row r="520685" spans="8:8">
      <c r="H520685" s="12"/>
    </row>
    <row r="520686" spans="8:8">
      <c r="H520686" s="12"/>
    </row>
    <row r="520687" spans="8:8">
      <c r="H520687" s="12"/>
    </row>
    <row r="520688" spans="8:8">
      <c r="H520688" s="12"/>
    </row>
    <row r="520689" spans="8:8">
      <c r="H520689" s="12"/>
    </row>
    <row r="520690" spans="8:8">
      <c r="H520690" s="12"/>
    </row>
    <row r="520691" spans="8:8">
      <c r="H520691" s="12"/>
    </row>
    <row r="520692" spans="8:8">
      <c r="H520692" s="12"/>
    </row>
    <row r="520693" spans="8:8">
      <c r="H520693" s="12"/>
    </row>
    <row r="520694" spans="8:8">
      <c r="H520694" s="12"/>
    </row>
    <row r="520695" spans="8:8">
      <c r="H520695" s="12"/>
    </row>
    <row r="520696" spans="8:8">
      <c r="H520696" s="12"/>
    </row>
    <row r="520697" spans="8:8">
      <c r="H520697" s="12"/>
    </row>
    <row r="520698" spans="8:8">
      <c r="H520698" s="12"/>
    </row>
    <row r="520699" spans="8:8">
      <c r="H520699" s="12"/>
    </row>
    <row r="520700" spans="8:8">
      <c r="H520700" s="12"/>
    </row>
    <row r="520701" spans="8:8">
      <c r="H520701" s="12"/>
    </row>
    <row r="520702" spans="8:8">
      <c r="H520702" s="12"/>
    </row>
    <row r="520703" spans="8:8">
      <c r="H520703" s="12"/>
    </row>
    <row r="520704" spans="8:8">
      <c r="H520704" s="12"/>
    </row>
    <row r="520705" spans="8:8">
      <c r="H520705" s="12"/>
    </row>
    <row r="520706" spans="8:8">
      <c r="H520706" s="12"/>
    </row>
    <row r="520707" spans="8:8">
      <c r="H520707" s="12"/>
    </row>
    <row r="520708" spans="8:8">
      <c r="H520708" s="12"/>
    </row>
    <row r="520709" spans="8:8">
      <c r="H520709" s="12"/>
    </row>
    <row r="520710" spans="8:8">
      <c r="H520710" s="12"/>
    </row>
    <row r="520711" spans="8:8">
      <c r="H520711" s="12"/>
    </row>
    <row r="520712" spans="8:8">
      <c r="H520712" s="12"/>
    </row>
    <row r="520713" spans="8:8">
      <c r="H520713" s="12"/>
    </row>
    <row r="520714" spans="8:8">
      <c r="H520714" s="12"/>
    </row>
    <row r="520715" spans="8:8">
      <c r="H520715" s="12"/>
    </row>
    <row r="520716" spans="8:8">
      <c r="H520716" s="12"/>
    </row>
    <row r="520717" spans="8:8">
      <c r="H520717" s="12"/>
    </row>
    <row r="520718" spans="8:8">
      <c r="H520718" s="12"/>
    </row>
    <row r="520719" spans="8:8">
      <c r="H520719" s="12"/>
    </row>
    <row r="520720" spans="8:8">
      <c r="H520720" s="12"/>
    </row>
    <row r="520721" spans="8:8">
      <c r="H520721" s="12"/>
    </row>
    <row r="520722" spans="8:8">
      <c r="H520722" s="12"/>
    </row>
    <row r="520723" spans="8:8">
      <c r="H520723" s="12"/>
    </row>
    <row r="520724" spans="8:8">
      <c r="H520724" s="12"/>
    </row>
    <row r="520725" spans="8:8">
      <c r="H520725" s="12"/>
    </row>
    <row r="520726" spans="8:8">
      <c r="H520726" s="12"/>
    </row>
    <row r="520727" spans="8:8">
      <c r="H520727" s="12"/>
    </row>
    <row r="520728" spans="8:8">
      <c r="H520728" s="12"/>
    </row>
    <row r="520729" spans="8:8">
      <c r="H520729" s="12"/>
    </row>
    <row r="520730" spans="8:8">
      <c r="H520730" s="12"/>
    </row>
    <row r="520731" spans="8:8">
      <c r="H520731" s="12"/>
    </row>
    <row r="520732" spans="8:8">
      <c r="H520732" s="12"/>
    </row>
    <row r="520733" spans="8:8">
      <c r="H520733" s="12"/>
    </row>
    <row r="520734" spans="8:8">
      <c r="H520734" s="12"/>
    </row>
    <row r="520735" spans="8:8">
      <c r="H520735" s="12"/>
    </row>
    <row r="520736" spans="8:8">
      <c r="H520736" s="12"/>
    </row>
    <row r="520737" spans="8:8">
      <c r="H520737" s="12"/>
    </row>
    <row r="520738" spans="8:8">
      <c r="H520738" s="12"/>
    </row>
    <row r="520739" spans="8:8">
      <c r="H520739" s="12"/>
    </row>
    <row r="520740" spans="8:8">
      <c r="H520740" s="12"/>
    </row>
    <row r="520741" spans="8:8">
      <c r="H520741" s="12"/>
    </row>
    <row r="520742" spans="8:8">
      <c r="H520742" s="12"/>
    </row>
    <row r="520743" spans="8:8">
      <c r="H520743" s="12"/>
    </row>
    <row r="520744" spans="8:8">
      <c r="H520744" s="12"/>
    </row>
    <row r="520745" spans="8:8">
      <c r="H520745" s="12"/>
    </row>
    <row r="520746" spans="8:8">
      <c r="H520746" s="12"/>
    </row>
    <row r="520747" spans="8:8">
      <c r="H520747" s="12"/>
    </row>
    <row r="520748" spans="8:8">
      <c r="H520748" s="12"/>
    </row>
    <row r="520749" spans="8:8">
      <c r="H520749" s="12"/>
    </row>
    <row r="520750" spans="8:8">
      <c r="H520750" s="12"/>
    </row>
    <row r="520751" spans="8:8">
      <c r="H520751" s="12"/>
    </row>
    <row r="520752" spans="8:8">
      <c r="H520752" s="12"/>
    </row>
    <row r="520753" spans="8:8">
      <c r="H520753" s="12"/>
    </row>
    <row r="520754" spans="8:8">
      <c r="H520754" s="12"/>
    </row>
    <row r="520755" spans="8:8">
      <c r="H520755" s="12"/>
    </row>
    <row r="520756" spans="8:8">
      <c r="H520756" s="12"/>
    </row>
    <row r="520757" spans="8:8">
      <c r="H520757" s="12"/>
    </row>
    <row r="520758" spans="8:8">
      <c r="H520758" s="12"/>
    </row>
    <row r="520759" spans="8:8">
      <c r="H520759" s="12"/>
    </row>
    <row r="520760" spans="8:8">
      <c r="H520760" s="12"/>
    </row>
    <row r="520761" spans="8:8">
      <c r="H520761" s="12"/>
    </row>
    <row r="520762" spans="8:8">
      <c r="H520762" s="12"/>
    </row>
    <row r="520763" spans="8:8">
      <c r="H520763" s="12"/>
    </row>
    <row r="520764" spans="8:8">
      <c r="H520764" s="12"/>
    </row>
    <row r="520765" spans="8:8">
      <c r="H520765" s="12"/>
    </row>
    <row r="520766" spans="8:8">
      <c r="H520766" s="12"/>
    </row>
    <row r="520767" spans="8:8">
      <c r="H520767" s="12"/>
    </row>
    <row r="520768" spans="8:8">
      <c r="H520768" s="12"/>
    </row>
    <row r="520769" spans="8:8">
      <c r="H520769" s="12"/>
    </row>
    <row r="520770" spans="8:8">
      <c r="H520770" s="12"/>
    </row>
    <row r="520771" spans="8:8">
      <c r="H520771" s="12"/>
    </row>
    <row r="520772" spans="8:8">
      <c r="H520772" s="12"/>
    </row>
    <row r="520773" spans="8:8">
      <c r="H520773" s="12"/>
    </row>
    <row r="520774" spans="8:8">
      <c r="H520774" s="12"/>
    </row>
    <row r="520775" spans="8:8">
      <c r="H520775" s="12"/>
    </row>
    <row r="520776" spans="8:8">
      <c r="H520776" s="12"/>
    </row>
    <row r="520777" spans="8:8">
      <c r="H520777" s="12"/>
    </row>
    <row r="520778" spans="8:8">
      <c r="H520778" s="12"/>
    </row>
    <row r="520779" spans="8:8">
      <c r="H520779" s="12"/>
    </row>
    <row r="520780" spans="8:8">
      <c r="H520780" s="12"/>
    </row>
    <row r="520781" spans="8:8">
      <c r="H520781" s="12"/>
    </row>
    <row r="520782" spans="8:8">
      <c r="H520782" s="12"/>
    </row>
    <row r="520783" spans="8:8">
      <c r="H520783" s="12"/>
    </row>
    <row r="520784" spans="8:8">
      <c r="H520784" s="12"/>
    </row>
    <row r="520785" spans="8:8">
      <c r="H520785" s="12"/>
    </row>
    <row r="520786" spans="8:8">
      <c r="H520786" s="12"/>
    </row>
    <row r="520787" spans="8:8">
      <c r="H520787" s="12"/>
    </row>
    <row r="520788" spans="8:8">
      <c r="H520788" s="12"/>
    </row>
    <row r="520789" spans="8:8">
      <c r="H520789" s="12"/>
    </row>
    <row r="520790" spans="8:8">
      <c r="H520790" s="12"/>
    </row>
    <row r="520791" spans="8:8">
      <c r="H520791" s="12"/>
    </row>
    <row r="520792" spans="8:8">
      <c r="H520792" s="12"/>
    </row>
    <row r="520793" spans="8:8">
      <c r="H520793" s="12"/>
    </row>
    <row r="520794" spans="8:8">
      <c r="H520794" s="12"/>
    </row>
    <row r="520795" spans="8:8">
      <c r="H520795" s="12"/>
    </row>
    <row r="520796" spans="8:8">
      <c r="H520796" s="12"/>
    </row>
    <row r="520797" spans="8:8">
      <c r="H520797" s="12"/>
    </row>
    <row r="520798" spans="8:8">
      <c r="H520798" s="12"/>
    </row>
    <row r="520799" spans="8:8">
      <c r="H520799" s="12"/>
    </row>
    <row r="520800" spans="8:8">
      <c r="H520800" s="12"/>
    </row>
    <row r="520801" spans="8:8">
      <c r="H520801" s="12"/>
    </row>
    <row r="520802" spans="8:8">
      <c r="H520802" s="12"/>
    </row>
    <row r="520803" spans="8:8">
      <c r="H520803" s="12"/>
    </row>
    <row r="520804" spans="8:8">
      <c r="H520804" s="12"/>
    </row>
    <row r="520805" spans="8:8">
      <c r="H520805" s="12"/>
    </row>
    <row r="520806" spans="8:8">
      <c r="H520806" s="12"/>
    </row>
    <row r="520807" spans="8:8">
      <c r="H520807" s="12"/>
    </row>
    <row r="520808" spans="8:8">
      <c r="H520808" s="12"/>
    </row>
    <row r="520809" spans="8:8">
      <c r="H520809" s="12"/>
    </row>
    <row r="520810" spans="8:8">
      <c r="H520810" s="12"/>
    </row>
    <row r="520811" spans="8:8">
      <c r="H520811" s="12"/>
    </row>
    <row r="520812" spans="8:8">
      <c r="H520812" s="12"/>
    </row>
    <row r="520813" spans="8:8">
      <c r="H520813" s="12"/>
    </row>
    <row r="520814" spans="8:8">
      <c r="H520814" s="12"/>
    </row>
    <row r="520815" spans="8:8">
      <c r="H520815" s="12"/>
    </row>
    <row r="520816" spans="8:8">
      <c r="H520816" s="12"/>
    </row>
    <row r="520817" spans="8:8">
      <c r="H520817" s="12"/>
    </row>
    <row r="520818" spans="8:8">
      <c r="H520818" s="12"/>
    </row>
    <row r="520819" spans="8:8">
      <c r="H520819" s="12"/>
    </row>
    <row r="520820" spans="8:8">
      <c r="H520820" s="12"/>
    </row>
    <row r="520821" spans="8:8">
      <c r="H520821" s="12"/>
    </row>
    <row r="520822" spans="8:8">
      <c r="H520822" s="12"/>
    </row>
    <row r="520823" spans="8:8">
      <c r="H520823" s="12"/>
    </row>
    <row r="520824" spans="8:8">
      <c r="H520824" s="12"/>
    </row>
    <row r="520825" spans="8:8">
      <c r="H520825" s="12"/>
    </row>
    <row r="520826" spans="8:8">
      <c r="H520826" s="12"/>
    </row>
    <row r="520827" spans="8:8">
      <c r="H520827" s="12"/>
    </row>
    <row r="520828" spans="8:8">
      <c r="H520828" s="12"/>
    </row>
    <row r="520829" spans="8:8">
      <c r="H520829" s="12"/>
    </row>
    <row r="520830" spans="8:8">
      <c r="H520830" s="12"/>
    </row>
    <row r="520831" spans="8:8">
      <c r="H520831" s="12"/>
    </row>
    <row r="520832" spans="8:8">
      <c r="H520832" s="12"/>
    </row>
    <row r="520833" spans="8:8">
      <c r="H520833" s="12"/>
    </row>
    <row r="520834" spans="8:8">
      <c r="H520834" s="12"/>
    </row>
    <row r="520835" spans="8:8">
      <c r="H520835" s="12"/>
    </row>
    <row r="520836" spans="8:8">
      <c r="H520836" s="12"/>
    </row>
    <row r="520837" spans="8:8">
      <c r="H520837" s="12"/>
    </row>
    <row r="520838" spans="8:8">
      <c r="H520838" s="12"/>
    </row>
    <row r="520839" spans="8:8">
      <c r="H520839" s="12"/>
    </row>
    <row r="520840" spans="8:8">
      <c r="H520840" s="12"/>
    </row>
    <row r="520841" spans="8:8">
      <c r="H520841" s="12"/>
    </row>
    <row r="520842" spans="8:8">
      <c r="H520842" s="12"/>
    </row>
    <row r="520843" spans="8:8">
      <c r="H520843" s="12"/>
    </row>
    <row r="520844" spans="8:8">
      <c r="H520844" s="12"/>
    </row>
    <row r="520845" spans="8:8">
      <c r="H520845" s="12"/>
    </row>
    <row r="520846" spans="8:8">
      <c r="H520846" s="12"/>
    </row>
    <row r="520847" spans="8:8">
      <c r="H520847" s="12"/>
    </row>
    <row r="520848" spans="8:8">
      <c r="H520848" s="12"/>
    </row>
    <row r="520849" spans="8:8">
      <c r="H520849" s="12"/>
    </row>
    <row r="520850" spans="8:8">
      <c r="H520850" s="12"/>
    </row>
    <row r="520851" spans="8:8">
      <c r="H520851" s="12"/>
    </row>
    <row r="520852" spans="8:8">
      <c r="H520852" s="12"/>
    </row>
    <row r="520853" spans="8:8">
      <c r="H520853" s="12"/>
    </row>
    <row r="520854" spans="8:8">
      <c r="H520854" s="12"/>
    </row>
    <row r="520855" spans="8:8">
      <c r="H520855" s="12"/>
    </row>
    <row r="520856" spans="8:8">
      <c r="H520856" s="12"/>
    </row>
    <row r="520857" spans="8:8">
      <c r="H520857" s="12"/>
    </row>
    <row r="520858" spans="8:8">
      <c r="H520858" s="12"/>
    </row>
    <row r="520859" spans="8:8">
      <c r="H520859" s="12"/>
    </row>
    <row r="520860" spans="8:8">
      <c r="H520860" s="12"/>
    </row>
    <row r="520861" spans="8:8">
      <c r="H520861" s="12"/>
    </row>
    <row r="520862" spans="8:8">
      <c r="H520862" s="12"/>
    </row>
    <row r="520863" spans="8:8">
      <c r="H520863" s="12"/>
    </row>
    <row r="520864" spans="8:8">
      <c r="H520864" s="12"/>
    </row>
    <row r="520865" spans="8:8">
      <c r="H520865" s="12"/>
    </row>
    <row r="520866" spans="8:8">
      <c r="H520866" s="12"/>
    </row>
    <row r="520867" spans="8:8">
      <c r="H520867" s="12"/>
    </row>
    <row r="520868" spans="8:8">
      <c r="H520868" s="12"/>
    </row>
    <row r="520869" spans="8:8">
      <c r="H520869" s="12"/>
    </row>
    <row r="520870" spans="8:8">
      <c r="H520870" s="12"/>
    </row>
    <row r="520871" spans="8:8">
      <c r="H520871" s="12"/>
    </row>
    <row r="520872" spans="8:8">
      <c r="H520872" s="12"/>
    </row>
    <row r="520873" spans="8:8">
      <c r="H520873" s="12"/>
    </row>
    <row r="520874" spans="8:8">
      <c r="H520874" s="12"/>
    </row>
    <row r="520875" spans="8:8">
      <c r="H520875" s="12"/>
    </row>
    <row r="520876" spans="8:8">
      <c r="H520876" s="12"/>
    </row>
    <row r="520877" spans="8:8">
      <c r="H520877" s="12"/>
    </row>
    <row r="520878" spans="8:8">
      <c r="H520878" s="12"/>
    </row>
    <row r="520879" spans="8:8">
      <c r="H520879" s="12"/>
    </row>
    <row r="520880" spans="8:8">
      <c r="H520880" s="12"/>
    </row>
    <row r="520881" spans="8:8">
      <c r="H520881" s="12"/>
    </row>
    <row r="520882" spans="8:8">
      <c r="H520882" s="12"/>
    </row>
    <row r="520883" spans="8:8">
      <c r="H520883" s="12"/>
    </row>
    <row r="520884" spans="8:8">
      <c r="H520884" s="12"/>
    </row>
    <row r="520885" spans="8:8">
      <c r="H520885" s="12"/>
    </row>
    <row r="520886" spans="8:8">
      <c r="H520886" s="12"/>
    </row>
    <row r="520887" spans="8:8">
      <c r="H520887" s="12"/>
    </row>
    <row r="520888" spans="8:8">
      <c r="H520888" s="12"/>
    </row>
    <row r="520889" spans="8:8">
      <c r="H520889" s="12"/>
    </row>
    <row r="520890" spans="8:8">
      <c r="H520890" s="12"/>
    </row>
    <row r="520891" spans="8:8">
      <c r="H520891" s="12"/>
    </row>
    <row r="520892" spans="8:8">
      <c r="H520892" s="12"/>
    </row>
    <row r="520893" spans="8:8">
      <c r="H520893" s="12"/>
    </row>
    <row r="520894" spans="8:8">
      <c r="H520894" s="12"/>
    </row>
    <row r="520895" spans="8:8">
      <c r="H520895" s="12"/>
    </row>
    <row r="520896" spans="8:8">
      <c r="H520896" s="12"/>
    </row>
    <row r="520897" spans="8:8">
      <c r="H520897" s="12"/>
    </row>
    <row r="520898" spans="8:8">
      <c r="H520898" s="12"/>
    </row>
    <row r="520899" spans="8:8">
      <c r="H520899" s="12"/>
    </row>
    <row r="520900" spans="8:8">
      <c r="H520900" s="12"/>
    </row>
    <row r="520901" spans="8:8">
      <c r="H520901" s="12"/>
    </row>
    <row r="520902" spans="8:8">
      <c r="H520902" s="12"/>
    </row>
    <row r="520903" spans="8:8">
      <c r="H520903" s="12"/>
    </row>
    <row r="520904" spans="8:8">
      <c r="H520904" s="12"/>
    </row>
    <row r="520905" spans="8:8">
      <c r="H520905" s="12"/>
    </row>
    <row r="520906" spans="8:8">
      <c r="H520906" s="12"/>
    </row>
    <row r="520907" spans="8:8">
      <c r="H520907" s="12"/>
    </row>
    <row r="520908" spans="8:8">
      <c r="H520908" s="12"/>
    </row>
    <row r="520909" spans="8:8">
      <c r="H520909" s="12"/>
    </row>
    <row r="520910" spans="8:8">
      <c r="H520910" s="12"/>
    </row>
    <row r="520911" spans="8:8">
      <c r="H520911" s="12"/>
    </row>
    <row r="520912" spans="8:8">
      <c r="H520912" s="12"/>
    </row>
    <row r="520913" spans="8:8">
      <c r="H520913" s="12"/>
    </row>
    <row r="520914" spans="8:8">
      <c r="H520914" s="12"/>
    </row>
    <row r="520915" spans="8:8">
      <c r="H520915" s="12"/>
    </row>
    <row r="520916" spans="8:8">
      <c r="H520916" s="12"/>
    </row>
    <row r="520917" spans="8:8">
      <c r="H520917" s="12"/>
    </row>
    <row r="520918" spans="8:8">
      <c r="H520918" s="12"/>
    </row>
    <row r="520919" spans="8:8">
      <c r="H520919" s="12"/>
    </row>
    <row r="520920" spans="8:8">
      <c r="H520920" s="12"/>
    </row>
    <row r="520921" spans="8:8">
      <c r="H520921" s="12"/>
    </row>
    <row r="520922" spans="8:8">
      <c r="H520922" s="12"/>
    </row>
    <row r="520923" spans="8:8">
      <c r="H520923" s="12"/>
    </row>
    <row r="520924" spans="8:8">
      <c r="H520924" s="12"/>
    </row>
    <row r="520925" spans="8:8">
      <c r="H520925" s="12"/>
    </row>
    <row r="520926" spans="8:8">
      <c r="H520926" s="12"/>
    </row>
    <row r="520927" spans="8:8">
      <c r="H520927" s="12"/>
    </row>
    <row r="520928" spans="8:8">
      <c r="H520928" s="12"/>
    </row>
    <row r="520929" spans="8:8">
      <c r="H520929" s="12"/>
    </row>
    <row r="520930" spans="8:8">
      <c r="H520930" s="12"/>
    </row>
    <row r="520931" spans="8:8">
      <c r="H520931" s="12"/>
    </row>
    <row r="520932" spans="8:8">
      <c r="H520932" s="12"/>
    </row>
    <row r="520933" spans="8:8">
      <c r="H520933" s="12"/>
    </row>
    <row r="520934" spans="8:8">
      <c r="H520934" s="12"/>
    </row>
    <row r="520935" spans="8:8">
      <c r="H520935" s="12"/>
    </row>
    <row r="520936" spans="8:8">
      <c r="H520936" s="12"/>
    </row>
    <row r="520937" spans="8:8">
      <c r="H520937" s="12"/>
    </row>
    <row r="520938" spans="8:8">
      <c r="H520938" s="12"/>
    </row>
    <row r="520939" spans="8:8">
      <c r="H520939" s="12"/>
    </row>
    <row r="520940" spans="8:8">
      <c r="H520940" s="12"/>
    </row>
    <row r="520941" spans="8:8">
      <c r="H520941" s="12"/>
    </row>
    <row r="520942" spans="8:8">
      <c r="H520942" s="12"/>
    </row>
    <row r="520943" spans="8:8">
      <c r="H520943" s="12"/>
    </row>
    <row r="520944" spans="8:8">
      <c r="H520944" s="12"/>
    </row>
    <row r="520945" spans="8:8">
      <c r="H520945" s="12"/>
    </row>
    <row r="520946" spans="8:8">
      <c r="H520946" s="12"/>
    </row>
    <row r="520947" spans="8:8">
      <c r="H520947" s="12"/>
    </row>
    <row r="520948" spans="8:8">
      <c r="H520948" s="12"/>
    </row>
    <row r="520949" spans="8:8">
      <c r="H520949" s="12"/>
    </row>
    <row r="520950" spans="8:8">
      <c r="H520950" s="12"/>
    </row>
    <row r="520951" spans="8:8">
      <c r="H520951" s="12"/>
    </row>
    <row r="520952" spans="8:8">
      <c r="H520952" s="12"/>
    </row>
    <row r="520953" spans="8:8">
      <c r="H520953" s="12"/>
    </row>
    <row r="520954" spans="8:8">
      <c r="H520954" s="12"/>
    </row>
    <row r="520955" spans="8:8">
      <c r="H520955" s="12"/>
    </row>
    <row r="520956" spans="8:8">
      <c r="H520956" s="12"/>
    </row>
    <row r="520957" spans="8:8">
      <c r="H520957" s="12"/>
    </row>
    <row r="520958" spans="8:8">
      <c r="H520958" s="12"/>
    </row>
    <row r="520959" spans="8:8">
      <c r="H520959" s="12"/>
    </row>
    <row r="520960" spans="8:8">
      <c r="H520960" s="12"/>
    </row>
    <row r="520961" spans="8:8">
      <c r="H520961" s="12"/>
    </row>
    <row r="520962" spans="8:8">
      <c r="H520962" s="12"/>
    </row>
    <row r="520963" spans="8:8">
      <c r="H520963" s="12"/>
    </row>
    <row r="520964" spans="8:8">
      <c r="H520964" s="12"/>
    </row>
    <row r="520965" spans="8:8">
      <c r="H520965" s="12"/>
    </row>
    <row r="520966" spans="8:8">
      <c r="H520966" s="12"/>
    </row>
    <row r="520967" spans="8:8">
      <c r="H520967" s="12"/>
    </row>
    <row r="520968" spans="8:8">
      <c r="H520968" s="12"/>
    </row>
    <row r="520969" spans="8:8">
      <c r="H520969" s="12"/>
    </row>
    <row r="520970" spans="8:8">
      <c r="H520970" s="12"/>
    </row>
    <row r="520971" spans="8:8">
      <c r="H520971" s="12"/>
    </row>
    <row r="520972" spans="8:8">
      <c r="H520972" s="12"/>
    </row>
    <row r="520973" spans="8:8">
      <c r="H520973" s="12"/>
    </row>
    <row r="520974" spans="8:8">
      <c r="H520974" s="12"/>
    </row>
    <row r="520975" spans="8:8">
      <c r="H520975" s="12"/>
    </row>
    <row r="520976" spans="8:8">
      <c r="H520976" s="12"/>
    </row>
    <row r="520977" spans="8:8">
      <c r="H520977" s="12"/>
    </row>
    <row r="520978" spans="8:8">
      <c r="H520978" s="12"/>
    </row>
    <row r="520979" spans="8:8">
      <c r="H520979" s="12"/>
    </row>
    <row r="520980" spans="8:8">
      <c r="H520980" s="12"/>
    </row>
    <row r="520981" spans="8:8">
      <c r="H520981" s="12"/>
    </row>
    <row r="520982" spans="8:8">
      <c r="H520982" s="12"/>
    </row>
    <row r="520983" spans="8:8">
      <c r="H520983" s="12"/>
    </row>
    <row r="520984" spans="8:8">
      <c r="H520984" s="12"/>
    </row>
    <row r="520985" spans="8:8">
      <c r="H520985" s="12"/>
    </row>
    <row r="520986" spans="8:8">
      <c r="H520986" s="12"/>
    </row>
    <row r="520987" spans="8:8">
      <c r="H520987" s="12"/>
    </row>
    <row r="520988" spans="8:8">
      <c r="H520988" s="12"/>
    </row>
    <row r="520989" spans="8:8">
      <c r="H520989" s="12"/>
    </row>
    <row r="520990" spans="8:8">
      <c r="H520990" s="12"/>
    </row>
    <row r="520991" spans="8:8">
      <c r="H520991" s="12"/>
    </row>
    <row r="520992" spans="8:8">
      <c r="H520992" s="12"/>
    </row>
    <row r="520993" spans="8:8">
      <c r="H520993" s="12"/>
    </row>
    <row r="520994" spans="8:8">
      <c r="H520994" s="12"/>
    </row>
    <row r="520995" spans="8:8">
      <c r="H520995" s="12"/>
    </row>
    <row r="520996" spans="8:8">
      <c r="H520996" s="12"/>
    </row>
    <row r="520997" spans="8:8">
      <c r="H520997" s="12"/>
    </row>
    <row r="520998" spans="8:8">
      <c r="H520998" s="12"/>
    </row>
    <row r="520999" spans="8:8">
      <c r="H520999" s="12"/>
    </row>
    <row r="521000" spans="8:8">
      <c r="H521000" s="12"/>
    </row>
    <row r="521001" spans="8:8">
      <c r="H521001" s="12"/>
    </row>
    <row r="521002" spans="8:8">
      <c r="H521002" s="12"/>
    </row>
    <row r="521003" spans="8:8">
      <c r="H521003" s="12"/>
    </row>
    <row r="521004" spans="8:8">
      <c r="H521004" s="12"/>
    </row>
    <row r="521005" spans="8:8">
      <c r="H521005" s="12"/>
    </row>
    <row r="521006" spans="8:8">
      <c r="H521006" s="12"/>
    </row>
    <row r="521007" spans="8:8">
      <c r="H521007" s="12"/>
    </row>
    <row r="521008" spans="8:8">
      <c r="H521008" s="12"/>
    </row>
    <row r="521009" spans="8:8">
      <c r="H521009" s="12"/>
    </row>
    <row r="521010" spans="8:8">
      <c r="H521010" s="12"/>
    </row>
    <row r="521011" spans="8:8">
      <c r="H521011" s="12"/>
    </row>
    <row r="521012" spans="8:8">
      <c r="H521012" s="12"/>
    </row>
    <row r="521013" spans="8:8">
      <c r="H521013" s="12"/>
    </row>
    <row r="521014" spans="8:8">
      <c r="H521014" s="12"/>
    </row>
    <row r="521015" spans="8:8">
      <c r="H521015" s="12"/>
    </row>
    <row r="521016" spans="8:8">
      <c r="H521016" s="12"/>
    </row>
    <row r="521017" spans="8:8">
      <c r="H521017" s="12"/>
    </row>
    <row r="521018" spans="8:8">
      <c r="H521018" s="12"/>
    </row>
    <row r="521019" spans="8:8">
      <c r="H521019" s="12"/>
    </row>
    <row r="521020" spans="8:8">
      <c r="H521020" s="12"/>
    </row>
    <row r="521021" spans="8:8">
      <c r="H521021" s="12"/>
    </row>
    <row r="521022" spans="8:8">
      <c r="H521022" s="12"/>
    </row>
    <row r="521023" spans="8:8">
      <c r="H521023" s="12"/>
    </row>
    <row r="521024" spans="8:8">
      <c r="H521024" s="12"/>
    </row>
    <row r="521025" spans="8:8">
      <c r="H521025" s="12"/>
    </row>
    <row r="521026" spans="8:8">
      <c r="H521026" s="12"/>
    </row>
    <row r="521027" spans="8:8">
      <c r="H521027" s="12"/>
    </row>
    <row r="521028" spans="8:8">
      <c r="H521028" s="12"/>
    </row>
    <row r="521029" spans="8:8">
      <c r="H521029" s="12"/>
    </row>
    <row r="521030" spans="8:8">
      <c r="H521030" s="12"/>
    </row>
    <row r="521031" spans="8:8">
      <c r="H521031" s="12"/>
    </row>
    <row r="521032" spans="8:8">
      <c r="H521032" s="12"/>
    </row>
    <row r="521033" spans="8:8">
      <c r="H521033" s="12"/>
    </row>
    <row r="521034" spans="8:8">
      <c r="H521034" s="12"/>
    </row>
    <row r="521035" spans="8:8">
      <c r="H521035" s="12"/>
    </row>
    <row r="521036" spans="8:8">
      <c r="H521036" s="12"/>
    </row>
    <row r="521037" spans="8:8">
      <c r="H521037" s="12"/>
    </row>
    <row r="521038" spans="8:8">
      <c r="H521038" s="12"/>
    </row>
    <row r="521039" spans="8:8">
      <c r="H521039" s="12"/>
    </row>
    <row r="521040" spans="8:8">
      <c r="H521040" s="12"/>
    </row>
    <row r="521041" spans="8:8">
      <c r="H521041" s="12"/>
    </row>
    <row r="521042" spans="8:8">
      <c r="H521042" s="12"/>
    </row>
    <row r="521043" spans="8:8">
      <c r="H521043" s="12"/>
    </row>
    <row r="521044" spans="8:8">
      <c r="H521044" s="12"/>
    </row>
    <row r="521045" spans="8:8">
      <c r="H521045" s="12"/>
    </row>
    <row r="521046" spans="8:8">
      <c r="H521046" s="12"/>
    </row>
    <row r="521047" spans="8:8">
      <c r="H521047" s="12"/>
    </row>
    <row r="521048" spans="8:8">
      <c r="H521048" s="12"/>
    </row>
    <row r="521049" spans="8:8">
      <c r="H521049" s="12"/>
    </row>
    <row r="521050" spans="8:8">
      <c r="H521050" s="12"/>
    </row>
    <row r="521051" spans="8:8">
      <c r="H521051" s="12"/>
    </row>
    <row r="521052" spans="8:8">
      <c r="H521052" s="12"/>
    </row>
    <row r="521053" spans="8:8">
      <c r="H521053" s="12"/>
    </row>
    <row r="521054" spans="8:8">
      <c r="H521054" s="12"/>
    </row>
    <row r="521055" spans="8:8">
      <c r="H521055" s="12"/>
    </row>
    <row r="521056" spans="8:8">
      <c r="H521056" s="12"/>
    </row>
    <row r="521057" spans="8:8">
      <c r="H521057" s="12"/>
    </row>
    <row r="521058" spans="8:8">
      <c r="H521058" s="12"/>
    </row>
    <row r="521059" spans="8:8">
      <c r="H521059" s="12"/>
    </row>
    <row r="521060" spans="8:8">
      <c r="H521060" s="12"/>
    </row>
    <row r="521061" spans="8:8">
      <c r="H521061" s="12"/>
    </row>
    <row r="521062" spans="8:8">
      <c r="H521062" s="12"/>
    </row>
    <row r="521063" spans="8:8">
      <c r="H521063" s="12"/>
    </row>
    <row r="521064" spans="8:8">
      <c r="H521064" s="12"/>
    </row>
    <row r="521065" spans="8:8">
      <c r="H521065" s="12"/>
    </row>
    <row r="521066" spans="8:8">
      <c r="H521066" s="12"/>
    </row>
    <row r="521067" spans="8:8">
      <c r="H521067" s="12"/>
    </row>
    <row r="521068" spans="8:8">
      <c r="H521068" s="12"/>
    </row>
    <row r="521069" spans="8:8">
      <c r="H521069" s="12"/>
    </row>
    <row r="521070" spans="8:8">
      <c r="H521070" s="12"/>
    </row>
    <row r="521071" spans="8:8">
      <c r="H521071" s="12"/>
    </row>
    <row r="521072" spans="8:8">
      <c r="H521072" s="12"/>
    </row>
    <row r="521073" spans="8:8">
      <c r="H521073" s="12"/>
    </row>
    <row r="521074" spans="8:8">
      <c r="H521074" s="12"/>
    </row>
    <row r="521075" spans="8:8">
      <c r="H521075" s="12"/>
    </row>
    <row r="521076" spans="8:8">
      <c r="H521076" s="12"/>
    </row>
    <row r="521077" spans="8:8">
      <c r="H521077" s="12"/>
    </row>
    <row r="521078" spans="8:8">
      <c r="H521078" s="12"/>
    </row>
    <row r="521079" spans="8:8">
      <c r="H521079" s="12"/>
    </row>
    <row r="521080" spans="8:8">
      <c r="H521080" s="12"/>
    </row>
    <row r="521081" spans="8:8">
      <c r="H521081" s="12"/>
    </row>
    <row r="521082" spans="8:8">
      <c r="H521082" s="12"/>
    </row>
    <row r="521083" spans="8:8">
      <c r="H521083" s="12"/>
    </row>
    <row r="521084" spans="8:8">
      <c r="H521084" s="12"/>
    </row>
    <row r="521085" spans="8:8">
      <c r="H521085" s="12"/>
    </row>
    <row r="521086" spans="8:8">
      <c r="H521086" s="12"/>
    </row>
    <row r="521087" spans="8:8">
      <c r="H521087" s="12"/>
    </row>
    <row r="521088" spans="8:8">
      <c r="H521088" s="12"/>
    </row>
    <row r="521089" spans="8:8">
      <c r="H521089" s="12"/>
    </row>
    <row r="521090" spans="8:8">
      <c r="H521090" s="12"/>
    </row>
    <row r="521091" spans="8:8">
      <c r="H521091" s="12"/>
    </row>
    <row r="521092" spans="8:8">
      <c r="H521092" s="12"/>
    </row>
    <row r="521093" spans="8:8">
      <c r="H521093" s="12"/>
    </row>
    <row r="521094" spans="8:8">
      <c r="H521094" s="12"/>
    </row>
    <row r="521095" spans="8:8">
      <c r="H521095" s="12"/>
    </row>
    <row r="521096" spans="8:8">
      <c r="H521096" s="12"/>
    </row>
    <row r="521097" spans="8:8">
      <c r="H521097" s="12"/>
    </row>
    <row r="521098" spans="8:8">
      <c r="H521098" s="12"/>
    </row>
    <row r="521099" spans="8:8">
      <c r="H521099" s="12"/>
    </row>
    <row r="521100" spans="8:8">
      <c r="H521100" s="12"/>
    </row>
    <row r="521101" spans="8:8">
      <c r="H521101" s="12"/>
    </row>
    <row r="521102" spans="8:8">
      <c r="H521102" s="12"/>
    </row>
    <row r="521103" spans="8:8">
      <c r="H521103" s="12"/>
    </row>
    <row r="521104" spans="8:8">
      <c r="H521104" s="12"/>
    </row>
    <row r="521105" spans="8:8">
      <c r="H521105" s="12"/>
    </row>
    <row r="521106" spans="8:8">
      <c r="H521106" s="12"/>
    </row>
    <row r="521107" spans="8:8">
      <c r="H521107" s="12"/>
    </row>
    <row r="521108" spans="8:8">
      <c r="H521108" s="12"/>
    </row>
    <row r="521109" spans="8:8">
      <c r="H521109" s="12"/>
    </row>
    <row r="521110" spans="8:8">
      <c r="H521110" s="12"/>
    </row>
    <row r="521111" spans="8:8">
      <c r="H521111" s="12"/>
    </row>
    <row r="521112" spans="8:8">
      <c r="H521112" s="12"/>
    </row>
    <row r="521113" spans="8:8">
      <c r="H521113" s="12"/>
    </row>
    <row r="521114" spans="8:8">
      <c r="H521114" s="12"/>
    </row>
    <row r="521115" spans="8:8">
      <c r="H521115" s="12"/>
    </row>
    <row r="521116" spans="8:8">
      <c r="H521116" s="12"/>
    </row>
    <row r="521117" spans="8:8">
      <c r="H521117" s="12"/>
    </row>
    <row r="521118" spans="8:8">
      <c r="H521118" s="12"/>
    </row>
    <row r="521119" spans="8:8">
      <c r="H521119" s="12"/>
    </row>
    <row r="521120" spans="8:8">
      <c r="H521120" s="12"/>
    </row>
    <row r="521121" spans="8:8">
      <c r="H521121" s="12"/>
    </row>
    <row r="521122" spans="8:8">
      <c r="H521122" s="12"/>
    </row>
    <row r="521123" spans="8:8">
      <c r="H521123" s="12"/>
    </row>
    <row r="521124" spans="8:8">
      <c r="H521124" s="12"/>
    </row>
    <row r="521125" spans="8:8">
      <c r="H521125" s="12"/>
    </row>
    <row r="521126" spans="8:8">
      <c r="H521126" s="12"/>
    </row>
    <row r="521127" spans="8:8">
      <c r="H521127" s="12"/>
    </row>
    <row r="521128" spans="8:8">
      <c r="H521128" s="12"/>
    </row>
    <row r="521129" spans="8:8">
      <c r="H521129" s="12"/>
    </row>
    <row r="521130" spans="8:8">
      <c r="H521130" s="12"/>
    </row>
    <row r="521131" spans="8:8">
      <c r="H521131" s="12"/>
    </row>
    <row r="521132" spans="8:8">
      <c r="H521132" s="12"/>
    </row>
    <row r="521133" spans="8:8">
      <c r="H521133" s="12"/>
    </row>
    <row r="521134" spans="8:8">
      <c r="H521134" s="12"/>
    </row>
    <row r="521135" spans="8:8">
      <c r="H521135" s="12"/>
    </row>
    <row r="521136" spans="8:8">
      <c r="H521136" s="12"/>
    </row>
    <row r="521137" spans="8:8">
      <c r="H521137" s="12"/>
    </row>
    <row r="521138" spans="8:8">
      <c r="H521138" s="12"/>
    </row>
    <row r="521139" spans="8:8">
      <c r="H521139" s="12"/>
    </row>
    <row r="521140" spans="8:8">
      <c r="H521140" s="12"/>
    </row>
    <row r="521141" spans="8:8">
      <c r="H521141" s="12"/>
    </row>
    <row r="521142" spans="8:8">
      <c r="H521142" s="12"/>
    </row>
    <row r="521143" spans="8:8">
      <c r="H521143" s="12"/>
    </row>
    <row r="521144" spans="8:8">
      <c r="H521144" s="12"/>
    </row>
    <row r="521145" spans="8:8">
      <c r="H521145" s="12"/>
    </row>
    <row r="521146" spans="8:8">
      <c r="H521146" s="12"/>
    </row>
    <row r="521147" spans="8:8">
      <c r="H521147" s="12"/>
    </row>
    <row r="521148" spans="8:8">
      <c r="H521148" s="12"/>
    </row>
    <row r="521149" spans="8:8">
      <c r="H521149" s="12"/>
    </row>
    <row r="521150" spans="8:8">
      <c r="H521150" s="12"/>
    </row>
    <row r="521151" spans="8:8">
      <c r="H521151" s="12"/>
    </row>
    <row r="521152" spans="8:8">
      <c r="H521152" s="12"/>
    </row>
    <row r="521153" spans="8:8">
      <c r="H521153" s="12"/>
    </row>
    <row r="521154" spans="8:8">
      <c r="H521154" s="12"/>
    </row>
    <row r="521155" spans="8:8">
      <c r="H521155" s="12"/>
    </row>
    <row r="521156" spans="8:8">
      <c r="H521156" s="12"/>
    </row>
    <row r="521157" spans="8:8">
      <c r="H521157" s="12"/>
    </row>
    <row r="521158" spans="8:8">
      <c r="H521158" s="12"/>
    </row>
    <row r="521159" spans="8:8">
      <c r="H521159" s="12"/>
    </row>
    <row r="521160" spans="8:8">
      <c r="H521160" s="12"/>
    </row>
    <row r="521161" spans="8:8">
      <c r="H521161" s="12"/>
    </row>
    <row r="521162" spans="8:8">
      <c r="H521162" s="12"/>
    </row>
    <row r="521163" spans="8:8">
      <c r="H521163" s="12"/>
    </row>
    <row r="521164" spans="8:8">
      <c r="H521164" s="12"/>
    </row>
    <row r="521165" spans="8:8">
      <c r="H521165" s="12"/>
    </row>
    <row r="521166" spans="8:8">
      <c r="H521166" s="12"/>
    </row>
    <row r="521167" spans="8:8">
      <c r="H521167" s="12"/>
    </row>
    <row r="521168" spans="8:8">
      <c r="H521168" s="12"/>
    </row>
    <row r="521169" spans="8:8">
      <c r="H521169" s="12"/>
    </row>
    <row r="521170" spans="8:8">
      <c r="H521170" s="12"/>
    </row>
    <row r="521171" spans="8:8">
      <c r="H521171" s="12"/>
    </row>
    <row r="521172" spans="8:8">
      <c r="H521172" s="12"/>
    </row>
    <row r="521173" spans="8:8">
      <c r="H521173" s="12"/>
    </row>
    <row r="521174" spans="8:8">
      <c r="H521174" s="12"/>
    </row>
    <row r="521175" spans="8:8">
      <c r="H521175" s="12"/>
    </row>
    <row r="521176" spans="8:8">
      <c r="H521176" s="12"/>
    </row>
    <row r="521177" spans="8:8">
      <c r="H521177" s="12"/>
    </row>
    <row r="521178" spans="8:8">
      <c r="H521178" s="12"/>
    </row>
    <row r="521179" spans="8:8">
      <c r="H521179" s="12"/>
    </row>
    <row r="521180" spans="8:8">
      <c r="H521180" s="12"/>
    </row>
    <row r="521181" spans="8:8">
      <c r="H521181" s="12"/>
    </row>
    <row r="521182" spans="8:8">
      <c r="H521182" s="12"/>
    </row>
    <row r="521183" spans="8:8">
      <c r="H521183" s="12"/>
    </row>
    <row r="521184" spans="8:8">
      <c r="H521184" s="12"/>
    </row>
    <row r="521185" spans="8:8">
      <c r="H521185" s="12"/>
    </row>
    <row r="521186" spans="8:8">
      <c r="H521186" s="12"/>
    </row>
    <row r="521187" spans="8:8">
      <c r="H521187" s="12"/>
    </row>
    <row r="521188" spans="8:8">
      <c r="H521188" s="12"/>
    </row>
    <row r="521189" spans="8:8">
      <c r="H521189" s="12"/>
    </row>
    <row r="521190" spans="8:8">
      <c r="H521190" s="12"/>
    </row>
    <row r="521191" spans="8:8">
      <c r="H521191" s="12"/>
    </row>
    <row r="521192" spans="8:8">
      <c r="H521192" s="12"/>
    </row>
    <row r="521193" spans="8:8">
      <c r="H521193" s="12"/>
    </row>
    <row r="521194" spans="8:8">
      <c r="H521194" s="12"/>
    </row>
    <row r="521195" spans="8:8">
      <c r="H521195" s="12"/>
    </row>
    <row r="521196" spans="8:8">
      <c r="H521196" s="12"/>
    </row>
    <row r="521197" spans="8:8">
      <c r="H521197" s="12"/>
    </row>
    <row r="521198" spans="8:8">
      <c r="H521198" s="12"/>
    </row>
    <row r="521199" spans="8:8">
      <c r="H521199" s="12"/>
    </row>
    <row r="521200" spans="8:8">
      <c r="H521200" s="12"/>
    </row>
    <row r="521201" spans="8:8">
      <c r="H521201" s="12"/>
    </row>
    <row r="521202" spans="8:8">
      <c r="H521202" s="12"/>
    </row>
    <row r="521203" spans="8:8">
      <c r="H521203" s="12"/>
    </row>
    <row r="521204" spans="8:8">
      <c r="H521204" s="12"/>
    </row>
    <row r="521205" spans="8:8">
      <c r="H521205" s="12"/>
    </row>
    <row r="521206" spans="8:8">
      <c r="H521206" s="12"/>
    </row>
    <row r="521207" spans="8:8">
      <c r="H521207" s="12"/>
    </row>
    <row r="521208" spans="8:8">
      <c r="H521208" s="12"/>
    </row>
    <row r="521209" spans="8:8">
      <c r="H521209" s="12"/>
    </row>
    <row r="521210" spans="8:8">
      <c r="H521210" s="12"/>
    </row>
    <row r="521211" spans="8:8">
      <c r="H521211" s="12"/>
    </row>
    <row r="521212" spans="8:8">
      <c r="H521212" s="12"/>
    </row>
    <row r="521213" spans="8:8">
      <c r="H521213" s="12"/>
    </row>
    <row r="521214" spans="8:8">
      <c r="H521214" s="12"/>
    </row>
    <row r="521215" spans="8:8">
      <c r="H521215" s="12"/>
    </row>
    <row r="521216" spans="8:8">
      <c r="H521216" s="12"/>
    </row>
    <row r="521217" spans="8:8">
      <c r="H521217" s="12"/>
    </row>
    <row r="521218" spans="8:8">
      <c r="H521218" s="12"/>
    </row>
    <row r="521219" spans="8:8">
      <c r="H521219" s="12"/>
    </row>
    <row r="521220" spans="8:8">
      <c r="H521220" s="12"/>
    </row>
    <row r="521221" spans="8:8">
      <c r="H521221" s="12"/>
    </row>
    <row r="521222" spans="8:8">
      <c r="H521222" s="12"/>
    </row>
    <row r="521223" spans="8:8">
      <c r="H521223" s="12"/>
    </row>
    <row r="521224" spans="8:8">
      <c r="H521224" s="12"/>
    </row>
    <row r="521225" spans="8:8">
      <c r="H521225" s="12"/>
    </row>
    <row r="521226" spans="8:8">
      <c r="H521226" s="12"/>
    </row>
    <row r="521227" spans="8:8">
      <c r="H521227" s="12"/>
    </row>
    <row r="521228" spans="8:8">
      <c r="H521228" s="12"/>
    </row>
    <row r="521229" spans="8:8">
      <c r="H521229" s="12"/>
    </row>
    <row r="521230" spans="8:8">
      <c r="H521230" s="12"/>
    </row>
    <row r="521231" spans="8:8">
      <c r="H521231" s="12"/>
    </row>
    <row r="521232" spans="8:8">
      <c r="H521232" s="12"/>
    </row>
    <row r="521233" spans="8:8">
      <c r="H521233" s="12"/>
    </row>
    <row r="521234" spans="8:8">
      <c r="H521234" s="12"/>
    </row>
    <row r="521235" spans="8:8">
      <c r="H521235" s="12"/>
    </row>
    <row r="521236" spans="8:8">
      <c r="H521236" s="12"/>
    </row>
    <row r="521237" spans="8:8">
      <c r="H521237" s="12"/>
    </row>
    <row r="521238" spans="8:8">
      <c r="H521238" s="12"/>
    </row>
    <row r="521239" spans="8:8">
      <c r="H521239" s="12"/>
    </row>
    <row r="521240" spans="8:8">
      <c r="H521240" s="12"/>
    </row>
    <row r="521241" spans="8:8">
      <c r="H521241" s="12"/>
    </row>
    <row r="521242" spans="8:8">
      <c r="H521242" s="12"/>
    </row>
    <row r="521243" spans="8:8">
      <c r="H521243" s="12"/>
    </row>
    <row r="521244" spans="8:8">
      <c r="H521244" s="12"/>
    </row>
    <row r="521245" spans="8:8">
      <c r="H521245" s="12"/>
    </row>
    <row r="521246" spans="8:8">
      <c r="H521246" s="12"/>
    </row>
    <row r="521247" spans="8:8">
      <c r="H521247" s="12"/>
    </row>
    <row r="521248" spans="8:8">
      <c r="H521248" s="12"/>
    </row>
    <row r="521249" spans="8:8">
      <c r="H521249" s="12"/>
    </row>
    <row r="521250" spans="8:8">
      <c r="H521250" s="12"/>
    </row>
    <row r="521251" spans="8:8">
      <c r="H521251" s="12"/>
    </row>
    <row r="521252" spans="8:8">
      <c r="H521252" s="12"/>
    </row>
    <row r="521253" spans="8:8">
      <c r="H521253" s="12"/>
    </row>
    <row r="521254" spans="8:8">
      <c r="H521254" s="12"/>
    </row>
    <row r="521255" spans="8:8">
      <c r="H521255" s="12"/>
    </row>
    <row r="521256" spans="8:8">
      <c r="H521256" s="12"/>
    </row>
    <row r="521257" spans="8:8">
      <c r="H521257" s="12"/>
    </row>
    <row r="521258" spans="8:8">
      <c r="H521258" s="12"/>
    </row>
    <row r="521259" spans="8:8">
      <c r="H521259" s="12"/>
    </row>
    <row r="521260" spans="8:8">
      <c r="H521260" s="12"/>
    </row>
    <row r="521261" spans="8:8">
      <c r="H521261" s="12"/>
    </row>
    <row r="521262" spans="8:8">
      <c r="H521262" s="12"/>
    </row>
    <row r="521263" spans="8:8">
      <c r="H521263" s="12"/>
    </row>
    <row r="521264" spans="8:8">
      <c r="H521264" s="12"/>
    </row>
    <row r="521265" spans="8:8">
      <c r="H521265" s="12"/>
    </row>
    <row r="521266" spans="8:8">
      <c r="H521266" s="12"/>
    </row>
    <row r="521267" spans="8:8">
      <c r="H521267" s="12"/>
    </row>
    <row r="521268" spans="8:8">
      <c r="H521268" s="12"/>
    </row>
    <row r="521269" spans="8:8">
      <c r="H521269" s="12"/>
    </row>
    <row r="521270" spans="8:8">
      <c r="H521270" s="12"/>
    </row>
    <row r="521271" spans="8:8">
      <c r="H521271" s="12"/>
    </row>
    <row r="521272" spans="8:8">
      <c r="H521272" s="12"/>
    </row>
    <row r="521273" spans="8:8">
      <c r="H521273" s="12"/>
    </row>
    <row r="521274" spans="8:8">
      <c r="H521274" s="12"/>
    </row>
    <row r="521275" spans="8:8">
      <c r="H521275" s="12"/>
    </row>
    <row r="521276" spans="8:8">
      <c r="H521276" s="12"/>
    </row>
    <row r="521277" spans="8:8">
      <c r="H521277" s="12"/>
    </row>
    <row r="521278" spans="8:8">
      <c r="H521278" s="12"/>
    </row>
    <row r="521279" spans="8:8">
      <c r="H521279" s="12"/>
    </row>
    <row r="521280" spans="8:8">
      <c r="H521280" s="12"/>
    </row>
    <row r="521281" spans="8:8">
      <c r="H521281" s="12"/>
    </row>
    <row r="521282" spans="8:8">
      <c r="H521282" s="12"/>
    </row>
    <row r="521283" spans="8:8">
      <c r="H521283" s="12"/>
    </row>
    <row r="521284" spans="8:8">
      <c r="H521284" s="12"/>
    </row>
    <row r="521285" spans="8:8">
      <c r="H521285" s="12"/>
    </row>
    <row r="521286" spans="8:8">
      <c r="H521286" s="12"/>
    </row>
    <row r="521287" spans="8:8">
      <c r="H521287" s="12"/>
    </row>
    <row r="521288" spans="8:8">
      <c r="H521288" s="12"/>
    </row>
    <row r="521289" spans="8:8">
      <c r="H521289" s="12"/>
    </row>
    <row r="521290" spans="8:8">
      <c r="H521290" s="12"/>
    </row>
    <row r="521291" spans="8:8">
      <c r="H521291" s="12"/>
    </row>
    <row r="521292" spans="8:8">
      <c r="H521292" s="12"/>
    </row>
    <row r="521293" spans="8:8">
      <c r="H521293" s="12"/>
    </row>
    <row r="521294" spans="8:8">
      <c r="H521294" s="12"/>
    </row>
    <row r="521295" spans="8:8">
      <c r="H521295" s="12"/>
    </row>
    <row r="521296" spans="8:8">
      <c r="H521296" s="12"/>
    </row>
    <row r="521297" spans="8:8">
      <c r="H521297" s="12"/>
    </row>
    <row r="521298" spans="8:8">
      <c r="H521298" s="12"/>
    </row>
    <row r="521299" spans="8:8">
      <c r="H521299" s="12"/>
    </row>
    <row r="521300" spans="8:8">
      <c r="H521300" s="12"/>
    </row>
    <row r="521301" spans="8:8">
      <c r="H521301" s="12"/>
    </row>
    <row r="521302" spans="8:8">
      <c r="H521302" s="12"/>
    </row>
    <row r="521303" spans="8:8">
      <c r="H521303" s="12"/>
    </row>
    <row r="521304" spans="8:8">
      <c r="H521304" s="12"/>
    </row>
    <row r="521305" spans="8:8">
      <c r="H521305" s="12"/>
    </row>
    <row r="521306" spans="8:8">
      <c r="H521306" s="12"/>
    </row>
    <row r="521307" spans="8:8">
      <c r="H521307" s="12"/>
    </row>
    <row r="521308" spans="8:8">
      <c r="H521308" s="12"/>
    </row>
    <row r="521309" spans="8:8">
      <c r="H521309" s="12"/>
    </row>
    <row r="521310" spans="8:8">
      <c r="H521310" s="12"/>
    </row>
    <row r="521311" spans="8:8">
      <c r="H521311" s="12"/>
    </row>
    <row r="521312" spans="8:8">
      <c r="H521312" s="12"/>
    </row>
    <row r="521313" spans="8:8">
      <c r="H521313" s="12"/>
    </row>
    <row r="521314" spans="8:8">
      <c r="H521314" s="12"/>
    </row>
    <row r="521315" spans="8:8">
      <c r="H521315" s="12"/>
    </row>
    <row r="521316" spans="8:8">
      <c r="H521316" s="12"/>
    </row>
    <row r="521317" spans="8:8">
      <c r="H521317" s="12"/>
    </row>
    <row r="521318" spans="8:8">
      <c r="H521318" s="12"/>
    </row>
    <row r="521319" spans="8:8">
      <c r="H521319" s="12"/>
    </row>
    <row r="521320" spans="8:8">
      <c r="H521320" s="12"/>
    </row>
    <row r="521321" spans="8:8">
      <c r="H521321" s="12"/>
    </row>
    <row r="521322" spans="8:8">
      <c r="H521322" s="12"/>
    </row>
    <row r="521323" spans="8:8">
      <c r="H521323" s="12"/>
    </row>
    <row r="521324" spans="8:8">
      <c r="H521324" s="12"/>
    </row>
    <row r="521325" spans="8:8">
      <c r="H521325" s="12"/>
    </row>
    <row r="521326" spans="8:8">
      <c r="H521326" s="12"/>
    </row>
    <row r="521327" spans="8:8">
      <c r="H521327" s="12"/>
    </row>
    <row r="521328" spans="8:8">
      <c r="H521328" s="12"/>
    </row>
    <row r="521329" spans="8:8">
      <c r="H521329" s="12"/>
    </row>
    <row r="521330" spans="8:8">
      <c r="H521330" s="12"/>
    </row>
    <row r="521331" spans="8:8">
      <c r="H521331" s="12"/>
    </row>
    <row r="521332" spans="8:8">
      <c r="H521332" s="12"/>
    </row>
    <row r="521333" spans="8:8">
      <c r="H521333" s="12"/>
    </row>
    <row r="521334" spans="8:8">
      <c r="H521334" s="12"/>
    </row>
    <row r="521335" spans="8:8">
      <c r="H521335" s="12"/>
    </row>
    <row r="521336" spans="8:8">
      <c r="H521336" s="12"/>
    </row>
    <row r="521337" spans="8:8">
      <c r="H521337" s="12"/>
    </row>
    <row r="521338" spans="8:8">
      <c r="H521338" s="12"/>
    </row>
    <row r="521339" spans="8:8">
      <c r="H521339" s="12"/>
    </row>
    <row r="521340" spans="8:8">
      <c r="H521340" s="12"/>
    </row>
    <row r="521341" spans="8:8">
      <c r="H521341" s="12"/>
    </row>
    <row r="521342" spans="8:8">
      <c r="H521342" s="12"/>
    </row>
    <row r="521343" spans="8:8">
      <c r="H521343" s="12"/>
    </row>
    <row r="521344" spans="8:8">
      <c r="H521344" s="12"/>
    </row>
    <row r="521345" spans="8:8">
      <c r="H521345" s="12"/>
    </row>
    <row r="521346" spans="8:8">
      <c r="H521346" s="12"/>
    </row>
    <row r="521347" spans="8:8">
      <c r="H521347" s="12"/>
    </row>
    <row r="521348" spans="8:8">
      <c r="H521348" s="12"/>
    </row>
    <row r="521349" spans="8:8">
      <c r="H521349" s="12"/>
    </row>
    <row r="521350" spans="8:8">
      <c r="H521350" s="12"/>
    </row>
    <row r="521351" spans="8:8">
      <c r="H521351" s="12"/>
    </row>
    <row r="521352" spans="8:8">
      <c r="H521352" s="12"/>
    </row>
    <row r="521353" spans="8:8">
      <c r="H521353" s="12"/>
    </row>
    <row r="521354" spans="8:8">
      <c r="H521354" s="12"/>
    </row>
    <row r="521355" spans="8:8">
      <c r="H521355" s="12"/>
    </row>
    <row r="521356" spans="8:8">
      <c r="H521356" s="12"/>
    </row>
    <row r="521357" spans="8:8">
      <c r="H521357" s="12"/>
    </row>
    <row r="521358" spans="8:8">
      <c r="H521358" s="12"/>
    </row>
    <row r="521359" spans="8:8">
      <c r="H521359" s="12"/>
    </row>
    <row r="521360" spans="8:8">
      <c r="H521360" s="12"/>
    </row>
    <row r="521361" spans="8:8">
      <c r="H521361" s="12"/>
    </row>
    <row r="521362" spans="8:8">
      <c r="H521362" s="12"/>
    </row>
    <row r="521363" spans="8:8">
      <c r="H521363" s="12"/>
    </row>
    <row r="521364" spans="8:8">
      <c r="H521364" s="12"/>
    </row>
    <row r="521365" spans="8:8">
      <c r="H521365" s="12"/>
    </row>
    <row r="521366" spans="8:8">
      <c r="H521366" s="12"/>
    </row>
    <row r="521367" spans="8:8">
      <c r="H521367" s="12"/>
    </row>
    <row r="521368" spans="8:8">
      <c r="H521368" s="12"/>
    </row>
    <row r="521369" spans="8:8">
      <c r="H521369" s="12"/>
    </row>
    <row r="521370" spans="8:8">
      <c r="H521370" s="12"/>
    </row>
    <row r="521371" spans="8:8">
      <c r="H521371" s="12"/>
    </row>
    <row r="521372" spans="8:8">
      <c r="H521372" s="12"/>
    </row>
    <row r="521373" spans="8:8">
      <c r="H521373" s="12"/>
    </row>
    <row r="521374" spans="8:8">
      <c r="H521374" s="12"/>
    </row>
    <row r="521375" spans="8:8">
      <c r="H521375" s="12"/>
    </row>
    <row r="521376" spans="8:8">
      <c r="H521376" s="12"/>
    </row>
    <row r="521377" spans="8:8">
      <c r="H521377" s="12"/>
    </row>
    <row r="521378" spans="8:8">
      <c r="H521378" s="12"/>
    </row>
    <row r="521379" spans="8:8">
      <c r="H521379" s="12"/>
    </row>
    <row r="521380" spans="8:8">
      <c r="H521380" s="12"/>
    </row>
    <row r="521381" spans="8:8">
      <c r="H521381" s="12"/>
    </row>
    <row r="521382" spans="8:8">
      <c r="H521382" s="12"/>
    </row>
    <row r="521383" spans="8:8">
      <c r="H521383" s="12"/>
    </row>
    <row r="521384" spans="8:8">
      <c r="H521384" s="12"/>
    </row>
    <row r="521385" spans="8:8">
      <c r="H521385" s="12"/>
    </row>
    <row r="521386" spans="8:8">
      <c r="H521386" s="12"/>
    </row>
    <row r="521387" spans="8:8">
      <c r="H521387" s="12"/>
    </row>
    <row r="521388" spans="8:8">
      <c r="H521388" s="12"/>
    </row>
    <row r="521389" spans="8:8">
      <c r="H521389" s="12"/>
    </row>
    <row r="521390" spans="8:8">
      <c r="H521390" s="12"/>
    </row>
    <row r="521391" spans="8:8">
      <c r="H521391" s="12"/>
    </row>
    <row r="521392" spans="8:8">
      <c r="H521392" s="12"/>
    </row>
    <row r="521393" spans="8:8">
      <c r="H521393" s="12"/>
    </row>
    <row r="521394" spans="8:8">
      <c r="H521394" s="12"/>
    </row>
    <row r="521395" spans="8:8">
      <c r="H521395" s="12"/>
    </row>
    <row r="521396" spans="8:8">
      <c r="H521396" s="12"/>
    </row>
    <row r="521397" spans="8:8">
      <c r="H521397" s="12"/>
    </row>
    <row r="521398" spans="8:8">
      <c r="H521398" s="12"/>
    </row>
    <row r="521399" spans="8:8">
      <c r="H521399" s="12"/>
    </row>
    <row r="521400" spans="8:8">
      <c r="H521400" s="12"/>
    </row>
    <row r="521401" spans="8:8">
      <c r="H521401" s="12"/>
    </row>
    <row r="521402" spans="8:8">
      <c r="H521402" s="12"/>
    </row>
    <row r="521403" spans="8:8">
      <c r="H521403" s="12"/>
    </row>
    <row r="521404" spans="8:8">
      <c r="H521404" s="12"/>
    </row>
    <row r="521405" spans="8:8">
      <c r="H521405" s="12"/>
    </row>
    <row r="521406" spans="8:8">
      <c r="H521406" s="12"/>
    </row>
    <row r="521407" spans="8:8">
      <c r="H521407" s="12"/>
    </row>
    <row r="521408" spans="8:8">
      <c r="H521408" s="12"/>
    </row>
    <row r="521409" spans="8:8">
      <c r="H521409" s="12"/>
    </row>
    <row r="521410" spans="8:8">
      <c r="H521410" s="12"/>
    </row>
    <row r="521411" spans="8:8">
      <c r="H521411" s="12"/>
    </row>
    <row r="521412" spans="8:8">
      <c r="H521412" s="12"/>
    </row>
    <row r="521413" spans="8:8">
      <c r="H521413" s="12"/>
    </row>
    <row r="521414" spans="8:8">
      <c r="H521414" s="12"/>
    </row>
    <row r="521415" spans="8:8">
      <c r="H521415" s="12"/>
    </row>
    <row r="521416" spans="8:8">
      <c r="H521416" s="12"/>
    </row>
    <row r="521417" spans="8:8">
      <c r="H521417" s="12"/>
    </row>
    <row r="521418" spans="8:8">
      <c r="H521418" s="12"/>
    </row>
    <row r="521419" spans="8:8">
      <c r="H521419" s="12"/>
    </row>
    <row r="521420" spans="8:8">
      <c r="H521420" s="12"/>
    </row>
    <row r="521421" spans="8:8">
      <c r="H521421" s="12"/>
    </row>
    <row r="521422" spans="8:8">
      <c r="H521422" s="12"/>
    </row>
    <row r="521423" spans="8:8">
      <c r="H521423" s="12"/>
    </row>
    <row r="521424" spans="8:8">
      <c r="H521424" s="12"/>
    </row>
    <row r="521425" spans="8:8">
      <c r="H521425" s="12"/>
    </row>
    <row r="521426" spans="8:8">
      <c r="H521426" s="12"/>
    </row>
    <row r="521427" spans="8:8">
      <c r="H521427" s="12"/>
    </row>
    <row r="521428" spans="8:8">
      <c r="H521428" s="12"/>
    </row>
    <row r="521429" spans="8:8">
      <c r="H521429" s="12"/>
    </row>
    <row r="521430" spans="8:8">
      <c r="H521430" s="12"/>
    </row>
    <row r="521431" spans="8:8">
      <c r="H521431" s="12"/>
    </row>
    <row r="521432" spans="8:8">
      <c r="H521432" s="12"/>
    </row>
    <row r="521433" spans="8:8">
      <c r="H521433" s="12"/>
    </row>
    <row r="521434" spans="8:8">
      <c r="H521434" s="12"/>
    </row>
    <row r="521435" spans="8:8">
      <c r="H521435" s="12"/>
    </row>
    <row r="521436" spans="8:8">
      <c r="H521436" s="12"/>
    </row>
    <row r="521437" spans="8:8">
      <c r="H521437" s="12"/>
    </row>
    <row r="521438" spans="8:8">
      <c r="H521438" s="12"/>
    </row>
    <row r="521439" spans="8:8">
      <c r="H521439" s="12"/>
    </row>
    <row r="521440" spans="8:8">
      <c r="H521440" s="12"/>
    </row>
    <row r="521441" spans="8:8">
      <c r="H521441" s="12"/>
    </row>
    <row r="521442" spans="8:8">
      <c r="H521442" s="12"/>
    </row>
    <row r="521443" spans="8:8">
      <c r="H521443" s="12"/>
    </row>
    <row r="521444" spans="8:8">
      <c r="H521444" s="12"/>
    </row>
    <row r="521445" spans="8:8">
      <c r="H521445" s="12"/>
    </row>
    <row r="521446" spans="8:8">
      <c r="H521446" s="12"/>
    </row>
    <row r="521447" spans="8:8">
      <c r="H521447" s="12"/>
    </row>
    <row r="521448" spans="8:8">
      <c r="H521448" s="12"/>
    </row>
    <row r="521449" spans="8:8">
      <c r="H521449" s="12"/>
    </row>
    <row r="521450" spans="8:8">
      <c r="H521450" s="12"/>
    </row>
    <row r="521451" spans="8:8">
      <c r="H521451" s="12"/>
    </row>
    <row r="521452" spans="8:8">
      <c r="H521452" s="12"/>
    </row>
    <row r="521453" spans="8:8">
      <c r="H521453" s="12"/>
    </row>
    <row r="521454" spans="8:8">
      <c r="H521454" s="12"/>
    </row>
    <row r="521455" spans="8:8">
      <c r="H521455" s="12"/>
    </row>
    <row r="521456" spans="8:8">
      <c r="H521456" s="12"/>
    </row>
    <row r="521457" spans="8:8">
      <c r="H521457" s="12"/>
    </row>
    <row r="521458" spans="8:8">
      <c r="H521458" s="12"/>
    </row>
    <row r="521459" spans="8:8">
      <c r="H521459" s="12"/>
    </row>
    <row r="521460" spans="8:8">
      <c r="H521460" s="12"/>
    </row>
    <row r="521461" spans="8:8">
      <c r="H521461" s="12"/>
    </row>
    <row r="521462" spans="8:8">
      <c r="H521462" s="12"/>
    </row>
    <row r="521463" spans="8:8">
      <c r="H521463" s="12"/>
    </row>
    <row r="521464" spans="8:8">
      <c r="H521464" s="12"/>
    </row>
    <row r="521465" spans="8:8">
      <c r="H521465" s="12"/>
    </row>
    <row r="521466" spans="8:8">
      <c r="H521466" s="12"/>
    </row>
    <row r="521467" spans="8:8">
      <c r="H521467" s="12"/>
    </row>
    <row r="521468" spans="8:8">
      <c r="H521468" s="12"/>
    </row>
    <row r="521469" spans="8:8">
      <c r="H521469" s="12"/>
    </row>
    <row r="521470" spans="8:8">
      <c r="H521470" s="12"/>
    </row>
    <row r="521471" spans="8:8">
      <c r="H521471" s="12"/>
    </row>
    <row r="521472" spans="8:8">
      <c r="H521472" s="12"/>
    </row>
    <row r="521473" spans="8:8">
      <c r="H521473" s="12"/>
    </row>
    <row r="521474" spans="8:8">
      <c r="H521474" s="12"/>
    </row>
    <row r="521475" spans="8:8">
      <c r="H521475" s="12"/>
    </row>
    <row r="521476" spans="8:8">
      <c r="H521476" s="12"/>
    </row>
    <row r="521477" spans="8:8">
      <c r="H521477" s="12"/>
    </row>
    <row r="521478" spans="8:8">
      <c r="H521478" s="12"/>
    </row>
    <row r="521479" spans="8:8">
      <c r="H521479" s="12"/>
    </row>
    <row r="521480" spans="8:8">
      <c r="H521480" s="12"/>
    </row>
    <row r="521481" spans="8:8">
      <c r="H521481" s="12"/>
    </row>
    <row r="521482" spans="8:8">
      <c r="H521482" s="12"/>
    </row>
    <row r="521483" spans="8:8">
      <c r="H521483" s="12"/>
    </row>
    <row r="521484" spans="8:8">
      <c r="H521484" s="12"/>
    </row>
    <row r="521485" spans="8:8">
      <c r="H521485" s="12"/>
    </row>
    <row r="521486" spans="8:8">
      <c r="H521486" s="12"/>
    </row>
    <row r="521487" spans="8:8">
      <c r="H521487" s="12"/>
    </row>
    <row r="521488" spans="8:8">
      <c r="H521488" s="12"/>
    </row>
    <row r="521489" spans="8:8">
      <c r="H521489" s="12"/>
    </row>
    <row r="521490" spans="8:8">
      <c r="H521490" s="12"/>
    </row>
    <row r="521491" spans="8:8">
      <c r="H521491" s="12"/>
    </row>
    <row r="521492" spans="8:8">
      <c r="H521492" s="12"/>
    </row>
    <row r="521493" spans="8:8">
      <c r="H521493" s="12"/>
    </row>
    <row r="521494" spans="8:8">
      <c r="H521494" s="12"/>
    </row>
    <row r="521495" spans="8:8">
      <c r="H521495" s="12"/>
    </row>
    <row r="521496" spans="8:8">
      <c r="H521496" s="12"/>
    </row>
    <row r="521497" spans="8:8">
      <c r="H521497" s="12"/>
    </row>
    <row r="521498" spans="8:8">
      <c r="H521498" s="12"/>
    </row>
    <row r="521499" spans="8:8">
      <c r="H521499" s="12"/>
    </row>
    <row r="521500" spans="8:8">
      <c r="H521500" s="12"/>
    </row>
    <row r="521501" spans="8:8">
      <c r="H521501" s="12"/>
    </row>
    <row r="521502" spans="8:8">
      <c r="H521502" s="12"/>
    </row>
    <row r="521503" spans="8:8">
      <c r="H521503" s="12"/>
    </row>
    <row r="521504" spans="8:8">
      <c r="H521504" s="12"/>
    </row>
    <row r="521505" spans="8:8">
      <c r="H521505" s="12"/>
    </row>
    <row r="521506" spans="8:8">
      <c r="H521506" s="12"/>
    </row>
    <row r="521507" spans="8:8">
      <c r="H521507" s="12"/>
    </row>
    <row r="521508" spans="8:8">
      <c r="H521508" s="12"/>
    </row>
    <row r="521509" spans="8:8">
      <c r="H521509" s="12"/>
    </row>
    <row r="521510" spans="8:8">
      <c r="H521510" s="12"/>
    </row>
    <row r="521511" spans="8:8">
      <c r="H521511" s="12"/>
    </row>
    <row r="521512" spans="8:8">
      <c r="H521512" s="12"/>
    </row>
    <row r="521513" spans="8:8">
      <c r="H521513" s="12"/>
    </row>
    <row r="521514" spans="8:8">
      <c r="H521514" s="12"/>
    </row>
    <row r="521515" spans="8:8">
      <c r="H521515" s="12"/>
    </row>
    <row r="521516" spans="8:8">
      <c r="H521516" s="12"/>
    </row>
    <row r="521517" spans="8:8">
      <c r="H521517" s="12"/>
    </row>
    <row r="521518" spans="8:8">
      <c r="H521518" s="12"/>
    </row>
    <row r="521519" spans="8:8">
      <c r="H521519" s="12"/>
    </row>
    <row r="521520" spans="8:8">
      <c r="H521520" s="12"/>
    </row>
    <row r="521521" spans="8:8">
      <c r="H521521" s="12"/>
    </row>
    <row r="521522" spans="8:8">
      <c r="H521522" s="12"/>
    </row>
    <row r="521523" spans="8:8">
      <c r="H521523" s="12"/>
    </row>
    <row r="521524" spans="8:8">
      <c r="H521524" s="12"/>
    </row>
    <row r="521525" spans="8:8">
      <c r="H521525" s="12"/>
    </row>
    <row r="521526" spans="8:8">
      <c r="H521526" s="12"/>
    </row>
    <row r="521527" spans="8:8">
      <c r="H521527" s="12"/>
    </row>
    <row r="521528" spans="8:8">
      <c r="H521528" s="12"/>
    </row>
    <row r="521529" spans="8:8">
      <c r="H521529" s="12"/>
    </row>
    <row r="521530" spans="8:8">
      <c r="H521530" s="12"/>
    </row>
    <row r="521531" spans="8:8">
      <c r="H521531" s="12"/>
    </row>
    <row r="521532" spans="8:8">
      <c r="H521532" s="12"/>
    </row>
    <row r="521533" spans="8:8">
      <c r="H521533" s="12"/>
    </row>
    <row r="521534" spans="8:8">
      <c r="H521534" s="12"/>
    </row>
    <row r="521535" spans="8:8">
      <c r="H521535" s="12"/>
    </row>
    <row r="521536" spans="8:8">
      <c r="H521536" s="12"/>
    </row>
    <row r="521537" spans="8:8">
      <c r="H521537" s="12"/>
    </row>
    <row r="521538" spans="8:8">
      <c r="H521538" s="12"/>
    </row>
    <row r="521539" spans="8:8">
      <c r="H521539" s="12"/>
    </row>
    <row r="521540" spans="8:8">
      <c r="H521540" s="12"/>
    </row>
    <row r="521541" spans="8:8">
      <c r="H521541" s="12"/>
    </row>
    <row r="521542" spans="8:8">
      <c r="H521542" s="12"/>
    </row>
    <row r="521543" spans="8:8">
      <c r="H521543" s="12"/>
    </row>
    <row r="521544" spans="8:8">
      <c r="H521544" s="12"/>
    </row>
    <row r="521545" spans="8:8">
      <c r="H521545" s="12"/>
    </row>
    <row r="521546" spans="8:8">
      <c r="H521546" s="12"/>
    </row>
    <row r="521547" spans="8:8">
      <c r="H521547" s="12"/>
    </row>
    <row r="521548" spans="8:8">
      <c r="H521548" s="12"/>
    </row>
    <row r="521549" spans="8:8">
      <c r="H521549" s="12"/>
    </row>
    <row r="521550" spans="8:8">
      <c r="H521550" s="12"/>
    </row>
    <row r="521551" spans="8:8">
      <c r="H521551" s="12"/>
    </row>
    <row r="521552" spans="8:8">
      <c r="H521552" s="12"/>
    </row>
    <row r="521553" spans="8:8">
      <c r="H521553" s="12"/>
    </row>
    <row r="521554" spans="8:8">
      <c r="H521554" s="12"/>
    </row>
    <row r="521555" spans="8:8">
      <c r="H521555" s="12"/>
    </row>
    <row r="521556" spans="8:8">
      <c r="H521556" s="12"/>
    </row>
    <row r="521557" spans="8:8">
      <c r="H521557" s="12"/>
    </row>
    <row r="521558" spans="8:8">
      <c r="H521558" s="12"/>
    </row>
    <row r="521559" spans="8:8">
      <c r="H521559" s="12"/>
    </row>
    <row r="521560" spans="8:8">
      <c r="H521560" s="12"/>
    </row>
    <row r="521561" spans="8:8">
      <c r="H521561" s="12"/>
    </row>
    <row r="521562" spans="8:8">
      <c r="H521562" s="12"/>
    </row>
    <row r="521563" spans="8:8">
      <c r="H521563" s="12"/>
    </row>
    <row r="521564" spans="8:8">
      <c r="H521564" s="12"/>
    </row>
    <row r="521565" spans="8:8">
      <c r="H521565" s="12"/>
    </row>
    <row r="521566" spans="8:8">
      <c r="H521566" s="12"/>
    </row>
    <row r="521567" spans="8:8">
      <c r="H521567" s="12"/>
    </row>
    <row r="521568" spans="8:8">
      <c r="H521568" s="12"/>
    </row>
    <row r="521569" spans="8:8">
      <c r="H521569" s="12"/>
    </row>
    <row r="521570" spans="8:8">
      <c r="H521570" s="12"/>
    </row>
    <row r="521571" spans="8:8">
      <c r="H521571" s="12"/>
    </row>
    <row r="521572" spans="8:8">
      <c r="H521572" s="12"/>
    </row>
    <row r="521573" spans="8:8">
      <c r="H521573" s="12"/>
    </row>
    <row r="521574" spans="8:8">
      <c r="H521574" s="12"/>
    </row>
    <row r="521575" spans="8:8">
      <c r="H521575" s="12"/>
    </row>
    <row r="521576" spans="8:8">
      <c r="H521576" s="12"/>
    </row>
    <row r="521577" spans="8:8">
      <c r="H521577" s="12"/>
    </row>
    <row r="521578" spans="8:8">
      <c r="H521578" s="12"/>
    </row>
    <row r="521579" spans="8:8">
      <c r="H521579" s="12"/>
    </row>
    <row r="521580" spans="8:8">
      <c r="H521580" s="12"/>
    </row>
    <row r="521581" spans="8:8">
      <c r="H521581" s="12"/>
    </row>
    <row r="521582" spans="8:8">
      <c r="H521582" s="12"/>
    </row>
    <row r="521583" spans="8:8">
      <c r="H521583" s="12"/>
    </row>
    <row r="521584" spans="8:8">
      <c r="H521584" s="12"/>
    </row>
    <row r="521585" spans="8:8">
      <c r="H521585" s="12"/>
    </row>
    <row r="521586" spans="8:8">
      <c r="H521586" s="12"/>
    </row>
    <row r="521587" spans="8:8">
      <c r="H521587" s="12"/>
    </row>
    <row r="521588" spans="8:8">
      <c r="H521588" s="12"/>
    </row>
    <row r="521589" spans="8:8">
      <c r="H521589" s="12"/>
    </row>
    <row r="521590" spans="8:8">
      <c r="H521590" s="12"/>
    </row>
    <row r="521591" spans="8:8">
      <c r="H521591" s="12"/>
    </row>
    <row r="521592" spans="8:8">
      <c r="H521592" s="12"/>
    </row>
    <row r="521593" spans="8:8">
      <c r="H521593" s="12"/>
    </row>
    <row r="521594" spans="8:8">
      <c r="H521594" s="12"/>
    </row>
    <row r="521595" spans="8:8">
      <c r="H521595" s="12"/>
    </row>
    <row r="521596" spans="8:8">
      <c r="H521596" s="12"/>
    </row>
    <row r="521597" spans="8:8">
      <c r="H521597" s="12"/>
    </row>
    <row r="521598" spans="8:8">
      <c r="H521598" s="12"/>
    </row>
    <row r="521599" spans="8:8">
      <c r="H521599" s="12"/>
    </row>
    <row r="521600" spans="8:8">
      <c r="H521600" s="12"/>
    </row>
    <row r="521601" spans="8:8">
      <c r="H521601" s="12"/>
    </row>
    <row r="521602" spans="8:8">
      <c r="H521602" s="12"/>
    </row>
    <row r="521603" spans="8:8">
      <c r="H521603" s="12"/>
    </row>
    <row r="521604" spans="8:8">
      <c r="H521604" s="12"/>
    </row>
    <row r="521605" spans="8:8">
      <c r="H521605" s="12"/>
    </row>
    <row r="521606" spans="8:8">
      <c r="H521606" s="12"/>
    </row>
    <row r="521607" spans="8:8">
      <c r="H521607" s="12"/>
    </row>
    <row r="521608" spans="8:8">
      <c r="H521608" s="12"/>
    </row>
    <row r="521609" spans="8:8">
      <c r="H521609" s="12"/>
    </row>
    <row r="521610" spans="8:8">
      <c r="H521610" s="12"/>
    </row>
    <row r="521611" spans="8:8">
      <c r="H521611" s="12"/>
    </row>
    <row r="521612" spans="8:8">
      <c r="H521612" s="12"/>
    </row>
    <row r="521613" spans="8:8">
      <c r="H521613" s="12"/>
    </row>
    <row r="521614" spans="8:8">
      <c r="H521614" s="12"/>
    </row>
    <row r="521615" spans="8:8">
      <c r="H521615" s="12"/>
    </row>
    <row r="521616" spans="8:8">
      <c r="H521616" s="12"/>
    </row>
    <row r="521617" spans="8:8">
      <c r="H521617" s="12"/>
    </row>
    <row r="521618" spans="8:8">
      <c r="H521618" s="12"/>
    </row>
    <row r="521619" spans="8:8">
      <c r="H521619" s="12"/>
    </row>
    <row r="521620" spans="8:8">
      <c r="H521620" s="12"/>
    </row>
    <row r="521621" spans="8:8">
      <c r="H521621" s="12"/>
    </row>
    <row r="521622" spans="8:8">
      <c r="H521622" s="12"/>
    </row>
    <row r="521623" spans="8:8">
      <c r="H521623" s="12"/>
    </row>
    <row r="521624" spans="8:8">
      <c r="H521624" s="12"/>
    </row>
    <row r="521625" spans="8:8">
      <c r="H521625" s="12"/>
    </row>
    <row r="521626" spans="8:8">
      <c r="H521626" s="12"/>
    </row>
    <row r="521627" spans="8:8">
      <c r="H521627" s="12"/>
    </row>
    <row r="521628" spans="8:8">
      <c r="H521628" s="12"/>
    </row>
    <row r="521629" spans="8:8">
      <c r="H521629" s="12"/>
    </row>
    <row r="521630" spans="8:8">
      <c r="H521630" s="12"/>
    </row>
    <row r="521631" spans="8:8">
      <c r="H521631" s="12"/>
    </row>
    <row r="521632" spans="8:8">
      <c r="H521632" s="12"/>
    </row>
    <row r="521633" spans="8:8">
      <c r="H521633" s="12"/>
    </row>
    <row r="521634" spans="8:8">
      <c r="H521634" s="12"/>
    </row>
    <row r="521635" spans="8:8">
      <c r="H521635" s="12"/>
    </row>
    <row r="521636" spans="8:8">
      <c r="H521636" s="12"/>
    </row>
    <row r="521637" spans="8:8">
      <c r="H521637" s="12"/>
    </row>
    <row r="521638" spans="8:8">
      <c r="H521638" s="12"/>
    </row>
    <row r="521639" spans="8:8">
      <c r="H521639" s="12"/>
    </row>
    <row r="521640" spans="8:8">
      <c r="H521640" s="12"/>
    </row>
    <row r="521641" spans="8:8">
      <c r="H521641" s="12"/>
    </row>
    <row r="521642" spans="8:8">
      <c r="H521642" s="12"/>
    </row>
    <row r="521643" spans="8:8">
      <c r="H521643" s="12"/>
    </row>
    <row r="521644" spans="8:8">
      <c r="H521644" s="12"/>
    </row>
    <row r="521645" spans="8:8">
      <c r="H521645" s="12"/>
    </row>
    <row r="521646" spans="8:8">
      <c r="H521646" s="12"/>
    </row>
    <row r="521647" spans="8:8">
      <c r="H521647" s="12"/>
    </row>
    <row r="521648" spans="8:8">
      <c r="H521648" s="12"/>
    </row>
    <row r="521649" spans="8:8">
      <c r="H521649" s="12"/>
    </row>
    <row r="521650" spans="8:8">
      <c r="H521650" s="12"/>
    </row>
    <row r="521651" spans="8:8">
      <c r="H521651" s="12"/>
    </row>
    <row r="521652" spans="8:8">
      <c r="H521652" s="12"/>
    </row>
    <row r="521653" spans="8:8">
      <c r="H521653" s="12"/>
    </row>
    <row r="521654" spans="8:8">
      <c r="H521654" s="12"/>
    </row>
    <row r="521655" spans="8:8">
      <c r="H521655" s="12"/>
    </row>
    <row r="521656" spans="8:8">
      <c r="H521656" s="12"/>
    </row>
    <row r="521657" spans="8:8">
      <c r="H521657" s="12"/>
    </row>
    <row r="521658" spans="8:8">
      <c r="H521658" s="12"/>
    </row>
    <row r="521659" spans="8:8">
      <c r="H521659" s="12"/>
    </row>
    <row r="521660" spans="8:8">
      <c r="H521660" s="12"/>
    </row>
    <row r="521661" spans="8:8">
      <c r="H521661" s="12"/>
    </row>
    <row r="521662" spans="8:8">
      <c r="H521662" s="12"/>
    </row>
    <row r="521663" spans="8:8">
      <c r="H521663" s="12"/>
    </row>
    <row r="521664" spans="8:8">
      <c r="H521664" s="12"/>
    </row>
    <row r="521665" spans="8:8">
      <c r="H521665" s="12"/>
    </row>
    <row r="521666" spans="8:8">
      <c r="H521666" s="12"/>
    </row>
    <row r="521667" spans="8:8">
      <c r="H521667" s="12"/>
    </row>
    <row r="521668" spans="8:8">
      <c r="H521668" s="12"/>
    </row>
    <row r="521669" spans="8:8">
      <c r="H521669" s="12"/>
    </row>
    <row r="521670" spans="8:8">
      <c r="H521670" s="12"/>
    </row>
    <row r="521671" spans="8:8">
      <c r="H521671" s="12"/>
    </row>
    <row r="521672" spans="8:8">
      <c r="H521672" s="12"/>
    </row>
    <row r="521673" spans="8:8">
      <c r="H521673" s="12"/>
    </row>
    <row r="521674" spans="8:8">
      <c r="H521674" s="12"/>
    </row>
    <row r="521675" spans="8:8">
      <c r="H521675" s="12"/>
    </row>
    <row r="521676" spans="8:8">
      <c r="H521676" s="12"/>
    </row>
    <row r="521677" spans="8:8">
      <c r="H521677" s="12"/>
    </row>
    <row r="521678" spans="8:8">
      <c r="H521678" s="12"/>
    </row>
    <row r="521679" spans="8:8">
      <c r="H521679" s="12"/>
    </row>
    <row r="521680" spans="8:8">
      <c r="H521680" s="12"/>
    </row>
    <row r="521681" spans="8:8">
      <c r="H521681" s="12"/>
    </row>
    <row r="521682" spans="8:8">
      <c r="H521682" s="12"/>
    </row>
    <row r="521683" spans="8:8">
      <c r="H521683" s="12"/>
    </row>
    <row r="521684" spans="8:8">
      <c r="H521684" s="12"/>
    </row>
    <row r="521685" spans="8:8">
      <c r="H521685" s="12"/>
    </row>
    <row r="521686" spans="8:8">
      <c r="H521686" s="12"/>
    </row>
    <row r="521687" spans="8:8">
      <c r="H521687" s="12"/>
    </row>
    <row r="521688" spans="8:8">
      <c r="H521688" s="12"/>
    </row>
    <row r="521689" spans="8:8">
      <c r="H521689" s="12"/>
    </row>
    <row r="521690" spans="8:8">
      <c r="H521690" s="12"/>
    </row>
    <row r="521691" spans="8:8">
      <c r="H521691" s="12"/>
    </row>
    <row r="521692" spans="8:8">
      <c r="H521692" s="12"/>
    </row>
    <row r="521693" spans="8:8">
      <c r="H521693" s="12"/>
    </row>
    <row r="521694" spans="8:8">
      <c r="H521694" s="12"/>
    </row>
    <row r="521695" spans="8:8">
      <c r="H521695" s="12"/>
    </row>
    <row r="521696" spans="8:8">
      <c r="H521696" s="12"/>
    </row>
    <row r="521697" spans="8:8">
      <c r="H521697" s="12"/>
    </row>
    <row r="521698" spans="8:8">
      <c r="H521698" s="12"/>
    </row>
    <row r="521699" spans="8:8">
      <c r="H521699" s="12"/>
    </row>
    <row r="521700" spans="8:8">
      <c r="H521700" s="12"/>
    </row>
    <row r="521701" spans="8:8">
      <c r="H521701" s="12"/>
    </row>
    <row r="521702" spans="8:8">
      <c r="H521702" s="12"/>
    </row>
    <row r="521703" spans="8:8">
      <c r="H521703" s="12"/>
    </row>
    <row r="521704" spans="8:8">
      <c r="H521704" s="12"/>
    </row>
    <row r="521705" spans="8:8">
      <c r="H521705" s="12"/>
    </row>
    <row r="521706" spans="8:8">
      <c r="H521706" s="12"/>
    </row>
    <row r="521707" spans="8:8">
      <c r="H521707" s="12"/>
    </row>
    <row r="521708" spans="8:8">
      <c r="H521708" s="12"/>
    </row>
    <row r="521709" spans="8:8">
      <c r="H521709" s="12"/>
    </row>
    <row r="521710" spans="8:8">
      <c r="H521710" s="12"/>
    </row>
    <row r="521711" spans="8:8">
      <c r="H521711" s="12"/>
    </row>
    <row r="521712" spans="8:8">
      <c r="H521712" s="12"/>
    </row>
    <row r="521713" spans="8:8">
      <c r="H521713" s="12"/>
    </row>
    <row r="521714" spans="8:8">
      <c r="H521714" s="12"/>
    </row>
    <row r="521715" spans="8:8">
      <c r="H521715" s="12"/>
    </row>
    <row r="521716" spans="8:8">
      <c r="H521716" s="12"/>
    </row>
    <row r="521717" spans="8:8">
      <c r="H521717" s="12"/>
    </row>
    <row r="521718" spans="8:8">
      <c r="H521718" s="12"/>
    </row>
    <row r="521719" spans="8:8">
      <c r="H521719" s="12"/>
    </row>
    <row r="521720" spans="8:8">
      <c r="H521720" s="12"/>
    </row>
    <row r="521721" spans="8:8">
      <c r="H521721" s="12"/>
    </row>
    <row r="521722" spans="8:8">
      <c r="H521722" s="12"/>
    </row>
    <row r="521723" spans="8:8">
      <c r="H521723" s="12"/>
    </row>
    <row r="521724" spans="8:8">
      <c r="H521724" s="12"/>
    </row>
    <row r="521725" spans="8:8">
      <c r="H521725" s="12"/>
    </row>
    <row r="521726" spans="8:8">
      <c r="H521726" s="12"/>
    </row>
    <row r="521727" spans="8:8">
      <c r="H521727" s="12"/>
    </row>
    <row r="521728" spans="8:8">
      <c r="H521728" s="12"/>
    </row>
    <row r="521729" spans="8:8">
      <c r="H521729" s="12"/>
    </row>
    <row r="521730" spans="8:8">
      <c r="H521730" s="12"/>
    </row>
    <row r="521731" spans="8:8">
      <c r="H521731" s="12"/>
    </row>
    <row r="521732" spans="8:8">
      <c r="H521732" s="12"/>
    </row>
    <row r="521733" spans="8:8">
      <c r="H521733" s="12"/>
    </row>
    <row r="521734" spans="8:8">
      <c r="H521734" s="12"/>
    </row>
    <row r="521735" spans="8:8">
      <c r="H521735" s="12"/>
    </row>
    <row r="521736" spans="8:8">
      <c r="H521736" s="12"/>
    </row>
    <row r="521737" spans="8:8">
      <c r="H521737" s="12"/>
    </row>
    <row r="521738" spans="8:8">
      <c r="H521738" s="12"/>
    </row>
    <row r="521739" spans="8:8">
      <c r="H521739" s="12"/>
    </row>
    <row r="521740" spans="8:8">
      <c r="H521740" s="12"/>
    </row>
    <row r="521741" spans="8:8">
      <c r="H521741" s="12"/>
    </row>
    <row r="521742" spans="8:8">
      <c r="H521742" s="12"/>
    </row>
    <row r="521743" spans="8:8">
      <c r="H521743" s="12"/>
    </row>
    <row r="521744" spans="8:8">
      <c r="H521744" s="12"/>
    </row>
    <row r="521745" spans="8:8">
      <c r="H521745" s="12"/>
    </row>
    <row r="521746" spans="8:8">
      <c r="H521746" s="12"/>
    </row>
    <row r="521747" spans="8:8">
      <c r="H521747" s="12"/>
    </row>
    <row r="521748" spans="8:8">
      <c r="H521748" s="12"/>
    </row>
    <row r="521749" spans="8:8">
      <c r="H521749" s="12"/>
    </row>
    <row r="521750" spans="8:8">
      <c r="H521750" s="12"/>
    </row>
    <row r="521751" spans="8:8">
      <c r="H521751" s="12"/>
    </row>
    <row r="521752" spans="8:8">
      <c r="H521752" s="12"/>
    </row>
    <row r="521753" spans="8:8">
      <c r="H521753" s="12"/>
    </row>
    <row r="521754" spans="8:8">
      <c r="H521754" s="12"/>
    </row>
    <row r="521755" spans="8:8">
      <c r="H521755" s="12"/>
    </row>
    <row r="521756" spans="8:8">
      <c r="H521756" s="12"/>
    </row>
    <row r="521757" spans="8:8">
      <c r="H521757" s="12"/>
    </row>
    <row r="521758" spans="8:8">
      <c r="H521758" s="12"/>
    </row>
    <row r="521759" spans="8:8">
      <c r="H521759" s="12"/>
    </row>
    <row r="521760" spans="8:8">
      <c r="H521760" s="12"/>
    </row>
    <row r="521761" spans="8:8">
      <c r="H521761" s="12"/>
    </row>
    <row r="521762" spans="8:8">
      <c r="H521762" s="12"/>
    </row>
    <row r="521763" spans="8:8">
      <c r="H521763" s="12"/>
    </row>
    <row r="521764" spans="8:8">
      <c r="H521764" s="12"/>
    </row>
    <row r="521765" spans="8:8">
      <c r="H521765" s="12"/>
    </row>
    <row r="521766" spans="8:8">
      <c r="H521766" s="12"/>
    </row>
    <row r="521767" spans="8:8">
      <c r="H521767" s="12"/>
    </row>
    <row r="521768" spans="8:8">
      <c r="H521768" s="12"/>
    </row>
    <row r="521769" spans="8:8">
      <c r="H521769" s="12"/>
    </row>
    <row r="521770" spans="8:8">
      <c r="H521770" s="12"/>
    </row>
    <row r="521771" spans="8:8">
      <c r="H521771" s="12"/>
    </row>
    <row r="521772" spans="8:8">
      <c r="H521772" s="12"/>
    </row>
    <row r="521773" spans="8:8">
      <c r="H521773" s="12"/>
    </row>
    <row r="521774" spans="8:8">
      <c r="H521774" s="12"/>
    </row>
    <row r="521775" spans="8:8">
      <c r="H521775" s="12"/>
    </row>
    <row r="521776" spans="8:8">
      <c r="H521776" s="12"/>
    </row>
    <row r="521777" spans="8:8">
      <c r="H521777" s="12"/>
    </row>
    <row r="521778" spans="8:8">
      <c r="H521778" s="12"/>
    </row>
    <row r="521779" spans="8:8">
      <c r="H521779" s="12"/>
    </row>
    <row r="521780" spans="8:8">
      <c r="H521780" s="12"/>
    </row>
    <row r="521781" spans="8:8">
      <c r="H521781" s="12"/>
    </row>
    <row r="521782" spans="8:8">
      <c r="H521782" s="12"/>
    </row>
    <row r="521783" spans="8:8">
      <c r="H521783" s="12"/>
    </row>
    <row r="521784" spans="8:8">
      <c r="H521784" s="12"/>
    </row>
    <row r="521785" spans="8:8">
      <c r="H521785" s="12"/>
    </row>
    <row r="521786" spans="8:8">
      <c r="H521786" s="12"/>
    </row>
    <row r="521787" spans="8:8">
      <c r="H521787" s="12"/>
    </row>
    <row r="521788" spans="8:8">
      <c r="H521788" s="12"/>
    </row>
    <row r="521789" spans="8:8">
      <c r="H521789" s="12"/>
    </row>
    <row r="521790" spans="8:8">
      <c r="H521790" s="12"/>
    </row>
    <row r="521791" spans="8:8">
      <c r="H521791" s="12"/>
    </row>
    <row r="521792" spans="8:8">
      <c r="H521792" s="12"/>
    </row>
    <row r="521793" spans="8:8">
      <c r="H521793" s="12"/>
    </row>
    <row r="521794" spans="8:8">
      <c r="H521794" s="12"/>
    </row>
    <row r="521795" spans="8:8">
      <c r="H521795" s="12"/>
    </row>
    <row r="521796" spans="8:8">
      <c r="H521796" s="12"/>
    </row>
    <row r="521797" spans="8:8">
      <c r="H521797" s="12"/>
    </row>
    <row r="521798" spans="8:8">
      <c r="H521798" s="12"/>
    </row>
    <row r="521799" spans="8:8">
      <c r="H521799" s="12"/>
    </row>
    <row r="521800" spans="8:8">
      <c r="H521800" s="12"/>
    </row>
    <row r="521801" spans="8:8">
      <c r="H521801" s="12"/>
    </row>
    <row r="521802" spans="8:8">
      <c r="H521802" s="12"/>
    </row>
    <row r="521803" spans="8:8">
      <c r="H521803" s="12"/>
    </row>
    <row r="521804" spans="8:8">
      <c r="H521804" s="12"/>
    </row>
    <row r="521805" spans="8:8">
      <c r="H521805" s="12"/>
    </row>
    <row r="521806" spans="8:8">
      <c r="H521806" s="12"/>
    </row>
    <row r="521807" spans="8:8">
      <c r="H521807" s="12"/>
    </row>
    <row r="521808" spans="8:8">
      <c r="H521808" s="12"/>
    </row>
    <row r="521809" spans="8:8">
      <c r="H521809" s="12"/>
    </row>
    <row r="521810" spans="8:8">
      <c r="H521810" s="12"/>
    </row>
    <row r="521811" spans="8:8">
      <c r="H521811" s="12"/>
    </row>
    <row r="521812" spans="8:8">
      <c r="H521812" s="12"/>
    </row>
    <row r="521813" spans="8:8">
      <c r="H521813" s="12"/>
    </row>
    <row r="521814" spans="8:8">
      <c r="H521814" s="12"/>
    </row>
    <row r="521815" spans="8:8">
      <c r="H521815" s="12"/>
    </row>
    <row r="521816" spans="8:8">
      <c r="H521816" s="12"/>
    </row>
    <row r="521817" spans="8:8">
      <c r="H521817" s="12"/>
    </row>
    <row r="521818" spans="8:8">
      <c r="H521818" s="12"/>
    </row>
    <row r="521819" spans="8:8">
      <c r="H521819" s="12"/>
    </row>
    <row r="521820" spans="8:8">
      <c r="H521820" s="12"/>
    </row>
    <row r="521821" spans="8:8">
      <c r="H521821" s="12"/>
    </row>
    <row r="521822" spans="8:8">
      <c r="H521822" s="12"/>
    </row>
    <row r="521823" spans="8:8">
      <c r="H521823" s="12"/>
    </row>
    <row r="521824" spans="8:8">
      <c r="H521824" s="12"/>
    </row>
    <row r="521825" spans="8:8">
      <c r="H521825" s="12"/>
    </row>
    <row r="521826" spans="8:8">
      <c r="H521826" s="12"/>
    </row>
    <row r="521827" spans="8:8">
      <c r="H521827" s="12"/>
    </row>
    <row r="521828" spans="8:8">
      <c r="H521828" s="12"/>
    </row>
    <row r="521829" spans="8:8">
      <c r="H521829" s="12"/>
    </row>
    <row r="521830" spans="8:8">
      <c r="H521830" s="12"/>
    </row>
    <row r="521831" spans="8:8">
      <c r="H521831" s="12"/>
    </row>
    <row r="521832" spans="8:8">
      <c r="H521832" s="12"/>
    </row>
    <row r="521833" spans="8:8">
      <c r="H521833" s="12"/>
    </row>
    <row r="521834" spans="8:8">
      <c r="H521834" s="12"/>
    </row>
    <row r="521835" spans="8:8">
      <c r="H521835" s="12"/>
    </row>
    <row r="521836" spans="8:8">
      <c r="H521836" s="12"/>
    </row>
    <row r="521837" spans="8:8">
      <c r="H521837" s="12"/>
    </row>
    <row r="521838" spans="8:8">
      <c r="H521838" s="12"/>
    </row>
    <row r="521839" spans="8:8">
      <c r="H521839" s="12"/>
    </row>
    <row r="521840" spans="8:8">
      <c r="H521840" s="12"/>
    </row>
    <row r="521841" spans="8:8">
      <c r="H521841" s="12"/>
    </row>
    <row r="521842" spans="8:8">
      <c r="H521842" s="12"/>
    </row>
    <row r="521843" spans="8:8">
      <c r="H521843" s="12"/>
    </row>
    <row r="521844" spans="8:8">
      <c r="H521844" s="12"/>
    </row>
    <row r="521845" spans="8:8">
      <c r="H521845" s="12"/>
    </row>
    <row r="521846" spans="8:8">
      <c r="H521846" s="12"/>
    </row>
    <row r="521847" spans="8:8">
      <c r="H521847" s="12"/>
    </row>
    <row r="521848" spans="8:8">
      <c r="H521848" s="12"/>
    </row>
    <row r="521849" spans="8:8">
      <c r="H521849" s="12"/>
    </row>
    <row r="521850" spans="8:8">
      <c r="H521850" s="12"/>
    </row>
    <row r="521851" spans="8:8">
      <c r="H521851" s="12"/>
    </row>
    <row r="521852" spans="8:8">
      <c r="H521852" s="12"/>
    </row>
    <row r="521853" spans="8:8">
      <c r="H521853" s="12"/>
    </row>
    <row r="521854" spans="8:8">
      <c r="H521854" s="12"/>
    </row>
    <row r="521855" spans="8:8">
      <c r="H521855" s="12"/>
    </row>
    <row r="521856" spans="8:8">
      <c r="H521856" s="12"/>
    </row>
    <row r="521857" spans="8:8">
      <c r="H521857" s="12"/>
    </row>
    <row r="521858" spans="8:8">
      <c r="H521858" s="12"/>
    </row>
    <row r="521859" spans="8:8">
      <c r="H521859" s="12"/>
    </row>
    <row r="521860" spans="8:8">
      <c r="H521860" s="12"/>
    </row>
    <row r="521861" spans="8:8">
      <c r="H521861" s="12"/>
    </row>
    <row r="521862" spans="8:8">
      <c r="H521862" s="12"/>
    </row>
    <row r="521863" spans="8:8">
      <c r="H521863" s="12"/>
    </row>
    <row r="521864" spans="8:8">
      <c r="H521864" s="12"/>
    </row>
    <row r="521865" spans="8:8">
      <c r="H521865" s="12"/>
    </row>
    <row r="521866" spans="8:8">
      <c r="H521866" s="12"/>
    </row>
    <row r="521867" spans="8:8">
      <c r="H521867" s="12"/>
    </row>
    <row r="521868" spans="8:8">
      <c r="H521868" s="12"/>
    </row>
    <row r="521869" spans="8:8">
      <c r="H521869" s="12"/>
    </row>
    <row r="521870" spans="8:8">
      <c r="H521870" s="12"/>
    </row>
    <row r="521871" spans="8:8">
      <c r="H521871" s="12"/>
    </row>
    <row r="521872" spans="8:8">
      <c r="H521872" s="12"/>
    </row>
    <row r="521873" spans="8:8">
      <c r="H521873" s="12"/>
    </row>
    <row r="521874" spans="8:8">
      <c r="H521874" s="12"/>
    </row>
    <row r="521875" spans="8:8">
      <c r="H521875" s="12"/>
    </row>
    <row r="521876" spans="8:8">
      <c r="H521876" s="12"/>
    </row>
    <row r="521877" spans="8:8">
      <c r="H521877" s="12"/>
    </row>
    <row r="521878" spans="8:8">
      <c r="H521878" s="12"/>
    </row>
    <row r="521879" spans="8:8">
      <c r="H521879" s="12"/>
    </row>
    <row r="521880" spans="8:8">
      <c r="H521880" s="12"/>
    </row>
    <row r="521881" spans="8:8">
      <c r="H521881" s="12"/>
    </row>
    <row r="521882" spans="8:8">
      <c r="H521882" s="12"/>
    </row>
    <row r="521883" spans="8:8">
      <c r="H521883" s="12"/>
    </row>
    <row r="521884" spans="8:8">
      <c r="H521884" s="12"/>
    </row>
    <row r="521885" spans="8:8">
      <c r="H521885" s="12"/>
    </row>
    <row r="521886" spans="8:8">
      <c r="H521886" s="12"/>
    </row>
    <row r="521887" spans="8:8">
      <c r="H521887" s="12"/>
    </row>
    <row r="521888" spans="8:8">
      <c r="H521888" s="12"/>
    </row>
    <row r="521889" spans="8:8">
      <c r="H521889" s="12"/>
    </row>
    <row r="521890" spans="8:8">
      <c r="H521890" s="12"/>
    </row>
    <row r="521891" spans="8:8">
      <c r="H521891" s="12"/>
    </row>
    <row r="521892" spans="8:8">
      <c r="H521892" s="12"/>
    </row>
    <row r="521893" spans="8:8">
      <c r="H521893" s="12"/>
    </row>
    <row r="521894" spans="8:8">
      <c r="H521894" s="12"/>
    </row>
    <row r="521895" spans="8:8">
      <c r="H521895" s="12"/>
    </row>
    <row r="521896" spans="8:8">
      <c r="H521896" s="12"/>
    </row>
    <row r="521897" spans="8:8">
      <c r="H521897" s="12"/>
    </row>
    <row r="521898" spans="8:8">
      <c r="H521898" s="12"/>
    </row>
    <row r="521899" spans="8:8">
      <c r="H521899" s="12"/>
    </row>
    <row r="521900" spans="8:8">
      <c r="H521900" s="12"/>
    </row>
    <row r="521901" spans="8:8">
      <c r="H521901" s="12"/>
    </row>
    <row r="521902" spans="8:8">
      <c r="H521902" s="12"/>
    </row>
    <row r="521903" spans="8:8">
      <c r="H521903" s="12"/>
    </row>
    <row r="521904" spans="8:8">
      <c r="H521904" s="12"/>
    </row>
    <row r="521905" spans="8:8">
      <c r="H521905" s="12"/>
    </row>
    <row r="521906" spans="8:8">
      <c r="H521906" s="12"/>
    </row>
    <row r="521907" spans="8:8">
      <c r="H521907" s="12"/>
    </row>
    <row r="521908" spans="8:8">
      <c r="H521908" s="12"/>
    </row>
    <row r="521909" spans="8:8">
      <c r="H521909" s="12"/>
    </row>
    <row r="521910" spans="8:8">
      <c r="H521910" s="12"/>
    </row>
    <row r="521911" spans="8:8">
      <c r="H521911" s="12"/>
    </row>
    <row r="521912" spans="8:8">
      <c r="H521912" s="12"/>
    </row>
    <row r="521913" spans="8:8">
      <c r="H521913" s="12"/>
    </row>
    <row r="521914" spans="8:8">
      <c r="H521914" s="12"/>
    </row>
    <row r="521915" spans="8:8">
      <c r="H521915" s="12"/>
    </row>
    <row r="521916" spans="8:8">
      <c r="H521916" s="12"/>
    </row>
    <row r="521917" spans="8:8">
      <c r="H521917" s="12"/>
    </row>
    <row r="521918" spans="8:8">
      <c r="H521918" s="12"/>
    </row>
    <row r="521919" spans="8:8">
      <c r="H521919" s="12"/>
    </row>
    <row r="521920" spans="8:8">
      <c r="H521920" s="12"/>
    </row>
    <row r="521921" spans="8:8">
      <c r="H521921" s="12"/>
    </row>
    <row r="521922" spans="8:8">
      <c r="H521922" s="12"/>
    </row>
    <row r="521923" spans="8:8">
      <c r="H521923" s="12"/>
    </row>
    <row r="521924" spans="8:8">
      <c r="H521924" s="12"/>
    </row>
    <row r="521925" spans="8:8">
      <c r="H521925" s="12"/>
    </row>
    <row r="521926" spans="8:8">
      <c r="H521926" s="12"/>
    </row>
    <row r="521927" spans="8:8">
      <c r="H521927" s="12"/>
    </row>
    <row r="521928" spans="8:8">
      <c r="H521928" s="12"/>
    </row>
    <row r="521929" spans="8:8">
      <c r="H521929" s="12"/>
    </row>
    <row r="521930" spans="8:8">
      <c r="H521930" s="12"/>
    </row>
    <row r="521931" spans="8:8">
      <c r="H521931" s="12"/>
    </row>
    <row r="521932" spans="8:8">
      <c r="H521932" s="12"/>
    </row>
    <row r="521933" spans="8:8">
      <c r="H521933" s="12"/>
    </row>
    <row r="521934" spans="8:8">
      <c r="H521934" s="12"/>
    </row>
    <row r="521935" spans="8:8">
      <c r="H521935" s="12"/>
    </row>
    <row r="521936" spans="8:8">
      <c r="H521936" s="12"/>
    </row>
    <row r="521937" spans="8:8">
      <c r="H521937" s="12"/>
    </row>
    <row r="521938" spans="8:8">
      <c r="H521938" s="12"/>
    </row>
    <row r="521939" spans="8:8">
      <c r="H521939" s="12"/>
    </row>
    <row r="521940" spans="8:8">
      <c r="H521940" s="12"/>
    </row>
    <row r="521941" spans="8:8">
      <c r="H521941" s="12"/>
    </row>
    <row r="521942" spans="8:8">
      <c r="H521942" s="12"/>
    </row>
    <row r="521943" spans="8:8">
      <c r="H521943" s="12"/>
    </row>
    <row r="521944" spans="8:8">
      <c r="H521944" s="12"/>
    </row>
    <row r="521945" spans="8:8">
      <c r="H521945" s="12"/>
    </row>
    <row r="521946" spans="8:8">
      <c r="H521946" s="12"/>
    </row>
    <row r="521947" spans="8:8">
      <c r="H521947" s="12"/>
    </row>
    <row r="521948" spans="8:8">
      <c r="H521948" s="12"/>
    </row>
    <row r="521949" spans="8:8">
      <c r="H521949" s="12"/>
    </row>
    <row r="521950" spans="8:8">
      <c r="H521950" s="12"/>
    </row>
    <row r="521951" spans="8:8">
      <c r="H521951" s="12"/>
    </row>
    <row r="521952" spans="8:8">
      <c r="H521952" s="12"/>
    </row>
    <row r="521953" spans="8:8">
      <c r="H521953" s="12"/>
    </row>
    <row r="521954" spans="8:8">
      <c r="H521954" s="12"/>
    </row>
    <row r="521955" spans="8:8">
      <c r="H521955" s="12"/>
    </row>
    <row r="521956" spans="8:8">
      <c r="H521956" s="12"/>
    </row>
    <row r="521957" spans="8:8">
      <c r="H521957" s="12"/>
    </row>
    <row r="521958" spans="8:8">
      <c r="H521958" s="12"/>
    </row>
    <row r="521959" spans="8:8">
      <c r="H521959" s="12"/>
    </row>
    <row r="521960" spans="8:8">
      <c r="H521960" s="12"/>
    </row>
    <row r="521961" spans="8:8">
      <c r="H521961" s="12"/>
    </row>
    <row r="521962" spans="8:8">
      <c r="H521962" s="12"/>
    </row>
    <row r="521963" spans="8:8">
      <c r="H521963" s="12"/>
    </row>
    <row r="521964" spans="8:8">
      <c r="H521964" s="12"/>
    </row>
    <row r="521965" spans="8:8">
      <c r="H521965" s="12"/>
    </row>
    <row r="521966" spans="8:8">
      <c r="H521966" s="12"/>
    </row>
    <row r="521967" spans="8:8">
      <c r="H521967" s="12"/>
    </row>
    <row r="521968" spans="8:8">
      <c r="H521968" s="12"/>
    </row>
    <row r="521969" spans="8:8">
      <c r="H521969" s="12"/>
    </row>
    <row r="521970" spans="8:8">
      <c r="H521970" s="12"/>
    </row>
    <row r="521971" spans="8:8">
      <c r="H521971" s="12"/>
    </row>
    <row r="521972" spans="8:8">
      <c r="H521972" s="12"/>
    </row>
    <row r="521973" spans="8:8">
      <c r="H521973" s="12"/>
    </row>
    <row r="521974" spans="8:8">
      <c r="H521974" s="12"/>
    </row>
    <row r="521975" spans="8:8">
      <c r="H521975" s="12"/>
    </row>
    <row r="521976" spans="8:8">
      <c r="H521976" s="12"/>
    </row>
    <row r="521977" spans="8:8">
      <c r="H521977" s="12"/>
    </row>
    <row r="521978" spans="8:8">
      <c r="H521978" s="12"/>
    </row>
    <row r="521979" spans="8:8">
      <c r="H521979" s="12"/>
    </row>
    <row r="521980" spans="8:8">
      <c r="H521980" s="12"/>
    </row>
    <row r="521981" spans="8:8">
      <c r="H521981" s="12"/>
    </row>
    <row r="521982" spans="8:8">
      <c r="H521982" s="12"/>
    </row>
    <row r="521983" spans="8:8">
      <c r="H521983" s="12"/>
    </row>
    <row r="521984" spans="8:8">
      <c r="H521984" s="12"/>
    </row>
    <row r="521985" spans="8:8">
      <c r="H521985" s="12"/>
    </row>
    <row r="521986" spans="8:8">
      <c r="H521986" s="12"/>
    </row>
    <row r="521987" spans="8:8">
      <c r="H521987" s="12"/>
    </row>
    <row r="521988" spans="8:8">
      <c r="H521988" s="12"/>
    </row>
    <row r="521989" spans="8:8">
      <c r="H521989" s="12"/>
    </row>
    <row r="521990" spans="8:8">
      <c r="H521990" s="12"/>
    </row>
    <row r="521991" spans="8:8">
      <c r="H521991" s="12"/>
    </row>
    <row r="521992" spans="8:8">
      <c r="H521992" s="12"/>
    </row>
    <row r="521993" spans="8:8">
      <c r="H521993" s="12"/>
    </row>
    <row r="521994" spans="8:8">
      <c r="H521994" s="12"/>
    </row>
    <row r="521995" spans="8:8">
      <c r="H521995" s="12"/>
    </row>
    <row r="521996" spans="8:8">
      <c r="H521996" s="12"/>
    </row>
    <row r="521997" spans="8:8">
      <c r="H521997" s="12"/>
    </row>
    <row r="521998" spans="8:8">
      <c r="H521998" s="12"/>
    </row>
    <row r="521999" spans="8:8">
      <c r="H521999" s="12"/>
    </row>
    <row r="522000" spans="8:8">
      <c r="H522000" s="12"/>
    </row>
    <row r="522001" spans="8:8">
      <c r="H522001" s="12"/>
    </row>
    <row r="522002" spans="8:8">
      <c r="H522002" s="12"/>
    </row>
    <row r="522003" spans="8:8">
      <c r="H522003" s="12"/>
    </row>
    <row r="522004" spans="8:8">
      <c r="H522004" s="12"/>
    </row>
    <row r="522005" spans="8:8">
      <c r="H522005" s="12"/>
    </row>
    <row r="522006" spans="8:8">
      <c r="H522006" s="12"/>
    </row>
    <row r="522007" spans="8:8">
      <c r="H522007" s="12"/>
    </row>
    <row r="522008" spans="8:8">
      <c r="H522008" s="12"/>
    </row>
    <row r="522009" spans="8:8">
      <c r="H522009" s="12"/>
    </row>
    <row r="522010" spans="8:8">
      <c r="H522010" s="12"/>
    </row>
    <row r="522011" spans="8:8">
      <c r="H522011" s="12"/>
    </row>
    <row r="522012" spans="8:8">
      <c r="H522012" s="12"/>
    </row>
    <row r="522013" spans="8:8">
      <c r="H522013" s="12"/>
    </row>
    <row r="522014" spans="8:8">
      <c r="H522014" s="12"/>
    </row>
    <row r="522015" spans="8:8">
      <c r="H522015" s="12"/>
    </row>
    <row r="522016" spans="8:8">
      <c r="H522016" s="12"/>
    </row>
    <row r="522017" spans="8:8">
      <c r="H522017" s="12"/>
    </row>
    <row r="522018" spans="8:8">
      <c r="H522018" s="12"/>
    </row>
    <row r="522019" spans="8:8">
      <c r="H522019" s="12"/>
    </row>
    <row r="522020" spans="8:8">
      <c r="H522020" s="12"/>
    </row>
    <row r="522021" spans="8:8">
      <c r="H522021" s="12"/>
    </row>
    <row r="522022" spans="8:8">
      <c r="H522022" s="12"/>
    </row>
    <row r="522023" spans="8:8">
      <c r="H522023" s="12"/>
    </row>
    <row r="522024" spans="8:8">
      <c r="H522024" s="12"/>
    </row>
    <row r="522025" spans="8:8">
      <c r="H522025" s="12"/>
    </row>
    <row r="522026" spans="8:8">
      <c r="H522026" s="12"/>
    </row>
    <row r="522027" spans="8:8">
      <c r="H522027" s="12"/>
    </row>
    <row r="522028" spans="8:8">
      <c r="H522028" s="12"/>
    </row>
    <row r="522029" spans="8:8">
      <c r="H522029" s="12"/>
    </row>
    <row r="522030" spans="8:8">
      <c r="H522030" s="12"/>
    </row>
    <row r="522031" spans="8:8">
      <c r="H522031" s="12"/>
    </row>
    <row r="522032" spans="8:8">
      <c r="H522032" s="12"/>
    </row>
    <row r="522033" spans="8:8">
      <c r="H522033" s="12"/>
    </row>
    <row r="522034" spans="8:8">
      <c r="H522034" s="12"/>
    </row>
    <row r="522035" spans="8:8">
      <c r="H522035" s="12"/>
    </row>
    <row r="522036" spans="8:8">
      <c r="H522036" s="12"/>
    </row>
    <row r="522037" spans="8:8">
      <c r="H522037" s="12"/>
    </row>
    <row r="522038" spans="8:8">
      <c r="H522038" s="12"/>
    </row>
    <row r="522039" spans="8:8">
      <c r="H522039" s="12"/>
    </row>
    <row r="522040" spans="8:8">
      <c r="H522040" s="12"/>
    </row>
    <row r="522041" spans="8:8">
      <c r="H522041" s="12"/>
    </row>
    <row r="522042" spans="8:8">
      <c r="H522042" s="12"/>
    </row>
    <row r="522043" spans="8:8">
      <c r="H522043" s="12"/>
    </row>
    <row r="522044" spans="8:8">
      <c r="H522044" s="12"/>
    </row>
    <row r="522045" spans="8:8">
      <c r="H522045" s="12"/>
    </row>
    <row r="522046" spans="8:8">
      <c r="H522046" s="12"/>
    </row>
    <row r="522047" spans="8:8">
      <c r="H522047" s="12"/>
    </row>
    <row r="522048" spans="8:8">
      <c r="H522048" s="12"/>
    </row>
    <row r="522049" spans="8:8">
      <c r="H522049" s="12"/>
    </row>
    <row r="522050" spans="8:8">
      <c r="H522050" s="12"/>
    </row>
    <row r="522051" spans="8:8">
      <c r="H522051" s="12"/>
    </row>
    <row r="522052" spans="8:8">
      <c r="H522052" s="12"/>
    </row>
    <row r="522053" spans="8:8">
      <c r="H522053" s="12"/>
    </row>
    <row r="522054" spans="8:8">
      <c r="H522054" s="12"/>
    </row>
    <row r="522055" spans="8:8">
      <c r="H522055" s="12"/>
    </row>
    <row r="522056" spans="8:8">
      <c r="H522056" s="12"/>
    </row>
    <row r="522057" spans="8:8">
      <c r="H522057" s="12"/>
    </row>
    <row r="522058" spans="8:8">
      <c r="H522058" s="12"/>
    </row>
    <row r="522059" spans="8:8">
      <c r="H522059" s="12"/>
    </row>
    <row r="522060" spans="8:8">
      <c r="H522060" s="12"/>
    </row>
    <row r="522061" spans="8:8">
      <c r="H522061" s="12"/>
    </row>
    <row r="522062" spans="8:8">
      <c r="H522062" s="12"/>
    </row>
    <row r="522063" spans="8:8">
      <c r="H522063" s="12"/>
    </row>
    <row r="522064" spans="8:8">
      <c r="H522064" s="12"/>
    </row>
    <row r="522065" spans="8:8">
      <c r="H522065" s="12"/>
    </row>
    <row r="522066" spans="8:8">
      <c r="H522066" s="12"/>
    </row>
    <row r="522067" spans="8:8">
      <c r="H522067" s="12"/>
    </row>
    <row r="522068" spans="8:8">
      <c r="H522068" s="12"/>
    </row>
    <row r="522069" spans="8:8">
      <c r="H522069" s="12"/>
    </row>
    <row r="522070" spans="8:8">
      <c r="H522070" s="12"/>
    </row>
    <row r="522071" spans="8:8">
      <c r="H522071" s="12"/>
    </row>
    <row r="522072" spans="8:8">
      <c r="H522072" s="12"/>
    </row>
    <row r="522073" spans="8:8">
      <c r="H522073" s="12"/>
    </row>
    <row r="522074" spans="8:8">
      <c r="H522074" s="12"/>
    </row>
    <row r="522075" spans="8:8">
      <c r="H522075" s="12"/>
    </row>
    <row r="522076" spans="8:8">
      <c r="H522076" s="12"/>
    </row>
    <row r="522077" spans="8:8">
      <c r="H522077" s="12"/>
    </row>
    <row r="522078" spans="8:8">
      <c r="H522078" s="12"/>
    </row>
    <row r="522079" spans="8:8">
      <c r="H522079" s="12"/>
    </row>
    <row r="522080" spans="8:8">
      <c r="H522080" s="12"/>
    </row>
    <row r="522081" spans="8:8">
      <c r="H522081" s="12"/>
    </row>
    <row r="522082" spans="8:8">
      <c r="H522082" s="12"/>
    </row>
    <row r="522083" spans="8:8">
      <c r="H522083" s="12"/>
    </row>
    <row r="522084" spans="8:8">
      <c r="H522084" s="12"/>
    </row>
    <row r="522085" spans="8:8">
      <c r="H522085" s="12"/>
    </row>
    <row r="522086" spans="8:8">
      <c r="H522086" s="12"/>
    </row>
    <row r="522087" spans="8:8">
      <c r="H522087" s="12"/>
    </row>
    <row r="522088" spans="8:8">
      <c r="H522088" s="12"/>
    </row>
    <row r="522089" spans="8:8">
      <c r="H522089" s="12"/>
    </row>
    <row r="522090" spans="8:8">
      <c r="H522090" s="12"/>
    </row>
    <row r="522091" spans="8:8">
      <c r="H522091" s="12"/>
    </row>
    <row r="522092" spans="8:8">
      <c r="H522092" s="12"/>
    </row>
    <row r="522093" spans="8:8">
      <c r="H522093" s="12"/>
    </row>
    <row r="522094" spans="8:8">
      <c r="H522094" s="12"/>
    </row>
    <row r="522095" spans="8:8">
      <c r="H522095" s="12"/>
    </row>
    <row r="522096" spans="8:8">
      <c r="H522096" s="12"/>
    </row>
    <row r="522097" spans="8:8">
      <c r="H522097" s="12"/>
    </row>
    <row r="522098" spans="8:8">
      <c r="H522098" s="12"/>
    </row>
    <row r="522099" spans="8:8">
      <c r="H522099" s="12"/>
    </row>
    <row r="522100" spans="8:8">
      <c r="H522100" s="12"/>
    </row>
    <row r="522101" spans="8:8">
      <c r="H522101" s="12"/>
    </row>
    <row r="522102" spans="8:8">
      <c r="H522102" s="12"/>
    </row>
    <row r="522103" spans="8:8">
      <c r="H522103" s="12"/>
    </row>
    <row r="522104" spans="8:8">
      <c r="H522104" s="12"/>
    </row>
    <row r="522105" spans="8:8">
      <c r="H522105" s="12"/>
    </row>
    <row r="522106" spans="8:8">
      <c r="H522106" s="12"/>
    </row>
    <row r="522107" spans="8:8">
      <c r="H522107" s="12"/>
    </row>
    <row r="522108" spans="8:8">
      <c r="H522108" s="12"/>
    </row>
    <row r="522109" spans="8:8">
      <c r="H522109" s="12"/>
    </row>
    <row r="522110" spans="8:8">
      <c r="H522110" s="12"/>
    </row>
    <row r="522111" spans="8:8">
      <c r="H522111" s="12"/>
    </row>
    <row r="522112" spans="8:8">
      <c r="H522112" s="12"/>
    </row>
    <row r="522113" spans="8:8">
      <c r="H522113" s="12"/>
    </row>
    <row r="522114" spans="8:8">
      <c r="H522114" s="12"/>
    </row>
    <row r="522115" spans="8:8">
      <c r="H522115" s="12"/>
    </row>
    <row r="522116" spans="8:8">
      <c r="H522116" s="12"/>
    </row>
    <row r="522117" spans="8:8">
      <c r="H522117" s="12"/>
    </row>
    <row r="522118" spans="8:8">
      <c r="H522118" s="12"/>
    </row>
    <row r="522119" spans="8:8">
      <c r="H522119" s="12"/>
    </row>
    <row r="522120" spans="8:8">
      <c r="H522120" s="12"/>
    </row>
    <row r="522121" spans="8:8">
      <c r="H522121" s="12"/>
    </row>
    <row r="522122" spans="8:8">
      <c r="H522122" s="12"/>
    </row>
    <row r="522123" spans="8:8">
      <c r="H522123" s="12"/>
    </row>
    <row r="522124" spans="8:8">
      <c r="H522124" s="12"/>
    </row>
    <row r="522125" spans="8:8">
      <c r="H522125" s="12"/>
    </row>
    <row r="522126" spans="8:8">
      <c r="H522126" s="12"/>
    </row>
    <row r="522127" spans="8:8">
      <c r="H522127" s="12"/>
    </row>
    <row r="522128" spans="8:8">
      <c r="H522128" s="12"/>
    </row>
    <row r="522129" spans="8:8">
      <c r="H522129" s="12"/>
    </row>
    <row r="522130" spans="8:8">
      <c r="H522130" s="12"/>
    </row>
    <row r="522131" spans="8:8">
      <c r="H522131" s="12"/>
    </row>
    <row r="522132" spans="8:8">
      <c r="H522132" s="12"/>
    </row>
    <row r="522133" spans="8:8">
      <c r="H522133" s="12"/>
    </row>
    <row r="522134" spans="8:8">
      <c r="H522134" s="12"/>
    </row>
    <row r="522135" spans="8:8">
      <c r="H522135" s="12"/>
    </row>
    <row r="522136" spans="8:8">
      <c r="H522136" s="12"/>
    </row>
    <row r="522137" spans="8:8">
      <c r="H522137" s="12"/>
    </row>
    <row r="522138" spans="8:8">
      <c r="H522138" s="12"/>
    </row>
    <row r="522139" spans="8:8">
      <c r="H522139" s="12"/>
    </row>
    <row r="522140" spans="8:8">
      <c r="H522140" s="12"/>
    </row>
    <row r="522141" spans="8:8">
      <c r="H522141" s="12"/>
    </row>
    <row r="522142" spans="8:8">
      <c r="H522142" s="12"/>
    </row>
    <row r="522143" spans="8:8">
      <c r="H522143" s="12"/>
    </row>
    <row r="522144" spans="8:8">
      <c r="H522144" s="12"/>
    </row>
    <row r="522145" spans="8:8">
      <c r="H522145" s="12"/>
    </row>
    <row r="522146" spans="8:8">
      <c r="H522146" s="12"/>
    </row>
    <row r="522147" spans="8:8">
      <c r="H522147" s="12"/>
    </row>
    <row r="522148" spans="8:8">
      <c r="H522148" s="12"/>
    </row>
    <row r="522149" spans="8:8">
      <c r="H522149" s="12"/>
    </row>
    <row r="522150" spans="8:8">
      <c r="H522150" s="12"/>
    </row>
    <row r="522151" spans="8:8">
      <c r="H522151" s="12"/>
    </row>
    <row r="522152" spans="8:8">
      <c r="H522152" s="12"/>
    </row>
    <row r="522153" spans="8:8">
      <c r="H522153" s="12"/>
    </row>
    <row r="522154" spans="8:8">
      <c r="H522154" s="12"/>
    </row>
    <row r="522155" spans="8:8">
      <c r="H522155" s="12"/>
    </row>
    <row r="522156" spans="8:8">
      <c r="H522156" s="12"/>
    </row>
    <row r="522157" spans="8:8">
      <c r="H522157" s="12"/>
    </row>
    <row r="522158" spans="8:8">
      <c r="H522158" s="12"/>
    </row>
    <row r="522159" spans="8:8">
      <c r="H522159" s="12"/>
    </row>
    <row r="522160" spans="8:8">
      <c r="H522160" s="12"/>
    </row>
    <row r="522161" spans="8:8">
      <c r="H522161" s="12"/>
    </row>
    <row r="522162" spans="8:8">
      <c r="H522162" s="12"/>
    </row>
    <row r="522163" spans="8:8">
      <c r="H522163" s="12"/>
    </row>
    <row r="522164" spans="8:8">
      <c r="H522164" s="12"/>
    </row>
    <row r="522165" spans="8:8">
      <c r="H522165" s="12"/>
    </row>
    <row r="522166" spans="8:8">
      <c r="H522166" s="12"/>
    </row>
    <row r="522167" spans="8:8">
      <c r="H522167" s="12"/>
    </row>
    <row r="522168" spans="8:8">
      <c r="H522168" s="12"/>
    </row>
    <row r="522169" spans="8:8">
      <c r="H522169" s="12"/>
    </row>
    <row r="522170" spans="8:8">
      <c r="H522170" s="12"/>
    </row>
    <row r="522171" spans="8:8">
      <c r="H522171" s="12"/>
    </row>
    <row r="522172" spans="8:8">
      <c r="H522172" s="12"/>
    </row>
    <row r="522173" spans="8:8">
      <c r="H522173" s="12"/>
    </row>
    <row r="522174" spans="8:8">
      <c r="H522174" s="12"/>
    </row>
    <row r="522175" spans="8:8">
      <c r="H522175" s="12"/>
    </row>
    <row r="522176" spans="8:8">
      <c r="H522176" s="12"/>
    </row>
    <row r="522177" spans="8:8">
      <c r="H522177" s="12"/>
    </row>
    <row r="522178" spans="8:8">
      <c r="H522178" s="12"/>
    </row>
    <row r="522179" spans="8:8">
      <c r="H522179" s="12"/>
    </row>
    <row r="522180" spans="8:8">
      <c r="H522180" s="12"/>
    </row>
    <row r="522181" spans="8:8">
      <c r="H522181" s="12"/>
    </row>
    <row r="522182" spans="8:8">
      <c r="H522182" s="12"/>
    </row>
    <row r="522183" spans="8:8">
      <c r="H522183" s="12"/>
    </row>
    <row r="522184" spans="8:8">
      <c r="H522184" s="12"/>
    </row>
    <row r="522185" spans="8:8">
      <c r="H522185" s="12"/>
    </row>
    <row r="522186" spans="8:8">
      <c r="H522186" s="12"/>
    </row>
    <row r="522187" spans="8:8">
      <c r="H522187" s="12"/>
    </row>
    <row r="522188" spans="8:8">
      <c r="H522188" s="12"/>
    </row>
    <row r="522189" spans="8:8">
      <c r="H522189" s="12"/>
    </row>
    <row r="522190" spans="8:8">
      <c r="H522190" s="12"/>
    </row>
    <row r="522191" spans="8:8">
      <c r="H522191" s="12"/>
    </row>
    <row r="522192" spans="8:8">
      <c r="H522192" s="12"/>
    </row>
    <row r="522193" spans="8:8">
      <c r="H522193" s="12"/>
    </row>
    <row r="522194" spans="8:8">
      <c r="H522194" s="12"/>
    </row>
    <row r="522195" spans="8:8">
      <c r="H522195" s="12"/>
    </row>
    <row r="522196" spans="8:8">
      <c r="H522196" s="12"/>
    </row>
    <row r="522197" spans="8:8">
      <c r="H522197" s="12"/>
    </row>
    <row r="522198" spans="8:8">
      <c r="H522198" s="12"/>
    </row>
    <row r="522199" spans="8:8">
      <c r="H522199" s="12"/>
    </row>
    <row r="522200" spans="8:8">
      <c r="H522200" s="12"/>
    </row>
    <row r="522201" spans="8:8">
      <c r="H522201" s="12"/>
    </row>
    <row r="522202" spans="8:8">
      <c r="H522202" s="12"/>
    </row>
    <row r="522203" spans="8:8">
      <c r="H522203" s="12"/>
    </row>
    <row r="522204" spans="8:8">
      <c r="H522204" s="12"/>
    </row>
    <row r="522205" spans="8:8">
      <c r="H522205" s="12"/>
    </row>
    <row r="522206" spans="8:8">
      <c r="H522206" s="12"/>
    </row>
    <row r="522207" spans="8:8">
      <c r="H522207" s="12"/>
    </row>
    <row r="522208" spans="8:8">
      <c r="H522208" s="12"/>
    </row>
    <row r="522209" spans="8:8">
      <c r="H522209" s="12"/>
    </row>
    <row r="522210" spans="8:8">
      <c r="H522210" s="12"/>
    </row>
    <row r="522211" spans="8:8">
      <c r="H522211" s="12"/>
    </row>
    <row r="522212" spans="8:8">
      <c r="H522212" s="12"/>
    </row>
    <row r="522213" spans="8:8">
      <c r="H522213" s="12"/>
    </row>
    <row r="522214" spans="8:8">
      <c r="H522214" s="12"/>
    </row>
    <row r="522215" spans="8:8">
      <c r="H522215" s="12"/>
    </row>
    <row r="522216" spans="8:8">
      <c r="H522216" s="12"/>
    </row>
    <row r="522217" spans="8:8">
      <c r="H522217" s="12"/>
    </row>
    <row r="522218" spans="8:8">
      <c r="H522218" s="12"/>
    </row>
    <row r="522219" spans="8:8">
      <c r="H522219" s="12"/>
    </row>
    <row r="522220" spans="8:8">
      <c r="H522220" s="12"/>
    </row>
    <row r="522221" spans="8:8">
      <c r="H522221" s="12"/>
    </row>
    <row r="522222" spans="8:8">
      <c r="H522222" s="12"/>
    </row>
    <row r="522223" spans="8:8">
      <c r="H522223" s="12"/>
    </row>
    <row r="522224" spans="8:8">
      <c r="H522224" s="12"/>
    </row>
    <row r="522225" spans="8:8">
      <c r="H522225" s="12"/>
    </row>
    <row r="522226" spans="8:8">
      <c r="H522226" s="12"/>
    </row>
    <row r="522227" spans="8:8">
      <c r="H522227" s="12"/>
    </row>
    <row r="522228" spans="8:8">
      <c r="H522228" s="12"/>
    </row>
    <row r="522229" spans="8:8">
      <c r="H522229" s="12"/>
    </row>
    <row r="522230" spans="8:8">
      <c r="H522230" s="12"/>
    </row>
    <row r="522231" spans="8:8">
      <c r="H522231" s="12"/>
    </row>
    <row r="522232" spans="8:8">
      <c r="H522232" s="12"/>
    </row>
    <row r="522233" spans="8:8">
      <c r="H522233" s="12"/>
    </row>
    <row r="522234" spans="8:8">
      <c r="H522234" s="12"/>
    </row>
    <row r="522235" spans="8:8">
      <c r="H522235" s="12"/>
    </row>
    <row r="522236" spans="8:8">
      <c r="H522236" s="12"/>
    </row>
    <row r="522237" spans="8:8">
      <c r="H522237" s="12"/>
    </row>
    <row r="522238" spans="8:8">
      <c r="H522238" s="12"/>
    </row>
    <row r="522239" spans="8:8">
      <c r="H522239" s="12"/>
    </row>
    <row r="522240" spans="8:8">
      <c r="H522240" s="12"/>
    </row>
    <row r="522241" spans="8:8">
      <c r="H522241" s="12"/>
    </row>
    <row r="522242" spans="8:8">
      <c r="H522242" s="12"/>
    </row>
    <row r="522243" spans="8:8">
      <c r="H522243" s="12"/>
    </row>
    <row r="522244" spans="8:8">
      <c r="H522244" s="12"/>
    </row>
    <row r="522245" spans="8:8">
      <c r="H522245" s="12"/>
    </row>
    <row r="522246" spans="8:8">
      <c r="H522246" s="12"/>
    </row>
    <row r="522247" spans="8:8">
      <c r="H522247" s="12"/>
    </row>
    <row r="522248" spans="8:8">
      <c r="H522248" s="12"/>
    </row>
    <row r="522249" spans="8:8">
      <c r="H522249" s="12"/>
    </row>
    <row r="522250" spans="8:8">
      <c r="H522250" s="12"/>
    </row>
    <row r="522251" spans="8:8">
      <c r="H522251" s="12"/>
    </row>
    <row r="522252" spans="8:8">
      <c r="H522252" s="12"/>
    </row>
    <row r="522253" spans="8:8">
      <c r="H522253" s="12"/>
    </row>
    <row r="522254" spans="8:8">
      <c r="H522254" s="12"/>
    </row>
    <row r="522255" spans="8:8">
      <c r="H522255" s="12"/>
    </row>
    <row r="522256" spans="8:8">
      <c r="H522256" s="12"/>
    </row>
    <row r="522257" spans="8:8">
      <c r="H522257" s="12"/>
    </row>
    <row r="522258" spans="8:8">
      <c r="H522258" s="12"/>
    </row>
    <row r="522259" spans="8:8">
      <c r="H522259" s="12"/>
    </row>
    <row r="522260" spans="8:8">
      <c r="H522260" s="12"/>
    </row>
    <row r="522261" spans="8:8">
      <c r="H522261" s="12"/>
    </row>
    <row r="522262" spans="8:8">
      <c r="H522262" s="12"/>
    </row>
    <row r="522263" spans="8:8">
      <c r="H522263" s="12"/>
    </row>
    <row r="522264" spans="8:8">
      <c r="H522264" s="12"/>
    </row>
    <row r="522265" spans="8:8">
      <c r="H522265" s="12"/>
    </row>
    <row r="522266" spans="8:8">
      <c r="H522266" s="12"/>
    </row>
    <row r="522267" spans="8:8">
      <c r="H522267" s="12"/>
    </row>
    <row r="522268" spans="8:8">
      <c r="H522268" s="12"/>
    </row>
    <row r="522269" spans="8:8">
      <c r="H522269" s="12"/>
    </row>
    <row r="522270" spans="8:8">
      <c r="H522270" s="12"/>
    </row>
    <row r="522271" spans="8:8">
      <c r="H522271" s="12"/>
    </row>
    <row r="522272" spans="8:8">
      <c r="H522272" s="12"/>
    </row>
    <row r="522273" spans="8:8">
      <c r="H522273" s="12"/>
    </row>
    <row r="522274" spans="8:8">
      <c r="H522274" s="12"/>
    </row>
    <row r="522275" spans="8:8">
      <c r="H522275" s="12"/>
    </row>
    <row r="522276" spans="8:8">
      <c r="H522276" s="12"/>
    </row>
    <row r="522277" spans="8:8">
      <c r="H522277" s="12"/>
    </row>
    <row r="522278" spans="8:8">
      <c r="H522278" s="12"/>
    </row>
    <row r="522279" spans="8:8">
      <c r="H522279" s="12"/>
    </row>
    <row r="522280" spans="8:8">
      <c r="H522280" s="12"/>
    </row>
    <row r="522281" spans="8:8">
      <c r="H522281" s="12"/>
    </row>
    <row r="522282" spans="8:8">
      <c r="H522282" s="12"/>
    </row>
    <row r="522283" spans="8:8">
      <c r="H522283" s="12"/>
    </row>
    <row r="522284" spans="8:8">
      <c r="H522284" s="12"/>
    </row>
    <row r="522285" spans="8:8">
      <c r="H522285" s="12"/>
    </row>
    <row r="522286" spans="8:8">
      <c r="H522286" s="12"/>
    </row>
    <row r="522287" spans="8:8">
      <c r="H522287" s="12"/>
    </row>
    <row r="522288" spans="8:8">
      <c r="H522288" s="12"/>
    </row>
    <row r="522289" spans="8:8">
      <c r="H522289" s="12"/>
    </row>
    <row r="522290" spans="8:8">
      <c r="H522290" s="12"/>
    </row>
    <row r="522291" spans="8:8">
      <c r="H522291" s="12"/>
    </row>
    <row r="522292" spans="8:8">
      <c r="H522292" s="12"/>
    </row>
    <row r="522293" spans="8:8">
      <c r="H522293" s="12"/>
    </row>
    <row r="522294" spans="8:8">
      <c r="H522294" s="12"/>
    </row>
    <row r="522295" spans="8:8">
      <c r="H522295" s="12"/>
    </row>
    <row r="522296" spans="8:8">
      <c r="H522296" s="12"/>
    </row>
    <row r="522297" spans="8:8">
      <c r="H522297" s="12"/>
    </row>
    <row r="522298" spans="8:8">
      <c r="H522298" s="12"/>
    </row>
    <row r="522299" spans="8:8">
      <c r="H522299" s="12"/>
    </row>
    <row r="522300" spans="8:8">
      <c r="H522300" s="12"/>
    </row>
    <row r="522301" spans="8:8">
      <c r="H522301" s="12"/>
    </row>
    <row r="522302" spans="8:8">
      <c r="H522302" s="12"/>
    </row>
    <row r="522303" spans="8:8">
      <c r="H522303" s="12"/>
    </row>
    <row r="522304" spans="8:8">
      <c r="H522304" s="12"/>
    </row>
    <row r="522305" spans="8:8">
      <c r="H522305" s="12"/>
    </row>
    <row r="522306" spans="8:8">
      <c r="H522306" s="12"/>
    </row>
    <row r="522307" spans="8:8">
      <c r="H522307" s="12"/>
    </row>
    <row r="522308" spans="8:8">
      <c r="H522308" s="12"/>
    </row>
    <row r="522309" spans="8:8">
      <c r="H522309" s="12"/>
    </row>
    <row r="522310" spans="8:8">
      <c r="H522310" s="12"/>
    </row>
    <row r="522311" spans="8:8">
      <c r="H522311" s="12"/>
    </row>
    <row r="522312" spans="8:8">
      <c r="H522312" s="12"/>
    </row>
    <row r="522313" spans="8:8">
      <c r="H522313" s="12"/>
    </row>
    <row r="522314" spans="8:8">
      <c r="H522314" s="12"/>
    </row>
    <row r="522315" spans="8:8">
      <c r="H522315" s="12"/>
    </row>
    <row r="522316" spans="8:8">
      <c r="H522316" s="12"/>
    </row>
    <row r="522317" spans="8:8">
      <c r="H522317" s="12"/>
    </row>
    <row r="522318" spans="8:8">
      <c r="H522318" s="12"/>
    </row>
    <row r="522319" spans="8:8">
      <c r="H522319" s="12"/>
    </row>
    <row r="522320" spans="8:8">
      <c r="H522320" s="12"/>
    </row>
    <row r="522321" spans="8:8">
      <c r="H522321" s="12"/>
    </row>
    <row r="522322" spans="8:8">
      <c r="H522322" s="12"/>
    </row>
    <row r="522323" spans="8:8">
      <c r="H522323" s="12"/>
    </row>
    <row r="522324" spans="8:8">
      <c r="H522324" s="12"/>
    </row>
    <row r="522325" spans="8:8">
      <c r="H522325" s="12"/>
    </row>
    <row r="522326" spans="8:8">
      <c r="H522326" s="12"/>
    </row>
    <row r="522327" spans="8:8">
      <c r="H522327" s="12"/>
    </row>
    <row r="522328" spans="8:8">
      <c r="H522328" s="12"/>
    </row>
    <row r="522329" spans="8:8">
      <c r="H522329" s="12"/>
    </row>
    <row r="522330" spans="8:8">
      <c r="H522330" s="12"/>
    </row>
    <row r="522331" spans="8:8">
      <c r="H522331" s="12"/>
    </row>
    <row r="522332" spans="8:8">
      <c r="H522332" s="12"/>
    </row>
    <row r="522333" spans="8:8">
      <c r="H522333" s="12"/>
    </row>
    <row r="522334" spans="8:8">
      <c r="H522334" s="12"/>
    </row>
    <row r="522335" spans="8:8">
      <c r="H522335" s="12"/>
    </row>
    <row r="522336" spans="8:8">
      <c r="H522336" s="12"/>
    </row>
    <row r="522337" spans="8:8">
      <c r="H522337" s="12"/>
    </row>
    <row r="522338" spans="8:8">
      <c r="H522338" s="12"/>
    </row>
    <row r="522339" spans="8:8">
      <c r="H522339" s="12"/>
    </row>
    <row r="522340" spans="8:8">
      <c r="H522340" s="12"/>
    </row>
    <row r="522341" spans="8:8">
      <c r="H522341" s="12"/>
    </row>
    <row r="522342" spans="8:8">
      <c r="H522342" s="12"/>
    </row>
    <row r="522343" spans="8:8">
      <c r="H522343" s="12"/>
    </row>
    <row r="522344" spans="8:8">
      <c r="H522344" s="12"/>
    </row>
    <row r="522345" spans="8:8">
      <c r="H522345" s="12"/>
    </row>
    <row r="522346" spans="8:8">
      <c r="H522346" s="12"/>
    </row>
    <row r="522347" spans="8:8">
      <c r="H522347" s="12"/>
    </row>
    <row r="522348" spans="8:8">
      <c r="H522348" s="12"/>
    </row>
    <row r="522349" spans="8:8">
      <c r="H522349" s="12"/>
    </row>
    <row r="522350" spans="8:8">
      <c r="H522350" s="12"/>
    </row>
    <row r="522351" spans="8:8">
      <c r="H522351" s="12"/>
    </row>
    <row r="522352" spans="8:8">
      <c r="H522352" s="12"/>
    </row>
    <row r="522353" spans="8:8">
      <c r="H522353" s="12"/>
    </row>
    <row r="522354" spans="8:8">
      <c r="H522354" s="12"/>
    </row>
    <row r="522355" spans="8:8">
      <c r="H522355" s="12"/>
    </row>
    <row r="522356" spans="8:8">
      <c r="H522356" s="12"/>
    </row>
    <row r="522357" spans="8:8">
      <c r="H522357" s="12"/>
    </row>
    <row r="522358" spans="8:8">
      <c r="H522358" s="12"/>
    </row>
    <row r="522359" spans="8:8">
      <c r="H522359" s="12"/>
    </row>
    <row r="522360" spans="8:8">
      <c r="H522360" s="12"/>
    </row>
    <row r="522361" spans="8:8">
      <c r="H522361" s="12"/>
    </row>
    <row r="522362" spans="8:8">
      <c r="H522362" s="12"/>
    </row>
    <row r="522363" spans="8:8">
      <c r="H522363" s="12"/>
    </row>
    <row r="522364" spans="8:8">
      <c r="H522364" s="12"/>
    </row>
    <row r="522365" spans="8:8">
      <c r="H522365" s="12"/>
    </row>
    <row r="522366" spans="8:8">
      <c r="H522366" s="12"/>
    </row>
    <row r="522367" spans="8:8">
      <c r="H522367" s="12"/>
    </row>
    <row r="522368" spans="8:8">
      <c r="H522368" s="12"/>
    </row>
    <row r="522369" spans="8:8">
      <c r="H522369" s="12"/>
    </row>
    <row r="522370" spans="8:8">
      <c r="H522370" s="12"/>
    </row>
    <row r="522371" spans="8:8">
      <c r="H522371" s="12"/>
    </row>
    <row r="522372" spans="8:8">
      <c r="H522372" s="12"/>
    </row>
    <row r="522373" spans="8:8">
      <c r="H522373" s="12"/>
    </row>
    <row r="522374" spans="8:8">
      <c r="H522374" s="12"/>
    </row>
    <row r="522375" spans="8:8">
      <c r="H522375" s="12"/>
    </row>
    <row r="522376" spans="8:8">
      <c r="H522376" s="12"/>
    </row>
    <row r="522377" spans="8:8">
      <c r="H522377" s="12"/>
    </row>
    <row r="522378" spans="8:8">
      <c r="H522378" s="12"/>
    </row>
    <row r="522379" spans="8:8">
      <c r="H522379" s="12"/>
    </row>
    <row r="522380" spans="8:8">
      <c r="H522380" s="12"/>
    </row>
    <row r="522381" spans="8:8">
      <c r="H522381" s="12"/>
    </row>
    <row r="522382" spans="8:8">
      <c r="H522382" s="12"/>
    </row>
    <row r="522383" spans="8:8">
      <c r="H522383" s="12"/>
    </row>
    <row r="522384" spans="8:8">
      <c r="H522384" s="12"/>
    </row>
    <row r="522385" spans="8:8">
      <c r="H522385" s="12"/>
    </row>
    <row r="522386" spans="8:8">
      <c r="H522386" s="12"/>
    </row>
    <row r="522387" spans="8:8">
      <c r="H522387" s="12"/>
    </row>
    <row r="522388" spans="8:8">
      <c r="H522388" s="12"/>
    </row>
    <row r="522389" spans="8:8">
      <c r="H522389" s="12"/>
    </row>
    <row r="522390" spans="8:8">
      <c r="H522390" s="12"/>
    </row>
    <row r="522391" spans="8:8">
      <c r="H522391" s="12"/>
    </row>
    <row r="522392" spans="8:8">
      <c r="H522392" s="12"/>
    </row>
    <row r="522393" spans="8:8">
      <c r="H522393" s="12"/>
    </row>
    <row r="522394" spans="8:8">
      <c r="H522394" s="12"/>
    </row>
    <row r="522395" spans="8:8">
      <c r="H522395" s="12"/>
    </row>
    <row r="522396" spans="8:8">
      <c r="H522396" s="12"/>
    </row>
    <row r="522397" spans="8:8">
      <c r="H522397" s="12"/>
    </row>
    <row r="522398" spans="8:8">
      <c r="H522398" s="12"/>
    </row>
    <row r="522399" spans="8:8">
      <c r="H522399" s="12"/>
    </row>
    <row r="522400" spans="8:8">
      <c r="H522400" s="12"/>
    </row>
    <row r="522401" spans="8:8">
      <c r="H522401" s="12"/>
    </row>
    <row r="522402" spans="8:8">
      <c r="H522402" s="12"/>
    </row>
    <row r="522403" spans="8:8">
      <c r="H522403" s="12"/>
    </row>
    <row r="522404" spans="8:8">
      <c r="H522404" s="12"/>
    </row>
    <row r="522405" spans="8:8">
      <c r="H522405" s="12"/>
    </row>
    <row r="522406" spans="8:8">
      <c r="H522406" s="12"/>
    </row>
    <row r="522407" spans="8:8">
      <c r="H522407" s="12"/>
    </row>
    <row r="522408" spans="8:8">
      <c r="H522408" s="12"/>
    </row>
    <row r="522409" spans="8:8">
      <c r="H522409" s="12"/>
    </row>
    <row r="522410" spans="8:8">
      <c r="H522410" s="12"/>
    </row>
    <row r="522411" spans="8:8">
      <c r="H522411" s="12"/>
    </row>
    <row r="522412" spans="8:8">
      <c r="H522412" s="12"/>
    </row>
    <row r="522413" spans="8:8">
      <c r="H522413" s="12"/>
    </row>
    <row r="522414" spans="8:8">
      <c r="H522414" s="12"/>
    </row>
    <row r="522415" spans="8:8">
      <c r="H522415" s="12"/>
    </row>
    <row r="522416" spans="8:8">
      <c r="H522416" s="12"/>
    </row>
    <row r="522417" spans="8:8">
      <c r="H522417" s="12"/>
    </row>
    <row r="522418" spans="8:8">
      <c r="H522418" s="12"/>
    </row>
    <row r="522419" spans="8:8">
      <c r="H522419" s="12"/>
    </row>
    <row r="522420" spans="8:8">
      <c r="H522420" s="12"/>
    </row>
    <row r="522421" spans="8:8">
      <c r="H522421" s="12"/>
    </row>
    <row r="522422" spans="8:8">
      <c r="H522422" s="12"/>
    </row>
    <row r="522423" spans="8:8">
      <c r="H522423" s="12"/>
    </row>
    <row r="522424" spans="8:8">
      <c r="H522424" s="12"/>
    </row>
    <row r="522425" spans="8:8">
      <c r="H522425" s="12"/>
    </row>
    <row r="522426" spans="8:8">
      <c r="H522426" s="12"/>
    </row>
    <row r="522427" spans="8:8">
      <c r="H522427" s="12"/>
    </row>
    <row r="522428" spans="8:8">
      <c r="H522428" s="12"/>
    </row>
    <row r="522429" spans="8:8">
      <c r="H522429" s="12"/>
    </row>
    <row r="522430" spans="8:8">
      <c r="H522430" s="12"/>
    </row>
    <row r="522431" spans="8:8">
      <c r="H522431" s="12"/>
    </row>
    <row r="522432" spans="8:8">
      <c r="H522432" s="12"/>
    </row>
    <row r="522433" spans="8:8">
      <c r="H522433" s="12"/>
    </row>
    <row r="522434" spans="8:8">
      <c r="H522434" s="12"/>
    </row>
    <row r="522435" spans="8:8">
      <c r="H522435" s="12"/>
    </row>
    <row r="522436" spans="8:8">
      <c r="H522436" s="12"/>
    </row>
    <row r="522437" spans="8:8">
      <c r="H522437" s="12"/>
    </row>
    <row r="522438" spans="8:8">
      <c r="H522438" s="12"/>
    </row>
    <row r="522439" spans="8:8">
      <c r="H522439" s="12"/>
    </row>
    <row r="522440" spans="8:8">
      <c r="H522440" s="12"/>
    </row>
    <row r="522441" spans="8:8">
      <c r="H522441" s="12"/>
    </row>
    <row r="522442" spans="8:8">
      <c r="H522442" s="12"/>
    </row>
    <row r="522443" spans="8:8">
      <c r="H522443" s="12"/>
    </row>
    <row r="522444" spans="8:8">
      <c r="H522444" s="12"/>
    </row>
    <row r="522445" spans="8:8">
      <c r="H522445" s="12"/>
    </row>
    <row r="522446" spans="8:8">
      <c r="H522446" s="12"/>
    </row>
    <row r="522447" spans="8:8">
      <c r="H522447" s="12"/>
    </row>
    <row r="522448" spans="8:8">
      <c r="H522448" s="12"/>
    </row>
    <row r="522449" spans="8:8">
      <c r="H522449" s="12"/>
    </row>
    <row r="522450" spans="8:8">
      <c r="H522450" s="12"/>
    </row>
    <row r="522451" spans="8:8">
      <c r="H522451" s="12"/>
    </row>
    <row r="522452" spans="8:8">
      <c r="H522452" s="12"/>
    </row>
    <row r="522453" spans="8:8">
      <c r="H522453" s="12"/>
    </row>
    <row r="522454" spans="8:8">
      <c r="H522454" s="12"/>
    </row>
    <row r="522455" spans="8:8">
      <c r="H522455" s="12"/>
    </row>
    <row r="522456" spans="8:8">
      <c r="H522456" s="12"/>
    </row>
    <row r="522457" spans="8:8">
      <c r="H522457" s="12"/>
    </row>
    <row r="522458" spans="8:8">
      <c r="H522458" s="12"/>
    </row>
    <row r="522459" spans="8:8">
      <c r="H522459" s="12"/>
    </row>
    <row r="522460" spans="8:8">
      <c r="H522460" s="12"/>
    </row>
    <row r="522461" spans="8:8">
      <c r="H522461" s="12"/>
    </row>
    <row r="522462" spans="8:8">
      <c r="H522462" s="12"/>
    </row>
    <row r="522463" spans="8:8">
      <c r="H522463" s="12"/>
    </row>
    <row r="522464" spans="8:8">
      <c r="H522464" s="12"/>
    </row>
    <row r="522465" spans="8:8">
      <c r="H522465" s="12"/>
    </row>
    <row r="522466" spans="8:8">
      <c r="H522466" s="12"/>
    </row>
    <row r="522467" spans="8:8">
      <c r="H522467" s="12"/>
    </row>
    <row r="522468" spans="8:8">
      <c r="H522468" s="12"/>
    </row>
    <row r="522469" spans="8:8">
      <c r="H522469" s="12"/>
    </row>
    <row r="522470" spans="8:8">
      <c r="H522470" s="12"/>
    </row>
    <row r="522471" spans="8:8">
      <c r="H522471" s="12"/>
    </row>
    <row r="522472" spans="8:8">
      <c r="H522472" s="12"/>
    </row>
    <row r="522473" spans="8:8">
      <c r="H522473" s="12"/>
    </row>
    <row r="522474" spans="8:8">
      <c r="H522474" s="12"/>
    </row>
    <row r="522475" spans="8:8">
      <c r="H522475" s="12"/>
    </row>
    <row r="522476" spans="8:8">
      <c r="H522476" s="12"/>
    </row>
    <row r="522477" spans="8:8">
      <c r="H522477" s="12"/>
    </row>
    <row r="522478" spans="8:8">
      <c r="H522478" s="12"/>
    </row>
    <row r="522479" spans="8:8">
      <c r="H522479" s="12"/>
    </row>
    <row r="522480" spans="8:8">
      <c r="H522480" s="12"/>
    </row>
    <row r="522481" spans="8:8">
      <c r="H522481" s="12"/>
    </row>
    <row r="522482" spans="8:8">
      <c r="H522482" s="12"/>
    </row>
    <row r="522483" spans="8:8">
      <c r="H522483" s="12"/>
    </row>
    <row r="522484" spans="8:8">
      <c r="H522484" s="12"/>
    </row>
    <row r="522485" spans="8:8">
      <c r="H522485" s="12"/>
    </row>
    <row r="522486" spans="8:8">
      <c r="H522486" s="12"/>
    </row>
    <row r="522487" spans="8:8">
      <c r="H522487" s="12"/>
    </row>
    <row r="522488" spans="8:8">
      <c r="H522488" s="12"/>
    </row>
    <row r="522489" spans="8:8">
      <c r="H522489" s="12"/>
    </row>
    <row r="522490" spans="8:8">
      <c r="H522490" s="12"/>
    </row>
    <row r="522491" spans="8:8">
      <c r="H522491" s="12"/>
    </row>
    <row r="522492" spans="8:8">
      <c r="H522492" s="12"/>
    </row>
    <row r="522493" spans="8:8">
      <c r="H522493" s="12"/>
    </row>
    <row r="522494" spans="8:8">
      <c r="H522494" s="12"/>
    </row>
    <row r="522495" spans="8:8">
      <c r="H522495" s="12"/>
    </row>
    <row r="522496" spans="8:8">
      <c r="H522496" s="12"/>
    </row>
    <row r="522497" spans="8:8">
      <c r="H522497" s="12"/>
    </row>
    <row r="522498" spans="8:8">
      <c r="H522498" s="12"/>
    </row>
    <row r="522499" spans="8:8">
      <c r="H522499" s="12"/>
    </row>
    <row r="522500" spans="8:8">
      <c r="H522500" s="12"/>
    </row>
    <row r="522501" spans="8:8">
      <c r="H522501" s="12"/>
    </row>
    <row r="522502" spans="8:8">
      <c r="H522502" s="12"/>
    </row>
    <row r="522503" spans="8:8">
      <c r="H522503" s="12"/>
    </row>
    <row r="522504" spans="8:8">
      <c r="H522504" s="12"/>
    </row>
    <row r="522505" spans="8:8">
      <c r="H522505" s="12"/>
    </row>
    <row r="522506" spans="8:8">
      <c r="H522506" s="12"/>
    </row>
    <row r="522507" spans="8:8">
      <c r="H522507" s="12"/>
    </row>
    <row r="522508" spans="8:8">
      <c r="H522508" s="12"/>
    </row>
    <row r="522509" spans="8:8">
      <c r="H522509" s="12"/>
    </row>
    <row r="522510" spans="8:8">
      <c r="H522510" s="12"/>
    </row>
    <row r="522511" spans="8:8">
      <c r="H522511" s="12"/>
    </row>
    <row r="522512" spans="8:8">
      <c r="H522512" s="12"/>
    </row>
    <row r="522513" spans="8:8">
      <c r="H522513" s="12"/>
    </row>
    <row r="522514" spans="8:8">
      <c r="H522514" s="12"/>
    </row>
    <row r="522515" spans="8:8">
      <c r="H522515" s="12"/>
    </row>
    <row r="522516" spans="8:8">
      <c r="H522516" s="12"/>
    </row>
    <row r="522517" spans="8:8">
      <c r="H522517" s="12"/>
    </row>
    <row r="522518" spans="8:8">
      <c r="H522518" s="12"/>
    </row>
    <row r="522519" spans="8:8">
      <c r="H522519" s="12"/>
    </row>
    <row r="522520" spans="8:8">
      <c r="H522520" s="12"/>
    </row>
    <row r="522521" spans="8:8">
      <c r="H522521" s="12"/>
    </row>
    <row r="522522" spans="8:8">
      <c r="H522522" s="12"/>
    </row>
    <row r="522523" spans="8:8">
      <c r="H522523" s="12"/>
    </row>
    <row r="522524" spans="8:8">
      <c r="H522524" s="12"/>
    </row>
    <row r="522525" spans="8:8">
      <c r="H522525" s="12"/>
    </row>
    <row r="522526" spans="8:8">
      <c r="H522526" s="12"/>
    </row>
    <row r="522527" spans="8:8">
      <c r="H522527" s="12"/>
    </row>
    <row r="522528" spans="8:8">
      <c r="H522528" s="12"/>
    </row>
    <row r="522529" spans="8:8">
      <c r="H522529" s="12"/>
    </row>
    <row r="522530" spans="8:8">
      <c r="H522530" s="12"/>
    </row>
    <row r="522531" spans="8:8">
      <c r="H522531" s="12"/>
    </row>
    <row r="522532" spans="8:8">
      <c r="H522532" s="12"/>
    </row>
    <row r="522533" spans="8:8">
      <c r="H522533" s="12"/>
    </row>
    <row r="522534" spans="8:8">
      <c r="H522534" s="12"/>
    </row>
    <row r="522535" spans="8:8">
      <c r="H522535" s="12"/>
    </row>
    <row r="522536" spans="8:8">
      <c r="H522536" s="12"/>
    </row>
    <row r="522537" spans="8:8">
      <c r="H522537" s="12"/>
    </row>
    <row r="522538" spans="8:8">
      <c r="H522538" s="12"/>
    </row>
    <row r="522539" spans="8:8">
      <c r="H522539" s="12"/>
    </row>
    <row r="522540" spans="8:8">
      <c r="H522540" s="12"/>
    </row>
    <row r="522541" spans="8:8">
      <c r="H522541" s="12"/>
    </row>
    <row r="522542" spans="8:8">
      <c r="H522542" s="12"/>
    </row>
    <row r="522543" spans="8:8">
      <c r="H522543" s="12"/>
    </row>
    <row r="522544" spans="8:8">
      <c r="H522544" s="12"/>
    </row>
    <row r="522545" spans="8:8">
      <c r="H522545" s="12"/>
    </row>
    <row r="522546" spans="8:8">
      <c r="H522546" s="12"/>
    </row>
    <row r="522547" spans="8:8">
      <c r="H522547" s="12"/>
    </row>
    <row r="522548" spans="8:8">
      <c r="H522548" s="12"/>
    </row>
    <row r="522549" spans="8:8">
      <c r="H522549" s="12"/>
    </row>
    <row r="522550" spans="8:8">
      <c r="H522550" s="12"/>
    </row>
    <row r="522551" spans="8:8">
      <c r="H522551" s="12"/>
    </row>
    <row r="522552" spans="8:8">
      <c r="H522552" s="12"/>
    </row>
    <row r="522553" spans="8:8">
      <c r="H522553" s="12"/>
    </row>
    <row r="522554" spans="8:8">
      <c r="H522554" s="12"/>
    </row>
    <row r="522555" spans="8:8">
      <c r="H522555" s="12"/>
    </row>
    <row r="522556" spans="8:8">
      <c r="H522556" s="12"/>
    </row>
    <row r="522557" spans="8:8">
      <c r="H522557" s="12"/>
    </row>
    <row r="522558" spans="8:8">
      <c r="H522558" s="12"/>
    </row>
    <row r="522559" spans="8:8">
      <c r="H522559" s="12"/>
    </row>
    <row r="522560" spans="8:8">
      <c r="H522560" s="12"/>
    </row>
    <row r="522561" spans="8:8">
      <c r="H522561" s="12"/>
    </row>
    <row r="522562" spans="8:8">
      <c r="H522562" s="12"/>
    </row>
    <row r="522563" spans="8:8">
      <c r="H522563" s="12"/>
    </row>
    <row r="522564" spans="8:8">
      <c r="H522564" s="12"/>
    </row>
    <row r="522565" spans="8:8">
      <c r="H522565" s="12"/>
    </row>
    <row r="522566" spans="8:8">
      <c r="H522566" s="12"/>
    </row>
    <row r="522567" spans="8:8">
      <c r="H522567" s="12"/>
    </row>
    <row r="522568" spans="8:8">
      <c r="H522568" s="12"/>
    </row>
    <row r="522569" spans="8:8">
      <c r="H522569" s="12"/>
    </row>
    <row r="522570" spans="8:8">
      <c r="H522570" s="12"/>
    </row>
    <row r="522571" spans="8:8">
      <c r="H522571" s="12"/>
    </row>
    <row r="522572" spans="8:8">
      <c r="H522572" s="12"/>
    </row>
    <row r="522573" spans="8:8">
      <c r="H522573" s="12"/>
    </row>
    <row r="522574" spans="8:8">
      <c r="H522574" s="12"/>
    </row>
    <row r="522575" spans="8:8">
      <c r="H522575" s="12"/>
    </row>
    <row r="522576" spans="8:8">
      <c r="H522576" s="12"/>
    </row>
    <row r="522577" spans="8:8">
      <c r="H522577" s="12"/>
    </row>
    <row r="522578" spans="8:8">
      <c r="H522578" s="12"/>
    </row>
    <row r="522579" spans="8:8">
      <c r="H522579" s="12"/>
    </row>
    <row r="522580" spans="8:8">
      <c r="H522580" s="12"/>
    </row>
    <row r="522581" spans="8:8">
      <c r="H522581" s="12"/>
    </row>
    <row r="522582" spans="8:8">
      <c r="H522582" s="12"/>
    </row>
    <row r="522583" spans="8:8">
      <c r="H522583" s="12"/>
    </row>
    <row r="522584" spans="8:8">
      <c r="H522584" s="12"/>
    </row>
    <row r="522585" spans="8:8">
      <c r="H522585" s="12"/>
    </row>
    <row r="522586" spans="8:8">
      <c r="H522586" s="12"/>
    </row>
    <row r="522587" spans="8:8">
      <c r="H522587" s="12"/>
    </row>
    <row r="522588" spans="8:8">
      <c r="H522588" s="12"/>
    </row>
    <row r="522589" spans="8:8">
      <c r="H522589" s="12"/>
    </row>
    <row r="522590" spans="8:8">
      <c r="H522590" s="12"/>
    </row>
    <row r="522591" spans="8:8">
      <c r="H522591" s="12"/>
    </row>
    <row r="522592" spans="8:8">
      <c r="H522592" s="12"/>
    </row>
    <row r="522593" spans="8:8">
      <c r="H522593" s="12"/>
    </row>
    <row r="522594" spans="8:8">
      <c r="H522594" s="12"/>
    </row>
    <row r="522595" spans="8:8">
      <c r="H522595" s="12"/>
    </row>
    <row r="522596" spans="8:8">
      <c r="H522596" s="12"/>
    </row>
    <row r="522597" spans="8:8">
      <c r="H522597" s="12"/>
    </row>
    <row r="522598" spans="8:8">
      <c r="H522598" s="12"/>
    </row>
    <row r="522599" spans="8:8">
      <c r="H522599" s="12"/>
    </row>
    <row r="522600" spans="8:8">
      <c r="H522600" s="12"/>
    </row>
    <row r="522601" spans="8:8">
      <c r="H522601" s="12"/>
    </row>
    <row r="522602" spans="8:8">
      <c r="H522602" s="12"/>
    </row>
    <row r="522603" spans="8:8">
      <c r="H522603" s="12"/>
    </row>
    <row r="522604" spans="8:8">
      <c r="H522604" s="12"/>
    </row>
    <row r="522605" spans="8:8">
      <c r="H522605" s="12"/>
    </row>
    <row r="522606" spans="8:8">
      <c r="H522606" s="12"/>
    </row>
    <row r="522607" spans="8:8">
      <c r="H522607" s="12"/>
    </row>
    <row r="522608" spans="8:8">
      <c r="H522608" s="12"/>
    </row>
    <row r="522609" spans="8:8">
      <c r="H522609" s="12"/>
    </row>
    <row r="522610" spans="8:8">
      <c r="H522610" s="12"/>
    </row>
    <row r="522611" spans="8:8">
      <c r="H522611" s="12"/>
    </row>
    <row r="522612" spans="8:8">
      <c r="H522612" s="12"/>
    </row>
    <row r="522613" spans="8:8">
      <c r="H522613" s="12"/>
    </row>
    <row r="522614" spans="8:8">
      <c r="H522614" s="12"/>
    </row>
    <row r="522615" spans="8:8">
      <c r="H522615" s="12"/>
    </row>
    <row r="522616" spans="8:8">
      <c r="H522616" s="12"/>
    </row>
    <row r="522617" spans="8:8">
      <c r="H522617" s="12"/>
    </row>
    <row r="522618" spans="8:8">
      <c r="H522618" s="12"/>
    </row>
    <row r="522619" spans="8:8">
      <c r="H522619" s="12"/>
    </row>
    <row r="522620" spans="8:8">
      <c r="H522620" s="12"/>
    </row>
    <row r="522621" spans="8:8">
      <c r="H522621" s="12"/>
    </row>
    <row r="522622" spans="8:8">
      <c r="H522622" s="12"/>
    </row>
    <row r="522623" spans="8:8">
      <c r="H522623" s="12"/>
    </row>
    <row r="522624" spans="8:8">
      <c r="H522624" s="12"/>
    </row>
    <row r="522625" spans="8:8">
      <c r="H522625" s="12"/>
    </row>
    <row r="522626" spans="8:8">
      <c r="H522626" s="12"/>
    </row>
    <row r="522627" spans="8:8">
      <c r="H522627" s="12"/>
    </row>
    <row r="522628" spans="8:8">
      <c r="H522628" s="12"/>
    </row>
    <row r="522629" spans="8:8">
      <c r="H522629" s="12"/>
    </row>
    <row r="522630" spans="8:8">
      <c r="H522630" s="12"/>
    </row>
    <row r="522631" spans="8:8">
      <c r="H522631" s="12"/>
    </row>
    <row r="522632" spans="8:8">
      <c r="H522632" s="12"/>
    </row>
    <row r="522633" spans="8:8">
      <c r="H522633" s="12"/>
    </row>
    <row r="522634" spans="8:8">
      <c r="H522634" s="12"/>
    </row>
    <row r="522635" spans="8:8">
      <c r="H522635" s="12"/>
    </row>
    <row r="522636" spans="8:8">
      <c r="H522636" s="12"/>
    </row>
    <row r="522637" spans="8:8">
      <c r="H522637" s="12"/>
    </row>
    <row r="522638" spans="8:8">
      <c r="H522638" s="12"/>
    </row>
    <row r="522639" spans="8:8">
      <c r="H522639" s="12"/>
    </row>
    <row r="522640" spans="8:8">
      <c r="H522640" s="12"/>
    </row>
    <row r="522641" spans="8:8">
      <c r="H522641" s="12"/>
    </row>
    <row r="522642" spans="8:8">
      <c r="H522642" s="12"/>
    </row>
    <row r="522643" spans="8:8">
      <c r="H522643" s="12"/>
    </row>
    <row r="522644" spans="8:8">
      <c r="H522644" s="12"/>
    </row>
    <row r="522645" spans="8:8">
      <c r="H522645" s="12"/>
    </row>
    <row r="522646" spans="8:8">
      <c r="H522646" s="12"/>
    </row>
    <row r="522647" spans="8:8">
      <c r="H522647" s="12"/>
    </row>
    <row r="522648" spans="8:8">
      <c r="H522648" s="12"/>
    </row>
    <row r="522649" spans="8:8">
      <c r="H522649" s="12"/>
    </row>
    <row r="522650" spans="8:8">
      <c r="H522650" s="12"/>
    </row>
    <row r="522651" spans="8:8">
      <c r="H522651" s="12"/>
    </row>
    <row r="522652" spans="8:8">
      <c r="H522652" s="12"/>
    </row>
    <row r="522653" spans="8:8">
      <c r="H522653" s="12"/>
    </row>
    <row r="522654" spans="8:8">
      <c r="H522654" s="12"/>
    </row>
    <row r="522655" spans="8:8">
      <c r="H522655" s="12"/>
    </row>
    <row r="522656" spans="8:8">
      <c r="H522656" s="12"/>
    </row>
    <row r="522657" spans="8:8">
      <c r="H522657" s="12"/>
    </row>
    <row r="522658" spans="8:8">
      <c r="H522658" s="12"/>
    </row>
    <row r="522659" spans="8:8">
      <c r="H522659" s="12"/>
    </row>
    <row r="522660" spans="8:8">
      <c r="H522660" s="12"/>
    </row>
    <row r="522661" spans="8:8">
      <c r="H522661" s="12"/>
    </row>
    <row r="522662" spans="8:8">
      <c r="H522662" s="12"/>
    </row>
    <row r="522663" spans="8:8">
      <c r="H522663" s="12"/>
    </row>
    <row r="522664" spans="8:8">
      <c r="H522664" s="12"/>
    </row>
    <row r="522665" spans="8:8">
      <c r="H522665" s="12"/>
    </row>
    <row r="522666" spans="8:8">
      <c r="H522666" s="12"/>
    </row>
    <row r="522667" spans="8:8">
      <c r="H522667" s="12"/>
    </row>
    <row r="522668" spans="8:8">
      <c r="H522668" s="12"/>
    </row>
    <row r="522669" spans="8:8">
      <c r="H522669" s="12"/>
    </row>
    <row r="522670" spans="8:8">
      <c r="H522670" s="12"/>
    </row>
    <row r="522671" spans="8:8">
      <c r="H522671" s="12"/>
    </row>
    <row r="522672" spans="8:8">
      <c r="H522672" s="12"/>
    </row>
    <row r="522673" spans="8:8">
      <c r="H522673" s="12"/>
    </row>
    <row r="522674" spans="8:8">
      <c r="H522674" s="12"/>
    </row>
    <row r="522675" spans="8:8">
      <c r="H522675" s="12"/>
    </row>
    <row r="522676" spans="8:8">
      <c r="H522676" s="12"/>
    </row>
    <row r="522677" spans="8:8">
      <c r="H522677" s="12"/>
    </row>
    <row r="522678" spans="8:8">
      <c r="H522678" s="12"/>
    </row>
    <row r="522679" spans="8:8">
      <c r="H522679" s="12"/>
    </row>
    <row r="522680" spans="8:8">
      <c r="H522680" s="12"/>
    </row>
    <row r="522681" spans="8:8">
      <c r="H522681" s="12"/>
    </row>
    <row r="522682" spans="8:8">
      <c r="H522682" s="12"/>
    </row>
    <row r="522683" spans="8:8">
      <c r="H522683" s="12"/>
    </row>
    <row r="522684" spans="8:8">
      <c r="H522684" s="12"/>
    </row>
    <row r="522685" spans="8:8">
      <c r="H522685" s="12"/>
    </row>
    <row r="522686" spans="8:8">
      <c r="H522686" s="12"/>
    </row>
    <row r="522687" spans="8:8">
      <c r="H522687" s="12"/>
    </row>
    <row r="522688" spans="8:8">
      <c r="H522688" s="12"/>
    </row>
    <row r="522689" spans="8:8">
      <c r="H522689" s="12"/>
    </row>
    <row r="522690" spans="8:8">
      <c r="H522690" s="12"/>
    </row>
    <row r="522691" spans="8:8">
      <c r="H522691" s="12"/>
    </row>
    <row r="522692" spans="8:8">
      <c r="H522692" s="12"/>
    </row>
    <row r="522693" spans="8:8">
      <c r="H522693" s="12"/>
    </row>
    <row r="522694" spans="8:8">
      <c r="H522694" s="12"/>
    </row>
    <row r="522695" spans="8:8">
      <c r="H522695" s="12"/>
    </row>
    <row r="522696" spans="8:8">
      <c r="H522696" s="12"/>
    </row>
    <row r="522697" spans="8:8">
      <c r="H522697" s="12"/>
    </row>
    <row r="522698" spans="8:8">
      <c r="H522698" s="12"/>
    </row>
    <row r="522699" spans="8:8">
      <c r="H522699" s="12"/>
    </row>
    <row r="522700" spans="8:8">
      <c r="H522700" s="12"/>
    </row>
    <row r="522701" spans="8:8">
      <c r="H522701" s="12"/>
    </row>
    <row r="522702" spans="8:8">
      <c r="H522702" s="12"/>
    </row>
    <row r="522703" spans="8:8">
      <c r="H522703" s="12"/>
    </row>
    <row r="522704" spans="8:8">
      <c r="H522704" s="12"/>
    </row>
    <row r="522705" spans="8:8">
      <c r="H522705" s="12"/>
    </row>
    <row r="522706" spans="8:8">
      <c r="H522706" s="12"/>
    </row>
    <row r="522707" spans="8:8">
      <c r="H522707" s="12"/>
    </row>
    <row r="522708" spans="8:8">
      <c r="H522708" s="12"/>
    </row>
    <row r="522709" spans="8:8">
      <c r="H522709" s="12"/>
    </row>
    <row r="522710" spans="8:8">
      <c r="H522710" s="12"/>
    </row>
    <row r="522711" spans="8:8">
      <c r="H522711" s="12"/>
    </row>
    <row r="522712" spans="8:8">
      <c r="H522712" s="12"/>
    </row>
    <row r="522713" spans="8:8">
      <c r="H522713" s="12"/>
    </row>
    <row r="522714" spans="8:8">
      <c r="H522714" s="12"/>
    </row>
    <row r="522715" spans="8:8">
      <c r="H522715" s="12"/>
    </row>
    <row r="522716" spans="8:8">
      <c r="H522716" s="12"/>
    </row>
    <row r="522717" spans="8:8">
      <c r="H522717" s="12"/>
    </row>
    <row r="522718" spans="8:8">
      <c r="H522718" s="12"/>
    </row>
    <row r="522719" spans="8:8">
      <c r="H522719" s="12"/>
    </row>
    <row r="522720" spans="8:8">
      <c r="H522720" s="12"/>
    </row>
    <row r="522721" spans="8:8">
      <c r="H522721" s="12"/>
    </row>
    <row r="522722" spans="8:8">
      <c r="H522722" s="12"/>
    </row>
    <row r="522723" spans="8:8">
      <c r="H522723" s="12"/>
    </row>
    <row r="522724" spans="8:8">
      <c r="H522724" s="12"/>
    </row>
    <row r="522725" spans="8:8">
      <c r="H522725" s="12"/>
    </row>
    <row r="522726" spans="8:8">
      <c r="H522726" s="12"/>
    </row>
    <row r="522727" spans="8:8">
      <c r="H522727" s="12"/>
    </row>
    <row r="522728" spans="8:8">
      <c r="H522728" s="12"/>
    </row>
    <row r="522729" spans="8:8">
      <c r="H522729" s="12"/>
    </row>
    <row r="522730" spans="8:8">
      <c r="H522730" s="12"/>
    </row>
    <row r="522731" spans="8:8">
      <c r="H522731" s="12"/>
    </row>
    <row r="522732" spans="8:8">
      <c r="H522732" s="12"/>
    </row>
    <row r="522733" spans="8:8">
      <c r="H522733" s="12"/>
    </row>
    <row r="522734" spans="8:8">
      <c r="H522734" s="12"/>
    </row>
    <row r="522735" spans="8:8">
      <c r="H522735" s="12"/>
    </row>
    <row r="522736" spans="8:8">
      <c r="H522736" s="12"/>
    </row>
    <row r="522737" spans="8:8">
      <c r="H522737" s="12"/>
    </row>
    <row r="522738" spans="8:8">
      <c r="H522738" s="12"/>
    </row>
    <row r="522739" spans="8:8">
      <c r="H522739" s="12"/>
    </row>
    <row r="522740" spans="8:8">
      <c r="H522740" s="12"/>
    </row>
    <row r="522741" spans="8:8">
      <c r="H522741" s="12"/>
    </row>
    <row r="522742" spans="8:8">
      <c r="H522742" s="12"/>
    </row>
    <row r="522743" spans="8:8">
      <c r="H522743" s="12"/>
    </row>
    <row r="522744" spans="8:8">
      <c r="H522744" s="12"/>
    </row>
    <row r="522745" spans="8:8">
      <c r="H522745" s="12"/>
    </row>
    <row r="522746" spans="8:8">
      <c r="H522746" s="12"/>
    </row>
    <row r="522747" spans="8:8">
      <c r="H522747" s="12"/>
    </row>
    <row r="522748" spans="8:8">
      <c r="H522748" s="12"/>
    </row>
    <row r="522749" spans="8:8">
      <c r="H522749" s="12"/>
    </row>
    <row r="522750" spans="8:8">
      <c r="H522750" s="12"/>
    </row>
    <row r="522751" spans="8:8">
      <c r="H522751" s="12"/>
    </row>
    <row r="522752" spans="8:8">
      <c r="H522752" s="12"/>
    </row>
    <row r="522753" spans="8:8">
      <c r="H522753" s="12"/>
    </row>
    <row r="522754" spans="8:8">
      <c r="H522754" s="12"/>
    </row>
    <row r="522755" spans="8:8">
      <c r="H522755" s="12"/>
    </row>
    <row r="522756" spans="8:8">
      <c r="H522756" s="12"/>
    </row>
    <row r="522757" spans="8:8">
      <c r="H522757" s="12"/>
    </row>
    <row r="522758" spans="8:8">
      <c r="H522758" s="12"/>
    </row>
    <row r="522759" spans="8:8">
      <c r="H522759" s="12"/>
    </row>
    <row r="522760" spans="8:8">
      <c r="H522760" s="12"/>
    </row>
    <row r="522761" spans="8:8">
      <c r="H522761" s="12"/>
    </row>
    <row r="522762" spans="8:8">
      <c r="H522762" s="12"/>
    </row>
    <row r="522763" spans="8:8">
      <c r="H522763" s="12"/>
    </row>
    <row r="522764" spans="8:8">
      <c r="H522764" s="12"/>
    </row>
    <row r="522765" spans="8:8">
      <c r="H522765" s="12"/>
    </row>
    <row r="522766" spans="8:8">
      <c r="H522766" s="12"/>
    </row>
    <row r="522767" spans="8:8">
      <c r="H522767" s="12"/>
    </row>
    <row r="522768" spans="8:8">
      <c r="H522768" s="12"/>
    </row>
    <row r="522769" spans="8:8">
      <c r="H522769" s="12"/>
    </row>
    <row r="522770" spans="8:8">
      <c r="H522770" s="12"/>
    </row>
    <row r="522771" spans="8:8">
      <c r="H522771" s="12"/>
    </row>
    <row r="522772" spans="8:8">
      <c r="H522772" s="12"/>
    </row>
    <row r="522773" spans="8:8">
      <c r="H522773" s="12"/>
    </row>
    <row r="522774" spans="8:8">
      <c r="H522774" s="12"/>
    </row>
    <row r="522775" spans="8:8">
      <c r="H522775" s="12"/>
    </row>
    <row r="522776" spans="8:8">
      <c r="H522776" s="12"/>
    </row>
    <row r="522777" spans="8:8">
      <c r="H522777" s="12"/>
    </row>
    <row r="522778" spans="8:8">
      <c r="H522778" s="12"/>
    </row>
    <row r="522779" spans="8:8">
      <c r="H522779" s="12"/>
    </row>
    <row r="522780" spans="8:8">
      <c r="H522780" s="12"/>
    </row>
    <row r="522781" spans="8:8">
      <c r="H522781" s="12"/>
    </row>
    <row r="522782" spans="8:8">
      <c r="H522782" s="12"/>
    </row>
    <row r="522783" spans="8:8">
      <c r="H522783" s="12"/>
    </row>
    <row r="522784" spans="8:8">
      <c r="H522784" s="12"/>
    </row>
    <row r="522785" spans="8:8">
      <c r="H522785" s="12"/>
    </row>
    <row r="522786" spans="8:8">
      <c r="H522786" s="12"/>
    </row>
    <row r="522787" spans="8:8">
      <c r="H522787" s="12"/>
    </row>
    <row r="522788" spans="8:8">
      <c r="H522788" s="12"/>
    </row>
    <row r="522789" spans="8:8">
      <c r="H522789" s="12"/>
    </row>
    <row r="522790" spans="8:8">
      <c r="H522790" s="12"/>
    </row>
    <row r="522791" spans="8:8">
      <c r="H522791" s="12"/>
    </row>
    <row r="522792" spans="8:8">
      <c r="H522792" s="12"/>
    </row>
    <row r="522793" spans="8:8">
      <c r="H522793" s="12"/>
    </row>
    <row r="522794" spans="8:8">
      <c r="H522794" s="12"/>
    </row>
    <row r="522795" spans="8:8">
      <c r="H522795" s="12"/>
    </row>
    <row r="522796" spans="8:8">
      <c r="H522796" s="12"/>
    </row>
    <row r="522797" spans="8:8">
      <c r="H522797" s="12"/>
    </row>
    <row r="522798" spans="8:8">
      <c r="H522798" s="12"/>
    </row>
    <row r="522799" spans="8:8">
      <c r="H522799" s="12"/>
    </row>
    <row r="522800" spans="8:8">
      <c r="H522800" s="12"/>
    </row>
    <row r="522801" spans="8:8">
      <c r="H522801" s="12"/>
    </row>
    <row r="522802" spans="8:8">
      <c r="H522802" s="12"/>
    </row>
    <row r="522803" spans="8:8">
      <c r="H522803" s="12"/>
    </row>
    <row r="522804" spans="8:8">
      <c r="H522804" s="12"/>
    </row>
    <row r="522805" spans="8:8">
      <c r="H522805" s="12"/>
    </row>
    <row r="522806" spans="8:8">
      <c r="H522806" s="12"/>
    </row>
    <row r="522807" spans="8:8">
      <c r="H522807" s="12"/>
    </row>
    <row r="522808" spans="8:8">
      <c r="H522808" s="12"/>
    </row>
    <row r="522809" spans="8:8">
      <c r="H522809" s="12"/>
    </row>
    <row r="522810" spans="8:8">
      <c r="H522810" s="12"/>
    </row>
    <row r="522811" spans="8:8">
      <c r="H522811" s="12"/>
    </row>
    <row r="522812" spans="8:8">
      <c r="H522812" s="12"/>
    </row>
    <row r="522813" spans="8:8">
      <c r="H522813" s="12"/>
    </row>
    <row r="522814" spans="8:8">
      <c r="H522814" s="12"/>
    </row>
    <row r="522815" spans="8:8">
      <c r="H522815" s="12"/>
    </row>
    <row r="522816" spans="8:8">
      <c r="H522816" s="12"/>
    </row>
    <row r="522817" spans="8:8">
      <c r="H522817" s="12"/>
    </row>
    <row r="522818" spans="8:8">
      <c r="H522818" s="12"/>
    </row>
    <row r="522819" spans="8:8">
      <c r="H522819" s="12"/>
    </row>
    <row r="522820" spans="8:8">
      <c r="H522820" s="12"/>
    </row>
    <row r="522821" spans="8:8">
      <c r="H522821" s="12"/>
    </row>
    <row r="522822" spans="8:8">
      <c r="H522822" s="12"/>
    </row>
    <row r="522823" spans="8:8">
      <c r="H522823" s="12"/>
    </row>
    <row r="522824" spans="8:8">
      <c r="H522824" s="12"/>
    </row>
    <row r="522825" spans="8:8">
      <c r="H522825" s="12"/>
    </row>
    <row r="522826" spans="8:8">
      <c r="H522826" s="12"/>
    </row>
    <row r="522827" spans="8:8">
      <c r="H522827" s="12"/>
    </row>
    <row r="522828" spans="8:8">
      <c r="H522828" s="12"/>
    </row>
    <row r="522829" spans="8:8">
      <c r="H522829" s="12"/>
    </row>
    <row r="522830" spans="8:8">
      <c r="H522830" s="12"/>
    </row>
    <row r="522831" spans="8:8">
      <c r="H522831" s="12"/>
    </row>
    <row r="522832" spans="8:8">
      <c r="H522832" s="12"/>
    </row>
    <row r="522833" spans="8:8">
      <c r="H522833" s="12"/>
    </row>
    <row r="522834" spans="8:8">
      <c r="H522834" s="12"/>
    </row>
    <row r="522835" spans="8:8">
      <c r="H522835" s="12"/>
    </row>
    <row r="522836" spans="8:8">
      <c r="H522836" s="12"/>
    </row>
    <row r="522837" spans="8:8">
      <c r="H522837" s="12"/>
    </row>
    <row r="522838" spans="8:8">
      <c r="H522838" s="12"/>
    </row>
    <row r="522839" spans="8:8">
      <c r="H522839" s="12"/>
    </row>
    <row r="522840" spans="8:8">
      <c r="H522840" s="12"/>
    </row>
    <row r="522841" spans="8:8">
      <c r="H522841" s="12"/>
    </row>
    <row r="522842" spans="8:8">
      <c r="H522842" s="12"/>
    </row>
    <row r="522843" spans="8:8">
      <c r="H522843" s="12"/>
    </row>
    <row r="522844" spans="8:8">
      <c r="H522844" s="12"/>
    </row>
    <row r="522845" spans="8:8">
      <c r="H522845" s="12"/>
    </row>
    <row r="522846" spans="8:8">
      <c r="H522846" s="12"/>
    </row>
    <row r="522847" spans="8:8">
      <c r="H522847" s="12"/>
    </row>
    <row r="522848" spans="8:8">
      <c r="H522848" s="12"/>
    </row>
    <row r="522849" spans="8:8">
      <c r="H522849" s="12"/>
    </row>
    <row r="522850" spans="8:8">
      <c r="H522850" s="12"/>
    </row>
    <row r="522851" spans="8:8">
      <c r="H522851" s="12"/>
    </row>
    <row r="522852" spans="8:8">
      <c r="H522852" s="12"/>
    </row>
    <row r="522853" spans="8:8">
      <c r="H522853" s="12"/>
    </row>
    <row r="522854" spans="8:8">
      <c r="H522854" s="12"/>
    </row>
    <row r="522855" spans="8:8">
      <c r="H522855" s="12"/>
    </row>
    <row r="522856" spans="8:8">
      <c r="H522856" s="12"/>
    </row>
    <row r="522857" spans="8:8">
      <c r="H522857" s="12"/>
    </row>
    <row r="522858" spans="8:8">
      <c r="H522858" s="12"/>
    </row>
    <row r="522859" spans="8:8">
      <c r="H522859" s="12"/>
    </row>
    <row r="522860" spans="8:8">
      <c r="H522860" s="12"/>
    </row>
    <row r="522861" spans="8:8">
      <c r="H522861" s="12"/>
    </row>
    <row r="522862" spans="8:8">
      <c r="H522862" s="12"/>
    </row>
    <row r="522863" spans="8:8">
      <c r="H522863" s="12"/>
    </row>
    <row r="522864" spans="8:8">
      <c r="H522864" s="12"/>
    </row>
    <row r="522865" spans="8:8">
      <c r="H522865" s="12"/>
    </row>
    <row r="522866" spans="8:8">
      <c r="H522866" s="12"/>
    </row>
    <row r="522867" spans="8:8">
      <c r="H522867" s="12"/>
    </row>
    <row r="522868" spans="8:8">
      <c r="H522868" s="12"/>
    </row>
    <row r="522869" spans="8:8">
      <c r="H522869" s="12"/>
    </row>
    <row r="522870" spans="8:8">
      <c r="H522870" s="12"/>
    </row>
    <row r="522871" spans="8:8">
      <c r="H522871" s="12"/>
    </row>
    <row r="522872" spans="8:8">
      <c r="H522872" s="12"/>
    </row>
    <row r="522873" spans="8:8">
      <c r="H522873" s="12"/>
    </row>
    <row r="522874" spans="8:8">
      <c r="H522874" s="12"/>
    </row>
    <row r="522875" spans="8:8">
      <c r="H522875" s="12"/>
    </row>
    <row r="522876" spans="8:8">
      <c r="H522876" s="12"/>
    </row>
    <row r="522877" spans="8:8">
      <c r="H522877" s="12"/>
    </row>
    <row r="522878" spans="8:8">
      <c r="H522878" s="12"/>
    </row>
    <row r="522879" spans="8:8">
      <c r="H522879" s="12"/>
    </row>
    <row r="522880" spans="8:8">
      <c r="H522880" s="12"/>
    </row>
    <row r="522881" spans="8:8">
      <c r="H522881" s="12"/>
    </row>
    <row r="522882" spans="8:8">
      <c r="H522882" s="12"/>
    </row>
    <row r="522883" spans="8:8">
      <c r="H522883" s="12"/>
    </row>
    <row r="522884" spans="8:8">
      <c r="H522884" s="12"/>
    </row>
    <row r="522885" spans="8:8">
      <c r="H522885" s="12"/>
    </row>
    <row r="522886" spans="8:8">
      <c r="H522886" s="12"/>
    </row>
    <row r="522887" spans="8:8">
      <c r="H522887" s="12"/>
    </row>
    <row r="522888" spans="8:8">
      <c r="H522888" s="12"/>
    </row>
    <row r="522889" spans="8:8">
      <c r="H522889" s="12"/>
    </row>
    <row r="522890" spans="8:8">
      <c r="H522890" s="12"/>
    </row>
    <row r="522891" spans="8:8">
      <c r="H522891" s="12"/>
    </row>
    <row r="522892" spans="8:8">
      <c r="H522892" s="12"/>
    </row>
    <row r="522893" spans="8:8">
      <c r="H522893" s="12"/>
    </row>
    <row r="522894" spans="8:8">
      <c r="H522894" s="12"/>
    </row>
    <row r="522895" spans="8:8">
      <c r="H522895" s="12"/>
    </row>
    <row r="522896" spans="8:8">
      <c r="H522896" s="12"/>
    </row>
    <row r="522897" spans="8:8">
      <c r="H522897" s="12"/>
    </row>
    <row r="522898" spans="8:8">
      <c r="H522898" s="12"/>
    </row>
    <row r="522899" spans="8:8">
      <c r="H522899" s="12"/>
    </row>
    <row r="522900" spans="8:8">
      <c r="H522900" s="12"/>
    </row>
    <row r="522901" spans="8:8">
      <c r="H522901" s="12"/>
    </row>
    <row r="522902" spans="8:8">
      <c r="H522902" s="12"/>
    </row>
    <row r="522903" spans="8:8">
      <c r="H522903" s="12"/>
    </row>
    <row r="522904" spans="8:8">
      <c r="H522904" s="12"/>
    </row>
    <row r="522905" spans="8:8">
      <c r="H522905" s="12"/>
    </row>
    <row r="522906" spans="8:8">
      <c r="H522906" s="12"/>
    </row>
    <row r="522907" spans="8:8">
      <c r="H522907" s="12"/>
    </row>
    <row r="522908" spans="8:8">
      <c r="H522908" s="12"/>
    </row>
    <row r="522909" spans="8:8">
      <c r="H522909" s="12"/>
    </row>
    <row r="522910" spans="8:8">
      <c r="H522910" s="12"/>
    </row>
    <row r="522911" spans="8:8">
      <c r="H522911" s="12"/>
    </row>
    <row r="522912" spans="8:8">
      <c r="H522912" s="12"/>
    </row>
    <row r="522913" spans="8:8">
      <c r="H522913" s="12"/>
    </row>
    <row r="522914" spans="8:8">
      <c r="H522914" s="12"/>
    </row>
    <row r="522915" spans="8:8">
      <c r="H522915" s="12"/>
    </row>
    <row r="522916" spans="8:8">
      <c r="H522916" s="12"/>
    </row>
    <row r="522917" spans="8:8">
      <c r="H522917" s="12"/>
    </row>
    <row r="522918" spans="8:8">
      <c r="H522918" s="12"/>
    </row>
    <row r="522919" spans="8:8">
      <c r="H522919" s="12"/>
    </row>
    <row r="522920" spans="8:8">
      <c r="H522920" s="12"/>
    </row>
    <row r="522921" spans="8:8">
      <c r="H522921" s="12"/>
    </row>
    <row r="522922" spans="8:8">
      <c r="H522922" s="12"/>
    </row>
    <row r="522923" spans="8:8">
      <c r="H522923" s="12"/>
    </row>
    <row r="522924" spans="8:8">
      <c r="H522924" s="12"/>
    </row>
    <row r="522925" spans="8:8">
      <c r="H522925" s="12"/>
    </row>
    <row r="522926" spans="8:8">
      <c r="H522926" s="12"/>
    </row>
    <row r="522927" spans="8:8">
      <c r="H522927" s="12"/>
    </row>
    <row r="522928" spans="8:8">
      <c r="H522928" s="12"/>
    </row>
    <row r="522929" spans="8:8">
      <c r="H522929" s="12"/>
    </row>
    <row r="522930" spans="8:8">
      <c r="H522930" s="12"/>
    </row>
    <row r="522931" spans="8:8">
      <c r="H522931" s="12"/>
    </row>
    <row r="522932" spans="8:8">
      <c r="H522932" s="12"/>
    </row>
    <row r="522933" spans="8:8">
      <c r="H522933" s="12"/>
    </row>
    <row r="522934" spans="8:8">
      <c r="H522934" s="12"/>
    </row>
    <row r="522935" spans="8:8">
      <c r="H522935" s="12"/>
    </row>
    <row r="522936" spans="8:8">
      <c r="H522936" s="12"/>
    </row>
    <row r="522937" spans="8:8">
      <c r="H522937" s="12"/>
    </row>
    <row r="522938" spans="8:8">
      <c r="H522938" s="12"/>
    </row>
    <row r="522939" spans="8:8">
      <c r="H522939" s="12"/>
    </row>
    <row r="522940" spans="8:8">
      <c r="H522940" s="12"/>
    </row>
    <row r="522941" spans="8:8">
      <c r="H522941" s="12"/>
    </row>
    <row r="522942" spans="8:8">
      <c r="H522942" s="12"/>
    </row>
    <row r="522943" spans="8:8">
      <c r="H522943" s="12"/>
    </row>
    <row r="522944" spans="8:8">
      <c r="H522944" s="12"/>
    </row>
    <row r="522945" spans="8:8">
      <c r="H522945" s="12"/>
    </row>
    <row r="522946" spans="8:8">
      <c r="H522946" s="12"/>
    </row>
    <row r="522947" spans="8:8">
      <c r="H522947" s="12"/>
    </row>
    <row r="522948" spans="8:8">
      <c r="H522948" s="12"/>
    </row>
    <row r="522949" spans="8:8">
      <c r="H522949" s="12"/>
    </row>
    <row r="522950" spans="8:8">
      <c r="H522950" s="12"/>
    </row>
    <row r="522951" spans="8:8">
      <c r="H522951" s="12"/>
    </row>
    <row r="522952" spans="8:8">
      <c r="H522952" s="12"/>
    </row>
    <row r="522953" spans="8:8">
      <c r="H522953" s="12"/>
    </row>
    <row r="522954" spans="8:8">
      <c r="H522954" s="12"/>
    </row>
    <row r="522955" spans="8:8">
      <c r="H522955" s="12"/>
    </row>
    <row r="522956" spans="8:8">
      <c r="H522956" s="12"/>
    </row>
    <row r="522957" spans="8:8">
      <c r="H522957" s="12"/>
    </row>
    <row r="522958" spans="8:8">
      <c r="H522958" s="12"/>
    </row>
    <row r="522959" spans="8:8">
      <c r="H522959" s="12"/>
    </row>
    <row r="522960" spans="8:8">
      <c r="H522960" s="12"/>
    </row>
    <row r="522961" spans="8:8">
      <c r="H522961" s="12"/>
    </row>
    <row r="522962" spans="8:8">
      <c r="H522962" s="12"/>
    </row>
    <row r="522963" spans="8:8">
      <c r="H522963" s="12"/>
    </row>
    <row r="522964" spans="8:8">
      <c r="H522964" s="12"/>
    </row>
    <row r="522965" spans="8:8">
      <c r="H522965" s="12"/>
    </row>
    <row r="522966" spans="8:8">
      <c r="H522966" s="12"/>
    </row>
    <row r="522967" spans="8:8">
      <c r="H522967" s="12"/>
    </row>
    <row r="522968" spans="8:8">
      <c r="H522968" s="12"/>
    </row>
    <row r="522969" spans="8:8">
      <c r="H522969" s="12"/>
    </row>
    <row r="522970" spans="8:8">
      <c r="H522970" s="12"/>
    </row>
    <row r="522971" spans="8:8">
      <c r="H522971" s="12"/>
    </row>
    <row r="522972" spans="8:8">
      <c r="H522972" s="12"/>
    </row>
    <row r="522973" spans="8:8">
      <c r="H522973" s="12"/>
    </row>
    <row r="522974" spans="8:8">
      <c r="H522974" s="12"/>
    </row>
    <row r="522975" spans="8:8">
      <c r="H522975" s="12"/>
    </row>
    <row r="522976" spans="8:8">
      <c r="H522976" s="12"/>
    </row>
    <row r="522977" spans="8:8">
      <c r="H522977" s="12"/>
    </row>
    <row r="522978" spans="8:8">
      <c r="H522978" s="12"/>
    </row>
    <row r="522979" spans="8:8">
      <c r="H522979" s="12"/>
    </row>
    <row r="522980" spans="8:8">
      <c r="H522980" s="12"/>
    </row>
    <row r="522981" spans="8:8">
      <c r="H522981" s="12"/>
    </row>
    <row r="522982" spans="8:8">
      <c r="H522982" s="12"/>
    </row>
    <row r="522983" spans="8:8">
      <c r="H522983" s="12"/>
    </row>
    <row r="522984" spans="8:8">
      <c r="H522984" s="12"/>
    </row>
    <row r="522985" spans="8:8">
      <c r="H522985" s="12"/>
    </row>
    <row r="522986" spans="8:8">
      <c r="H522986" s="12"/>
    </row>
    <row r="522987" spans="8:8">
      <c r="H522987" s="12"/>
    </row>
    <row r="522988" spans="8:8">
      <c r="H522988" s="12"/>
    </row>
    <row r="522989" spans="8:8">
      <c r="H522989" s="12"/>
    </row>
    <row r="522990" spans="8:8">
      <c r="H522990" s="12"/>
    </row>
    <row r="522991" spans="8:8">
      <c r="H522991" s="12"/>
    </row>
    <row r="522992" spans="8:8">
      <c r="H522992" s="12"/>
    </row>
    <row r="522993" spans="8:8">
      <c r="H522993" s="12"/>
    </row>
    <row r="522994" spans="8:8">
      <c r="H522994" s="12"/>
    </row>
    <row r="522995" spans="8:8">
      <c r="H522995" s="12"/>
    </row>
    <row r="522996" spans="8:8">
      <c r="H522996" s="12"/>
    </row>
    <row r="522997" spans="8:8">
      <c r="H522997" s="12"/>
    </row>
    <row r="522998" spans="8:8">
      <c r="H522998" s="12"/>
    </row>
    <row r="522999" spans="8:8">
      <c r="H522999" s="12"/>
    </row>
    <row r="523000" spans="8:8">
      <c r="H523000" s="12"/>
    </row>
    <row r="523001" spans="8:8">
      <c r="H523001" s="12"/>
    </row>
    <row r="523002" spans="8:8">
      <c r="H523002" s="12"/>
    </row>
    <row r="523003" spans="8:8">
      <c r="H523003" s="12"/>
    </row>
    <row r="523004" spans="8:8">
      <c r="H523004" s="12"/>
    </row>
    <row r="523005" spans="8:8">
      <c r="H523005" s="12"/>
    </row>
    <row r="523006" spans="8:8">
      <c r="H523006" s="12"/>
    </row>
    <row r="523007" spans="8:8">
      <c r="H523007" s="12"/>
    </row>
    <row r="523008" spans="8:8">
      <c r="H523008" s="12"/>
    </row>
    <row r="523009" spans="8:8">
      <c r="H523009" s="12"/>
    </row>
    <row r="523010" spans="8:8">
      <c r="H523010" s="12"/>
    </row>
    <row r="523011" spans="8:8">
      <c r="H523011" s="12"/>
    </row>
    <row r="523012" spans="8:8">
      <c r="H523012" s="12"/>
    </row>
    <row r="523013" spans="8:8">
      <c r="H523013" s="12"/>
    </row>
    <row r="523014" spans="8:8">
      <c r="H523014" s="12"/>
    </row>
    <row r="523015" spans="8:8">
      <c r="H523015" s="12"/>
    </row>
    <row r="523016" spans="8:8">
      <c r="H523016" s="12"/>
    </row>
    <row r="523017" spans="8:8">
      <c r="H523017" s="12"/>
    </row>
    <row r="523018" spans="8:8">
      <c r="H523018" s="12"/>
    </row>
    <row r="523019" spans="8:8">
      <c r="H523019" s="12"/>
    </row>
    <row r="523020" spans="8:8">
      <c r="H523020" s="12"/>
    </row>
    <row r="523021" spans="8:8">
      <c r="H523021" s="12"/>
    </row>
    <row r="523022" spans="8:8">
      <c r="H523022" s="12"/>
    </row>
    <row r="523023" spans="8:8">
      <c r="H523023" s="12"/>
    </row>
    <row r="523024" spans="8:8">
      <c r="H523024" s="12"/>
    </row>
    <row r="523025" spans="8:8">
      <c r="H523025" s="12"/>
    </row>
    <row r="523026" spans="8:8">
      <c r="H523026" s="12"/>
    </row>
    <row r="523027" spans="8:8">
      <c r="H523027" s="12"/>
    </row>
    <row r="523028" spans="8:8">
      <c r="H523028" s="12"/>
    </row>
    <row r="523029" spans="8:8">
      <c r="H523029" s="12"/>
    </row>
    <row r="523030" spans="8:8">
      <c r="H523030" s="12"/>
    </row>
    <row r="523031" spans="8:8">
      <c r="H523031" s="12"/>
    </row>
    <row r="523032" spans="8:8">
      <c r="H523032" s="12"/>
    </row>
    <row r="523033" spans="8:8">
      <c r="H523033" s="12"/>
    </row>
    <row r="523034" spans="8:8">
      <c r="H523034" s="12"/>
    </row>
    <row r="523035" spans="8:8">
      <c r="H523035" s="12"/>
    </row>
    <row r="523036" spans="8:8">
      <c r="H523036" s="12"/>
    </row>
    <row r="523037" spans="8:8">
      <c r="H523037" s="12"/>
    </row>
    <row r="523038" spans="8:8">
      <c r="H523038" s="12"/>
    </row>
    <row r="523039" spans="8:8">
      <c r="H523039" s="12"/>
    </row>
    <row r="523040" spans="8:8">
      <c r="H523040" s="12"/>
    </row>
    <row r="523041" spans="8:8">
      <c r="H523041" s="12"/>
    </row>
    <row r="523042" spans="8:8">
      <c r="H523042" s="12"/>
    </row>
    <row r="523043" spans="8:8">
      <c r="H523043" s="12"/>
    </row>
    <row r="523044" spans="8:8">
      <c r="H523044" s="12"/>
    </row>
    <row r="523045" spans="8:8">
      <c r="H523045" s="12"/>
    </row>
    <row r="523046" spans="8:8">
      <c r="H523046" s="12"/>
    </row>
    <row r="523047" spans="8:8">
      <c r="H523047" s="12"/>
    </row>
    <row r="523048" spans="8:8">
      <c r="H523048" s="12"/>
    </row>
    <row r="523049" spans="8:8">
      <c r="H523049" s="12"/>
    </row>
    <row r="523050" spans="8:8">
      <c r="H523050" s="12"/>
    </row>
    <row r="523051" spans="8:8">
      <c r="H523051" s="12"/>
    </row>
    <row r="523052" spans="8:8">
      <c r="H523052" s="12"/>
    </row>
    <row r="523053" spans="8:8">
      <c r="H523053" s="12"/>
    </row>
    <row r="523054" spans="8:8">
      <c r="H523054" s="12"/>
    </row>
    <row r="523055" spans="8:8">
      <c r="H523055" s="12"/>
    </row>
    <row r="523056" spans="8:8">
      <c r="H523056" s="12"/>
    </row>
    <row r="523057" spans="8:8">
      <c r="H523057" s="12"/>
    </row>
    <row r="523058" spans="8:8">
      <c r="H523058" s="12"/>
    </row>
    <row r="523059" spans="8:8">
      <c r="H523059" s="12"/>
    </row>
    <row r="523060" spans="8:8">
      <c r="H523060" s="12"/>
    </row>
    <row r="523061" spans="8:8">
      <c r="H523061" s="12"/>
    </row>
    <row r="523062" spans="8:8">
      <c r="H523062" s="12"/>
    </row>
    <row r="523063" spans="8:8">
      <c r="H523063" s="12"/>
    </row>
    <row r="523064" spans="8:8">
      <c r="H523064" s="12"/>
    </row>
    <row r="523065" spans="8:8">
      <c r="H523065" s="12"/>
    </row>
    <row r="523066" spans="8:8">
      <c r="H523066" s="12"/>
    </row>
    <row r="523067" spans="8:8">
      <c r="H523067" s="12"/>
    </row>
    <row r="523068" spans="8:8">
      <c r="H523068" s="12"/>
    </row>
    <row r="523069" spans="8:8">
      <c r="H523069" s="12"/>
    </row>
    <row r="523070" spans="8:8">
      <c r="H523070" s="12"/>
    </row>
    <row r="523071" spans="8:8">
      <c r="H523071" s="12"/>
    </row>
    <row r="523072" spans="8:8">
      <c r="H523072" s="12"/>
    </row>
    <row r="523073" spans="8:8">
      <c r="H523073" s="12"/>
    </row>
    <row r="523074" spans="8:8">
      <c r="H523074" s="12"/>
    </row>
    <row r="523075" spans="8:8">
      <c r="H523075" s="12"/>
    </row>
    <row r="523076" spans="8:8">
      <c r="H523076" s="12"/>
    </row>
    <row r="523077" spans="8:8">
      <c r="H523077" s="12"/>
    </row>
    <row r="523078" spans="8:8">
      <c r="H523078" s="12"/>
    </row>
    <row r="523079" spans="8:8">
      <c r="H523079" s="12"/>
    </row>
    <row r="523080" spans="8:8">
      <c r="H523080" s="12"/>
    </row>
    <row r="523081" spans="8:8">
      <c r="H523081" s="12"/>
    </row>
    <row r="523082" spans="8:8">
      <c r="H523082" s="12"/>
    </row>
    <row r="523083" spans="8:8">
      <c r="H523083" s="12"/>
    </row>
    <row r="523084" spans="8:8">
      <c r="H523084" s="12"/>
    </row>
    <row r="523085" spans="8:8">
      <c r="H523085" s="12"/>
    </row>
    <row r="523086" spans="8:8">
      <c r="H523086" s="12"/>
    </row>
    <row r="523087" spans="8:8">
      <c r="H523087" s="12"/>
    </row>
    <row r="523088" spans="8:8">
      <c r="H523088" s="12"/>
    </row>
    <row r="523089" spans="8:8">
      <c r="H523089" s="12"/>
    </row>
    <row r="523090" spans="8:8">
      <c r="H523090" s="12"/>
    </row>
    <row r="523091" spans="8:8">
      <c r="H523091" s="12"/>
    </row>
    <row r="523092" spans="8:8">
      <c r="H523092" s="12"/>
    </row>
    <row r="523093" spans="8:8">
      <c r="H523093" s="12"/>
    </row>
    <row r="523094" spans="8:8">
      <c r="H523094" s="12"/>
    </row>
    <row r="523095" spans="8:8">
      <c r="H523095" s="12"/>
    </row>
    <row r="523096" spans="8:8">
      <c r="H523096" s="12"/>
    </row>
    <row r="523097" spans="8:8">
      <c r="H523097" s="12"/>
    </row>
    <row r="523098" spans="8:8">
      <c r="H523098" s="12"/>
    </row>
    <row r="523099" spans="8:8">
      <c r="H523099" s="12"/>
    </row>
    <row r="523100" spans="8:8">
      <c r="H523100" s="12"/>
    </row>
    <row r="523101" spans="8:8">
      <c r="H523101" s="12"/>
    </row>
    <row r="523102" spans="8:8">
      <c r="H523102" s="12"/>
    </row>
    <row r="523103" spans="8:8">
      <c r="H523103" s="12"/>
    </row>
    <row r="523104" spans="8:8">
      <c r="H523104" s="12"/>
    </row>
    <row r="523105" spans="8:8">
      <c r="H523105" s="12"/>
    </row>
    <row r="523106" spans="8:8">
      <c r="H523106" s="12"/>
    </row>
    <row r="523107" spans="8:8">
      <c r="H523107" s="12"/>
    </row>
    <row r="523108" spans="8:8">
      <c r="H523108" s="12"/>
    </row>
    <row r="523109" spans="8:8">
      <c r="H523109" s="12"/>
    </row>
    <row r="523110" spans="8:8">
      <c r="H523110" s="12"/>
    </row>
    <row r="523111" spans="8:8">
      <c r="H523111" s="12"/>
    </row>
    <row r="523112" spans="8:8">
      <c r="H523112" s="12"/>
    </row>
    <row r="523113" spans="8:8">
      <c r="H523113" s="12"/>
    </row>
    <row r="523114" spans="8:8">
      <c r="H523114" s="12"/>
    </row>
    <row r="523115" spans="8:8">
      <c r="H523115" s="12"/>
    </row>
    <row r="523116" spans="8:8">
      <c r="H523116" s="12"/>
    </row>
    <row r="523117" spans="8:8">
      <c r="H523117" s="12"/>
    </row>
    <row r="523118" spans="8:8">
      <c r="H523118" s="12"/>
    </row>
    <row r="523119" spans="8:8">
      <c r="H523119" s="12"/>
    </row>
    <row r="523120" spans="8:8">
      <c r="H523120" s="12"/>
    </row>
    <row r="523121" spans="8:8">
      <c r="H523121" s="12"/>
    </row>
    <row r="523122" spans="8:8">
      <c r="H523122" s="12"/>
    </row>
    <row r="523123" spans="8:8">
      <c r="H523123" s="12"/>
    </row>
    <row r="523124" spans="8:8">
      <c r="H523124" s="12"/>
    </row>
    <row r="523125" spans="8:8">
      <c r="H523125" s="12"/>
    </row>
    <row r="523126" spans="8:8">
      <c r="H523126" s="12"/>
    </row>
    <row r="523127" spans="8:8">
      <c r="H523127" s="12"/>
    </row>
    <row r="523128" spans="8:8">
      <c r="H523128" s="12"/>
    </row>
    <row r="523129" spans="8:8">
      <c r="H523129" s="12"/>
    </row>
    <row r="523130" spans="8:8">
      <c r="H523130" s="12"/>
    </row>
    <row r="523131" spans="8:8">
      <c r="H523131" s="12"/>
    </row>
    <row r="523132" spans="8:8">
      <c r="H523132" s="12"/>
    </row>
    <row r="523133" spans="8:8">
      <c r="H523133" s="12"/>
    </row>
    <row r="523134" spans="8:8">
      <c r="H523134" s="12"/>
    </row>
    <row r="523135" spans="8:8">
      <c r="H523135" s="12"/>
    </row>
    <row r="523136" spans="8:8">
      <c r="H523136" s="12"/>
    </row>
    <row r="523137" spans="8:8">
      <c r="H523137" s="12"/>
    </row>
    <row r="523138" spans="8:8">
      <c r="H523138" s="12"/>
    </row>
    <row r="523139" spans="8:8">
      <c r="H523139" s="12"/>
    </row>
    <row r="523140" spans="8:8">
      <c r="H523140" s="12"/>
    </row>
    <row r="523141" spans="8:8">
      <c r="H523141" s="12"/>
    </row>
    <row r="523142" spans="8:8">
      <c r="H523142" s="12"/>
    </row>
    <row r="523143" spans="8:8">
      <c r="H523143" s="12"/>
    </row>
    <row r="523144" spans="8:8">
      <c r="H523144" s="12"/>
    </row>
    <row r="523145" spans="8:8">
      <c r="H523145" s="12"/>
    </row>
    <row r="523146" spans="8:8">
      <c r="H523146" s="12"/>
    </row>
    <row r="523147" spans="8:8">
      <c r="H523147" s="12"/>
    </row>
    <row r="523148" spans="8:8">
      <c r="H523148" s="12"/>
    </row>
    <row r="523149" spans="8:8">
      <c r="H523149" s="12"/>
    </row>
    <row r="523150" spans="8:8">
      <c r="H523150" s="12"/>
    </row>
    <row r="523151" spans="8:8">
      <c r="H523151" s="12"/>
    </row>
    <row r="523152" spans="8:8">
      <c r="H523152" s="12"/>
    </row>
    <row r="523153" spans="8:8">
      <c r="H523153" s="12"/>
    </row>
    <row r="523154" spans="8:8">
      <c r="H523154" s="12"/>
    </row>
    <row r="523155" spans="8:8">
      <c r="H523155" s="12"/>
    </row>
    <row r="523156" spans="8:8">
      <c r="H523156" s="12"/>
    </row>
    <row r="523157" spans="8:8">
      <c r="H523157" s="12"/>
    </row>
    <row r="523158" spans="8:8">
      <c r="H523158" s="12"/>
    </row>
    <row r="523159" spans="8:8">
      <c r="H523159" s="12"/>
    </row>
    <row r="523160" spans="8:8">
      <c r="H523160" s="12"/>
    </row>
    <row r="523161" spans="8:8">
      <c r="H523161" s="12"/>
    </row>
    <row r="523162" spans="8:8">
      <c r="H523162" s="12"/>
    </row>
    <row r="523163" spans="8:8">
      <c r="H523163" s="12"/>
    </row>
    <row r="523164" spans="8:8">
      <c r="H523164" s="12"/>
    </row>
    <row r="523165" spans="8:8">
      <c r="H523165" s="12"/>
    </row>
    <row r="523166" spans="8:8">
      <c r="H523166" s="12"/>
    </row>
    <row r="523167" spans="8:8">
      <c r="H523167" s="12"/>
    </row>
    <row r="523168" spans="8:8">
      <c r="H523168" s="12"/>
    </row>
    <row r="523169" spans="8:8">
      <c r="H523169" s="12"/>
    </row>
    <row r="523170" spans="8:8">
      <c r="H523170" s="12"/>
    </row>
    <row r="523171" spans="8:8">
      <c r="H523171" s="12"/>
    </row>
    <row r="523172" spans="8:8">
      <c r="H523172" s="12"/>
    </row>
    <row r="523173" spans="8:8">
      <c r="H523173" s="12"/>
    </row>
    <row r="523174" spans="8:8">
      <c r="H523174" s="12"/>
    </row>
    <row r="523175" spans="8:8">
      <c r="H523175" s="12"/>
    </row>
    <row r="523176" spans="8:8">
      <c r="H523176" s="12"/>
    </row>
    <row r="523177" spans="8:8">
      <c r="H523177" s="12"/>
    </row>
    <row r="523178" spans="8:8">
      <c r="H523178" s="12"/>
    </row>
    <row r="523179" spans="8:8">
      <c r="H523179" s="12"/>
    </row>
    <row r="523180" spans="8:8">
      <c r="H523180" s="12"/>
    </row>
    <row r="523181" spans="8:8">
      <c r="H523181" s="12"/>
    </row>
    <row r="523182" spans="8:8">
      <c r="H523182" s="12"/>
    </row>
    <row r="523183" spans="8:8">
      <c r="H523183" s="12"/>
    </row>
    <row r="523184" spans="8:8">
      <c r="H523184" s="12"/>
    </row>
    <row r="523185" spans="8:8">
      <c r="H523185" s="12"/>
    </row>
    <row r="523186" spans="8:8">
      <c r="H523186" s="12"/>
    </row>
    <row r="523187" spans="8:8">
      <c r="H523187" s="12"/>
    </row>
    <row r="523188" spans="8:8">
      <c r="H523188" s="12"/>
    </row>
    <row r="523189" spans="8:8">
      <c r="H523189" s="12"/>
    </row>
    <row r="523190" spans="8:8">
      <c r="H523190" s="12"/>
    </row>
    <row r="523191" spans="8:8">
      <c r="H523191" s="12"/>
    </row>
    <row r="523192" spans="8:8">
      <c r="H523192" s="12"/>
    </row>
    <row r="523193" spans="8:8">
      <c r="H523193" s="12"/>
    </row>
    <row r="523194" spans="8:8">
      <c r="H523194" s="12"/>
    </row>
    <row r="523195" spans="8:8">
      <c r="H523195" s="12"/>
    </row>
    <row r="523196" spans="8:8">
      <c r="H523196" s="12"/>
    </row>
    <row r="523197" spans="8:8">
      <c r="H523197" s="12"/>
    </row>
    <row r="523198" spans="8:8">
      <c r="H523198" s="12"/>
    </row>
    <row r="523199" spans="8:8">
      <c r="H523199" s="12"/>
    </row>
    <row r="523200" spans="8:8">
      <c r="H523200" s="12"/>
    </row>
    <row r="523201" spans="8:8">
      <c r="H523201" s="12"/>
    </row>
    <row r="523202" spans="8:8">
      <c r="H523202" s="12"/>
    </row>
    <row r="523203" spans="8:8">
      <c r="H523203" s="12"/>
    </row>
    <row r="523204" spans="8:8">
      <c r="H523204" s="12"/>
    </row>
    <row r="523205" spans="8:8">
      <c r="H523205" s="12"/>
    </row>
    <row r="523206" spans="8:8">
      <c r="H523206" s="12"/>
    </row>
    <row r="523207" spans="8:8">
      <c r="H523207" s="12"/>
    </row>
    <row r="523208" spans="8:8">
      <c r="H523208" s="12"/>
    </row>
    <row r="523209" spans="8:8">
      <c r="H523209" s="12"/>
    </row>
    <row r="523210" spans="8:8">
      <c r="H523210" s="12"/>
    </row>
    <row r="523211" spans="8:8">
      <c r="H523211" s="12"/>
    </row>
    <row r="523212" spans="8:8">
      <c r="H523212" s="12"/>
    </row>
    <row r="523213" spans="8:8">
      <c r="H523213" s="12"/>
    </row>
    <row r="523214" spans="8:8">
      <c r="H523214" s="12"/>
    </row>
    <row r="523215" spans="8:8">
      <c r="H523215" s="12"/>
    </row>
    <row r="523216" spans="8:8">
      <c r="H523216" s="12"/>
    </row>
    <row r="523217" spans="8:8">
      <c r="H523217" s="12"/>
    </row>
    <row r="523218" spans="8:8">
      <c r="H523218" s="12"/>
    </row>
    <row r="523219" spans="8:8">
      <c r="H523219" s="12"/>
    </row>
    <row r="523220" spans="8:8">
      <c r="H523220" s="12"/>
    </row>
    <row r="523221" spans="8:8">
      <c r="H523221" s="12"/>
    </row>
    <row r="523222" spans="8:8">
      <c r="H523222" s="12"/>
    </row>
    <row r="523223" spans="8:8">
      <c r="H523223" s="12"/>
    </row>
    <row r="523224" spans="8:8">
      <c r="H523224" s="12"/>
    </row>
    <row r="523225" spans="8:8">
      <c r="H523225" s="12"/>
    </row>
    <row r="523226" spans="8:8">
      <c r="H523226" s="12"/>
    </row>
    <row r="523227" spans="8:8">
      <c r="H523227" s="12"/>
    </row>
    <row r="523228" spans="8:8">
      <c r="H523228" s="12"/>
    </row>
    <row r="523229" spans="8:8">
      <c r="H523229" s="12"/>
    </row>
    <row r="523230" spans="8:8">
      <c r="H523230" s="12"/>
    </row>
    <row r="523231" spans="8:8">
      <c r="H523231" s="12"/>
    </row>
    <row r="523232" spans="8:8">
      <c r="H523232" s="12"/>
    </row>
    <row r="523233" spans="8:8">
      <c r="H523233" s="12"/>
    </row>
    <row r="523234" spans="8:8">
      <c r="H523234" s="12"/>
    </row>
    <row r="523235" spans="8:8">
      <c r="H523235" s="12"/>
    </row>
    <row r="523236" spans="8:8">
      <c r="H523236" s="12"/>
    </row>
    <row r="523237" spans="8:8">
      <c r="H523237" s="12"/>
    </row>
    <row r="523238" spans="8:8">
      <c r="H523238" s="12"/>
    </row>
    <row r="523239" spans="8:8">
      <c r="H523239" s="12"/>
    </row>
    <row r="523240" spans="8:8">
      <c r="H523240" s="12"/>
    </row>
    <row r="523241" spans="8:8">
      <c r="H523241" s="12"/>
    </row>
    <row r="523242" spans="8:8">
      <c r="H523242" s="12"/>
    </row>
    <row r="523243" spans="8:8">
      <c r="H523243" s="12"/>
    </row>
    <row r="523244" spans="8:8">
      <c r="H523244" s="12"/>
    </row>
    <row r="523245" spans="8:8">
      <c r="H523245" s="12"/>
    </row>
    <row r="523246" spans="8:8">
      <c r="H523246" s="12"/>
    </row>
    <row r="523247" spans="8:8">
      <c r="H523247" s="12"/>
    </row>
    <row r="523248" spans="8:8">
      <c r="H523248" s="12"/>
    </row>
    <row r="523249" spans="8:8">
      <c r="H523249" s="12"/>
    </row>
    <row r="523250" spans="8:8">
      <c r="H523250" s="12"/>
    </row>
    <row r="523251" spans="8:8">
      <c r="H523251" s="12"/>
    </row>
    <row r="523252" spans="8:8">
      <c r="H523252" s="12"/>
    </row>
    <row r="523253" spans="8:8">
      <c r="H523253" s="12"/>
    </row>
    <row r="523254" spans="8:8">
      <c r="H523254" s="12"/>
    </row>
    <row r="523255" spans="8:8">
      <c r="H523255" s="12"/>
    </row>
    <row r="523256" spans="8:8">
      <c r="H523256" s="12"/>
    </row>
    <row r="523257" spans="8:8">
      <c r="H523257" s="12"/>
    </row>
    <row r="523258" spans="8:8">
      <c r="H523258" s="12"/>
    </row>
    <row r="523259" spans="8:8">
      <c r="H523259" s="12"/>
    </row>
    <row r="523260" spans="8:8">
      <c r="H523260" s="12"/>
    </row>
    <row r="523261" spans="8:8">
      <c r="H523261" s="12"/>
    </row>
    <row r="523262" spans="8:8">
      <c r="H523262" s="12"/>
    </row>
    <row r="523263" spans="8:8">
      <c r="H523263" s="12"/>
    </row>
    <row r="523264" spans="8:8">
      <c r="H523264" s="12"/>
    </row>
    <row r="523265" spans="8:8">
      <c r="H523265" s="12"/>
    </row>
    <row r="523266" spans="8:8">
      <c r="H523266" s="12"/>
    </row>
    <row r="523267" spans="8:8">
      <c r="H523267" s="12"/>
    </row>
    <row r="523268" spans="8:8">
      <c r="H523268" s="12"/>
    </row>
    <row r="523269" spans="8:8">
      <c r="H523269" s="12"/>
    </row>
    <row r="523270" spans="8:8">
      <c r="H523270" s="12"/>
    </row>
    <row r="523271" spans="8:8">
      <c r="H523271" s="12"/>
    </row>
    <row r="523272" spans="8:8">
      <c r="H523272" s="12"/>
    </row>
    <row r="523273" spans="8:8">
      <c r="H523273" s="12"/>
    </row>
    <row r="523274" spans="8:8">
      <c r="H523274" s="12"/>
    </row>
    <row r="523275" spans="8:8">
      <c r="H523275" s="12"/>
    </row>
    <row r="523276" spans="8:8">
      <c r="H523276" s="12"/>
    </row>
    <row r="523277" spans="8:8">
      <c r="H523277" s="12"/>
    </row>
    <row r="523278" spans="8:8">
      <c r="H523278" s="12"/>
    </row>
    <row r="523279" spans="8:8">
      <c r="H523279" s="12"/>
    </row>
    <row r="523280" spans="8:8">
      <c r="H523280" s="12"/>
    </row>
    <row r="523281" spans="8:8">
      <c r="H523281" s="12"/>
    </row>
    <row r="523282" spans="8:8">
      <c r="H523282" s="12"/>
    </row>
    <row r="523283" spans="8:8">
      <c r="H523283" s="12"/>
    </row>
    <row r="523284" spans="8:8">
      <c r="H523284" s="12"/>
    </row>
    <row r="523285" spans="8:8">
      <c r="H523285" s="12"/>
    </row>
    <row r="523286" spans="8:8">
      <c r="H523286" s="12"/>
    </row>
    <row r="523287" spans="8:8">
      <c r="H523287" s="12"/>
    </row>
    <row r="523288" spans="8:8">
      <c r="H523288" s="12"/>
    </row>
    <row r="523289" spans="8:8">
      <c r="H523289" s="12"/>
    </row>
    <row r="523290" spans="8:8">
      <c r="H523290" s="12"/>
    </row>
    <row r="523291" spans="8:8">
      <c r="H523291" s="12"/>
    </row>
    <row r="523292" spans="8:8">
      <c r="H523292" s="12"/>
    </row>
    <row r="523293" spans="8:8">
      <c r="H523293" s="12"/>
    </row>
    <row r="523294" spans="8:8">
      <c r="H523294" s="12"/>
    </row>
    <row r="523295" spans="8:8">
      <c r="H523295" s="12"/>
    </row>
    <row r="523296" spans="8:8">
      <c r="H523296" s="12"/>
    </row>
    <row r="523297" spans="8:8">
      <c r="H523297" s="12"/>
    </row>
    <row r="523298" spans="8:8">
      <c r="H523298" s="12"/>
    </row>
    <row r="523299" spans="8:8">
      <c r="H523299" s="12"/>
    </row>
    <row r="523300" spans="8:8">
      <c r="H523300" s="12"/>
    </row>
    <row r="523301" spans="8:8">
      <c r="H523301" s="12"/>
    </row>
    <row r="523302" spans="8:8">
      <c r="H523302" s="12"/>
    </row>
    <row r="523303" spans="8:8">
      <c r="H523303" s="12"/>
    </row>
    <row r="523304" spans="8:8">
      <c r="H523304" s="12"/>
    </row>
    <row r="523305" spans="8:8">
      <c r="H523305" s="12"/>
    </row>
    <row r="523306" spans="8:8">
      <c r="H523306" s="12"/>
    </row>
    <row r="523307" spans="8:8">
      <c r="H523307" s="12"/>
    </row>
    <row r="523308" spans="8:8">
      <c r="H523308" s="12"/>
    </row>
    <row r="523309" spans="8:8">
      <c r="H523309" s="12"/>
    </row>
    <row r="523310" spans="8:8">
      <c r="H523310" s="12"/>
    </row>
    <row r="523311" spans="8:8">
      <c r="H523311" s="12"/>
    </row>
    <row r="523312" spans="8:8">
      <c r="H523312" s="12"/>
    </row>
    <row r="523313" spans="8:8">
      <c r="H523313" s="12"/>
    </row>
    <row r="523314" spans="8:8">
      <c r="H523314" s="12"/>
    </row>
    <row r="523315" spans="8:8">
      <c r="H523315" s="12"/>
    </row>
    <row r="523316" spans="8:8">
      <c r="H523316" s="12"/>
    </row>
    <row r="523317" spans="8:8">
      <c r="H523317" s="12"/>
    </row>
    <row r="523318" spans="8:8">
      <c r="H523318" s="12"/>
    </row>
    <row r="523319" spans="8:8">
      <c r="H523319" s="12"/>
    </row>
    <row r="523320" spans="8:8">
      <c r="H523320" s="12"/>
    </row>
    <row r="523321" spans="8:8">
      <c r="H523321" s="12"/>
    </row>
    <row r="523322" spans="8:8">
      <c r="H523322" s="12"/>
    </row>
    <row r="523323" spans="8:8">
      <c r="H523323" s="12"/>
    </row>
    <row r="523324" spans="8:8">
      <c r="H523324" s="12"/>
    </row>
    <row r="523325" spans="8:8">
      <c r="H523325" s="12"/>
    </row>
    <row r="523326" spans="8:8">
      <c r="H523326" s="12"/>
    </row>
    <row r="523327" spans="8:8">
      <c r="H523327" s="12"/>
    </row>
    <row r="523328" spans="8:8">
      <c r="H523328" s="12"/>
    </row>
    <row r="523329" spans="8:8">
      <c r="H523329" s="12"/>
    </row>
    <row r="523330" spans="8:8">
      <c r="H523330" s="12"/>
    </row>
    <row r="523331" spans="8:8">
      <c r="H523331" s="12"/>
    </row>
    <row r="523332" spans="8:8">
      <c r="H523332" s="12"/>
    </row>
    <row r="523333" spans="8:8">
      <c r="H523333" s="12"/>
    </row>
    <row r="523334" spans="8:8">
      <c r="H523334" s="12"/>
    </row>
    <row r="523335" spans="8:8">
      <c r="H523335" s="12"/>
    </row>
    <row r="523336" spans="8:8">
      <c r="H523336" s="12"/>
    </row>
    <row r="523337" spans="8:8">
      <c r="H523337" s="12"/>
    </row>
    <row r="523338" spans="8:8">
      <c r="H523338" s="12"/>
    </row>
    <row r="523339" spans="8:8">
      <c r="H523339" s="12"/>
    </row>
    <row r="523340" spans="8:8">
      <c r="H523340" s="12"/>
    </row>
    <row r="523341" spans="8:8">
      <c r="H523341" s="12"/>
    </row>
    <row r="523342" spans="8:8">
      <c r="H523342" s="12"/>
    </row>
    <row r="523343" spans="8:8">
      <c r="H523343" s="12"/>
    </row>
    <row r="523344" spans="8:8">
      <c r="H523344" s="12"/>
    </row>
    <row r="523345" spans="8:8">
      <c r="H523345" s="12"/>
    </row>
    <row r="523346" spans="8:8">
      <c r="H523346" s="12"/>
    </row>
    <row r="523347" spans="8:8">
      <c r="H523347" s="12"/>
    </row>
    <row r="523348" spans="8:8">
      <c r="H523348" s="12"/>
    </row>
    <row r="523349" spans="8:8">
      <c r="H523349" s="12"/>
    </row>
    <row r="523350" spans="8:8">
      <c r="H523350" s="12"/>
    </row>
    <row r="523351" spans="8:8">
      <c r="H523351" s="12"/>
    </row>
    <row r="523352" spans="8:8">
      <c r="H523352" s="12"/>
    </row>
    <row r="523353" spans="8:8">
      <c r="H523353" s="12"/>
    </row>
    <row r="523354" spans="8:8">
      <c r="H523354" s="12"/>
    </row>
    <row r="523355" spans="8:8">
      <c r="H523355" s="12"/>
    </row>
    <row r="523356" spans="8:8">
      <c r="H523356" s="12"/>
    </row>
    <row r="523357" spans="8:8">
      <c r="H523357" s="12"/>
    </row>
    <row r="523358" spans="8:8">
      <c r="H523358" s="12"/>
    </row>
    <row r="523359" spans="8:8">
      <c r="H523359" s="12"/>
    </row>
    <row r="523360" spans="8:8">
      <c r="H523360" s="12"/>
    </row>
    <row r="523361" spans="8:8">
      <c r="H523361" s="12"/>
    </row>
    <row r="523362" spans="8:8">
      <c r="H523362" s="12"/>
    </row>
    <row r="523363" spans="8:8">
      <c r="H523363" s="12"/>
    </row>
    <row r="523364" spans="8:8">
      <c r="H523364" s="12"/>
    </row>
    <row r="523365" spans="8:8">
      <c r="H523365" s="12"/>
    </row>
    <row r="523366" spans="8:8">
      <c r="H523366" s="12"/>
    </row>
    <row r="523367" spans="8:8">
      <c r="H523367" s="12"/>
    </row>
    <row r="523368" spans="8:8">
      <c r="H523368" s="12"/>
    </row>
    <row r="523369" spans="8:8">
      <c r="H523369" s="12"/>
    </row>
    <row r="523370" spans="8:8">
      <c r="H523370" s="12"/>
    </row>
    <row r="523371" spans="8:8">
      <c r="H523371" s="12"/>
    </row>
    <row r="523372" spans="8:8">
      <c r="H523372" s="12"/>
    </row>
    <row r="523373" spans="8:8">
      <c r="H523373" s="12"/>
    </row>
    <row r="523374" spans="8:8">
      <c r="H523374" s="12"/>
    </row>
    <row r="523375" spans="8:8">
      <c r="H523375" s="12"/>
    </row>
    <row r="523376" spans="8:8">
      <c r="H523376" s="12"/>
    </row>
    <row r="523377" spans="8:8">
      <c r="H523377" s="12"/>
    </row>
    <row r="523378" spans="8:8">
      <c r="H523378" s="12"/>
    </row>
    <row r="523379" spans="8:8">
      <c r="H523379" s="12"/>
    </row>
    <row r="523380" spans="8:8">
      <c r="H523380" s="12"/>
    </row>
    <row r="523381" spans="8:8">
      <c r="H523381" s="12"/>
    </row>
    <row r="523382" spans="8:8">
      <c r="H523382" s="12"/>
    </row>
    <row r="523383" spans="8:8">
      <c r="H523383" s="12"/>
    </row>
    <row r="523384" spans="8:8">
      <c r="H523384" s="12"/>
    </row>
    <row r="523385" spans="8:8">
      <c r="H523385" s="12"/>
    </row>
    <row r="523386" spans="8:8">
      <c r="H523386" s="12"/>
    </row>
    <row r="523387" spans="8:8">
      <c r="H523387" s="12"/>
    </row>
    <row r="523388" spans="8:8">
      <c r="H523388" s="12"/>
    </row>
    <row r="523389" spans="8:8">
      <c r="H523389" s="12"/>
    </row>
    <row r="523390" spans="8:8">
      <c r="H523390" s="12"/>
    </row>
    <row r="523391" spans="8:8">
      <c r="H523391" s="12"/>
    </row>
    <row r="523392" spans="8:8">
      <c r="H523392" s="12"/>
    </row>
    <row r="523393" spans="8:8">
      <c r="H523393" s="12"/>
    </row>
    <row r="523394" spans="8:8">
      <c r="H523394" s="12"/>
    </row>
    <row r="523395" spans="8:8">
      <c r="H523395" s="12"/>
    </row>
    <row r="523396" spans="8:8">
      <c r="H523396" s="12"/>
    </row>
    <row r="523397" spans="8:8">
      <c r="H523397" s="12"/>
    </row>
    <row r="523398" spans="8:8">
      <c r="H523398" s="12"/>
    </row>
    <row r="523399" spans="8:8">
      <c r="H523399" s="12"/>
    </row>
    <row r="523400" spans="8:8">
      <c r="H523400" s="12"/>
    </row>
    <row r="523401" spans="8:8">
      <c r="H523401" s="12"/>
    </row>
    <row r="523402" spans="8:8">
      <c r="H523402" s="12"/>
    </row>
    <row r="523403" spans="8:8">
      <c r="H523403" s="12"/>
    </row>
    <row r="523404" spans="8:8">
      <c r="H523404" s="12"/>
    </row>
    <row r="523405" spans="8:8">
      <c r="H523405" s="12"/>
    </row>
    <row r="523406" spans="8:8">
      <c r="H523406" s="12"/>
    </row>
    <row r="523407" spans="8:8">
      <c r="H523407" s="12"/>
    </row>
    <row r="523408" spans="8:8">
      <c r="H523408" s="12"/>
    </row>
    <row r="523409" spans="8:8">
      <c r="H523409" s="12"/>
    </row>
    <row r="523410" spans="8:8">
      <c r="H523410" s="12"/>
    </row>
    <row r="523411" spans="8:8">
      <c r="H523411" s="12"/>
    </row>
    <row r="523412" spans="8:8">
      <c r="H523412" s="12"/>
    </row>
    <row r="523413" spans="8:8">
      <c r="H523413" s="12"/>
    </row>
    <row r="523414" spans="8:8">
      <c r="H523414" s="12"/>
    </row>
    <row r="523415" spans="8:8">
      <c r="H523415" s="12"/>
    </row>
    <row r="523416" spans="8:8">
      <c r="H523416" s="12"/>
    </row>
    <row r="523417" spans="8:8">
      <c r="H523417" s="12"/>
    </row>
    <row r="523418" spans="8:8">
      <c r="H523418" s="12"/>
    </row>
    <row r="523419" spans="8:8">
      <c r="H523419" s="12"/>
    </row>
    <row r="523420" spans="8:8">
      <c r="H523420" s="12"/>
    </row>
    <row r="523421" spans="8:8">
      <c r="H523421" s="12"/>
    </row>
    <row r="523422" spans="8:8">
      <c r="H523422" s="12"/>
    </row>
    <row r="523423" spans="8:8">
      <c r="H523423" s="12"/>
    </row>
    <row r="523424" spans="8:8">
      <c r="H523424" s="12"/>
    </row>
    <row r="523425" spans="8:8">
      <c r="H523425" s="12"/>
    </row>
    <row r="523426" spans="8:8">
      <c r="H523426" s="12"/>
    </row>
    <row r="523427" spans="8:8">
      <c r="H523427" s="12"/>
    </row>
    <row r="523428" spans="8:8">
      <c r="H523428" s="12"/>
    </row>
    <row r="523429" spans="8:8">
      <c r="H523429" s="12"/>
    </row>
    <row r="523430" spans="8:8">
      <c r="H523430" s="12"/>
    </row>
    <row r="523431" spans="8:8">
      <c r="H523431" s="12"/>
    </row>
    <row r="523432" spans="8:8">
      <c r="H523432" s="12"/>
    </row>
    <row r="523433" spans="8:8">
      <c r="H523433" s="12"/>
    </row>
    <row r="523434" spans="8:8">
      <c r="H523434" s="12"/>
    </row>
    <row r="523435" spans="8:8">
      <c r="H523435" s="12"/>
    </row>
    <row r="523436" spans="8:8">
      <c r="H523436" s="12"/>
    </row>
    <row r="523437" spans="8:8">
      <c r="H523437" s="12"/>
    </row>
    <row r="523438" spans="8:8">
      <c r="H523438" s="12"/>
    </row>
    <row r="523439" spans="8:8">
      <c r="H523439" s="12"/>
    </row>
    <row r="523440" spans="8:8">
      <c r="H523440" s="12"/>
    </row>
    <row r="523441" spans="8:8">
      <c r="H523441" s="12"/>
    </row>
    <row r="523442" spans="8:8">
      <c r="H523442" s="12"/>
    </row>
    <row r="523443" spans="8:8">
      <c r="H523443" s="12"/>
    </row>
    <row r="523444" spans="8:8">
      <c r="H523444" s="12"/>
    </row>
    <row r="523445" spans="8:8">
      <c r="H523445" s="12"/>
    </row>
    <row r="523446" spans="8:8">
      <c r="H523446" s="12"/>
    </row>
    <row r="523447" spans="8:8">
      <c r="H523447" s="12"/>
    </row>
    <row r="523448" spans="8:8">
      <c r="H523448" s="12"/>
    </row>
    <row r="523449" spans="8:8">
      <c r="H523449" s="12"/>
    </row>
    <row r="523450" spans="8:8">
      <c r="H523450" s="12"/>
    </row>
    <row r="523451" spans="8:8">
      <c r="H523451" s="12"/>
    </row>
    <row r="523452" spans="8:8">
      <c r="H523452" s="12"/>
    </row>
    <row r="523453" spans="8:8">
      <c r="H523453" s="12"/>
    </row>
    <row r="523454" spans="8:8">
      <c r="H523454" s="12"/>
    </row>
    <row r="523455" spans="8:8">
      <c r="H523455" s="12"/>
    </row>
    <row r="523456" spans="8:8">
      <c r="H523456" s="12"/>
    </row>
    <row r="523457" spans="8:8">
      <c r="H523457" s="12"/>
    </row>
    <row r="523458" spans="8:8">
      <c r="H523458" s="12"/>
    </row>
    <row r="523459" spans="8:8">
      <c r="H523459" s="12"/>
    </row>
    <row r="523460" spans="8:8">
      <c r="H523460" s="12"/>
    </row>
    <row r="523461" spans="8:8">
      <c r="H523461" s="12"/>
    </row>
    <row r="523462" spans="8:8">
      <c r="H523462" s="12"/>
    </row>
    <row r="523463" spans="8:8">
      <c r="H523463" s="12"/>
    </row>
    <row r="523464" spans="8:8">
      <c r="H523464" s="12"/>
    </row>
    <row r="523465" spans="8:8">
      <c r="H523465" s="12"/>
    </row>
    <row r="523466" spans="8:8">
      <c r="H523466" s="12"/>
    </row>
    <row r="523467" spans="8:8">
      <c r="H523467" s="12"/>
    </row>
    <row r="523468" spans="8:8">
      <c r="H523468" s="12"/>
    </row>
    <row r="523469" spans="8:8">
      <c r="H523469" s="12"/>
    </row>
    <row r="523470" spans="8:8">
      <c r="H523470" s="12"/>
    </row>
    <row r="523471" spans="8:8">
      <c r="H523471" s="12"/>
    </row>
    <row r="523472" spans="8:8">
      <c r="H523472" s="12"/>
    </row>
    <row r="523473" spans="8:8">
      <c r="H523473" s="12"/>
    </row>
    <row r="523474" spans="8:8">
      <c r="H523474" s="12"/>
    </row>
    <row r="523475" spans="8:8">
      <c r="H523475" s="12"/>
    </row>
    <row r="523476" spans="8:8">
      <c r="H523476" s="12"/>
    </row>
    <row r="523477" spans="8:8">
      <c r="H523477" s="12"/>
    </row>
    <row r="523478" spans="8:8">
      <c r="H523478" s="12"/>
    </row>
    <row r="523479" spans="8:8">
      <c r="H523479" s="12"/>
    </row>
    <row r="523480" spans="8:8">
      <c r="H523480" s="12"/>
    </row>
    <row r="523481" spans="8:8">
      <c r="H523481" s="12"/>
    </row>
    <row r="523482" spans="8:8">
      <c r="H523482" s="12"/>
    </row>
    <row r="523483" spans="8:8">
      <c r="H523483" s="12"/>
    </row>
    <row r="523484" spans="8:8">
      <c r="H523484" s="12"/>
    </row>
    <row r="523485" spans="8:8">
      <c r="H523485" s="12"/>
    </row>
    <row r="523486" spans="8:8">
      <c r="H523486" s="12"/>
    </row>
    <row r="523487" spans="8:8">
      <c r="H523487" s="12"/>
    </row>
    <row r="523488" spans="8:8">
      <c r="H523488" s="12"/>
    </row>
    <row r="523489" spans="8:8">
      <c r="H523489" s="12"/>
    </row>
    <row r="523490" spans="8:8">
      <c r="H523490" s="12"/>
    </row>
    <row r="523491" spans="8:8">
      <c r="H523491" s="12"/>
    </row>
    <row r="523492" spans="8:8">
      <c r="H523492" s="12"/>
    </row>
    <row r="523493" spans="8:8">
      <c r="H523493" s="12"/>
    </row>
    <row r="523494" spans="8:8">
      <c r="H523494" s="12"/>
    </row>
    <row r="523495" spans="8:8">
      <c r="H523495" s="12"/>
    </row>
    <row r="523496" spans="8:8">
      <c r="H523496" s="12"/>
    </row>
    <row r="523497" spans="8:8">
      <c r="H523497" s="12"/>
    </row>
    <row r="523498" spans="8:8">
      <c r="H523498" s="12"/>
    </row>
    <row r="523499" spans="8:8">
      <c r="H523499" s="12"/>
    </row>
    <row r="523500" spans="8:8">
      <c r="H523500" s="12"/>
    </row>
    <row r="523501" spans="8:8">
      <c r="H523501" s="12"/>
    </row>
    <row r="523502" spans="8:8">
      <c r="H523502" s="12"/>
    </row>
    <row r="523503" spans="8:8">
      <c r="H523503" s="12"/>
    </row>
    <row r="523504" spans="8:8">
      <c r="H523504" s="12"/>
    </row>
    <row r="523505" spans="8:8">
      <c r="H523505" s="12"/>
    </row>
    <row r="523506" spans="8:8">
      <c r="H523506" s="12"/>
    </row>
    <row r="523507" spans="8:8">
      <c r="H523507" s="12"/>
    </row>
    <row r="523508" spans="8:8">
      <c r="H523508" s="12"/>
    </row>
    <row r="523509" spans="8:8">
      <c r="H523509" s="12"/>
    </row>
    <row r="523510" spans="8:8">
      <c r="H523510" s="12"/>
    </row>
    <row r="523511" spans="8:8">
      <c r="H523511" s="12"/>
    </row>
    <row r="523512" spans="8:8">
      <c r="H523512" s="12"/>
    </row>
    <row r="523513" spans="8:8">
      <c r="H523513" s="12"/>
    </row>
    <row r="523514" spans="8:8">
      <c r="H523514" s="12"/>
    </row>
    <row r="523515" spans="8:8">
      <c r="H523515" s="12"/>
    </row>
    <row r="523516" spans="8:8">
      <c r="H523516" s="12"/>
    </row>
    <row r="523517" spans="8:8">
      <c r="H523517" s="12"/>
    </row>
    <row r="523518" spans="8:8">
      <c r="H523518" s="12"/>
    </row>
    <row r="523519" spans="8:8">
      <c r="H523519" s="12"/>
    </row>
    <row r="523520" spans="8:8">
      <c r="H523520" s="12"/>
    </row>
    <row r="523521" spans="8:8">
      <c r="H523521" s="12"/>
    </row>
    <row r="523522" spans="8:8">
      <c r="H523522" s="12"/>
    </row>
    <row r="523523" spans="8:8">
      <c r="H523523" s="12"/>
    </row>
    <row r="523524" spans="8:8">
      <c r="H523524" s="12"/>
    </row>
    <row r="523525" spans="8:8">
      <c r="H523525" s="12"/>
    </row>
    <row r="523526" spans="8:8">
      <c r="H523526" s="12"/>
    </row>
    <row r="523527" spans="8:8">
      <c r="H523527" s="12"/>
    </row>
    <row r="523528" spans="8:8">
      <c r="H523528" s="12"/>
    </row>
    <row r="523529" spans="8:8">
      <c r="H523529" s="12"/>
    </row>
    <row r="523530" spans="8:8">
      <c r="H523530" s="12"/>
    </row>
    <row r="523531" spans="8:8">
      <c r="H523531" s="12"/>
    </row>
    <row r="523532" spans="8:8">
      <c r="H523532" s="12"/>
    </row>
    <row r="523533" spans="8:8">
      <c r="H523533" s="12"/>
    </row>
    <row r="523534" spans="8:8">
      <c r="H523534" s="12"/>
    </row>
    <row r="523535" spans="8:8">
      <c r="H523535" s="12"/>
    </row>
    <row r="523536" spans="8:8">
      <c r="H523536" s="12"/>
    </row>
    <row r="523537" spans="8:8">
      <c r="H523537" s="12"/>
    </row>
    <row r="523538" spans="8:8">
      <c r="H523538" s="12"/>
    </row>
    <row r="523539" spans="8:8">
      <c r="H523539" s="12"/>
    </row>
    <row r="523540" spans="8:8">
      <c r="H523540" s="12"/>
    </row>
    <row r="523541" spans="8:8">
      <c r="H523541" s="12"/>
    </row>
    <row r="523542" spans="8:8">
      <c r="H523542" s="12"/>
    </row>
    <row r="523543" spans="8:8">
      <c r="H523543" s="12"/>
    </row>
    <row r="523544" spans="8:8">
      <c r="H523544" s="12"/>
    </row>
    <row r="523545" spans="8:8">
      <c r="H523545" s="12"/>
    </row>
    <row r="523546" spans="8:8">
      <c r="H523546" s="12"/>
    </row>
    <row r="523547" spans="8:8">
      <c r="H523547" s="12"/>
    </row>
    <row r="523548" spans="8:8">
      <c r="H523548" s="12"/>
    </row>
    <row r="523549" spans="8:8">
      <c r="H523549" s="12"/>
    </row>
    <row r="523550" spans="8:8">
      <c r="H523550" s="12"/>
    </row>
    <row r="523551" spans="8:8">
      <c r="H523551" s="12"/>
    </row>
    <row r="523552" spans="8:8">
      <c r="H523552" s="12"/>
    </row>
    <row r="523553" spans="8:8">
      <c r="H523553" s="12"/>
    </row>
    <row r="523554" spans="8:8">
      <c r="H523554" s="12"/>
    </row>
    <row r="523555" spans="8:8">
      <c r="H523555" s="12"/>
    </row>
    <row r="523556" spans="8:8">
      <c r="H523556" s="12"/>
    </row>
    <row r="523557" spans="8:8">
      <c r="H523557" s="12"/>
    </row>
    <row r="523558" spans="8:8">
      <c r="H523558" s="12"/>
    </row>
    <row r="523559" spans="8:8">
      <c r="H523559" s="12"/>
    </row>
    <row r="523560" spans="8:8">
      <c r="H523560" s="12"/>
    </row>
    <row r="523561" spans="8:8">
      <c r="H523561" s="12"/>
    </row>
    <row r="523562" spans="8:8">
      <c r="H523562" s="12"/>
    </row>
    <row r="523563" spans="8:8">
      <c r="H523563" s="12"/>
    </row>
    <row r="523564" spans="8:8">
      <c r="H523564" s="12"/>
    </row>
    <row r="523565" spans="8:8">
      <c r="H523565" s="12"/>
    </row>
    <row r="523566" spans="8:8">
      <c r="H523566" s="12"/>
    </row>
    <row r="523567" spans="8:8">
      <c r="H523567" s="12"/>
    </row>
    <row r="523568" spans="8:8">
      <c r="H523568" s="12"/>
    </row>
    <row r="523569" spans="8:8">
      <c r="H523569" s="12"/>
    </row>
    <row r="523570" spans="8:8">
      <c r="H523570" s="12"/>
    </row>
    <row r="523571" spans="8:8">
      <c r="H523571" s="12"/>
    </row>
    <row r="523572" spans="8:8">
      <c r="H523572" s="12"/>
    </row>
    <row r="523573" spans="8:8">
      <c r="H523573" s="12"/>
    </row>
    <row r="523574" spans="8:8">
      <c r="H523574" s="12"/>
    </row>
    <row r="523575" spans="8:8">
      <c r="H523575" s="12"/>
    </row>
    <row r="523576" spans="8:8">
      <c r="H523576" s="12"/>
    </row>
    <row r="523577" spans="8:8">
      <c r="H523577" s="12"/>
    </row>
    <row r="523578" spans="8:8">
      <c r="H523578" s="12"/>
    </row>
    <row r="523579" spans="8:8">
      <c r="H523579" s="12"/>
    </row>
    <row r="523580" spans="8:8">
      <c r="H523580" s="12"/>
    </row>
    <row r="523581" spans="8:8">
      <c r="H523581" s="12"/>
    </row>
    <row r="523582" spans="8:8">
      <c r="H523582" s="12"/>
    </row>
    <row r="523583" spans="8:8">
      <c r="H523583" s="12"/>
    </row>
    <row r="523584" spans="8:8">
      <c r="H523584" s="12"/>
    </row>
    <row r="523585" spans="8:8">
      <c r="H523585" s="12"/>
    </row>
    <row r="523586" spans="8:8">
      <c r="H523586" s="12"/>
    </row>
    <row r="523587" spans="8:8">
      <c r="H523587" s="12"/>
    </row>
    <row r="523588" spans="8:8">
      <c r="H523588" s="12"/>
    </row>
    <row r="523589" spans="8:8">
      <c r="H523589" s="12"/>
    </row>
    <row r="523590" spans="8:8">
      <c r="H523590" s="12"/>
    </row>
    <row r="523591" spans="8:8">
      <c r="H523591" s="12"/>
    </row>
    <row r="523592" spans="8:8">
      <c r="H523592" s="12"/>
    </row>
    <row r="523593" spans="8:8">
      <c r="H523593" s="12"/>
    </row>
    <row r="523594" spans="8:8">
      <c r="H523594" s="12"/>
    </row>
    <row r="523595" spans="8:8">
      <c r="H523595" s="12"/>
    </row>
    <row r="523596" spans="8:8">
      <c r="H523596" s="12"/>
    </row>
    <row r="523597" spans="8:8">
      <c r="H523597" s="12"/>
    </row>
    <row r="523598" spans="8:8">
      <c r="H523598" s="12"/>
    </row>
    <row r="523599" spans="8:8">
      <c r="H523599" s="12"/>
    </row>
    <row r="523600" spans="8:8">
      <c r="H523600" s="12"/>
    </row>
    <row r="523601" spans="8:8">
      <c r="H523601" s="12"/>
    </row>
    <row r="523602" spans="8:8">
      <c r="H523602" s="12"/>
    </row>
    <row r="523603" spans="8:8">
      <c r="H523603" s="12"/>
    </row>
    <row r="523604" spans="8:8">
      <c r="H523604" s="12"/>
    </row>
    <row r="523605" spans="8:8">
      <c r="H523605" s="12"/>
    </row>
    <row r="523606" spans="8:8">
      <c r="H523606" s="12"/>
    </row>
    <row r="523607" spans="8:8">
      <c r="H523607" s="12"/>
    </row>
    <row r="523608" spans="8:8">
      <c r="H523608" s="12"/>
    </row>
    <row r="523609" spans="8:8">
      <c r="H523609" s="12"/>
    </row>
    <row r="523610" spans="8:8">
      <c r="H523610" s="12"/>
    </row>
    <row r="523611" spans="8:8">
      <c r="H523611" s="12"/>
    </row>
    <row r="523612" spans="8:8">
      <c r="H523612" s="12"/>
    </row>
    <row r="523613" spans="8:8">
      <c r="H523613" s="12"/>
    </row>
    <row r="523614" spans="8:8">
      <c r="H523614" s="12"/>
    </row>
    <row r="523615" spans="8:8">
      <c r="H523615" s="12"/>
    </row>
    <row r="523616" spans="8:8">
      <c r="H523616" s="12"/>
    </row>
    <row r="523617" spans="8:8">
      <c r="H523617" s="12"/>
    </row>
    <row r="523618" spans="8:8">
      <c r="H523618" s="12"/>
    </row>
    <row r="523619" spans="8:8">
      <c r="H523619" s="12"/>
    </row>
    <row r="523620" spans="8:8">
      <c r="H523620" s="12"/>
    </row>
    <row r="523621" spans="8:8">
      <c r="H523621" s="12"/>
    </row>
    <row r="523622" spans="8:8">
      <c r="H523622" s="12"/>
    </row>
    <row r="523623" spans="8:8">
      <c r="H523623" s="12"/>
    </row>
    <row r="523624" spans="8:8">
      <c r="H523624" s="12"/>
    </row>
    <row r="523625" spans="8:8">
      <c r="H523625" s="12"/>
    </row>
    <row r="523626" spans="8:8">
      <c r="H523626" s="12"/>
    </row>
    <row r="523627" spans="8:8">
      <c r="H523627" s="12"/>
    </row>
    <row r="523628" spans="8:8">
      <c r="H523628" s="12"/>
    </row>
    <row r="523629" spans="8:8">
      <c r="H523629" s="12"/>
    </row>
    <row r="523630" spans="8:8">
      <c r="H523630" s="12"/>
    </row>
    <row r="523631" spans="8:8">
      <c r="H523631" s="12"/>
    </row>
    <row r="523632" spans="8:8">
      <c r="H523632" s="12"/>
    </row>
    <row r="523633" spans="8:8">
      <c r="H523633" s="12"/>
    </row>
    <row r="523634" spans="8:8">
      <c r="H523634" s="12"/>
    </row>
    <row r="523635" spans="8:8">
      <c r="H523635" s="12"/>
    </row>
    <row r="523636" spans="8:8">
      <c r="H523636" s="12"/>
    </row>
    <row r="523637" spans="8:8">
      <c r="H523637" s="12"/>
    </row>
    <row r="523638" spans="8:8">
      <c r="H523638" s="12"/>
    </row>
    <row r="523639" spans="8:8">
      <c r="H523639" s="12"/>
    </row>
    <row r="523640" spans="8:8">
      <c r="H523640" s="12"/>
    </row>
    <row r="523641" spans="8:8">
      <c r="H523641" s="12"/>
    </row>
    <row r="523642" spans="8:8">
      <c r="H523642" s="12"/>
    </row>
    <row r="523643" spans="8:8">
      <c r="H523643" s="12"/>
    </row>
    <row r="523644" spans="8:8">
      <c r="H523644" s="12"/>
    </row>
    <row r="523645" spans="8:8">
      <c r="H523645" s="12"/>
    </row>
    <row r="523646" spans="8:8">
      <c r="H523646" s="12"/>
    </row>
    <row r="523647" spans="8:8">
      <c r="H523647" s="12"/>
    </row>
    <row r="523648" spans="8:8">
      <c r="H523648" s="12"/>
    </row>
    <row r="523649" spans="8:8">
      <c r="H523649" s="12"/>
    </row>
    <row r="523650" spans="8:8">
      <c r="H523650" s="12"/>
    </row>
    <row r="523651" spans="8:8">
      <c r="H523651" s="12"/>
    </row>
    <row r="523652" spans="8:8">
      <c r="H523652" s="12"/>
    </row>
    <row r="523653" spans="8:8">
      <c r="H523653" s="12"/>
    </row>
    <row r="523654" spans="8:8">
      <c r="H523654" s="12"/>
    </row>
    <row r="523655" spans="8:8">
      <c r="H523655" s="12"/>
    </row>
    <row r="523656" spans="8:8">
      <c r="H523656" s="12"/>
    </row>
    <row r="523657" spans="8:8">
      <c r="H523657" s="12"/>
    </row>
    <row r="523658" spans="8:8">
      <c r="H523658" s="12"/>
    </row>
    <row r="523659" spans="8:8">
      <c r="H523659" s="12"/>
    </row>
    <row r="523660" spans="8:8">
      <c r="H523660" s="12"/>
    </row>
    <row r="523661" spans="8:8">
      <c r="H523661" s="12"/>
    </row>
    <row r="523662" spans="8:8">
      <c r="H523662" s="12"/>
    </row>
    <row r="523663" spans="8:8">
      <c r="H523663" s="12"/>
    </row>
    <row r="523664" spans="8:8">
      <c r="H523664" s="12"/>
    </row>
    <row r="523665" spans="8:8">
      <c r="H523665" s="12"/>
    </row>
    <row r="523666" spans="8:8">
      <c r="H523666" s="12"/>
    </row>
    <row r="523667" spans="8:8">
      <c r="H523667" s="12"/>
    </row>
    <row r="523668" spans="8:8">
      <c r="H523668" s="12"/>
    </row>
    <row r="523669" spans="8:8">
      <c r="H523669" s="12"/>
    </row>
    <row r="523670" spans="8:8">
      <c r="H523670" s="12"/>
    </row>
    <row r="523671" spans="8:8">
      <c r="H523671" s="12"/>
    </row>
    <row r="523672" spans="8:8">
      <c r="H523672" s="12"/>
    </row>
    <row r="523673" spans="8:8">
      <c r="H523673" s="12"/>
    </row>
    <row r="523674" spans="8:8">
      <c r="H523674" s="12"/>
    </row>
    <row r="523675" spans="8:8">
      <c r="H523675" s="12"/>
    </row>
    <row r="523676" spans="8:8">
      <c r="H523676" s="12"/>
    </row>
    <row r="523677" spans="8:8">
      <c r="H523677" s="12"/>
    </row>
    <row r="523678" spans="8:8">
      <c r="H523678" s="12"/>
    </row>
    <row r="523679" spans="8:8">
      <c r="H523679" s="12"/>
    </row>
    <row r="523680" spans="8:8">
      <c r="H523680" s="12"/>
    </row>
    <row r="523681" spans="8:8">
      <c r="H523681" s="12"/>
    </row>
    <row r="523682" spans="8:8">
      <c r="H523682" s="12"/>
    </row>
    <row r="523683" spans="8:8">
      <c r="H523683" s="12"/>
    </row>
    <row r="523684" spans="8:8">
      <c r="H523684" s="12"/>
    </row>
    <row r="523685" spans="8:8">
      <c r="H523685" s="12"/>
    </row>
    <row r="523686" spans="8:8">
      <c r="H523686" s="12"/>
    </row>
    <row r="523687" spans="8:8">
      <c r="H523687" s="12"/>
    </row>
    <row r="523688" spans="8:8">
      <c r="H523688" s="12"/>
    </row>
    <row r="523689" spans="8:8">
      <c r="H523689" s="12"/>
    </row>
    <row r="523690" spans="8:8">
      <c r="H523690" s="12"/>
    </row>
    <row r="523691" spans="8:8">
      <c r="H523691" s="12"/>
    </row>
    <row r="523692" spans="8:8">
      <c r="H523692" s="12"/>
    </row>
    <row r="523693" spans="8:8">
      <c r="H523693" s="12"/>
    </row>
    <row r="523694" spans="8:8">
      <c r="H523694" s="12"/>
    </row>
    <row r="523695" spans="8:8">
      <c r="H523695" s="12"/>
    </row>
    <row r="523696" spans="8:8">
      <c r="H523696" s="12"/>
    </row>
    <row r="523697" spans="8:8">
      <c r="H523697" s="12"/>
    </row>
    <row r="523698" spans="8:8">
      <c r="H523698" s="12"/>
    </row>
    <row r="523699" spans="8:8">
      <c r="H523699" s="12"/>
    </row>
    <row r="523700" spans="8:8">
      <c r="H523700" s="12"/>
    </row>
    <row r="523701" spans="8:8">
      <c r="H523701" s="12"/>
    </row>
    <row r="523702" spans="8:8">
      <c r="H523702" s="12"/>
    </row>
    <row r="523703" spans="8:8">
      <c r="H523703" s="12"/>
    </row>
    <row r="523704" spans="8:8">
      <c r="H523704" s="12"/>
    </row>
    <row r="523705" spans="8:8">
      <c r="H523705" s="12"/>
    </row>
    <row r="523706" spans="8:8">
      <c r="H523706" s="12"/>
    </row>
    <row r="523707" spans="8:8">
      <c r="H523707" s="12"/>
    </row>
    <row r="523708" spans="8:8">
      <c r="H523708" s="12"/>
    </row>
    <row r="523709" spans="8:8">
      <c r="H523709" s="12"/>
    </row>
    <row r="523710" spans="8:8">
      <c r="H523710" s="12"/>
    </row>
    <row r="523711" spans="8:8">
      <c r="H523711" s="12"/>
    </row>
    <row r="523712" spans="8:8">
      <c r="H523712" s="12"/>
    </row>
    <row r="523713" spans="8:8">
      <c r="H523713" s="12"/>
    </row>
    <row r="523714" spans="8:8">
      <c r="H523714" s="12"/>
    </row>
    <row r="523715" spans="8:8">
      <c r="H523715" s="12"/>
    </row>
    <row r="523716" spans="8:8">
      <c r="H523716" s="12"/>
    </row>
    <row r="523717" spans="8:8">
      <c r="H523717" s="12"/>
    </row>
    <row r="523718" spans="8:8">
      <c r="H523718" s="12"/>
    </row>
    <row r="523719" spans="8:8">
      <c r="H523719" s="12"/>
    </row>
    <row r="523720" spans="8:8">
      <c r="H523720" s="12"/>
    </row>
    <row r="523721" spans="8:8">
      <c r="H523721" s="12"/>
    </row>
    <row r="523722" spans="8:8">
      <c r="H523722" s="12"/>
    </row>
    <row r="523723" spans="8:8">
      <c r="H523723" s="12"/>
    </row>
    <row r="523724" spans="8:8">
      <c r="H523724" s="12"/>
    </row>
    <row r="523725" spans="8:8">
      <c r="H523725" s="12"/>
    </row>
    <row r="523726" spans="8:8">
      <c r="H523726" s="12"/>
    </row>
    <row r="523727" spans="8:8">
      <c r="H523727" s="12"/>
    </row>
    <row r="523728" spans="8:8">
      <c r="H523728" s="12"/>
    </row>
    <row r="523729" spans="8:8">
      <c r="H523729" s="12"/>
    </row>
    <row r="523730" spans="8:8">
      <c r="H523730" s="12"/>
    </row>
    <row r="523731" spans="8:8">
      <c r="H523731" s="12"/>
    </row>
    <row r="523732" spans="8:8">
      <c r="H523732" s="12"/>
    </row>
    <row r="523733" spans="8:8">
      <c r="H523733" s="12"/>
    </row>
    <row r="523734" spans="8:8">
      <c r="H523734" s="12"/>
    </row>
    <row r="523735" spans="8:8">
      <c r="H523735" s="12"/>
    </row>
    <row r="523736" spans="8:8">
      <c r="H523736" s="12"/>
    </row>
    <row r="523737" spans="8:8">
      <c r="H523737" s="12"/>
    </row>
    <row r="523738" spans="8:8">
      <c r="H523738" s="12"/>
    </row>
    <row r="523739" spans="8:8">
      <c r="H523739" s="12"/>
    </row>
    <row r="523740" spans="8:8">
      <c r="H523740" s="12"/>
    </row>
    <row r="523741" spans="8:8">
      <c r="H523741" s="12"/>
    </row>
    <row r="523742" spans="8:8">
      <c r="H523742" s="12"/>
    </row>
    <row r="523743" spans="8:8">
      <c r="H523743" s="12"/>
    </row>
    <row r="523744" spans="8:8">
      <c r="H523744" s="12"/>
    </row>
    <row r="523745" spans="8:8">
      <c r="H523745" s="12"/>
    </row>
    <row r="523746" spans="8:8">
      <c r="H523746" s="12"/>
    </row>
    <row r="523747" spans="8:8">
      <c r="H523747" s="12"/>
    </row>
    <row r="523748" spans="8:8">
      <c r="H523748" s="12"/>
    </row>
    <row r="523749" spans="8:8">
      <c r="H523749" s="12"/>
    </row>
    <row r="523750" spans="8:8">
      <c r="H523750" s="12"/>
    </row>
    <row r="523751" spans="8:8">
      <c r="H523751" s="12"/>
    </row>
    <row r="523752" spans="8:8">
      <c r="H523752" s="12"/>
    </row>
    <row r="523753" spans="8:8">
      <c r="H523753" s="12"/>
    </row>
    <row r="523754" spans="8:8">
      <c r="H523754" s="12"/>
    </row>
    <row r="523755" spans="8:8">
      <c r="H523755" s="12"/>
    </row>
    <row r="523756" spans="8:8">
      <c r="H523756" s="12"/>
    </row>
    <row r="523757" spans="8:8">
      <c r="H523757" s="12"/>
    </row>
    <row r="523758" spans="8:8">
      <c r="H523758" s="12"/>
    </row>
    <row r="523759" spans="8:8">
      <c r="H523759" s="12"/>
    </row>
    <row r="523760" spans="8:8">
      <c r="H523760" s="12"/>
    </row>
    <row r="523761" spans="8:8">
      <c r="H523761" s="12"/>
    </row>
    <row r="523762" spans="8:8">
      <c r="H523762" s="12"/>
    </row>
    <row r="523763" spans="8:8">
      <c r="H523763" s="12"/>
    </row>
    <row r="523764" spans="8:8">
      <c r="H523764" s="12"/>
    </row>
    <row r="523765" spans="8:8">
      <c r="H523765" s="12"/>
    </row>
    <row r="523766" spans="8:8">
      <c r="H523766" s="12"/>
    </row>
    <row r="523767" spans="8:8">
      <c r="H523767" s="12"/>
    </row>
    <row r="523768" spans="8:8">
      <c r="H523768" s="12"/>
    </row>
    <row r="523769" spans="8:8">
      <c r="H523769" s="12"/>
    </row>
    <row r="523770" spans="8:8">
      <c r="H523770" s="12"/>
    </row>
    <row r="523771" spans="8:8">
      <c r="H523771" s="12"/>
    </row>
    <row r="523772" spans="8:8">
      <c r="H523772" s="12"/>
    </row>
    <row r="523773" spans="8:8">
      <c r="H523773" s="12"/>
    </row>
    <row r="523774" spans="8:8">
      <c r="H523774" s="12"/>
    </row>
    <row r="523775" spans="8:8">
      <c r="H523775" s="12"/>
    </row>
    <row r="523776" spans="8:8">
      <c r="H523776" s="12"/>
    </row>
    <row r="523777" spans="8:8">
      <c r="H523777" s="12"/>
    </row>
    <row r="523778" spans="8:8">
      <c r="H523778" s="12"/>
    </row>
    <row r="523779" spans="8:8">
      <c r="H523779" s="12"/>
    </row>
    <row r="523780" spans="8:8">
      <c r="H523780" s="12"/>
    </row>
    <row r="523781" spans="8:8">
      <c r="H523781" s="12"/>
    </row>
    <row r="523782" spans="8:8">
      <c r="H523782" s="12"/>
    </row>
    <row r="523783" spans="8:8">
      <c r="H523783" s="12"/>
    </row>
    <row r="523784" spans="8:8">
      <c r="H523784" s="12"/>
    </row>
    <row r="523785" spans="8:8">
      <c r="H523785" s="12"/>
    </row>
    <row r="523786" spans="8:8">
      <c r="H523786" s="12"/>
    </row>
    <row r="523787" spans="8:8">
      <c r="H523787" s="12"/>
    </row>
    <row r="523788" spans="8:8">
      <c r="H523788" s="12"/>
    </row>
    <row r="523789" spans="8:8">
      <c r="H523789" s="12"/>
    </row>
    <row r="523790" spans="8:8">
      <c r="H523790" s="12"/>
    </row>
    <row r="523791" spans="8:8">
      <c r="H523791" s="12"/>
    </row>
    <row r="523792" spans="8:8">
      <c r="H523792" s="12"/>
    </row>
    <row r="523793" spans="8:8">
      <c r="H523793" s="12"/>
    </row>
    <row r="523794" spans="8:8">
      <c r="H523794" s="12"/>
    </row>
    <row r="523795" spans="8:8">
      <c r="H523795" s="12"/>
    </row>
    <row r="523796" spans="8:8">
      <c r="H523796" s="12"/>
    </row>
    <row r="523797" spans="8:8">
      <c r="H523797" s="12"/>
    </row>
    <row r="523798" spans="8:8">
      <c r="H523798" s="12"/>
    </row>
    <row r="523799" spans="8:8">
      <c r="H523799" s="12"/>
    </row>
    <row r="523800" spans="8:8">
      <c r="H523800" s="12"/>
    </row>
    <row r="523801" spans="8:8">
      <c r="H523801" s="12"/>
    </row>
    <row r="523802" spans="8:8">
      <c r="H523802" s="12"/>
    </row>
    <row r="523803" spans="8:8">
      <c r="H523803" s="12"/>
    </row>
    <row r="523804" spans="8:8">
      <c r="H523804" s="12"/>
    </row>
    <row r="523805" spans="8:8">
      <c r="H523805" s="12"/>
    </row>
    <row r="523806" spans="8:8">
      <c r="H523806" s="12"/>
    </row>
    <row r="523807" spans="8:8">
      <c r="H523807" s="12"/>
    </row>
    <row r="523808" spans="8:8">
      <c r="H523808" s="12"/>
    </row>
    <row r="523809" spans="8:8">
      <c r="H523809" s="12"/>
    </row>
    <row r="523810" spans="8:8">
      <c r="H523810" s="12"/>
    </row>
    <row r="523811" spans="8:8">
      <c r="H523811" s="12"/>
    </row>
    <row r="523812" spans="8:8">
      <c r="H523812" s="12"/>
    </row>
    <row r="523813" spans="8:8">
      <c r="H523813" s="12"/>
    </row>
    <row r="523814" spans="8:8">
      <c r="H523814" s="12"/>
    </row>
    <row r="523815" spans="8:8">
      <c r="H523815" s="12"/>
    </row>
    <row r="523816" spans="8:8">
      <c r="H523816" s="12"/>
    </row>
    <row r="523817" spans="8:8">
      <c r="H523817" s="12"/>
    </row>
    <row r="523818" spans="8:8">
      <c r="H523818" s="12"/>
    </row>
    <row r="523819" spans="8:8">
      <c r="H523819" s="12"/>
    </row>
    <row r="523820" spans="8:8">
      <c r="H523820" s="12"/>
    </row>
    <row r="523821" spans="8:8">
      <c r="H523821" s="12"/>
    </row>
    <row r="523822" spans="8:8">
      <c r="H523822" s="12"/>
    </row>
    <row r="523823" spans="8:8">
      <c r="H523823" s="12"/>
    </row>
    <row r="523824" spans="8:8">
      <c r="H523824" s="12"/>
    </row>
    <row r="523825" spans="8:8">
      <c r="H523825" s="12"/>
    </row>
    <row r="523826" spans="8:8">
      <c r="H523826" s="12"/>
    </row>
    <row r="523827" spans="8:8">
      <c r="H523827" s="12"/>
    </row>
    <row r="523828" spans="8:8">
      <c r="H523828" s="12"/>
    </row>
    <row r="523829" spans="8:8">
      <c r="H523829" s="12"/>
    </row>
    <row r="523830" spans="8:8">
      <c r="H523830" s="12"/>
    </row>
    <row r="523831" spans="8:8">
      <c r="H523831" s="12"/>
    </row>
    <row r="523832" spans="8:8">
      <c r="H523832" s="12"/>
    </row>
    <row r="523833" spans="8:8">
      <c r="H523833" s="12"/>
    </row>
    <row r="523834" spans="8:8">
      <c r="H523834" s="12"/>
    </row>
    <row r="523835" spans="8:8">
      <c r="H523835" s="12"/>
    </row>
    <row r="523836" spans="8:8">
      <c r="H523836" s="12"/>
    </row>
    <row r="523837" spans="8:8">
      <c r="H523837" s="12"/>
    </row>
    <row r="523838" spans="8:8">
      <c r="H523838" s="12"/>
    </row>
    <row r="523839" spans="8:8">
      <c r="H523839" s="12"/>
    </row>
    <row r="523840" spans="8:8">
      <c r="H523840" s="12"/>
    </row>
    <row r="523841" spans="8:8">
      <c r="H523841" s="12"/>
    </row>
    <row r="523842" spans="8:8">
      <c r="H523842" s="12"/>
    </row>
    <row r="523843" spans="8:8">
      <c r="H523843" s="12"/>
    </row>
    <row r="523844" spans="8:8">
      <c r="H523844" s="12"/>
    </row>
    <row r="523845" spans="8:8">
      <c r="H523845" s="12"/>
    </row>
    <row r="523846" spans="8:8">
      <c r="H523846" s="12"/>
    </row>
    <row r="523847" spans="8:8">
      <c r="H523847" s="12"/>
    </row>
    <row r="523848" spans="8:8">
      <c r="H523848" s="12"/>
    </row>
    <row r="523849" spans="8:8">
      <c r="H523849" s="12"/>
    </row>
    <row r="523850" spans="8:8">
      <c r="H523850" s="12"/>
    </row>
    <row r="523851" spans="8:8">
      <c r="H523851" s="12"/>
    </row>
    <row r="523852" spans="8:8">
      <c r="H523852" s="12"/>
    </row>
    <row r="523853" spans="8:8">
      <c r="H523853" s="12"/>
    </row>
    <row r="523854" spans="8:8">
      <c r="H523854" s="12"/>
    </row>
    <row r="523855" spans="8:8">
      <c r="H523855" s="12"/>
    </row>
    <row r="523856" spans="8:8">
      <c r="H523856" s="12"/>
    </row>
    <row r="523857" spans="8:8">
      <c r="H523857" s="12"/>
    </row>
    <row r="523858" spans="8:8">
      <c r="H523858" s="12"/>
    </row>
    <row r="523859" spans="8:8">
      <c r="H523859" s="12"/>
    </row>
    <row r="523860" spans="8:8">
      <c r="H523860" s="12"/>
    </row>
    <row r="523861" spans="8:8">
      <c r="H523861" s="12"/>
    </row>
    <row r="523862" spans="8:8">
      <c r="H523862" s="12"/>
    </row>
    <row r="523863" spans="8:8">
      <c r="H523863" s="12"/>
    </row>
    <row r="523864" spans="8:8">
      <c r="H523864" s="12"/>
    </row>
    <row r="523865" spans="8:8">
      <c r="H523865" s="12"/>
    </row>
    <row r="523866" spans="8:8">
      <c r="H523866" s="12"/>
    </row>
    <row r="523867" spans="8:8">
      <c r="H523867" s="12"/>
    </row>
    <row r="523868" spans="8:8">
      <c r="H523868" s="12"/>
    </row>
    <row r="523869" spans="8:8">
      <c r="H523869" s="12"/>
    </row>
    <row r="523870" spans="8:8">
      <c r="H523870" s="12"/>
    </row>
    <row r="523871" spans="8:8">
      <c r="H523871" s="12"/>
    </row>
    <row r="523872" spans="8:8">
      <c r="H523872" s="12"/>
    </row>
    <row r="523873" spans="8:8">
      <c r="H523873" s="12"/>
    </row>
    <row r="523874" spans="8:8">
      <c r="H523874" s="12"/>
    </row>
    <row r="523875" spans="8:8">
      <c r="H523875" s="12"/>
    </row>
    <row r="523876" spans="8:8">
      <c r="H523876" s="12"/>
    </row>
    <row r="523877" spans="8:8">
      <c r="H523877" s="12"/>
    </row>
    <row r="523878" spans="8:8">
      <c r="H523878" s="12"/>
    </row>
    <row r="523879" spans="8:8">
      <c r="H523879" s="12"/>
    </row>
    <row r="523880" spans="8:8">
      <c r="H523880" s="12"/>
    </row>
    <row r="523881" spans="8:8">
      <c r="H523881" s="12"/>
    </row>
    <row r="523882" spans="8:8">
      <c r="H523882" s="12"/>
    </row>
    <row r="523883" spans="8:8">
      <c r="H523883" s="12"/>
    </row>
    <row r="523884" spans="8:8">
      <c r="H523884" s="12"/>
    </row>
    <row r="523885" spans="8:8">
      <c r="H523885" s="12"/>
    </row>
    <row r="523886" spans="8:8">
      <c r="H523886" s="12"/>
    </row>
    <row r="523887" spans="8:8">
      <c r="H523887" s="12"/>
    </row>
    <row r="523888" spans="8:8">
      <c r="H523888" s="12"/>
    </row>
    <row r="523889" spans="8:8">
      <c r="H523889" s="12"/>
    </row>
    <row r="523890" spans="8:8">
      <c r="H523890" s="12"/>
    </row>
    <row r="523891" spans="8:8">
      <c r="H523891" s="12"/>
    </row>
    <row r="523892" spans="8:8">
      <c r="H523892" s="12"/>
    </row>
    <row r="523893" spans="8:8">
      <c r="H523893" s="12"/>
    </row>
    <row r="523894" spans="8:8">
      <c r="H523894" s="12"/>
    </row>
    <row r="523895" spans="8:8">
      <c r="H523895" s="12"/>
    </row>
    <row r="523896" spans="8:8">
      <c r="H523896" s="12"/>
    </row>
    <row r="523897" spans="8:8">
      <c r="H523897" s="12"/>
    </row>
    <row r="523898" spans="8:8">
      <c r="H523898" s="12"/>
    </row>
    <row r="523899" spans="8:8">
      <c r="H523899" s="12"/>
    </row>
    <row r="523900" spans="8:8">
      <c r="H523900" s="12"/>
    </row>
    <row r="523901" spans="8:8">
      <c r="H523901" s="12"/>
    </row>
    <row r="523902" spans="8:8">
      <c r="H523902" s="12"/>
    </row>
    <row r="523903" spans="8:8">
      <c r="H523903" s="12"/>
    </row>
    <row r="523904" spans="8:8">
      <c r="H523904" s="12"/>
    </row>
    <row r="523905" spans="8:8">
      <c r="H523905" s="12"/>
    </row>
    <row r="523906" spans="8:8">
      <c r="H523906" s="12"/>
    </row>
    <row r="523907" spans="8:8">
      <c r="H523907" s="12"/>
    </row>
    <row r="523908" spans="8:8">
      <c r="H523908" s="12"/>
    </row>
    <row r="523909" spans="8:8">
      <c r="H523909" s="12"/>
    </row>
    <row r="523910" spans="8:8">
      <c r="H523910" s="12"/>
    </row>
    <row r="523911" spans="8:8">
      <c r="H523911" s="12"/>
    </row>
    <row r="523912" spans="8:8">
      <c r="H523912" s="12"/>
    </row>
    <row r="523913" spans="8:8">
      <c r="H523913" s="12"/>
    </row>
    <row r="523914" spans="8:8">
      <c r="H523914" s="12"/>
    </row>
    <row r="523915" spans="8:8">
      <c r="H523915" s="12"/>
    </row>
    <row r="523916" spans="8:8">
      <c r="H523916" s="12"/>
    </row>
    <row r="523917" spans="8:8">
      <c r="H523917" s="12"/>
    </row>
    <row r="523918" spans="8:8">
      <c r="H523918" s="12"/>
    </row>
    <row r="523919" spans="8:8">
      <c r="H523919" s="12"/>
    </row>
    <row r="523920" spans="8:8">
      <c r="H523920" s="12"/>
    </row>
    <row r="523921" spans="8:8">
      <c r="H523921" s="12"/>
    </row>
    <row r="523922" spans="8:8">
      <c r="H523922" s="12"/>
    </row>
    <row r="523923" spans="8:8">
      <c r="H523923" s="12"/>
    </row>
    <row r="523924" spans="8:8">
      <c r="H523924" s="12"/>
    </row>
    <row r="523925" spans="8:8">
      <c r="H523925" s="12"/>
    </row>
    <row r="523926" spans="8:8">
      <c r="H523926" s="12"/>
    </row>
    <row r="523927" spans="8:8">
      <c r="H523927" s="12"/>
    </row>
    <row r="523928" spans="8:8">
      <c r="H523928" s="12"/>
    </row>
    <row r="523929" spans="8:8">
      <c r="H523929" s="12"/>
    </row>
    <row r="523930" spans="8:8">
      <c r="H523930" s="12"/>
    </row>
    <row r="523931" spans="8:8">
      <c r="H523931" s="12"/>
    </row>
    <row r="523932" spans="8:8">
      <c r="H523932" s="12"/>
    </row>
    <row r="523933" spans="8:8">
      <c r="H523933" s="12"/>
    </row>
    <row r="523934" spans="8:8">
      <c r="H523934" s="12"/>
    </row>
    <row r="523935" spans="8:8">
      <c r="H523935" s="12"/>
    </row>
    <row r="523936" spans="8:8">
      <c r="H523936" s="12"/>
    </row>
    <row r="523937" spans="8:8">
      <c r="H523937" s="12"/>
    </row>
    <row r="523938" spans="8:8">
      <c r="H523938" s="12"/>
    </row>
    <row r="523939" spans="8:8">
      <c r="H523939" s="12"/>
    </row>
    <row r="523940" spans="8:8">
      <c r="H523940" s="12"/>
    </row>
    <row r="523941" spans="8:8">
      <c r="H523941" s="12"/>
    </row>
    <row r="523942" spans="8:8">
      <c r="H523942" s="12"/>
    </row>
    <row r="523943" spans="8:8">
      <c r="H523943" s="12"/>
    </row>
    <row r="523944" spans="8:8">
      <c r="H523944" s="12"/>
    </row>
    <row r="523945" spans="8:8">
      <c r="H523945" s="12"/>
    </row>
    <row r="523946" spans="8:8">
      <c r="H523946" s="12"/>
    </row>
    <row r="523947" spans="8:8">
      <c r="H523947" s="12"/>
    </row>
    <row r="523948" spans="8:8">
      <c r="H523948" s="12"/>
    </row>
    <row r="523949" spans="8:8">
      <c r="H523949" s="12"/>
    </row>
    <row r="523950" spans="8:8">
      <c r="H523950" s="12"/>
    </row>
    <row r="523951" spans="8:8">
      <c r="H523951" s="12"/>
    </row>
    <row r="523952" spans="8:8">
      <c r="H523952" s="12"/>
    </row>
    <row r="523953" spans="8:8">
      <c r="H523953" s="12"/>
    </row>
    <row r="523954" spans="8:8">
      <c r="H523954" s="12"/>
    </row>
    <row r="523955" spans="8:8">
      <c r="H523955" s="12"/>
    </row>
    <row r="523956" spans="8:8">
      <c r="H523956" s="12"/>
    </row>
    <row r="523957" spans="8:8">
      <c r="H523957" s="12"/>
    </row>
    <row r="523958" spans="8:8">
      <c r="H523958" s="12"/>
    </row>
    <row r="523959" spans="8:8">
      <c r="H523959" s="12"/>
    </row>
    <row r="523960" spans="8:8">
      <c r="H523960" s="12"/>
    </row>
    <row r="523961" spans="8:8">
      <c r="H523961" s="12"/>
    </row>
    <row r="523962" spans="8:8">
      <c r="H523962" s="12"/>
    </row>
    <row r="523963" spans="8:8">
      <c r="H523963" s="12"/>
    </row>
    <row r="523964" spans="8:8">
      <c r="H523964" s="12"/>
    </row>
    <row r="523965" spans="8:8">
      <c r="H523965" s="12"/>
    </row>
    <row r="523966" spans="8:8">
      <c r="H523966" s="12"/>
    </row>
    <row r="523967" spans="8:8">
      <c r="H523967" s="12"/>
    </row>
    <row r="523968" spans="8:8">
      <c r="H523968" s="12"/>
    </row>
    <row r="523969" spans="8:8">
      <c r="H523969" s="12"/>
    </row>
    <row r="523970" spans="8:8">
      <c r="H523970" s="12"/>
    </row>
    <row r="523971" spans="8:8">
      <c r="H523971" s="12"/>
    </row>
    <row r="523972" spans="8:8">
      <c r="H523972" s="12"/>
    </row>
    <row r="523973" spans="8:8">
      <c r="H523973" s="12"/>
    </row>
    <row r="523974" spans="8:8">
      <c r="H523974" s="12"/>
    </row>
    <row r="523975" spans="8:8">
      <c r="H523975" s="12"/>
    </row>
    <row r="523976" spans="8:8">
      <c r="H523976" s="12"/>
    </row>
    <row r="523977" spans="8:8">
      <c r="H523977" s="12"/>
    </row>
    <row r="523978" spans="8:8">
      <c r="H523978" s="12"/>
    </row>
    <row r="523979" spans="8:8">
      <c r="H523979" s="12"/>
    </row>
    <row r="523980" spans="8:8">
      <c r="H523980" s="12"/>
    </row>
    <row r="523981" spans="8:8">
      <c r="H523981" s="12"/>
    </row>
    <row r="523982" spans="8:8">
      <c r="H523982" s="12"/>
    </row>
    <row r="523983" spans="8:8">
      <c r="H523983" s="12"/>
    </row>
    <row r="523984" spans="8:8">
      <c r="H523984" s="12"/>
    </row>
    <row r="523985" spans="8:8">
      <c r="H523985" s="12"/>
    </row>
    <row r="523986" spans="8:8">
      <c r="H523986" s="12"/>
    </row>
    <row r="523987" spans="8:8">
      <c r="H523987" s="12"/>
    </row>
    <row r="523988" spans="8:8">
      <c r="H523988" s="12"/>
    </row>
    <row r="523989" spans="8:8">
      <c r="H523989" s="12"/>
    </row>
    <row r="523990" spans="8:8">
      <c r="H523990" s="12"/>
    </row>
    <row r="523991" spans="8:8">
      <c r="H523991" s="12"/>
    </row>
    <row r="523992" spans="8:8">
      <c r="H523992" s="12"/>
    </row>
    <row r="523993" spans="8:8">
      <c r="H523993" s="12"/>
    </row>
    <row r="523994" spans="8:8">
      <c r="H523994" s="12"/>
    </row>
    <row r="523995" spans="8:8">
      <c r="H523995" s="12"/>
    </row>
    <row r="523996" spans="8:8">
      <c r="H523996" s="12"/>
    </row>
    <row r="523997" spans="8:8">
      <c r="H523997" s="12"/>
    </row>
    <row r="523998" spans="8:8">
      <c r="H523998" s="12"/>
    </row>
    <row r="523999" spans="8:8">
      <c r="H523999" s="12"/>
    </row>
    <row r="524000" spans="8:8">
      <c r="H524000" s="12"/>
    </row>
    <row r="524001" spans="8:8">
      <c r="H524001" s="12"/>
    </row>
    <row r="524002" spans="8:8">
      <c r="H524002" s="12"/>
    </row>
    <row r="524003" spans="8:8">
      <c r="H524003" s="12"/>
    </row>
    <row r="524004" spans="8:8">
      <c r="H524004" s="12"/>
    </row>
    <row r="524005" spans="8:8">
      <c r="H524005" s="12"/>
    </row>
    <row r="524006" spans="8:8">
      <c r="H524006" s="12"/>
    </row>
    <row r="524007" spans="8:8">
      <c r="H524007" s="12"/>
    </row>
    <row r="524008" spans="8:8">
      <c r="H524008" s="12"/>
    </row>
    <row r="524009" spans="8:8">
      <c r="H524009" s="12"/>
    </row>
    <row r="524010" spans="8:8">
      <c r="H524010" s="12"/>
    </row>
    <row r="524011" spans="8:8">
      <c r="H524011" s="12"/>
    </row>
    <row r="524012" spans="8:8">
      <c r="H524012" s="12"/>
    </row>
    <row r="524013" spans="8:8">
      <c r="H524013" s="12"/>
    </row>
    <row r="524014" spans="8:8">
      <c r="H524014" s="12"/>
    </row>
    <row r="524015" spans="8:8">
      <c r="H524015" s="12"/>
    </row>
    <row r="524016" spans="8:8">
      <c r="H524016" s="12"/>
    </row>
    <row r="524017" spans="8:8">
      <c r="H524017" s="12"/>
    </row>
    <row r="524018" spans="8:8">
      <c r="H524018" s="12"/>
    </row>
    <row r="524019" spans="8:8">
      <c r="H524019" s="12"/>
    </row>
    <row r="524020" spans="8:8">
      <c r="H524020" s="12"/>
    </row>
    <row r="524021" spans="8:8">
      <c r="H524021" s="12"/>
    </row>
    <row r="524022" spans="8:8">
      <c r="H524022" s="12"/>
    </row>
    <row r="524023" spans="8:8">
      <c r="H524023" s="12"/>
    </row>
    <row r="524024" spans="8:8">
      <c r="H524024" s="12"/>
    </row>
    <row r="524025" spans="8:8">
      <c r="H524025" s="12"/>
    </row>
    <row r="524026" spans="8:8">
      <c r="H524026" s="12"/>
    </row>
    <row r="524027" spans="8:8">
      <c r="H524027" s="12"/>
    </row>
    <row r="524028" spans="8:8">
      <c r="H524028" s="12"/>
    </row>
    <row r="524029" spans="8:8">
      <c r="H524029" s="12"/>
    </row>
    <row r="524030" spans="8:8">
      <c r="H524030" s="12"/>
    </row>
    <row r="524031" spans="8:8">
      <c r="H524031" s="12"/>
    </row>
    <row r="524032" spans="8:8">
      <c r="H524032" s="12"/>
    </row>
    <row r="524033" spans="8:8">
      <c r="H524033" s="12"/>
    </row>
    <row r="524034" spans="8:8">
      <c r="H524034" s="12"/>
    </row>
    <row r="524035" spans="8:8">
      <c r="H524035" s="12"/>
    </row>
    <row r="524036" spans="8:8">
      <c r="H524036" s="12"/>
    </row>
    <row r="524037" spans="8:8">
      <c r="H524037" s="12"/>
    </row>
    <row r="524038" spans="8:8">
      <c r="H524038" s="12"/>
    </row>
    <row r="524039" spans="8:8">
      <c r="H524039" s="12"/>
    </row>
    <row r="524040" spans="8:8">
      <c r="H524040" s="12"/>
    </row>
    <row r="524041" spans="8:8">
      <c r="H524041" s="12"/>
    </row>
    <row r="524042" spans="8:8">
      <c r="H524042" s="12"/>
    </row>
    <row r="524043" spans="8:8">
      <c r="H524043" s="12"/>
    </row>
    <row r="524044" spans="8:8">
      <c r="H524044" s="12"/>
    </row>
    <row r="524045" spans="8:8">
      <c r="H524045" s="12"/>
    </row>
    <row r="524046" spans="8:8">
      <c r="H524046" s="12"/>
    </row>
    <row r="524047" spans="8:8">
      <c r="H524047" s="12"/>
    </row>
    <row r="524048" spans="8:8">
      <c r="H524048" s="12"/>
    </row>
    <row r="524049" spans="8:8">
      <c r="H524049" s="12"/>
    </row>
    <row r="524050" spans="8:8">
      <c r="H524050" s="12"/>
    </row>
    <row r="524051" spans="8:8">
      <c r="H524051" s="12"/>
    </row>
    <row r="524052" spans="8:8">
      <c r="H524052" s="12"/>
    </row>
    <row r="524053" spans="8:8">
      <c r="H524053" s="12"/>
    </row>
    <row r="524054" spans="8:8">
      <c r="H524054" s="12"/>
    </row>
    <row r="524055" spans="8:8">
      <c r="H524055" s="12"/>
    </row>
    <row r="524056" spans="8:8">
      <c r="H524056" s="12"/>
    </row>
    <row r="524057" spans="8:8">
      <c r="H524057" s="12"/>
    </row>
    <row r="524058" spans="8:8">
      <c r="H524058" s="12"/>
    </row>
    <row r="524059" spans="8:8">
      <c r="H524059" s="12"/>
    </row>
    <row r="524060" spans="8:8">
      <c r="H524060" s="12"/>
    </row>
    <row r="524061" spans="8:8">
      <c r="H524061" s="12"/>
    </row>
    <row r="524062" spans="8:8">
      <c r="H524062" s="12"/>
    </row>
    <row r="524063" spans="8:8">
      <c r="H524063" s="12"/>
    </row>
    <row r="524064" spans="8:8">
      <c r="H524064" s="12"/>
    </row>
    <row r="524065" spans="8:8">
      <c r="H524065" s="12"/>
    </row>
    <row r="524066" spans="8:8">
      <c r="H524066" s="12"/>
    </row>
    <row r="524067" spans="8:8">
      <c r="H524067" s="12"/>
    </row>
    <row r="524068" spans="8:8">
      <c r="H524068" s="12"/>
    </row>
    <row r="524069" spans="8:8">
      <c r="H524069" s="12"/>
    </row>
    <row r="524070" spans="8:8">
      <c r="H524070" s="12"/>
    </row>
    <row r="524071" spans="8:8">
      <c r="H524071" s="12"/>
    </row>
    <row r="524072" spans="8:8">
      <c r="H524072" s="12"/>
    </row>
    <row r="524073" spans="8:8">
      <c r="H524073" s="12"/>
    </row>
    <row r="524074" spans="8:8">
      <c r="H524074" s="12"/>
    </row>
    <row r="524075" spans="8:8">
      <c r="H524075" s="12"/>
    </row>
    <row r="524076" spans="8:8">
      <c r="H524076" s="12"/>
    </row>
    <row r="524077" spans="8:8">
      <c r="H524077" s="12"/>
    </row>
    <row r="524078" spans="8:8">
      <c r="H524078" s="12"/>
    </row>
    <row r="524079" spans="8:8">
      <c r="H524079" s="12"/>
    </row>
    <row r="524080" spans="8:8">
      <c r="H524080" s="12"/>
    </row>
    <row r="524081" spans="8:8">
      <c r="H524081" s="12"/>
    </row>
    <row r="524082" spans="8:8">
      <c r="H524082" s="12"/>
    </row>
    <row r="524083" spans="8:8">
      <c r="H524083" s="12"/>
    </row>
    <row r="524084" spans="8:8">
      <c r="H524084" s="12"/>
    </row>
    <row r="524085" spans="8:8">
      <c r="H524085" s="12"/>
    </row>
    <row r="524086" spans="8:8">
      <c r="H524086" s="12"/>
    </row>
    <row r="524087" spans="8:8">
      <c r="H524087" s="12"/>
    </row>
    <row r="524088" spans="8:8">
      <c r="H524088" s="12"/>
    </row>
    <row r="524089" spans="8:8">
      <c r="H524089" s="12"/>
    </row>
    <row r="524090" spans="8:8">
      <c r="H524090" s="12"/>
    </row>
    <row r="524091" spans="8:8">
      <c r="H524091" s="12"/>
    </row>
    <row r="524092" spans="8:8">
      <c r="H524092" s="12"/>
    </row>
    <row r="524093" spans="8:8">
      <c r="H524093" s="12"/>
    </row>
    <row r="524094" spans="8:8">
      <c r="H524094" s="12"/>
    </row>
    <row r="524095" spans="8:8">
      <c r="H524095" s="12"/>
    </row>
    <row r="524096" spans="8:8">
      <c r="H524096" s="12"/>
    </row>
    <row r="524097" spans="8:8">
      <c r="H524097" s="12"/>
    </row>
    <row r="524098" spans="8:8">
      <c r="H524098" s="12"/>
    </row>
    <row r="524099" spans="8:8">
      <c r="H524099" s="12"/>
    </row>
    <row r="524100" spans="8:8">
      <c r="H524100" s="12"/>
    </row>
    <row r="524101" spans="8:8">
      <c r="H524101" s="12"/>
    </row>
    <row r="524102" spans="8:8">
      <c r="H524102" s="12"/>
    </row>
    <row r="524103" spans="8:8">
      <c r="H524103" s="12"/>
    </row>
    <row r="524104" spans="8:8">
      <c r="H524104" s="12"/>
    </row>
    <row r="524105" spans="8:8">
      <c r="H524105" s="12"/>
    </row>
    <row r="524106" spans="8:8">
      <c r="H524106" s="12"/>
    </row>
    <row r="524107" spans="8:8">
      <c r="H524107" s="12"/>
    </row>
    <row r="524108" spans="8:8">
      <c r="H524108" s="12"/>
    </row>
    <row r="524109" spans="8:8">
      <c r="H524109" s="12"/>
    </row>
    <row r="524110" spans="8:8">
      <c r="H524110" s="12"/>
    </row>
    <row r="524111" spans="8:8">
      <c r="H524111" s="12"/>
    </row>
    <row r="524112" spans="8:8">
      <c r="H524112" s="12"/>
    </row>
    <row r="524113" spans="8:8">
      <c r="H524113" s="12"/>
    </row>
    <row r="524114" spans="8:8">
      <c r="H524114" s="12"/>
    </row>
    <row r="524115" spans="8:8">
      <c r="H524115" s="12"/>
    </row>
    <row r="524116" spans="8:8">
      <c r="H524116" s="12"/>
    </row>
    <row r="524117" spans="8:8">
      <c r="H524117" s="12"/>
    </row>
    <row r="524118" spans="8:8">
      <c r="H524118" s="12"/>
    </row>
    <row r="524119" spans="8:8">
      <c r="H524119" s="12"/>
    </row>
    <row r="524120" spans="8:8">
      <c r="H524120" s="12"/>
    </row>
    <row r="524121" spans="8:8">
      <c r="H524121" s="12"/>
    </row>
    <row r="524122" spans="8:8">
      <c r="H524122" s="12"/>
    </row>
    <row r="524123" spans="8:8">
      <c r="H524123" s="12"/>
    </row>
    <row r="524124" spans="8:8">
      <c r="H524124" s="12"/>
    </row>
    <row r="524125" spans="8:8">
      <c r="H524125" s="12"/>
    </row>
    <row r="524126" spans="8:8">
      <c r="H524126" s="12"/>
    </row>
    <row r="524127" spans="8:8">
      <c r="H524127" s="12"/>
    </row>
    <row r="524128" spans="8:8">
      <c r="H524128" s="12"/>
    </row>
    <row r="524129" spans="8:8">
      <c r="H524129" s="12"/>
    </row>
    <row r="524130" spans="8:8">
      <c r="H524130" s="12"/>
    </row>
    <row r="524131" spans="8:8">
      <c r="H524131" s="12"/>
    </row>
    <row r="524132" spans="8:8">
      <c r="H524132" s="12"/>
    </row>
    <row r="524133" spans="8:8">
      <c r="H524133" s="12"/>
    </row>
    <row r="524134" spans="8:8">
      <c r="H524134" s="12"/>
    </row>
    <row r="524135" spans="8:8">
      <c r="H524135" s="12"/>
    </row>
    <row r="524136" spans="8:8">
      <c r="H524136" s="12"/>
    </row>
    <row r="524137" spans="8:8">
      <c r="H524137" s="12"/>
    </row>
    <row r="524138" spans="8:8">
      <c r="H524138" s="12"/>
    </row>
    <row r="524139" spans="8:8">
      <c r="H524139" s="12"/>
    </row>
    <row r="524140" spans="8:8">
      <c r="H524140" s="12"/>
    </row>
    <row r="524141" spans="8:8">
      <c r="H524141" s="12"/>
    </row>
    <row r="524142" spans="8:8">
      <c r="H524142" s="12"/>
    </row>
    <row r="524143" spans="8:8">
      <c r="H524143" s="12"/>
    </row>
    <row r="524144" spans="8:8">
      <c r="H524144" s="12"/>
    </row>
    <row r="524145" spans="8:8">
      <c r="H524145" s="12"/>
    </row>
    <row r="524146" spans="8:8">
      <c r="H524146" s="12"/>
    </row>
    <row r="524147" spans="8:8">
      <c r="H524147" s="12"/>
    </row>
    <row r="524148" spans="8:8">
      <c r="H524148" s="12"/>
    </row>
    <row r="524149" spans="8:8">
      <c r="H524149" s="12"/>
    </row>
    <row r="524150" spans="8:8">
      <c r="H524150" s="12"/>
    </row>
    <row r="524151" spans="8:8">
      <c r="H524151" s="12"/>
    </row>
    <row r="524152" spans="8:8">
      <c r="H524152" s="12"/>
    </row>
    <row r="524153" spans="8:8">
      <c r="H524153" s="12"/>
    </row>
    <row r="524154" spans="8:8">
      <c r="H524154" s="12"/>
    </row>
    <row r="524155" spans="8:8">
      <c r="H524155" s="12"/>
    </row>
    <row r="524156" spans="8:8">
      <c r="H524156" s="12"/>
    </row>
    <row r="524157" spans="8:8">
      <c r="H524157" s="12"/>
    </row>
    <row r="524158" spans="8:8">
      <c r="H524158" s="12"/>
    </row>
    <row r="524159" spans="8:8">
      <c r="H524159" s="12"/>
    </row>
    <row r="524160" spans="8:8">
      <c r="H524160" s="12"/>
    </row>
    <row r="524161" spans="8:8">
      <c r="H524161" s="12"/>
    </row>
    <row r="524162" spans="8:8">
      <c r="H524162" s="12"/>
    </row>
    <row r="524163" spans="8:8">
      <c r="H524163" s="12"/>
    </row>
    <row r="524164" spans="8:8">
      <c r="H524164" s="12"/>
    </row>
    <row r="524165" spans="8:8">
      <c r="H524165" s="12"/>
    </row>
    <row r="524166" spans="8:8">
      <c r="H524166" s="12"/>
    </row>
    <row r="524167" spans="8:8">
      <c r="H524167" s="12"/>
    </row>
    <row r="524168" spans="8:8">
      <c r="H524168" s="12"/>
    </row>
    <row r="524169" spans="8:8">
      <c r="H524169" s="12"/>
    </row>
    <row r="524170" spans="8:8">
      <c r="H524170" s="12"/>
    </row>
    <row r="524171" spans="8:8">
      <c r="H524171" s="12"/>
    </row>
    <row r="524172" spans="8:8">
      <c r="H524172" s="12"/>
    </row>
    <row r="524173" spans="8:8">
      <c r="H524173" s="12"/>
    </row>
    <row r="524174" spans="8:8">
      <c r="H524174" s="12"/>
    </row>
    <row r="524175" spans="8:8">
      <c r="H524175" s="12"/>
    </row>
    <row r="524176" spans="8:8">
      <c r="H524176" s="12"/>
    </row>
    <row r="524177" spans="8:8">
      <c r="H524177" s="12"/>
    </row>
    <row r="524178" spans="8:8">
      <c r="H524178" s="12"/>
    </row>
    <row r="524179" spans="8:8">
      <c r="H524179" s="12"/>
    </row>
    <row r="524180" spans="8:8">
      <c r="H524180" s="12"/>
    </row>
    <row r="524181" spans="8:8">
      <c r="H524181" s="12"/>
    </row>
    <row r="524182" spans="8:8">
      <c r="H524182" s="12"/>
    </row>
    <row r="524183" spans="8:8">
      <c r="H524183" s="12"/>
    </row>
    <row r="524184" spans="8:8">
      <c r="H524184" s="12"/>
    </row>
    <row r="524185" spans="8:8">
      <c r="H524185" s="12"/>
    </row>
    <row r="524186" spans="8:8">
      <c r="H524186" s="12"/>
    </row>
    <row r="524187" spans="8:8">
      <c r="H524187" s="12"/>
    </row>
    <row r="524188" spans="8:8">
      <c r="H524188" s="12"/>
    </row>
    <row r="524189" spans="8:8">
      <c r="H524189" s="12"/>
    </row>
    <row r="524190" spans="8:8">
      <c r="H524190" s="12"/>
    </row>
    <row r="524191" spans="8:8">
      <c r="H524191" s="12"/>
    </row>
    <row r="524192" spans="8:8">
      <c r="H524192" s="12"/>
    </row>
    <row r="524193" spans="8:8">
      <c r="H524193" s="12"/>
    </row>
    <row r="524194" spans="8:8">
      <c r="H524194" s="12"/>
    </row>
    <row r="524195" spans="8:8">
      <c r="H524195" s="12"/>
    </row>
    <row r="524196" spans="8:8">
      <c r="H524196" s="12"/>
    </row>
    <row r="524197" spans="8:8">
      <c r="H524197" s="12"/>
    </row>
    <row r="524198" spans="8:8">
      <c r="H524198" s="12"/>
    </row>
    <row r="524199" spans="8:8">
      <c r="H524199" s="12"/>
    </row>
    <row r="524200" spans="8:8">
      <c r="H524200" s="12"/>
    </row>
    <row r="524201" spans="8:8">
      <c r="H524201" s="12"/>
    </row>
    <row r="524202" spans="8:8">
      <c r="H524202" s="12"/>
    </row>
    <row r="524203" spans="8:8">
      <c r="H524203" s="12"/>
    </row>
    <row r="524204" spans="8:8">
      <c r="H524204" s="12"/>
    </row>
    <row r="524205" spans="8:8">
      <c r="H524205" s="12"/>
    </row>
    <row r="524206" spans="8:8">
      <c r="H524206" s="12"/>
    </row>
    <row r="524207" spans="8:8">
      <c r="H524207" s="12"/>
    </row>
    <row r="524208" spans="8:8">
      <c r="H524208" s="12"/>
    </row>
    <row r="524209" spans="8:8">
      <c r="H524209" s="12"/>
    </row>
    <row r="524210" spans="8:8">
      <c r="H524210" s="12"/>
    </row>
    <row r="524211" spans="8:8">
      <c r="H524211" s="12"/>
    </row>
    <row r="524212" spans="8:8">
      <c r="H524212" s="12"/>
    </row>
    <row r="524213" spans="8:8">
      <c r="H524213" s="12"/>
    </row>
    <row r="524214" spans="8:8">
      <c r="H524214" s="12"/>
    </row>
    <row r="524215" spans="8:8">
      <c r="H524215" s="12"/>
    </row>
    <row r="524216" spans="8:8">
      <c r="H524216" s="12"/>
    </row>
    <row r="524217" spans="8:8">
      <c r="H524217" s="12"/>
    </row>
    <row r="524218" spans="8:8">
      <c r="H524218" s="12"/>
    </row>
    <row r="524219" spans="8:8">
      <c r="H524219" s="12"/>
    </row>
    <row r="524220" spans="8:8">
      <c r="H524220" s="12"/>
    </row>
    <row r="524221" spans="8:8">
      <c r="H524221" s="12"/>
    </row>
    <row r="524222" spans="8:8">
      <c r="H524222" s="12"/>
    </row>
    <row r="524223" spans="8:8">
      <c r="H524223" s="12"/>
    </row>
    <row r="524224" spans="8:8">
      <c r="H524224" s="12"/>
    </row>
    <row r="524225" spans="8:8">
      <c r="H524225" s="12"/>
    </row>
    <row r="524226" spans="8:8">
      <c r="H524226" s="12"/>
    </row>
    <row r="524227" spans="8:8">
      <c r="H524227" s="12"/>
    </row>
    <row r="524228" spans="8:8">
      <c r="H524228" s="12"/>
    </row>
    <row r="524229" spans="8:8">
      <c r="H524229" s="12"/>
    </row>
    <row r="524230" spans="8:8">
      <c r="H524230" s="12"/>
    </row>
    <row r="524231" spans="8:8">
      <c r="H524231" s="12"/>
    </row>
    <row r="524232" spans="8:8">
      <c r="H524232" s="12"/>
    </row>
    <row r="524233" spans="8:8">
      <c r="H524233" s="12"/>
    </row>
    <row r="524234" spans="8:8">
      <c r="H524234" s="12"/>
    </row>
    <row r="524235" spans="8:8">
      <c r="H524235" s="12"/>
    </row>
    <row r="524236" spans="8:8">
      <c r="H524236" s="12"/>
    </row>
    <row r="524237" spans="8:8">
      <c r="H524237" s="12"/>
    </row>
    <row r="524238" spans="8:8">
      <c r="H524238" s="12"/>
    </row>
    <row r="524239" spans="8:8">
      <c r="H524239" s="12"/>
    </row>
    <row r="524240" spans="8:8">
      <c r="H524240" s="12"/>
    </row>
    <row r="524241" spans="8:8">
      <c r="H524241" s="12"/>
    </row>
    <row r="524242" spans="8:8">
      <c r="H524242" s="12"/>
    </row>
    <row r="524243" spans="8:8">
      <c r="H524243" s="12"/>
    </row>
    <row r="524244" spans="8:8">
      <c r="H524244" s="12"/>
    </row>
    <row r="524245" spans="8:8">
      <c r="H524245" s="12"/>
    </row>
    <row r="524246" spans="8:8">
      <c r="H524246" s="12"/>
    </row>
    <row r="524247" spans="8:8">
      <c r="H524247" s="12"/>
    </row>
    <row r="524248" spans="8:8">
      <c r="H524248" s="12"/>
    </row>
    <row r="524249" spans="8:8">
      <c r="H524249" s="12"/>
    </row>
    <row r="524250" spans="8:8">
      <c r="H524250" s="12"/>
    </row>
    <row r="524251" spans="8:8">
      <c r="H524251" s="12"/>
    </row>
    <row r="524252" spans="8:8">
      <c r="H524252" s="12"/>
    </row>
    <row r="524253" spans="8:8">
      <c r="H524253" s="12"/>
    </row>
    <row r="524254" spans="8:8">
      <c r="H524254" s="12"/>
    </row>
    <row r="524255" spans="8:8">
      <c r="H524255" s="12"/>
    </row>
    <row r="524256" spans="8:8">
      <c r="H524256" s="12"/>
    </row>
    <row r="524257" spans="8:8">
      <c r="H524257" s="12"/>
    </row>
    <row r="524258" spans="8:8">
      <c r="H524258" s="12"/>
    </row>
    <row r="524259" spans="8:8">
      <c r="H524259" s="12"/>
    </row>
    <row r="524260" spans="8:8">
      <c r="H524260" s="12"/>
    </row>
    <row r="524261" spans="8:8">
      <c r="H524261" s="12"/>
    </row>
    <row r="524262" spans="8:8">
      <c r="H524262" s="12"/>
    </row>
    <row r="524263" spans="8:8">
      <c r="H524263" s="12"/>
    </row>
    <row r="524264" spans="8:8">
      <c r="H524264" s="12"/>
    </row>
    <row r="524265" spans="8:8">
      <c r="H524265" s="12"/>
    </row>
    <row r="524266" spans="8:8">
      <c r="H524266" s="12"/>
    </row>
    <row r="524267" spans="8:8">
      <c r="H524267" s="12"/>
    </row>
    <row r="524268" spans="8:8">
      <c r="H524268" s="12"/>
    </row>
    <row r="524269" spans="8:8">
      <c r="H524269" s="12"/>
    </row>
    <row r="524270" spans="8:8">
      <c r="H524270" s="12"/>
    </row>
    <row r="524271" spans="8:8">
      <c r="H524271" s="12"/>
    </row>
    <row r="524272" spans="8:8">
      <c r="H524272" s="12"/>
    </row>
    <row r="524273" spans="8:8">
      <c r="H524273" s="12"/>
    </row>
    <row r="524274" spans="8:8">
      <c r="H524274" s="12"/>
    </row>
    <row r="524275" spans="8:8">
      <c r="H524275" s="12"/>
    </row>
    <row r="524276" spans="8:8">
      <c r="H524276" s="12"/>
    </row>
    <row r="524277" spans="8:8">
      <c r="H524277" s="12"/>
    </row>
    <row r="524278" spans="8:8">
      <c r="H524278" s="12"/>
    </row>
    <row r="524279" spans="8:8">
      <c r="H524279" s="12"/>
    </row>
    <row r="524280" spans="8:8">
      <c r="H524280" s="12"/>
    </row>
    <row r="524281" spans="8:8">
      <c r="H524281" s="12"/>
    </row>
    <row r="524282" spans="8:8">
      <c r="H524282" s="12"/>
    </row>
    <row r="524283" spans="8:8">
      <c r="H524283" s="12"/>
    </row>
    <row r="524284" spans="8:8">
      <c r="H524284" s="12"/>
    </row>
    <row r="524285" spans="8:8">
      <c r="H524285" s="12"/>
    </row>
    <row r="524286" spans="8:8">
      <c r="H524286" s="12"/>
    </row>
    <row r="524287" spans="8:8">
      <c r="H524287" s="12"/>
    </row>
    <row r="524288" spans="8:8">
      <c r="H524288" s="12"/>
    </row>
    <row r="524289" spans="8:8">
      <c r="H524289" s="12"/>
    </row>
    <row r="524290" spans="8:8">
      <c r="H524290" s="12"/>
    </row>
    <row r="524291" spans="8:8">
      <c r="H524291" s="12"/>
    </row>
    <row r="524292" spans="8:8">
      <c r="H524292" s="12"/>
    </row>
    <row r="524293" spans="8:8">
      <c r="H524293" s="12"/>
    </row>
    <row r="524294" spans="8:8">
      <c r="H524294" s="12"/>
    </row>
    <row r="524295" spans="8:8">
      <c r="H524295" s="12"/>
    </row>
    <row r="524296" spans="8:8">
      <c r="H524296" s="12"/>
    </row>
    <row r="524297" spans="8:8">
      <c r="H524297" s="12"/>
    </row>
    <row r="524298" spans="8:8">
      <c r="H524298" s="12"/>
    </row>
    <row r="524299" spans="8:8">
      <c r="H524299" s="12"/>
    </row>
    <row r="524300" spans="8:8">
      <c r="H524300" s="12"/>
    </row>
    <row r="524301" spans="8:8">
      <c r="H524301" s="12"/>
    </row>
    <row r="524302" spans="8:8">
      <c r="H524302" s="12"/>
    </row>
    <row r="524303" spans="8:8">
      <c r="H524303" s="12"/>
    </row>
    <row r="524304" spans="8:8">
      <c r="H524304" s="12"/>
    </row>
    <row r="524305" spans="8:8">
      <c r="H524305" s="12"/>
    </row>
    <row r="524306" spans="8:8">
      <c r="H524306" s="12"/>
    </row>
    <row r="524307" spans="8:8">
      <c r="H524307" s="12"/>
    </row>
    <row r="524308" spans="8:8">
      <c r="H524308" s="12"/>
    </row>
    <row r="524309" spans="8:8">
      <c r="H524309" s="12"/>
    </row>
    <row r="524310" spans="8:8">
      <c r="H524310" s="12"/>
    </row>
    <row r="524311" spans="8:8">
      <c r="H524311" s="12"/>
    </row>
    <row r="524312" spans="8:8">
      <c r="H524312" s="12"/>
    </row>
    <row r="524313" spans="8:8">
      <c r="H524313" s="12"/>
    </row>
    <row r="524314" spans="8:8">
      <c r="H524314" s="12"/>
    </row>
    <row r="524315" spans="8:8">
      <c r="H524315" s="12"/>
    </row>
    <row r="524316" spans="8:8">
      <c r="H524316" s="12"/>
    </row>
    <row r="524317" spans="8:8">
      <c r="H524317" s="12"/>
    </row>
    <row r="524318" spans="8:8">
      <c r="H524318" s="12"/>
    </row>
    <row r="524319" spans="8:8">
      <c r="H524319" s="12"/>
    </row>
    <row r="524320" spans="8:8">
      <c r="H524320" s="12"/>
    </row>
    <row r="524321" spans="8:8">
      <c r="H524321" s="12"/>
    </row>
    <row r="524322" spans="8:8">
      <c r="H524322" s="12"/>
    </row>
    <row r="524323" spans="8:8">
      <c r="H524323" s="12"/>
    </row>
    <row r="524324" spans="8:8">
      <c r="H524324" s="12"/>
    </row>
    <row r="524325" spans="8:8">
      <c r="H524325" s="12"/>
    </row>
    <row r="524326" spans="8:8">
      <c r="H524326" s="12"/>
    </row>
    <row r="524327" spans="8:8">
      <c r="H524327" s="12"/>
    </row>
    <row r="524328" spans="8:8">
      <c r="H524328" s="12"/>
    </row>
    <row r="524329" spans="8:8">
      <c r="H524329" s="12"/>
    </row>
    <row r="524330" spans="8:8">
      <c r="H524330" s="12"/>
    </row>
    <row r="524331" spans="8:8">
      <c r="H524331" s="12"/>
    </row>
    <row r="524332" spans="8:8">
      <c r="H524332" s="12"/>
    </row>
    <row r="524333" spans="8:8">
      <c r="H524333" s="12"/>
    </row>
    <row r="524334" spans="8:8">
      <c r="H524334" s="12"/>
    </row>
    <row r="524335" spans="8:8">
      <c r="H524335" s="12"/>
    </row>
    <row r="524336" spans="8:8">
      <c r="H524336" s="12"/>
    </row>
    <row r="524337" spans="8:8">
      <c r="H524337" s="12"/>
    </row>
    <row r="524338" spans="8:8">
      <c r="H524338" s="12"/>
    </row>
    <row r="524339" spans="8:8">
      <c r="H524339" s="12"/>
    </row>
    <row r="524340" spans="8:8">
      <c r="H524340" s="12"/>
    </row>
    <row r="524341" spans="8:8">
      <c r="H524341" s="12"/>
    </row>
    <row r="524342" spans="8:8">
      <c r="H524342" s="12"/>
    </row>
    <row r="524343" spans="8:8">
      <c r="H524343" s="12"/>
    </row>
    <row r="524344" spans="8:8">
      <c r="H524344" s="12"/>
    </row>
    <row r="524345" spans="8:8">
      <c r="H524345" s="12"/>
    </row>
    <row r="524346" spans="8:8">
      <c r="H524346" s="12"/>
    </row>
    <row r="524347" spans="8:8">
      <c r="H524347" s="12"/>
    </row>
    <row r="524348" spans="8:8">
      <c r="H524348" s="12"/>
    </row>
    <row r="524349" spans="8:8">
      <c r="H524349" s="12"/>
    </row>
    <row r="524350" spans="8:8">
      <c r="H524350" s="12"/>
    </row>
    <row r="524351" spans="8:8">
      <c r="H524351" s="12"/>
    </row>
    <row r="524352" spans="8:8">
      <c r="H524352" s="12"/>
    </row>
    <row r="524353" spans="8:8">
      <c r="H524353" s="12"/>
    </row>
    <row r="524354" spans="8:8">
      <c r="H524354" s="12"/>
    </row>
    <row r="524355" spans="8:8">
      <c r="H524355" s="12"/>
    </row>
    <row r="524356" spans="8:8">
      <c r="H524356" s="12"/>
    </row>
    <row r="524357" spans="8:8">
      <c r="H524357" s="12"/>
    </row>
    <row r="524358" spans="8:8">
      <c r="H524358" s="12"/>
    </row>
    <row r="524359" spans="8:8">
      <c r="H524359" s="12"/>
    </row>
    <row r="524360" spans="8:8">
      <c r="H524360" s="12"/>
    </row>
    <row r="524361" spans="8:8">
      <c r="H524361" s="12"/>
    </row>
    <row r="524362" spans="8:8">
      <c r="H524362" s="12"/>
    </row>
    <row r="524363" spans="8:8">
      <c r="H524363" s="12"/>
    </row>
    <row r="524364" spans="8:8">
      <c r="H524364" s="12"/>
    </row>
    <row r="524365" spans="8:8">
      <c r="H524365" s="12"/>
    </row>
    <row r="524366" spans="8:8">
      <c r="H524366" s="12"/>
    </row>
    <row r="524367" spans="8:8">
      <c r="H524367" s="12"/>
    </row>
    <row r="524368" spans="8:8">
      <c r="H524368" s="12"/>
    </row>
    <row r="524369" spans="8:8">
      <c r="H524369" s="12"/>
    </row>
    <row r="524370" spans="8:8">
      <c r="H524370" s="12"/>
    </row>
    <row r="524371" spans="8:8">
      <c r="H524371" s="12"/>
    </row>
    <row r="524372" spans="8:8">
      <c r="H524372" s="12"/>
    </row>
    <row r="524373" spans="8:8">
      <c r="H524373" s="12"/>
    </row>
    <row r="524374" spans="8:8">
      <c r="H524374" s="12"/>
    </row>
    <row r="524375" spans="8:8">
      <c r="H524375" s="12"/>
    </row>
    <row r="524376" spans="8:8">
      <c r="H524376" s="12"/>
    </row>
    <row r="524377" spans="8:8">
      <c r="H524377" s="12"/>
    </row>
    <row r="524378" spans="8:8">
      <c r="H524378" s="12"/>
    </row>
    <row r="524379" spans="8:8">
      <c r="H524379" s="12"/>
    </row>
    <row r="524380" spans="8:8">
      <c r="H524380" s="12"/>
    </row>
    <row r="524381" spans="8:8">
      <c r="H524381" s="12"/>
    </row>
    <row r="524382" spans="8:8">
      <c r="H524382" s="12"/>
    </row>
    <row r="524383" spans="8:8">
      <c r="H524383" s="12"/>
    </row>
    <row r="524384" spans="8:8">
      <c r="H524384" s="12"/>
    </row>
    <row r="524385" spans="8:8">
      <c r="H524385" s="12"/>
    </row>
    <row r="524386" spans="8:8">
      <c r="H524386" s="12"/>
    </row>
    <row r="524387" spans="8:8">
      <c r="H524387" s="12"/>
    </row>
    <row r="524388" spans="8:8">
      <c r="H524388" s="12"/>
    </row>
    <row r="524389" spans="8:8">
      <c r="H524389" s="12"/>
    </row>
    <row r="524390" spans="8:8">
      <c r="H524390" s="12"/>
    </row>
    <row r="524391" spans="8:8">
      <c r="H524391" s="12"/>
    </row>
    <row r="524392" spans="8:8">
      <c r="H524392" s="12"/>
    </row>
    <row r="524393" spans="8:8">
      <c r="H524393" s="12"/>
    </row>
    <row r="524394" spans="8:8">
      <c r="H524394" s="12"/>
    </row>
    <row r="524395" spans="8:8">
      <c r="H524395" s="12"/>
    </row>
    <row r="524396" spans="8:8">
      <c r="H524396" s="12"/>
    </row>
    <row r="524397" spans="8:8">
      <c r="H524397" s="12"/>
    </row>
    <row r="524398" spans="8:8">
      <c r="H524398" s="12"/>
    </row>
    <row r="524399" spans="8:8">
      <c r="H524399" s="12"/>
    </row>
    <row r="524400" spans="8:8">
      <c r="H524400" s="12"/>
    </row>
    <row r="524401" spans="8:8">
      <c r="H524401" s="12"/>
    </row>
    <row r="524402" spans="8:8">
      <c r="H524402" s="12"/>
    </row>
    <row r="524403" spans="8:8">
      <c r="H524403" s="12"/>
    </row>
    <row r="524404" spans="8:8">
      <c r="H524404" s="12"/>
    </row>
    <row r="524405" spans="8:8">
      <c r="H524405" s="12"/>
    </row>
    <row r="524406" spans="8:8">
      <c r="H524406" s="12"/>
    </row>
    <row r="524407" spans="8:8">
      <c r="H524407" s="12"/>
    </row>
    <row r="524408" spans="8:8">
      <c r="H524408" s="12"/>
    </row>
    <row r="524409" spans="8:8">
      <c r="H524409" s="12"/>
    </row>
    <row r="524410" spans="8:8">
      <c r="H524410" s="12"/>
    </row>
    <row r="524411" spans="8:8">
      <c r="H524411" s="12"/>
    </row>
    <row r="524412" spans="8:8">
      <c r="H524412" s="12"/>
    </row>
    <row r="524413" spans="8:8">
      <c r="H524413" s="12"/>
    </row>
    <row r="524414" spans="8:8">
      <c r="H524414" s="12"/>
    </row>
    <row r="524415" spans="8:8">
      <c r="H524415" s="12"/>
    </row>
    <row r="524416" spans="8:8">
      <c r="H524416" s="12"/>
    </row>
    <row r="524417" spans="8:8">
      <c r="H524417" s="12"/>
    </row>
    <row r="524418" spans="8:8">
      <c r="H524418" s="12"/>
    </row>
    <row r="524419" spans="8:8">
      <c r="H524419" s="12"/>
    </row>
    <row r="524420" spans="8:8">
      <c r="H524420" s="12"/>
    </row>
    <row r="524421" spans="8:8">
      <c r="H524421" s="12"/>
    </row>
    <row r="524422" spans="8:8">
      <c r="H524422" s="12"/>
    </row>
    <row r="524423" spans="8:8">
      <c r="H524423" s="12"/>
    </row>
    <row r="524424" spans="8:8">
      <c r="H524424" s="12"/>
    </row>
    <row r="524425" spans="8:8">
      <c r="H524425" s="12"/>
    </row>
    <row r="524426" spans="8:8">
      <c r="H524426" s="12"/>
    </row>
    <row r="524427" spans="8:8">
      <c r="H524427" s="12"/>
    </row>
    <row r="524428" spans="8:8">
      <c r="H524428" s="12"/>
    </row>
    <row r="524429" spans="8:8">
      <c r="H524429" s="12"/>
    </row>
    <row r="524430" spans="8:8">
      <c r="H524430" s="12"/>
    </row>
    <row r="524431" spans="8:8">
      <c r="H524431" s="12"/>
    </row>
    <row r="524432" spans="8:8">
      <c r="H524432" s="12"/>
    </row>
    <row r="524433" spans="8:8">
      <c r="H524433" s="12"/>
    </row>
    <row r="524434" spans="8:8">
      <c r="H524434" s="12"/>
    </row>
    <row r="524435" spans="8:8">
      <c r="H524435" s="12"/>
    </row>
    <row r="524436" spans="8:8">
      <c r="H524436" s="12"/>
    </row>
    <row r="524437" spans="8:8">
      <c r="H524437" s="12"/>
    </row>
    <row r="524438" spans="8:8">
      <c r="H524438" s="12"/>
    </row>
    <row r="524439" spans="8:8">
      <c r="H524439" s="12"/>
    </row>
    <row r="524440" spans="8:8">
      <c r="H524440" s="12"/>
    </row>
    <row r="524441" spans="8:8">
      <c r="H524441" s="12"/>
    </row>
    <row r="524442" spans="8:8">
      <c r="H524442" s="12"/>
    </row>
    <row r="524443" spans="8:8">
      <c r="H524443" s="12"/>
    </row>
    <row r="524444" spans="8:8">
      <c r="H524444" s="12"/>
    </row>
    <row r="524445" spans="8:8">
      <c r="H524445" s="12"/>
    </row>
    <row r="524446" spans="8:8">
      <c r="H524446" s="12"/>
    </row>
    <row r="524447" spans="8:8">
      <c r="H524447" s="12"/>
    </row>
    <row r="524448" spans="8:8">
      <c r="H524448" s="12"/>
    </row>
    <row r="524449" spans="8:8">
      <c r="H524449" s="12"/>
    </row>
    <row r="524450" spans="8:8">
      <c r="H524450" s="12"/>
    </row>
    <row r="524451" spans="8:8">
      <c r="H524451" s="12"/>
    </row>
    <row r="524452" spans="8:8">
      <c r="H524452" s="12"/>
    </row>
    <row r="524453" spans="8:8">
      <c r="H524453" s="12"/>
    </row>
    <row r="524454" spans="8:8">
      <c r="H524454" s="12"/>
    </row>
    <row r="524455" spans="8:8">
      <c r="H524455" s="12"/>
    </row>
    <row r="524456" spans="8:8">
      <c r="H524456" s="12"/>
    </row>
    <row r="524457" spans="8:8">
      <c r="H524457" s="12"/>
    </row>
    <row r="524458" spans="8:8">
      <c r="H524458" s="12"/>
    </row>
    <row r="524459" spans="8:8">
      <c r="H524459" s="12"/>
    </row>
    <row r="524460" spans="8:8">
      <c r="H524460" s="12"/>
    </row>
    <row r="524461" spans="8:8">
      <c r="H524461" s="12"/>
    </row>
    <row r="524462" spans="8:8">
      <c r="H524462" s="12"/>
    </row>
    <row r="524463" spans="8:8">
      <c r="H524463" s="12"/>
    </row>
    <row r="524464" spans="8:8">
      <c r="H524464" s="12"/>
    </row>
    <row r="524465" spans="8:8">
      <c r="H524465" s="12"/>
    </row>
    <row r="524466" spans="8:8">
      <c r="H524466" s="12"/>
    </row>
    <row r="524467" spans="8:8">
      <c r="H524467" s="12"/>
    </row>
    <row r="524468" spans="8:8">
      <c r="H524468" s="12"/>
    </row>
    <row r="524469" spans="8:8">
      <c r="H524469" s="12"/>
    </row>
    <row r="524470" spans="8:8">
      <c r="H524470" s="12"/>
    </row>
    <row r="524471" spans="8:8">
      <c r="H524471" s="12"/>
    </row>
    <row r="524472" spans="8:8">
      <c r="H524472" s="12"/>
    </row>
    <row r="524473" spans="8:8">
      <c r="H524473" s="12"/>
    </row>
    <row r="524474" spans="8:8">
      <c r="H524474" s="12"/>
    </row>
    <row r="524475" spans="8:8">
      <c r="H524475" s="12"/>
    </row>
    <row r="524476" spans="8:8">
      <c r="H524476" s="12"/>
    </row>
    <row r="524477" spans="8:8">
      <c r="H524477" s="12"/>
    </row>
    <row r="524478" spans="8:8">
      <c r="H524478" s="12"/>
    </row>
    <row r="524479" spans="8:8">
      <c r="H524479" s="12"/>
    </row>
    <row r="524480" spans="8:8">
      <c r="H524480" s="12"/>
    </row>
    <row r="524481" spans="8:8">
      <c r="H524481" s="12"/>
    </row>
    <row r="524482" spans="8:8">
      <c r="H524482" s="12"/>
    </row>
    <row r="524483" spans="8:8">
      <c r="H524483" s="12"/>
    </row>
    <row r="524484" spans="8:8">
      <c r="H524484" s="12"/>
    </row>
    <row r="524485" spans="8:8">
      <c r="H524485" s="12"/>
    </row>
    <row r="524486" spans="8:8">
      <c r="H524486" s="12"/>
    </row>
    <row r="524487" spans="8:8">
      <c r="H524487" s="12"/>
    </row>
    <row r="524488" spans="8:8">
      <c r="H524488" s="12"/>
    </row>
    <row r="524489" spans="8:8">
      <c r="H524489" s="12"/>
    </row>
    <row r="524490" spans="8:8">
      <c r="H524490" s="12"/>
    </row>
    <row r="524491" spans="8:8">
      <c r="H524491" s="12"/>
    </row>
    <row r="524492" spans="8:8">
      <c r="H524492" s="12"/>
    </row>
    <row r="524493" spans="8:8">
      <c r="H524493" s="12"/>
    </row>
    <row r="524494" spans="8:8">
      <c r="H524494" s="12"/>
    </row>
    <row r="524495" spans="8:8">
      <c r="H524495" s="12"/>
    </row>
    <row r="524496" spans="8:8">
      <c r="H524496" s="12"/>
    </row>
    <row r="524497" spans="8:8">
      <c r="H524497" s="12"/>
    </row>
    <row r="524498" spans="8:8">
      <c r="H524498" s="12"/>
    </row>
    <row r="524499" spans="8:8">
      <c r="H524499" s="12"/>
    </row>
    <row r="524500" spans="8:8">
      <c r="H524500" s="12"/>
    </row>
    <row r="524501" spans="8:8">
      <c r="H524501" s="12"/>
    </row>
    <row r="524502" spans="8:8">
      <c r="H524502" s="12"/>
    </row>
    <row r="524503" spans="8:8">
      <c r="H524503" s="12"/>
    </row>
    <row r="524504" spans="8:8">
      <c r="H524504" s="12"/>
    </row>
    <row r="524505" spans="8:8">
      <c r="H524505" s="12"/>
    </row>
    <row r="524506" spans="8:8">
      <c r="H524506" s="12"/>
    </row>
    <row r="524507" spans="8:8">
      <c r="H524507" s="12"/>
    </row>
    <row r="524508" spans="8:8">
      <c r="H524508" s="12"/>
    </row>
    <row r="524509" spans="8:8">
      <c r="H524509" s="12"/>
    </row>
    <row r="524510" spans="8:8">
      <c r="H524510" s="12"/>
    </row>
    <row r="524511" spans="8:8">
      <c r="H524511" s="12"/>
    </row>
    <row r="524512" spans="8:8">
      <c r="H524512" s="12"/>
    </row>
    <row r="524513" spans="8:8">
      <c r="H524513" s="12"/>
    </row>
    <row r="524514" spans="8:8">
      <c r="H524514" s="12"/>
    </row>
    <row r="524515" spans="8:8">
      <c r="H524515" s="12"/>
    </row>
    <row r="524516" spans="8:8">
      <c r="H524516" s="12"/>
    </row>
    <row r="524517" spans="8:8">
      <c r="H524517" s="12"/>
    </row>
    <row r="524518" spans="8:8">
      <c r="H524518" s="12"/>
    </row>
    <row r="524519" spans="8:8">
      <c r="H524519" s="12"/>
    </row>
    <row r="524520" spans="8:8">
      <c r="H524520" s="12"/>
    </row>
    <row r="524521" spans="8:8">
      <c r="H524521" s="12"/>
    </row>
    <row r="524522" spans="8:8">
      <c r="H524522" s="12"/>
    </row>
    <row r="524523" spans="8:8">
      <c r="H524523" s="12"/>
    </row>
    <row r="524524" spans="8:8">
      <c r="H524524" s="12"/>
    </row>
    <row r="524525" spans="8:8">
      <c r="H524525" s="12"/>
    </row>
    <row r="524526" spans="8:8">
      <c r="H524526" s="12"/>
    </row>
    <row r="524527" spans="8:8">
      <c r="H524527" s="12"/>
    </row>
    <row r="524528" spans="8:8">
      <c r="H524528" s="12"/>
    </row>
    <row r="524529" spans="8:8">
      <c r="H524529" s="12"/>
    </row>
    <row r="524530" spans="8:8">
      <c r="H524530" s="12"/>
    </row>
    <row r="524531" spans="8:8">
      <c r="H524531" s="12"/>
    </row>
    <row r="524532" spans="8:8">
      <c r="H524532" s="12"/>
    </row>
    <row r="524533" spans="8:8">
      <c r="H524533" s="12"/>
    </row>
    <row r="524534" spans="8:8">
      <c r="H524534" s="12"/>
    </row>
    <row r="524535" spans="8:8">
      <c r="H524535" s="12"/>
    </row>
    <row r="524536" spans="8:8">
      <c r="H524536" s="12"/>
    </row>
    <row r="524537" spans="8:8">
      <c r="H524537" s="12"/>
    </row>
    <row r="524538" spans="8:8">
      <c r="H524538" s="12"/>
    </row>
    <row r="524539" spans="8:8">
      <c r="H524539" s="12"/>
    </row>
    <row r="524540" spans="8:8">
      <c r="H524540" s="12"/>
    </row>
    <row r="524541" spans="8:8">
      <c r="H524541" s="12"/>
    </row>
    <row r="524542" spans="8:8">
      <c r="H524542" s="12"/>
    </row>
    <row r="524543" spans="8:8">
      <c r="H524543" s="12"/>
    </row>
    <row r="524544" spans="8:8">
      <c r="H524544" s="12"/>
    </row>
    <row r="524545" spans="8:8">
      <c r="H524545" s="12"/>
    </row>
    <row r="524546" spans="8:8">
      <c r="H524546" s="12"/>
    </row>
    <row r="524547" spans="8:8">
      <c r="H524547" s="12"/>
    </row>
    <row r="524548" spans="8:8">
      <c r="H524548" s="12"/>
    </row>
    <row r="524549" spans="8:8">
      <c r="H524549" s="12"/>
    </row>
    <row r="524550" spans="8:8">
      <c r="H524550" s="12"/>
    </row>
    <row r="524551" spans="8:8">
      <c r="H524551" s="12"/>
    </row>
    <row r="524552" spans="8:8">
      <c r="H524552" s="12"/>
    </row>
    <row r="524553" spans="8:8">
      <c r="H524553" s="12"/>
    </row>
    <row r="524554" spans="8:8">
      <c r="H524554" s="12"/>
    </row>
    <row r="524555" spans="8:8">
      <c r="H524555" s="12"/>
    </row>
    <row r="524556" spans="8:8">
      <c r="H524556" s="12"/>
    </row>
    <row r="524557" spans="8:8">
      <c r="H524557" s="12"/>
    </row>
    <row r="524558" spans="8:8">
      <c r="H524558" s="12"/>
    </row>
    <row r="524559" spans="8:8">
      <c r="H524559" s="12"/>
    </row>
    <row r="524560" spans="8:8">
      <c r="H524560" s="12"/>
    </row>
    <row r="524561" spans="8:8">
      <c r="H524561" s="12"/>
    </row>
    <row r="524562" spans="8:8">
      <c r="H524562" s="12"/>
    </row>
    <row r="524563" spans="8:8">
      <c r="H524563" s="12"/>
    </row>
    <row r="524564" spans="8:8">
      <c r="H524564" s="12"/>
    </row>
    <row r="524565" spans="8:8">
      <c r="H524565" s="12"/>
    </row>
    <row r="524566" spans="8:8">
      <c r="H524566" s="12"/>
    </row>
    <row r="524567" spans="8:8">
      <c r="H524567" s="12"/>
    </row>
    <row r="524568" spans="8:8">
      <c r="H524568" s="12"/>
    </row>
    <row r="524569" spans="8:8">
      <c r="H524569" s="12"/>
    </row>
    <row r="524570" spans="8:8">
      <c r="H524570" s="12"/>
    </row>
    <row r="524571" spans="8:8">
      <c r="H524571" s="12"/>
    </row>
    <row r="524572" spans="8:8">
      <c r="H524572" s="12"/>
    </row>
    <row r="524573" spans="8:8">
      <c r="H524573" s="12"/>
    </row>
    <row r="524574" spans="8:8">
      <c r="H524574" s="12"/>
    </row>
    <row r="524575" spans="8:8">
      <c r="H524575" s="12"/>
    </row>
    <row r="524576" spans="8:8">
      <c r="H524576" s="12"/>
    </row>
    <row r="524577" spans="8:8">
      <c r="H524577" s="12"/>
    </row>
    <row r="524578" spans="8:8">
      <c r="H524578" s="12"/>
    </row>
    <row r="524579" spans="8:8">
      <c r="H524579" s="12"/>
    </row>
    <row r="524580" spans="8:8">
      <c r="H524580" s="12"/>
    </row>
    <row r="524581" spans="8:8">
      <c r="H524581" s="12"/>
    </row>
    <row r="524582" spans="8:8">
      <c r="H524582" s="12"/>
    </row>
    <row r="524583" spans="8:8">
      <c r="H524583" s="12"/>
    </row>
    <row r="524584" spans="8:8">
      <c r="H524584" s="12"/>
    </row>
    <row r="524585" spans="8:8">
      <c r="H524585" s="12"/>
    </row>
    <row r="524586" spans="8:8">
      <c r="H524586" s="12"/>
    </row>
    <row r="524587" spans="8:8">
      <c r="H524587" s="12"/>
    </row>
    <row r="524588" spans="8:8">
      <c r="H524588" s="12"/>
    </row>
    <row r="524589" spans="8:8">
      <c r="H524589" s="12"/>
    </row>
    <row r="524590" spans="8:8">
      <c r="H524590" s="12"/>
    </row>
    <row r="524591" spans="8:8">
      <c r="H524591" s="12"/>
    </row>
    <row r="524592" spans="8:8">
      <c r="H524592" s="12"/>
    </row>
    <row r="524593" spans="8:8">
      <c r="H524593" s="12"/>
    </row>
    <row r="524594" spans="8:8">
      <c r="H524594" s="12"/>
    </row>
    <row r="524595" spans="8:8">
      <c r="H524595" s="12"/>
    </row>
    <row r="524596" spans="8:8">
      <c r="H524596" s="12"/>
    </row>
    <row r="524597" spans="8:8">
      <c r="H524597" s="12"/>
    </row>
    <row r="524598" spans="8:8">
      <c r="H524598" s="12"/>
    </row>
    <row r="524599" spans="8:8">
      <c r="H524599" s="12"/>
    </row>
    <row r="524600" spans="8:8">
      <c r="H524600" s="12"/>
    </row>
    <row r="524601" spans="8:8">
      <c r="H524601" s="12"/>
    </row>
    <row r="524602" spans="8:8">
      <c r="H524602" s="12"/>
    </row>
    <row r="524603" spans="8:8">
      <c r="H524603" s="12"/>
    </row>
    <row r="524604" spans="8:8">
      <c r="H524604" s="12"/>
    </row>
    <row r="524605" spans="8:8">
      <c r="H524605" s="12"/>
    </row>
    <row r="524606" spans="8:8">
      <c r="H524606" s="12"/>
    </row>
    <row r="524607" spans="8:8">
      <c r="H524607" s="12"/>
    </row>
    <row r="524608" spans="8:8">
      <c r="H524608" s="12"/>
    </row>
    <row r="524609" spans="8:8">
      <c r="H524609" s="12"/>
    </row>
    <row r="524610" spans="8:8">
      <c r="H524610" s="12"/>
    </row>
    <row r="524611" spans="8:8">
      <c r="H524611" s="12"/>
    </row>
    <row r="524612" spans="8:8">
      <c r="H524612" s="12"/>
    </row>
    <row r="524613" spans="8:8">
      <c r="H524613" s="12"/>
    </row>
    <row r="524614" spans="8:8">
      <c r="H524614" s="12"/>
    </row>
    <row r="524615" spans="8:8">
      <c r="H524615" s="12"/>
    </row>
    <row r="524616" spans="8:8">
      <c r="H524616" s="12"/>
    </row>
    <row r="524617" spans="8:8">
      <c r="H524617" s="12"/>
    </row>
    <row r="524618" spans="8:8">
      <c r="H524618" s="12"/>
    </row>
    <row r="524619" spans="8:8">
      <c r="H524619" s="12"/>
    </row>
    <row r="524620" spans="8:8">
      <c r="H524620" s="12"/>
    </row>
    <row r="524621" spans="8:8">
      <c r="H524621" s="12"/>
    </row>
    <row r="524622" spans="8:8">
      <c r="H524622" s="12"/>
    </row>
    <row r="524623" spans="8:8">
      <c r="H524623" s="12"/>
    </row>
    <row r="524624" spans="8:8">
      <c r="H524624" s="12"/>
    </row>
    <row r="524625" spans="8:8">
      <c r="H524625" s="12"/>
    </row>
    <row r="524626" spans="8:8">
      <c r="H524626" s="12"/>
    </row>
    <row r="524627" spans="8:8">
      <c r="H524627" s="12"/>
    </row>
    <row r="524628" spans="8:8">
      <c r="H524628" s="12"/>
    </row>
    <row r="524629" spans="8:8">
      <c r="H524629" s="12"/>
    </row>
    <row r="524630" spans="8:8">
      <c r="H524630" s="12"/>
    </row>
    <row r="524631" spans="8:8">
      <c r="H524631" s="12"/>
    </row>
    <row r="524632" spans="8:8">
      <c r="H524632" s="12"/>
    </row>
    <row r="524633" spans="8:8">
      <c r="H524633" s="12"/>
    </row>
    <row r="524634" spans="8:8">
      <c r="H524634" s="12"/>
    </row>
    <row r="524635" spans="8:8">
      <c r="H524635" s="12"/>
    </row>
    <row r="524636" spans="8:8">
      <c r="H524636" s="12"/>
    </row>
    <row r="524637" spans="8:8">
      <c r="H524637" s="12"/>
    </row>
    <row r="524638" spans="8:8">
      <c r="H524638" s="12"/>
    </row>
    <row r="524639" spans="8:8">
      <c r="H524639" s="12"/>
    </row>
    <row r="524640" spans="8:8">
      <c r="H524640" s="12"/>
    </row>
    <row r="524641" spans="8:8">
      <c r="H524641" s="12"/>
    </row>
    <row r="524642" spans="8:8">
      <c r="H524642" s="12"/>
    </row>
    <row r="524643" spans="8:8">
      <c r="H524643" s="12"/>
    </row>
    <row r="524644" spans="8:8">
      <c r="H524644" s="12"/>
    </row>
    <row r="524645" spans="8:8">
      <c r="H524645" s="12"/>
    </row>
    <row r="524646" spans="8:8">
      <c r="H524646" s="12"/>
    </row>
    <row r="524647" spans="8:8">
      <c r="H524647" s="12"/>
    </row>
    <row r="524648" spans="8:8">
      <c r="H524648" s="12"/>
    </row>
    <row r="524649" spans="8:8">
      <c r="H524649" s="12"/>
    </row>
    <row r="524650" spans="8:8">
      <c r="H524650" s="12"/>
    </row>
    <row r="524651" spans="8:8">
      <c r="H524651" s="12"/>
    </row>
    <row r="524652" spans="8:8">
      <c r="H524652" s="12"/>
    </row>
    <row r="524653" spans="8:8">
      <c r="H524653" s="12"/>
    </row>
    <row r="524654" spans="8:8">
      <c r="H524654" s="12"/>
    </row>
    <row r="524655" spans="8:8">
      <c r="H524655" s="12"/>
    </row>
    <row r="524656" spans="8:8">
      <c r="H524656" s="12"/>
    </row>
    <row r="524657" spans="8:8">
      <c r="H524657" s="12"/>
    </row>
    <row r="524658" spans="8:8">
      <c r="H524658" s="12"/>
    </row>
    <row r="524659" spans="8:8">
      <c r="H524659" s="12"/>
    </row>
    <row r="524660" spans="8:8">
      <c r="H524660" s="12"/>
    </row>
    <row r="524661" spans="8:8">
      <c r="H524661" s="12"/>
    </row>
    <row r="524662" spans="8:8">
      <c r="H524662" s="12"/>
    </row>
    <row r="524663" spans="8:8">
      <c r="H524663" s="12"/>
    </row>
    <row r="524664" spans="8:8">
      <c r="H524664" s="12"/>
    </row>
    <row r="524665" spans="8:8">
      <c r="H524665" s="12"/>
    </row>
    <row r="524666" spans="8:8">
      <c r="H524666" s="12"/>
    </row>
    <row r="524667" spans="8:8">
      <c r="H524667" s="12"/>
    </row>
    <row r="524668" spans="8:8">
      <c r="H524668" s="12"/>
    </row>
    <row r="524669" spans="8:8">
      <c r="H524669" s="12"/>
    </row>
    <row r="524670" spans="8:8">
      <c r="H524670" s="12"/>
    </row>
    <row r="524671" spans="8:8">
      <c r="H524671" s="12"/>
    </row>
    <row r="524672" spans="8:8">
      <c r="H524672" s="12"/>
    </row>
    <row r="524673" spans="8:8">
      <c r="H524673" s="12"/>
    </row>
    <row r="524674" spans="8:8">
      <c r="H524674" s="12"/>
    </row>
    <row r="524675" spans="8:8">
      <c r="H524675" s="12"/>
    </row>
    <row r="524676" spans="8:8">
      <c r="H524676" s="12"/>
    </row>
    <row r="524677" spans="8:8">
      <c r="H524677" s="12"/>
    </row>
    <row r="524678" spans="8:8">
      <c r="H524678" s="12"/>
    </row>
    <row r="524679" spans="8:8">
      <c r="H524679" s="12"/>
    </row>
    <row r="524680" spans="8:8">
      <c r="H524680" s="12"/>
    </row>
    <row r="524681" spans="8:8">
      <c r="H524681" s="12"/>
    </row>
    <row r="524682" spans="8:8">
      <c r="H524682" s="12"/>
    </row>
    <row r="524683" spans="8:8">
      <c r="H524683" s="12"/>
    </row>
    <row r="524684" spans="8:8">
      <c r="H524684" s="12"/>
    </row>
    <row r="524685" spans="8:8">
      <c r="H524685" s="12"/>
    </row>
    <row r="524686" spans="8:8">
      <c r="H524686" s="12"/>
    </row>
    <row r="524687" spans="8:8">
      <c r="H524687" s="12"/>
    </row>
    <row r="524688" spans="8:8">
      <c r="H524688" s="12"/>
    </row>
    <row r="524689" spans="8:8">
      <c r="H524689" s="12"/>
    </row>
    <row r="524690" spans="8:8">
      <c r="H524690" s="12"/>
    </row>
    <row r="524691" spans="8:8">
      <c r="H524691" s="12"/>
    </row>
    <row r="524692" spans="8:8">
      <c r="H524692" s="12"/>
    </row>
    <row r="524693" spans="8:8">
      <c r="H524693" s="12"/>
    </row>
    <row r="524694" spans="8:8">
      <c r="H524694" s="12"/>
    </row>
    <row r="524695" spans="8:8">
      <c r="H524695" s="12"/>
    </row>
    <row r="524696" spans="8:8">
      <c r="H524696" s="12"/>
    </row>
    <row r="524697" spans="8:8">
      <c r="H524697" s="12"/>
    </row>
    <row r="524698" spans="8:8">
      <c r="H524698" s="12"/>
    </row>
    <row r="524699" spans="8:8">
      <c r="H524699" s="12"/>
    </row>
    <row r="524700" spans="8:8">
      <c r="H524700" s="12"/>
    </row>
    <row r="524701" spans="8:8">
      <c r="H524701" s="12"/>
    </row>
    <row r="524702" spans="8:8">
      <c r="H524702" s="12"/>
    </row>
    <row r="524703" spans="8:8">
      <c r="H524703" s="12"/>
    </row>
    <row r="524704" spans="8:8">
      <c r="H524704" s="12"/>
    </row>
    <row r="524705" spans="8:8">
      <c r="H524705" s="12"/>
    </row>
    <row r="524706" spans="8:8">
      <c r="H524706" s="12"/>
    </row>
    <row r="524707" spans="8:8">
      <c r="H524707" s="12"/>
    </row>
    <row r="524708" spans="8:8">
      <c r="H524708" s="12"/>
    </row>
    <row r="524709" spans="8:8">
      <c r="H524709" s="12"/>
    </row>
    <row r="524710" spans="8:8">
      <c r="H524710" s="12"/>
    </row>
    <row r="524711" spans="8:8">
      <c r="H524711" s="12"/>
    </row>
    <row r="524712" spans="8:8">
      <c r="H524712" s="12"/>
    </row>
    <row r="524713" spans="8:8">
      <c r="H524713" s="12"/>
    </row>
    <row r="524714" spans="8:8">
      <c r="H524714" s="12"/>
    </row>
    <row r="524715" spans="8:8">
      <c r="H524715" s="12"/>
    </row>
    <row r="524716" spans="8:8">
      <c r="H524716" s="12"/>
    </row>
    <row r="524717" spans="8:8">
      <c r="H524717" s="12"/>
    </row>
    <row r="524718" spans="8:8">
      <c r="H524718" s="12"/>
    </row>
    <row r="524719" spans="8:8">
      <c r="H524719" s="12"/>
    </row>
    <row r="524720" spans="8:8">
      <c r="H524720" s="12"/>
    </row>
    <row r="524721" spans="8:8">
      <c r="H524721" s="12"/>
    </row>
    <row r="524722" spans="8:8">
      <c r="H524722" s="12"/>
    </row>
    <row r="524723" spans="8:8">
      <c r="H524723" s="12"/>
    </row>
    <row r="524724" spans="8:8">
      <c r="H524724" s="12"/>
    </row>
    <row r="524725" spans="8:8">
      <c r="H524725" s="12"/>
    </row>
    <row r="524726" spans="8:8">
      <c r="H524726" s="12"/>
    </row>
    <row r="524727" spans="8:8">
      <c r="H524727" s="12"/>
    </row>
    <row r="524728" spans="8:8">
      <c r="H524728" s="12"/>
    </row>
    <row r="524729" spans="8:8">
      <c r="H524729" s="12"/>
    </row>
    <row r="524730" spans="8:8">
      <c r="H524730" s="12"/>
    </row>
    <row r="524731" spans="8:8">
      <c r="H524731" s="12"/>
    </row>
    <row r="524732" spans="8:8">
      <c r="H524732" s="12"/>
    </row>
    <row r="524733" spans="8:8">
      <c r="H524733" s="12"/>
    </row>
    <row r="524734" spans="8:8">
      <c r="H524734" s="12"/>
    </row>
    <row r="524735" spans="8:8">
      <c r="H524735" s="12"/>
    </row>
    <row r="524736" spans="8:8">
      <c r="H524736" s="12"/>
    </row>
    <row r="524737" spans="8:8">
      <c r="H524737" s="12"/>
    </row>
    <row r="524738" spans="8:8">
      <c r="H524738" s="12"/>
    </row>
    <row r="524739" spans="8:8">
      <c r="H524739" s="12"/>
    </row>
    <row r="524740" spans="8:8">
      <c r="H524740" s="12"/>
    </row>
    <row r="524741" spans="8:8">
      <c r="H524741" s="12"/>
    </row>
    <row r="524742" spans="8:8">
      <c r="H524742" s="12"/>
    </row>
    <row r="524743" spans="8:8">
      <c r="H524743" s="12"/>
    </row>
    <row r="524744" spans="8:8">
      <c r="H524744" s="12"/>
    </row>
    <row r="524745" spans="8:8">
      <c r="H524745" s="12"/>
    </row>
    <row r="524746" spans="8:8">
      <c r="H524746" s="12"/>
    </row>
    <row r="524747" spans="8:8">
      <c r="H524747" s="12"/>
    </row>
    <row r="524748" spans="8:8">
      <c r="H524748" s="12"/>
    </row>
    <row r="524749" spans="8:8">
      <c r="H524749" s="12"/>
    </row>
    <row r="524750" spans="8:8">
      <c r="H524750" s="12"/>
    </row>
    <row r="524751" spans="8:8">
      <c r="H524751" s="12"/>
    </row>
    <row r="524752" spans="8:8">
      <c r="H524752" s="12"/>
    </row>
    <row r="524753" spans="8:8">
      <c r="H524753" s="12"/>
    </row>
    <row r="524754" spans="8:8">
      <c r="H524754" s="12"/>
    </row>
    <row r="524755" spans="8:8">
      <c r="H524755" s="12"/>
    </row>
    <row r="524756" spans="8:8">
      <c r="H524756" s="12"/>
    </row>
    <row r="524757" spans="8:8">
      <c r="H524757" s="12"/>
    </row>
    <row r="524758" spans="8:8">
      <c r="H524758" s="12"/>
    </row>
    <row r="524759" spans="8:8">
      <c r="H524759" s="12"/>
    </row>
    <row r="524760" spans="8:8">
      <c r="H524760" s="12"/>
    </row>
    <row r="524761" spans="8:8">
      <c r="H524761" s="12"/>
    </row>
    <row r="524762" spans="8:8">
      <c r="H524762" s="12"/>
    </row>
    <row r="524763" spans="8:8">
      <c r="H524763" s="12"/>
    </row>
    <row r="524764" spans="8:8">
      <c r="H524764" s="12"/>
    </row>
    <row r="524765" spans="8:8">
      <c r="H524765" s="12"/>
    </row>
    <row r="524766" spans="8:8">
      <c r="H524766" s="12"/>
    </row>
    <row r="524767" spans="8:8">
      <c r="H524767" s="12"/>
    </row>
    <row r="524768" spans="8:8">
      <c r="H524768" s="12"/>
    </row>
    <row r="524769" spans="8:8">
      <c r="H524769" s="12"/>
    </row>
    <row r="524770" spans="8:8">
      <c r="H524770" s="12"/>
    </row>
    <row r="524771" spans="8:8">
      <c r="H524771" s="12"/>
    </row>
    <row r="524772" spans="8:8">
      <c r="H524772" s="12"/>
    </row>
    <row r="524773" spans="8:8">
      <c r="H524773" s="12"/>
    </row>
    <row r="524774" spans="8:8">
      <c r="H524774" s="12"/>
    </row>
    <row r="524775" spans="8:8">
      <c r="H524775" s="12"/>
    </row>
    <row r="524776" spans="8:8">
      <c r="H524776" s="12"/>
    </row>
    <row r="524777" spans="8:8">
      <c r="H524777" s="12"/>
    </row>
    <row r="524778" spans="8:8">
      <c r="H524778" s="12"/>
    </row>
    <row r="524779" spans="8:8">
      <c r="H524779" s="12"/>
    </row>
    <row r="524780" spans="8:8">
      <c r="H524780" s="12"/>
    </row>
    <row r="524781" spans="8:8">
      <c r="H524781" s="12"/>
    </row>
    <row r="524782" spans="8:8">
      <c r="H524782" s="12"/>
    </row>
    <row r="524783" spans="8:8">
      <c r="H524783" s="12"/>
    </row>
    <row r="524784" spans="8:8">
      <c r="H524784" s="12"/>
    </row>
    <row r="524785" spans="8:8">
      <c r="H524785" s="12"/>
    </row>
    <row r="524786" spans="8:8">
      <c r="H524786" s="12"/>
    </row>
    <row r="524787" spans="8:8">
      <c r="H524787" s="12"/>
    </row>
    <row r="524788" spans="8:8">
      <c r="H524788" s="12"/>
    </row>
    <row r="524789" spans="8:8">
      <c r="H524789" s="12"/>
    </row>
    <row r="524790" spans="8:8">
      <c r="H524790" s="12"/>
    </row>
    <row r="524791" spans="8:8">
      <c r="H524791" s="12"/>
    </row>
    <row r="524792" spans="8:8">
      <c r="H524792" s="12"/>
    </row>
    <row r="524793" spans="8:8">
      <c r="H524793" s="12"/>
    </row>
    <row r="524794" spans="8:8">
      <c r="H524794" s="12"/>
    </row>
    <row r="524795" spans="8:8">
      <c r="H524795" s="12"/>
    </row>
    <row r="524796" spans="8:8">
      <c r="H524796" s="12"/>
    </row>
    <row r="524797" spans="8:8">
      <c r="H524797" s="12"/>
    </row>
    <row r="524798" spans="8:8">
      <c r="H524798" s="12"/>
    </row>
    <row r="524799" spans="8:8">
      <c r="H524799" s="12"/>
    </row>
    <row r="524800" spans="8:8">
      <c r="H524800" s="12"/>
    </row>
    <row r="524801" spans="8:8">
      <c r="H524801" s="12"/>
    </row>
    <row r="524802" spans="8:8">
      <c r="H524802" s="12"/>
    </row>
    <row r="524803" spans="8:8">
      <c r="H524803" s="12"/>
    </row>
    <row r="524804" spans="8:8">
      <c r="H524804" s="12"/>
    </row>
    <row r="524805" spans="8:8">
      <c r="H524805" s="12"/>
    </row>
    <row r="524806" spans="8:8">
      <c r="H524806" s="12"/>
    </row>
    <row r="524807" spans="8:8">
      <c r="H524807" s="12"/>
    </row>
    <row r="524808" spans="8:8">
      <c r="H524808" s="12"/>
    </row>
    <row r="524809" spans="8:8">
      <c r="H524809" s="12"/>
    </row>
    <row r="524810" spans="8:8">
      <c r="H524810" s="12"/>
    </row>
    <row r="524811" spans="8:8">
      <c r="H524811" s="12"/>
    </row>
    <row r="524812" spans="8:8">
      <c r="H524812" s="12"/>
    </row>
    <row r="524813" spans="8:8">
      <c r="H524813" s="12"/>
    </row>
    <row r="524814" spans="8:8">
      <c r="H524814" s="12"/>
    </row>
    <row r="524815" spans="8:8">
      <c r="H524815" s="12"/>
    </row>
    <row r="524816" spans="8:8">
      <c r="H524816" s="12"/>
    </row>
    <row r="524817" spans="8:8">
      <c r="H524817" s="12"/>
    </row>
    <row r="524818" spans="8:8">
      <c r="H524818" s="12"/>
    </row>
    <row r="524819" spans="8:8">
      <c r="H524819" s="12"/>
    </row>
    <row r="524820" spans="8:8">
      <c r="H524820" s="12"/>
    </row>
    <row r="524821" spans="8:8">
      <c r="H524821" s="12"/>
    </row>
    <row r="524822" spans="8:8">
      <c r="H524822" s="12"/>
    </row>
    <row r="524823" spans="8:8">
      <c r="H524823" s="12"/>
    </row>
    <row r="524824" spans="8:8">
      <c r="H524824" s="12"/>
    </row>
    <row r="524825" spans="8:8">
      <c r="H524825" s="12"/>
    </row>
    <row r="524826" spans="8:8">
      <c r="H524826" s="12"/>
    </row>
    <row r="524827" spans="8:8">
      <c r="H524827" s="12"/>
    </row>
    <row r="524828" spans="8:8">
      <c r="H524828" s="12"/>
    </row>
    <row r="524829" spans="8:8">
      <c r="H524829" s="12"/>
    </row>
    <row r="524830" spans="8:8">
      <c r="H524830" s="12"/>
    </row>
    <row r="524831" spans="8:8">
      <c r="H524831" s="12"/>
    </row>
    <row r="524832" spans="8:8">
      <c r="H524832" s="12"/>
    </row>
    <row r="524833" spans="8:8">
      <c r="H524833" s="12"/>
    </row>
    <row r="524834" spans="8:8">
      <c r="H524834" s="12"/>
    </row>
    <row r="524835" spans="8:8">
      <c r="H524835" s="12"/>
    </row>
    <row r="524836" spans="8:8">
      <c r="H524836" s="12"/>
    </row>
    <row r="524837" spans="8:8">
      <c r="H524837" s="12"/>
    </row>
    <row r="524838" spans="8:8">
      <c r="H524838" s="12"/>
    </row>
    <row r="524839" spans="8:8">
      <c r="H524839" s="12"/>
    </row>
    <row r="524840" spans="8:8">
      <c r="H524840" s="12"/>
    </row>
    <row r="524841" spans="8:8">
      <c r="H524841" s="12"/>
    </row>
    <row r="524842" spans="8:8">
      <c r="H524842" s="12"/>
    </row>
    <row r="524843" spans="8:8">
      <c r="H524843" s="12"/>
    </row>
    <row r="524844" spans="8:8">
      <c r="H524844" s="12"/>
    </row>
    <row r="524845" spans="8:8">
      <c r="H524845" s="12"/>
    </row>
    <row r="524846" spans="8:8">
      <c r="H524846" s="12"/>
    </row>
    <row r="524847" spans="8:8">
      <c r="H524847" s="12"/>
    </row>
    <row r="524848" spans="8:8">
      <c r="H524848" s="12"/>
    </row>
    <row r="524849" spans="8:8">
      <c r="H524849" s="12"/>
    </row>
    <row r="524850" spans="8:8">
      <c r="H524850" s="12"/>
    </row>
    <row r="524851" spans="8:8">
      <c r="H524851" s="12"/>
    </row>
    <row r="524852" spans="8:8">
      <c r="H524852" s="12"/>
    </row>
    <row r="524853" spans="8:8">
      <c r="H524853" s="12"/>
    </row>
    <row r="524854" spans="8:8">
      <c r="H524854" s="12"/>
    </row>
    <row r="524855" spans="8:8">
      <c r="H524855" s="12"/>
    </row>
    <row r="524856" spans="8:8">
      <c r="H524856" s="12"/>
    </row>
    <row r="524857" spans="8:8">
      <c r="H524857" s="12"/>
    </row>
    <row r="524858" spans="8:8">
      <c r="H524858" s="12"/>
    </row>
    <row r="524859" spans="8:8">
      <c r="H524859" s="12"/>
    </row>
    <row r="524860" spans="8:8">
      <c r="H524860" s="12"/>
    </row>
    <row r="524861" spans="8:8">
      <c r="H524861" s="12"/>
    </row>
    <row r="524862" spans="8:8">
      <c r="H524862" s="12"/>
    </row>
    <row r="524863" spans="8:8">
      <c r="H524863" s="12"/>
    </row>
    <row r="524864" spans="8:8">
      <c r="H524864" s="12"/>
    </row>
    <row r="524865" spans="8:8">
      <c r="H524865" s="12"/>
    </row>
    <row r="524866" spans="8:8">
      <c r="H524866" s="12"/>
    </row>
    <row r="524867" spans="8:8">
      <c r="H524867" s="12"/>
    </row>
    <row r="524868" spans="8:8">
      <c r="H524868" s="12"/>
    </row>
    <row r="524869" spans="8:8">
      <c r="H524869" s="12"/>
    </row>
    <row r="524870" spans="8:8">
      <c r="H524870" s="12"/>
    </row>
    <row r="524871" spans="8:8">
      <c r="H524871" s="12"/>
    </row>
    <row r="524872" spans="8:8">
      <c r="H524872" s="12"/>
    </row>
    <row r="524873" spans="8:8">
      <c r="H524873" s="12"/>
    </row>
    <row r="524874" spans="8:8">
      <c r="H524874" s="12"/>
    </row>
    <row r="524875" spans="8:8">
      <c r="H524875" s="12"/>
    </row>
    <row r="524876" spans="8:8">
      <c r="H524876" s="12"/>
    </row>
    <row r="524877" spans="8:8">
      <c r="H524877" s="12"/>
    </row>
    <row r="524878" spans="8:8">
      <c r="H524878" s="12"/>
    </row>
    <row r="524879" spans="8:8">
      <c r="H524879" s="12"/>
    </row>
    <row r="524880" spans="8:8">
      <c r="H524880" s="12"/>
    </row>
    <row r="524881" spans="8:8">
      <c r="H524881" s="12"/>
    </row>
    <row r="524882" spans="8:8">
      <c r="H524882" s="12"/>
    </row>
    <row r="524883" spans="8:8">
      <c r="H524883" s="12"/>
    </row>
    <row r="524884" spans="8:8">
      <c r="H524884" s="12"/>
    </row>
    <row r="524885" spans="8:8">
      <c r="H524885" s="12"/>
    </row>
    <row r="524886" spans="8:8">
      <c r="H524886" s="12"/>
    </row>
    <row r="524887" spans="8:8">
      <c r="H524887" s="12"/>
    </row>
    <row r="524888" spans="8:8">
      <c r="H524888" s="12"/>
    </row>
    <row r="524889" spans="8:8">
      <c r="H524889" s="12"/>
    </row>
    <row r="524890" spans="8:8">
      <c r="H524890" s="12"/>
    </row>
    <row r="524891" spans="8:8">
      <c r="H524891" s="12"/>
    </row>
    <row r="524892" spans="8:8">
      <c r="H524892" s="12"/>
    </row>
    <row r="524893" spans="8:8">
      <c r="H524893" s="12"/>
    </row>
    <row r="524894" spans="8:8">
      <c r="H524894" s="12"/>
    </row>
    <row r="524895" spans="8:8">
      <c r="H524895" s="12"/>
    </row>
    <row r="524896" spans="8:8">
      <c r="H524896" s="12"/>
    </row>
    <row r="524897" spans="8:8">
      <c r="H524897" s="12"/>
    </row>
    <row r="524898" spans="8:8">
      <c r="H524898" s="12"/>
    </row>
    <row r="524899" spans="8:8">
      <c r="H524899" s="12"/>
    </row>
    <row r="524900" spans="8:8">
      <c r="H524900" s="12"/>
    </row>
    <row r="524901" spans="8:8">
      <c r="H524901" s="12"/>
    </row>
    <row r="524902" spans="8:8">
      <c r="H524902" s="12"/>
    </row>
    <row r="524903" spans="8:8">
      <c r="H524903" s="12"/>
    </row>
    <row r="524904" spans="8:8">
      <c r="H524904" s="12"/>
    </row>
    <row r="524905" spans="8:8">
      <c r="H524905" s="12"/>
    </row>
    <row r="524906" spans="8:8">
      <c r="H524906" s="12"/>
    </row>
    <row r="524907" spans="8:8">
      <c r="H524907" s="12"/>
    </row>
    <row r="524908" spans="8:8">
      <c r="H524908" s="12"/>
    </row>
    <row r="524909" spans="8:8">
      <c r="H524909" s="12"/>
    </row>
    <row r="524910" spans="8:8">
      <c r="H524910" s="12"/>
    </row>
    <row r="524911" spans="8:8">
      <c r="H524911" s="12"/>
    </row>
    <row r="524912" spans="8:8">
      <c r="H524912" s="12"/>
    </row>
    <row r="524913" spans="8:8">
      <c r="H524913" s="12"/>
    </row>
    <row r="524914" spans="8:8">
      <c r="H524914" s="12"/>
    </row>
    <row r="524915" spans="8:8">
      <c r="H524915" s="12"/>
    </row>
    <row r="524916" spans="8:8">
      <c r="H524916" s="12"/>
    </row>
    <row r="524917" spans="8:8">
      <c r="H524917" s="12"/>
    </row>
    <row r="524918" spans="8:8">
      <c r="H524918" s="12"/>
    </row>
    <row r="524919" spans="8:8">
      <c r="H524919" s="12"/>
    </row>
    <row r="524920" spans="8:8">
      <c r="H524920" s="12"/>
    </row>
    <row r="524921" spans="8:8">
      <c r="H524921" s="12"/>
    </row>
    <row r="524922" spans="8:8">
      <c r="H524922" s="12"/>
    </row>
    <row r="524923" spans="8:8">
      <c r="H524923" s="12"/>
    </row>
    <row r="524924" spans="8:8">
      <c r="H524924" s="12"/>
    </row>
    <row r="524925" spans="8:8">
      <c r="H524925" s="12"/>
    </row>
    <row r="524926" spans="8:8">
      <c r="H524926" s="12"/>
    </row>
    <row r="524927" spans="8:8">
      <c r="H524927" s="12"/>
    </row>
    <row r="524928" spans="8:8">
      <c r="H524928" s="12"/>
    </row>
    <row r="524929" spans="8:8">
      <c r="H524929" s="12"/>
    </row>
    <row r="524930" spans="8:8">
      <c r="H524930" s="12"/>
    </row>
    <row r="524931" spans="8:8">
      <c r="H524931" s="12"/>
    </row>
    <row r="524932" spans="8:8">
      <c r="H524932" s="12"/>
    </row>
    <row r="524933" spans="8:8">
      <c r="H524933" s="12"/>
    </row>
    <row r="524934" spans="8:8">
      <c r="H524934" s="12"/>
    </row>
    <row r="524935" spans="8:8">
      <c r="H524935" s="12"/>
    </row>
    <row r="524936" spans="8:8">
      <c r="H524936" s="12"/>
    </row>
    <row r="524937" spans="8:8">
      <c r="H524937" s="12"/>
    </row>
    <row r="524938" spans="8:8">
      <c r="H524938" s="12"/>
    </row>
    <row r="524939" spans="8:8">
      <c r="H524939" s="12"/>
    </row>
    <row r="524940" spans="8:8">
      <c r="H524940" s="12"/>
    </row>
    <row r="524941" spans="8:8">
      <c r="H524941" s="12"/>
    </row>
    <row r="524942" spans="8:8">
      <c r="H524942" s="12"/>
    </row>
    <row r="524943" spans="8:8">
      <c r="H524943" s="12"/>
    </row>
    <row r="524944" spans="8:8">
      <c r="H524944" s="12"/>
    </row>
    <row r="524945" spans="8:8">
      <c r="H524945" s="12"/>
    </row>
    <row r="524946" spans="8:8">
      <c r="H524946" s="12"/>
    </row>
    <row r="524947" spans="8:8">
      <c r="H524947" s="12"/>
    </row>
    <row r="524948" spans="8:8">
      <c r="H524948" s="12"/>
    </row>
    <row r="524949" spans="8:8">
      <c r="H524949" s="12"/>
    </row>
    <row r="524950" spans="8:8">
      <c r="H524950" s="12"/>
    </row>
    <row r="524951" spans="8:8">
      <c r="H524951" s="12"/>
    </row>
    <row r="524952" spans="8:8">
      <c r="H524952" s="12"/>
    </row>
    <row r="524953" spans="8:8">
      <c r="H524953" s="12"/>
    </row>
    <row r="524954" spans="8:8">
      <c r="H524954" s="12"/>
    </row>
    <row r="524955" spans="8:8">
      <c r="H524955" s="12"/>
    </row>
    <row r="524956" spans="8:8">
      <c r="H524956" s="12"/>
    </row>
    <row r="524957" spans="8:8">
      <c r="H524957" s="12"/>
    </row>
    <row r="524958" spans="8:8">
      <c r="H524958" s="12"/>
    </row>
    <row r="524959" spans="8:8">
      <c r="H524959" s="12"/>
    </row>
    <row r="524960" spans="8:8">
      <c r="H524960" s="12"/>
    </row>
    <row r="524961" spans="8:8">
      <c r="H524961" s="12"/>
    </row>
    <row r="524962" spans="8:8">
      <c r="H524962" s="12"/>
    </row>
    <row r="524963" spans="8:8">
      <c r="H524963" s="12"/>
    </row>
    <row r="524964" spans="8:8">
      <c r="H524964" s="12"/>
    </row>
    <row r="524965" spans="8:8">
      <c r="H524965" s="12"/>
    </row>
    <row r="524966" spans="8:8">
      <c r="H524966" s="12"/>
    </row>
    <row r="524967" spans="8:8">
      <c r="H524967" s="12"/>
    </row>
    <row r="524968" spans="8:8">
      <c r="H524968" s="12"/>
    </row>
    <row r="524969" spans="8:8">
      <c r="H524969" s="12"/>
    </row>
    <row r="524970" spans="8:8">
      <c r="H524970" s="12"/>
    </row>
    <row r="524971" spans="8:8">
      <c r="H524971" s="12"/>
    </row>
    <row r="524972" spans="8:8">
      <c r="H524972" s="12"/>
    </row>
    <row r="524973" spans="8:8">
      <c r="H524973" s="12"/>
    </row>
    <row r="524974" spans="8:8">
      <c r="H524974" s="12"/>
    </row>
    <row r="524975" spans="8:8">
      <c r="H524975" s="12"/>
    </row>
    <row r="524976" spans="8:8">
      <c r="H524976" s="12"/>
    </row>
    <row r="524977" spans="8:8">
      <c r="H524977" s="12"/>
    </row>
    <row r="524978" spans="8:8">
      <c r="H524978" s="12"/>
    </row>
    <row r="524979" spans="8:8">
      <c r="H524979" s="12"/>
    </row>
    <row r="524980" spans="8:8">
      <c r="H524980" s="12"/>
    </row>
    <row r="524981" spans="8:8">
      <c r="H524981" s="12"/>
    </row>
    <row r="524982" spans="8:8">
      <c r="H524982" s="12"/>
    </row>
    <row r="524983" spans="8:8">
      <c r="H524983" s="12"/>
    </row>
    <row r="524984" spans="8:8">
      <c r="H524984" s="12"/>
    </row>
    <row r="524985" spans="8:8">
      <c r="H524985" s="12"/>
    </row>
    <row r="524986" spans="8:8">
      <c r="H524986" s="12"/>
    </row>
    <row r="524987" spans="8:8">
      <c r="H524987" s="12"/>
    </row>
    <row r="524988" spans="8:8">
      <c r="H524988" s="12"/>
    </row>
    <row r="524989" spans="8:8">
      <c r="H524989" s="12"/>
    </row>
    <row r="524990" spans="8:8">
      <c r="H524990" s="12"/>
    </row>
    <row r="524991" spans="8:8">
      <c r="H524991" s="12"/>
    </row>
    <row r="524992" spans="8:8">
      <c r="H524992" s="12"/>
    </row>
    <row r="524993" spans="8:8">
      <c r="H524993" s="12"/>
    </row>
    <row r="524994" spans="8:8">
      <c r="H524994" s="12"/>
    </row>
    <row r="524995" spans="8:8">
      <c r="H524995" s="12"/>
    </row>
    <row r="524996" spans="8:8">
      <c r="H524996" s="12"/>
    </row>
    <row r="524997" spans="8:8">
      <c r="H524997" s="12"/>
    </row>
    <row r="524998" spans="8:8">
      <c r="H524998" s="12"/>
    </row>
    <row r="524999" spans="8:8">
      <c r="H524999" s="12"/>
    </row>
    <row r="525000" spans="8:8">
      <c r="H525000" s="12"/>
    </row>
    <row r="525001" spans="8:8">
      <c r="H525001" s="12"/>
    </row>
    <row r="525002" spans="8:8">
      <c r="H525002" s="12"/>
    </row>
    <row r="525003" spans="8:8">
      <c r="H525003" s="12"/>
    </row>
    <row r="525004" spans="8:8">
      <c r="H525004" s="12"/>
    </row>
    <row r="525005" spans="8:8">
      <c r="H525005" s="12"/>
    </row>
    <row r="525006" spans="8:8">
      <c r="H525006" s="12"/>
    </row>
    <row r="525007" spans="8:8">
      <c r="H525007" s="12"/>
    </row>
    <row r="525008" spans="8:8">
      <c r="H525008" s="12"/>
    </row>
    <row r="525009" spans="8:8">
      <c r="H525009" s="12"/>
    </row>
    <row r="525010" spans="8:8">
      <c r="H525010" s="12"/>
    </row>
    <row r="525011" spans="8:8">
      <c r="H525011" s="12"/>
    </row>
    <row r="525012" spans="8:8">
      <c r="H525012" s="12"/>
    </row>
    <row r="525013" spans="8:8">
      <c r="H525013" s="12"/>
    </row>
    <row r="525014" spans="8:8">
      <c r="H525014" s="12"/>
    </row>
    <row r="525015" spans="8:8">
      <c r="H525015" s="12"/>
    </row>
    <row r="525016" spans="8:8">
      <c r="H525016" s="12"/>
    </row>
    <row r="525017" spans="8:8">
      <c r="H525017" s="12"/>
    </row>
    <row r="525018" spans="8:8">
      <c r="H525018" s="12"/>
    </row>
    <row r="525019" spans="8:8">
      <c r="H525019" s="12"/>
    </row>
    <row r="525020" spans="8:8">
      <c r="H525020" s="12"/>
    </row>
    <row r="525021" spans="8:8">
      <c r="H525021" s="12"/>
    </row>
    <row r="525022" spans="8:8">
      <c r="H525022" s="12"/>
    </row>
    <row r="525023" spans="8:8">
      <c r="H525023" s="12"/>
    </row>
    <row r="525024" spans="8:8">
      <c r="H525024" s="12"/>
    </row>
    <row r="525025" spans="8:8">
      <c r="H525025" s="12"/>
    </row>
    <row r="525026" spans="8:8">
      <c r="H525026" s="12"/>
    </row>
    <row r="525027" spans="8:8">
      <c r="H525027" s="12"/>
    </row>
    <row r="525028" spans="8:8">
      <c r="H525028" s="12"/>
    </row>
    <row r="525029" spans="8:8">
      <c r="H525029" s="12"/>
    </row>
    <row r="525030" spans="8:8">
      <c r="H525030" s="12"/>
    </row>
    <row r="525031" spans="8:8">
      <c r="H525031" s="12"/>
    </row>
    <row r="525032" spans="8:8">
      <c r="H525032" s="12"/>
    </row>
    <row r="525033" spans="8:8">
      <c r="H525033" s="12"/>
    </row>
    <row r="525034" spans="8:8">
      <c r="H525034" s="12"/>
    </row>
    <row r="525035" spans="8:8">
      <c r="H525035" s="12"/>
    </row>
    <row r="525036" spans="8:8">
      <c r="H525036" s="12"/>
    </row>
    <row r="525037" spans="8:8">
      <c r="H525037" s="12"/>
    </row>
    <row r="525038" spans="8:8">
      <c r="H525038" s="12"/>
    </row>
    <row r="525039" spans="8:8">
      <c r="H525039" s="12"/>
    </row>
    <row r="525040" spans="8:8">
      <c r="H525040" s="12"/>
    </row>
    <row r="525041" spans="8:8">
      <c r="H525041" s="12"/>
    </row>
    <row r="525042" spans="8:8">
      <c r="H525042" s="12"/>
    </row>
    <row r="525043" spans="8:8">
      <c r="H525043" s="12"/>
    </row>
    <row r="525044" spans="8:8">
      <c r="H525044" s="12"/>
    </row>
    <row r="525045" spans="8:8">
      <c r="H525045" s="12"/>
    </row>
    <row r="525046" spans="8:8">
      <c r="H525046" s="12"/>
    </row>
    <row r="525047" spans="8:8">
      <c r="H525047" s="12"/>
    </row>
    <row r="525048" spans="8:8">
      <c r="H525048" s="12"/>
    </row>
    <row r="525049" spans="8:8">
      <c r="H525049" s="12"/>
    </row>
    <row r="525050" spans="8:8">
      <c r="H525050" s="12"/>
    </row>
    <row r="525051" spans="8:8">
      <c r="H525051" s="12"/>
    </row>
    <row r="525052" spans="8:8">
      <c r="H525052" s="12"/>
    </row>
    <row r="525053" spans="8:8">
      <c r="H525053" s="12"/>
    </row>
    <row r="525054" spans="8:8">
      <c r="H525054" s="12"/>
    </row>
    <row r="525055" spans="8:8">
      <c r="H525055" s="12"/>
    </row>
    <row r="525056" spans="8:8">
      <c r="H525056" s="12"/>
    </row>
    <row r="525057" spans="8:8">
      <c r="H525057" s="12"/>
    </row>
    <row r="525058" spans="8:8">
      <c r="H525058" s="12"/>
    </row>
    <row r="525059" spans="8:8">
      <c r="H525059" s="12"/>
    </row>
    <row r="525060" spans="8:8">
      <c r="H525060" s="12"/>
    </row>
    <row r="525061" spans="8:8">
      <c r="H525061" s="12"/>
    </row>
    <row r="525062" spans="8:8">
      <c r="H525062" s="12"/>
    </row>
    <row r="525063" spans="8:8">
      <c r="H525063" s="12"/>
    </row>
    <row r="525064" spans="8:8">
      <c r="H525064" s="12"/>
    </row>
    <row r="525065" spans="8:8">
      <c r="H525065" s="12"/>
    </row>
    <row r="525066" spans="8:8">
      <c r="H525066" s="12"/>
    </row>
    <row r="525067" spans="8:8">
      <c r="H525067" s="12"/>
    </row>
    <row r="525068" spans="8:8">
      <c r="H525068" s="12"/>
    </row>
    <row r="525069" spans="8:8">
      <c r="H525069" s="12"/>
    </row>
    <row r="525070" spans="8:8">
      <c r="H525070" s="12"/>
    </row>
    <row r="525071" spans="8:8">
      <c r="H525071" s="12"/>
    </row>
    <row r="525072" spans="8:8">
      <c r="H525072" s="12"/>
    </row>
    <row r="525073" spans="8:8">
      <c r="H525073" s="12"/>
    </row>
    <row r="525074" spans="8:8">
      <c r="H525074" s="12"/>
    </row>
    <row r="525075" spans="8:8">
      <c r="H525075" s="12"/>
    </row>
    <row r="525076" spans="8:8">
      <c r="H525076" s="12"/>
    </row>
    <row r="525077" spans="8:8">
      <c r="H525077" s="12"/>
    </row>
    <row r="525078" spans="8:8">
      <c r="H525078" s="12"/>
    </row>
    <row r="525079" spans="8:8">
      <c r="H525079" s="12"/>
    </row>
    <row r="525080" spans="8:8">
      <c r="H525080" s="12"/>
    </row>
    <row r="525081" spans="8:8">
      <c r="H525081" s="12"/>
    </row>
    <row r="525082" spans="8:8">
      <c r="H525082" s="12"/>
    </row>
    <row r="525083" spans="8:8">
      <c r="H525083" s="12"/>
    </row>
    <row r="525084" spans="8:8">
      <c r="H525084" s="12"/>
    </row>
    <row r="525085" spans="8:8">
      <c r="H525085" s="12"/>
    </row>
    <row r="525086" spans="8:8">
      <c r="H525086" s="12"/>
    </row>
    <row r="525087" spans="8:8">
      <c r="H525087" s="12"/>
    </row>
    <row r="525088" spans="8:8">
      <c r="H525088" s="12"/>
    </row>
    <row r="525089" spans="8:8">
      <c r="H525089" s="12"/>
    </row>
    <row r="525090" spans="8:8">
      <c r="H525090" s="12"/>
    </row>
    <row r="525091" spans="8:8">
      <c r="H525091" s="12"/>
    </row>
    <row r="525092" spans="8:8">
      <c r="H525092" s="12"/>
    </row>
    <row r="525093" spans="8:8">
      <c r="H525093" s="12"/>
    </row>
    <row r="525094" spans="8:8">
      <c r="H525094" s="12"/>
    </row>
    <row r="525095" spans="8:8">
      <c r="H525095" s="12"/>
    </row>
    <row r="525096" spans="8:8">
      <c r="H525096" s="12"/>
    </row>
    <row r="525097" spans="8:8">
      <c r="H525097" s="12"/>
    </row>
    <row r="525098" spans="8:8">
      <c r="H525098" s="12"/>
    </row>
    <row r="525099" spans="8:8">
      <c r="H525099" s="12"/>
    </row>
    <row r="525100" spans="8:8">
      <c r="H525100" s="12"/>
    </row>
    <row r="525101" spans="8:8">
      <c r="H525101" s="12"/>
    </row>
    <row r="525102" spans="8:8">
      <c r="H525102" s="12"/>
    </row>
    <row r="525103" spans="8:8">
      <c r="H525103" s="12"/>
    </row>
    <row r="525104" spans="8:8">
      <c r="H525104" s="12"/>
    </row>
    <row r="525105" spans="8:8">
      <c r="H525105" s="12"/>
    </row>
    <row r="525106" spans="8:8">
      <c r="H525106" s="12"/>
    </row>
    <row r="525107" spans="8:8">
      <c r="H525107" s="12"/>
    </row>
    <row r="525108" spans="8:8">
      <c r="H525108" s="12"/>
    </row>
    <row r="525109" spans="8:8">
      <c r="H525109" s="12"/>
    </row>
    <row r="525110" spans="8:8">
      <c r="H525110" s="12"/>
    </row>
    <row r="525111" spans="8:8">
      <c r="H525111" s="12"/>
    </row>
    <row r="525112" spans="8:8">
      <c r="H525112" s="12"/>
    </row>
    <row r="525113" spans="8:8">
      <c r="H525113" s="12"/>
    </row>
    <row r="525114" spans="8:8">
      <c r="H525114" s="12"/>
    </row>
    <row r="525115" spans="8:8">
      <c r="H525115" s="12"/>
    </row>
    <row r="525116" spans="8:8">
      <c r="H525116" s="12"/>
    </row>
    <row r="525117" spans="8:8">
      <c r="H525117" s="12"/>
    </row>
    <row r="525118" spans="8:8">
      <c r="H525118" s="12"/>
    </row>
    <row r="525119" spans="8:8">
      <c r="H525119" s="12"/>
    </row>
    <row r="525120" spans="8:8">
      <c r="H525120" s="12"/>
    </row>
    <row r="525121" spans="8:8">
      <c r="H525121" s="12"/>
    </row>
    <row r="525122" spans="8:8">
      <c r="H525122" s="12"/>
    </row>
    <row r="525123" spans="8:8">
      <c r="H525123" s="12"/>
    </row>
    <row r="525124" spans="8:8">
      <c r="H525124" s="12"/>
    </row>
    <row r="525125" spans="8:8">
      <c r="H525125" s="12"/>
    </row>
    <row r="525126" spans="8:8">
      <c r="H525126" s="12"/>
    </row>
    <row r="525127" spans="8:8">
      <c r="H525127" s="12"/>
    </row>
    <row r="525128" spans="8:8">
      <c r="H525128" s="12"/>
    </row>
    <row r="525129" spans="8:8">
      <c r="H525129" s="12"/>
    </row>
    <row r="525130" spans="8:8">
      <c r="H525130" s="12"/>
    </row>
    <row r="525131" spans="8:8">
      <c r="H525131" s="12"/>
    </row>
    <row r="525132" spans="8:8">
      <c r="H525132" s="12"/>
    </row>
    <row r="525133" spans="8:8">
      <c r="H525133" s="12"/>
    </row>
    <row r="525134" spans="8:8">
      <c r="H525134" s="12"/>
    </row>
    <row r="525135" spans="8:8">
      <c r="H525135" s="12"/>
    </row>
    <row r="525136" spans="8:8">
      <c r="H525136" s="12"/>
    </row>
    <row r="525137" spans="8:8">
      <c r="H525137" s="12"/>
    </row>
    <row r="525138" spans="8:8">
      <c r="H525138" s="12"/>
    </row>
    <row r="525139" spans="8:8">
      <c r="H525139" s="12"/>
    </row>
    <row r="525140" spans="8:8">
      <c r="H525140" s="12"/>
    </row>
    <row r="525141" spans="8:8">
      <c r="H525141" s="12"/>
    </row>
    <row r="525142" spans="8:8">
      <c r="H525142" s="12"/>
    </row>
    <row r="525143" spans="8:8">
      <c r="H525143" s="12"/>
    </row>
    <row r="525144" spans="8:8">
      <c r="H525144" s="12"/>
    </row>
    <row r="525145" spans="8:8">
      <c r="H525145" s="12"/>
    </row>
    <row r="525146" spans="8:8">
      <c r="H525146" s="12"/>
    </row>
    <row r="525147" spans="8:8">
      <c r="H525147" s="12"/>
    </row>
    <row r="525148" spans="8:8">
      <c r="H525148" s="12"/>
    </row>
    <row r="525149" spans="8:8">
      <c r="H525149" s="12"/>
    </row>
    <row r="525150" spans="8:8">
      <c r="H525150" s="12"/>
    </row>
    <row r="525151" spans="8:8">
      <c r="H525151" s="12"/>
    </row>
    <row r="525152" spans="8:8">
      <c r="H525152" s="12"/>
    </row>
    <row r="525153" spans="8:8">
      <c r="H525153" s="12"/>
    </row>
    <row r="525154" spans="8:8">
      <c r="H525154" s="12"/>
    </row>
    <row r="525155" spans="8:8">
      <c r="H525155" s="12"/>
    </row>
    <row r="525156" spans="8:8">
      <c r="H525156" s="12"/>
    </row>
    <row r="525157" spans="8:8">
      <c r="H525157" s="12"/>
    </row>
    <row r="525158" spans="8:8">
      <c r="H525158" s="12"/>
    </row>
    <row r="525159" spans="8:8">
      <c r="H525159" s="12"/>
    </row>
    <row r="525160" spans="8:8">
      <c r="H525160" s="12"/>
    </row>
    <row r="525161" spans="8:8">
      <c r="H525161" s="12"/>
    </row>
    <row r="525162" spans="8:8">
      <c r="H525162" s="12"/>
    </row>
    <row r="525163" spans="8:8">
      <c r="H525163" s="12"/>
    </row>
    <row r="525164" spans="8:8">
      <c r="H525164" s="12"/>
    </row>
    <row r="525165" spans="8:8">
      <c r="H525165" s="12"/>
    </row>
    <row r="525166" spans="8:8">
      <c r="H525166" s="12"/>
    </row>
    <row r="525167" spans="8:8">
      <c r="H525167" s="12"/>
    </row>
    <row r="525168" spans="8:8">
      <c r="H525168" s="12"/>
    </row>
    <row r="525169" spans="8:8">
      <c r="H525169" s="12"/>
    </row>
    <row r="525170" spans="8:8">
      <c r="H525170" s="12"/>
    </row>
    <row r="525171" spans="8:8">
      <c r="H525171" s="12"/>
    </row>
    <row r="525172" spans="8:8">
      <c r="H525172" s="12"/>
    </row>
    <row r="525173" spans="8:8">
      <c r="H525173" s="12"/>
    </row>
    <row r="525174" spans="8:8">
      <c r="H525174" s="12"/>
    </row>
    <row r="525175" spans="8:8">
      <c r="H525175" s="12"/>
    </row>
    <row r="525176" spans="8:8">
      <c r="H525176" s="12"/>
    </row>
    <row r="525177" spans="8:8">
      <c r="H525177" s="12"/>
    </row>
    <row r="525178" spans="8:8">
      <c r="H525178" s="12"/>
    </row>
    <row r="525179" spans="8:8">
      <c r="H525179" s="12"/>
    </row>
    <row r="525180" spans="8:8">
      <c r="H525180" s="12"/>
    </row>
    <row r="525181" spans="8:8">
      <c r="H525181" s="12"/>
    </row>
    <row r="525182" spans="8:8">
      <c r="H525182" s="12"/>
    </row>
    <row r="525183" spans="8:8">
      <c r="H525183" s="12"/>
    </row>
    <row r="525184" spans="8:8">
      <c r="H525184" s="12"/>
    </row>
    <row r="525185" spans="8:8">
      <c r="H525185" s="12"/>
    </row>
    <row r="525186" spans="8:8">
      <c r="H525186" s="12"/>
    </row>
    <row r="525187" spans="8:8">
      <c r="H525187" s="12"/>
    </row>
    <row r="525188" spans="8:8">
      <c r="H525188" s="12"/>
    </row>
    <row r="525189" spans="8:8">
      <c r="H525189" s="12"/>
    </row>
    <row r="525190" spans="8:8">
      <c r="H525190" s="12"/>
    </row>
    <row r="525191" spans="8:8">
      <c r="H525191" s="12"/>
    </row>
    <row r="525192" spans="8:8">
      <c r="H525192" s="12"/>
    </row>
    <row r="525193" spans="8:8">
      <c r="H525193" s="12"/>
    </row>
    <row r="525194" spans="8:8">
      <c r="H525194" s="12"/>
    </row>
    <row r="525195" spans="8:8">
      <c r="H525195" s="12"/>
    </row>
    <row r="525196" spans="8:8">
      <c r="H525196" s="12"/>
    </row>
    <row r="525197" spans="8:8">
      <c r="H525197" s="12"/>
    </row>
    <row r="525198" spans="8:8">
      <c r="H525198" s="12"/>
    </row>
    <row r="525199" spans="8:8">
      <c r="H525199" s="12"/>
    </row>
    <row r="525200" spans="8:8">
      <c r="H525200" s="12"/>
    </row>
    <row r="525201" spans="8:8">
      <c r="H525201" s="12"/>
    </row>
    <row r="525202" spans="8:8">
      <c r="H525202" s="12"/>
    </row>
    <row r="525203" spans="8:8">
      <c r="H525203" s="12"/>
    </row>
    <row r="525204" spans="8:8">
      <c r="H525204" s="12"/>
    </row>
    <row r="525205" spans="8:8">
      <c r="H525205" s="12"/>
    </row>
    <row r="525206" spans="8:8">
      <c r="H525206" s="12"/>
    </row>
    <row r="525207" spans="8:8">
      <c r="H525207" s="12"/>
    </row>
    <row r="525208" spans="8:8">
      <c r="H525208" s="12"/>
    </row>
    <row r="525209" spans="8:8">
      <c r="H525209" s="12"/>
    </row>
    <row r="525210" spans="8:8">
      <c r="H525210" s="12"/>
    </row>
    <row r="525211" spans="8:8">
      <c r="H525211" s="12"/>
    </row>
    <row r="525212" spans="8:8">
      <c r="H525212" s="12"/>
    </row>
    <row r="525213" spans="8:8">
      <c r="H525213" s="12"/>
    </row>
    <row r="525214" spans="8:8">
      <c r="H525214" s="12"/>
    </row>
    <row r="525215" spans="8:8">
      <c r="H525215" s="12"/>
    </row>
    <row r="525216" spans="8:8">
      <c r="H525216" s="12"/>
    </row>
    <row r="525217" spans="8:8">
      <c r="H525217" s="12"/>
    </row>
    <row r="525218" spans="8:8">
      <c r="H525218" s="12"/>
    </row>
    <row r="525219" spans="8:8">
      <c r="H525219" s="12"/>
    </row>
    <row r="525220" spans="8:8">
      <c r="H525220" s="12"/>
    </row>
    <row r="525221" spans="8:8">
      <c r="H525221" s="12"/>
    </row>
    <row r="525222" spans="8:8">
      <c r="H525222" s="12"/>
    </row>
    <row r="525223" spans="8:8">
      <c r="H525223" s="12"/>
    </row>
    <row r="525224" spans="8:8">
      <c r="H525224" s="12"/>
    </row>
    <row r="525225" spans="8:8">
      <c r="H525225" s="12"/>
    </row>
    <row r="525226" spans="8:8">
      <c r="H525226" s="12"/>
    </row>
    <row r="525227" spans="8:8">
      <c r="H525227" s="12"/>
    </row>
    <row r="525228" spans="8:8">
      <c r="H525228" s="12"/>
    </row>
    <row r="525229" spans="8:8">
      <c r="H525229" s="12"/>
    </row>
    <row r="525230" spans="8:8">
      <c r="H525230" s="12"/>
    </row>
    <row r="525231" spans="8:8">
      <c r="H525231" s="12"/>
    </row>
    <row r="525232" spans="8:8">
      <c r="H525232" s="12"/>
    </row>
    <row r="525233" spans="8:8">
      <c r="H525233" s="12"/>
    </row>
    <row r="525234" spans="8:8">
      <c r="H525234" s="12"/>
    </row>
    <row r="525235" spans="8:8">
      <c r="H525235" s="12"/>
    </row>
    <row r="525236" spans="8:8">
      <c r="H525236" s="12"/>
    </row>
    <row r="525237" spans="8:8">
      <c r="H525237" s="12"/>
    </row>
    <row r="525238" spans="8:8">
      <c r="H525238" s="12"/>
    </row>
    <row r="525239" spans="8:8">
      <c r="H525239" s="12"/>
    </row>
    <row r="525240" spans="8:8">
      <c r="H525240" s="12"/>
    </row>
    <row r="525241" spans="8:8">
      <c r="H525241" s="12"/>
    </row>
    <row r="525242" spans="8:8">
      <c r="H525242" s="12"/>
    </row>
    <row r="525243" spans="8:8">
      <c r="H525243" s="12"/>
    </row>
    <row r="525244" spans="8:8">
      <c r="H525244" s="12"/>
    </row>
    <row r="525245" spans="8:8">
      <c r="H525245" s="12"/>
    </row>
    <row r="525246" spans="8:8">
      <c r="H525246" s="12"/>
    </row>
    <row r="525247" spans="8:8">
      <c r="H525247" s="12"/>
    </row>
    <row r="525248" spans="8:8">
      <c r="H525248" s="12"/>
    </row>
    <row r="525249" spans="8:8">
      <c r="H525249" s="12"/>
    </row>
    <row r="525250" spans="8:8">
      <c r="H525250" s="12"/>
    </row>
    <row r="525251" spans="8:8">
      <c r="H525251" s="12"/>
    </row>
    <row r="525252" spans="8:8">
      <c r="H525252" s="12"/>
    </row>
    <row r="525253" spans="8:8">
      <c r="H525253" s="12"/>
    </row>
    <row r="525254" spans="8:8">
      <c r="H525254" s="12"/>
    </row>
    <row r="525255" spans="8:8">
      <c r="H525255" s="12"/>
    </row>
    <row r="525256" spans="8:8">
      <c r="H525256" s="12"/>
    </row>
    <row r="525257" spans="8:8">
      <c r="H525257" s="12"/>
    </row>
    <row r="525258" spans="8:8">
      <c r="H525258" s="12"/>
    </row>
    <row r="525259" spans="8:8">
      <c r="H525259" s="12"/>
    </row>
    <row r="525260" spans="8:8">
      <c r="H525260" s="12"/>
    </row>
    <row r="525261" spans="8:8">
      <c r="H525261" s="12"/>
    </row>
    <row r="525262" spans="8:8">
      <c r="H525262" s="12"/>
    </row>
    <row r="525263" spans="8:8">
      <c r="H525263" s="12"/>
    </row>
    <row r="525264" spans="8:8">
      <c r="H525264" s="12"/>
    </row>
    <row r="525265" spans="8:8">
      <c r="H525265" s="12"/>
    </row>
    <row r="525266" spans="8:8">
      <c r="H525266" s="12"/>
    </row>
    <row r="525267" spans="8:8">
      <c r="H525267" s="12"/>
    </row>
    <row r="525268" spans="8:8">
      <c r="H525268" s="12"/>
    </row>
    <row r="525269" spans="8:8">
      <c r="H525269" s="12"/>
    </row>
    <row r="525270" spans="8:8">
      <c r="H525270" s="12"/>
    </row>
    <row r="525271" spans="8:8">
      <c r="H525271" s="12"/>
    </row>
    <row r="525272" spans="8:8">
      <c r="H525272" s="12"/>
    </row>
    <row r="525273" spans="8:8">
      <c r="H525273" s="12"/>
    </row>
    <row r="525274" spans="8:8">
      <c r="H525274" s="12"/>
    </row>
    <row r="525275" spans="8:8">
      <c r="H525275" s="12"/>
    </row>
    <row r="525276" spans="8:8">
      <c r="H525276" s="12"/>
    </row>
    <row r="525277" spans="8:8">
      <c r="H525277" s="12"/>
    </row>
    <row r="525278" spans="8:8">
      <c r="H525278" s="12"/>
    </row>
    <row r="525279" spans="8:8">
      <c r="H525279" s="12"/>
    </row>
    <row r="525280" spans="8:8">
      <c r="H525280" s="12"/>
    </row>
    <row r="525281" spans="8:8">
      <c r="H525281" s="12"/>
    </row>
    <row r="525282" spans="8:8">
      <c r="H525282" s="12"/>
    </row>
    <row r="525283" spans="8:8">
      <c r="H525283" s="12"/>
    </row>
    <row r="525284" spans="8:8">
      <c r="H525284" s="12"/>
    </row>
    <row r="525285" spans="8:8">
      <c r="H525285" s="12"/>
    </row>
    <row r="525286" spans="8:8">
      <c r="H525286" s="12"/>
    </row>
    <row r="525287" spans="8:8">
      <c r="H525287" s="12"/>
    </row>
    <row r="525288" spans="8:8">
      <c r="H525288" s="12"/>
    </row>
    <row r="525289" spans="8:8">
      <c r="H525289" s="12"/>
    </row>
    <row r="525290" spans="8:8">
      <c r="H525290" s="12"/>
    </row>
    <row r="525291" spans="8:8">
      <c r="H525291" s="12"/>
    </row>
    <row r="525292" spans="8:8">
      <c r="H525292" s="12"/>
    </row>
    <row r="525293" spans="8:8">
      <c r="H525293" s="12"/>
    </row>
    <row r="525294" spans="8:8">
      <c r="H525294" s="12"/>
    </row>
    <row r="525295" spans="8:8">
      <c r="H525295" s="12"/>
    </row>
    <row r="525296" spans="8:8">
      <c r="H525296" s="12"/>
    </row>
    <row r="525297" spans="8:8">
      <c r="H525297" s="12"/>
    </row>
    <row r="525298" spans="8:8">
      <c r="H525298" s="12"/>
    </row>
    <row r="525299" spans="8:8">
      <c r="H525299" s="12"/>
    </row>
    <row r="525300" spans="8:8">
      <c r="H525300" s="12"/>
    </row>
    <row r="525301" spans="8:8">
      <c r="H525301" s="12"/>
    </row>
    <row r="525302" spans="8:8">
      <c r="H525302" s="12"/>
    </row>
    <row r="525303" spans="8:8">
      <c r="H525303" s="12"/>
    </row>
    <row r="525304" spans="8:8">
      <c r="H525304" s="12"/>
    </row>
    <row r="525305" spans="8:8">
      <c r="H525305" s="12"/>
    </row>
    <row r="525306" spans="8:8">
      <c r="H525306" s="12"/>
    </row>
    <row r="525307" spans="8:8">
      <c r="H525307" s="12"/>
    </row>
    <row r="525308" spans="8:8">
      <c r="H525308" s="12"/>
    </row>
    <row r="525309" spans="8:8">
      <c r="H525309" s="12"/>
    </row>
    <row r="525310" spans="8:8">
      <c r="H525310" s="12"/>
    </row>
    <row r="525311" spans="8:8">
      <c r="H525311" s="12"/>
    </row>
    <row r="525312" spans="8:8">
      <c r="H525312" s="12"/>
    </row>
    <row r="525313" spans="8:8">
      <c r="H525313" s="12"/>
    </row>
    <row r="525314" spans="8:8">
      <c r="H525314" s="12"/>
    </row>
    <row r="525315" spans="8:8">
      <c r="H525315" s="12"/>
    </row>
    <row r="525316" spans="8:8">
      <c r="H525316" s="12"/>
    </row>
    <row r="525317" spans="8:8">
      <c r="H525317" s="12"/>
    </row>
    <row r="525318" spans="8:8">
      <c r="H525318" s="12"/>
    </row>
    <row r="525319" spans="8:8">
      <c r="H525319" s="12"/>
    </row>
    <row r="525320" spans="8:8">
      <c r="H525320" s="12"/>
    </row>
    <row r="525321" spans="8:8">
      <c r="H525321" s="12"/>
    </row>
    <row r="525322" spans="8:8">
      <c r="H525322" s="12"/>
    </row>
    <row r="525323" spans="8:8">
      <c r="H525323" s="12"/>
    </row>
    <row r="525324" spans="8:8">
      <c r="H525324" s="12"/>
    </row>
    <row r="525325" spans="8:8">
      <c r="H525325" s="12"/>
    </row>
    <row r="525326" spans="8:8">
      <c r="H525326" s="12"/>
    </row>
    <row r="525327" spans="8:8">
      <c r="H525327" s="12"/>
    </row>
    <row r="525328" spans="8:8">
      <c r="H525328" s="12"/>
    </row>
    <row r="525329" spans="8:8">
      <c r="H525329" s="12"/>
    </row>
    <row r="525330" spans="8:8">
      <c r="H525330" s="12"/>
    </row>
    <row r="525331" spans="8:8">
      <c r="H525331" s="12"/>
    </row>
    <row r="525332" spans="8:8">
      <c r="H525332" s="12"/>
    </row>
    <row r="525333" spans="8:8">
      <c r="H525333" s="12"/>
    </row>
    <row r="525334" spans="8:8">
      <c r="H525334" s="12"/>
    </row>
    <row r="525335" spans="8:8">
      <c r="H525335" s="12"/>
    </row>
    <row r="525336" spans="8:8">
      <c r="H525336" s="12"/>
    </row>
    <row r="525337" spans="8:8">
      <c r="H525337" s="12"/>
    </row>
    <row r="525338" spans="8:8">
      <c r="H525338" s="12"/>
    </row>
    <row r="525339" spans="8:8">
      <c r="H525339" s="12"/>
    </row>
    <row r="525340" spans="8:8">
      <c r="H525340" s="12"/>
    </row>
    <row r="525341" spans="8:8">
      <c r="H525341" s="12"/>
    </row>
    <row r="525342" spans="8:8">
      <c r="H525342" s="12"/>
    </row>
    <row r="525343" spans="8:8">
      <c r="H525343" s="12"/>
    </row>
    <row r="525344" spans="8:8">
      <c r="H525344" s="12"/>
    </row>
    <row r="525345" spans="8:8">
      <c r="H525345" s="12"/>
    </row>
    <row r="525346" spans="8:8">
      <c r="H525346" s="12"/>
    </row>
    <row r="525347" spans="8:8">
      <c r="H525347" s="12"/>
    </row>
    <row r="525348" spans="8:8">
      <c r="H525348" s="12"/>
    </row>
    <row r="525349" spans="8:8">
      <c r="H525349" s="12"/>
    </row>
    <row r="525350" spans="8:8">
      <c r="H525350" s="12"/>
    </row>
    <row r="525351" spans="8:8">
      <c r="H525351" s="12"/>
    </row>
    <row r="525352" spans="8:8">
      <c r="H525352" s="12"/>
    </row>
    <row r="525353" spans="8:8">
      <c r="H525353" s="12"/>
    </row>
    <row r="525354" spans="8:8">
      <c r="H525354" s="12"/>
    </row>
    <row r="525355" spans="8:8">
      <c r="H525355" s="12"/>
    </row>
    <row r="525356" spans="8:8">
      <c r="H525356" s="12"/>
    </row>
    <row r="525357" spans="8:8">
      <c r="H525357" s="12"/>
    </row>
    <row r="525358" spans="8:8">
      <c r="H525358" s="12"/>
    </row>
    <row r="525359" spans="8:8">
      <c r="H525359" s="12"/>
    </row>
    <row r="525360" spans="8:8">
      <c r="H525360" s="12"/>
    </row>
    <row r="525361" spans="8:8">
      <c r="H525361" s="12"/>
    </row>
    <row r="525362" spans="8:8">
      <c r="H525362" s="12"/>
    </row>
    <row r="525363" spans="8:8">
      <c r="H525363" s="12"/>
    </row>
    <row r="525364" spans="8:8">
      <c r="H525364" s="12"/>
    </row>
    <row r="525365" spans="8:8">
      <c r="H525365" s="12"/>
    </row>
    <row r="525366" spans="8:8">
      <c r="H525366" s="12"/>
    </row>
    <row r="525367" spans="8:8">
      <c r="H525367" s="12"/>
    </row>
    <row r="525368" spans="8:8">
      <c r="H525368" s="12"/>
    </row>
    <row r="525369" spans="8:8">
      <c r="H525369" s="12"/>
    </row>
    <row r="525370" spans="8:8">
      <c r="H525370" s="12"/>
    </row>
    <row r="525371" spans="8:8">
      <c r="H525371" s="12"/>
    </row>
    <row r="525372" spans="8:8">
      <c r="H525372" s="12"/>
    </row>
    <row r="525373" spans="8:8">
      <c r="H525373" s="12"/>
    </row>
    <row r="525374" spans="8:8">
      <c r="H525374" s="12"/>
    </row>
    <row r="525375" spans="8:8">
      <c r="H525375" s="12"/>
    </row>
    <row r="525376" spans="8:8">
      <c r="H525376" s="12"/>
    </row>
    <row r="525377" spans="8:8">
      <c r="H525377" s="12"/>
    </row>
    <row r="525378" spans="8:8">
      <c r="H525378" s="12"/>
    </row>
    <row r="525379" spans="8:8">
      <c r="H525379" s="12"/>
    </row>
    <row r="525380" spans="8:8">
      <c r="H525380" s="12"/>
    </row>
    <row r="525381" spans="8:8">
      <c r="H525381" s="12"/>
    </row>
    <row r="525382" spans="8:8">
      <c r="H525382" s="12"/>
    </row>
    <row r="525383" spans="8:8">
      <c r="H525383" s="12"/>
    </row>
    <row r="525384" spans="8:8">
      <c r="H525384" s="12"/>
    </row>
    <row r="525385" spans="8:8">
      <c r="H525385" s="12"/>
    </row>
    <row r="525386" spans="8:8">
      <c r="H525386" s="12"/>
    </row>
    <row r="525387" spans="8:8">
      <c r="H525387" s="12"/>
    </row>
    <row r="525388" spans="8:8">
      <c r="H525388" s="12"/>
    </row>
    <row r="525389" spans="8:8">
      <c r="H525389" s="12"/>
    </row>
    <row r="525390" spans="8:8">
      <c r="H525390" s="12"/>
    </row>
    <row r="525391" spans="8:8">
      <c r="H525391" s="12"/>
    </row>
    <row r="525392" spans="8:8">
      <c r="H525392" s="12"/>
    </row>
    <row r="525393" spans="8:8">
      <c r="H525393" s="12"/>
    </row>
    <row r="525394" spans="8:8">
      <c r="H525394" s="12"/>
    </row>
    <row r="525395" spans="8:8">
      <c r="H525395" s="12"/>
    </row>
    <row r="525396" spans="8:8">
      <c r="H525396" s="12"/>
    </row>
    <row r="525397" spans="8:8">
      <c r="H525397" s="12"/>
    </row>
    <row r="525398" spans="8:8">
      <c r="H525398" s="12"/>
    </row>
    <row r="525399" spans="8:8">
      <c r="H525399" s="12"/>
    </row>
    <row r="525400" spans="8:8">
      <c r="H525400" s="12"/>
    </row>
    <row r="525401" spans="8:8">
      <c r="H525401" s="12"/>
    </row>
    <row r="525402" spans="8:8">
      <c r="H525402" s="12"/>
    </row>
    <row r="525403" spans="8:8">
      <c r="H525403" s="12"/>
    </row>
    <row r="525404" spans="8:8">
      <c r="H525404" s="12"/>
    </row>
    <row r="525405" spans="8:8">
      <c r="H525405" s="12"/>
    </row>
    <row r="525406" spans="8:8">
      <c r="H525406" s="12"/>
    </row>
    <row r="525407" spans="8:8">
      <c r="H525407" s="12"/>
    </row>
    <row r="525408" spans="8:8">
      <c r="H525408" s="12"/>
    </row>
    <row r="525409" spans="8:8">
      <c r="H525409" s="12"/>
    </row>
    <row r="525410" spans="8:8">
      <c r="H525410" s="12"/>
    </row>
    <row r="525411" spans="8:8">
      <c r="H525411" s="12"/>
    </row>
    <row r="525412" spans="8:8">
      <c r="H525412" s="12"/>
    </row>
    <row r="525413" spans="8:8">
      <c r="H525413" s="12"/>
    </row>
    <row r="525414" spans="8:8">
      <c r="H525414" s="12"/>
    </row>
    <row r="525415" spans="8:8">
      <c r="H525415" s="12"/>
    </row>
    <row r="525416" spans="8:8">
      <c r="H525416" s="12"/>
    </row>
    <row r="525417" spans="8:8">
      <c r="H525417" s="12"/>
    </row>
    <row r="525418" spans="8:8">
      <c r="H525418" s="12"/>
    </row>
    <row r="525419" spans="8:8">
      <c r="H525419" s="12"/>
    </row>
    <row r="525420" spans="8:8">
      <c r="H525420" s="12"/>
    </row>
    <row r="525421" spans="8:8">
      <c r="H525421" s="12"/>
    </row>
    <row r="525422" spans="8:8">
      <c r="H525422" s="12"/>
    </row>
    <row r="525423" spans="8:8">
      <c r="H525423" s="12"/>
    </row>
    <row r="525424" spans="8:8">
      <c r="H525424" s="12"/>
    </row>
    <row r="525425" spans="8:8">
      <c r="H525425" s="12"/>
    </row>
    <row r="525426" spans="8:8">
      <c r="H525426" s="12"/>
    </row>
    <row r="525427" spans="8:8">
      <c r="H525427" s="12"/>
    </row>
    <row r="525428" spans="8:8">
      <c r="H525428" s="12"/>
    </row>
    <row r="525429" spans="8:8">
      <c r="H525429" s="12"/>
    </row>
    <row r="525430" spans="8:8">
      <c r="H525430" s="12"/>
    </row>
    <row r="525431" spans="8:8">
      <c r="H525431" s="12"/>
    </row>
    <row r="525432" spans="8:8">
      <c r="H525432" s="12"/>
    </row>
    <row r="525433" spans="8:8">
      <c r="H525433" s="12"/>
    </row>
    <row r="525434" spans="8:8">
      <c r="H525434" s="12"/>
    </row>
    <row r="525435" spans="8:8">
      <c r="H525435" s="12"/>
    </row>
    <row r="525436" spans="8:8">
      <c r="H525436" s="12"/>
    </row>
    <row r="525437" spans="8:8">
      <c r="H525437" s="12"/>
    </row>
    <row r="525438" spans="8:8">
      <c r="H525438" s="12"/>
    </row>
    <row r="525439" spans="8:8">
      <c r="H525439" s="12"/>
    </row>
    <row r="525440" spans="8:8">
      <c r="H525440" s="12"/>
    </row>
    <row r="525441" spans="8:8">
      <c r="H525441" s="12"/>
    </row>
    <row r="525442" spans="8:8">
      <c r="H525442" s="12"/>
    </row>
    <row r="525443" spans="8:8">
      <c r="H525443" s="12"/>
    </row>
    <row r="525444" spans="8:8">
      <c r="H525444" s="12"/>
    </row>
    <row r="525445" spans="8:8">
      <c r="H525445" s="12"/>
    </row>
    <row r="525446" spans="8:8">
      <c r="H525446" s="12"/>
    </row>
    <row r="525447" spans="8:8">
      <c r="H525447" s="12"/>
    </row>
    <row r="525448" spans="8:8">
      <c r="H525448" s="12"/>
    </row>
    <row r="525449" spans="8:8">
      <c r="H525449" s="12"/>
    </row>
    <row r="525450" spans="8:8">
      <c r="H525450" s="12"/>
    </row>
    <row r="525451" spans="8:8">
      <c r="H525451" s="12"/>
    </row>
    <row r="525452" spans="8:8">
      <c r="H525452" s="12"/>
    </row>
    <row r="525453" spans="8:8">
      <c r="H525453" s="12"/>
    </row>
    <row r="525454" spans="8:8">
      <c r="H525454" s="12"/>
    </row>
    <row r="525455" spans="8:8">
      <c r="H525455" s="12"/>
    </row>
    <row r="525456" spans="8:8">
      <c r="H525456" s="12"/>
    </row>
    <row r="525457" spans="8:8">
      <c r="H525457" s="12"/>
    </row>
    <row r="525458" spans="8:8">
      <c r="H525458" s="12"/>
    </row>
    <row r="525459" spans="8:8">
      <c r="H525459" s="12"/>
    </row>
    <row r="525460" spans="8:8">
      <c r="H525460" s="12"/>
    </row>
    <row r="525461" spans="8:8">
      <c r="H525461" s="12"/>
    </row>
    <row r="525462" spans="8:8">
      <c r="H525462" s="12"/>
    </row>
    <row r="525463" spans="8:8">
      <c r="H525463" s="12"/>
    </row>
    <row r="525464" spans="8:8">
      <c r="H525464" s="12"/>
    </row>
    <row r="525465" spans="8:8">
      <c r="H525465" s="12"/>
    </row>
    <row r="525466" spans="8:8">
      <c r="H525466" s="12"/>
    </row>
    <row r="525467" spans="8:8">
      <c r="H525467" s="12"/>
    </row>
    <row r="525468" spans="8:8">
      <c r="H525468" s="12"/>
    </row>
    <row r="525469" spans="8:8">
      <c r="H525469" s="12"/>
    </row>
    <row r="525470" spans="8:8">
      <c r="H525470" s="12"/>
    </row>
    <row r="525471" spans="8:8">
      <c r="H525471" s="12"/>
    </row>
    <row r="525472" spans="8:8">
      <c r="H525472" s="12"/>
    </row>
    <row r="525473" spans="8:8">
      <c r="H525473" s="12"/>
    </row>
    <row r="525474" spans="8:8">
      <c r="H525474" s="12"/>
    </row>
    <row r="525475" spans="8:8">
      <c r="H525475" s="12"/>
    </row>
    <row r="525476" spans="8:8">
      <c r="H525476" s="12"/>
    </row>
    <row r="525477" spans="8:8">
      <c r="H525477" s="12"/>
    </row>
    <row r="525478" spans="8:8">
      <c r="H525478" s="12"/>
    </row>
    <row r="525479" spans="8:8">
      <c r="H525479" s="12"/>
    </row>
    <row r="525480" spans="8:8">
      <c r="H525480" s="12"/>
    </row>
    <row r="525481" spans="8:8">
      <c r="H525481" s="12"/>
    </row>
    <row r="525482" spans="8:8">
      <c r="H525482" s="12"/>
    </row>
    <row r="525483" spans="8:8">
      <c r="H525483" s="12"/>
    </row>
    <row r="525484" spans="8:8">
      <c r="H525484" s="12"/>
    </row>
    <row r="525485" spans="8:8">
      <c r="H525485" s="12"/>
    </row>
    <row r="525486" spans="8:8">
      <c r="H525486" s="12"/>
    </row>
    <row r="525487" spans="8:8">
      <c r="H525487" s="12"/>
    </row>
    <row r="525488" spans="8:8">
      <c r="H525488" s="12"/>
    </row>
    <row r="525489" spans="8:8">
      <c r="H525489" s="12"/>
    </row>
    <row r="525490" spans="8:8">
      <c r="H525490" s="12"/>
    </row>
    <row r="525491" spans="8:8">
      <c r="H525491" s="12"/>
    </row>
    <row r="525492" spans="8:8">
      <c r="H525492" s="12"/>
    </row>
    <row r="525493" spans="8:8">
      <c r="H525493" s="12"/>
    </row>
    <row r="525494" spans="8:8">
      <c r="H525494" s="12"/>
    </row>
    <row r="525495" spans="8:8">
      <c r="H525495" s="12"/>
    </row>
    <row r="525496" spans="8:8">
      <c r="H525496" s="12"/>
    </row>
    <row r="525497" spans="8:8">
      <c r="H525497" s="12"/>
    </row>
    <row r="525498" spans="8:8">
      <c r="H525498" s="12"/>
    </row>
    <row r="525499" spans="8:8">
      <c r="H525499" s="12"/>
    </row>
    <row r="525500" spans="8:8">
      <c r="H525500" s="12"/>
    </row>
    <row r="525501" spans="8:8">
      <c r="H525501" s="12"/>
    </row>
    <row r="525502" spans="8:8">
      <c r="H525502" s="12"/>
    </row>
    <row r="525503" spans="8:8">
      <c r="H525503" s="12"/>
    </row>
    <row r="525504" spans="8:8">
      <c r="H525504" s="12"/>
    </row>
    <row r="525505" spans="8:8">
      <c r="H525505" s="12"/>
    </row>
    <row r="525506" spans="8:8">
      <c r="H525506" s="12"/>
    </row>
    <row r="525507" spans="8:8">
      <c r="H525507" s="12"/>
    </row>
    <row r="525508" spans="8:8">
      <c r="H525508" s="12"/>
    </row>
    <row r="525509" spans="8:8">
      <c r="H525509" s="12"/>
    </row>
    <row r="525510" spans="8:8">
      <c r="H525510" s="12"/>
    </row>
    <row r="525511" spans="8:8">
      <c r="H525511" s="12"/>
    </row>
    <row r="525512" spans="8:8">
      <c r="H525512" s="12"/>
    </row>
    <row r="525513" spans="8:8">
      <c r="H525513" s="12"/>
    </row>
    <row r="525514" spans="8:8">
      <c r="H525514" s="12"/>
    </row>
    <row r="525515" spans="8:8">
      <c r="H525515" s="12"/>
    </row>
    <row r="525516" spans="8:8">
      <c r="H525516" s="12"/>
    </row>
    <row r="525517" spans="8:8">
      <c r="H525517" s="12"/>
    </row>
    <row r="525518" spans="8:8">
      <c r="H525518" s="12"/>
    </row>
    <row r="525519" spans="8:8">
      <c r="H525519" s="12"/>
    </row>
    <row r="525520" spans="8:8">
      <c r="H525520" s="12"/>
    </row>
    <row r="525521" spans="8:8">
      <c r="H525521" s="12"/>
    </row>
    <row r="525522" spans="8:8">
      <c r="H525522" s="12"/>
    </row>
    <row r="525523" spans="8:8">
      <c r="H525523" s="12"/>
    </row>
    <row r="525524" spans="8:8">
      <c r="H525524" s="12"/>
    </row>
    <row r="525525" spans="8:8">
      <c r="H525525" s="12"/>
    </row>
    <row r="525526" spans="8:8">
      <c r="H525526" s="12"/>
    </row>
    <row r="525527" spans="8:8">
      <c r="H525527" s="12"/>
    </row>
    <row r="525528" spans="8:8">
      <c r="H525528" s="12"/>
    </row>
    <row r="525529" spans="8:8">
      <c r="H525529" s="12"/>
    </row>
    <row r="525530" spans="8:8">
      <c r="H525530" s="12"/>
    </row>
    <row r="525531" spans="8:8">
      <c r="H525531" s="12"/>
    </row>
    <row r="525532" spans="8:8">
      <c r="H525532" s="12"/>
    </row>
    <row r="525533" spans="8:8">
      <c r="H525533" s="12"/>
    </row>
    <row r="525534" spans="8:8">
      <c r="H525534" s="12"/>
    </row>
    <row r="525535" spans="8:8">
      <c r="H525535" s="12"/>
    </row>
    <row r="525536" spans="8:8">
      <c r="H525536" s="12"/>
    </row>
    <row r="525537" spans="8:8">
      <c r="H525537" s="12"/>
    </row>
    <row r="525538" spans="8:8">
      <c r="H525538" s="12"/>
    </row>
    <row r="525539" spans="8:8">
      <c r="H525539" s="12"/>
    </row>
    <row r="525540" spans="8:8">
      <c r="H525540" s="12"/>
    </row>
    <row r="525541" spans="8:8">
      <c r="H525541" s="12"/>
    </row>
    <row r="525542" spans="8:8">
      <c r="H525542" s="12"/>
    </row>
    <row r="525543" spans="8:8">
      <c r="H525543" s="12"/>
    </row>
    <row r="525544" spans="8:8">
      <c r="H525544" s="12"/>
    </row>
    <row r="525545" spans="8:8">
      <c r="H525545" s="12"/>
    </row>
    <row r="525546" spans="8:8">
      <c r="H525546" s="12"/>
    </row>
    <row r="525547" spans="8:8">
      <c r="H525547" s="12"/>
    </row>
    <row r="525548" spans="8:8">
      <c r="H525548" s="12"/>
    </row>
    <row r="525549" spans="8:8">
      <c r="H525549" s="12"/>
    </row>
    <row r="525550" spans="8:8">
      <c r="H525550" s="12"/>
    </row>
    <row r="525551" spans="8:8">
      <c r="H525551" s="12"/>
    </row>
    <row r="525552" spans="8:8">
      <c r="H525552" s="12"/>
    </row>
    <row r="525553" spans="8:8">
      <c r="H525553" s="12"/>
    </row>
    <row r="525554" spans="8:8">
      <c r="H525554" s="12"/>
    </row>
    <row r="525555" spans="8:8">
      <c r="H525555" s="12"/>
    </row>
    <row r="525556" spans="8:8">
      <c r="H525556" s="12"/>
    </row>
    <row r="525557" spans="8:8">
      <c r="H525557" s="12"/>
    </row>
    <row r="525558" spans="8:8">
      <c r="H525558" s="12"/>
    </row>
    <row r="525559" spans="8:8">
      <c r="H525559" s="12"/>
    </row>
    <row r="525560" spans="8:8">
      <c r="H525560" s="12"/>
    </row>
    <row r="525561" spans="8:8">
      <c r="H525561" s="12"/>
    </row>
    <row r="525562" spans="8:8">
      <c r="H525562" s="12"/>
    </row>
    <row r="525563" spans="8:8">
      <c r="H525563" s="12"/>
    </row>
    <row r="525564" spans="8:8">
      <c r="H525564" s="12"/>
    </row>
    <row r="525565" spans="8:8">
      <c r="H525565" s="12"/>
    </row>
    <row r="525566" spans="8:8">
      <c r="H525566" s="12"/>
    </row>
    <row r="525567" spans="8:8">
      <c r="H525567" s="12"/>
    </row>
    <row r="525568" spans="8:8">
      <c r="H525568" s="12"/>
    </row>
    <row r="525569" spans="8:8">
      <c r="H525569" s="12"/>
    </row>
    <row r="525570" spans="8:8">
      <c r="H525570" s="12"/>
    </row>
    <row r="525571" spans="8:8">
      <c r="H525571" s="12"/>
    </row>
    <row r="525572" spans="8:8">
      <c r="H525572" s="12"/>
    </row>
    <row r="525573" spans="8:8">
      <c r="H525573" s="12"/>
    </row>
    <row r="525574" spans="8:8">
      <c r="H525574" s="12"/>
    </row>
    <row r="525575" spans="8:8">
      <c r="H525575" s="12"/>
    </row>
    <row r="525576" spans="8:8">
      <c r="H525576" s="12"/>
    </row>
    <row r="525577" spans="8:8">
      <c r="H525577" s="12"/>
    </row>
    <row r="525578" spans="8:8">
      <c r="H525578" s="12"/>
    </row>
    <row r="525579" spans="8:8">
      <c r="H525579" s="12"/>
    </row>
    <row r="525580" spans="8:8">
      <c r="H525580" s="12"/>
    </row>
    <row r="525581" spans="8:8">
      <c r="H525581" s="12"/>
    </row>
    <row r="525582" spans="8:8">
      <c r="H525582" s="12"/>
    </row>
    <row r="525583" spans="8:8">
      <c r="H525583" s="12"/>
    </row>
    <row r="525584" spans="8:8">
      <c r="H525584" s="12"/>
    </row>
    <row r="525585" spans="8:8">
      <c r="H525585" s="12"/>
    </row>
    <row r="525586" spans="8:8">
      <c r="H525586" s="12"/>
    </row>
    <row r="525587" spans="8:8">
      <c r="H525587" s="12"/>
    </row>
    <row r="525588" spans="8:8">
      <c r="H525588" s="12"/>
    </row>
    <row r="525589" spans="8:8">
      <c r="H525589" s="12"/>
    </row>
    <row r="525590" spans="8:8">
      <c r="H525590" s="12"/>
    </row>
    <row r="525591" spans="8:8">
      <c r="H525591" s="12"/>
    </row>
    <row r="525592" spans="8:8">
      <c r="H525592" s="12"/>
    </row>
    <row r="525593" spans="8:8">
      <c r="H525593" s="12"/>
    </row>
    <row r="525594" spans="8:8">
      <c r="H525594" s="12"/>
    </row>
    <row r="525595" spans="8:8">
      <c r="H525595" s="12"/>
    </row>
    <row r="525596" spans="8:8">
      <c r="H525596" s="12"/>
    </row>
    <row r="525597" spans="8:8">
      <c r="H525597" s="12"/>
    </row>
    <row r="525598" spans="8:8">
      <c r="H525598" s="12"/>
    </row>
    <row r="525599" spans="8:8">
      <c r="H525599" s="12"/>
    </row>
    <row r="525600" spans="8:8">
      <c r="H525600" s="12"/>
    </row>
    <row r="525601" spans="8:8">
      <c r="H525601" s="12"/>
    </row>
    <row r="525602" spans="8:8">
      <c r="H525602" s="12"/>
    </row>
    <row r="525603" spans="8:8">
      <c r="H525603" s="12"/>
    </row>
    <row r="525604" spans="8:8">
      <c r="H525604" s="12"/>
    </row>
    <row r="525605" spans="8:8">
      <c r="H525605" s="12"/>
    </row>
    <row r="525606" spans="8:8">
      <c r="H525606" s="12"/>
    </row>
    <row r="525607" spans="8:8">
      <c r="H525607" s="12"/>
    </row>
    <row r="525608" spans="8:8">
      <c r="H525608" s="12"/>
    </row>
    <row r="525609" spans="8:8">
      <c r="H525609" s="12"/>
    </row>
    <row r="525610" spans="8:8">
      <c r="H525610" s="12"/>
    </row>
    <row r="525611" spans="8:8">
      <c r="H525611" s="12"/>
    </row>
    <row r="525612" spans="8:8">
      <c r="H525612" s="12"/>
    </row>
    <row r="525613" spans="8:8">
      <c r="H525613" s="12"/>
    </row>
    <row r="525614" spans="8:8">
      <c r="H525614" s="12"/>
    </row>
    <row r="525615" spans="8:8">
      <c r="H525615" s="12"/>
    </row>
    <row r="525616" spans="8:8">
      <c r="H525616" s="12"/>
    </row>
    <row r="525617" spans="8:8">
      <c r="H525617" s="12"/>
    </row>
    <row r="525618" spans="8:8">
      <c r="H525618" s="12"/>
    </row>
    <row r="525619" spans="8:8">
      <c r="H525619" s="12"/>
    </row>
    <row r="525620" spans="8:8">
      <c r="H525620" s="12"/>
    </row>
    <row r="525621" spans="8:8">
      <c r="H525621" s="12"/>
    </row>
    <row r="525622" spans="8:8">
      <c r="H525622" s="12"/>
    </row>
    <row r="525623" spans="8:8">
      <c r="H525623" s="12"/>
    </row>
    <row r="525624" spans="8:8">
      <c r="H525624" s="12"/>
    </row>
    <row r="525625" spans="8:8">
      <c r="H525625" s="12"/>
    </row>
    <row r="525626" spans="8:8">
      <c r="H525626" s="12"/>
    </row>
    <row r="525627" spans="8:8">
      <c r="H525627" s="12"/>
    </row>
    <row r="525628" spans="8:8">
      <c r="H525628" s="12"/>
    </row>
    <row r="525629" spans="8:8">
      <c r="H525629" s="12"/>
    </row>
    <row r="525630" spans="8:8">
      <c r="H525630" s="12"/>
    </row>
    <row r="525631" spans="8:8">
      <c r="H525631" s="12"/>
    </row>
    <row r="525632" spans="8:8">
      <c r="H525632" s="12"/>
    </row>
    <row r="525633" spans="8:8">
      <c r="H525633" s="12"/>
    </row>
    <row r="525634" spans="8:8">
      <c r="H525634" s="12"/>
    </row>
    <row r="525635" spans="8:8">
      <c r="H525635" s="12"/>
    </row>
    <row r="525636" spans="8:8">
      <c r="H525636" s="12"/>
    </row>
    <row r="525637" spans="8:8">
      <c r="H525637" s="12"/>
    </row>
    <row r="525638" spans="8:8">
      <c r="H525638" s="12"/>
    </row>
    <row r="525639" spans="8:8">
      <c r="H525639" s="12"/>
    </row>
    <row r="525640" spans="8:8">
      <c r="H525640" s="12"/>
    </row>
    <row r="525641" spans="8:8">
      <c r="H525641" s="12"/>
    </row>
    <row r="525642" spans="8:8">
      <c r="H525642" s="12"/>
    </row>
    <row r="525643" spans="8:8">
      <c r="H525643" s="12"/>
    </row>
    <row r="525644" spans="8:8">
      <c r="H525644" s="12"/>
    </row>
    <row r="525645" spans="8:8">
      <c r="H525645" s="12"/>
    </row>
    <row r="525646" spans="8:8">
      <c r="H525646" s="12"/>
    </row>
    <row r="525647" spans="8:8">
      <c r="H525647" s="12"/>
    </row>
    <row r="525648" spans="8:8">
      <c r="H525648" s="12"/>
    </row>
    <row r="525649" spans="8:8">
      <c r="H525649" s="12"/>
    </row>
    <row r="525650" spans="8:8">
      <c r="H525650" s="12"/>
    </row>
    <row r="525651" spans="8:8">
      <c r="H525651" s="12"/>
    </row>
    <row r="525652" spans="8:8">
      <c r="H525652" s="12"/>
    </row>
    <row r="525653" spans="8:8">
      <c r="H525653" s="12"/>
    </row>
    <row r="525654" spans="8:8">
      <c r="H525654" s="12"/>
    </row>
    <row r="525655" spans="8:8">
      <c r="H525655" s="12"/>
    </row>
    <row r="525656" spans="8:8">
      <c r="H525656" s="12"/>
    </row>
    <row r="525657" spans="8:8">
      <c r="H525657" s="12"/>
    </row>
    <row r="525658" spans="8:8">
      <c r="H525658" s="12"/>
    </row>
    <row r="525659" spans="8:8">
      <c r="H525659" s="12"/>
    </row>
    <row r="525660" spans="8:8">
      <c r="H525660" s="12"/>
    </row>
    <row r="525661" spans="8:8">
      <c r="H525661" s="12"/>
    </row>
    <row r="525662" spans="8:8">
      <c r="H525662" s="12"/>
    </row>
    <row r="525663" spans="8:8">
      <c r="H525663" s="12"/>
    </row>
    <row r="525664" spans="8:8">
      <c r="H525664" s="12"/>
    </row>
    <row r="525665" spans="8:8">
      <c r="H525665" s="12"/>
    </row>
    <row r="525666" spans="8:8">
      <c r="H525666" s="12"/>
    </row>
    <row r="525667" spans="8:8">
      <c r="H525667" s="12"/>
    </row>
    <row r="525668" spans="8:8">
      <c r="H525668" s="12"/>
    </row>
    <row r="525669" spans="8:8">
      <c r="H525669" s="12"/>
    </row>
    <row r="525670" spans="8:8">
      <c r="H525670" s="12"/>
    </row>
    <row r="525671" spans="8:8">
      <c r="H525671" s="12"/>
    </row>
    <row r="525672" spans="8:8">
      <c r="H525672" s="12"/>
    </row>
    <row r="525673" spans="8:8">
      <c r="H525673" s="12"/>
    </row>
    <row r="525674" spans="8:8">
      <c r="H525674" s="12"/>
    </row>
    <row r="525675" spans="8:8">
      <c r="H525675" s="12"/>
    </row>
    <row r="525676" spans="8:8">
      <c r="H525676" s="12"/>
    </row>
    <row r="525677" spans="8:8">
      <c r="H525677" s="12"/>
    </row>
    <row r="525678" spans="8:8">
      <c r="H525678" s="12"/>
    </row>
    <row r="525679" spans="8:8">
      <c r="H525679" s="12"/>
    </row>
    <row r="525680" spans="8:8">
      <c r="H525680" s="12"/>
    </row>
    <row r="525681" spans="8:8">
      <c r="H525681" s="12"/>
    </row>
    <row r="525682" spans="8:8">
      <c r="H525682" s="12"/>
    </row>
    <row r="525683" spans="8:8">
      <c r="H525683" s="12"/>
    </row>
    <row r="525684" spans="8:8">
      <c r="H525684" s="12"/>
    </row>
    <row r="525685" spans="8:8">
      <c r="H525685" s="12"/>
    </row>
    <row r="525686" spans="8:8">
      <c r="H525686" s="12"/>
    </row>
    <row r="525687" spans="8:8">
      <c r="H525687" s="12"/>
    </row>
    <row r="525688" spans="8:8">
      <c r="H525688" s="12"/>
    </row>
    <row r="525689" spans="8:8">
      <c r="H525689" s="12"/>
    </row>
    <row r="525690" spans="8:8">
      <c r="H525690" s="12"/>
    </row>
    <row r="525691" spans="8:8">
      <c r="H525691" s="12"/>
    </row>
    <row r="525692" spans="8:8">
      <c r="H525692" s="12"/>
    </row>
    <row r="525693" spans="8:8">
      <c r="H525693" s="12"/>
    </row>
    <row r="525694" spans="8:8">
      <c r="H525694" s="12"/>
    </row>
    <row r="525695" spans="8:8">
      <c r="H525695" s="12"/>
    </row>
    <row r="525696" spans="8:8">
      <c r="H525696" s="12"/>
    </row>
    <row r="525697" spans="8:8">
      <c r="H525697" s="12"/>
    </row>
    <row r="525698" spans="8:8">
      <c r="H525698" s="12"/>
    </row>
    <row r="525699" spans="8:8">
      <c r="H525699" s="12"/>
    </row>
    <row r="525700" spans="8:8">
      <c r="H525700" s="12"/>
    </row>
    <row r="525701" spans="8:8">
      <c r="H525701" s="12"/>
    </row>
    <row r="525702" spans="8:8">
      <c r="H525702" s="12"/>
    </row>
    <row r="525703" spans="8:8">
      <c r="H525703" s="12"/>
    </row>
    <row r="525704" spans="8:8">
      <c r="H525704" s="12"/>
    </row>
    <row r="525705" spans="8:8">
      <c r="H525705" s="12"/>
    </row>
    <row r="525706" spans="8:8">
      <c r="H525706" s="12"/>
    </row>
    <row r="525707" spans="8:8">
      <c r="H525707" s="12"/>
    </row>
    <row r="525708" spans="8:8">
      <c r="H525708" s="12"/>
    </row>
    <row r="525709" spans="8:8">
      <c r="H525709" s="12"/>
    </row>
    <row r="525710" spans="8:8">
      <c r="H525710" s="12"/>
    </row>
    <row r="525711" spans="8:8">
      <c r="H525711" s="12"/>
    </row>
    <row r="525712" spans="8:8">
      <c r="H525712" s="12"/>
    </row>
    <row r="525713" spans="8:8">
      <c r="H525713" s="12"/>
    </row>
    <row r="525714" spans="8:8">
      <c r="H525714" s="12"/>
    </row>
    <row r="525715" spans="8:8">
      <c r="H525715" s="12"/>
    </row>
    <row r="525716" spans="8:8">
      <c r="H525716" s="12"/>
    </row>
    <row r="525717" spans="8:8">
      <c r="H525717" s="12"/>
    </row>
    <row r="525718" spans="8:8">
      <c r="H525718" s="12"/>
    </row>
    <row r="525719" spans="8:8">
      <c r="H525719" s="12"/>
    </row>
    <row r="525720" spans="8:8">
      <c r="H525720" s="12"/>
    </row>
    <row r="525721" spans="8:8">
      <c r="H525721" s="12"/>
    </row>
    <row r="525722" spans="8:8">
      <c r="H525722" s="12"/>
    </row>
    <row r="525723" spans="8:8">
      <c r="H525723" s="12"/>
    </row>
    <row r="525724" spans="8:8">
      <c r="H525724" s="12"/>
    </row>
    <row r="525725" spans="8:8">
      <c r="H525725" s="12"/>
    </row>
    <row r="525726" spans="8:8">
      <c r="H525726" s="12"/>
    </row>
    <row r="525727" spans="8:8">
      <c r="H525727" s="12"/>
    </row>
    <row r="525728" spans="8:8">
      <c r="H525728" s="12"/>
    </row>
    <row r="525729" spans="8:8">
      <c r="H525729" s="12"/>
    </row>
    <row r="525730" spans="8:8">
      <c r="H525730" s="12"/>
    </row>
    <row r="525731" spans="8:8">
      <c r="H525731" s="12"/>
    </row>
    <row r="525732" spans="8:8">
      <c r="H525732" s="12"/>
    </row>
    <row r="525733" spans="8:8">
      <c r="H525733" s="12"/>
    </row>
    <row r="525734" spans="8:8">
      <c r="H525734" s="12"/>
    </row>
    <row r="525735" spans="8:8">
      <c r="H525735" s="12"/>
    </row>
    <row r="525736" spans="8:8">
      <c r="H525736" s="12"/>
    </row>
    <row r="525737" spans="8:8">
      <c r="H525737" s="12"/>
    </row>
    <row r="525738" spans="8:8">
      <c r="H525738" s="12"/>
    </row>
    <row r="525739" spans="8:8">
      <c r="H525739" s="12"/>
    </row>
    <row r="525740" spans="8:8">
      <c r="H525740" s="12"/>
    </row>
    <row r="525741" spans="8:8">
      <c r="H525741" s="12"/>
    </row>
    <row r="525742" spans="8:8">
      <c r="H525742" s="12"/>
    </row>
    <row r="525743" spans="8:8">
      <c r="H525743" s="12"/>
    </row>
    <row r="525744" spans="8:8">
      <c r="H525744" s="12"/>
    </row>
    <row r="525745" spans="8:8">
      <c r="H525745" s="12"/>
    </row>
    <row r="525746" spans="8:8">
      <c r="H525746" s="12"/>
    </row>
    <row r="525747" spans="8:8">
      <c r="H525747" s="12"/>
    </row>
    <row r="525748" spans="8:8">
      <c r="H525748" s="12"/>
    </row>
    <row r="525749" spans="8:8">
      <c r="H525749" s="12"/>
    </row>
    <row r="525750" spans="8:8">
      <c r="H525750" s="12"/>
    </row>
    <row r="525751" spans="8:8">
      <c r="H525751" s="12"/>
    </row>
    <row r="525752" spans="8:8">
      <c r="H525752" s="12"/>
    </row>
    <row r="525753" spans="8:8">
      <c r="H525753" s="12"/>
    </row>
    <row r="525754" spans="8:8">
      <c r="H525754" s="12"/>
    </row>
    <row r="525755" spans="8:8">
      <c r="H525755" s="12"/>
    </row>
    <row r="525756" spans="8:8">
      <c r="H525756" s="12"/>
    </row>
    <row r="525757" spans="8:8">
      <c r="H525757" s="12"/>
    </row>
    <row r="525758" spans="8:8">
      <c r="H525758" s="12"/>
    </row>
    <row r="525759" spans="8:8">
      <c r="H525759" s="12"/>
    </row>
    <row r="525760" spans="8:8">
      <c r="H525760" s="12"/>
    </row>
    <row r="525761" spans="8:8">
      <c r="H525761" s="12"/>
    </row>
    <row r="525762" spans="8:8">
      <c r="H525762" s="12"/>
    </row>
    <row r="525763" spans="8:8">
      <c r="H525763" s="12"/>
    </row>
    <row r="525764" spans="8:8">
      <c r="H525764" s="12"/>
    </row>
    <row r="525765" spans="8:8">
      <c r="H525765" s="12"/>
    </row>
    <row r="525766" spans="8:8">
      <c r="H525766" s="12"/>
    </row>
    <row r="525767" spans="8:8">
      <c r="H525767" s="12"/>
    </row>
    <row r="525768" spans="8:8">
      <c r="H525768" s="12"/>
    </row>
    <row r="525769" spans="8:8">
      <c r="H525769" s="12"/>
    </row>
    <row r="525770" spans="8:8">
      <c r="H525770" s="12"/>
    </row>
    <row r="525771" spans="8:8">
      <c r="H525771" s="12"/>
    </row>
    <row r="525772" spans="8:8">
      <c r="H525772" s="12"/>
    </row>
    <row r="525773" spans="8:8">
      <c r="H525773" s="12"/>
    </row>
    <row r="525774" spans="8:8">
      <c r="H525774" s="12"/>
    </row>
    <row r="525775" spans="8:8">
      <c r="H525775" s="12"/>
    </row>
    <row r="525776" spans="8:8">
      <c r="H525776" s="12"/>
    </row>
    <row r="525777" spans="8:8">
      <c r="H525777" s="12"/>
    </row>
    <row r="525778" spans="8:8">
      <c r="H525778" s="12"/>
    </row>
    <row r="525779" spans="8:8">
      <c r="H525779" s="12"/>
    </row>
    <row r="525780" spans="8:8">
      <c r="H525780" s="12"/>
    </row>
    <row r="525781" spans="8:8">
      <c r="H525781" s="12"/>
    </row>
    <row r="525782" spans="8:8">
      <c r="H525782" s="12"/>
    </row>
    <row r="525783" spans="8:8">
      <c r="H525783" s="12"/>
    </row>
    <row r="525784" spans="8:8">
      <c r="H525784" s="12"/>
    </row>
    <row r="525785" spans="8:8">
      <c r="H525785" s="12"/>
    </row>
    <row r="525786" spans="8:8">
      <c r="H525786" s="12"/>
    </row>
    <row r="525787" spans="8:8">
      <c r="H525787" s="12"/>
    </row>
    <row r="525788" spans="8:8">
      <c r="H525788" s="12"/>
    </row>
    <row r="525789" spans="8:8">
      <c r="H525789" s="12"/>
    </row>
    <row r="525790" spans="8:8">
      <c r="H525790" s="12"/>
    </row>
    <row r="525791" spans="8:8">
      <c r="H525791" s="12"/>
    </row>
    <row r="525792" spans="8:8">
      <c r="H525792" s="12"/>
    </row>
    <row r="525793" spans="8:8">
      <c r="H525793" s="12"/>
    </row>
    <row r="525794" spans="8:8">
      <c r="H525794" s="12"/>
    </row>
    <row r="525795" spans="8:8">
      <c r="H525795" s="12"/>
    </row>
    <row r="525796" spans="8:8">
      <c r="H525796" s="12"/>
    </row>
    <row r="525797" spans="8:8">
      <c r="H525797" s="12"/>
    </row>
    <row r="525798" spans="8:8">
      <c r="H525798" s="12"/>
    </row>
    <row r="525799" spans="8:8">
      <c r="H525799" s="12"/>
    </row>
    <row r="525800" spans="8:8">
      <c r="H525800" s="12"/>
    </row>
    <row r="525801" spans="8:8">
      <c r="H525801" s="12"/>
    </row>
    <row r="525802" spans="8:8">
      <c r="H525802" s="12"/>
    </row>
    <row r="525803" spans="8:8">
      <c r="H525803" s="12"/>
    </row>
    <row r="525804" spans="8:8">
      <c r="H525804" s="12"/>
    </row>
    <row r="525805" spans="8:8">
      <c r="H525805" s="12"/>
    </row>
    <row r="525806" spans="8:8">
      <c r="H525806" s="12"/>
    </row>
    <row r="525807" spans="8:8">
      <c r="H525807" s="12"/>
    </row>
    <row r="525808" spans="8:8">
      <c r="H525808" s="12"/>
    </row>
    <row r="525809" spans="8:8">
      <c r="H525809" s="12"/>
    </row>
    <row r="525810" spans="8:8">
      <c r="H525810" s="12"/>
    </row>
    <row r="525811" spans="8:8">
      <c r="H525811" s="12"/>
    </row>
    <row r="525812" spans="8:8">
      <c r="H525812" s="12"/>
    </row>
    <row r="525813" spans="8:8">
      <c r="H525813" s="12"/>
    </row>
    <row r="525814" spans="8:8">
      <c r="H525814" s="12"/>
    </row>
    <row r="525815" spans="8:8">
      <c r="H525815" s="12"/>
    </row>
    <row r="525816" spans="8:8">
      <c r="H525816" s="12"/>
    </row>
    <row r="525817" spans="8:8">
      <c r="H525817" s="12"/>
    </row>
    <row r="525818" spans="8:8">
      <c r="H525818" s="12"/>
    </row>
    <row r="525819" spans="8:8">
      <c r="H525819" s="12"/>
    </row>
    <row r="525820" spans="8:8">
      <c r="H525820" s="12"/>
    </row>
    <row r="525821" spans="8:8">
      <c r="H525821" s="12"/>
    </row>
    <row r="525822" spans="8:8">
      <c r="H525822" s="12"/>
    </row>
    <row r="525823" spans="8:8">
      <c r="H525823" s="12"/>
    </row>
    <row r="525824" spans="8:8">
      <c r="H525824" s="12"/>
    </row>
    <row r="525825" spans="8:8">
      <c r="H525825" s="12"/>
    </row>
    <row r="525826" spans="8:8">
      <c r="H525826" s="12"/>
    </row>
    <row r="525827" spans="8:8">
      <c r="H525827" s="12"/>
    </row>
    <row r="525828" spans="8:8">
      <c r="H525828" s="12"/>
    </row>
    <row r="525829" spans="8:8">
      <c r="H525829" s="12"/>
    </row>
    <row r="525830" spans="8:8">
      <c r="H525830" s="12"/>
    </row>
    <row r="525831" spans="8:8">
      <c r="H525831" s="12"/>
    </row>
    <row r="525832" spans="8:8">
      <c r="H525832" s="12"/>
    </row>
    <row r="525833" spans="8:8">
      <c r="H525833" s="12"/>
    </row>
    <row r="525834" spans="8:8">
      <c r="H525834" s="12"/>
    </row>
    <row r="525835" spans="8:8">
      <c r="H525835" s="12"/>
    </row>
    <row r="525836" spans="8:8">
      <c r="H525836" s="12"/>
    </row>
    <row r="525837" spans="8:8">
      <c r="H525837" s="12"/>
    </row>
    <row r="525838" spans="8:8">
      <c r="H525838" s="12"/>
    </row>
    <row r="525839" spans="8:8">
      <c r="H525839" s="12"/>
    </row>
    <row r="525840" spans="8:8">
      <c r="H525840" s="12"/>
    </row>
    <row r="525841" spans="8:8">
      <c r="H525841" s="12"/>
    </row>
    <row r="525842" spans="8:8">
      <c r="H525842" s="12"/>
    </row>
    <row r="525843" spans="8:8">
      <c r="H525843" s="12"/>
    </row>
    <row r="525844" spans="8:8">
      <c r="H525844" s="12"/>
    </row>
    <row r="525845" spans="8:8">
      <c r="H525845" s="12"/>
    </row>
    <row r="525846" spans="8:8">
      <c r="H525846" s="12"/>
    </row>
    <row r="525847" spans="8:8">
      <c r="H525847" s="12"/>
    </row>
    <row r="525848" spans="8:8">
      <c r="H525848" s="12"/>
    </row>
    <row r="525849" spans="8:8">
      <c r="H525849" s="12"/>
    </row>
    <row r="525850" spans="8:8">
      <c r="H525850" s="12"/>
    </row>
    <row r="525851" spans="8:8">
      <c r="H525851" s="12"/>
    </row>
    <row r="525852" spans="8:8">
      <c r="H525852" s="12"/>
    </row>
    <row r="525853" spans="8:8">
      <c r="H525853" s="12"/>
    </row>
    <row r="525854" spans="8:8">
      <c r="H525854" s="12"/>
    </row>
    <row r="525855" spans="8:8">
      <c r="H525855" s="12"/>
    </row>
    <row r="525856" spans="8:8">
      <c r="H525856" s="12"/>
    </row>
    <row r="525857" spans="8:8">
      <c r="H525857" s="12"/>
    </row>
    <row r="525858" spans="8:8">
      <c r="H525858" s="12"/>
    </row>
    <row r="525859" spans="8:8">
      <c r="H525859" s="12"/>
    </row>
    <row r="525860" spans="8:8">
      <c r="H525860" s="12"/>
    </row>
    <row r="525861" spans="8:8">
      <c r="H525861" s="12"/>
    </row>
    <row r="525862" spans="8:8">
      <c r="H525862" s="12"/>
    </row>
    <row r="525863" spans="8:8">
      <c r="H525863" s="12"/>
    </row>
    <row r="525864" spans="8:8">
      <c r="H525864" s="12"/>
    </row>
    <row r="525865" spans="8:8">
      <c r="H525865" s="12"/>
    </row>
    <row r="525866" spans="8:8">
      <c r="H525866" s="12"/>
    </row>
    <row r="525867" spans="8:8">
      <c r="H525867" s="12"/>
    </row>
    <row r="525868" spans="8:8">
      <c r="H525868" s="12"/>
    </row>
    <row r="525869" spans="8:8">
      <c r="H525869" s="12"/>
    </row>
    <row r="525870" spans="8:8">
      <c r="H525870" s="12"/>
    </row>
    <row r="525871" spans="8:8">
      <c r="H525871" s="12"/>
    </row>
    <row r="525872" spans="8:8">
      <c r="H525872" s="12"/>
    </row>
    <row r="525873" spans="8:8">
      <c r="H525873" s="12"/>
    </row>
    <row r="525874" spans="8:8">
      <c r="H525874" s="12"/>
    </row>
    <row r="525875" spans="8:8">
      <c r="H525875" s="12"/>
    </row>
    <row r="525876" spans="8:8">
      <c r="H525876" s="12"/>
    </row>
    <row r="525877" spans="8:8">
      <c r="H525877" s="12"/>
    </row>
    <row r="525878" spans="8:8">
      <c r="H525878" s="12"/>
    </row>
    <row r="525879" spans="8:8">
      <c r="H525879" s="12"/>
    </row>
    <row r="525880" spans="8:8">
      <c r="H525880" s="12"/>
    </row>
    <row r="525881" spans="8:8">
      <c r="H525881" s="12"/>
    </row>
    <row r="525882" spans="8:8">
      <c r="H525882" s="12"/>
    </row>
    <row r="525883" spans="8:8">
      <c r="H525883" s="12"/>
    </row>
    <row r="525884" spans="8:8">
      <c r="H525884" s="12"/>
    </row>
    <row r="525885" spans="8:8">
      <c r="H525885" s="12"/>
    </row>
    <row r="525886" spans="8:8">
      <c r="H525886" s="12"/>
    </row>
    <row r="525887" spans="8:8">
      <c r="H525887" s="12"/>
    </row>
    <row r="525888" spans="8:8">
      <c r="H525888" s="12"/>
    </row>
    <row r="525889" spans="8:8">
      <c r="H525889" s="12"/>
    </row>
    <row r="525890" spans="8:8">
      <c r="H525890" s="12"/>
    </row>
    <row r="525891" spans="8:8">
      <c r="H525891" s="12"/>
    </row>
    <row r="525892" spans="8:8">
      <c r="H525892" s="12"/>
    </row>
    <row r="525893" spans="8:8">
      <c r="H525893" s="12"/>
    </row>
    <row r="525894" spans="8:8">
      <c r="H525894" s="12"/>
    </row>
    <row r="525895" spans="8:8">
      <c r="H525895" s="12"/>
    </row>
    <row r="525896" spans="8:8">
      <c r="H525896" s="12"/>
    </row>
    <row r="525897" spans="8:8">
      <c r="H525897" s="12"/>
    </row>
    <row r="525898" spans="8:8">
      <c r="H525898" s="12"/>
    </row>
    <row r="525899" spans="8:8">
      <c r="H525899" s="12"/>
    </row>
    <row r="525900" spans="8:8">
      <c r="H525900" s="12"/>
    </row>
    <row r="525901" spans="8:8">
      <c r="H525901" s="12"/>
    </row>
    <row r="525902" spans="8:8">
      <c r="H525902" s="12"/>
    </row>
    <row r="525903" spans="8:8">
      <c r="H525903" s="12"/>
    </row>
    <row r="525904" spans="8:8">
      <c r="H525904" s="12"/>
    </row>
    <row r="525905" spans="8:8">
      <c r="H525905" s="12"/>
    </row>
    <row r="525906" spans="8:8">
      <c r="H525906" s="12"/>
    </row>
    <row r="525907" spans="8:8">
      <c r="H525907" s="12"/>
    </row>
    <row r="525908" spans="8:8">
      <c r="H525908" s="12"/>
    </row>
    <row r="525909" spans="8:8">
      <c r="H525909" s="12"/>
    </row>
    <row r="525910" spans="8:8">
      <c r="H525910" s="12"/>
    </row>
    <row r="525911" spans="8:8">
      <c r="H525911" s="12"/>
    </row>
    <row r="525912" spans="8:8">
      <c r="H525912" s="12"/>
    </row>
    <row r="525913" spans="8:8">
      <c r="H525913" s="12"/>
    </row>
    <row r="525914" spans="8:8">
      <c r="H525914" s="12"/>
    </row>
    <row r="525915" spans="8:8">
      <c r="H525915" s="12"/>
    </row>
    <row r="525916" spans="8:8">
      <c r="H525916" s="12"/>
    </row>
    <row r="525917" spans="8:8">
      <c r="H525917" s="12"/>
    </row>
    <row r="525918" spans="8:8">
      <c r="H525918" s="12"/>
    </row>
    <row r="525919" spans="8:8">
      <c r="H525919" s="12"/>
    </row>
    <row r="525920" spans="8:8">
      <c r="H525920" s="12"/>
    </row>
    <row r="525921" spans="8:8">
      <c r="H525921" s="12"/>
    </row>
    <row r="525922" spans="8:8">
      <c r="H525922" s="12"/>
    </row>
    <row r="525923" spans="8:8">
      <c r="H525923" s="12"/>
    </row>
    <row r="525924" spans="8:8">
      <c r="H525924" s="12"/>
    </row>
    <row r="525925" spans="8:8">
      <c r="H525925" s="12"/>
    </row>
    <row r="525926" spans="8:8">
      <c r="H525926" s="12"/>
    </row>
    <row r="525927" spans="8:8">
      <c r="H525927" s="12"/>
    </row>
    <row r="525928" spans="8:8">
      <c r="H525928" s="12"/>
    </row>
    <row r="525929" spans="8:8">
      <c r="H525929" s="12"/>
    </row>
    <row r="525930" spans="8:8">
      <c r="H525930" s="12"/>
    </row>
    <row r="525931" spans="8:8">
      <c r="H525931" s="12"/>
    </row>
    <row r="525932" spans="8:8">
      <c r="H525932" s="12"/>
    </row>
    <row r="525933" spans="8:8">
      <c r="H525933" s="12"/>
    </row>
    <row r="525934" spans="8:8">
      <c r="H525934" s="12"/>
    </row>
    <row r="525935" spans="8:8">
      <c r="H525935" s="12"/>
    </row>
    <row r="525936" spans="8:8">
      <c r="H525936" s="12"/>
    </row>
    <row r="525937" spans="8:8">
      <c r="H525937" s="12"/>
    </row>
    <row r="525938" spans="8:8">
      <c r="H525938" s="12"/>
    </row>
    <row r="525939" spans="8:8">
      <c r="H525939" s="12"/>
    </row>
    <row r="525940" spans="8:8">
      <c r="H525940" s="12"/>
    </row>
    <row r="525941" spans="8:8">
      <c r="H525941" s="12"/>
    </row>
    <row r="525942" spans="8:8">
      <c r="H525942" s="12"/>
    </row>
    <row r="525943" spans="8:8">
      <c r="H525943" s="12"/>
    </row>
    <row r="525944" spans="8:8">
      <c r="H525944" s="12"/>
    </row>
    <row r="525945" spans="8:8">
      <c r="H525945" s="12"/>
    </row>
    <row r="525946" spans="8:8">
      <c r="H525946" s="12"/>
    </row>
    <row r="525947" spans="8:8">
      <c r="H525947" s="12"/>
    </row>
    <row r="525948" spans="8:8">
      <c r="H525948" s="12"/>
    </row>
    <row r="525949" spans="8:8">
      <c r="H525949" s="12"/>
    </row>
    <row r="525950" spans="8:8">
      <c r="H525950" s="12"/>
    </row>
    <row r="525951" spans="8:8">
      <c r="H525951" s="12"/>
    </row>
    <row r="525952" spans="8:8">
      <c r="H525952" s="12"/>
    </row>
    <row r="525953" spans="8:8">
      <c r="H525953" s="12"/>
    </row>
    <row r="525954" spans="8:8">
      <c r="H525954" s="12"/>
    </row>
    <row r="525955" spans="8:8">
      <c r="H525955" s="12"/>
    </row>
    <row r="525956" spans="8:8">
      <c r="H525956" s="12"/>
    </row>
    <row r="525957" spans="8:8">
      <c r="H525957" s="12"/>
    </row>
    <row r="525958" spans="8:8">
      <c r="H525958" s="12"/>
    </row>
    <row r="525959" spans="8:8">
      <c r="H525959" s="12"/>
    </row>
    <row r="525960" spans="8:8">
      <c r="H525960" s="12"/>
    </row>
    <row r="525961" spans="8:8">
      <c r="H525961" s="12"/>
    </row>
    <row r="525962" spans="8:8">
      <c r="H525962" s="12"/>
    </row>
    <row r="525963" spans="8:8">
      <c r="H525963" s="12"/>
    </row>
    <row r="525964" spans="8:8">
      <c r="H525964" s="12"/>
    </row>
    <row r="525965" spans="8:8">
      <c r="H525965" s="12"/>
    </row>
    <row r="525966" spans="8:8">
      <c r="H525966" s="12"/>
    </row>
    <row r="525967" spans="8:8">
      <c r="H525967" s="12"/>
    </row>
    <row r="525968" spans="8:8">
      <c r="H525968" s="12"/>
    </row>
    <row r="525969" spans="8:8">
      <c r="H525969" s="12"/>
    </row>
    <row r="525970" spans="8:8">
      <c r="H525970" s="12"/>
    </row>
    <row r="525971" spans="8:8">
      <c r="H525971" s="12"/>
    </row>
    <row r="525972" spans="8:8">
      <c r="H525972" s="12"/>
    </row>
    <row r="525973" spans="8:8">
      <c r="H525973" s="12"/>
    </row>
    <row r="525974" spans="8:8">
      <c r="H525974" s="12"/>
    </row>
    <row r="525975" spans="8:8">
      <c r="H525975" s="12"/>
    </row>
    <row r="525976" spans="8:8">
      <c r="H525976" s="12"/>
    </row>
    <row r="525977" spans="8:8">
      <c r="H525977" s="12"/>
    </row>
    <row r="525978" spans="8:8">
      <c r="H525978" s="12"/>
    </row>
    <row r="525979" spans="8:8">
      <c r="H525979" s="12"/>
    </row>
    <row r="525980" spans="8:8">
      <c r="H525980" s="12"/>
    </row>
    <row r="525981" spans="8:8">
      <c r="H525981" s="12"/>
    </row>
    <row r="525982" spans="8:8">
      <c r="H525982" s="12"/>
    </row>
    <row r="525983" spans="8:8">
      <c r="H525983" s="12"/>
    </row>
    <row r="525984" spans="8:8">
      <c r="H525984" s="12"/>
    </row>
    <row r="525985" spans="8:8">
      <c r="H525985" s="12"/>
    </row>
    <row r="525986" spans="8:8">
      <c r="H525986" s="12"/>
    </row>
    <row r="525987" spans="8:8">
      <c r="H525987" s="12"/>
    </row>
    <row r="525988" spans="8:8">
      <c r="H525988" s="12"/>
    </row>
    <row r="525989" spans="8:8">
      <c r="H525989" s="12"/>
    </row>
    <row r="525990" spans="8:8">
      <c r="H525990" s="12"/>
    </row>
    <row r="525991" spans="8:8">
      <c r="H525991" s="12"/>
    </row>
    <row r="525992" spans="8:8">
      <c r="H525992" s="12"/>
    </row>
    <row r="525993" spans="8:8">
      <c r="H525993" s="12"/>
    </row>
    <row r="525994" spans="8:8">
      <c r="H525994" s="12"/>
    </row>
    <row r="525995" spans="8:8">
      <c r="H525995" s="12"/>
    </row>
    <row r="525996" spans="8:8">
      <c r="H525996" s="12"/>
    </row>
    <row r="525997" spans="8:8">
      <c r="H525997" s="12"/>
    </row>
    <row r="525998" spans="8:8">
      <c r="H525998" s="12"/>
    </row>
    <row r="525999" spans="8:8">
      <c r="H525999" s="12"/>
    </row>
    <row r="526000" spans="8:8">
      <c r="H526000" s="12"/>
    </row>
    <row r="526001" spans="8:8">
      <c r="H526001" s="12"/>
    </row>
    <row r="526002" spans="8:8">
      <c r="H526002" s="12"/>
    </row>
    <row r="526003" spans="8:8">
      <c r="H526003" s="12"/>
    </row>
    <row r="526004" spans="8:8">
      <c r="H526004" s="12"/>
    </row>
    <row r="526005" spans="8:8">
      <c r="H526005" s="12"/>
    </row>
    <row r="526006" spans="8:8">
      <c r="H526006" s="12"/>
    </row>
    <row r="526007" spans="8:8">
      <c r="H526007" s="12"/>
    </row>
    <row r="526008" spans="8:8">
      <c r="H526008" s="12"/>
    </row>
    <row r="526009" spans="8:8">
      <c r="H526009" s="12"/>
    </row>
    <row r="526010" spans="8:8">
      <c r="H526010" s="12"/>
    </row>
    <row r="526011" spans="8:8">
      <c r="H526011" s="12"/>
    </row>
    <row r="526012" spans="8:8">
      <c r="H526012" s="12"/>
    </row>
    <row r="526013" spans="8:8">
      <c r="H526013" s="12"/>
    </row>
    <row r="526014" spans="8:8">
      <c r="H526014" s="12"/>
    </row>
    <row r="526015" spans="8:8">
      <c r="H526015" s="12"/>
    </row>
    <row r="526016" spans="8:8">
      <c r="H526016" s="12"/>
    </row>
    <row r="526017" spans="8:8">
      <c r="H526017" s="12"/>
    </row>
    <row r="526018" spans="8:8">
      <c r="H526018" s="12"/>
    </row>
    <row r="526019" spans="8:8">
      <c r="H526019" s="12"/>
    </row>
    <row r="526020" spans="8:8">
      <c r="H526020" s="12"/>
    </row>
    <row r="526021" spans="8:8">
      <c r="H526021" s="12"/>
    </row>
    <row r="526022" spans="8:8">
      <c r="H526022" s="12"/>
    </row>
    <row r="526023" spans="8:8">
      <c r="H526023" s="12"/>
    </row>
    <row r="526024" spans="8:8">
      <c r="H526024" s="12"/>
    </row>
    <row r="526025" spans="8:8">
      <c r="H526025" s="12"/>
    </row>
    <row r="526026" spans="8:8">
      <c r="H526026" s="12"/>
    </row>
    <row r="526027" spans="8:8">
      <c r="H526027" s="12"/>
    </row>
    <row r="526028" spans="8:8">
      <c r="H526028" s="12"/>
    </row>
    <row r="526029" spans="8:8">
      <c r="H526029" s="12"/>
    </row>
    <row r="526030" spans="8:8">
      <c r="H526030" s="12"/>
    </row>
    <row r="526031" spans="8:8">
      <c r="H526031" s="12"/>
    </row>
    <row r="526032" spans="8:8">
      <c r="H526032" s="12"/>
    </row>
    <row r="526033" spans="8:8">
      <c r="H526033" s="12"/>
    </row>
    <row r="526034" spans="8:8">
      <c r="H526034" s="12"/>
    </row>
    <row r="526035" spans="8:8">
      <c r="H526035" s="12"/>
    </row>
    <row r="526036" spans="8:8">
      <c r="H526036" s="12"/>
    </row>
    <row r="526037" spans="8:8">
      <c r="H526037" s="12"/>
    </row>
    <row r="526038" spans="8:8">
      <c r="H526038" s="12"/>
    </row>
    <row r="526039" spans="8:8">
      <c r="H526039" s="12"/>
    </row>
    <row r="526040" spans="8:8">
      <c r="H526040" s="12"/>
    </row>
    <row r="526041" spans="8:8">
      <c r="H526041" s="12"/>
    </row>
    <row r="526042" spans="8:8">
      <c r="H526042" s="12"/>
    </row>
    <row r="526043" spans="8:8">
      <c r="H526043" s="12"/>
    </row>
    <row r="526044" spans="8:8">
      <c r="H526044" s="12"/>
    </row>
    <row r="526045" spans="8:8">
      <c r="H526045" s="12"/>
    </row>
    <row r="526046" spans="8:8">
      <c r="H526046" s="12"/>
    </row>
    <row r="526047" spans="8:8">
      <c r="H526047" s="12"/>
    </row>
    <row r="526048" spans="8:8">
      <c r="H526048" s="12"/>
    </row>
    <row r="526049" spans="8:8">
      <c r="H526049" s="12"/>
    </row>
    <row r="526050" spans="8:8">
      <c r="H526050" s="12"/>
    </row>
    <row r="526051" spans="8:8">
      <c r="H526051" s="12"/>
    </row>
    <row r="526052" spans="8:8">
      <c r="H526052" s="12"/>
    </row>
    <row r="526053" spans="8:8">
      <c r="H526053" s="12"/>
    </row>
    <row r="526054" spans="8:8">
      <c r="H526054" s="12"/>
    </row>
    <row r="526055" spans="8:8">
      <c r="H526055" s="12"/>
    </row>
    <row r="526056" spans="8:8">
      <c r="H526056" s="12"/>
    </row>
    <row r="526057" spans="8:8">
      <c r="H526057" s="12"/>
    </row>
    <row r="526058" spans="8:8">
      <c r="H526058" s="12"/>
    </row>
    <row r="526059" spans="8:8">
      <c r="H526059" s="12"/>
    </row>
    <row r="526060" spans="8:8">
      <c r="H526060" s="12"/>
    </row>
    <row r="526061" spans="8:8">
      <c r="H526061" s="12"/>
    </row>
    <row r="526062" spans="8:8">
      <c r="H526062" s="12"/>
    </row>
    <row r="526063" spans="8:8">
      <c r="H526063" s="12"/>
    </row>
    <row r="526064" spans="8:8">
      <c r="H526064" s="12"/>
    </row>
    <row r="526065" spans="8:8">
      <c r="H526065" s="12"/>
    </row>
    <row r="526066" spans="8:8">
      <c r="H526066" s="12"/>
    </row>
    <row r="526067" spans="8:8">
      <c r="H526067" s="12"/>
    </row>
    <row r="526068" spans="8:8">
      <c r="H526068" s="12"/>
    </row>
    <row r="526069" spans="8:8">
      <c r="H526069" s="12"/>
    </row>
    <row r="526070" spans="8:8">
      <c r="H526070" s="12"/>
    </row>
    <row r="526071" spans="8:8">
      <c r="H526071" s="12"/>
    </row>
    <row r="526072" spans="8:8">
      <c r="H526072" s="12"/>
    </row>
    <row r="526073" spans="8:8">
      <c r="H526073" s="12"/>
    </row>
    <row r="526074" spans="8:8">
      <c r="H526074" s="12"/>
    </row>
    <row r="526075" spans="8:8">
      <c r="H526075" s="12"/>
    </row>
    <row r="526076" spans="8:8">
      <c r="H526076" s="12"/>
    </row>
    <row r="526077" spans="8:8">
      <c r="H526077" s="12"/>
    </row>
    <row r="526078" spans="8:8">
      <c r="H526078" s="12"/>
    </row>
    <row r="526079" spans="8:8">
      <c r="H526079" s="12"/>
    </row>
    <row r="526080" spans="8:8">
      <c r="H526080" s="12"/>
    </row>
    <row r="526081" spans="8:8">
      <c r="H526081" s="12"/>
    </row>
    <row r="526082" spans="8:8">
      <c r="H526082" s="12"/>
    </row>
    <row r="526083" spans="8:8">
      <c r="H526083" s="12"/>
    </row>
    <row r="526084" spans="8:8">
      <c r="H526084" s="12"/>
    </row>
    <row r="526085" spans="8:8">
      <c r="H526085" s="12"/>
    </row>
    <row r="526086" spans="8:8">
      <c r="H526086" s="12"/>
    </row>
    <row r="526087" spans="8:8">
      <c r="H526087" s="12"/>
    </row>
    <row r="526088" spans="8:8">
      <c r="H526088" s="12"/>
    </row>
    <row r="526089" spans="8:8">
      <c r="H526089" s="12"/>
    </row>
    <row r="526090" spans="8:8">
      <c r="H526090" s="12"/>
    </row>
    <row r="526091" spans="8:8">
      <c r="H526091" s="12"/>
    </row>
    <row r="526092" spans="8:8">
      <c r="H526092" s="12"/>
    </row>
    <row r="526093" spans="8:8">
      <c r="H526093" s="12"/>
    </row>
    <row r="526094" spans="8:8">
      <c r="H526094" s="12"/>
    </row>
    <row r="526095" spans="8:8">
      <c r="H526095" s="12"/>
    </row>
    <row r="526096" spans="8:8">
      <c r="H526096" s="12"/>
    </row>
    <row r="526097" spans="8:8">
      <c r="H526097" s="12"/>
    </row>
    <row r="526098" spans="8:8">
      <c r="H526098" s="12"/>
    </row>
    <row r="526099" spans="8:8">
      <c r="H526099" s="12"/>
    </row>
    <row r="526100" spans="8:8">
      <c r="H526100" s="12"/>
    </row>
    <row r="526101" spans="8:8">
      <c r="H526101" s="12"/>
    </row>
    <row r="526102" spans="8:8">
      <c r="H526102" s="12"/>
    </row>
    <row r="526103" spans="8:8">
      <c r="H526103" s="12"/>
    </row>
    <row r="526104" spans="8:8">
      <c r="H526104" s="12"/>
    </row>
    <row r="526105" spans="8:8">
      <c r="H526105" s="12"/>
    </row>
    <row r="526106" spans="8:8">
      <c r="H526106" s="12"/>
    </row>
    <row r="526107" spans="8:8">
      <c r="H526107" s="12"/>
    </row>
    <row r="526108" spans="8:8">
      <c r="H526108" s="12"/>
    </row>
    <row r="526109" spans="8:8">
      <c r="H526109" s="12"/>
    </row>
    <row r="526110" spans="8:8">
      <c r="H526110" s="12"/>
    </row>
    <row r="526111" spans="8:8">
      <c r="H526111" s="12"/>
    </row>
    <row r="526112" spans="8:8">
      <c r="H526112" s="12"/>
    </row>
    <row r="526113" spans="8:8">
      <c r="H526113" s="12"/>
    </row>
    <row r="526114" spans="8:8">
      <c r="H526114" s="12"/>
    </row>
    <row r="526115" spans="8:8">
      <c r="H526115" s="12"/>
    </row>
    <row r="526116" spans="8:8">
      <c r="H526116" s="12"/>
    </row>
    <row r="526117" spans="8:8">
      <c r="H526117" s="12"/>
    </row>
    <row r="526118" spans="8:8">
      <c r="H526118" s="12"/>
    </row>
    <row r="526119" spans="8:8">
      <c r="H526119" s="12"/>
    </row>
    <row r="526120" spans="8:8">
      <c r="H526120" s="12"/>
    </row>
    <row r="526121" spans="8:8">
      <c r="H526121" s="12"/>
    </row>
    <row r="526122" spans="8:8">
      <c r="H526122" s="12"/>
    </row>
    <row r="526123" spans="8:8">
      <c r="H526123" s="12"/>
    </row>
    <row r="526124" spans="8:8">
      <c r="H526124" s="12"/>
    </row>
    <row r="526125" spans="8:8">
      <c r="H526125" s="12"/>
    </row>
    <row r="526126" spans="8:8">
      <c r="H526126" s="12"/>
    </row>
    <row r="526127" spans="8:8">
      <c r="H526127" s="12"/>
    </row>
    <row r="526128" spans="8:8">
      <c r="H526128" s="12"/>
    </row>
    <row r="526129" spans="8:8">
      <c r="H526129" s="12"/>
    </row>
    <row r="526130" spans="8:8">
      <c r="H526130" s="12"/>
    </row>
    <row r="526131" spans="8:8">
      <c r="H526131" s="12"/>
    </row>
    <row r="526132" spans="8:8">
      <c r="H526132" s="12"/>
    </row>
    <row r="526133" spans="8:8">
      <c r="H526133" s="12"/>
    </row>
    <row r="526134" spans="8:8">
      <c r="H526134" s="12"/>
    </row>
    <row r="526135" spans="8:8">
      <c r="H526135" s="12"/>
    </row>
    <row r="526136" spans="8:8">
      <c r="H526136" s="12"/>
    </row>
    <row r="526137" spans="8:8">
      <c r="H526137" s="12"/>
    </row>
    <row r="526138" spans="8:8">
      <c r="H526138" s="12"/>
    </row>
    <row r="526139" spans="8:8">
      <c r="H526139" s="12"/>
    </row>
    <row r="526140" spans="8:8">
      <c r="H526140" s="12"/>
    </row>
    <row r="526141" spans="8:8">
      <c r="H526141" s="12"/>
    </row>
    <row r="526142" spans="8:8">
      <c r="H526142" s="12"/>
    </row>
    <row r="526143" spans="8:8">
      <c r="H526143" s="12"/>
    </row>
    <row r="526144" spans="8:8">
      <c r="H526144" s="12"/>
    </row>
    <row r="526145" spans="8:8">
      <c r="H526145" s="12"/>
    </row>
    <row r="526146" spans="8:8">
      <c r="H526146" s="12"/>
    </row>
    <row r="526147" spans="8:8">
      <c r="H526147" s="12"/>
    </row>
    <row r="526148" spans="8:8">
      <c r="H526148" s="12"/>
    </row>
    <row r="526149" spans="8:8">
      <c r="H526149" s="12"/>
    </row>
    <row r="526150" spans="8:8">
      <c r="H526150" s="12"/>
    </row>
    <row r="526151" spans="8:8">
      <c r="H526151" s="12"/>
    </row>
    <row r="526152" spans="8:8">
      <c r="H526152" s="12"/>
    </row>
    <row r="526153" spans="8:8">
      <c r="H526153" s="12"/>
    </row>
    <row r="526154" spans="8:8">
      <c r="H526154" s="12"/>
    </row>
    <row r="526155" spans="8:8">
      <c r="H526155" s="12"/>
    </row>
    <row r="526156" spans="8:8">
      <c r="H526156" s="12"/>
    </row>
    <row r="526157" spans="8:8">
      <c r="H526157" s="12"/>
    </row>
    <row r="526158" spans="8:8">
      <c r="H526158" s="12"/>
    </row>
    <row r="526159" spans="8:8">
      <c r="H526159" s="12"/>
    </row>
    <row r="526160" spans="8:8">
      <c r="H526160" s="12"/>
    </row>
    <row r="526161" spans="8:8">
      <c r="H526161" s="12"/>
    </row>
    <row r="526162" spans="8:8">
      <c r="H526162" s="12"/>
    </row>
    <row r="526163" spans="8:8">
      <c r="H526163" s="12"/>
    </row>
    <row r="526164" spans="8:8">
      <c r="H526164" s="12"/>
    </row>
    <row r="526165" spans="8:8">
      <c r="H526165" s="12"/>
    </row>
    <row r="526166" spans="8:8">
      <c r="H526166" s="12"/>
    </row>
    <row r="526167" spans="8:8">
      <c r="H526167" s="12"/>
    </row>
    <row r="526168" spans="8:8">
      <c r="H526168" s="12"/>
    </row>
    <row r="526169" spans="8:8">
      <c r="H526169" s="12"/>
    </row>
    <row r="526170" spans="8:8">
      <c r="H526170" s="12"/>
    </row>
    <row r="526171" spans="8:8">
      <c r="H526171" s="12"/>
    </row>
    <row r="526172" spans="8:8">
      <c r="H526172" s="12"/>
    </row>
    <row r="526173" spans="8:8">
      <c r="H526173" s="12"/>
    </row>
    <row r="526174" spans="8:8">
      <c r="H526174" s="12"/>
    </row>
    <row r="526175" spans="8:8">
      <c r="H526175" s="12"/>
    </row>
    <row r="526176" spans="8:8">
      <c r="H526176" s="12"/>
    </row>
    <row r="526177" spans="8:8">
      <c r="H526177" s="12"/>
    </row>
    <row r="526178" spans="8:8">
      <c r="H526178" s="12"/>
    </row>
    <row r="526179" spans="8:8">
      <c r="H526179" s="12"/>
    </row>
    <row r="526180" spans="8:8">
      <c r="H526180" s="12"/>
    </row>
    <row r="526181" spans="8:8">
      <c r="H526181" s="12"/>
    </row>
    <row r="526182" spans="8:8">
      <c r="H526182" s="12"/>
    </row>
    <row r="526183" spans="8:8">
      <c r="H526183" s="12"/>
    </row>
    <row r="526184" spans="8:8">
      <c r="H526184" s="12"/>
    </row>
    <row r="526185" spans="8:8">
      <c r="H526185" s="12"/>
    </row>
    <row r="526186" spans="8:8">
      <c r="H526186" s="12"/>
    </row>
    <row r="526187" spans="8:8">
      <c r="H526187" s="12"/>
    </row>
    <row r="526188" spans="8:8">
      <c r="H526188" s="12"/>
    </row>
    <row r="526189" spans="8:8">
      <c r="H526189" s="12"/>
    </row>
    <row r="526190" spans="8:8">
      <c r="H526190" s="12"/>
    </row>
    <row r="526191" spans="8:8">
      <c r="H526191" s="12"/>
    </row>
    <row r="526192" spans="8:8">
      <c r="H526192" s="12"/>
    </row>
    <row r="526193" spans="8:8">
      <c r="H526193" s="12"/>
    </row>
    <row r="526194" spans="8:8">
      <c r="H526194" s="12"/>
    </row>
    <row r="526195" spans="8:8">
      <c r="H526195" s="12"/>
    </row>
    <row r="526196" spans="8:8">
      <c r="H526196" s="12"/>
    </row>
    <row r="526197" spans="8:8">
      <c r="H526197" s="12"/>
    </row>
    <row r="526198" spans="8:8">
      <c r="H526198" s="12"/>
    </row>
    <row r="526199" spans="8:8">
      <c r="H526199" s="12"/>
    </row>
    <row r="526200" spans="8:8">
      <c r="H526200" s="12"/>
    </row>
    <row r="526201" spans="8:8">
      <c r="H526201" s="12"/>
    </row>
    <row r="526202" spans="8:8">
      <c r="H526202" s="12"/>
    </row>
    <row r="526203" spans="8:8">
      <c r="H526203" s="12"/>
    </row>
    <row r="526204" spans="8:8">
      <c r="H526204" s="12"/>
    </row>
    <row r="526205" spans="8:8">
      <c r="H526205" s="12"/>
    </row>
    <row r="526206" spans="8:8">
      <c r="H526206" s="12"/>
    </row>
    <row r="526207" spans="8:8">
      <c r="H526207" s="12"/>
    </row>
    <row r="526208" spans="8:8">
      <c r="H526208" s="12"/>
    </row>
    <row r="526209" spans="8:8">
      <c r="H526209" s="12"/>
    </row>
    <row r="526210" spans="8:8">
      <c r="H526210" s="12"/>
    </row>
    <row r="526211" spans="8:8">
      <c r="H526211" s="12"/>
    </row>
    <row r="526212" spans="8:8">
      <c r="H526212" s="12"/>
    </row>
    <row r="526213" spans="8:8">
      <c r="H526213" s="12"/>
    </row>
    <row r="526214" spans="8:8">
      <c r="H526214" s="12"/>
    </row>
    <row r="526215" spans="8:8">
      <c r="H526215" s="12"/>
    </row>
    <row r="526216" spans="8:8">
      <c r="H526216" s="12"/>
    </row>
    <row r="526217" spans="8:8">
      <c r="H526217" s="12"/>
    </row>
    <row r="526218" spans="8:8">
      <c r="H526218" s="12"/>
    </row>
    <row r="526219" spans="8:8">
      <c r="H526219" s="12"/>
    </row>
    <row r="526220" spans="8:8">
      <c r="H526220" s="12"/>
    </row>
    <row r="526221" spans="8:8">
      <c r="H526221" s="12"/>
    </row>
    <row r="526222" spans="8:8">
      <c r="H526222" s="12"/>
    </row>
    <row r="526223" spans="8:8">
      <c r="H526223" s="12"/>
    </row>
    <row r="526224" spans="8:8">
      <c r="H526224" s="12"/>
    </row>
    <row r="526225" spans="8:8">
      <c r="H526225" s="12"/>
    </row>
    <row r="526226" spans="8:8">
      <c r="H526226" s="12"/>
    </row>
    <row r="526227" spans="8:8">
      <c r="H526227" s="12"/>
    </row>
    <row r="526228" spans="8:8">
      <c r="H526228" s="12"/>
    </row>
    <row r="526229" spans="8:8">
      <c r="H526229" s="12"/>
    </row>
    <row r="526230" spans="8:8">
      <c r="H526230" s="12"/>
    </row>
    <row r="526231" spans="8:8">
      <c r="H526231" s="12"/>
    </row>
    <row r="526232" spans="8:8">
      <c r="H526232" s="12"/>
    </row>
    <row r="526233" spans="8:8">
      <c r="H526233" s="12"/>
    </row>
    <row r="526234" spans="8:8">
      <c r="H526234" s="12"/>
    </row>
    <row r="526235" spans="8:8">
      <c r="H526235" s="12"/>
    </row>
    <row r="526236" spans="8:8">
      <c r="H526236" s="12"/>
    </row>
    <row r="526237" spans="8:8">
      <c r="H526237" s="12"/>
    </row>
    <row r="526238" spans="8:8">
      <c r="H526238" s="12"/>
    </row>
    <row r="526239" spans="8:8">
      <c r="H526239" s="12"/>
    </row>
    <row r="526240" spans="8:8">
      <c r="H526240" s="12"/>
    </row>
    <row r="526241" spans="8:8">
      <c r="H526241" s="12"/>
    </row>
    <row r="526242" spans="8:8">
      <c r="H526242" s="12"/>
    </row>
    <row r="526243" spans="8:8">
      <c r="H526243" s="12"/>
    </row>
    <row r="526244" spans="8:8">
      <c r="H526244" s="12"/>
    </row>
    <row r="526245" spans="8:8">
      <c r="H526245" s="12"/>
    </row>
    <row r="526246" spans="8:8">
      <c r="H526246" s="12"/>
    </row>
    <row r="526247" spans="8:8">
      <c r="H526247" s="12"/>
    </row>
    <row r="526248" spans="8:8">
      <c r="H526248" s="12"/>
    </row>
    <row r="526249" spans="8:8">
      <c r="H526249" s="12"/>
    </row>
    <row r="526250" spans="8:8">
      <c r="H526250" s="12"/>
    </row>
    <row r="526251" spans="8:8">
      <c r="H526251" s="12"/>
    </row>
    <row r="526252" spans="8:8">
      <c r="H526252" s="12"/>
    </row>
    <row r="526253" spans="8:8">
      <c r="H526253" s="12"/>
    </row>
    <row r="526254" spans="8:8">
      <c r="H526254" s="12"/>
    </row>
    <row r="526255" spans="8:8">
      <c r="H526255" s="12"/>
    </row>
    <row r="526256" spans="8:8">
      <c r="H526256" s="12"/>
    </row>
    <row r="526257" spans="8:8">
      <c r="H526257" s="12"/>
    </row>
    <row r="526258" spans="8:8">
      <c r="H526258" s="12"/>
    </row>
    <row r="526259" spans="8:8">
      <c r="H526259" s="12"/>
    </row>
    <row r="526260" spans="8:8">
      <c r="H526260" s="12"/>
    </row>
    <row r="526261" spans="8:8">
      <c r="H526261" s="12"/>
    </row>
    <row r="526262" spans="8:8">
      <c r="H526262" s="12"/>
    </row>
    <row r="526263" spans="8:8">
      <c r="H526263" s="12"/>
    </row>
    <row r="526264" spans="8:8">
      <c r="H526264" s="12"/>
    </row>
    <row r="526265" spans="8:8">
      <c r="H526265" s="12"/>
    </row>
    <row r="526266" spans="8:8">
      <c r="H526266" s="12"/>
    </row>
    <row r="526267" spans="8:8">
      <c r="H526267" s="12"/>
    </row>
    <row r="526268" spans="8:8">
      <c r="H526268" s="12"/>
    </row>
    <row r="526269" spans="8:8">
      <c r="H526269" s="12"/>
    </row>
    <row r="526270" spans="8:8">
      <c r="H526270" s="12"/>
    </row>
    <row r="526271" spans="8:8">
      <c r="H526271" s="12"/>
    </row>
    <row r="526272" spans="8:8">
      <c r="H526272" s="12"/>
    </row>
    <row r="526273" spans="8:8">
      <c r="H526273" s="12"/>
    </row>
    <row r="526274" spans="8:8">
      <c r="H526274" s="12"/>
    </row>
    <row r="526275" spans="8:8">
      <c r="H526275" s="12"/>
    </row>
    <row r="526276" spans="8:8">
      <c r="H526276" s="12"/>
    </row>
    <row r="526277" spans="8:8">
      <c r="H526277" s="12"/>
    </row>
    <row r="526278" spans="8:8">
      <c r="H526278" s="12"/>
    </row>
    <row r="526279" spans="8:8">
      <c r="H526279" s="12"/>
    </row>
    <row r="526280" spans="8:8">
      <c r="H526280" s="12"/>
    </row>
    <row r="526281" spans="8:8">
      <c r="H526281" s="12"/>
    </row>
    <row r="526282" spans="8:8">
      <c r="H526282" s="12"/>
    </row>
    <row r="526283" spans="8:8">
      <c r="H526283" s="12"/>
    </row>
    <row r="526284" spans="8:8">
      <c r="H526284" s="12"/>
    </row>
    <row r="526285" spans="8:8">
      <c r="H526285" s="12"/>
    </row>
    <row r="526286" spans="8:8">
      <c r="H526286" s="12"/>
    </row>
    <row r="526287" spans="8:8">
      <c r="H526287" s="12"/>
    </row>
    <row r="526288" spans="8:8">
      <c r="H526288" s="12"/>
    </row>
    <row r="526289" spans="8:8">
      <c r="H526289" s="12"/>
    </row>
    <row r="526290" spans="8:8">
      <c r="H526290" s="12"/>
    </row>
    <row r="526291" spans="8:8">
      <c r="H526291" s="12"/>
    </row>
    <row r="526292" spans="8:8">
      <c r="H526292" s="12"/>
    </row>
    <row r="526293" spans="8:8">
      <c r="H526293" s="12"/>
    </row>
    <row r="526294" spans="8:8">
      <c r="H526294" s="12"/>
    </row>
    <row r="526295" spans="8:8">
      <c r="H526295" s="12"/>
    </row>
    <row r="526296" spans="8:8">
      <c r="H526296" s="12"/>
    </row>
    <row r="526297" spans="8:8">
      <c r="H526297" s="12"/>
    </row>
    <row r="526298" spans="8:8">
      <c r="H526298" s="12"/>
    </row>
    <row r="526299" spans="8:8">
      <c r="H526299" s="12"/>
    </row>
    <row r="526300" spans="8:8">
      <c r="H526300" s="12"/>
    </row>
    <row r="526301" spans="8:8">
      <c r="H526301" s="12"/>
    </row>
    <row r="526302" spans="8:8">
      <c r="H526302" s="12"/>
    </row>
    <row r="526303" spans="8:8">
      <c r="H526303" s="12"/>
    </row>
    <row r="526304" spans="8:8">
      <c r="H526304" s="12"/>
    </row>
    <row r="526305" spans="8:8">
      <c r="H526305" s="12"/>
    </row>
    <row r="526306" spans="8:8">
      <c r="H526306" s="12"/>
    </row>
    <row r="526307" spans="8:8">
      <c r="H526307" s="12"/>
    </row>
    <row r="526308" spans="8:8">
      <c r="H526308" s="12"/>
    </row>
    <row r="526309" spans="8:8">
      <c r="H526309" s="12"/>
    </row>
    <row r="526310" spans="8:8">
      <c r="H526310" s="12"/>
    </row>
    <row r="526311" spans="8:8">
      <c r="H526311" s="12"/>
    </row>
    <row r="526312" spans="8:8">
      <c r="H526312" s="12"/>
    </row>
    <row r="526313" spans="8:8">
      <c r="H526313" s="12"/>
    </row>
    <row r="526314" spans="8:8">
      <c r="H526314" s="12"/>
    </row>
    <row r="526315" spans="8:8">
      <c r="H526315" s="12"/>
    </row>
    <row r="526316" spans="8:8">
      <c r="H526316" s="12"/>
    </row>
    <row r="526317" spans="8:8">
      <c r="H526317" s="12"/>
    </row>
    <row r="526318" spans="8:8">
      <c r="H526318" s="12"/>
    </row>
    <row r="526319" spans="8:8">
      <c r="H526319" s="12"/>
    </row>
    <row r="526320" spans="8:8">
      <c r="H526320" s="12"/>
    </row>
    <row r="526321" spans="8:8">
      <c r="H526321" s="12"/>
    </row>
    <row r="526322" spans="8:8">
      <c r="H526322" s="12"/>
    </row>
    <row r="526323" spans="8:8">
      <c r="H526323" s="12"/>
    </row>
    <row r="526324" spans="8:8">
      <c r="H526324" s="12"/>
    </row>
    <row r="526325" spans="8:8">
      <c r="H526325" s="12"/>
    </row>
    <row r="526326" spans="8:8">
      <c r="H526326" s="12"/>
    </row>
    <row r="526327" spans="8:8">
      <c r="H526327" s="12"/>
    </row>
    <row r="526328" spans="8:8">
      <c r="H526328" s="12"/>
    </row>
    <row r="526329" spans="8:8">
      <c r="H526329" s="12"/>
    </row>
    <row r="526330" spans="8:8">
      <c r="H526330" s="12"/>
    </row>
    <row r="526331" spans="8:8">
      <c r="H526331" s="12"/>
    </row>
    <row r="526332" spans="8:8">
      <c r="H526332" s="12"/>
    </row>
    <row r="526333" spans="8:8">
      <c r="H526333" s="12"/>
    </row>
    <row r="526334" spans="8:8">
      <c r="H526334" s="12"/>
    </row>
    <row r="526335" spans="8:8">
      <c r="H526335" s="12"/>
    </row>
    <row r="526336" spans="8:8">
      <c r="H526336" s="12"/>
    </row>
    <row r="526337" spans="8:8">
      <c r="H526337" s="12"/>
    </row>
    <row r="526338" spans="8:8">
      <c r="H526338" s="12"/>
    </row>
    <row r="526339" spans="8:8">
      <c r="H526339" s="12"/>
    </row>
    <row r="526340" spans="8:8">
      <c r="H526340" s="12"/>
    </row>
    <row r="526341" spans="8:8">
      <c r="H526341" s="12"/>
    </row>
    <row r="526342" spans="8:8">
      <c r="H526342" s="12"/>
    </row>
    <row r="526343" spans="8:8">
      <c r="H526343" s="12"/>
    </row>
    <row r="526344" spans="8:8">
      <c r="H526344" s="12"/>
    </row>
    <row r="526345" spans="8:8">
      <c r="H526345" s="12"/>
    </row>
    <row r="526346" spans="8:8">
      <c r="H526346" s="12"/>
    </row>
    <row r="526347" spans="8:8">
      <c r="H526347" s="12"/>
    </row>
    <row r="526348" spans="8:8">
      <c r="H526348" s="12"/>
    </row>
    <row r="526349" spans="8:8">
      <c r="H526349" s="12"/>
    </row>
    <row r="526350" spans="8:8">
      <c r="H526350" s="12"/>
    </row>
    <row r="526351" spans="8:8">
      <c r="H526351" s="12"/>
    </row>
    <row r="526352" spans="8:8">
      <c r="H526352" s="12"/>
    </row>
    <row r="526353" spans="8:8">
      <c r="H526353" s="12"/>
    </row>
    <row r="526354" spans="8:8">
      <c r="H526354" s="12"/>
    </row>
    <row r="526355" spans="8:8">
      <c r="H526355" s="12"/>
    </row>
    <row r="526356" spans="8:8">
      <c r="H526356" s="12"/>
    </row>
    <row r="526357" spans="8:8">
      <c r="H526357" s="12"/>
    </row>
    <row r="526358" spans="8:8">
      <c r="H526358" s="12"/>
    </row>
    <row r="526359" spans="8:8">
      <c r="H526359" s="12"/>
    </row>
    <row r="526360" spans="8:8">
      <c r="H526360" s="12"/>
    </row>
    <row r="526361" spans="8:8">
      <c r="H526361" s="12"/>
    </row>
    <row r="526362" spans="8:8">
      <c r="H526362" s="12"/>
    </row>
    <row r="526363" spans="8:8">
      <c r="H526363" s="12"/>
    </row>
    <row r="526364" spans="8:8">
      <c r="H526364" s="12"/>
    </row>
    <row r="526365" spans="8:8">
      <c r="H526365" s="12"/>
    </row>
    <row r="526366" spans="8:8">
      <c r="H526366" s="12"/>
    </row>
    <row r="526367" spans="8:8">
      <c r="H526367" s="12"/>
    </row>
    <row r="526368" spans="8:8">
      <c r="H526368" s="12"/>
    </row>
    <row r="526369" spans="8:8">
      <c r="H526369" s="12"/>
    </row>
    <row r="526370" spans="8:8">
      <c r="H526370" s="12"/>
    </row>
    <row r="526371" spans="8:8">
      <c r="H526371" s="12"/>
    </row>
    <row r="526372" spans="8:8">
      <c r="H526372" s="12"/>
    </row>
    <row r="526373" spans="8:8">
      <c r="H526373" s="12"/>
    </row>
    <row r="526374" spans="8:8">
      <c r="H526374" s="12"/>
    </row>
    <row r="526375" spans="8:8">
      <c r="H526375" s="12"/>
    </row>
    <row r="526376" spans="8:8">
      <c r="H526376" s="12"/>
    </row>
    <row r="526377" spans="8:8">
      <c r="H526377" s="12"/>
    </row>
    <row r="526378" spans="8:8">
      <c r="H526378" s="12"/>
    </row>
    <row r="526379" spans="8:8">
      <c r="H526379" s="12"/>
    </row>
    <row r="526380" spans="8:8">
      <c r="H526380" s="12"/>
    </row>
    <row r="526381" spans="8:8">
      <c r="H526381" s="12"/>
    </row>
    <row r="526382" spans="8:8">
      <c r="H526382" s="12"/>
    </row>
    <row r="526383" spans="8:8">
      <c r="H526383" s="12"/>
    </row>
    <row r="526384" spans="8:8">
      <c r="H526384" s="12"/>
    </row>
    <row r="526385" spans="8:8">
      <c r="H526385" s="12"/>
    </row>
    <row r="526386" spans="8:8">
      <c r="H526386" s="12"/>
    </row>
    <row r="526387" spans="8:8">
      <c r="H526387" s="12"/>
    </row>
    <row r="526388" spans="8:8">
      <c r="H526388" s="12"/>
    </row>
    <row r="526389" spans="8:8">
      <c r="H526389" s="12"/>
    </row>
    <row r="526390" spans="8:8">
      <c r="H526390" s="12"/>
    </row>
    <row r="526391" spans="8:8">
      <c r="H526391" s="12"/>
    </row>
    <row r="526392" spans="8:8">
      <c r="H526392" s="12"/>
    </row>
    <row r="526393" spans="8:8">
      <c r="H526393" s="12"/>
    </row>
    <row r="526394" spans="8:8">
      <c r="H526394" s="12"/>
    </row>
    <row r="526395" spans="8:8">
      <c r="H526395" s="12"/>
    </row>
    <row r="526396" spans="8:8">
      <c r="H526396" s="12"/>
    </row>
    <row r="526397" spans="8:8">
      <c r="H526397" s="12"/>
    </row>
    <row r="526398" spans="8:8">
      <c r="H526398" s="12"/>
    </row>
    <row r="526399" spans="8:8">
      <c r="H526399" s="12"/>
    </row>
    <row r="526400" spans="8:8">
      <c r="H526400" s="12"/>
    </row>
    <row r="526401" spans="8:8">
      <c r="H526401" s="12"/>
    </row>
    <row r="526402" spans="8:8">
      <c r="H526402" s="12"/>
    </row>
    <row r="526403" spans="8:8">
      <c r="H526403" s="12"/>
    </row>
    <row r="526404" spans="8:8">
      <c r="H526404" s="12"/>
    </row>
    <row r="526405" spans="8:8">
      <c r="H526405" s="12"/>
    </row>
    <row r="526406" spans="8:8">
      <c r="H526406" s="12"/>
    </row>
    <row r="526407" spans="8:8">
      <c r="H526407" s="12"/>
    </row>
    <row r="526408" spans="8:8">
      <c r="H526408" s="12"/>
    </row>
    <row r="526409" spans="8:8">
      <c r="H526409" s="12"/>
    </row>
    <row r="526410" spans="8:8">
      <c r="H526410" s="12"/>
    </row>
    <row r="526411" spans="8:8">
      <c r="H526411" s="12"/>
    </row>
    <row r="526412" spans="8:8">
      <c r="H526412" s="12"/>
    </row>
    <row r="526413" spans="8:8">
      <c r="H526413" s="12"/>
    </row>
    <row r="526414" spans="8:8">
      <c r="H526414" s="12"/>
    </row>
    <row r="526415" spans="8:8">
      <c r="H526415" s="12"/>
    </row>
    <row r="526416" spans="8:8">
      <c r="H526416" s="12"/>
    </row>
    <row r="526417" spans="8:8">
      <c r="H526417" s="12"/>
    </row>
    <row r="526418" spans="8:8">
      <c r="H526418" s="12"/>
    </row>
    <row r="526419" spans="8:8">
      <c r="H526419" s="12"/>
    </row>
    <row r="526420" spans="8:8">
      <c r="H526420" s="12"/>
    </row>
    <row r="526421" spans="8:8">
      <c r="H526421" s="12"/>
    </row>
    <row r="526422" spans="8:8">
      <c r="H526422" s="12"/>
    </row>
    <row r="526423" spans="8:8">
      <c r="H526423" s="12"/>
    </row>
    <row r="526424" spans="8:8">
      <c r="H526424" s="12"/>
    </row>
    <row r="526425" spans="8:8">
      <c r="H526425" s="12"/>
    </row>
    <row r="526426" spans="8:8">
      <c r="H526426" s="12"/>
    </row>
    <row r="526427" spans="8:8">
      <c r="H526427" s="12"/>
    </row>
    <row r="526428" spans="8:8">
      <c r="H526428" s="12"/>
    </row>
    <row r="526429" spans="8:8">
      <c r="H526429" s="12"/>
    </row>
    <row r="526430" spans="8:8">
      <c r="H526430" s="12"/>
    </row>
    <row r="526431" spans="8:8">
      <c r="H526431" s="12"/>
    </row>
    <row r="526432" spans="8:8">
      <c r="H526432" s="12"/>
    </row>
    <row r="526433" spans="8:8">
      <c r="H526433" s="12"/>
    </row>
    <row r="526434" spans="8:8">
      <c r="H526434" s="12"/>
    </row>
    <row r="526435" spans="8:8">
      <c r="H526435" s="12"/>
    </row>
    <row r="526436" spans="8:8">
      <c r="H526436" s="12"/>
    </row>
    <row r="526437" spans="8:8">
      <c r="H526437" s="12"/>
    </row>
    <row r="526438" spans="8:8">
      <c r="H526438" s="12"/>
    </row>
    <row r="526439" spans="8:8">
      <c r="H526439" s="12"/>
    </row>
    <row r="526440" spans="8:8">
      <c r="H526440" s="12"/>
    </row>
    <row r="526441" spans="8:8">
      <c r="H526441" s="12"/>
    </row>
    <row r="526442" spans="8:8">
      <c r="H526442" s="12"/>
    </row>
    <row r="526443" spans="8:8">
      <c r="H526443" s="12"/>
    </row>
    <row r="526444" spans="8:8">
      <c r="H526444" s="12"/>
    </row>
    <row r="526445" spans="8:8">
      <c r="H526445" s="12"/>
    </row>
    <row r="526446" spans="8:8">
      <c r="H526446" s="12"/>
    </row>
    <row r="526447" spans="8:8">
      <c r="H526447" s="12"/>
    </row>
    <row r="526448" spans="8:8">
      <c r="H526448" s="12"/>
    </row>
    <row r="526449" spans="8:8">
      <c r="H526449" s="12"/>
    </row>
    <row r="526450" spans="8:8">
      <c r="H526450" s="12"/>
    </row>
    <row r="526451" spans="8:8">
      <c r="H526451" s="12"/>
    </row>
    <row r="526452" spans="8:8">
      <c r="H526452" s="12"/>
    </row>
    <row r="526453" spans="8:8">
      <c r="H526453" s="12"/>
    </row>
    <row r="526454" spans="8:8">
      <c r="H526454" s="12"/>
    </row>
    <row r="526455" spans="8:8">
      <c r="H526455" s="12"/>
    </row>
    <row r="526456" spans="8:8">
      <c r="H526456" s="12"/>
    </row>
    <row r="526457" spans="8:8">
      <c r="H526457" s="12"/>
    </row>
    <row r="526458" spans="8:8">
      <c r="H526458" s="12"/>
    </row>
    <row r="526459" spans="8:8">
      <c r="H526459" s="12"/>
    </row>
    <row r="526460" spans="8:8">
      <c r="H526460" s="12"/>
    </row>
    <row r="526461" spans="8:8">
      <c r="H526461" s="12"/>
    </row>
    <row r="526462" spans="8:8">
      <c r="H526462" s="12"/>
    </row>
    <row r="526463" spans="8:8">
      <c r="H526463" s="12"/>
    </row>
    <row r="526464" spans="8:8">
      <c r="H526464" s="12"/>
    </row>
    <row r="526465" spans="8:8">
      <c r="H526465" s="12"/>
    </row>
    <row r="526466" spans="8:8">
      <c r="H526466" s="12"/>
    </row>
    <row r="526467" spans="8:8">
      <c r="H526467" s="12"/>
    </row>
    <row r="526468" spans="8:8">
      <c r="H526468" s="12"/>
    </row>
    <row r="526469" spans="8:8">
      <c r="H526469" s="12"/>
    </row>
    <row r="526470" spans="8:8">
      <c r="H526470" s="12"/>
    </row>
    <row r="526471" spans="8:8">
      <c r="H526471" s="12"/>
    </row>
    <row r="526472" spans="8:8">
      <c r="H526472" s="12"/>
    </row>
    <row r="526473" spans="8:8">
      <c r="H526473" s="12"/>
    </row>
    <row r="526474" spans="8:8">
      <c r="H526474" s="12"/>
    </row>
    <row r="526475" spans="8:8">
      <c r="H526475" s="12"/>
    </row>
    <row r="526476" spans="8:8">
      <c r="H526476" s="12"/>
    </row>
    <row r="526477" spans="8:8">
      <c r="H526477" s="12"/>
    </row>
    <row r="526478" spans="8:8">
      <c r="H526478" s="12"/>
    </row>
    <row r="526479" spans="8:8">
      <c r="H526479" s="12"/>
    </row>
    <row r="526480" spans="8:8">
      <c r="H526480" s="12"/>
    </row>
    <row r="526481" spans="8:8">
      <c r="H526481" s="12"/>
    </row>
    <row r="526482" spans="8:8">
      <c r="H526482" s="12"/>
    </row>
    <row r="526483" spans="8:8">
      <c r="H526483" s="12"/>
    </row>
    <row r="526484" spans="8:8">
      <c r="H526484" s="12"/>
    </row>
    <row r="526485" spans="8:8">
      <c r="H526485" s="12"/>
    </row>
    <row r="526486" spans="8:8">
      <c r="H526486" s="12"/>
    </row>
    <row r="526487" spans="8:8">
      <c r="H526487" s="12"/>
    </row>
    <row r="526488" spans="8:8">
      <c r="H526488" s="12"/>
    </row>
    <row r="526489" spans="8:8">
      <c r="H526489" s="12"/>
    </row>
    <row r="526490" spans="8:8">
      <c r="H526490" s="12"/>
    </row>
    <row r="526491" spans="8:8">
      <c r="H526491" s="12"/>
    </row>
    <row r="526492" spans="8:8">
      <c r="H526492" s="12"/>
    </row>
    <row r="526493" spans="8:8">
      <c r="H526493" s="12"/>
    </row>
    <row r="526494" spans="8:8">
      <c r="H526494" s="12"/>
    </row>
    <row r="526495" spans="8:8">
      <c r="H526495" s="12"/>
    </row>
    <row r="526496" spans="8:8">
      <c r="H526496" s="12"/>
    </row>
    <row r="526497" spans="8:8">
      <c r="H526497" s="12"/>
    </row>
    <row r="526498" spans="8:8">
      <c r="H526498" s="12"/>
    </row>
    <row r="526499" spans="8:8">
      <c r="H526499" s="12"/>
    </row>
    <row r="526500" spans="8:8">
      <c r="H526500" s="12"/>
    </row>
    <row r="526501" spans="8:8">
      <c r="H526501" s="12"/>
    </row>
    <row r="526502" spans="8:8">
      <c r="H526502" s="12"/>
    </row>
    <row r="526503" spans="8:8">
      <c r="H526503" s="12"/>
    </row>
    <row r="526504" spans="8:8">
      <c r="H526504" s="12"/>
    </row>
    <row r="526505" spans="8:8">
      <c r="H526505" s="12"/>
    </row>
    <row r="526506" spans="8:8">
      <c r="H526506" s="12"/>
    </row>
    <row r="526507" spans="8:8">
      <c r="H526507" s="12"/>
    </row>
    <row r="526508" spans="8:8">
      <c r="H526508" s="12"/>
    </row>
    <row r="526509" spans="8:8">
      <c r="H526509" s="12"/>
    </row>
    <row r="526510" spans="8:8">
      <c r="H526510" s="12"/>
    </row>
    <row r="526511" spans="8:8">
      <c r="H526511" s="12"/>
    </row>
    <row r="526512" spans="8:8">
      <c r="H526512" s="12"/>
    </row>
    <row r="526513" spans="8:8">
      <c r="H526513" s="12"/>
    </row>
    <row r="526514" spans="8:8">
      <c r="H526514" s="12"/>
    </row>
    <row r="526515" spans="8:8">
      <c r="H526515" s="12"/>
    </row>
    <row r="526516" spans="8:8">
      <c r="H526516" s="12"/>
    </row>
    <row r="526517" spans="8:8">
      <c r="H526517" s="12"/>
    </row>
    <row r="526518" spans="8:8">
      <c r="H526518" s="12"/>
    </row>
    <row r="526519" spans="8:8">
      <c r="H526519" s="12"/>
    </row>
    <row r="526520" spans="8:8">
      <c r="H526520" s="12"/>
    </row>
    <row r="526521" spans="8:8">
      <c r="H526521" s="12"/>
    </row>
    <row r="526522" spans="8:8">
      <c r="H526522" s="12"/>
    </row>
    <row r="526523" spans="8:8">
      <c r="H526523" s="12"/>
    </row>
    <row r="526524" spans="8:8">
      <c r="H526524" s="12"/>
    </row>
    <row r="526525" spans="8:8">
      <c r="H526525" s="12"/>
    </row>
    <row r="526526" spans="8:8">
      <c r="H526526" s="12"/>
    </row>
    <row r="526527" spans="8:8">
      <c r="H526527" s="12"/>
    </row>
    <row r="526528" spans="8:8">
      <c r="H526528" s="12"/>
    </row>
    <row r="526529" spans="8:8">
      <c r="H526529" s="12"/>
    </row>
    <row r="526530" spans="8:8">
      <c r="H526530" s="12"/>
    </row>
    <row r="526531" spans="8:8">
      <c r="H526531" s="12"/>
    </row>
    <row r="526532" spans="8:8">
      <c r="H526532" s="12"/>
    </row>
    <row r="526533" spans="8:8">
      <c r="H526533" s="12"/>
    </row>
    <row r="526534" spans="8:8">
      <c r="H526534" s="12"/>
    </row>
    <row r="526535" spans="8:8">
      <c r="H526535" s="12"/>
    </row>
    <row r="526536" spans="8:8">
      <c r="H526536" s="12"/>
    </row>
    <row r="526537" spans="8:8">
      <c r="H526537" s="12"/>
    </row>
    <row r="526538" spans="8:8">
      <c r="H526538" s="12"/>
    </row>
    <row r="526539" spans="8:8">
      <c r="H526539" s="12"/>
    </row>
    <row r="526540" spans="8:8">
      <c r="H526540" s="12"/>
    </row>
    <row r="526541" spans="8:8">
      <c r="H526541" s="12"/>
    </row>
    <row r="526542" spans="8:8">
      <c r="H526542" s="12"/>
    </row>
    <row r="526543" spans="8:8">
      <c r="H526543" s="12"/>
    </row>
    <row r="526544" spans="8:8">
      <c r="H526544" s="12"/>
    </row>
    <row r="526545" spans="8:8">
      <c r="H526545" s="12"/>
    </row>
    <row r="526546" spans="8:8">
      <c r="H526546" s="12"/>
    </row>
    <row r="526547" spans="8:8">
      <c r="H526547" s="12"/>
    </row>
    <row r="526548" spans="8:8">
      <c r="H526548" s="12"/>
    </row>
    <row r="526549" spans="8:8">
      <c r="H526549" s="12"/>
    </row>
    <row r="526550" spans="8:8">
      <c r="H526550" s="12"/>
    </row>
    <row r="526551" spans="8:8">
      <c r="H526551" s="12"/>
    </row>
    <row r="526552" spans="8:8">
      <c r="H526552" s="12"/>
    </row>
    <row r="526553" spans="8:8">
      <c r="H526553" s="12"/>
    </row>
    <row r="526554" spans="8:8">
      <c r="H526554" s="12"/>
    </row>
    <row r="526555" spans="8:8">
      <c r="H526555" s="12"/>
    </row>
    <row r="526556" spans="8:8">
      <c r="H526556" s="12"/>
    </row>
    <row r="526557" spans="8:8">
      <c r="H526557" s="12"/>
    </row>
    <row r="526558" spans="8:8">
      <c r="H526558" s="12"/>
    </row>
    <row r="526559" spans="8:8">
      <c r="H526559" s="12"/>
    </row>
    <row r="526560" spans="8:8">
      <c r="H526560" s="12"/>
    </row>
    <row r="526561" spans="8:8">
      <c r="H526561" s="12"/>
    </row>
    <row r="526562" spans="8:8">
      <c r="H526562" s="12"/>
    </row>
    <row r="526563" spans="8:8">
      <c r="H526563" s="12"/>
    </row>
    <row r="526564" spans="8:8">
      <c r="H526564" s="12"/>
    </row>
    <row r="526565" spans="8:8">
      <c r="H526565" s="12"/>
    </row>
    <row r="526566" spans="8:8">
      <c r="H526566" s="12"/>
    </row>
    <row r="526567" spans="8:8">
      <c r="H526567" s="12"/>
    </row>
    <row r="526568" spans="8:8">
      <c r="H526568" s="12"/>
    </row>
    <row r="526569" spans="8:8">
      <c r="H526569" s="12"/>
    </row>
    <row r="526570" spans="8:8">
      <c r="H526570" s="12"/>
    </row>
    <row r="526571" spans="8:8">
      <c r="H526571" s="12"/>
    </row>
    <row r="526572" spans="8:8">
      <c r="H526572" s="12"/>
    </row>
    <row r="526573" spans="8:8">
      <c r="H526573" s="12"/>
    </row>
    <row r="526574" spans="8:8">
      <c r="H526574" s="12"/>
    </row>
    <row r="526575" spans="8:8">
      <c r="H526575" s="12"/>
    </row>
    <row r="526576" spans="8:8">
      <c r="H526576" s="12"/>
    </row>
    <row r="526577" spans="8:8">
      <c r="H526577" s="12"/>
    </row>
    <row r="526578" spans="8:8">
      <c r="H526578" s="12"/>
    </row>
    <row r="526579" spans="8:8">
      <c r="H526579" s="12"/>
    </row>
    <row r="526580" spans="8:8">
      <c r="H526580" s="12"/>
    </row>
    <row r="526581" spans="8:8">
      <c r="H526581" s="12"/>
    </row>
    <row r="526582" spans="8:8">
      <c r="H526582" s="12"/>
    </row>
    <row r="526583" spans="8:8">
      <c r="H526583" s="12"/>
    </row>
    <row r="526584" spans="8:8">
      <c r="H526584" s="12"/>
    </row>
    <row r="526585" spans="8:8">
      <c r="H526585" s="12"/>
    </row>
    <row r="526586" spans="8:8">
      <c r="H526586" s="12"/>
    </row>
    <row r="526587" spans="8:8">
      <c r="H526587" s="12"/>
    </row>
    <row r="526588" spans="8:8">
      <c r="H526588" s="12"/>
    </row>
    <row r="526589" spans="8:8">
      <c r="H526589" s="12"/>
    </row>
    <row r="526590" spans="8:8">
      <c r="H526590" s="12"/>
    </row>
    <row r="526591" spans="8:8">
      <c r="H526591" s="12"/>
    </row>
    <row r="526592" spans="8:8">
      <c r="H526592" s="12"/>
    </row>
    <row r="526593" spans="8:8">
      <c r="H526593" s="12"/>
    </row>
    <row r="526594" spans="8:8">
      <c r="H526594" s="12"/>
    </row>
    <row r="526595" spans="8:8">
      <c r="H526595" s="12"/>
    </row>
    <row r="526596" spans="8:8">
      <c r="H526596" s="12"/>
    </row>
    <row r="526597" spans="8:8">
      <c r="H526597" s="12"/>
    </row>
    <row r="526598" spans="8:8">
      <c r="H526598" s="12"/>
    </row>
    <row r="526599" spans="8:8">
      <c r="H526599" s="12"/>
    </row>
    <row r="526600" spans="8:8">
      <c r="H526600" s="12"/>
    </row>
    <row r="526601" spans="8:8">
      <c r="H526601" s="12"/>
    </row>
    <row r="526602" spans="8:8">
      <c r="H526602" s="12"/>
    </row>
    <row r="526603" spans="8:8">
      <c r="H526603" s="12"/>
    </row>
    <row r="526604" spans="8:8">
      <c r="H526604" s="12"/>
    </row>
    <row r="526605" spans="8:8">
      <c r="H526605" s="12"/>
    </row>
    <row r="526606" spans="8:8">
      <c r="H526606" s="12"/>
    </row>
    <row r="526607" spans="8:8">
      <c r="H526607" s="12"/>
    </row>
    <row r="526608" spans="8:8">
      <c r="H526608" s="12"/>
    </row>
    <row r="526609" spans="8:8">
      <c r="H526609" s="12"/>
    </row>
    <row r="526610" spans="8:8">
      <c r="H526610" s="12"/>
    </row>
    <row r="526611" spans="8:8">
      <c r="H526611" s="12"/>
    </row>
    <row r="526612" spans="8:8">
      <c r="H526612" s="12"/>
    </row>
    <row r="526613" spans="8:8">
      <c r="H526613" s="12"/>
    </row>
    <row r="526614" spans="8:8">
      <c r="H526614" s="12"/>
    </row>
    <row r="526615" spans="8:8">
      <c r="H526615" s="12"/>
    </row>
    <row r="526616" spans="8:8">
      <c r="H526616" s="12"/>
    </row>
    <row r="526617" spans="8:8">
      <c r="H526617" s="12"/>
    </row>
    <row r="526618" spans="8:8">
      <c r="H526618" s="12"/>
    </row>
    <row r="526619" spans="8:8">
      <c r="H526619" s="12"/>
    </row>
    <row r="526620" spans="8:8">
      <c r="H526620" s="12"/>
    </row>
    <row r="526621" spans="8:8">
      <c r="H526621" s="12"/>
    </row>
    <row r="526622" spans="8:8">
      <c r="H526622" s="12"/>
    </row>
    <row r="526623" spans="8:8">
      <c r="H526623" s="12"/>
    </row>
    <row r="526624" spans="8:8">
      <c r="H526624" s="12"/>
    </row>
    <row r="526625" spans="8:8">
      <c r="H526625" s="12"/>
    </row>
    <row r="526626" spans="8:8">
      <c r="H526626" s="12"/>
    </row>
    <row r="526627" spans="8:8">
      <c r="H526627" s="12"/>
    </row>
    <row r="526628" spans="8:8">
      <c r="H526628" s="12"/>
    </row>
    <row r="526629" spans="8:8">
      <c r="H526629" s="12"/>
    </row>
    <row r="526630" spans="8:8">
      <c r="H526630" s="12"/>
    </row>
    <row r="526631" spans="8:8">
      <c r="H526631" s="12"/>
    </row>
    <row r="526632" spans="8:8">
      <c r="H526632" s="12"/>
    </row>
    <row r="526633" spans="8:8">
      <c r="H526633" s="12"/>
    </row>
    <row r="526634" spans="8:8">
      <c r="H526634" s="12"/>
    </row>
    <row r="526635" spans="8:8">
      <c r="H526635" s="12"/>
    </row>
    <row r="526636" spans="8:8">
      <c r="H526636" s="12"/>
    </row>
    <row r="526637" spans="8:8">
      <c r="H526637" s="12"/>
    </row>
    <row r="526638" spans="8:8">
      <c r="H526638" s="12"/>
    </row>
    <row r="526639" spans="8:8">
      <c r="H526639" s="12"/>
    </row>
    <row r="526640" spans="8:8">
      <c r="H526640" s="12"/>
    </row>
    <row r="526641" spans="8:8">
      <c r="H526641" s="12"/>
    </row>
    <row r="526642" spans="8:8">
      <c r="H526642" s="12"/>
    </row>
    <row r="526643" spans="8:8">
      <c r="H526643" s="12"/>
    </row>
    <row r="526644" spans="8:8">
      <c r="H526644" s="12"/>
    </row>
    <row r="526645" spans="8:8">
      <c r="H526645" s="12"/>
    </row>
    <row r="526646" spans="8:8">
      <c r="H526646" s="12"/>
    </row>
    <row r="526647" spans="8:8">
      <c r="H526647" s="12"/>
    </row>
    <row r="526648" spans="8:8">
      <c r="H526648" s="12"/>
    </row>
    <row r="526649" spans="8:8">
      <c r="H526649" s="12"/>
    </row>
    <row r="526650" spans="8:8">
      <c r="H526650" s="12"/>
    </row>
    <row r="526651" spans="8:8">
      <c r="H526651" s="12"/>
    </row>
    <row r="526652" spans="8:8">
      <c r="H526652" s="12"/>
    </row>
    <row r="526653" spans="8:8">
      <c r="H526653" s="12"/>
    </row>
    <row r="526654" spans="8:8">
      <c r="H526654" s="12"/>
    </row>
    <row r="526655" spans="8:8">
      <c r="H526655" s="12"/>
    </row>
    <row r="526656" spans="8:8">
      <c r="H526656" s="12"/>
    </row>
    <row r="526657" spans="8:8">
      <c r="H526657" s="12"/>
    </row>
    <row r="526658" spans="8:8">
      <c r="H526658" s="12"/>
    </row>
    <row r="526659" spans="8:8">
      <c r="H526659" s="12"/>
    </row>
    <row r="526660" spans="8:8">
      <c r="H526660" s="12"/>
    </row>
    <row r="526661" spans="8:8">
      <c r="H526661" s="12"/>
    </row>
    <row r="526662" spans="8:8">
      <c r="H526662" s="12"/>
    </row>
    <row r="526663" spans="8:8">
      <c r="H526663" s="12"/>
    </row>
    <row r="526664" spans="8:8">
      <c r="H526664" s="12"/>
    </row>
    <row r="526665" spans="8:8">
      <c r="H526665" s="12"/>
    </row>
    <row r="526666" spans="8:8">
      <c r="H526666" s="12"/>
    </row>
    <row r="526667" spans="8:8">
      <c r="H526667" s="12"/>
    </row>
    <row r="526668" spans="8:8">
      <c r="H526668" s="12"/>
    </row>
    <row r="526669" spans="8:8">
      <c r="H526669" s="12"/>
    </row>
    <row r="526670" spans="8:8">
      <c r="H526670" s="12"/>
    </row>
    <row r="526671" spans="8:8">
      <c r="H526671" s="12"/>
    </row>
    <row r="526672" spans="8:8">
      <c r="H526672" s="12"/>
    </row>
    <row r="526673" spans="8:8">
      <c r="H526673" s="12"/>
    </row>
    <row r="526674" spans="8:8">
      <c r="H526674" s="12"/>
    </row>
    <row r="526675" spans="8:8">
      <c r="H526675" s="12"/>
    </row>
    <row r="526676" spans="8:8">
      <c r="H526676" s="12"/>
    </row>
    <row r="526677" spans="8:8">
      <c r="H526677" s="12"/>
    </row>
    <row r="526678" spans="8:8">
      <c r="H526678" s="12"/>
    </row>
    <row r="526679" spans="8:8">
      <c r="H526679" s="12"/>
    </row>
    <row r="526680" spans="8:8">
      <c r="H526680" s="12"/>
    </row>
    <row r="526681" spans="8:8">
      <c r="H526681" s="12"/>
    </row>
    <row r="526682" spans="8:8">
      <c r="H526682" s="12"/>
    </row>
    <row r="526683" spans="8:8">
      <c r="H526683" s="12"/>
    </row>
    <row r="526684" spans="8:8">
      <c r="H526684" s="12"/>
    </row>
    <row r="526685" spans="8:8">
      <c r="H526685" s="12"/>
    </row>
    <row r="526686" spans="8:8">
      <c r="H526686" s="12"/>
    </row>
    <row r="526687" spans="8:8">
      <c r="H526687" s="12"/>
    </row>
    <row r="526688" spans="8:8">
      <c r="H526688" s="12"/>
    </row>
    <row r="526689" spans="8:8">
      <c r="H526689" s="12"/>
    </row>
    <row r="526690" spans="8:8">
      <c r="H526690" s="12"/>
    </row>
    <row r="526691" spans="8:8">
      <c r="H526691" s="12"/>
    </row>
    <row r="526692" spans="8:8">
      <c r="H526692" s="12"/>
    </row>
    <row r="526693" spans="8:8">
      <c r="H526693" s="12"/>
    </row>
    <row r="526694" spans="8:8">
      <c r="H526694" s="12"/>
    </row>
    <row r="526695" spans="8:8">
      <c r="H526695" s="12"/>
    </row>
    <row r="526696" spans="8:8">
      <c r="H526696" s="12"/>
    </row>
    <row r="526697" spans="8:8">
      <c r="H526697" s="12"/>
    </row>
    <row r="526698" spans="8:8">
      <c r="H526698" s="12"/>
    </row>
    <row r="526699" spans="8:8">
      <c r="H526699" s="12"/>
    </row>
    <row r="526700" spans="8:8">
      <c r="H526700" s="12"/>
    </row>
    <row r="526701" spans="8:8">
      <c r="H526701" s="12"/>
    </row>
    <row r="526702" spans="8:8">
      <c r="H526702" s="12"/>
    </row>
    <row r="526703" spans="8:8">
      <c r="H526703" s="12"/>
    </row>
    <row r="526704" spans="8:8">
      <c r="H526704" s="12"/>
    </row>
    <row r="526705" spans="8:8">
      <c r="H526705" s="12"/>
    </row>
    <row r="526706" spans="8:8">
      <c r="H526706" s="12"/>
    </row>
    <row r="526707" spans="8:8">
      <c r="H526707" s="12"/>
    </row>
    <row r="526708" spans="8:8">
      <c r="H526708" s="12"/>
    </row>
    <row r="526709" spans="8:8">
      <c r="H526709" s="12"/>
    </row>
    <row r="526710" spans="8:8">
      <c r="H526710" s="12"/>
    </row>
    <row r="526711" spans="8:8">
      <c r="H526711" s="12"/>
    </row>
    <row r="526712" spans="8:8">
      <c r="H526712" s="12"/>
    </row>
    <row r="526713" spans="8:8">
      <c r="H526713" s="12"/>
    </row>
    <row r="526714" spans="8:8">
      <c r="H526714" s="12"/>
    </row>
    <row r="526715" spans="8:8">
      <c r="H526715" s="12"/>
    </row>
    <row r="526716" spans="8:8">
      <c r="H526716" s="12"/>
    </row>
    <row r="526717" spans="8:8">
      <c r="H526717" s="12"/>
    </row>
    <row r="526718" spans="8:8">
      <c r="H526718" s="12"/>
    </row>
    <row r="526719" spans="8:8">
      <c r="H526719" s="12"/>
    </row>
    <row r="526720" spans="8:8">
      <c r="H526720" s="12"/>
    </row>
    <row r="526721" spans="8:8">
      <c r="H526721" s="12"/>
    </row>
    <row r="526722" spans="8:8">
      <c r="H526722" s="12"/>
    </row>
    <row r="526723" spans="8:8">
      <c r="H526723" s="12"/>
    </row>
    <row r="526724" spans="8:8">
      <c r="H526724" s="12"/>
    </row>
    <row r="526725" spans="8:8">
      <c r="H526725" s="12"/>
    </row>
    <row r="526726" spans="8:8">
      <c r="H526726" s="12"/>
    </row>
    <row r="526727" spans="8:8">
      <c r="H526727" s="12"/>
    </row>
    <row r="526728" spans="8:8">
      <c r="H526728" s="12"/>
    </row>
    <row r="526729" spans="8:8">
      <c r="H526729" s="12"/>
    </row>
    <row r="526730" spans="8:8">
      <c r="H526730" s="12"/>
    </row>
    <row r="526731" spans="8:8">
      <c r="H526731" s="12"/>
    </row>
    <row r="526732" spans="8:8">
      <c r="H526732" s="12"/>
    </row>
    <row r="526733" spans="8:8">
      <c r="H526733" s="12"/>
    </row>
    <row r="526734" spans="8:8">
      <c r="H526734" s="12"/>
    </row>
    <row r="526735" spans="8:8">
      <c r="H526735" s="12"/>
    </row>
    <row r="526736" spans="8:8">
      <c r="H526736" s="12"/>
    </row>
    <row r="526737" spans="8:8">
      <c r="H526737" s="12"/>
    </row>
    <row r="526738" spans="8:8">
      <c r="H526738" s="12"/>
    </row>
    <row r="526739" spans="8:8">
      <c r="H526739" s="12"/>
    </row>
    <row r="526740" spans="8:8">
      <c r="H526740" s="12"/>
    </row>
    <row r="526741" spans="8:8">
      <c r="H526741" s="12"/>
    </row>
    <row r="526742" spans="8:8">
      <c r="H526742" s="12"/>
    </row>
    <row r="526743" spans="8:8">
      <c r="H526743" s="12"/>
    </row>
    <row r="526744" spans="8:8">
      <c r="H526744" s="12"/>
    </row>
    <row r="526745" spans="8:8">
      <c r="H526745" s="12"/>
    </row>
    <row r="526746" spans="8:8">
      <c r="H526746" s="12"/>
    </row>
    <row r="526747" spans="8:8">
      <c r="H526747" s="12"/>
    </row>
    <row r="526748" spans="8:8">
      <c r="H526748" s="12"/>
    </row>
    <row r="526749" spans="8:8">
      <c r="H526749" s="12"/>
    </row>
    <row r="526750" spans="8:8">
      <c r="H526750" s="12"/>
    </row>
    <row r="526751" spans="8:8">
      <c r="H526751" s="12"/>
    </row>
    <row r="526752" spans="8:8">
      <c r="H526752" s="12"/>
    </row>
    <row r="526753" spans="8:8">
      <c r="H526753" s="12"/>
    </row>
    <row r="526754" spans="8:8">
      <c r="H526754" s="12"/>
    </row>
    <row r="526755" spans="8:8">
      <c r="H526755" s="12"/>
    </row>
    <row r="526756" spans="8:8">
      <c r="H526756" s="12"/>
    </row>
    <row r="526757" spans="8:8">
      <c r="H526757" s="12"/>
    </row>
    <row r="526758" spans="8:8">
      <c r="H526758" s="12"/>
    </row>
    <row r="526759" spans="8:8">
      <c r="H526759" s="12"/>
    </row>
    <row r="526760" spans="8:8">
      <c r="H526760" s="12"/>
    </row>
    <row r="526761" spans="8:8">
      <c r="H526761" s="12"/>
    </row>
    <row r="526762" spans="8:8">
      <c r="H526762" s="12"/>
    </row>
    <row r="526763" spans="8:8">
      <c r="H526763" s="12"/>
    </row>
    <row r="526764" spans="8:8">
      <c r="H526764" s="12"/>
    </row>
    <row r="526765" spans="8:8">
      <c r="H526765" s="12"/>
    </row>
    <row r="526766" spans="8:8">
      <c r="H526766" s="12"/>
    </row>
    <row r="526767" spans="8:8">
      <c r="H526767" s="12"/>
    </row>
    <row r="526768" spans="8:8">
      <c r="H526768" s="12"/>
    </row>
    <row r="526769" spans="8:8">
      <c r="H526769" s="12"/>
    </row>
    <row r="526770" spans="8:8">
      <c r="H526770" s="12"/>
    </row>
    <row r="526771" spans="8:8">
      <c r="H526771" s="12"/>
    </row>
    <row r="526772" spans="8:8">
      <c r="H526772" s="12"/>
    </row>
    <row r="526773" spans="8:8">
      <c r="H526773" s="12"/>
    </row>
    <row r="526774" spans="8:8">
      <c r="H526774" s="12"/>
    </row>
    <row r="526775" spans="8:8">
      <c r="H526775" s="12"/>
    </row>
    <row r="526776" spans="8:8">
      <c r="H526776" s="12"/>
    </row>
    <row r="526777" spans="8:8">
      <c r="H526777" s="12"/>
    </row>
    <row r="526778" spans="8:8">
      <c r="H526778" s="12"/>
    </row>
    <row r="526779" spans="8:8">
      <c r="H526779" s="12"/>
    </row>
    <row r="526780" spans="8:8">
      <c r="H526780" s="12"/>
    </row>
    <row r="526781" spans="8:8">
      <c r="H526781" s="12"/>
    </row>
    <row r="526782" spans="8:8">
      <c r="H526782" s="12"/>
    </row>
    <row r="526783" spans="8:8">
      <c r="H526783" s="12"/>
    </row>
    <row r="526784" spans="8:8">
      <c r="H526784" s="12"/>
    </row>
    <row r="526785" spans="8:8">
      <c r="H526785" s="12"/>
    </row>
    <row r="526786" spans="8:8">
      <c r="H526786" s="12"/>
    </row>
    <row r="526787" spans="8:8">
      <c r="H526787" s="12"/>
    </row>
    <row r="526788" spans="8:8">
      <c r="H526788" s="12"/>
    </row>
    <row r="526789" spans="8:8">
      <c r="H526789" s="12"/>
    </row>
    <row r="526790" spans="8:8">
      <c r="H526790" s="12"/>
    </row>
    <row r="526791" spans="8:8">
      <c r="H526791" s="12"/>
    </row>
    <row r="526792" spans="8:8">
      <c r="H526792" s="12"/>
    </row>
    <row r="526793" spans="8:8">
      <c r="H526793" s="12"/>
    </row>
    <row r="526794" spans="8:8">
      <c r="H526794" s="12"/>
    </row>
    <row r="526795" spans="8:8">
      <c r="H526795" s="12"/>
    </row>
    <row r="526796" spans="8:8">
      <c r="H526796" s="12"/>
    </row>
    <row r="526797" spans="8:8">
      <c r="H526797" s="12"/>
    </row>
    <row r="526798" spans="8:8">
      <c r="H526798" s="12"/>
    </row>
    <row r="526799" spans="8:8">
      <c r="H526799" s="12"/>
    </row>
    <row r="526800" spans="8:8">
      <c r="H526800" s="12"/>
    </row>
    <row r="526801" spans="8:8">
      <c r="H526801" s="12"/>
    </row>
    <row r="526802" spans="8:8">
      <c r="H526802" s="12"/>
    </row>
    <row r="526803" spans="8:8">
      <c r="H526803" s="12"/>
    </row>
    <row r="526804" spans="8:8">
      <c r="H526804" s="12"/>
    </row>
    <row r="526805" spans="8:8">
      <c r="H526805" s="12"/>
    </row>
    <row r="526806" spans="8:8">
      <c r="H526806" s="12"/>
    </row>
    <row r="526807" spans="8:8">
      <c r="H526807" s="12"/>
    </row>
    <row r="526808" spans="8:8">
      <c r="H526808" s="12"/>
    </row>
    <row r="526809" spans="8:8">
      <c r="H526809" s="12"/>
    </row>
    <row r="526810" spans="8:8">
      <c r="H526810" s="12"/>
    </row>
    <row r="526811" spans="8:8">
      <c r="H526811" s="12"/>
    </row>
    <row r="526812" spans="8:8">
      <c r="H526812" s="12"/>
    </row>
    <row r="526813" spans="8:8">
      <c r="H526813" s="12"/>
    </row>
    <row r="526814" spans="8:8">
      <c r="H526814" s="12"/>
    </row>
    <row r="526815" spans="8:8">
      <c r="H526815" s="12"/>
    </row>
    <row r="526816" spans="8:8">
      <c r="H526816" s="12"/>
    </row>
    <row r="526817" spans="8:8">
      <c r="H526817" s="12"/>
    </row>
    <row r="526818" spans="8:8">
      <c r="H526818" s="12"/>
    </row>
    <row r="526819" spans="8:8">
      <c r="H526819" s="12"/>
    </row>
    <row r="526820" spans="8:8">
      <c r="H526820" s="12"/>
    </row>
    <row r="526821" spans="8:8">
      <c r="H526821" s="12"/>
    </row>
    <row r="526822" spans="8:8">
      <c r="H526822" s="12"/>
    </row>
    <row r="526823" spans="8:8">
      <c r="H526823" s="12"/>
    </row>
    <row r="526824" spans="8:8">
      <c r="H526824" s="12"/>
    </row>
    <row r="526825" spans="8:8">
      <c r="H526825" s="12"/>
    </row>
    <row r="526826" spans="8:8">
      <c r="H526826" s="12"/>
    </row>
    <row r="526827" spans="8:8">
      <c r="H526827" s="12"/>
    </row>
    <row r="526828" spans="8:8">
      <c r="H526828" s="12"/>
    </row>
    <row r="526829" spans="8:8">
      <c r="H526829" s="12"/>
    </row>
    <row r="526830" spans="8:8">
      <c r="H526830" s="12"/>
    </row>
    <row r="526831" spans="8:8">
      <c r="H526831" s="12"/>
    </row>
    <row r="526832" spans="8:8">
      <c r="H526832" s="12"/>
    </row>
    <row r="526833" spans="8:8">
      <c r="H526833" s="12"/>
    </row>
    <row r="526834" spans="8:8">
      <c r="H526834" s="12"/>
    </row>
    <row r="526835" spans="8:8">
      <c r="H526835" s="12"/>
    </row>
    <row r="526836" spans="8:8">
      <c r="H526836" s="12"/>
    </row>
    <row r="526837" spans="8:8">
      <c r="H526837" s="12"/>
    </row>
    <row r="526838" spans="8:8">
      <c r="H526838" s="12"/>
    </row>
    <row r="526839" spans="8:8">
      <c r="H526839" s="12"/>
    </row>
    <row r="526840" spans="8:8">
      <c r="H526840" s="12"/>
    </row>
    <row r="526841" spans="8:8">
      <c r="H526841" s="12"/>
    </row>
    <row r="526842" spans="8:8">
      <c r="H526842" s="12"/>
    </row>
    <row r="526843" spans="8:8">
      <c r="H526843" s="12"/>
    </row>
    <row r="526844" spans="8:8">
      <c r="H526844" s="12"/>
    </row>
    <row r="526845" spans="8:8">
      <c r="H526845" s="12"/>
    </row>
    <row r="526846" spans="8:8">
      <c r="H526846" s="12"/>
    </row>
    <row r="526847" spans="8:8">
      <c r="H526847" s="12"/>
    </row>
    <row r="526848" spans="8:8">
      <c r="H526848" s="12"/>
    </row>
    <row r="526849" spans="8:8">
      <c r="H526849" s="12"/>
    </row>
    <row r="526850" spans="8:8">
      <c r="H526850" s="12"/>
    </row>
    <row r="526851" spans="8:8">
      <c r="H526851" s="12"/>
    </row>
    <row r="526852" spans="8:8">
      <c r="H526852" s="12"/>
    </row>
    <row r="526853" spans="8:8">
      <c r="H526853" s="12"/>
    </row>
    <row r="526854" spans="8:8">
      <c r="H526854" s="12"/>
    </row>
    <row r="526855" spans="8:8">
      <c r="H526855" s="12"/>
    </row>
    <row r="526856" spans="8:8">
      <c r="H526856" s="12"/>
    </row>
    <row r="526857" spans="8:8">
      <c r="H526857" s="12"/>
    </row>
    <row r="526858" spans="8:8">
      <c r="H526858" s="12"/>
    </row>
    <row r="526859" spans="8:8">
      <c r="H526859" s="12"/>
    </row>
    <row r="526860" spans="8:8">
      <c r="H526860" s="12"/>
    </row>
    <row r="526861" spans="8:8">
      <c r="H526861" s="12"/>
    </row>
    <row r="526862" spans="8:8">
      <c r="H526862" s="12"/>
    </row>
    <row r="526863" spans="8:8">
      <c r="H526863" s="12"/>
    </row>
    <row r="526864" spans="8:8">
      <c r="H526864" s="12"/>
    </row>
    <row r="526865" spans="8:8">
      <c r="H526865" s="12"/>
    </row>
    <row r="526866" spans="8:8">
      <c r="H526866" s="12"/>
    </row>
    <row r="526867" spans="8:8">
      <c r="H526867" s="12"/>
    </row>
    <row r="526868" spans="8:8">
      <c r="H526868" s="12"/>
    </row>
    <row r="526869" spans="8:8">
      <c r="H526869" s="12"/>
    </row>
    <row r="526870" spans="8:8">
      <c r="H526870" s="12"/>
    </row>
    <row r="526871" spans="8:8">
      <c r="H526871" s="12"/>
    </row>
    <row r="526872" spans="8:8">
      <c r="H526872" s="12"/>
    </row>
    <row r="526873" spans="8:8">
      <c r="H526873" s="12"/>
    </row>
    <row r="526874" spans="8:8">
      <c r="H526874" s="12"/>
    </row>
    <row r="526875" spans="8:8">
      <c r="H526875" s="12"/>
    </row>
    <row r="526876" spans="8:8">
      <c r="H526876" s="12"/>
    </row>
    <row r="526877" spans="8:8">
      <c r="H526877" s="12"/>
    </row>
    <row r="526878" spans="8:8">
      <c r="H526878" s="12"/>
    </row>
    <row r="526879" spans="8:8">
      <c r="H526879" s="12"/>
    </row>
    <row r="526880" spans="8:8">
      <c r="H526880" s="12"/>
    </row>
    <row r="526881" spans="8:8">
      <c r="H526881" s="12"/>
    </row>
    <row r="526882" spans="8:8">
      <c r="H526882" s="12"/>
    </row>
    <row r="526883" spans="8:8">
      <c r="H526883" s="12"/>
    </row>
    <row r="526884" spans="8:8">
      <c r="H526884" s="12"/>
    </row>
    <row r="526885" spans="8:8">
      <c r="H526885" s="12"/>
    </row>
    <row r="526886" spans="8:8">
      <c r="H526886" s="12"/>
    </row>
    <row r="526887" spans="8:8">
      <c r="H526887" s="12"/>
    </row>
    <row r="526888" spans="8:8">
      <c r="H526888" s="12"/>
    </row>
    <row r="526889" spans="8:8">
      <c r="H526889" s="12"/>
    </row>
    <row r="526890" spans="8:8">
      <c r="H526890" s="12"/>
    </row>
    <row r="526891" spans="8:8">
      <c r="H526891" s="12"/>
    </row>
    <row r="526892" spans="8:8">
      <c r="H526892" s="12"/>
    </row>
    <row r="526893" spans="8:8">
      <c r="H526893" s="12"/>
    </row>
    <row r="526894" spans="8:8">
      <c r="H526894" s="12"/>
    </row>
    <row r="526895" spans="8:8">
      <c r="H526895" s="12"/>
    </row>
    <row r="526896" spans="8:8">
      <c r="H526896" s="12"/>
    </row>
    <row r="526897" spans="8:8">
      <c r="H526897" s="12"/>
    </row>
    <row r="526898" spans="8:8">
      <c r="H526898" s="12"/>
    </row>
    <row r="526899" spans="8:8">
      <c r="H526899" s="12"/>
    </row>
    <row r="526900" spans="8:8">
      <c r="H526900" s="12"/>
    </row>
    <row r="526901" spans="8:8">
      <c r="H526901" s="12"/>
    </row>
    <row r="526902" spans="8:8">
      <c r="H526902" s="12"/>
    </row>
    <row r="526903" spans="8:8">
      <c r="H526903" s="12"/>
    </row>
    <row r="526904" spans="8:8">
      <c r="H526904" s="12"/>
    </row>
    <row r="526905" spans="8:8">
      <c r="H526905" s="12"/>
    </row>
    <row r="526906" spans="8:8">
      <c r="H526906" s="12"/>
    </row>
    <row r="526907" spans="8:8">
      <c r="H526907" s="12"/>
    </row>
    <row r="526908" spans="8:8">
      <c r="H526908" s="12"/>
    </row>
    <row r="526909" spans="8:8">
      <c r="H526909" s="12"/>
    </row>
    <row r="526910" spans="8:8">
      <c r="H526910" s="12"/>
    </row>
    <row r="526911" spans="8:8">
      <c r="H526911" s="12"/>
    </row>
    <row r="526912" spans="8:8">
      <c r="H526912" s="12"/>
    </row>
    <row r="526913" spans="8:8">
      <c r="H526913" s="12"/>
    </row>
    <row r="526914" spans="8:8">
      <c r="H526914" s="12"/>
    </row>
    <row r="526915" spans="8:8">
      <c r="H526915" s="12"/>
    </row>
    <row r="526916" spans="8:8">
      <c r="H526916" s="12"/>
    </row>
    <row r="526917" spans="8:8">
      <c r="H526917" s="12"/>
    </row>
    <row r="526918" spans="8:8">
      <c r="H526918" s="12"/>
    </row>
    <row r="526919" spans="8:8">
      <c r="H526919" s="12"/>
    </row>
    <row r="526920" spans="8:8">
      <c r="H526920" s="12"/>
    </row>
    <row r="526921" spans="8:8">
      <c r="H526921" s="12"/>
    </row>
    <row r="526922" spans="8:8">
      <c r="H526922" s="12"/>
    </row>
    <row r="526923" spans="8:8">
      <c r="H526923" s="12"/>
    </row>
    <row r="526924" spans="8:8">
      <c r="H526924" s="12"/>
    </row>
    <row r="526925" spans="8:8">
      <c r="H526925" s="12"/>
    </row>
    <row r="526926" spans="8:8">
      <c r="H526926" s="12"/>
    </row>
    <row r="526927" spans="8:8">
      <c r="H526927" s="12"/>
    </row>
    <row r="526928" spans="8:8">
      <c r="H526928" s="12"/>
    </row>
    <row r="526929" spans="8:8">
      <c r="H526929" s="12"/>
    </row>
    <row r="526930" spans="8:8">
      <c r="H526930" s="12"/>
    </row>
    <row r="526931" spans="8:8">
      <c r="H526931" s="12"/>
    </row>
    <row r="526932" spans="8:8">
      <c r="H526932" s="12"/>
    </row>
    <row r="526933" spans="8:8">
      <c r="H526933" s="12"/>
    </row>
    <row r="526934" spans="8:8">
      <c r="H526934" s="12"/>
    </row>
    <row r="526935" spans="8:8">
      <c r="H526935" s="12"/>
    </row>
    <row r="526936" spans="8:8">
      <c r="H526936" s="12"/>
    </row>
    <row r="526937" spans="8:8">
      <c r="H526937" s="12"/>
    </row>
    <row r="526938" spans="8:8">
      <c r="H526938" s="12"/>
    </row>
    <row r="526939" spans="8:8">
      <c r="H526939" s="12"/>
    </row>
    <row r="526940" spans="8:8">
      <c r="H526940" s="12"/>
    </row>
    <row r="526941" spans="8:8">
      <c r="H526941" s="12"/>
    </row>
    <row r="526942" spans="8:8">
      <c r="H526942" s="12"/>
    </row>
    <row r="526943" spans="8:8">
      <c r="H526943" s="12"/>
    </row>
    <row r="526944" spans="8:8">
      <c r="H526944" s="12"/>
    </row>
    <row r="526945" spans="8:8">
      <c r="H526945" s="12"/>
    </row>
    <row r="526946" spans="8:8">
      <c r="H526946" s="12"/>
    </row>
    <row r="526947" spans="8:8">
      <c r="H526947" s="12"/>
    </row>
    <row r="526948" spans="8:8">
      <c r="H526948" s="12"/>
    </row>
    <row r="526949" spans="8:8">
      <c r="H526949" s="12"/>
    </row>
    <row r="526950" spans="8:8">
      <c r="H526950" s="12"/>
    </row>
    <row r="526951" spans="8:8">
      <c r="H526951" s="12"/>
    </row>
    <row r="526952" spans="8:8">
      <c r="H526952" s="12"/>
    </row>
    <row r="526953" spans="8:8">
      <c r="H526953" s="12"/>
    </row>
    <row r="526954" spans="8:8">
      <c r="H526954" s="12"/>
    </row>
    <row r="526955" spans="8:8">
      <c r="H526955" s="12"/>
    </row>
    <row r="526956" spans="8:8">
      <c r="H526956" s="12"/>
    </row>
    <row r="526957" spans="8:8">
      <c r="H526957" s="12"/>
    </row>
    <row r="526958" spans="8:8">
      <c r="H526958" s="12"/>
    </row>
    <row r="526959" spans="8:8">
      <c r="H526959" s="12"/>
    </row>
    <row r="526960" spans="8:8">
      <c r="H526960" s="12"/>
    </row>
    <row r="526961" spans="8:8">
      <c r="H526961" s="12"/>
    </row>
    <row r="526962" spans="8:8">
      <c r="H526962" s="12"/>
    </row>
    <row r="526963" spans="8:8">
      <c r="H526963" s="12"/>
    </row>
    <row r="526964" spans="8:8">
      <c r="H526964" s="12"/>
    </row>
    <row r="526965" spans="8:8">
      <c r="H526965" s="12"/>
    </row>
    <row r="526966" spans="8:8">
      <c r="H526966" s="12"/>
    </row>
    <row r="526967" spans="8:8">
      <c r="H526967" s="12"/>
    </row>
    <row r="526968" spans="8:8">
      <c r="H526968" s="12"/>
    </row>
    <row r="526969" spans="8:8">
      <c r="H526969" s="12"/>
    </row>
    <row r="526970" spans="8:8">
      <c r="H526970" s="12"/>
    </row>
    <row r="526971" spans="8:8">
      <c r="H526971" s="12"/>
    </row>
    <row r="526972" spans="8:8">
      <c r="H526972" s="12"/>
    </row>
    <row r="526973" spans="8:8">
      <c r="H526973" s="12"/>
    </row>
    <row r="526974" spans="8:8">
      <c r="H526974" s="12"/>
    </row>
    <row r="526975" spans="8:8">
      <c r="H526975" s="12"/>
    </row>
    <row r="526976" spans="8:8">
      <c r="H526976" s="12"/>
    </row>
    <row r="526977" spans="8:8">
      <c r="H526977" s="12"/>
    </row>
    <row r="526978" spans="8:8">
      <c r="H526978" s="12"/>
    </row>
    <row r="526979" spans="8:8">
      <c r="H526979" s="12"/>
    </row>
    <row r="526980" spans="8:8">
      <c r="H526980" s="12"/>
    </row>
    <row r="526981" spans="8:8">
      <c r="H526981" s="12"/>
    </row>
    <row r="526982" spans="8:8">
      <c r="H526982" s="12"/>
    </row>
    <row r="526983" spans="8:8">
      <c r="H526983" s="12"/>
    </row>
    <row r="526984" spans="8:8">
      <c r="H526984" s="12"/>
    </row>
    <row r="526985" spans="8:8">
      <c r="H526985" s="12"/>
    </row>
    <row r="526986" spans="8:8">
      <c r="H526986" s="12"/>
    </row>
    <row r="526987" spans="8:8">
      <c r="H526987" s="12"/>
    </row>
    <row r="526988" spans="8:8">
      <c r="H526988" s="12"/>
    </row>
    <row r="526989" spans="8:8">
      <c r="H526989" s="12"/>
    </row>
    <row r="526990" spans="8:8">
      <c r="H526990" s="12"/>
    </row>
    <row r="526991" spans="8:8">
      <c r="H526991" s="12"/>
    </row>
    <row r="526992" spans="8:8">
      <c r="H526992" s="12"/>
    </row>
    <row r="526993" spans="8:8">
      <c r="H526993" s="12"/>
    </row>
    <row r="526994" spans="8:8">
      <c r="H526994" s="12"/>
    </row>
    <row r="526995" spans="8:8">
      <c r="H526995" s="12"/>
    </row>
    <row r="526996" spans="8:8">
      <c r="H526996" s="12"/>
    </row>
    <row r="526997" spans="8:8">
      <c r="H526997" s="12"/>
    </row>
    <row r="526998" spans="8:8">
      <c r="H526998" s="12"/>
    </row>
    <row r="526999" spans="8:8">
      <c r="H526999" s="12"/>
    </row>
    <row r="527000" spans="8:8">
      <c r="H527000" s="12"/>
    </row>
    <row r="527001" spans="8:8">
      <c r="H527001" s="12"/>
    </row>
    <row r="527002" spans="8:8">
      <c r="H527002" s="12"/>
    </row>
    <row r="527003" spans="8:8">
      <c r="H527003" s="12"/>
    </row>
    <row r="527004" spans="8:8">
      <c r="H527004" s="12"/>
    </row>
    <row r="527005" spans="8:8">
      <c r="H527005" s="12"/>
    </row>
    <row r="527006" spans="8:8">
      <c r="H527006" s="12"/>
    </row>
    <row r="527007" spans="8:8">
      <c r="H527007" s="12"/>
    </row>
    <row r="527008" spans="8:8">
      <c r="H527008" s="12"/>
    </row>
    <row r="527009" spans="8:8">
      <c r="H527009" s="12"/>
    </row>
    <row r="527010" spans="8:8">
      <c r="H527010" s="12"/>
    </row>
    <row r="527011" spans="8:8">
      <c r="H527011" s="12"/>
    </row>
    <row r="527012" spans="8:8">
      <c r="H527012" s="12"/>
    </row>
    <row r="527013" spans="8:8">
      <c r="H527013" s="12"/>
    </row>
    <row r="527014" spans="8:8">
      <c r="H527014" s="12"/>
    </row>
    <row r="527015" spans="8:8">
      <c r="H527015" s="12"/>
    </row>
    <row r="527016" spans="8:8">
      <c r="H527016" s="12"/>
    </row>
    <row r="527017" spans="8:8">
      <c r="H527017" s="12"/>
    </row>
    <row r="527018" spans="8:8">
      <c r="H527018" s="12"/>
    </row>
    <row r="527019" spans="8:8">
      <c r="H527019" s="12"/>
    </row>
    <row r="527020" spans="8:8">
      <c r="H527020" s="12"/>
    </row>
    <row r="527021" spans="8:8">
      <c r="H527021" s="12"/>
    </row>
    <row r="527022" spans="8:8">
      <c r="H527022" s="12"/>
    </row>
    <row r="527023" spans="8:8">
      <c r="H527023" s="12"/>
    </row>
    <row r="527024" spans="8:8">
      <c r="H527024" s="12"/>
    </row>
    <row r="527025" spans="8:8">
      <c r="H527025" s="12"/>
    </row>
    <row r="527026" spans="8:8">
      <c r="H527026" s="12"/>
    </row>
    <row r="527027" spans="8:8">
      <c r="H527027" s="12"/>
    </row>
    <row r="527028" spans="8:8">
      <c r="H527028" s="12"/>
    </row>
    <row r="527029" spans="8:8">
      <c r="H527029" s="12"/>
    </row>
    <row r="527030" spans="8:8">
      <c r="H527030" s="12"/>
    </row>
    <row r="527031" spans="8:8">
      <c r="H527031" s="12"/>
    </row>
    <row r="527032" spans="8:8">
      <c r="H527032" s="12"/>
    </row>
    <row r="527033" spans="8:8">
      <c r="H527033" s="12"/>
    </row>
    <row r="527034" spans="8:8">
      <c r="H527034" s="12"/>
    </row>
    <row r="527035" spans="8:8">
      <c r="H527035" s="12"/>
    </row>
    <row r="527036" spans="8:8">
      <c r="H527036" s="12"/>
    </row>
    <row r="527037" spans="8:8">
      <c r="H527037" s="12"/>
    </row>
    <row r="527038" spans="8:8">
      <c r="H527038" s="12"/>
    </row>
    <row r="527039" spans="8:8">
      <c r="H527039" s="12"/>
    </row>
    <row r="527040" spans="8:8">
      <c r="H527040" s="12"/>
    </row>
    <row r="527041" spans="8:8">
      <c r="H527041" s="12"/>
    </row>
    <row r="527042" spans="8:8">
      <c r="H527042" s="12"/>
    </row>
    <row r="527043" spans="8:8">
      <c r="H527043" s="12"/>
    </row>
    <row r="527044" spans="8:8">
      <c r="H527044" s="12"/>
    </row>
    <row r="527045" spans="8:8">
      <c r="H527045" s="12"/>
    </row>
    <row r="527046" spans="8:8">
      <c r="H527046" s="12"/>
    </row>
    <row r="527047" spans="8:8">
      <c r="H527047" s="12"/>
    </row>
    <row r="527048" spans="8:8">
      <c r="H527048" s="12"/>
    </row>
    <row r="527049" spans="8:8">
      <c r="H527049" s="12"/>
    </row>
    <row r="527050" spans="8:8">
      <c r="H527050" s="12"/>
    </row>
    <row r="527051" spans="8:8">
      <c r="H527051" s="12"/>
    </row>
    <row r="527052" spans="8:8">
      <c r="H527052" s="12"/>
    </row>
    <row r="527053" spans="8:8">
      <c r="H527053" s="12"/>
    </row>
    <row r="527054" spans="8:8">
      <c r="H527054" s="12"/>
    </row>
    <row r="527055" spans="8:8">
      <c r="H527055" s="12"/>
    </row>
    <row r="527056" spans="8:8">
      <c r="H527056" s="12"/>
    </row>
    <row r="527057" spans="8:8">
      <c r="H527057" s="12"/>
    </row>
    <row r="527058" spans="8:8">
      <c r="H527058" s="12"/>
    </row>
    <row r="527059" spans="8:8">
      <c r="H527059" s="12"/>
    </row>
    <row r="527060" spans="8:8">
      <c r="H527060" s="12"/>
    </row>
    <row r="527061" spans="8:8">
      <c r="H527061" s="12"/>
    </row>
    <row r="527062" spans="8:8">
      <c r="H527062" s="12"/>
    </row>
    <row r="527063" spans="8:8">
      <c r="H527063" s="12"/>
    </row>
    <row r="527064" spans="8:8">
      <c r="H527064" s="12"/>
    </row>
    <row r="527065" spans="8:8">
      <c r="H527065" s="12"/>
    </row>
    <row r="527066" spans="8:8">
      <c r="H527066" s="12"/>
    </row>
    <row r="527067" spans="8:8">
      <c r="H527067" s="12"/>
    </row>
    <row r="527068" spans="8:8">
      <c r="H527068" s="12"/>
    </row>
    <row r="527069" spans="8:8">
      <c r="H527069" s="12"/>
    </row>
    <row r="527070" spans="8:8">
      <c r="H527070" s="12"/>
    </row>
    <row r="527071" spans="8:8">
      <c r="H527071" s="12"/>
    </row>
    <row r="527072" spans="8:8">
      <c r="H527072" s="12"/>
    </row>
    <row r="527073" spans="8:8">
      <c r="H527073" s="12"/>
    </row>
    <row r="527074" spans="8:8">
      <c r="H527074" s="12"/>
    </row>
    <row r="527075" spans="8:8">
      <c r="H527075" s="12"/>
    </row>
    <row r="527076" spans="8:8">
      <c r="H527076" s="12"/>
    </row>
    <row r="527077" spans="8:8">
      <c r="H527077" s="12"/>
    </row>
    <row r="527078" spans="8:8">
      <c r="H527078" s="12"/>
    </row>
    <row r="527079" spans="8:8">
      <c r="H527079" s="12"/>
    </row>
    <row r="527080" spans="8:8">
      <c r="H527080" s="12"/>
    </row>
    <row r="527081" spans="8:8">
      <c r="H527081" s="12"/>
    </row>
    <row r="527082" spans="8:8">
      <c r="H527082" s="12"/>
    </row>
    <row r="527083" spans="8:8">
      <c r="H527083" s="12"/>
    </row>
    <row r="527084" spans="8:8">
      <c r="H527084" s="12"/>
    </row>
    <row r="527085" spans="8:8">
      <c r="H527085" s="12"/>
    </row>
    <row r="527086" spans="8:8">
      <c r="H527086" s="12"/>
    </row>
    <row r="527087" spans="8:8">
      <c r="H527087" s="12"/>
    </row>
    <row r="527088" spans="8:8">
      <c r="H527088" s="12"/>
    </row>
    <row r="527089" spans="8:8">
      <c r="H527089" s="12"/>
    </row>
    <row r="527090" spans="8:8">
      <c r="H527090" s="12"/>
    </row>
    <row r="527091" spans="8:8">
      <c r="H527091" s="12"/>
    </row>
    <row r="527092" spans="8:8">
      <c r="H527092" s="12"/>
    </row>
    <row r="527093" spans="8:8">
      <c r="H527093" s="12"/>
    </row>
    <row r="527094" spans="8:8">
      <c r="H527094" s="12"/>
    </row>
    <row r="527095" spans="8:8">
      <c r="H527095" s="12"/>
    </row>
    <row r="527096" spans="8:8">
      <c r="H527096" s="12"/>
    </row>
    <row r="527097" spans="8:8">
      <c r="H527097" s="12"/>
    </row>
    <row r="527098" spans="8:8">
      <c r="H527098" s="12"/>
    </row>
    <row r="527099" spans="8:8">
      <c r="H527099" s="12"/>
    </row>
    <row r="527100" spans="8:8">
      <c r="H527100" s="12"/>
    </row>
    <row r="527101" spans="8:8">
      <c r="H527101" s="12"/>
    </row>
    <row r="527102" spans="8:8">
      <c r="H527102" s="12"/>
    </row>
    <row r="527103" spans="8:8">
      <c r="H527103" s="12"/>
    </row>
    <row r="527104" spans="8:8">
      <c r="H527104" s="12"/>
    </row>
    <row r="527105" spans="8:8">
      <c r="H527105" s="12"/>
    </row>
    <row r="527106" spans="8:8">
      <c r="H527106" s="12"/>
    </row>
    <row r="527107" spans="8:8">
      <c r="H527107" s="12"/>
    </row>
    <row r="527108" spans="8:8">
      <c r="H527108" s="12"/>
    </row>
    <row r="527109" spans="8:8">
      <c r="H527109" s="12"/>
    </row>
    <row r="527110" spans="8:8">
      <c r="H527110" s="12"/>
    </row>
    <row r="527111" spans="8:8">
      <c r="H527111" s="12"/>
    </row>
    <row r="527112" spans="8:8">
      <c r="H527112" s="12"/>
    </row>
    <row r="527113" spans="8:8">
      <c r="H527113" s="12"/>
    </row>
    <row r="527114" spans="8:8">
      <c r="H527114" s="12"/>
    </row>
    <row r="527115" spans="8:8">
      <c r="H527115" s="12"/>
    </row>
    <row r="527116" spans="8:8">
      <c r="H527116" s="12"/>
    </row>
    <row r="527117" spans="8:8">
      <c r="H527117" s="12"/>
    </row>
    <row r="527118" spans="8:8">
      <c r="H527118" s="12"/>
    </row>
    <row r="527119" spans="8:8">
      <c r="H527119" s="12"/>
    </row>
    <row r="527120" spans="8:8">
      <c r="H527120" s="12"/>
    </row>
    <row r="527121" spans="8:8">
      <c r="H527121" s="12"/>
    </row>
    <row r="527122" spans="8:8">
      <c r="H527122" s="12"/>
    </row>
    <row r="527123" spans="8:8">
      <c r="H527123" s="12"/>
    </row>
    <row r="527124" spans="8:8">
      <c r="H527124" s="12"/>
    </row>
    <row r="527125" spans="8:8">
      <c r="H527125" s="12"/>
    </row>
    <row r="527126" spans="8:8">
      <c r="H527126" s="12"/>
    </row>
    <row r="527127" spans="8:8">
      <c r="H527127" s="12"/>
    </row>
    <row r="527128" spans="8:8">
      <c r="H527128" s="12"/>
    </row>
    <row r="527129" spans="8:8">
      <c r="H527129" s="12"/>
    </row>
    <row r="527130" spans="8:8">
      <c r="H527130" s="12"/>
    </row>
    <row r="527131" spans="8:8">
      <c r="H527131" s="12"/>
    </row>
    <row r="527132" spans="8:8">
      <c r="H527132" s="12"/>
    </row>
    <row r="527133" spans="8:8">
      <c r="H527133" s="12"/>
    </row>
    <row r="527134" spans="8:8">
      <c r="H527134" s="12"/>
    </row>
    <row r="527135" spans="8:8">
      <c r="H527135" s="12"/>
    </row>
    <row r="527136" spans="8:8">
      <c r="H527136" s="12"/>
    </row>
    <row r="527137" spans="8:8">
      <c r="H527137" s="12"/>
    </row>
    <row r="527138" spans="8:8">
      <c r="H527138" s="12"/>
    </row>
    <row r="527139" spans="8:8">
      <c r="H527139" s="12"/>
    </row>
    <row r="527140" spans="8:8">
      <c r="H527140" s="12"/>
    </row>
    <row r="527141" spans="8:8">
      <c r="H527141" s="12"/>
    </row>
    <row r="527142" spans="8:8">
      <c r="H527142" s="12"/>
    </row>
    <row r="527143" spans="8:8">
      <c r="H527143" s="12"/>
    </row>
    <row r="527144" spans="8:8">
      <c r="H527144" s="12"/>
    </row>
    <row r="527145" spans="8:8">
      <c r="H527145" s="12"/>
    </row>
    <row r="527146" spans="8:8">
      <c r="H527146" s="12"/>
    </row>
    <row r="527147" spans="8:8">
      <c r="H527147" s="12"/>
    </row>
    <row r="527148" spans="8:8">
      <c r="H527148" s="12"/>
    </row>
    <row r="527149" spans="8:8">
      <c r="H527149" s="12"/>
    </row>
    <row r="527150" spans="8:8">
      <c r="H527150" s="12"/>
    </row>
    <row r="527151" spans="8:8">
      <c r="H527151" s="12"/>
    </row>
    <row r="527152" spans="8:8">
      <c r="H527152" s="12"/>
    </row>
    <row r="527153" spans="8:8">
      <c r="H527153" s="12"/>
    </row>
    <row r="527154" spans="8:8">
      <c r="H527154" s="12"/>
    </row>
    <row r="527155" spans="8:8">
      <c r="H527155" s="12"/>
    </row>
    <row r="527156" spans="8:8">
      <c r="H527156" s="12"/>
    </row>
    <row r="527157" spans="8:8">
      <c r="H527157" s="12"/>
    </row>
    <row r="527158" spans="8:8">
      <c r="H527158" s="12"/>
    </row>
    <row r="527159" spans="8:8">
      <c r="H527159" s="12"/>
    </row>
    <row r="527160" spans="8:8">
      <c r="H527160" s="12"/>
    </row>
    <row r="527161" spans="8:8">
      <c r="H527161" s="12"/>
    </row>
    <row r="527162" spans="8:8">
      <c r="H527162" s="12"/>
    </row>
    <row r="527163" spans="8:8">
      <c r="H527163" s="12"/>
    </row>
    <row r="527164" spans="8:8">
      <c r="H527164" s="12"/>
    </row>
    <row r="527165" spans="8:8">
      <c r="H527165" s="12"/>
    </row>
    <row r="527166" spans="8:8">
      <c r="H527166" s="12"/>
    </row>
    <row r="527167" spans="8:8">
      <c r="H527167" s="12"/>
    </row>
    <row r="527168" spans="8:8">
      <c r="H527168" s="12"/>
    </row>
    <row r="527169" spans="8:8">
      <c r="H527169" s="12"/>
    </row>
    <row r="527170" spans="8:8">
      <c r="H527170" s="12"/>
    </row>
    <row r="527171" spans="8:8">
      <c r="H527171" s="12"/>
    </row>
    <row r="527172" spans="8:8">
      <c r="H527172" s="12"/>
    </row>
    <row r="527173" spans="8:8">
      <c r="H527173" s="12"/>
    </row>
    <row r="527174" spans="8:8">
      <c r="H527174" s="12"/>
    </row>
    <row r="527175" spans="8:8">
      <c r="H527175" s="12"/>
    </row>
    <row r="527176" spans="8:8">
      <c r="H527176" s="12"/>
    </row>
    <row r="527177" spans="8:8">
      <c r="H527177" s="12"/>
    </row>
    <row r="527178" spans="8:8">
      <c r="H527178" s="12"/>
    </row>
    <row r="527179" spans="8:8">
      <c r="H527179" s="12"/>
    </row>
    <row r="527180" spans="8:8">
      <c r="H527180" s="12"/>
    </row>
    <row r="527181" spans="8:8">
      <c r="H527181" s="12"/>
    </row>
    <row r="527182" spans="8:8">
      <c r="H527182" s="12"/>
    </row>
    <row r="527183" spans="8:8">
      <c r="H527183" s="12"/>
    </row>
    <row r="527184" spans="8:8">
      <c r="H527184" s="12"/>
    </row>
    <row r="527185" spans="8:8">
      <c r="H527185" s="12"/>
    </row>
    <row r="527186" spans="8:8">
      <c r="H527186" s="12"/>
    </row>
    <row r="527187" spans="8:8">
      <c r="H527187" s="12"/>
    </row>
    <row r="527188" spans="8:8">
      <c r="H527188" s="12"/>
    </row>
    <row r="527189" spans="8:8">
      <c r="H527189" s="12"/>
    </row>
    <row r="527190" spans="8:8">
      <c r="H527190" s="12"/>
    </row>
    <row r="527191" spans="8:8">
      <c r="H527191" s="12"/>
    </row>
    <row r="527192" spans="8:8">
      <c r="H527192" s="12"/>
    </row>
    <row r="527193" spans="8:8">
      <c r="H527193" s="12"/>
    </row>
    <row r="527194" spans="8:8">
      <c r="H527194" s="12"/>
    </row>
    <row r="527195" spans="8:8">
      <c r="H527195" s="12"/>
    </row>
    <row r="527196" spans="8:8">
      <c r="H527196" s="12"/>
    </row>
    <row r="527197" spans="8:8">
      <c r="H527197" s="12"/>
    </row>
    <row r="527198" spans="8:8">
      <c r="H527198" s="12"/>
    </row>
    <row r="527199" spans="8:8">
      <c r="H527199" s="12"/>
    </row>
    <row r="527200" spans="8:8">
      <c r="H527200" s="12"/>
    </row>
    <row r="527201" spans="8:8">
      <c r="H527201" s="12"/>
    </row>
    <row r="527202" spans="8:8">
      <c r="H527202" s="12"/>
    </row>
    <row r="527203" spans="8:8">
      <c r="H527203" s="12"/>
    </row>
    <row r="527204" spans="8:8">
      <c r="H527204" s="12"/>
    </row>
    <row r="527205" spans="8:8">
      <c r="H527205" s="12"/>
    </row>
    <row r="527206" spans="8:8">
      <c r="H527206" s="12"/>
    </row>
    <row r="527207" spans="8:8">
      <c r="H527207" s="12"/>
    </row>
    <row r="527208" spans="8:8">
      <c r="H527208" s="12"/>
    </row>
    <row r="527209" spans="8:8">
      <c r="H527209" s="12"/>
    </row>
    <row r="527210" spans="8:8">
      <c r="H527210" s="12"/>
    </row>
    <row r="527211" spans="8:8">
      <c r="H527211" s="12"/>
    </row>
    <row r="527212" spans="8:8">
      <c r="H527212" s="12"/>
    </row>
    <row r="527213" spans="8:8">
      <c r="H527213" s="12"/>
    </row>
    <row r="527214" spans="8:8">
      <c r="H527214" s="12"/>
    </row>
    <row r="527215" spans="8:8">
      <c r="H527215" s="12"/>
    </row>
    <row r="527216" spans="8:8">
      <c r="H527216" s="12"/>
    </row>
    <row r="527217" spans="8:8">
      <c r="H527217" s="12"/>
    </row>
    <row r="527218" spans="8:8">
      <c r="H527218" s="12"/>
    </row>
    <row r="527219" spans="8:8">
      <c r="H527219" s="12"/>
    </row>
    <row r="527220" spans="8:8">
      <c r="H527220" s="12"/>
    </row>
    <row r="527221" spans="8:8">
      <c r="H527221" s="12"/>
    </row>
    <row r="527222" spans="8:8">
      <c r="H527222" s="12"/>
    </row>
    <row r="527223" spans="8:8">
      <c r="H527223" s="12"/>
    </row>
    <row r="527224" spans="8:8">
      <c r="H527224" s="12"/>
    </row>
    <row r="527225" spans="8:8">
      <c r="H527225" s="12"/>
    </row>
    <row r="527226" spans="8:8">
      <c r="H527226" s="12"/>
    </row>
    <row r="527227" spans="8:8">
      <c r="H527227" s="12"/>
    </row>
    <row r="527228" spans="8:8">
      <c r="H527228" s="12"/>
    </row>
    <row r="527229" spans="8:8">
      <c r="H527229" s="12"/>
    </row>
    <row r="527230" spans="8:8">
      <c r="H527230" s="12"/>
    </row>
    <row r="527231" spans="8:8">
      <c r="H527231" s="12"/>
    </row>
    <row r="527232" spans="8:8">
      <c r="H527232" s="12"/>
    </row>
    <row r="527233" spans="8:8">
      <c r="H527233" s="12"/>
    </row>
    <row r="527234" spans="8:8">
      <c r="H527234" s="12"/>
    </row>
    <row r="527235" spans="8:8">
      <c r="H527235" s="12"/>
    </row>
    <row r="527236" spans="8:8">
      <c r="H527236" s="12"/>
    </row>
    <row r="527237" spans="8:8">
      <c r="H527237" s="12"/>
    </row>
    <row r="527238" spans="8:8">
      <c r="H527238" s="12"/>
    </row>
    <row r="527239" spans="8:8">
      <c r="H527239" s="12"/>
    </row>
    <row r="527240" spans="8:8">
      <c r="H527240" s="12"/>
    </row>
    <row r="527241" spans="8:8">
      <c r="H527241" s="12"/>
    </row>
    <row r="527242" spans="8:8">
      <c r="H527242" s="12"/>
    </row>
    <row r="527243" spans="8:8">
      <c r="H527243" s="12"/>
    </row>
    <row r="527244" spans="8:8">
      <c r="H527244" s="12"/>
    </row>
    <row r="527245" spans="8:8">
      <c r="H527245" s="12"/>
    </row>
    <row r="527246" spans="8:8">
      <c r="H527246" s="12"/>
    </row>
    <row r="527247" spans="8:8">
      <c r="H527247" s="12"/>
    </row>
    <row r="527248" spans="8:8">
      <c r="H527248" s="12"/>
    </row>
    <row r="527249" spans="8:8">
      <c r="H527249" s="12"/>
    </row>
    <row r="527250" spans="8:8">
      <c r="H527250" s="12"/>
    </row>
    <row r="527251" spans="8:8">
      <c r="H527251" s="12"/>
    </row>
    <row r="527252" spans="8:8">
      <c r="H527252" s="12"/>
    </row>
    <row r="527253" spans="8:8">
      <c r="H527253" s="12"/>
    </row>
    <row r="527254" spans="8:8">
      <c r="H527254" s="12"/>
    </row>
    <row r="527255" spans="8:8">
      <c r="H527255" s="12"/>
    </row>
    <row r="527256" spans="8:8">
      <c r="H527256" s="12"/>
    </row>
    <row r="527257" spans="8:8">
      <c r="H527257" s="12"/>
    </row>
    <row r="527258" spans="8:8">
      <c r="H527258" s="12"/>
    </row>
    <row r="527259" spans="8:8">
      <c r="H527259" s="12"/>
    </row>
    <row r="527260" spans="8:8">
      <c r="H527260" s="12"/>
    </row>
    <row r="527261" spans="8:8">
      <c r="H527261" s="12"/>
    </row>
    <row r="527262" spans="8:8">
      <c r="H527262" s="12"/>
    </row>
    <row r="527263" spans="8:8">
      <c r="H527263" s="12"/>
    </row>
    <row r="527264" spans="8:8">
      <c r="H527264" s="12"/>
    </row>
    <row r="527265" spans="8:8">
      <c r="H527265" s="12"/>
    </row>
    <row r="527266" spans="8:8">
      <c r="H527266" s="12"/>
    </row>
    <row r="527267" spans="8:8">
      <c r="H527267" s="12"/>
    </row>
    <row r="527268" spans="8:8">
      <c r="H527268" s="12"/>
    </row>
    <row r="527269" spans="8:8">
      <c r="H527269" s="12"/>
    </row>
    <row r="527270" spans="8:8">
      <c r="H527270" s="12"/>
    </row>
    <row r="527271" spans="8:8">
      <c r="H527271" s="12"/>
    </row>
    <row r="527272" spans="8:8">
      <c r="H527272" s="12"/>
    </row>
    <row r="527273" spans="8:8">
      <c r="H527273" s="12"/>
    </row>
    <row r="527274" spans="8:8">
      <c r="H527274" s="12"/>
    </row>
    <row r="527275" spans="8:8">
      <c r="H527275" s="12"/>
    </row>
    <row r="527276" spans="8:8">
      <c r="H527276" s="12"/>
    </row>
    <row r="527277" spans="8:8">
      <c r="H527277" s="12"/>
    </row>
    <row r="527278" spans="8:8">
      <c r="H527278" s="12"/>
    </row>
    <row r="527279" spans="8:8">
      <c r="H527279" s="12"/>
    </row>
    <row r="527280" spans="8:8">
      <c r="H527280" s="12"/>
    </row>
    <row r="527281" spans="8:8">
      <c r="H527281" s="12"/>
    </row>
    <row r="527282" spans="8:8">
      <c r="H527282" s="12"/>
    </row>
    <row r="527283" spans="8:8">
      <c r="H527283" s="12"/>
    </row>
    <row r="527284" spans="8:8">
      <c r="H527284" s="12"/>
    </row>
    <row r="527285" spans="8:8">
      <c r="H527285" s="12"/>
    </row>
    <row r="527286" spans="8:8">
      <c r="H527286" s="12"/>
    </row>
    <row r="527287" spans="8:8">
      <c r="H527287" s="12"/>
    </row>
    <row r="527288" spans="8:8">
      <c r="H527288" s="12"/>
    </row>
    <row r="527289" spans="8:8">
      <c r="H527289" s="12"/>
    </row>
    <row r="527290" spans="8:8">
      <c r="H527290" s="12"/>
    </row>
    <row r="527291" spans="8:8">
      <c r="H527291" s="12"/>
    </row>
    <row r="527292" spans="8:8">
      <c r="H527292" s="12"/>
    </row>
    <row r="527293" spans="8:8">
      <c r="H527293" s="12"/>
    </row>
    <row r="527294" spans="8:8">
      <c r="H527294" s="12"/>
    </row>
    <row r="527295" spans="8:8">
      <c r="H527295" s="12"/>
    </row>
    <row r="527296" spans="8:8">
      <c r="H527296" s="12"/>
    </row>
    <row r="527297" spans="8:8">
      <c r="H527297" s="12"/>
    </row>
    <row r="527298" spans="8:8">
      <c r="H527298" s="12"/>
    </row>
    <row r="527299" spans="8:8">
      <c r="H527299" s="12"/>
    </row>
    <row r="527300" spans="8:8">
      <c r="H527300" s="12"/>
    </row>
    <row r="527301" spans="8:8">
      <c r="H527301" s="12"/>
    </row>
    <row r="527302" spans="8:8">
      <c r="H527302" s="12"/>
    </row>
    <row r="527303" spans="8:8">
      <c r="H527303" s="12"/>
    </row>
    <row r="527304" spans="8:8">
      <c r="H527304" s="12"/>
    </row>
    <row r="527305" spans="8:8">
      <c r="H527305" s="12"/>
    </row>
    <row r="527306" spans="8:8">
      <c r="H527306" s="12"/>
    </row>
    <row r="527307" spans="8:8">
      <c r="H527307" s="12"/>
    </row>
    <row r="527308" spans="8:8">
      <c r="H527308" s="12"/>
    </row>
    <row r="527309" spans="8:8">
      <c r="H527309" s="12"/>
    </row>
    <row r="527310" spans="8:8">
      <c r="H527310" s="12"/>
    </row>
    <row r="527311" spans="8:8">
      <c r="H527311" s="12"/>
    </row>
    <row r="527312" spans="8:8">
      <c r="H527312" s="12"/>
    </row>
    <row r="527313" spans="8:8">
      <c r="H527313" s="12"/>
    </row>
    <row r="527314" spans="8:8">
      <c r="H527314" s="12"/>
    </row>
    <row r="527315" spans="8:8">
      <c r="H527315" s="12"/>
    </row>
    <row r="527316" spans="8:8">
      <c r="H527316" s="12"/>
    </row>
    <row r="527317" spans="8:8">
      <c r="H527317" s="12"/>
    </row>
    <row r="527318" spans="8:8">
      <c r="H527318" s="12"/>
    </row>
    <row r="527319" spans="8:8">
      <c r="H527319" s="12"/>
    </row>
    <row r="527320" spans="8:8">
      <c r="H527320" s="12"/>
    </row>
    <row r="527321" spans="8:8">
      <c r="H527321" s="12"/>
    </row>
    <row r="527322" spans="8:8">
      <c r="H527322" s="12"/>
    </row>
    <row r="527323" spans="8:8">
      <c r="H527323" s="12"/>
    </row>
    <row r="527324" spans="8:8">
      <c r="H527324" s="12"/>
    </row>
    <row r="527325" spans="8:8">
      <c r="H527325" s="12"/>
    </row>
    <row r="527326" spans="8:8">
      <c r="H527326" s="12"/>
    </row>
    <row r="527327" spans="8:8">
      <c r="H527327" s="12"/>
    </row>
    <row r="527328" spans="8:8">
      <c r="H527328" s="12"/>
    </row>
    <row r="527329" spans="8:8">
      <c r="H527329" s="12"/>
    </row>
    <row r="527330" spans="8:8">
      <c r="H527330" s="12"/>
    </row>
    <row r="527331" spans="8:8">
      <c r="H527331" s="12"/>
    </row>
    <row r="527332" spans="8:8">
      <c r="H527332" s="12"/>
    </row>
    <row r="527333" spans="8:8">
      <c r="H527333" s="12"/>
    </row>
    <row r="527334" spans="8:8">
      <c r="H527334" s="12"/>
    </row>
    <row r="527335" spans="8:8">
      <c r="H527335" s="12"/>
    </row>
    <row r="527336" spans="8:8">
      <c r="H527336" s="12"/>
    </row>
    <row r="527337" spans="8:8">
      <c r="H527337" s="12"/>
    </row>
    <row r="527338" spans="8:8">
      <c r="H527338" s="12"/>
    </row>
    <row r="527339" spans="8:8">
      <c r="H527339" s="12"/>
    </row>
    <row r="527340" spans="8:8">
      <c r="H527340" s="12"/>
    </row>
    <row r="527341" spans="8:8">
      <c r="H527341" s="12"/>
    </row>
    <row r="527342" spans="8:8">
      <c r="H527342" s="12"/>
    </row>
    <row r="527343" spans="8:8">
      <c r="H527343" s="12"/>
    </row>
    <row r="527344" spans="8:8">
      <c r="H527344" s="12"/>
    </row>
    <row r="527345" spans="8:8">
      <c r="H527345" s="12"/>
    </row>
    <row r="527346" spans="8:8">
      <c r="H527346" s="12"/>
    </row>
    <row r="527347" spans="8:8">
      <c r="H527347" s="12"/>
    </row>
    <row r="527348" spans="8:8">
      <c r="H527348" s="12"/>
    </row>
    <row r="527349" spans="8:8">
      <c r="H527349" s="12"/>
    </row>
    <row r="527350" spans="8:8">
      <c r="H527350" s="12"/>
    </row>
    <row r="527351" spans="8:8">
      <c r="H527351" s="12"/>
    </row>
    <row r="527352" spans="8:8">
      <c r="H527352" s="12"/>
    </row>
    <row r="527353" spans="8:8">
      <c r="H527353" s="12"/>
    </row>
    <row r="527354" spans="8:8">
      <c r="H527354" s="12"/>
    </row>
    <row r="527355" spans="8:8">
      <c r="H527355" s="12"/>
    </row>
    <row r="527356" spans="8:8">
      <c r="H527356" s="12"/>
    </row>
    <row r="527357" spans="8:8">
      <c r="H527357" s="12"/>
    </row>
    <row r="527358" spans="8:8">
      <c r="H527358" s="12"/>
    </row>
    <row r="527359" spans="8:8">
      <c r="H527359" s="12"/>
    </row>
    <row r="527360" spans="8:8">
      <c r="H527360" s="12"/>
    </row>
    <row r="527361" spans="8:8">
      <c r="H527361" s="12"/>
    </row>
    <row r="527362" spans="8:8">
      <c r="H527362" s="12"/>
    </row>
    <row r="527363" spans="8:8">
      <c r="H527363" s="12"/>
    </row>
    <row r="527364" spans="8:8">
      <c r="H527364" s="12"/>
    </row>
    <row r="527365" spans="8:8">
      <c r="H527365" s="12"/>
    </row>
    <row r="527366" spans="8:8">
      <c r="H527366" s="12"/>
    </row>
    <row r="527367" spans="8:8">
      <c r="H527367" s="12"/>
    </row>
    <row r="527368" spans="8:8">
      <c r="H527368" s="12"/>
    </row>
    <row r="527369" spans="8:8">
      <c r="H527369" s="12"/>
    </row>
    <row r="527370" spans="8:8">
      <c r="H527370" s="12"/>
    </row>
    <row r="527371" spans="8:8">
      <c r="H527371" s="12"/>
    </row>
    <row r="527372" spans="8:8">
      <c r="H527372" s="12"/>
    </row>
    <row r="527373" spans="8:8">
      <c r="H527373" s="12"/>
    </row>
    <row r="527374" spans="8:8">
      <c r="H527374" s="12"/>
    </row>
    <row r="527375" spans="8:8">
      <c r="H527375" s="12"/>
    </row>
    <row r="527376" spans="8:8">
      <c r="H527376" s="12"/>
    </row>
    <row r="527377" spans="8:8">
      <c r="H527377" s="12"/>
    </row>
    <row r="527378" spans="8:8">
      <c r="H527378" s="12"/>
    </row>
    <row r="527379" spans="8:8">
      <c r="H527379" s="12"/>
    </row>
    <row r="527380" spans="8:8">
      <c r="H527380" s="12"/>
    </row>
    <row r="527381" spans="8:8">
      <c r="H527381" s="12"/>
    </row>
    <row r="527382" spans="8:8">
      <c r="H527382" s="12"/>
    </row>
    <row r="527383" spans="8:8">
      <c r="H527383" s="12"/>
    </row>
    <row r="527384" spans="8:8">
      <c r="H527384" s="12"/>
    </row>
    <row r="527385" spans="8:8">
      <c r="H527385" s="12"/>
    </row>
    <row r="527386" spans="8:8">
      <c r="H527386" s="12"/>
    </row>
    <row r="527387" spans="8:8">
      <c r="H527387" s="12"/>
    </row>
    <row r="527388" spans="8:8">
      <c r="H527388" s="12"/>
    </row>
    <row r="527389" spans="8:8">
      <c r="H527389" s="12"/>
    </row>
    <row r="527390" spans="8:8">
      <c r="H527390" s="12"/>
    </row>
    <row r="527391" spans="8:8">
      <c r="H527391" s="12"/>
    </row>
    <row r="527392" spans="8:8">
      <c r="H527392" s="12"/>
    </row>
    <row r="527393" spans="8:8">
      <c r="H527393" s="12"/>
    </row>
    <row r="527394" spans="8:8">
      <c r="H527394" s="12"/>
    </row>
    <row r="527395" spans="8:8">
      <c r="H527395" s="12"/>
    </row>
    <row r="527396" spans="8:8">
      <c r="H527396" s="12"/>
    </row>
    <row r="527397" spans="8:8">
      <c r="H527397" s="12"/>
    </row>
    <row r="527398" spans="8:8">
      <c r="H527398" s="12"/>
    </row>
    <row r="527399" spans="8:8">
      <c r="H527399" s="12"/>
    </row>
    <row r="527400" spans="8:8">
      <c r="H527400" s="12"/>
    </row>
    <row r="527401" spans="8:8">
      <c r="H527401" s="12"/>
    </row>
    <row r="527402" spans="8:8">
      <c r="H527402" s="12"/>
    </row>
    <row r="527403" spans="8:8">
      <c r="H527403" s="12"/>
    </row>
    <row r="527404" spans="8:8">
      <c r="H527404" s="12"/>
    </row>
    <row r="527405" spans="8:8">
      <c r="H527405" s="12"/>
    </row>
    <row r="527406" spans="8:8">
      <c r="H527406" s="12"/>
    </row>
    <row r="527407" spans="8:8">
      <c r="H527407" s="12"/>
    </row>
    <row r="527408" spans="8:8">
      <c r="H527408" s="12"/>
    </row>
    <row r="527409" spans="8:8">
      <c r="H527409" s="12"/>
    </row>
    <row r="527410" spans="8:8">
      <c r="H527410" s="12"/>
    </row>
    <row r="527411" spans="8:8">
      <c r="H527411" s="12"/>
    </row>
    <row r="527412" spans="8:8">
      <c r="H527412" s="12"/>
    </row>
    <row r="527413" spans="8:8">
      <c r="H527413" s="12"/>
    </row>
    <row r="527414" spans="8:8">
      <c r="H527414" s="12"/>
    </row>
    <row r="527415" spans="8:8">
      <c r="H527415" s="12"/>
    </row>
    <row r="527416" spans="8:8">
      <c r="H527416" s="12"/>
    </row>
    <row r="527417" spans="8:8">
      <c r="H527417" s="12"/>
    </row>
    <row r="527418" spans="8:8">
      <c r="H527418" s="12"/>
    </row>
    <row r="527419" spans="8:8">
      <c r="H527419" s="12"/>
    </row>
    <row r="527420" spans="8:8">
      <c r="H527420" s="12"/>
    </row>
    <row r="527421" spans="8:8">
      <c r="H527421" s="12"/>
    </row>
    <row r="527422" spans="8:8">
      <c r="H527422" s="12"/>
    </row>
    <row r="527423" spans="8:8">
      <c r="H527423" s="12"/>
    </row>
    <row r="527424" spans="8:8">
      <c r="H527424" s="12"/>
    </row>
    <row r="527425" spans="8:8">
      <c r="H527425" s="12"/>
    </row>
    <row r="527426" spans="8:8">
      <c r="H527426" s="12"/>
    </row>
    <row r="527427" spans="8:8">
      <c r="H527427" s="12"/>
    </row>
    <row r="527428" spans="8:8">
      <c r="H527428" s="12"/>
    </row>
    <row r="527429" spans="8:8">
      <c r="H527429" s="12"/>
    </row>
    <row r="527430" spans="8:8">
      <c r="H527430" s="12"/>
    </row>
    <row r="527431" spans="8:8">
      <c r="H527431" s="12"/>
    </row>
    <row r="527432" spans="8:8">
      <c r="H527432" s="12"/>
    </row>
    <row r="527433" spans="8:8">
      <c r="H527433" s="12"/>
    </row>
    <row r="527434" spans="8:8">
      <c r="H527434" s="12"/>
    </row>
    <row r="527435" spans="8:8">
      <c r="H527435" s="12"/>
    </row>
    <row r="527436" spans="8:8">
      <c r="H527436" s="12"/>
    </row>
    <row r="527437" spans="8:8">
      <c r="H527437" s="12"/>
    </row>
    <row r="527438" spans="8:8">
      <c r="H527438" s="12"/>
    </row>
    <row r="527439" spans="8:8">
      <c r="H527439" s="12"/>
    </row>
    <row r="527440" spans="8:8">
      <c r="H527440" s="12"/>
    </row>
    <row r="527441" spans="8:8">
      <c r="H527441" s="12"/>
    </row>
    <row r="527442" spans="8:8">
      <c r="H527442" s="12"/>
    </row>
    <row r="527443" spans="8:8">
      <c r="H527443" s="12"/>
    </row>
    <row r="527444" spans="8:8">
      <c r="H527444" s="12"/>
    </row>
    <row r="527445" spans="8:8">
      <c r="H527445" s="12"/>
    </row>
    <row r="527446" spans="8:8">
      <c r="H527446" s="12"/>
    </row>
    <row r="527447" spans="8:8">
      <c r="H527447" s="12"/>
    </row>
    <row r="527448" spans="8:8">
      <c r="H527448" s="12"/>
    </row>
    <row r="527449" spans="8:8">
      <c r="H527449" s="12"/>
    </row>
    <row r="527450" spans="8:8">
      <c r="H527450" s="12"/>
    </row>
    <row r="527451" spans="8:8">
      <c r="H527451" s="12"/>
    </row>
    <row r="527452" spans="8:8">
      <c r="H527452" s="12"/>
    </row>
    <row r="527453" spans="8:8">
      <c r="H527453" s="12"/>
    </row>
    <row r="527454" spans="8:8">
      <c r="H527454" s="12"/>
    </row>
    <row r="527455" spans="8:8">
      <c r="H527455" s="12"/>
    </row>
    <row r="527456" spans="8:8">
      <c r="H527456" s="12"/>
    </row>
    <row r="527457" spans="8:8">
      <c r="H527457" s="12"/>
    </row>
    <row r="527458" spans="8:8">
      <c r="H527458" s="12"/>
    </row>
    <row r="527459" spans="8:8">
      <c r="H527459" s="12"/>
    </row>
    <row r="527460" spans="8:8">
      <c r="H527460" s="12"/>
    </row>
    <row r="527461" spans="8:8">
      <c r="H527461" s="12"/>
    </row>
    <row r="527462" spans="8:8">
      <c r="H527462" s="12"/>
    </row>
    <row r="527463" spans="8:8">
      <c r="H527463" s="12"/>
    </row>
    <row r="527464" spans="8:8">
      <c r="H527464" s="12"/>
    </row>
    <row r="527465" spans="8:8">
      <c r="H527465" s="12"/>
    </row>
    <row r="527466" spans="8:8">
      <c r="H527466" s="12"/>
    </row>
    <row r="527467" spans="8:8">
      <c r="H527467" s="12"/>
    </row>
    <row r="527468" spans="8:8">
      <c r="H527468" s="12"/>
    </row>
    <row r="527469" spans="8:8">
      <c r="H527469" s="12"/>
    </row>
    <row r="527470" spans="8:8">
      <c r="H527470" s="12"/>
    </row>
    <row r="527471" spans="8:8">
      <c r="H527471" s="12"/>
    </row>
    <row r="527472" spans="8:8">
      <c r="H527472" s="12"/>
    </row>
    <row r="527473" spans="8:8">
      <c r="H527473" s="12"/>
    </row>
    <row r="527474" spans="8:8">
      <c r="H527474" s="12"/>
    </row>
    <row r="527475" spans="8:8">
      <c r="H527475" s="12"/>
    </row>
    <row r="527476" spans="8:8">
      <c r="H527476" s="12"/>
    </row>
    <row r="527477" spans="8:8">
      <c r="H527477" s="12"/>
    </row>
    <row r="527478" spans="8:8">
      <c r="H527478" s="12"/>
    </row>
    <row r="527479" spans="8:8">
      <c r="H527479" s="12"/>
    </row>
    <row r="527480" spans="8:8">
      <c r="H527480" s="12"/>
    </row>
    <row r="527481" spans="8:8">
      <c r="H527481" s="12"/>
    </row>
    <row r="527482" spans="8:8">
      <c r="H527482" s="12"/>
    </row>
    <row r="527483" spans="8:8">
      <c r="H527483" s="12"/>
    </row>
    <row r="527484" spans="8:8">
      <c r="H527484" s="12"/>
    </row>
    <row r="527485" spans="8:8">
      <c r="H527485" s="12"/>
    </row>
    <row r="527486" spans="8:8">
      <c r="H527486" s="12"/>
    </row>
    <row r="527487" spans="8:8">
      <c r="H527487" s="12"/>
    </row>
    <row r="527488" spans="8:8">
      <c r="H527488" s="12"/>
    </row>
    <row r="527489" spans="8:8">
      <c r="H527489" s="12"/>
    </row>
    <row r="527490" spans="8:8">
      <c r="H527490" s="12"/>
    </row>
    <row r="527491" spans="8:8">
      <c r="H527491" s="12"/>
    </row>
    <row r="527492" spans="8:8">
      <c r="H527492" s="12"/>
    </row>
    <row r="527493" spans="8:8">
      <c r="H527493" s="12"/>
    </row>
    <row r="527494" spans="8:8">
      <c r="H527494" s="12"/>
    </row>
    <row r="527495" spans="8:8">
      <c r="H527495" s="12"/>
    </row>
    <row r="527496" spans="8:8">
      <c r="H527496" s="12"/>
    </row>
    <row r="527497" spans="8:8">
      <c r="H527497" s="12"/>
    </row>
    <row r="527498" spans="8:8">
      <c r="H527498" s="12"/>
    </row>
    <row r="527499" spans="8:8">
      <c r="H527499" s="12"/>
    </row>
    <row r="527500" spans="8:8">
      <c r="H527500" s="12"/>
    </row>
    <row r="527501" spans="8:8">
      <c r="H527501" s="12"/>
    </row>
    <row r="527502" spans="8:8">
      <c r="H527502" s="12"/>
    </row>
    <row r="527503" spans="8:8">
      <c r="H527503" s="12"/>
    </row>
    <row r="527504" spans="8:8">
      <c r="H527504" s="12"/>
    </row>
    <row r="527505" spans="8:8">
      <c r="H527505" s="12"/>
    </row>
    <row r="527506" spans="8:8">
      <c r="H527506" s="12"/>
    </row>
    <row r="527507" spans="8:8">
      <c r="H527507" s="12"/>
    </row>
    <row r="527508" spans="8:8">
      <c r="H527508" s="12"/>
    </row>
    <row r="527509" spans="8:8">
      <c r="H527509" s="12"/>
    </row>
    <row r="527510" spans="8:8">
      <c r="H527510" s="12"/>
    </row>
    <row r="527511" spans="8:8">
      <c r="H527511" s="12"/>
    </row>
    <row r="527512" spans="8:8">
      <c r="H527512" s="12"/>
    </row>
    <row r="527513" spans="8:8">
      <c r="H527513" s="12"/>
    </row>
    <row r="527514" spans="8:8">
      <c r="H527514" s="12"/>
    </row>
    <row r="527515" spans="8:8">
      <c r="H527515" s="12"/>
    </row>
    <row r="527516" spans="8:8">
      <c r="H527516" s="12"/>
    </row>
    <row r="527517" spans="8:8">
      <c r="H527517" s="12"/>
    </row>
    <row r="527518" spans="8:8">
      <c r="H527518" s="12"/>
    </row>
    <row r="527519" spans="8:8">
      <c r="H527519" s="12"/>
    </row>
    <row r="527520" spans="8:8">
      <c r="H527520" s="12"/>
    </row>
    <row r="527521" spans="8:8">
      <c r="H527521" s="12"/>
    </row>
    <row r="527522" spans="8:8">
      <c r="H527522" s="12"/>
    </row>
    <row r="527523" spans="8:8">
      <c r="H527523" s="12"/>
    </row>
    <row r="527524" spans="8:8">
      <c r="H527524" s="12"/>
    </row>
    <row r="527525" spans="8:8">
      <c r="H527525" s="12"/>
    </row>
    <row r="527526" spans="8:8">
      <c r="H527526" s="12"/>
    </row>
    <row r="527527" spans="8:8">
      <c r="H527527" s="12"/>
    </row>
    <row r="527528" spans="8:8">
      <c r="H527528" s="12"/>
    </row>
    <row r="527529" spans="8:8">
      <c r="H527529" s="12"/>
    </row>
    <row r="527530" spans="8:8">
      <c r="H527530" s="12"/>
    </row>
    <row r="527531" spans="8:8">
      <c r="H527531" s="12"/>
    </row>
    <row r="527532" spans="8:8">
      <c r="H527532" s="12"/>
    </row>
    <row r="527533" spans="8:8">
      <c r="H527533" s="12"/>
    </row>
    <row r="527534" spans="8:8">
      <c r="H527534" s="12"/>
    </row>
    <row r="527535" spans="8:8">
      <c r="H527535" s="12"/>
    </row>
    <row r="527536" spans="8:8">
      <c r="H527536" s="12"/>
    </row>
    <row r="527537" spans="8:8">
      <c r="H527537" s="12"/>
    </row>
    <row r="527538" spans="8:8">
      <c r="H527538" s="12"/>
    </row>
    <row r="527539" spans="8:8">
      <c r="H527539" s="12"/>
    </row>
    <row r="527540" spans="8:8">
      <c r="H527540" s="12"/>
    </row>
    <row r="527541" spans="8:8">
      <c r="H527541" s="12"/>
    </row>
    <row r="527542" spans="8:8">
      <c r="H527542" s="12"/>
    </row>
    <row r="527543" spans="8:8">
      <c r="H527543" s="12"/>
    </row>
    <row r="527544" spans="8:8">
      <c r="H527544" s="12"/>
    </row>
    <row r="527545" spans="8:8">
      <c r="H527545" s="12"/>
    </row>
    <row r="527546" spans="8:8">
      <c r="H527546" s="12"/>
    </row>
    <row r="527547" spans="8:8">
      <c r="H527547" s="12"/>
    </row>
    <row r="527548" spans="8:8">
      <c r="H527548" s="12"/>
    </row>
    <row r="527549" spans="8:8">
      <c r="H527549" s="12"/>
    </row>
    <row r="527550" spans="8:8">
      <c r="H527550" s="12"/>
    </row>
    <row r="527551" spans="8:8">
      <c r="H527551" s="12"/>
    </row>
    <row r="527552" spans="8:8">
      <c r="H527552" s="12"/>
    </row>
    <row r="527553" spans="8:8">
      <c r="H527553" s="12"/>
    </row>
    <row r="527554" spans="8:8">
      <c r="H527554" s="12"/>
    </row>
    <row r="527555" spans="8:8">
      <c r="H527555" s="12"/>
    </row>
    <row r="527556" spans="8:8">
      <c r="H527556" s="12"/>
    </row>
    <row r="527557" spans="8:8">
      <c r="H527557" s="12"/>
    </row>
    <row r="527558" spans="8:8">
      <c r="H527558" s="12"/>
    </row>
    <row r="527559" spans="8:8">
      <c r="H527559" s="12"/>
    </row>
    <row r="527560" spans="8:8">
      <c r="H527560" s="12"/>
    </row>
    <row r="527561" spans="8:8">
      <c r="H527561" s="12"/>
    </row>
    <row r="527562" spans="8:8">
      <c r="H527562" s="12"/>
    </row>
    <row r="527563" spans="8:8">
      <c r="H527563" s="12"/>
    </row>
    <row r="527564" spans="8:8">
      <c r="H527564" s="12"/>
    </row>
    <row r="527565" spans="8:8">
      <c r="H527565" s="12"/>
    </row>
    <row r="527566" spans="8:8">
      <c r="H527566" s="12"/>
    </row>
    <row r="527567" spans="8:8">
      <c r="H527567" s="12"/>
    </row>
    <row r="527568" spans="8:8">
      <c r="H527568" s="12"/>
    </row>
    <row r="527569" spans="8:8">
      <c r="H527569" s="12"/>
    </row>
    <row r="527570" spans="8:8">
      <c r="H527570" s="12"/>
    </row>
    <row r="527571" spans="8:8">
      <c r="H527571" s="12"/>
    </row>
    <row r="527572" spans="8:8">
      <c r="H527572" s="12"/>
    </row>
    <row r="527573" spans="8:8">
      <c r="H527573" s="12"/>
    </row>
    <row r="527574" spans="8:8">
      <c r="H527574" s="12"/>
    </row>
    <row r="527575" spans="8:8">
      <c r="H527575" s="12"/>
    </row>
    <row r="527576" spans="8:8">
      <c r="H527576" s="12"/>
    </row>
    <row r="527577" spans="8:8">
      <c r="H527577" s="12"/>
    </row>
    <row r="527578" spans="8:8">
      <c r="H527578" s="12"/>
    </row>
    <row r="527579" spans="8:8">
      <c r="H527579" s="12"/>
    </row>
    <row r="527580" spans="8:8">
      <c r="H527580" s="12"/>
    </row>
    <row r="527581" spans="8:8">
      <c r="H527581" s="12"/>
    </row>
    <row r="527582" spans="8:8">
      <c r="H527582" s="12"/>
    </row>
    <row r="527583" spans="8:8">
      <c r="H527583" s="12"/>
    </row>
    <row r="527584" spans="8:8">
      <c r="H527584" s="12"/>
    </row>
    <row r="527585" spans="8:8">
      <c r="H527585" s="12"/>
    </row>
    <row r="527586" spans="8:8">
      <c r="H527586" s="12"/>
    </row>
    <row r="527587" spans="8:8">
      <c r="H527587" s="12"/>
    </row>
    <row r="527588" spans="8:8">
      <c r="H527588" s="12"/>
    </row>
    <row r="527589" spans="8:8">
      <c r="H527589" s="12"/>
    </row>
    <row r="527590" spans="8:8">
      <c r="H527590" s="12"/>
    </row>
    <row r="527591" spans="8:8">
      <c r="H527591" s="12"/>
    </row>
    <row r="527592" spans="8:8">
      <c r="H527592" s="12"/>
    </row>
    <row r="527593" spans="8:8">
      <c r="H527593" s="12"/>
    </row>
    <row r="527594" spans="8:8">
      <c r="H527594" s="12"/>
    </row>
    <row r="527595" spans="8:8">
      <c r="H527595" s="12"/>
    </row>
    <row r="527596" spans="8:8">
      <c r="H527596" s="12"/>
    </row>
    <row r="527597" spans="8:8">
      <c r="H527597" s="12"/>
    </row>
    <row r="527598" spans="8:8">
      <c r="H527598" s="12"/>
    </row>
    <row r="527599" spans="8:8">
      <c r="H527599" s="12"/>
    </row>
    <row r="527600" spans="8:8">
      <c r="H527600" s="12"/>
    </row>
    <row r="527601" spans="8:8">
      <c r="H527601" s="12"/>
    </row>
    <row r="527602" spans="8:8">
      <c r="H527602" s="12"/>
    </row>
    <row r="527603" spans="8:8">
      <c r="H527603" s="12"/>
    </row>
    <row r="527604" spans="8:8">
      <c r="H527604" s="12"/>
    </row>
    <row r="527605" spans="8:8">
      <c r="H527605" s="12"/>
    </row>
    <row r="527606" spans="8:8">
      <c r="H527606" s="12"/>
    </row>
    <row r="527607" spans="8:8">
      <c r="H527607" s="12"/>
    </row>
    <row r="527608" spans="8:8">
      <c r="H527608" s="12"/>
    </row>
    <row r="527609" spans="8:8">
      <c r="H527609" s="12"/>
    </row>
    <row r="527610" spans="8:8">
      <c r="H527610" s="12"/>
    </row>
    <row r="527611" spans="8:8">
      <c r="H527611" s="12"/>
    </row>
    <row r="527612" spans="8:8">
      <c r="H527612" s="12"/>
    </row>
    <row r="527613" spans="8:8">
      <c r="H527613" s="12"/>
    </row>
    <row r="527614" spans="8:8">
      <c r="H527614" s="12"/>
    </row>
    <row r="527615" spans="8:8">
      <c r="H527615" s="12"/>
    </row>
    <row r="527616" spans="8:8">
      <c r="H527616" s="12"/>
    </row>
    <row r="527617" spans="8:8">
      <c r="H527617" s="12"/>
    </row>
    <row r="527618" spans="8:8">
      <c r="H527618" s="12"/>
    </row>
    <row r="527619" spans="8:8">
      <c r="H527619" s="12"/>
    </row>
    <row r="527620" spans="8:8">
      <c r="H527620" s="12"/>
    </row>
    <row r="527621" spans="8:8">
      <c r="H527621" s="12"/>
    </row>
    <row r="527622" spans="8:8">
      <c r="H527622" s="12"/>
    </row>
    <row r="527623" spans="8:8">
      <c r="H527623" s="12"/>
    </row>
    <row r="527624" spans="8:8">
      <c r="H527624" s="12"/>
    </row>
    <row r="527625" spans="8:8">
      <c r="H527625" s="12"/>
    </row>
    <row r="527626" spans="8:8">
      <c r="H527626" s="12"/>
    </row>
    <row r="527627" spans="8:8">
      <c r="H527627" s="12"/>
    </row>
    <row r="527628" spans="8:8">
      <c r="H527628" s="12"/>
    </row>
    <row r="527629" spans="8:8">
      <c r="H527629" s="12"/>
    </row>
    <row r="527630" spans="8:8">
      <c r="H527630" s="12"/>
    </row>
    <row r="527631" spans="8:8">
      <c r="H527631" s="12"/>
    </row>
    <row r="527632" spans="8:8">
      <c r="H527632" s="12"/>
    </row>
    <row r="527633" spans="8:8">
      <c r="H527633" s="12"/>
    </row>
    <row r="527634" spans="8:8">
      <c r="H527634" s="12"/>
    </row>
    <row r="527635" spans="8:8">
      <c r="H527635" s="12"/>
    </row>
    <row r="527636" spans="8:8">
      <c r="H527636" s="12"/>
    </row>
    <row r="527637" spans="8:8">
      <c r="H527637" s="12"/>
    </row>
    <row r="527638" spans="8:8">
      <c r="H527638" s="12"/>
    </row>
    <row r="527639" spans="8:8">
      <c r="H527639" s="12"/>
    </row>
    <row r="527640" spans="8:8">
      <c r="H527640" s="12"/>
    </row>
    <row r="527641" spans="8:8">
      <c r="H527641" s="12"/>
    </row>
    <row r="527642" spans="8:8">
      <c r="H527642" s="12"/>
    </row>
    <row r="527643" spans="8:8">
      <c r="H527643" s="12"/>
    </row>
    <row r="527644" spans="8:8">
      <c r="H527644" s="12"/>
    </row>
    <row r="527645" spans="8:8">
      <c r="H527645" s="12"/>
    </row>
    <row r="527646" spans="8:8">
      <c r="H527646" s="12"/>
    </row>
    <row r="527647" spans="8:8">
      <c r="H527647" s="12"/>
    </row>
    <row r="527648" spans="8:8">
      <c r="H527648" s="12"/>
    </row>
    <row r="527649" spans="8:8">
      <c r="H527649" s="12"/>
    </row>
    <row r="527650" spans="8:8">
      <c r="H527650" s="12"/>
    </row>
    <row r="527651" spans="8:8">
      <c r="H527651" s="12"/>
    </row>
    <row r="527652" spans="8:8">
      <c r="H527652" s="12"/>
    </row>
    <row r="527653" spans="8:8">
      <c r="H527653" s="12"/>
    </row>
    <row r="527654" spans="8:8">
      <c r="H527654" s="12"/>
    </row>
    <row r="527655" spans="8:8">
      <c r="H527655" s="12"/>
    </row>
    <row r="527656" spans="8:8">
      <c r="H527656" s="12"/>
    </row>
    <row r="527657" spans="8:8">
      <c r="H527657" s="12"/>
    </row>
    <row r="527658" spans="8:8">
      <c r="H527658" s="12"/>
    </row>
    <row r="527659" spans="8:8">
      <c r="H527659" s="12"/>
    </row>
    <row r="527660" spans="8:8">
      <c r="H527660" s="12"/>
    </row>
    <row r="527661" spans="8:8">
      <c r="H527661" s="12"/>
    </row>
    <row r="527662" spans="8:8">
      <c r="H527662" s="12"/>
    </row>
    <row r="527663" spans="8:8">
      <c r="H527663" s="12"/>
    </row>
    <row r="527664" spans="8:8">
      <c r="H527664" s="12"/>
    </row>
    <row r="527665" spans="8:8">
      <c r="H527665" s="12"/>
    </row>
    <row r="527666" spans="8:8">
      <c r="H527666" s="12"/>
    </row>
    <row r="527667" spans="8:8">
      <c r="H527667" s="12"/>
    </row>
    <row r="527668" spans="8:8">
      <c r="H527668" s="12"/>
    </row>
    <row r="527669" spans="8:8">
      <c r="H527669" s="12"/>
    </row>
    <row r="527670" spans="8:8">
      <c r="H527670" s="12"/>
    </row>
    <row r="527671" spans="8:8">
      <c r="H527671" s="12"/>
    </row>
    <row r="527672" spans="8:8">
      <c r="H527672" s="12"/>
    </row>
    <row r="527673" spans="8:8">
      <c r="H527673" s="12"/>
    </row>
    <row r="527674" spans="8:8">
      <c r="H527674" s="12"/>
    </row>
    <row r="527675" spans="8:8">
      <c r="H527675" s="12"/>
    </row>
    <row r="527676" spans="8:8">
      <c r="H527676" s="12"/>
    </row>
    <row r="527677" spans="8:8">
      <c r="H527677" s="12"/>
    </row>
    <row r="527678" spans="8:8">
      <c r="H527678" s="12"/>
    </row>
    <row r="527679" spans="8:8">
      <c r="H527679" s="12"/>
    </row>
    <row r="527680" spans="8:8">
      <c r="H527680" s="12"/>
    </row>
    <row r="527681" spans="8:8">
      <c r="H527681" s="12"/>
    </row>
    <row r="527682" spans="8:8">
      <c r="H527682" s="12"/>
    </row>
    <row r="527683" spans="8:8">
      <c r="H527683" s="12"/>
    </row>
    <row r="527684" spans="8:8">
      <c r="H527684" s="12"/>
    </row>
    <row r="527685" spans="8:8">
      <c r="H527685" s="12"/>
    </row>
    <row r="527686" spans="8:8">
      <c r="H527686" s="12"/>
    </row>
    <row r="527687" spans="8:8">
      <c r="H527687" s="12"/>
    </row>
    <row r="527688" spans="8:8">
      <c r="H527688" s="12"/>
    </row>
    <row r="527689" spans="8:8">
      <c r="H527689" s="12"/>
    </row>
    <row r="527690" spans="8:8">
      <c r="H527690" s="12"/>
    </row>
    <row r="527691" spans="8:8">
      <c r="H527691" s="12"/>
    </row>
    <row r="527692" spans="8:8">
      <c r="H527692" s="12"/>
    </row>
    <row r="527693" spans="8:8">
      <c r="H527693" s="12"/>
    </row>
    <row r="527694" spans="8:8">
      <c r="H527694" s="12"/>
    </row>
    <row r="527695" spans="8:8">
      <c r="H527695" s="12"/>
    </row>
    <row r="527696" spans="8:8">
      <c r="H527696" s="12"/>
    </row>
    <row r="527697" spans="8:8">
      <c r="H527697" s="12"/>
    </row>
    <row r="527698" spans="8:8">
      <c r="H527698" s="12"/>
    </row>
    <row r="527699" spans="8:8">
      <c r="H527699" s="12"/>
    </row>
    <row r="527700" spans="8:8">
      <c r="H527700" s="12"/>
    </row>
    <row r="527701" spans="8:8">
      <c r="H527701" s="12"/>
    </row>
    <row r="527702" spans="8:8">
      <c r="H527702" s="12"/>
    </row>
    <row r="527703" spans="8:8">
      <c r="H527703" s="12"/>
    </row>
    <row r="527704" spans="8:8">
      <c r="H527704" s="12"/>
    </row>
    <row r="527705" spans="8:8">
      <c r="H527705" s="12"/>
    </row>
    <row r="527706" spans="8:8">
      <c r="H527706" s="12"/>
    </row>
    <row r="527707" spans="8:8">
      <c r="H527707" s="12"/>
    </row>
    <row r="527708" spans="8:8">
      <c r="H527708" s="12"/>
    </row>
    <row r="527709" spans="8:8">
      <c r="H527709" s="12"/>
    </row>
    <row r="527710" spans="8:8">
      <c r="H527710" s="12"/>
    </row>
    <row r="527711" spans="8:8">
      <c r="H527711" s="12"/>
    </row>
    <row r="527712" spans="8:8">
      <c r="H527712" s="12"/>
    </row>
    <row r="527713" spans="8:8">
      <c r="H527713" s="12"/>
    </row>
    <row r="527714" spans="8:8">
      <c r="H527714" s="12"/>
    </row>
    <row r="527715" spans="8:8">
      <c r="H527715" s="12"/>
    </row>
    <row r="527716" spans="8:8">
      <c r="H527716" s="12"/>
    </row>
    <row r="527717" spans="8:8">
      <c r="H527717" s="12"/>
    </row>
    <row r="527718" spans="8:8">
      <c r="H527718" s="12"/>
    </row>
    <row r="527719" spans="8:8">
      <c r="H527719" s="12"/>
    </row>
    <row r="527720" spans="8:8">
      <c r="H527720" s="12"/>
    </row>
    <row r="527721" spans="8:8">
      <c r="H527721" s="12"/>
    </row>
    <row r="527722" spans="8:8">
      <c r="H527722" s="12"/>
    </row>
    <row r="527723" spans="8:8">
      <c r="H527723" s="12"/>
    </row>
    <row r="527724" spans="8:8">
      <c r="H527724" s="12"/>
    </row>
    <row r="527725" spans="8:8">
      <c r="H527725" s="12"/>
    </row>
    <row r="527726" spans="8:8">
      <c r="H527726" s="12"/>
    </row>
    <row r="527727" spans="8:8">
      <c r="H527727" s="12"/>
    </row>
    <row r="527728" spans="8:8">
      <c r="H527728" s="12"/>
    </row>
    <row r="527729" spans="8:8">
      <c r="H527729" s="12"/>
    </row>
    <row r="527730" spans="8:8">
      <c r="H527730" s="12"/>
    </row>
    <row r="527731" spans="8:8">
      <c r="H527731" s="12"/>
    </row>
    <row r="527732" spans="8:8">
      <c r="H527732" s="12"/>
    </row>
    <row r="527733" spans="8:8">
      <c r="H527733" s="12"/>
    </row>
    <row r="527734" spans="8:8">
      <c r="H527734" s="12"/>
    </row>
    <row r="527735" spans="8:8">
      <c r="H527735" s="12"/>
    </row>
    <row r="527736" spans="8:8">
      <c r="H527736" s="12"/>
    </row>
    <row r="527737" spans="8:8">
      <c r="H527737" s="12"/>
    </row>
    <row r="527738" spans="8:8">
      <c r="H527738" s="12"/>
    </row>
    <row r="527739" spans="8:8">
      <c r="H527739" s="12"/>
    </row>
    <row r="527740" spans="8:8">
      <c r="H527740" s="12"/>
    </row>
    <row r="527741" spans="8:8">
      <c r="H527741" s="12"/>
    </row>
    <row r="527742" spans="8:8">
      <c r="H527742" s="12"/>
    </row>
    <row r="527743" spans="8:8">
      <c r="H527743" s="12"/>
    </row>
    <row r="527744" spans="8:8">
      <c r="H527744" s="12"/>
    </row>
    <row r="527745" spans="8:8">
      <c r="H527745" s="12"/>
    </row>
    <row r="527746" spans="8:8">
      <c r="H527746" s="12"/>
    </row>
    <row r="527747" spans="8:8">
      <c r="H527747" s="12"/>
    </row>
    <row r="527748" spans="8:8">
      <c r="H527748" s="12"/>
    </row>
    <row r="527749" spans="8:8">
      <c r="H527749" s="12"/>
    </row>
    <row r="527750" spans="8:8">
      <c r="H527750" s="12"/>
    </row>
    <row r="527751" spans="8:8">
      <c r="H527751" s="12"/>
    </row>
    <row r="527752" spans="8:8">
      <c r="H527752" s="12"/>
    </row>
    <row r="527753" spans="8:8">
      <c r="H527753" s="12"/>
    </row>
    <row r="527754" spans="8:8">
      <c r="H527754" s="12"/>
    </row>
    <row r="527755" spans="8:8">
      <c r="H527755" s="12"/>
    </row>
    <row r="527756" spans="8:8">
      <c r="H527756" s="12"/>
    </row>
    <row r="527757" spans="8:8">
      <c r="H527757" s="12"/>
    </row>
    <row r="527758" spans="8:8">
      <c r="H527758" s="12"/>
    </row>
    <row r="527759" spans="8:8">
      <c r="H527759" s="12"/>
    </row>
    <row r="527760" spans="8:8">
      <c r="H527760" s="12"/>
    </row>
    <row r="527761" spans="8:8">
      <c r="H527761" s="12"/>
    </row>
    <row r="527762" spans="8:8">
      <c r="H527762" s="12"/>
    </row>
    <row r="527763" spans="8:8">
      <c r="H527763" s="12"/>
    </row>
    <row r="527764" spans="8:8">
      <c r="H527764" s="12"/>
    </row>
    <row r="527765" spans="8:8">
      <c r="H527765" s="12"/>
    </row>
    <row r="527766" spans="8:8">
      <c r="H527766" s="12"/>
    </row>
    <row r="527767" spans="8:8">
      <c r="H527767" s="12"/>
    </row>
    <row r="527768" spans="8:8">
      <c r="H527768" s="12"/>
    </row>
    <row r="527769" spans="8:8">
      <c r="H527769" s="12"/>
    </row>
    <row r="527770" spans="8:8">
      <c r="H527770" s="12"/>
    </row>
    <row r="527771" spans="8:8">
      <c r="H527771" s="12"/>
    </row>
    <row r="527772" spans="8:8">
      <c r="H527772" s="12"/>
    </row>
    <row r="527773" spans="8:8">
      <c r="H527773" s="12"/>
    </row>
    <row r="527774" spans="8:8">
      <c r="H527774" s="12"/>
    </row>
    <row r="527775" spans="8:8">
      <c r="H527775" s="12"/>
    </row>
    <row r="527776" spans="8:8">
      <c r="H527776" s="12"/>
    </row>
    <row r="527777" spans="8:8">
      <c r="H527777" s="12"/>
    </row>
    <row r="527778" spans="8:8">
      <c r="H527778" s="12"/>
    </row>
    <row r="527779" spans="8:8">
      <c r="H527779" s="12"/>
    </row>
    <row r="527780" spans="8:8">
      <c r="H527780" s="12"/>
    </row>
    <row r="527781" spans="8:8">
      <c r="H527781" s="12"/>
    </row>
    <row r="527782" spans="8:8">
      <c r="H527782" s="12"/>
    </row>
    <row r="527783" spans="8:8">
      <c r="H527783" s="12"/>
    </row>
    <row r="527784" spans="8:8">
      <c r="H527784" s="12"/>
    </row>
    <row r="527785" spans="8:8">
      <c r="H527785" s="12"/>
    </row>
    <row r="527786" spans="8:8">
      <c r="H527786" s="12"/>
    </row>
    <row r="527787" spans="8:8">
      <c r="H527787" s="12"/>
    </row>
    <row r="527788" spans="8:8">
      <c r="H527788" s="12"/>
    </row>
    <row r="527789" spans="8:8">
      <c r="H527789" s="12"/>
    </row>
    <row r="527790" spans="8:8">
      <c r="H527790" s="12"/>
    </row>
    <row r="527791" spans="8:8">
      <c r="H527791" s="12"/>
    </row>
    <row r="527792" spans="8:8">
      <c r="H527792" s="12"/>
    </row>
    <row r="527793" spans="8:8">
      <c r="H527793" s="12"/>
    </row>
    <row r="527794" spans="8:8">
      <c r="H527794" s="12"/>
    </row>
    <row r="527795" spans="8:8">
      <c r="H527795" s="12"/>
    </row>
    <row r="527796" spans="8:8">
      <c r="H527796" s="12"/>
    </row>
    <row r="527797" spans="8:8">
      <c r="H527797" s="12"/>
    </row>
    <row r="527798" spans="8:8">
      <c r="H527798" s="12"/>
    </row>
    <row r="527799" spans="8:8">
      <c r="H527799" s="12"/>
    </row>
    <row r="527800" spans="8:8">
      <c r="H527800" s="12"/>
    </row>
    <row r="527801" spans="8:8">
      <c r="H527801" s="12"/>
    </row>
    <row r="527802" spans="8:8">
      <c r="H527802" s="12"/>
    </row>
    <row r="527803" spans="8:8">
      <c r="H527803" s="12"/>
    </row>
    <row r="527804" spans="8:8">
      <c r="H527804" s="12"/>
    </row>
    <row r="527805" spans="8:8">
      <c r="H527805" s="12"/>
    </row>
    <row r="527806" spans="8:8">
      <c r="H527806" s="12"/>
    </row>
    <row r="527807" spans="8:8">
      <c r="H527807" s="12"/>
    </row>
    <row r="527808" spans="8:8">
      <c r="H527808" s="12"/>
    </row>
    <row r="527809" spans="8:8">
      <c r="H527809" s="12"/>
    </row>
    <row r="527810" spans="8:8">
      <c r="H527810" s="12"/>
    </row>
    <row r="527811" spans="8:8">
      <c r="H527811" s="12"/>
    </row>
    <row r="527812" spans="8:8">
      <c r="H527812" s="12"/>
    </row>
    <row r="527813" spans="8:8">
      <c r="H527813" s="12"/>
    </row>
    <row r="527814" spans="8:8">
      <c r="H527814" s="12"/>
    </row>
    <row r="527815" spans="8:8">
      <c r="H527815" s="12"/>
    </row>
    <row r="527816" spans="8:8">
      <c r="H527816" s="12"/>
    </row>
    <row r="527817" spans="8:8">
      <c r="H527817" s="12"/>
    </row>
    <row r="527818" spans="8:8">
      <c r="H527818" s="12"/>
    </row>
    <row r="527819" spans="8:8">
      <c r="H527819" s="12"/>
    </row>
    <row r="527820" spans="8:8">
      <c r="H527820" s="12"/>
    </row>
    <row r="527821" spans="8:8">
      <c r="H527821" s="12"/>
    </row>
    <row r="527822" spans="8:8">
      <c r="H527822" s="12"/>
    </row>
    <row r="527823" spans="8:8">
      <c r="H527823" s="12"/>
    </row>
    <row r="527824" spans="8:8">
      <c r="H527824" s="12"/>
    </row>
    <row r="527825" spans="8:8">
      <c r="H527825" s="12"/>
    </row>
    <row r="527826" spans="8:8">
      <c r="H527826" s="12"/>
    </row>
    <row r="527827" spans="8:8">
      <c r="H527827" s="12"/>
    </row>
    <row r="527828" spans="8:8">
      <c r="H527828" s="12"/>
    </row>
    <row r="527829" spans="8:8">
      <c r="H527829" s="12"/>
    </row>
    <row r="527830" spans="8:8">
      <c r="H527830" s="12"/>
    </row>
    <row r="527831" spans="8:8">
      <c r="H527831" s="12"/>
    </row>
    <row r="527832" spans="8:8">
      <c r="H527832" s="12"/>
    </row>
    <row r="527833" spans="8:8">
      <c r="H527833" s="12"/>
    </row>
    <row r="527834" spans="8:8">
      <c r="H527834" s="12"/>
    </row>
    <row r="527835" spans="8:8">
      <c r="H527835" s="12"/>
    </row>
    <row r="527836" spans="8:8">
      <c r="H527836" s="12"/>
    </row>
    <row r="527837" spans="8:8">
      <c r="H527837" s="12"/>
    </row>
    <row r="527838" spans="8:8">
      <c r="H527838" s="12"/>
    </row>
    <row r="527839" spans="8:8">
      <c r="H527839" s="12"/>
    </row>
    <row r="527840" spans="8:8">
      <c r="H527840" s="12"/>
    </row>
    <row r="527841" spans="8:8">
      <c r="H527841" s="12"/>
    </row>
    <row r="527842" spans="8:8">
      <c r="H527842" s="12"/>
    </row>
    <row r="527843" spans="8:8">
      <c r="H527843" s="12"/>
    </row>
    <row r="527844" spans="8:8">
      <c r="H527844" s="12"/>
    </row>
    <row r="527845" spans="8:8">
      <c r="H527845" s="12"/>
    </row>
    <row r="527846" spans="8:8">
      <c r="H527846" s="12"/>
    </row>
    <row r="527847" spans="8:8">
      <c r="H527847" s="12"/>
    </row>
    <row r="527848" spans="8:8">
      <c r="H527848" s="12"/>
    </row>
    <row r="527849" spans="8:8">
      <c r="H527849" s="12"/>
    </row>
    <row r="527850" spans="8:8">
      <c r="H527850" s="12"/>
    </row>
    <row r="527851" spans="8:8">
      <c r="H527851" s="12"/>
    </row>
    <row r="527852" spans="8:8">
      <c r="H527852" s="12"/>
    </row>
    <row r="527853" spans="8:8">
      <c r="H527853" s="12"/>
    </row>
    <row r="527854" spans="8:8">
      <c r="H527854" s="12"/>
    </row>
    <row r="527855" spans="8:8">
      <c r="H527855" s="12"/>
    </row>
    <row r="527856" spans="8:8">
      <c r="H527856" s="12"/>
    </row>
    <row r="527857" spans="8:8">
      <c r="H527857" s="12"/>
    </row>
    <row r="527858" spans="8:8">
      <c r="H527858" s="12"/>
    </row>
    <row r="527859" spans="8:8">
      <c r="H527859" s="12"/>
    </row>
    <row r="527860" spans="8:8">
      <c r="H527860" s="12"/>
    </row>
    <row r="527861" spans="8:8">
      <c r="H527861" s="12"/>
    </row>
    <row r="527862" spans="8:8">
      <c r="H527862" s="12"/>
    </row>
    <row r="527863" spans="8:8">
      <c r="H527863" s="12"/>
    </row>
    <row r="527864" spans="8:8">
      <c r="H527864" s="12"/>
    </row>
    <row r="527865" spans="8:8">
      <c r="H527865" s="12"/>
    </row>
    <row r="527866" spans="8:8">
      <c r="H527866" s="12"/>
    </row>
    <row r="527867" spans="8:8">
      <c r="H527867" s="12"/>
    </row>
    <row r="527868" spans="8:8">
      <c r="H527868" s="12"/>
    </row>
    <row r="527869" spans="8:8">
      <c r="H527869" s="12"/>
    </row>
    <row r="527870" spans="8:8">
      <c r="H527870" s="12"/>
    </row>
    <row r="527871" spans="8:8">
      <c r="H527871" s="12"/>
    </row>
    <row r="527872" spans="8:8">
      <c r="H527872" s="12"/>
    </row>
    <row r="527873" spans="8:8">
      <c r="H527873" s="12"/>
    </row>
    <row r="527874" spans="8:8">
      <c r="H527874" s="12"/>
    </row>
    <row r="527875" spans="8:8">
      <c r="H527875" s="12"/>
    </row>
    <row r="527876" spans="8:8">
      <c r="H527876" s="12"/>
    </row>
    <row r="527877" spans="8:8">
      <c r="H527877" s="12"/>
    </row>
    <row r="527878" spans="8:8">
      <c r="H527878" s="12"/>
    </row>
    <row r="527879" spans="8:8">
      <c r="H527879" s="12"/>
    </row>
    <row r="527880" spans="8:8">
      <c r="H527880" s="12"/>
    </row>
    <row r="527881" spans="8:8">
      <c r="H527881" s="12"/>
    </row>
    <row r="527882" spans="8:8">
      <c r="H527882" s="12"/>
    </row>
    <row r="527883" spans="8:8">
      <c r="H527883" s="12"/>
    </row>
    <row r="527884" spans="8:8">
      <c r="H527884" s="12"/>
    </row>
    <row r="527885" spans="8:8">
      <c r="H527885" s="12"/>
    </row>
    <row r="527886" spans="8:8">
      <c r="H527886" s="12"/>
    </row>
    <row r="527887" spans="8:8">
      <c r="H527887" s="12"/>
    </row>
    <row r="527888" spans="8:8">
      <c r="H527888" s="12"/>
    </row>
    <row r="527889" spans="8:8">
      <c r="H527889" s="12"/>
    </row>
    <row r="527890" spans="8:8">
      <c r="H527890" s="12"/>
    </row>
    <row r="527891" spans="8:8">
      <c r="H527891" s="12"/>
    </row>
    <row r="527892" spans="8:8">
      <c r="H527892" s="12"/>
    </row>
    <row r="527893" spans="8:8">
      <c r="H527893" s="12"/>
    </row>
    <row r="527894" spans="8:8">
      <c r="H527894" s="12"/>
    </row>
    <row r="527895" spans="8:8">
      <c r="H527895" s="12"/>
    </row>
    <row r="527896" spans="8:8">
      <c r="H527896" s="12"/>
    </row>
    <row r="527897" spans="8:8">
      <c r="H527897" s="12"/>
    </row>
    <row r="527898" spans="8:8">
      <c r="H527898" s="12"/>
    </row>
    <row r="527899" spans="8:8">
      <c r="H527899" s="12"/>
    </row>
    <row r="527900" spans="8:8">
      <c r="H527900" s="12"/>
    </row>
    <row r="527901" spans="8:8">
      <c r="H527901" s="12"/>
    </row>
    <row r="527902" spans="8:8">
      <c r="H527902" s="12"/>
    </row>
    <row r="527903" spans="8:8">
      <c r="H527903" s="12"/>
    </row>
    <row r="527904" spans="8:8">
      <c r="H527904" s="12"/>
    </row>
    <row r="527905" spans="8:8">
      <c r="H527905" s="12"/>
    </row>
    <row r="527906" spans="8:8">
      <c r="H527906" s="12"/>
    </row>
    <row r="527907" spans="8:8">
      <c r="H527907" s="12"/>
    </row>
    <row r="527908" spans="8:8">
      <c r="H527908" s="12"/>
    </row>
    <row r="527909" spans="8:8">
      <c r="H527909" s="12"/>
    </row>
    <row r="527910" spans="8:8">
      <c r="H527910" s="12"/>
    </row>
    <row r="527911" spans="8:8">
      <c r="H527911" s="12"/>
    </row>
    <row r="527912" spans="8:8">
      <c r="H527912" s="12"/>
    </row>
    <row r="527913" spans="8:8">
      <c r="H527913" s="12"/>
    </row>
    <row r="527914" spans="8:8">
      <c r="H527914" s="12"/>
    </row>
    <row r="527915" spans="8:8">
      <c r="H527915" s="12"/>
    </row>
    <row r="527916" spans="8:8">
      <c r="H527916" s="12"/>
    </row>
    <row r="527917" spans="8:8">
      <c r="H527917" s="12"/>
    </row>
    <row r="527918" spans="8:8">
      <c r="H527918" s="12"/>
    </row>
    <row r="527919" spans="8:8">
      <c r="H527919" s="12"/>
    </row>
    <row r="527920" spans="8:8">
      <c r="H527920" s="12"/>
    </row>
    <row r="527921" spans="8:8">
      <c r="H527921" s="12"/>
    </row>
    <row r="527922" spans="8:8">
      <c r="H527922" s="12"/>
    </row>
    <row r="527923" spans="8:8">
      <c r="H527923" s="12"/>
    </row>
    <row r="527924" spans="8:8">
      <c r="H527924" s="12"/>
    </row>
    <row r="527925" spans="8:8">
      <c r="H527925" s="12"/>
    </row>
    <row r="527926" spans="8:8">
      <c r="H527926" s="12"/>
    </row>
    <row r="527927" spans="8:8">
      <c r="H527927" s="12"/>
    </row>
    <row r="527928" spans="8:8">
      <c r="H527928" s="12"/>
    </row>
    <row r="527929" spans="8:8">
      <c r="H527929" s="12"/>
    </row>
    <row r="527930" spans="8:8">
      <c r="H527930" s="12"/>
    </row>
    <row r="527931" spans="8:8">
      <c r="H527931" s="12"/>
    </row>
    <row r="527932" spans="8:8">
      <c r="H527932" s="12"/>
    </row>
    <row r="527933" spans="8:8">
      <c r="H527933" s="12"/>
    </row>
    <row r="527934" spans="8:8">
      <c r="H527934" s="12"/>
    </row>
    <row r="527935" spans="8:8">
      <c r="H527935" s="12"/>
    </row>
    <row r="527936" spans="8:8">
      <c r="H527936" s="12"/>
    </row>
    <row r="527937" spans="8:8">
      <c r="H527937" s="12"/>
    </row>
    <row r="527938" spans="8:8">
      <c r="H527938" s="12"/>
    </row>
    <row r="527939" spans="8:8">
      <c r="H527939" s="12"/>
    </row>
    <row r="527940" spans="8:8">
      <c r="H527940" s="12"/>
    </row>
    <row r="527941" spans="8:8">
      <c r="H527941" s="12"/>
    </row>
    <row r="527942" spans="8:8">
      <c r="H527942" s="12"/>
    </row>
    <row r="527943" spans="8:8">
      <c r="H527943" s="12"/>
    </row>
    <row r="527944" spans="8:8">
      <c r="H527944" s="12"/>
    </row>
    <row r="527945" spans="8:8">
      <c r="H527945" s="12"/>
    </row>
    <row r="527946" spans="8:8">
      <c r="H527946" s="12"/>
    </row>
    <row r="527947" spans="8:8">
      <c r="H527947" s="12"/>
    </row>
    <row r="527948" spans="8:8">
      <c r="H527948" s="12"/>
    </row>
    <row r="527949" spans="8:8">
      <c r="H527949" s="12"/>
    </row>
    <row r="527950" spans="8:8">
      <c r="H527950" s="12"/>
    </row>
    <row r="527951" spans="8:8">
      <c r="H527951" s="12"/>
    </row>
    <row r="527952" spans="8:8">
      <c r="H527952" s="12"/>
    </row>
    <row r="527953" spans="8:8">
      <c r="H527953" s="12"/>
    </row>
    <row r="527954" spans="8:8">
      <c r="H527954" s="12"/>
    </row>
    <row r="527955" spans="8:8">
      <c r="H527955" s="12"/>
    </row>
    <row r="527956" spans="8:8">
      <c r="H527956" s="12"/>
    </row>
    <row r="527957" spans="8:8">
      <c r="H527957" s="12"/>
    </row>
    <row r="527958" spans="8:8">
      <c r="H527958" s="12"/>
    </row>
    <row r="527959" spans="8:8">
      <c r="H527959" s="12"/>
    </row>
    <row r="527960" spans="8:8">
      <c r="H527960" s="12"/>
    </row>
    <row r="527961" spans="8:8">
      <c r="H527961" s="12"/>
    </row>
    <row r="527962" spans="8:8">
      <c r="H527962" s="12"/>
    </row>
    <row r="527963" spans="8:8">
      <c r="H527963" s="12"/>
    </row>
    <row r="527964" spans="8:8">
      <c r="H527964" s="12"/>
    </row>
    <row r="527965" spans="8:8">
      <c r="H527965" s="12"/>
    </row>
    <row r="527966" spans="8:8">
      <c r="H527966" s="12"/>
    </row>
    <row r="527967" spans="8:8">
      <c r="H527967" s="12"/>
    </row>
    <row r="527968" spans="8:8">
      <c r="H527968" s="12"/>
    </row>
    <row r="527969" spans="8:8">
      <c r="H527969" s="12"/>
    </row>
    <row r="527970" spans="8:8">
      <c r="H527970" s="12"/>
    </row>
    <row r="527971" spans="8:8">
      <c r="H527971" s="12"/>
    </row>
    <row r="527972" spans="8:8">
      <c r="H527972" s="12"/>
    </row>
    <row r="527973" spans="8:8">
      <c r="H527973" s="12"/>
    </row>
    <row r="527974" spans="8:8">
      <c r="H527974" s="12"/>
    </row>
    <row r="527975" spans="8:8">
      <c r="H527975" s="12"/>
    </row>
    <row r="527976" spans="8:8">
      <c r="H527976" s="12"/>
    </row>
    <row r="527977" spans="8:8">
      <c r="H527977" s="12"/>
    </row>
    <row r="527978" spans="8:8">
      <c r="H527978" s="12"/>
    </row>
    <row r="527979" spans="8:8">
      <c r="H527979" s="12"/>
    </row>
    <row r="527980" spans="8:8">
      <c r="H527980" s="12"/>
    </row>
    <row r="527981" spans="8:8">
      <c r="H527981" s="12"/>
    </row>
    <row r="527982" spans="8:8">
      <c r="H527982" s="12"/>
    </row>
    <row r="527983" spans="8:8">
      <c r="H527983" s="12"/>
    </row>
    <row r="527984" spans="8:8">
      <c r="H527984" s="12"/>
    </row>
    <row r="527985" spans="8:8">
      <c r="H527985" s="12"/>
    </row>
    <row r="527986" spans="8:8">
      <c r="H527986" s="12"/>
    </row>
    <row r="527987" spans="8:8">
      <c r="H527987" s="12"/>
    </row>
    <row r="527988" spans="8:8">
      <c r="H527988" s="12"/>
    </row>
    <row r="527989" spans="8:8">
      <c r="H527989" s="12"/>
    </row>
    <row r="527990" spans="8:8">
      <c r="H527990" s="12"/>
    </row>
    <row r="527991" spans="8:8">
      <c r="H527991" s="12"/>
    </row>
    <row r="527992" spans="8:8">
      <c r="H527992" s="12"/>
    </row>
    <row r="527993" spans="8:8">
      <c r="H527993" s="12"/>
    </row>
    <row r="527994" spans="8:8">
      <c r="H527994" s="12"/>
    </row>
    <row r="527995" spans="8:8">
      <c r="H527995" s="12"/>
    </row>
    <row r="527996" spans="8:8">
      <c r="H527996" s="12"/>
    </row>
    <row r="527997" spans="8:8">
      <c r="H527997" s="12"/>
    </row>
    <row r="527998" spans="8:8">
      <c r="H527998" s="12"/>
    </row>
    <row r="527999" spans="8:8">
      <c r="H527999" s="12"/>
    </row>
    <row r="528000" spans="8:8">
      <c r="H528000" s="12"/>
    </row>
    <row r="528001" spans="8:8">
      <c r="H528001" s="12"/>
    </row>
    <row r="528002" spans="8:8">
      <c r="H528002" s="12"/>
    </row>
    <row r="528003" spans="8:8">
      <c r="H528003" s="12"/>
    </row>
    <row r="528004" spans="8:8">
      <c r="H528004" s="12"/>
    </row>
    <row r="528005" spans="8:8">
      <c r="H528005" s="12"/>
    </row>
    <row r="528006" spans="8:8">
      <c r="H528006" s="12"/>
    </row>
    <row r="528007" spans="8:8">
      <c r="H528007" s="12"/>
    </row>
    <row r="528008" spans="8:8">
      <c r="H528008" s="12"/>
    </row>
    <row r="528009" spans="8:8">
      <c r="H528009" s="12"/>
    </row>
    <row r="528010" spans="8:8">
      <c r="H528010" s="12"/>
    </row>
    <row r="528011" spans="8:8">
      <c r="H528011" s="12"/>
    </row>
    <row r="528012" spans="8:8">
      <c r="H528012" s="12"/>
    </row>
    <row r="528013" spans="8:8">
      <c r="H528013" s="12"/>
    </row>
    <row r="528014" spans="8:8">
      <c r="H528014" s="12"/>
    </row>
    <row r="528015" spans="8:8">
      <c r="H528015" s="12"/>
    </row>
    <row r="528016" spans="8:8">
      <c r="H528016" s="12"/>
    </row>
    <row r="528017" spans="8:8">
      <c r="H528017" s="12"/>
    </row>
    <row r="528018" spans="8:8">
      <c r="H528018" s="12"/>
    </row>
    <row r="528019" spans="8:8">
      <c r="H528019" s="12"/>
    </row>
    <row r="528020" spans="8:8">
      <c r="H528020" s="12"/>
    </row>
    <row r="528021" spans="8:8">
      <c r="H528021" s="12"/>
    </row>
    <row r="528022" spans="8:8">
      <c r="H528022" s="12"/>
    </row>
    <row r="528023" spans="8:8">
      <c r="H528023" s="12"/>
    </row>
    <row r="528024" spans="8:8">
      <c r="H528024" s="12"/>
    </row>
    <row r="528025" spans="8:8">
      <c r="H528025" s="12"/>
    </row>
    <row r="528026" spans="8:8">
      <c r="H528026" s="12"/>
    </row>
    <row r="528027" spans="8:8">
      <c r="H528027" s="12"/>
    </row>
    <row r="528028" spans="8:8">
      <c r="H528028" s="12"/>
    </row>
    <row r="528029" spans="8:8">
      <c r="H528029" s="12"/>
    </row>
    <row r="528030" spans="8:8">
      <c r="H528030" s="12"/>
    </row>
    <row r="528031" spans="8:8">
      <c r="H528031" s="12"/>
    </row>
    <row r="528032" spans="8:8">
      <c r="H528032" s="12"/>
    </row>
    <row r="528033" spans="8:8">
      <c r="H528033" s="12"/>
    </row>
    <row r="528034" spans="8:8">
      <c r="H528034" s="12"/>
    </row>
    <row r="528035" spans="8:8">
      <c r="H528035" s="12"/>
    </row>
    <row r="528036" spans="8:8">
      <c r="H528036" s="12"/>
    </row>
    <row r="528037" spans="8:8">
      <c r="H528037" s="12"/>
    </row>
    <row r="528038" spans="8:8">
      <c r="H528038" s="12"/>
    </row>
    <row r="528039" spans="8:8">
      <c r="H528039" s="12"/>
    </row>
    <row r="528040" spans="8:8">
      <c r="H528040" s="12"/>
    </row>
    <row r="528041" spans="8:8">
      <c r="H528041" s="12"/>
    </row>
    <row r="528042" spans="8:8">
      <c r="H528042" s="12"/>
    </row>
    <row r="528043" spans="8:8">
      <c r="H528043" s="12"/>
    </row>
    <row r="528044" spans="8:8">
      <c r="H528044" s="12"/>
    </row>
    <row r="528045" spans="8:8">
      <c r="H528045" s="12"/>
    </row>
    <row r="528046" spans="8:8">
      <c r="H528046" s="12"/>
    </row>
    <row r="528047" spans="8:8">
      <c r="H528047" s="12"/>
    </row>
    <row r="528048" spans="8:8">
      <c r="H528048" s="12"/>
    </row>
    <row r="528049" spans="8:8">
      <c r="H528049" s="12"/>
    </row>
    <row r="528050" spans="8:8">
      <c r="H528050" s="12"/>
    </row>
    <row r="528051" spans="8:8">
      <c r="H528051" s="12"/>
    </row>
    <row r="528052" spans="8:8">
      <c r="H528052" s="12"/>
    </row>
    <row r="528053" spans="8:8">
      <c r="H528053" s="12"/>
    </row>
    <row r="528054" spans="8:8">
      <c r="H528054" s="12"/>
    </row>
    <row r="528055" spans="8:8">
      <c r="H528055" s="12"/>
    </row>
    <row r="528056" spans="8:8">
      <c r="H528056" s="12"/>
    </row>
    <row r="528057" spans="8:8">
      <c r="H528057" s="12"/>
    </row>
    <row r="528058" spans="8:8">
      <c r="H528058" s="12"/>
    </row>
    <row r="528059" spans="8:8">
      <c r="H528059" s="12"/>
    </row>
    <row r="528060" spans="8:8">
      <c r="H528060" s="12"/>
    </row>
    <row r="528061" spans="8:8">
      <c r="H528061" s="12"/>
    </row>
    <row r="528062" spans="8:8">
      <c r="H528062" s="12"/>
    </row>
    <row r="528063" spans="8:8">
      <c r="H528063" s="12"/>
    </row>
    <row r="528064" spans="8:8">
      <c r="H528064" s="12"/>
    </row>
    <row r="528065" spans="8:8">
      <c r="H528065" s="12"/>
    </row>
    <row r="528066" spans="8:8">
      <c r="H528066" s="12"/>
    </row>
    <row r="528067" spans="8:8">
      <c r="H528067" s="12"/>
    </row>
    <row r="528068" spans="8:8">
      <c r="H528068" s="12"/>
    </row>
    <row r="528069" spans="8:8">
      <c r="H528069" s="12"/>
    </row>
    <row r="528070" spans="8:8">
      <c r="H528070" s="12"/>
    </row>
    <row r="528071" spans="8:8">
      <c r="H528071" s="12"/>
    </row>
    <row r="528072" spans="8:8">
      <c r="H528072" s="12"/>
    </row>
    <row r="528073" spans="8:8">
      <c r="H528073" s="12"/>
    </row>
    <row r="528074" spans="8:8">
      <c r="H528074" s="12"/>
    </row>
    <row r="528075" spans="8:8">
      <c r="H528075" s="12"/>
    </row>
    <row r="528076" spans="8:8">
      <c r="H528076" s="12"/>
    </row>
    <row r="528077" spans="8:8">
      <c r="H528077" s="12"/>
    </row>
    <row r="528078" spans="8:8">
      <c r="H528078" s="12"/>
    </row>
    <row r="528079" spans="8:8">
      <c r="H528079" s="12"/>
    </row>
    <row r="528080" spans="8:8">
      <c r="H528080" s="12"/>
    </row>
    <row r="528081" spans="8:8">
      <c r="H528081" s="12"/>
    </row>
    <row r="528082" spans="8:8">
      <c r="H528082" s="12"/>
    </row>
    <row r="528083" spans="8:8">
      <c r="H528083" s="12"/>
    </row>
    <row r="528084" spans="8:8">
      <c r="H528084" s="12"/>
    </row>
    <row r="528085" spans="8:8">
      <c r="H528085" s="12"/>
    </row>
    <row r="528086" spans="8:8">
      <c r="H528086" s="12"/>
    </row>
    <row r="528087" spans="8:8">
      <c r="H528087" s="12"/>
    </row>
    <row r="528088" spans="8:8">
      <c r="H528088" s="12"/>
    </row>
    <row r="528089" spans="8:8">
      <c r="H528089" s="12"/>
    </row>
    <row r="528090" spans="8:8">
      <c r="H528090" s="12"/>
    </row>
    <row r="528091" spans="8:8">
      <c r="H528091" s="12"/>
    </row>
    <row r="528092" spans="8:8">
      <c r="H528092" s="12"/>
    </row>
    <row r="528093" spans="8:8">
      <c r="H528093" s="12"/>
    </row>
    <row r="528094" spans="8:8">
      <c r="H528094" s="12"/>
    </row>
    <row r="528095" spans="8:8">
      <c r="H528095" s="12"/>
    </row>
    <row r="528096" spans="8:8">
      <c r="H528096" s="12"/>
    </row>
    <row r="528097" spans="8:8">
      <c r="H528097" s="12"/>
    </row>
    <row r="528098" spans="8:8">
      <c r="H528098" s="12"/>
    </row>
    <row r="528099" spans="8:8">
      <c r="H528099" s="12"/>
    </row>
    <row r="528100" spans="8:8">
      <c r="H528100" s="12"/>
    </row>
    <row r="528101" spans="8:8">
      <c r="H528101" s="12"/>
    </row>
    <row r="528102" spans="8:8">
      <c r="H528102" s="12"/>
    </row>
    <row r="528103" spans="8:8">
      <c r="H528103" s="12"/>
    </row>
    <row r="528104" spans="8:8">
      <c r="H528104" s="12"/>
    </row>
    <row r="528105" spans="8:8">
      <c r="H528105" s="12"/>
    </row>
    <row r="528106" spans="8:8">
      <c r="H528106" s="12"/>
    </row>
    <row r="528107" spans="8:8">
      <c r="H528107" s="12"/>
    </row>
    <row r="528108" spans="8:8">
      <c r="H528108" s="12"/>
    </row>
    <row r="528109" spans="8:8">
      <c r="H528109" s="12"/>
    </row>
    <row r="528110" spans="8:8">
      <c r="H528110" s="12"/>
    </row>
    <row r="528111" spans="8:8">
      <c r="H528111" s="12"/>
    </row>
    <row r="528112" spans="8:8">
      <c r="H528112" s="12"/>
    </row>
    <row r="528113" spans="8:8">
      <c r="H528113" s="12"/>
    </row>
    <row r="528114" spans="8:8">
      <c r="H528114" s="12"/>
    </row>
    <row r="528115" spans="8:8">
      <c r="H528115" s="12"/>
    </row>
    <row r="528116" spans="8:8">
      <c r="H528116" s="12"/>
    </row>
    <row r="528117" spans="8:8">
      <c r="H528117" s="12"/>
    </row>
    <row r="528118" spans="8:8">
      <c r="H528118" s="12"/>
    </row>
    <row r="528119" spans="8:8">
      <c r="H528119" s="12"/>
    </row>
    <row r="528120" spans="8:8">
      <c r="H528120" s="12"/>
    </row>
    <row r="528121" spans="8:8">
      <c r="H528121" s="12"/>
    </row>
    <row r="528122" spans="8:8">
      <c r="H528122" s="12"/>
    </row>
    <row r="528123" spans="8:8">
      <c r="H528123" s="12"/>
    </row>
    <row r="528124" spans="8:8">
      <c r="H528124" s="12"/>
    </row>
    <row r="528125" spans="8:8">
      <c r="H528125" s="12"/>
    </row>
    <row r="528126" spans="8:8">
      <c r="H528126" s="12"/>
    </row>
    <row r="528127" spans="8:8">
      <c r="H528127" s="12"/>
    </row>
    <row r="528128" spans="8:8">
      <c r="H528128" s="12"/>
    </row>
    <row r="528129" spans="8:8">
      <c r="H528129" s="12"/>
    </row>
    <row r="528130" spans="8:8">
      <c r="H528130" s="12"/>
    </row>
    <row r="528131" spans="8:8">
      <c r="H528131" s="12"/>
    </row>
    <row r="528132" spans="8:8">
      <c r="H528132" s="12"/>
    </row>
    <row r="528133" spans="8:8">
      <c r="H528133" s="12"/>
    </row>
    <row r="528134" spans="8:8">
      <c r="H528134" s="12"/>
    </row>
    <row r="528135" spans="8:8">
      <c r="H528135" s="12"/>
    </row>
    <row r="528136" spans="8:8">
      <c r="H528136" s="12"/>
    </row>
    <row r="528137" spans="8:8">
      <c r="H528137" s="12"/>
    </row>
    <row r="528138" spans="8:8">
      <c r="H528138" s="12"/>
    </row>
    <row r="528139" spans="8:8">
      <c r="H528139" s="12"/>
    </row>
    <row r="528140" spans="8:8">
      <c r="H528140" s="12"/>
    </row>
    <row r="528141" spans="8:8">
      <c r="H528141" s="12"/>
    </row>
    <row r="528142" spans="8:8">
      <c r="H528142" s="12"/>
    </row>
    <row r="528143" spans="8:8">
      <c r="H528143" s="12"/>
    </row>
    <row r="528144" spans="8:8">
      <c r="H528144" s="12"/>
    </row>
    <row r="528145" spans="8:8">
      <c r="H528145" s="12"/>
    </row>
    <row r="528146" spans="8:8">
      <c r="H528146" s="12"/>
    </row>
    <row r="528147" spans="8:8">
      <c r="H528147" s="12"/>
    </row>
    <row r="528148" spans="8:8">
      <c r="H528148" s="12"/>
    </row>
    <row r="528149" spans="8:8">
      <c r="H528149" s="12"/>
    </row>
    <row r="528150" spans="8:8">
      <c r="H528150" s="12"/>
    </row>
    <row r="528151" spans="8:8">
      <c r="H528151" s="12"/>
    </row>
    <row r="528152" spans="8:8">
      <c r="H528152" s="12"/>
    </row>
    <row r="528153" spans="8:8">
      <c r="H528153" s="12"/>
    </row>
    <row r="528154" spans="8:8">
      <c r="H528154" s="12"/>
    </row>
    <row r="528155" spans="8:8">
      <c r="H528155" s="12"/>
    </row>
    <row r="528156" spans="8:8">
      <c r="H528156" s="12"/>
    </row>
    <row r="528157" spans="8:8">
      <c r="H528157" s="12"/>
    </row>
    <row r="528158" spans="8:8">
      <c r="H528158" s="12"/>
    </row>
    <row r="528159" spans="8:8">
      <c r="H528159" s="12"/>
    </row>
    <row r="528160" spans="8:8">
      <c r="H528160" s="12"/>
    </row>
    <row r="528161" spans="8:8">
      <c r="H528161" s="12"/>
    </row>
    <row r="528162" spans="8:8">
      <c r="H528162" s="12"/>
    </row>
    <row r="528163" spans="8:8">
      <c r="H528163" s="12"/>
    </row>
    <row r="528164" spans="8:8">
      <c r="H528164" s="12"/>
    </row>
    <row r="528165" spans="8:8">
      <c r="H528165" s="12"/>
    </row>
    <row r="528166" spans="8:8">
      <c r="H528166" s="12"/>
    </row>
    <row r="528167" spans="8:8">
      <c r="H528167" s="12"/>
    </row>
    <row r="528168" spans="8:8">
      <c r="H528168" s="12"/>
    </row>
    <row r="528169" spans="8:8">
      <c r="H528169" s="12"/>
    </row>
    <row r="528170" spans="8:8">
      <c r="H528170" s="12"/>
    </row>
    <row r="528171" spans="8:8">
      <c r="H528171" s="12"/>
    </row>
    <row r="528172" spans="8:8">
      <c r="H528172" s="12"/>
    </row>
    <row r="528173" spans="8:8">
      <c r="H528173" s="12"/>
    </row>
    <row r="528174" spans="8:8">
      <c r="H528174" s="12"/>
    </row>
    <row r="528175" spans="8:8">
      <c r="H528175" s="12"/>
    </row>
    <row r="528176" spans="8:8">
      <c r="H528176" s="12"/>
    </row>
    <row r="528177" spans="8:8">
      <c r="H528177" s="12"/>
    </row>
    <row r="528178" spans="8:8">
      <c r="H528178" s="12"/>
    </row>
    <row r="528179" spans="8:8">
      <c r="H528179" s="12"/>
    </row>
    <row r="528180" spans="8:8">
      <c r="H528180" s="12"/>
    </row>
    <row r="528181" spans="8:8">
      <c r="H528181" s="12"/>
    </row>
    <row r="528182" spans="8:8">
      <c r="H528182" s="12"/>
    </row>
    <row r="528183" spans="8:8">
      <c r="H528183" s="12"/>
    </row>
    <row r="528184" spans="8:8">
      <c r="H528184" s="12"/>
    </row>
    <row r="528185" spans="8:8">
      <c r="H528185" s="12"/>
    </row>
    <row r="528186" spans="8:8">
      <c r="H528186" s="12"/>
    </row>
    <row r="528187" spans="8:8">
      <c r="H528187" s="12"/>
    </row>
    <row r="528188" spans="8:8">
      <c r="H528188" s="12"/>
    </row>
    <row r="528189" spans="8:8">
      <c r="H528189" s="12"/>
    </row>
    <row r="528190" spans="8:8">
      <c r="H528190" s="12"/>
    </row>
    <row r="528191" spans="8:8">
      <c r="H528191" s="12"/>
    </row>
    <row r="528192" spans="8:8">
      <c r="H528192" s="12"/>
    </row>
    <row r="528193" spans="8:8">
      <c r="H528193" s="12"/>
    </row>
    <row r="528194" spans="8:8">
      <c r="H528194" s="12"/>
    </row>
    <row r="528195" spans="8:8">
      <c r="H528195" s="12"/>
    </row>
    <row r="528196" spans="8:8">
      <c r="H528196" s="12"/>
    </row>
    <row r="528197" spans="8:8">
      <c r="H528197" s="12"/>
    </row>
    <row r="528198" spans="8:8">
      <c r="H528198" s="12"/>
    </row>
    <row r="528199" spans="8:8">
      <c r="H528199" s="12"/>
    </row>
    <row r="528200" spans="8:8">
      <c r="H528200" s="12"/>
    </row>
    <row r="528201" spans="8:8">
      <c r="H528201" s="12"/>
    </row>
    <row r="528202" spans="8:8">
      <c r="H528202" s="12"/>
    </row>
    <row r="528203" spans="8:8">
      <c r="H528203" s="12"/>
    </row>
    <row r="528204" spans="8:8">
      <c r="H528204" s="12"/>
    </row>
    <row r="528205" spans="8:8">
      <c r="H528205" s="12"/>
    </row>
    <row r="528206" spans="8:8">
      <c r="H528206" s="12"/>
    </row>
    <row r="528207" spans="8:8">
      <c r="H528207" s="12"/>
    </row>
    <row r="528208" spans="8:8">
      <c r="H528208" s="12"/>
    </row>
    <row r="528209" spans="8:8">
      <c r="H528209" s="12"/>
    </row>
    <row r="528210" spans="8:8">
      <c r="H528210" s="12"/>
    </row>
    <row r="528211" spans="8:8">
      <c r="H528211" s="12"/>
    </row>
    <row r="528212" spans="8:8">
      <c r="H528212" s="12"/>
    </row>
    <row r="528213" spans="8:8">
      <c r="H528213" s="12"/>
    </row>
    <row r="528214" spans="8:8">
      <c r="H528214" s="12"/>
    </row>
    <row r="528215" spans="8:8">
      <c r="H528215" s="12"/>
    </row>
    <row r="528216" spans="8:8">
      <c r="H528216" s="12"/>
    </row>
    <row r="528217" spans="8:8">
      <c r="H528217" s="12"/>
    </row>
    <row r="528218" spans="8:8">
      <c r="H528218" s="12"/>
    </row>
    <row r="528219" spans="8:8">
      <c r="H528219" s="12"/>
    </row>
    <row r="528220" spans="8:8">
      <c r="H528220" s="12"/>
    </row>
    <row r="528221" spans="8:8">
      <c r="H528221" s="12"/>
    </row>
    <row r="528222" spans="8:8">
      <c r="H528222" s="12"/>
    </row>
    <row r="528223" spans="8:8">
      <c r="H528223" s="12"/>
    </row>
    <row r="528224" spans="8:8">
      <c r="H528224" s="12"/>
    </row>
    <row r="528225" spans="8:8">
      <c r="H528225" s="12"/>
    </row>
    <row r="528226" spans="8:8">
      <c r="H528226" s="12"/>
    </row>
    <row r="528227" spans="8:8">
      <c r="H528227" s="12"/>
    </row>
    <row r="528228" spans="8:8">
      <c r="H528228" s="12"/>
    </row>
    <row r="528229" spans="8:8">
      <c r="H528229" s="12"/>
    </row>
    <row r="528230" spans="8:8">
      <c r="H528230" s="12"/>
    </row>
    <row r="528231" spans="8:8">
      <c r="H528231" s="12"/>
    </row>
    <row r="528232" spans="8:8">
      <c r="H528232" s="12"/>
    </row>
    <row r="528233" spans="8:8">
      <c r="H528233" s="12"/>
    </row>
    <row r="528234" spans="8:8">
      <c r="H528234" s="12"/>
    </row>
    <row r="528235" spans="8:8">
      <c r="H528235" s="12"/>
    </row>
    <row r="528236" spans="8:8">
      <c r="H528236" s="12"/>
    </row>
    <row r="528237" spans="8:8">
      <c r="H528237" s="12"/>
    </row>
    <row r="528238" spans="8:8">
      <c r="H528238" s="12"/>
    </row>
    <row r="528239" spans="8:8">
      <c r="H528239" s="12"/>
    </row>
    <row r="528240" spans="8:8">
      <c r="H528240" s="12"/>
    </row>
    <row r="528241" spans="8:8">
      <c r="H528241" s="12"/>
    </row>
    <row r="528242" spans="8:8">
      <c r="H528242" s="12"/>
    </row>
    <row r="528243" spans="8:8">
      <c r="H528243" s="12"/>
    </row>
    <row r="528244" spans="8:8">
      <c r="H528244" s="12"/>
    </row>
    <row r="528245" spans="8:8">
      <c r="H528245" s="12"/>
    </row>
    <row r="528246" spans="8:8">
      <c r="H528246" s="12"/>
    </row>
    <row r="528247" spans="8:8">
      <c r="H528247" s="12"/>
    </row>
    <row r="528248" spans="8:8">
      <c r="H528248" s="12"/>
    </row>
    <row r="528249" spans="8:8">
      <c r="H528249" s="12"/>
    </row>
    <row r="528250" spans="8:8">
      <c r="H528250" s="12"/>
    </row>
    <row r="528251" spans="8:8">
      <c r="H528251" s="12"/>
    </row>
    <row r="528252" spans="8:8">
      <c r="H528252" s="12"/>
    </row>
    <row r="528253" spans="8:8">
      <c r="H528253" s="12"/>
    </row>
    <row r="528254" spans="8:8">
      <c r="H528254" s="12"/>
    </row>
    <row r="528255" spans="8:8">
      <c r="H528255" s="12"/>
    </row>
    <row r="528256" spans="8:8">
      <c r="H528256" s="12"/>
    </row>
    <row r="528257" spans="8:8">
      <c r="H528257" s="12"/>
    </row>
    <row r="528258" spans="8:8">
      <c r="H528258" s="12"/>
    </row>
    <row r="528259" spans="8:8">
      <c r="H528259" s="12"/>
    </row>
    <row r="528260" spans="8:8">
      <c r="H528260" s="12"/>
    </row>
    <row r="528261" spans="8:8">
      <c r="H528261" s="12"/>
    </row>
    <row r="528262" spans="8:8">
      <c r="H528262" s="12"/>
    </row>
    <row r="528263" spans="8:8">
      <c r="H528263" s="12"/>
    </row>
    <row r="528264" spans="8:8">
      <c r="H528264" s="12"/>
    </row>
    <row r="528265" spans="8:8">
      <c r="H528265" s="12"/>
    </row>
    <row r="528266" spans="8:8">
      <c r="H528266" s="12"/>
    </row>
    <row r="528267" spans="8:8">
      <c r="H528267" s="12"/>
    </row>
    <row r="528268" spans="8:8">
      <c r="H528268" s="12"/>
    </row>
    <row r="528269" spans="8:8">
      <c r="H528269" s="12"/>
    </row>
    <row r="528270" spans="8:8">
      <c r="H528270" s="12"/>
    </row>
    <row r="528271" spans="8:8">
      <c r="H528271" s="12"/>
    </row>
    <row r="528272" spans="8:8">
      <c r="H528272" s="12"/>
    </row>
    <row r="528273" spans="8:8">
      <c r="H528273" s="12"/>
    </row>
    <row r="528274" spans="8:8">
      <c r="H528274" s="12"/>
    </row>
    <row r="528275" spans="8:8">
      <c r="H528275" s="12"/>
    </row>
    <row r="528276" spans="8:8">
      <c r="H528276" s="12"/>
    </row>
    <row r="528277" spans="8:8">
      <c r="H528277" s="12"/>
    </row>
    <row r="528278" spans="8:8">
      <c r="H528278" s="12"/>
    </row>
    <row r="528279" spans="8:8">
      <c r="H528279" s="12"/>
    </row>
    <row r="528280" spans="8:8">
      <c r="H528280" s="12"/>
    </row>
    <row r="528281" spans="8:8">
      <c r="H528281" s="12"/>
    </row>
    <row r="528282" spans="8:8">
      <c r="H528282" s="12"/>
    </row>
    <row r="528283" spans="8:8">
      <c r="H528283" s="12"/>
    </row>
    <row r="528284" spans="8:8">
      <c r="H528284" s="12"/>
    </row>
    <row r="528285" spans="8:8">
      <c r="H528285" s="12"/>
    </row>
    <row r="528286" spans="8:8">
      <c r="H528286" s="12"/>
    </row>
    <row r="528287" spans="8:8">
      <c r="H528287" s="12"/>
    </row>
    <row r="528288" spans="8:8">
      <c r="H528288" s="12"/>
    </row>
    <row r="528289" spans="8:8">
      <c r="H528289" s="12"/>
    </row>
    <row r="528290" spans="8:8">
      <c r="H528290" s="12"/>
    </row>
    <row r="528291" spans="8:8">
      <c r="H528291" s="12"/>
    </row>
    <row r="528292" spans="8:8">
      <c r="H528292" s="12"/>
    </row>
    <row r="528293" spans="8:8">
      <c r="H528293" s="12"/>
    </row>
    <row r="528294" spans="8:8">
      <c r="H528294" s="12"/>
    </row>
    <row r="528295" spans="8:8">
      <c r="H528295" s="12"/>
    </row>
    <row r="528296" spans="8:8">
      <c r="H528296" s="12"/>
    </row>
    <row r="528297" spans="8:8">
      <c r="H528297" s="12"/>
    </row>
    <row r="528298" spans="8:8">
      <c r="H528298" s="12"/>
    </row>
    <row r="528299" spans="8:8">
      <c r="H528299" s="12"/>
    </row>
    <row r="528300" spans="8:8">
      <c r="H528300" s="12"/>
    </row>
    <row r="528301" spans="8:8">
      <c r="H528301" s="12"/>
    </row>
    <row r="528302" spans="8:8">
      <c r="H528302" s="12"/>
    </row>
    <row r="528303" spans="8:8">
      <c r="H528303" s="12"/>
    </row>
    <row r="528304" spans="8:8">
      <c r="H528304" s="12"/>
    </row>
    <row r="528305" spans="8:8">
      <c r="H528305" s="12"/>
    </row>
    <row r="528306" spans="8:8">
      <c r="H528306" s="12"/>
    </row>
    <row r="528307" spans="8:8">
      <c r="H528307" s="12"/>
    </row>
    <row r="528308" spans="8:8">
      <c r="H528308" s="12"/>
    </row>
    <row r="528309" spans="8:8">
      <c r="H528309" s="12"/>
    </row>
    <row r="528310" spans="8:8">
      <c r="H528310" s="12"/>
    </row>
    <row r="528311" spans="8:8">
      <c r="H528311" s="12"/>
    </row>
    <row r="528312" spans="8:8">
      <c r="H528312" s="12"/>
    </row>
    <row r="528313" spans="8:8">
      <c r="H528313" s="12"/>
    </row>
    <row r="528314" spans="8:8">
      <c r="H528314" s="12"/>
    </row>
    <row r="528315" spans="8:8">
      <c r="H528315" s="12"/>
    </row>
    <row r="528316" spans="8:8">
      <c r="H528316" s="12"/>
    </row>
    <row r="528317" spans="8:8">
      <c r="H528317" s="12"/>
    </row>
    <row r="528318" spans="8:8">
      <c r="H528318" s="12"/>
    </row>
    <row r="528319" spans="8:8">
      <c r="H528319" s="12"/>
    </row>
    <row r="528320" spans="8:8">
      <c r="H528320" s="12"/>
    </row>
    <row r="528321" spans="8:8">
      <c r="H528321" s="12"/>
    </row>
    <row r="528322" spans="8:8">
      <c r="H528322" s="12"/>
    </row>
    <row r="528323" spans="8:8">
      <c r="H528323" s="12"/>
    </row>
    <row r="528324" spans="8:8">
      <c r="H528324" s="12"/>
    </row>
    <row r="528325" spans="8:8">
      <c r="H528325" s="12"/>
    </row>
    <row r="528326" spans="8:8">
      <c r="H528326" s="12"/>
    </row>
    <row r="528327" spans="8:8">
      <c r="H528327" s="12"/>
    </row>
    <row r="528328" spans="8:8">
      <c r="H528328" s="12"/>
    </row>
    <row r="528329" spans="8:8">
      <c r="H528329" s="12"/>
    </row>
    <row r="528330" spans="8:8">
      <c r="H528330" s="12"/>
    </row>
    <row r="528331" spans="8:8">
      <c r="H528331" s="12"/>
    </row>
    <row r="528332" spans="8:8">
      <c r="H528332" s="12"/>
    </row>
    <row r="528333" spans="8:8">
      <c r="H528333" s="12"/>
    </row>
    <row r="528334" spans="8:8">
      <c r="H528334" s="12"/>
    </row>
    <row r="528335" spans="8:8">
      <c r="H528335" s="12"/>
    </row>
    <row r="528336" spans="8:8">
      <c r="H528336" s="12"/>
    </row>
    <row r="528337" spans="8:8">
      <c r="H528337" s="12"/>
    </row>
    <row r="528338" spans="8:8">
      <c r="H528338" s="12"/>
    </row>
    <row r="528339" spans="8:8">
      <c r="H528339" s="12"/>
    </row>
    <row r="528340" spans="8:8">
      <c r="H528340" s="12"/>
    </row>
    <row r="528341" spans="8:8">
      <c r="H528341" s="12"/>
    </row>
    <row r="528342" spans="8:8">
      <c r="H528342" s="12"/>
    </row>
    <row r="528343" spans="8:8">
      <c r="H528343" s="12"/>
    </row>
    <row r="528344" spans="8:8">
      <c r="H528344" s="12"/>
    </row>
    <row r="528345" spans="8:8">
      <c r="H528345" s="12"/>
    </row>
    <row r="528346" spans="8:8">
      <c r="H528346" s="12"/>
    </row>
    <row r="528347" spans="8:8">
      <c r="H528347" s="12"/>
    </row>
    <row r="528348" spans="8:8">
      <c r="H528348" s="12"/>
    </row>
    <row r="528349" spans="8:8">
      <c r="H528349" s="12"/>
    </row>
    <row r="528350" spans="8:8">
      <c r="H528350" s="12"/>
    </row>
    <row r="528351" spans="8:8">
      <c r="H528351" s="12"/>
    </row>
    <row r="528352" spans="8:8">
      <c r="H528352" s="12"/>
    </row>
    <row r="528353" spans="8:8">
      <c r="H528353" s="12"/>
    </row>
    <row r="528354" spans="8:8">
      <c r="H528354" s="12"/>
    </row>
    <row r="528355" spans="8:8">
      <c r="H528355" s="12"/>
    </row>
    <row r="528356" spans="8:8">
      <c r="H528356" s="12"/>
    </row>
    <row r="528357" spans="8:8">
      <c r="H528357" s="12"/>
    </row>
    <row r="528358" spans="8:8">
      <c r="H528358" s="12"/>
    </row>
    <row r="528359" spans="8:8">
      <c r="H528359" s="12"/>
    </row>
    <row r="528360" spans="8:8">
      <c r="H528360" s="12"/>
    </row>
    <row r="528361" spans="8:8">
      <c r="H528361" s="12"/>
    </row>
    <row r="528362" spans="8:8">
      <c r="H528362" s="12"/>
    </row>
    <row r="528363" spans="8:8">
      <c r="H528363" s="12"/>
    </row>
    <row r="528364" spans="8:8">
      <c r="H528364" s="12"/>
    </row>
    <row r="528365" spans="8:8">
      <c r="H528365" s="12"/>
    </row>
    <row r="528366" spans="8:8">
      <c r="H528366" s="12"/>
    </row>
    <row r="528367" spans="8:8">
      <c r="H528367" s="12"/>
    </row>
    <row r="528368" spans="8:8">
      <c r="H528368" s="12"/>
    </row>
    <row r="528369" spans="8:8">
      <c r="H528369" s="12"/>
    </row>
    <row r="528370" spans="8:8">
      <c r="H528370" s="12"/>
    </row>
    <row r="528371" spans="8:8">
      <c r="H528371" s="12"/>
    </row>
    <row r="528372" spans="8:8">
      <c r="H528372" s="12"/>
    </row>
    <row r="528373" spans="8:8">
      <c r="H528373" s="12"/>
    </row>
    <row r="528374" spans="8:8">
      <c r="H528374" s="12"/>
    </row>
    <row r="528375" spans="8:8">
      <c r="H528375" s="12"/>
    </row>
    <row r="528376" spans="8:8">
      <c r="H528376" s="12"/>
    </row>
    <row r="528377" spans="8:8">
      <c r="H528377" s="12"/>
    </row>
    <row r="528378" spans="8:8">
      <c r="H528378" s="12"/>
    </row>
    <row r="528379" spans="8:8">
      <c r="H528379" s="12"/>
    </row>
    <row r="528380" spans="8:8">
      <c r="H528380" s="12"/>
    </row>
    <row r="528381" spans="8:8">
      <c r="H528381" s="12"/>
    </row>
    <row r="528382" spans="8:8">
      <c r="H528382" s="12"/>
    </row>
    <row r="528383" spans="8:8">
      <c r="H528383" s="12"/>
    </row>
    <row r="528384" spans="8:8">
      <c r="H528384" s="12"/>
    </row>
    <row r="528385" spans="8:8">
      <c r="H528385" s="12"/>
    </row>
    <row r="528386" spans="8:8">
      <c r="H528386" s="12"/>
    </row>
    <row r="528387" spans="8:8">
      <c r="H528387" s="12"/>
    </row>
    <row r="528388" spans="8:8">
      <c r="H528388" s="12"/>
    </row>
    <row r="528389" spans="8:8">
      <c r="H528389" s="12"/>
    </row>
    <row r="528390" spans="8:8">
      <c r="H528390" s="12"/>
    </row>
    <row r="528391" spans="8:8">
      <c r="H528391" s="12"/>
    </row>
    <row r="528392" spans="8:8">
      <c r="H528392" s="12"/>
    </row>
    <row r="528393" spans="8:8">
      <c r="H528393" s="12"/>
    </row>
    <row r="528394" spans="8:8">
      <c r="H528394" s="12"/>
    </row>
    <row r="528395" spans="8:8">
      <c r="H528395" s="12"/>
    </row>
    <row r="528396" spans="8:8">
      <c r="H528396" s="12"/>
    </row>
    <row r="528397" spans="8:8">
      <c r="H528397" s="12"/>
    </row>
    <row r="528398" spans="8:8">
      <c r="H528398" s="12"/>
    </row>
    <row r="528399" spans="8:8">
      <c r="H528399" s="12"/>
    </row>
    <row r="528400" spans="8:8">
      <c r="H528400" s="12"/>
    </row>
    <row r="528401" spans="8:8">
      <c r="H528401" s="12"/>
    </row>
    <row r="528402" spans="8:8">
      <c r="H528402" s="12"/>
    </row>
    <row r="528403" spans="8:8">
      <c r="H528403" s="12"/>
    </row>
    <row r="528404" spans="8:8">
      <c r="H528404" s="12"/>
    </row>
    <row r="528405" spans="8:8">
      <c r="H528405" s="12"/>
    </row>
    <row r="528406" spans="8:8">
      <c r="H528406" s="12"/>
    </row>
    <row r="528407" spans="8:8">
      <c r="H528407" s="12"/>
    </row>
    <row r="528408" spans="8:8">
      <c r="H528408" s="12"/>
    </row>
    <row r="528409" spans="8:8">
      <c r="H528409" s="12"/>
    </row>
    <row r="528410" spans="8:8">
      <c r="H528410" s="12"/>
    </row>
    <row r="528411" spans="8:8">
      <c r="H528411" s="12"/>
    </row>
    <row r="528412" spans="8:8">
      <c r="H528412" s="12"/>
    </row>
    <row r="528413" spans="8:8">
      <c r="H528413" s="12"/>
    </row>
    <row r="528414" spans="8:8">
      <c r="H528414" s="12"/>
    </row>
    <row r="528415" spans="8:8">
      <c r="H528415" s="12"/>
    </row>
    <row r="528416" spans="8:8">
      <c r="H528416" s="12"/>
    </row>
    <row r="528417" spans="8:8">
      <c r="H528417" s="12"/>
    </row>
    <row r="528418" spans="8:8">
      <c r="H528418" s="12"/>
    </row>
    <row r="528419" spans="8:8">
      <c r="H528419" s="12"/>
    </row>
    <row r="528420" spans="8:8">
      <c r="H528420" s="12"/>
    </row>
    <row r="528421" spans="8:8">
      <c r="H528421" s="12"/>
    </row>
    <row r="528422" spans="8:8">
      <c r="H528422" s="12"/>
    </row>
    <row r="528423" spans="8:8">
      <c r="H528423" s="12"/>
    </row>
    <row r="528424" spans="8:8">
      <c r="H528424" s="12"/>
    </row>
    <row r="528425" spans="8:8">
      <c r="H528425" s="12"/>
    </row>
    <row r="528426" spans="8:8">
      <c r="H528426" s="12"/>
    </row>
    <row r="528427" spans="8:8">
      <c r="H528427" s="12"/>
    </row>
    <row r="528428" spans="8:8">
      <c r="H528428" s="12"/>
    </row>
    <row r="528429" spans="8:8">
      <c r="H528429" s="12"/>
    </row>
    <row r="528430" spans="8:8">
      <c r="H528430" s="12"/>
    </row>
    <row r="528431" spans="8:8">
      <c r="H528431" s="12"/>
    </row>
    <row r="528432" spans="8:8">
      <c r="H528432" s="12"/>
    </row>
    <row r="528433" spans="8:8">
      <c r="H528433" s="12"/>
    </row>
    <row r="528434" spans="8:8">
      <c r="H528434" s="12"/>
    </row>
    <row r="528435" spans="8:8">
      <c r="H528435" s="12"/>
    </row>
    <row r="528436" spans="8:8">
      <c r="H528436" s="12"/>
    </row>
    <row r="528437" spans="8:8">
      <c r="H528437" s="12"/>
    </row>
    <row r="528438" spans="8:8">
      <c r="H528438" s="12"/>
    </row>
    <row r="528439" spans="8:8">
      <c r="H528439" s="12"/>
    </row>
    <row r="528440" spans="8:8">
      <c r="H528440" s="12"/>
    </row>
    <row r="528441" spans="8:8">
      <c r="H528441" s="12"/>
    </row>
    <row r="528442" spans="8:8">
      <c r="H528442" s="12"/>
    </row>
    <row r="528443" spans="8:8">
      <c r="H528443" s="12"/>
    </row>
    <row r="528444" spans="8:8">
      <c r="H528444" s="12"/>
    </row>
    <row r="528445" spans="8:8">
      <c r="H528445" s="12"/>
    </row>
    <row r="528446" spans="8:8">
      <c r="H528446" s="12"/>
    </row>
    <row r="528447" spans="8:8">
      <c r="H528447" s="12"/>
    </row>
    <row r="528448" spans="8:8">
      <c r="H528448" s="12"/>
    </row>
    <row r="528449" spans="8:8">
      <c r="H528449" s="12"/>
    </row>
    <row r="528450" spans="8:8">
      <c r="H528450" s="12"/>
    </row>
    <row r="528451" spans="8:8">
      <c r="H528451" s="12"/>
    </row>
    <row r="528452" spans="8:8">
      <c r="H528452" s="12"/>
    </row>
    <row r="528453" spans="8:8">
      <c r="H528453" s="12"/>
    </row>
    <row r="528454" spans="8:8">
      <c r="H528454" s="12"/>
    </row>
    <row r="528455" spans="8:8">
      <c r="H528455" s="12"/>
    </row>
    <row r="528456" spans="8:8">
      <c r="H528456" s="12"/>
    </row>
    <row r="528457" spans="8:8">
      <c r="H528457" s="12"/>
    </row>
    <row r="528458" spans="8:8">
      <c r="H528458" s="12"/>
    </row>
    <row r="528459" spans="8:8">
      <c r="H528459" s="12"/>
    </row>
    <row r="528460" spans="8:8">
      <c r="H528460" s="12"/>
    </row>
    <row r="528461" spans="8:8">
      <c r="H528461" s="12"/>
    </row>
    <row r="528462" spans="8:8">
      <c r="H528462" s="12"/>
    </row>
    <row r="528463" spans="8:8">
      <c r="H528463" s="12"/>
    </row>
    <row r="528464" spans="8:8">
      <c r="H528464" s="12"/>
    </row>
    <row r="528465" spans="8:8">
      <c r="H528465" s="12"/>
    </row>
    <row r="528466" spans="8:8">
      <c r="H528466" s="12"/>
    </row>
    <row r="528467" spans="8:8">
      <c r="H528467" s="12"/>
    </row>
    <row r="528468" spans="8:8">
      <c r="H528468" s="12"/>
    </row>
    <row r="528469" spans="8:8">
      <c r="H528469" s="12"/>
    </row>
    <row r="528470" spans="8:8">
      <c r="H528470" s="12"/>
    </row>
    <row r="528471" spans="8:8">
      <c r="H528471" s="12"/>
    </row>
    <row r="528472" spans="8:8">
      <c r="H528472" s="12"/>
    </row>
    <row r="528473" spans="8:8">
      <c r="H528473" s="12"/>
    </row>
    <row r="528474" spans="8:8">
      <c r="H528474" s="12"/>
    </row>
    <row r="528475" spans="8:8">
      <c r="H528475" s="12"/>
    </row>
    <row r="528476" spans="8:8">
      <c r="H528476" s="12"/>
    </row>
    <row r="528477" spans="8:8">
      <c r="H528477" s="12"/>
    </row>
    <row r="528478" spans="8:8">
      <c r="H528478" s="12"/>
    </row>
    <row r="528479" spans="8:8">
      <c r="H528479" s="12"/>
    </row>
    <row r="528480" spans="8:8">
      <c r="H528480" s="12"/>
    </row>
    <row r="528481" spans="8:8">
      <c r="H528481" s="12"/>
    </row>
    <row r="528482" spans="8:8">
      <c r="H528482" s="12"/>
    </row>
    <row r="528483" spans="8:8">
      <c r="H528483" s="12"/>
    </row>
    <row r="528484" spans="8:8">
      <c r="H528484" s="12"/>
    </row>
    <row r="528485" spans="8:8">
      <c r="H528485" s="12"/>
    </row>
    <row r="528486" spans="8:8">
      <c r="H528486" s="12"/>
    </row>
    <row r="528487" spans="8:8">
      <c r="H528487" s="12"/>
    </row>
    <row r="528488" spans="8:8">
      <c r="H528488" s="12"/>
    </row>
    <row r="528489" spans="8:8">
      <c r="H528489" s="12"/>
    </row>
    <row r="528490" spans="8:8">
      <c r="H528490" s="12"/>
    </row>
    <row r="528491" spans="8:8">
      <c r="H528491" s="12"/>
    </row>
    <row r="528492" spans="8:8">
      <c r="H528492" s="12"/>
    </row>
    <row r="528493" spans="8:8">
      <c r="H528493" s="12"/>
    </row>
    <row r="528494" spans="8:8">
      <c r="H528494" s="12"/>
    </row>
    <row r="528495" spans="8:8">
      <c r="H528495" s="12"/>
    </row>
    <row r="528496" spans="8:8">
      <c r="H528496" s="12"/>
    </row>
    <row r="528497" spans="8:8">
      <c r="H528497" s="12"/>
    </row>
    <row r="528498" spans="8:8">
      <c r="H528498" s="12"/>
    </row>
    <row r="528499" spans="8:8">
      <c r="H528499" s="12"/>
    </row>
    <row r="528500" spans="8:8">
      <c r="H528500" s="12"/>
    </row>
    <row r="528501" spans="8:8">
      <c r="H528501" s="12"/>
    </row>
    <row r="528502" spans="8:8">
      <c r="H528502" s="12"/>
    </row>
    <row r="528503" spans="8:8">
      <c r="H528503" s="12"/>
    </row>
    <row r="528504" spans="8:8">
      <c r="H528504" s="12"/>
    </row>
    <row r="528505" spans="8:8">
      <c r="H528505" s="12"/>
    </row>
    <row r="528506" spans="8:8">
      <c r="H528506" s="12"/>
    </row>
    <row r="528507" spans="8:8">
      <c r="H528507" s="12"/>
    </row>
    <row r="528508" spans="8:8">
      <c r="H528508" s="12"/>
    </row>
    <row r="528509" spans="8:8">
      <c r="H528509" s="12"/>
    </row>
    <row r="528510" spans="8:8">
      <c r="H528510" s="12"/>
    </row>
    <row r="528511" spans="8:8">
      <c r="H528511" s="12"/>
    </row>
    <row r="528512" spans="8:8">
      <c r="H528512" s="12"/>
    </row>
    <row r="528513" spans="8:8">
      <c r="H528513" s="12"/>
    </row>
    <row r="528514" spans="8:8">
      <c r="H528514" s="12"/>
    </row>
    <row r="528515" spans="8:8">
      <c r="H528515" s="12"/>
    </row>
    <row r="528516" spans="8:8">
      <c r="H528516" s="12"/>
    </row>
    <row r="528517" spans="8:8">
      <c r="H528517" s="12"/>
    </row>
    <row r="528518" spans="8:8">
      <c r="H528518" s="12"/>
    </row>
    <row r="528519" spans="8:8">
      <c r="H528519" s="12"/>
    </row>
    <row r="528520" spans="8:8">
      <c r="H528520" s="12"/>
    </row>
    <row r="528521" spans="8:8">
      <c r="H528521" s="12"/>
    </row>
    <row r="528522" spans="8:8">
      <c r="H528522" s="12"/>
    </row>
    <row r="528523" spans="8:8">
      <c r="H528523" s="12"/>
    </row>
    <row r="528524" spans="8:8">
      <c r="H528524" s="12"/>
    </row>
    <row r="528525" spans="8:8">
      <c r="H528525" s="12"/>
    </row>
    <row r="528526" spans="8:8">
      <c r="H528526" s="12"/>
    </row>
    <row r="528527" spans="8:8">
      <c r="H528527" s="12"/>
    </row>
    <row r="528528" spans="8:8">
      <c r="H528528" s="12"/>
    </row>
    <row r="528529" spans="8:8">
      <c r="H528529" s="12"/>
    </row>
    <row r="528530" spans="8:8">
      <c r="H528530" s="12"/>
    </row>
    <row r="528531" spans="8:8">
      <c r="H528531" s="12"/>
    </row>
    <row r="528532" spans="8:8">
      <c r="H528532" s="12"/>
    </row>
    <row r="528533" spans="8:8">
      <c r="H528533" s="12"/>
    </row>
    <row r="528534" spans="8:8">
      <c r="H528534" s="12"/>
    </row>
    <row r="528535" spans="8:8">
      <c r="H528535" s="12"/>
    </row>
    <row r="528536" spans="8:8">
      <c r="H528536" s="12"/>
    </row>
    <row r="528537" spans="8:8">
      <c r="H528537" s="12"/>
    </row>
    <row r="528538" spans="8:8">
      <c r="H528538" s="12"/>
    </row>
    <row r="528539" spans="8:8">
      <c r="H528539" s="12"/>
    </row>
    <row r="528540" spans="8:8">
      <c r="H528540" s="12"/>
    </row>
    <row r="528541" spans="8:8">
      <c r="H528541" s="12"/>
    </row>
    <row r="528542" spans="8:8">
      <c r="H528542" s="12"/>
    </row>
    <row r="528543" spans="8:8">
      <c r="H528543" s="12"/>
    </row>
    <row r="528544" spans="8:8">
      <c r="H528544" s="12"/>
    </row>
    <row r="528545" spans="8:8">
      <c r="H528545" s="12"/>
    </row>
    <row r="528546" spans="8:8">
      <c r="H528546" s="12"/>
    </row>
    <row r="528547" spans="8:8">
      <c r="H528547" s="12"/>
    </row>
    <row r="528548" spans="8:8">
      <c r="H528548" s="12"/>
    </row>
    <row r="528549" spans="8:8">
      <c r="H528549" s="12"/>
    </row>
    <row r="528550" spans="8:8">
      <c r="H528550" s="12"/>
    </row>
    <row r="528551" spans="8:8">
      <c r="H528551" s="12"/>
    </row>
    <row r="528552" spans="8:8">
      <c r="H528552" s="12"/>
    </row>
    <row r="528553" spans="8:8">
      <c r="H528553" s="12"/>
    </row>
    <row r="528554" spans="8:8">
      <c r="H528554" s="12"/>
    </row>
    <row r="528555" spans="8:8">
      <c r="H528555" s="12"/>
    </row>
    <row r="528556" spans="8:8">
      <c r="H528556" s="12"/>
    </row>
    <row r="528557" spans="8:8">
      <c r="H528557" s="12"/>
    </row>
    <row r="528558" spans="8:8">
      <c r="H528558" s="12"/>
    </row>
    <row r="528559" spans="8:8">
      <c r="H528559" s="12"/>
    </row>
    <row r="528560" spans="8:8">
      <c r="H528560" s="12"/>
    </row>
    <row r="528561" spans="8:8">
      <c r="H528561" s="12"/>
    </row>
    <row r="528562" spans="8:8">
      <c r="H528562" s="12"/>
    </row>
    <row r="528563" spans="8:8">
      <c r="H528563" s="12"/>
    </row>
    <row r="528564" spans="8:8">
      <c r="H528564" s="12"/>
    </row>
    <row r="528565" spans="8:8">
      <c r="H528565" s="12"/>
    </row>
    <row r="528566" spans="8:8">
      <c r="H528566" s="12"/>
    </row>
    <row r="528567" spans="8:8">
      <c r="H528567" s="12"/>
    </row>
    <row r="528568" spans="8:8">
      <c r="H528568" s="12"/>
    </row>
    <row r="528569" spans="8:8">
      <c r="H528569" s="12"/>
    </row>
    <row r="528570" spans="8:8">
      <c r="H528570" s="12"/>
    </row>
    <row r="528571" spans="8:8">
      <c r="H528571" s="12"/>
    </row>
    <row r="528572" spans="8:8">
      <c r="H528572" s="12"/>
    </row>
    <row r="528573" spans="8:8">
      <c r="H528573" s="12"/>
    </row>
    <row r="528574" spans="8:8">
      <c r="H528574" s="12"/>
    </row>
    <row r="528575" spans="8:8">
      <c r="H528575" s="12"/>
    </row>
    <row r="528576" spans="8:8">
      <c r="H528576" s="12"/>
    </row>
    <row r="528577" spans="8:8">
      <c r="H528577" s="12"/>
    </row>
    <row r="528578" spans="8:8">
      <c r="H528578" s="12"/>
    </row>
    <row r="528579" spans="8:8">
      <c r="H528579" s="12"/>
    </row>
    <row r="528580" spans="8:8">
      <c r="H528580" s="12"/>
    </row>
    <row r="528581" spans="8:8">
      <c r="H528581" s="12"/>
    </row>
    <row r="528582" spans="8:8">
      <c r="H528582" s="12"/>
    </row>
    <row r="528583" spans="8:8">
      <c r="H528583" s="12"/>
    </row>
    <row r="528584" spans="8:8">
      <c r="H528584" s="12"/>
    </row>
    <row r="528585" spans="8:8">
      <c r="H528585" s="12"/>
    </row>
    <row r="528586" spans="8:8">
      <c r="H528586" s="12"/>
    </row>
    <row r="528587" spans="8:8">
      <c r="H528587" s="12"/>
    </row>
    <row r="528588" spans="8:8">
      <c r="H528588" s="12"/>
    </row>
    <row r="528589" spans="8:8">
      <c r="H528589" s="12"/>
    </row>
    <row r="528590" spans="8:8">
      <c r="H528590" s="12"/>
    </row>
    <row r="528591" spans="8:8">
      <c r="H528591" s="12"/>
    </row>
    <row r="528592" spans="8:8">
      <c r="H528592" s="12"/>
    </row>
    <row r="528593" spans="8:8">
      <c r="H528593" s="12"/>
    </row>
    <row r="528594" spans="8:8">
      <c r="H528594" s="12"/>
    </row>
    <row r="528595" spans="8:8">
      <c r="H528595" s="12"/>
    </row>
    <row r="528596" spans="8:8">
      <c r="H528596" s="12"/>
    </row>
    <row r="528597" spans="8:8">
      <c r="H528597" s="12"/>
    </row>
    <row r="528598" spans="8:8">
      <c r="H528598" s="12"/>
    </row>
    <row r="528599" spans="8:8">
      <c r="H528599" s="12"/>
    </row>
    <row r="528600" spans="8:8">
      <c r="H528600" s="12"/>
    </row>
    <row r="528601" spans="8:8">
      <c r="H528601" s="12"/>
    </row>
    <row r="528602" spans="8:8">
      <c r="H528602" s="12"/>
    </row>
    <row r="528603" spans="8:8">
      <c r="H528603" s="12"/>
    </row>
    <row r="528604" spans="8:8">
      <c r="H528604" s="12"/>
    </row>
    <row r="528605" spans="8:8">
      <c r="H528605" s="12"/>
    </row>
    <row r="528606" spans="8:8">
      <c r="H528606" s="12"/>
    </row>
    <row r="528607" spans="8:8">
      <c r="H528607" s="12"/>
    </row>
    <row r="528608" spans="8:8">
      <c r="H528608" s="12"/>
    </row>
    <row r="528609" spans="8:8">
      <c r="H528609" s="12"/>
    </row>
    <row r="528610" spans="8:8">
      <c r="H528610" s="12"/>
    </row>
    <row r="528611" spans="8:8">
      <c r="H528611" s="12"/>
    </row>
    <row r="528612" spans="8:8">
      <c r="H528612" s="12"/>
    </row>
    <row r="528613" spans="8:8">
      <c r="H528613" s="12"/>
    </row>
    <row r="528614" spans="8:8">
      <c r="H528614" s="12"/>
    </row>
    <row r="528615" spans="8:8">
      <c r="H528615" s="12"/>
    </row>
    <row r="528616" spans="8:8">
      <c r="H528616" s="12"/>
    </row>
    <row r="528617" spans="8:8">
      <c r="H528617" s="12"/>
    </row>
    <row r="528618" spans="8:8">
      <c r="H528618" s="12"/>
    </row>
    <row r="528619" spans="8:8">
      <c r="H528619" s="12"/>
    </row>
    <row r="528620" spans="8:8">
      <c r="H528620" s="12"/>
    </row>
    <row r="528621" spans="8:8">
      <c r="H528621" s="12"/>
    </row>
    <row r="528622" spans="8:8">
      <c r="H528622" s="12"/>
    </row>
    <row r="528623" spans="8:8">
      <c r="H528623" s="12"/>
    </row>
    <row r="528624" spans="8:8">
      <c r="H528624" s="12"/>
    </row>
    <row r="528625" spans="8:8">
      <c r="H528625" s="12"/>
    </row>
    <row r="528626" spans="8:8">
      <c r="H528626" s="12"/>
    </row>
    <row r="528627" spans="8:8">
      <c r="H528627" s="12"/>
    </row>
    <row r="528628" spans="8:8">
      <c r="H528628" s="12"/>
    </row>
    <row r="528629" spans="8:8">
      <c r="H528629" s="12"/>
    </row>
    <row r="528630" spans="8:8">
      <c r="H528630" s="12"/>
    </row>
    <row r="528631" spans="8:8">
      <c r="H528631" s="12"/>
    </row>
    <row r="528632" spans="8:8">
      <c r="H528632" s="12"/>
    </row>
    <row r="528633" spans="8:8">
      <c r="H528633" s="12"/>
    </row>
    <row r="528634" spans="8:8">
      <c r="H528634" s="12"/>
    </row>
    <row r="528635" spans="8:8">
      <c r="H528635" s="12"/>
    </row>
    <row r="528636" spans="8:8">
      <c r="H528636" s="12"/>
    </row>
    <row r="528637" spans="8:8">
      <c r="H528637" s="12"/>
    </row>
    <row r="528638" spans="8:8">
      <c r="H528638" s="12"/>
    </row>
    <row r="528639" spans="8:8">
      <c r="H528639" s="12"/>
    </row>
    <row r="528640" spans="8:8">
      <c r="H528640" s="12"/>
    </row>
    <row r="528641" spans="8:8">
      <c r="H528641" s="12"/>
    </row>
    <row r="528642" spans="8:8">
      <c r="H528642" s="12"/>
    </row>
    <row r="528643" spans="8:8">
      <c r="H528643" s="12"/>
    </row>
    <row r="528644" spans="8:8">
      <c r="H528644" s="12"/>
    </row>
    <row r="528645" spans="8:8">
      <c r="H528645" s="12"/>
    </row>
    <row r="528646" spans="8:8">
      <c r="H528646" s="12"/>
    </row>
    <row r="528647" spans="8:8">
      <c r="H528647" s="12"/>
    </row>
    <row r="528648" spans="8:8">
      <c r="H528648" s="12"/>
    </row>
    <row r="528649" spans="8:8">
      <c r="H528649" s="12"/>
    </row>
    <row r="528650" spans="8:8">
      <c r="H528650" s="12"/>
    </row>
    <row r="528651" spans="8:8">
      <c r="H528651" s="12"/>
    </row>
    <row r="528652" spans="8:8">
      <c r="H528652" s="12"/>
    </row>
    <row r="528653" spans="8:8">
      <c r="H528653" s="12"/>
    </row>
    <row r="528654" spans="8:8">
      <c r="H528654" s="12"/>
    </row>
    <row r="528655" spans="8:8">
      <c r="H528655" s="12"/>
    </row>
    <row r="528656" spans="8:8">
      <c r="H528656" s="12"/>
    </row>
    <row r="528657" spans="8:8">
      <c r="H528657" s="12"/>
    </row>
    <row r="528658" spans="8:8">
      <c r="H528658" s="12"/>
    </row>
    <row r="528659" spans="8:8">
      <c r="H528659" s="12"/>
    </row>
    <row r="528660" spans="8:8">
      <c r="H528660" s="12"/>
    </row>
    <row r="528661" spans="8:8">
      <c r="H528661" s="12"/>
    </row>
    <row r="528662" spans="8:8">
      <c r="H528662" s="12"/>
    </row>
    <row r="528663" spans="8:8">
      <c r="H528663" s="12"/>
    </row>
    <row r="528664" spans="8:8">
      <c r="H528664" s="12"/>
    </row>
    <row r="528665" spans="8:8">
      <c r="H528665" s="12"/>
    </row>
    <row r="528666" spans="8:8">
      <c r="H528666" s="12"/>
    </row>
    <row r="528667" spans="8:8">
      <c r="H528667" s="12"/>
    </row>
    <row r="528668" spans="8:8">
      <c r="H528668" s="12"/>
    </row>
    <row r="528669" spans="8:8">
      <c r="H528669" s="12"/>
    </row>
    <row r="528670" spans="8:8">
      <c r="H528670" s="12"/>
    </row>
    <row r="528671" spans="8:8">
      <c r="H528671" s="12"/>
    </row>
    <row r="528672" spans="8:8">
      <c r="H528672" s="12"/>
    </row>
    <row r="528673" spans="8:8">
      <c r="H528673" s="12"/>
    </row>
    <row r="528674" spans="8:8">
      <c r="H528674" s="12"/>
    </row>
    <row r="528675" spans="8:8">
      <c r="H528675" s="12"/>
    </row>
    <row r="528676" spans="8:8">
      <c r="H528676" s="12"/>
    </row>
    <row r="528677" spans="8:8">
      <c r="H528677" s="12"/>
    </row>
    <row r="528678" spans="8:8">
      <c r="H528678" s="12"/>
    </row>
    <row r="528679" spans="8:8">
      <c r="H528679" s="12"/>
    </row>
    <row r="528680" spans="8:8">
      <c r="H528680" s="12"/>
    </row>
    <row r="528681" spans="8:8">
      <c r="H528681" s="12"/>
    </row>
    <row r="528682" spans="8:8">
      <c r="H528682" s="12"/>
    </row>
    <row r="528683" spans="8:8">
      <c r="H528683" s="12"/>
    </row>
    <row r="528684" spans="8:8">
      <c r="H528684" s="12"/>
    </row>
    <row r="528685" spans="8:8">
      <c r="H528685" s="12"/>
    </row>
    <row r="528686" spans="8:8">
      <c r="H528686" s="12"/>
    </row>
    <row r="528687" spans="8:8">
      <c r="H528687" s="12"/>
    </row>
    <row r="528688" spans="8:8">
      <c r="H528688" s="12"/>
    </row>
    <row r="528689" spans="8:8">
      <c r="H528689" s="12"/>
    </row>
    <row r="528690" spans="8:8">
      <c r="H528690" s="12"/>
    </row>
    <row r="528691" spans="8:8">
      <c r="H528691" s="12"/>
    </row>
    <row r="528692" spans="8:8">
      <c r="H528692" s="12"/>
    </row>
    <row r="528693" spans="8:8">
      <c r="H528693" s="12"/>
    </row>
    <row r="528694" spans="8:8">
      <c r="H528694" s="12"/>
    </row>
    <row r="528695" spans="8:8">
      <c r="H528695" s="12"/>
    </row>
    <row r="528696" spans="8:8">
      <c r="H528696" s="12"/>
    </row>
    <row r="528697" spans="8:8">
      <c r="H528697" s="12"/>
    </row>
    <row r="528698" spans="8:8">
      <c r="H528698" s="12"/>
    </row>
    <row r="528699" spans="8:8">
      <c r="H528699" s="12"/>
    </row>
    <row r="528700" spans="8:8">
      <c r="H528700" s="12"/>
    </row>
    <row r="528701" spans="8:8">
      <c r="H528701" s="12"/>
    </row>
    <row r="528702" spans="8:8">
      <c r="H528702" s="12"/>
    </row>
    <row r="528703" spans="8:8">
      <c r="H528703" s="12"/>
    </row>
    <row r="528704" spans="8:8">
      <c r="H528704" s="12"/>
    </row>
    <row r="528705" spans="8:8">
      <c r="H528705" s="12"/>
    </row>
    <row r="528706" spans="8:8">
      <c r="H528706" s="12"/>
    </row>
    <row r="528707" spans="8:8">
      <c r="H528707" s="12"/>
    </row>
    <row r="528708" spans="8:8">
      <c r="H528708" s="12"/>
    </row>
    <row r="528709" spans="8:8">
      <c r="H528709" s="12"/>
    </row>
    <row r="528710" spans="8:8">
      <c r="H528710" s="12"/>
    </row>
    <row r="528711" spans="8:8">
      <c r="H528711" s="12"/>
    </row>
    <row r="528712" spans="8:8">
      <c r="H528712" s="12"/>
    </row>
    <row r="528713" spans="8:8">
      <c r="H528713" s="12"/>
    </row>
    <row r="528714" spans="8:8">
      <c r="H528714" s="12"/>
    </row>
    <row r="528715" spans="8:8">
      <c r="H528715" s="12"/>
    </row>
    <row r="528716" spans="8:8">
      <c r="H528716" s="12"/>
    </row>
    <row r="528717" spans="8:8">
      <c r="H528717" s="12"/>
    </row>
    <row r="528718" spans="8:8">
      <c r="H528718" s="12"/>
    </row>
    <row r="528719" spans="8:8">
      <c r="H528719" s="12"/>
    </row>
    <row r="528720" spans="8:8">
      <c r="H528720" s="12"/>
    </row>
    <row r="528721" spans="8:8">
      <c r="H528721" s="12"/>
    </row>
    <row r="528722" spans="8:8">
      <c r="H528722" s="12"/>
    </row>
    <row r="528723" spans="8:8">
      <c r="H528723" s="12"/>
    </row>
    <row r="528724" spans="8:8">
      <c r="H528724" s="12"/>
    </row>
    <row r="528725" spans="8:8">
      <c r="H528725" s="12"/>
    </row>
    <row r="528726" spans="8:8">
      <c r="H528726" s="12"/>
    </row>
    <row r="528727" spans="8:8">
      <c r="H528727" s="12"/>
    </row>
    <row r="528728" spans="8:8">
      <c r="H528728" s="12"/>
    </row>
    <row r="528729" spans="8:8">
      <c r="H528729" s="12"/>
    </row>
    <row r="528730" spans="8:8">
      <c r="H528730" s="12"/>
    </row>
    <row r="528731" spans="8:8">
      <c r="H528731" s="12"/>
    </row>
    <row r="528732" spans="8:8">
      <c r="H528732" s="12"/>
    </row>
    <row r="528733" spans="8:8">
      <c r="H528733" s="12"/>
    </row>
    <row r="528734" spans="8:8">
      <c r="H528734" s="12"/>
    </row>
    <row r="528735" spans="8:8">
      <c r="H528735" s="12"/>
    </row>
    <row r="528736" spans="8:8">
      <c r="H528736" s="12"/>
    </row>
    <row r="528737" spans="8:8">
      <c r="H528737" s="12"/>
    </row>
    <row r="528738" spans="8:8">
      <c r="H528738" s="12"/>
    </row>
    <row r="528739" spans="8:8">
      <c r="H528739" s="12"/>
    </row>
    <row r="528740" spans="8:8">
      <c r="H528740" s="12"/>
    </row>
    <row r="528741" spans="8:8">
      <c r="H528741" s="12"/>
    </row>
    <row r="528742" spans="8:8">
      <c r="H528742" s="12"/>
    </row>
    <row r="528743" spans="8:8">
      <c r="H528743" s="12"/>
    </row>
    <row r="528744" spans="8:8">
      <c r="H528744" s="12"/>
    </row>
    <row r="528745" spans="8:8">
      <c r="H528745" s="12"/>
    </row>
    <row r="528746" spans="8:8">
      <c r="H528746" s="12"/>
    </row>
    <row r="528747" spans="8:8">
      <c r="H528747" s="12"/>
    </row>
    <row r="528748" spans="8:8">
      <c r="H528748" s="12"/>
    </row>
    <row r="528749" spans="8:8">
      <c r="H528749" s="12"/>
    </row>
    <row r="528750" spans="8:8">
      <c r="H528750" s="12"/>
    </row>
    <row r="528751" spans="8:8">
      <c r="H528751" s="12"/>
    </row>
    <row r="528752" spans="8:8">
      <c r="H528752" s="12"/>
    </row>
    <row r="528753" spans="8:8">
      <c r="H528753" s="12"/>
    </row>
    <row r="528754" spans="8:8">
      <c r="H528754" s="12"/>
    </row>
    <row r="528755" spans="8:8">
      <c r="H528755" s="12"/>
    </row>
    <row r="528756" spans="8:8">
      <c r="H528756" s="12"/>
    </row>
    <row r="528757" spans="8:8">
      <c r="H528757" s="12"/>
    </row>
    <row r="528758" spans="8:8">
      <c r="H528758" s="12"/>
    </row>
    <row r="528759" spans="8:8">
      <c r="H528759" s="12"/>
    </row>
    <row r="528760" spans="8:8">
      <c r="H528760" s="12"/>
    </row>
    <row r="528761" spans="8:8">
      <c r="H528761" s="12"/>
    </row>
    <row r="528762" spans="8:8">
      <c r="H528762" s="12"/>
    </row>
    <row r="528763" spans="8:8">
      <c r="H528763" s="12"/>
    </row>
    <row r="528764" spans="8:8">
      <c r="H528764" s="12"/>
    </row>
    <row r="528765" spans="8:8">
      <c r="H528765" s="12"/>
    </row>
    <row r="528766" spans="8:8">
      <c r="H528766" s="12"/>
    </row>
    <row r="528767" spans="8:8">
      <c r="H528767" s="12"/>
    </row>
    <row r="528768" spans="8:8">
      <c r="H528768" s="12"/>
    </row>
    <row r="528769" spans="8:8">
      <c r="H528769" s="12"/>
    </row>
    <row r="528770" spans="8:8">
      <c r="H528770" s="12"/>
    </row>
    <row r="528771" spans="8:8">
      <c r="H528771" s="12"/>
    </row>
    <row r="528772" spans="8:8">
      <c r="H528772" s="12"/>
    </row>
    <row r="528773" spans="8:8">
      <c r="H528773" s="12"/>
    </row>
    <row r="528774" spans="8:8">
      <c r="H528774" s="12"/>
    </row>
    <row r="528775" spans="8:8">
      <c r="H528775" s="12"/>
    </row>
    <row r="528776" spans="8:8">
      <c r="H528776" s="12"/>
    </row>
    <row r="528777" spans="8:8">
      <c r="H528777" s="12"/>
    </row>
    <row r="528778" spans="8:8">
      <c r="H528778" s="12"/>
    </row>
    <row r="528779" spans="8:8">
      <c r="H528779" s="12"/>
    </row>
    <row r="528780" spans="8:8">
      <c r="H528780" s="12"/>
    </row>
    <row r="528781" spans="8:8">
      <c r="H528781" s="12"/>
    </row>
    <row r="528782" spans="8:8">
      <c r="H528782" s="12"/>
    </row>
    <row r="528783" spans="8:8">
      <c r="H528783" s="12"/>
    </row>
    <row r="528784" spans="8:8">
      <c r="H528784" s="12"/>
    </row>
    <row r="528785" spans="8:8">
      <c r="H528785" s="12"/>
    </row>
    <row r="528786" spans="8:8">
      <c r="H528786" s="12"/>
    </row>
    <row r="528787" spans="8:8">
      <c r="H528787" s="12"/>
    </row>
    <row r="528788" spans="8:8">
      <c r="H528788" s="12"/>
    </row>
    <row r="528789" spans="8:8">
      <c r="H528789" s="12"/>
    </row>
    <row r="528790" spans="8:8">
      <c r="H528790" s="12"/>
    </row>
    <row r="528791" spans="8:8">
      <c r="H528791" s="12"/>
    </row>
    <row r="528792" spans="8:8">
      <c r="H528792" s="12"/>
    </row>
    <row r="528793" spans="8:8">
      <c r="H528793" s="12"/>
    </row>
    <row r="528794" spans="8:8">
      <c r="H528794" s="12"/>
    </row>
    <row r="528795" spans="8:8">
      <c r="H528795" s="12"/>
    </row>
    <row r="528796" spans="8:8">
      <c r="H528796" s="12"/>
    </row>
    <row r="528797" spans="8:8">
      <c r="H528797" s="12"/>
    </row>
    <row r="528798" spans="8:8">
      <c r="H528798" s="12"/>
    </row>
    <row r="528799" spans="8:8">
      <c r="H528799" s="12"/>
    </row>
    <row r="528800" spans="8:8">
      <c r="H528800" s="12"/>
    </row>
    <row r="528801" spans="8:8">
      <c r="H528801" s="12"/>
    </row>
    <row r="528802" spans="8:8">
      <c r="H528802" s="12"/>
    </row>
    <row r="528803" spans="8:8">
      <c r="H528803" s="12"/>
    </row>
    <row r="528804" spans="8:8">
      <c r="H528804" s="12"/>
    </row>
    <row r="528805" spans="8:8">
      <c r="H528805" s="12"/>
    </row>
    <row r="528806" spans="8:8">
      <c r="H528806" s="12"/>
    </row>
    <row r="528807" spans="8:8">
      <c r="H528807" s="12"/>
    </row>
    <row r="528808" spans="8:8">
      <c r="H528808" s="12"/>
    </row>
    <row r="528809" spans="8:8">
      <c r="H528809" s="12"/>
    </row>
    <row r="528810" spans="8:8">
      <c r="H528810" s="12"/>
    </row>
    <row r="528811" spans="8:8">
      <c r="H528811" s="12"/>
    </row>
    <row r="528812" spans="8:8">
      <c r="H528812" s="12"/>
    </row>
    <row r="528813" spans="8:8">
      <c r="H528813" s="12"/>
    </row>
    <row r="528814" spans="8:8">
      <c r="H528814" s="12"/>
    </row>
    <row r="528815" spans="8:8">
      <c r="H528815" s="12"/>
    </row>
    <row r="528816" spans="8:8">
      <c r="H528816" s="12"/>
    </row>
    <row r="528817" spans="8:8">
      <c r="H528817" s="12"/>
    </row>
    <row r="528818" spans="8:8">
      <c r="H528818" s="12"/>
    </row>
    <row r="528819" spans="8:8">
      <c r="H528819" s="12"/>
    </row>
    <row r="528820" spans="8:8">
      <c r="H528820" s="12"/>
    </row>
    <row r="528821" spans="8:8">
      <c r="H528821" s="12"/>
    </row>
    <row r="528822" spans="8:8">
      <c r="H528822" s="12"/>
    </row>
    <row r="528823" spans="8:8">
      <c r="H528823" s="12"/>
    </row>
    <row r="528824" spans="8:8">
      <c r="H528824" s="12"/>
    </row>
    <row r="528825" spans="8:8">
      <c r="H528825" s="12"/>
    </row>
    <row r="528826" spans="8:8">
      <c r="H528826" s="12"/>
    </row>
    <row r="528827" spans="8:8">
      <c r="H528827" s="12"/>
    </row>
    <row r="528828" spans="8:8">
      <c r="H528828" s="12"/>
    </row>
    <row r="528829" spans="8:8">
      <c r="H528829" s="12"/>
    </row>
    <row r="528830" spans="8:8">
      <c r="H528830" s="12"/>
    </row>
    <row r="528831" spans="8:8">
      <c r="H528831" s="12"/>
    </row>
    <row r="528832" spans="8:8">
      <c r="H528832" s="12"/>
    </row>
    <row r="528833" spans="8:8">
      <c r="H528833" s="12"/>
    </row>
    <row r="528834" spans="8:8">
      <c r="H528834" s="12"/>
    </row>
    <row r="528835" spans="8:8">
      <c r="H528835" s="12"/>
    </row>
    <row r="528836" spans="8:8">
      <c r="H528836" s="12"/>
    </row>
    <row r="528837" spans="8:8">
      <c r="H528837" s="12"/>
    </row>
    <row r="528838" spans="8:8">
      <c r="H528838" s="12"/>
    </row>
    <row r="528839" spans="8:8">
      <c r="H528839" s="12"/>
    </row>
    <row r="528840" spans="8:8">
      <c r="H528840" s="12"/>
    </row>
    <row r="528841" spans="8:8">
      <c r="H528841" s="12"/>
    </row>
    <row r="528842" spans="8:8">
      <c r="H528842" s="12"/>
    </row>
    <row r="528843" spans="8:8">
      <c r="H528843" s="12"/>
    </row>
    <row r="528844" spans="8:8">
      <c r="H528844" s="12"/>
    </row>
    <row r="528845" spans="8:8">
      <c r="H528845" s="12"/>
    </row>
    <row r="528846" spans="8:8">
      <c r="H528846" s="12"/>
    </row>
    <row r="528847" spans="8:8">
      <c r="H528847" s="12"/>
    </row>
    <row r="528848" spans="8:8">
      <c r="H528848" s="12"/>
    </row>
    <row r="528849" spans="8:8">
      <c r="H528849" s="12"/>
    </row>
    <row r="528850" spans="8:8">
      <c r="H528850" s="12"/>
    </row>
    <row r="528851" spans="8:8">
      <c r="H528851" s="12"/>
    </row>
    <row r="528852" spans="8:8">
      <c r="H528852" s="12"/>
    </row>
    <row r="528853" spans="8:8">
      <c r="H528853" s="12"/>
    </row>
    <row r="528854" spans="8:8">
      <c r="H528854" s="12"/>
    </row>
    <row r="528855" spans="8:8">
      <c r="H528855" s="12"/>
    </row>
    <row r="528856" spans="8:8">
      <c r="H528856" s="12"/>
    </row>
    <row r="528857" spans="8:8">
      <c r="H528857" s="12"/>
    </row>
    <row r="528858" spans="8:8">
      <c r="H528858" s="12"/>
    </row>
    <row r="528859" spans="8:8">
      <c r="H528859" s="12"/>
    </row>
    <row r="528860" spans="8:8">
      <c r="H528860" s="12"/>
    </row>
    <row r="528861" spans="8:8">
      <c r="H528861" s="12"/>
    </row>
    <row r="528862" spans="8:8">
      <c r="H528862" s="12"/>
    </row>
    <row r="528863" spans="8:8">
      <c r="H528863" s="12"/>
    </row>
    <row r="528864" spans="8:8">
      <c r="H528864" s="12"/>
    </row>
    <row r="528865" spans="8:8">
      <c r="H528865" s="12"/>
    </row>
    <row r="528866" spans="8:8">
      <c r="H528866" s="12"/>
    </row>
    <row r="528867" spans="8:8">
      <c r="H528867" s="12"/>
    </row>
    <row r="528868" spans="8:8">
      <c r="H528868" s="12"/>
    </row>
    <row r="528869" spans="8:8">
      <c r="H528869" s="12"/>
    </row>
    <row r="528870" spans="8:8">
      <c r="H528870" s="12"/>
    </row>
    <row r="528871" spans="8:8">
      <c r="H528871" s="12"/>
    </row>
    <row r="528872" spans="8:8">
      <c r="H528872" s="12"/>
    </row>
    <row r="528873" spans="8:8">
      <c r="H528873" s="12"/>
    </row>
    <row r="528874" spans="8:8">
      <c r="H528874" s="12"/>
    </row>
    <row r="528875" spans="8:8">
      <c r="H528875" s="12"/>
    </row>
    <row r="528876" spans="8:8">
      <c r="H528876" s="12"/>
    </row>
    <row r="528877" spans="8:8">
      <c r="H528877" s="12"/>
    </row>
    <row r="528878" spans="8:8">
      <c r="H528878" s="12"/>
    </row>
    <row r="528879" spans="8:8">
      <c r="H528879" s="12"/>
    </row>
    <row r="528880" spans="8:8">
      <c r="H528880" s="12"/>
    </row>
    <row r="528881" spans="8:8">
      <c r="H528881" s="12"/>
    </row>
    <row r="528882" spans="8:8">
      <c r="H528882" s="12"/>
    </row>
    <row r="528883" spans="8:8">
      <c r="H528883" s="12"/>
    </row>
    <row r="528884" spans="8:8">
      <c r="H528884" s="12"/>
    </row>
    <row r="528885" spans="8:8">
      <c r="H528885" s="12"/>
    </row>
    <row r="528886" spans="8:8">
      <c r="H528886" s="12"/>
    </row>
    <row r="528887" spans="8:8">
      <c r="H528887" s="12"/>
    </row>
    <row r="528888" spans="8:8">
      <c r="H528888" s="12"/>
    </row>
    <row r="528889" spans="8:8">
      <c r="H528889" s="12"/>
    </row>
    <row r="528890" spans="8:8">
      <c r="H528890" s="12"/>
    </row>
    <row r="528891" spans="8:8">
      <c r="H528891" s="12"/>
    </row>
    <row r="528892" spans="8:8">
      <c r="H528892" s="12"/>
    </row>
    <row r="528893" spans="8:8">
      <c r="H528893" s="12"/>
    </row>
    <row r="528894" spans="8:8">
      <c r="H528894" s="12"/>
    </row>
    <row r="528895" spans="8:8">
      <c r="H528895" s="12"/>
    </row>
    <row r="528896" spans="8:8">
      <c r="H528896" s="12"/>
    </row>
    <row r="528897" spans="8:8">
      <c r="H528897" s="12"/>
    </row>
    <row r="528898" spans="8:8">
      <c r="H528898" s="12"/>
    </row>
    <row r="528899" spans="8:8">
      <c r="H528899" s="12"/>
    </row>
    <row r="528900" spans="8:8">
      <c r="H528900" s="12"/>
    </row>
    <row r="528901" spans="8:8">
      <c r="H528901" s="12"/>
    </row>
    <row r="528902" spans="8:8">
      <c r="H528902" s="12"/>
    </row>
    <row r="528903" spans="8:8">
      <c r="H528903" s="12"/>
    </row>
    <row r="528904" spans="8:8">
      <c r="H528904" s="12"/>
    </row>
    <row r="528905" spans="8:8">
      <c r="H528905" s="12"/>
    </row>
    <row r="528906" spans="8:8">
      <c r="H528906" s="12"/>
    </row>
    <row r="528907" spans="8:8">
      <c r="H528907" s="12"/>
    </row>
    <row r="528908" spans="8:8">
      <c r="H528908" s="12"/>
    </row>
    <row r="528909" spans="8:8">
      <c r="H528909" s="12"/>
    </row>
    <row r="528910" spans="8:8">
      <c r="H528910" s="12"/>
    </row>
    <row r="528911" spans="8:8">
      <c r="H528911" s="12"/>
    </row>
    <row r="528912" spans="8:8">
      <c r="H528912" s="12"/>
    </row>
    <row r="528913" spans="8:8">
      <c r="H528913" s="12"/>
    </row>
    <row r="528914" spans="8:8">
      <c r="H528914" s="12"/>
    </row>
    <row r="528915" spans="8:8">
      <c r="H528915" s="12"/>
    </row>
    <row r="528916" spans="8:8">
      <c r="H528916" s="12"/>
    </row>
    <row r="528917" spans="8:8">
      <c r="H528917" s="12"/>
    </row>
    <row r="528918" spans="8:8">
      <c r="H528918" s="12"/>
    </row>
    <row r="528919" spans="8:8">
      <c r="H528919" s="12"/>
    </row>
    <row r="528920" spans="8:8">
      <c r="H528920" s="12"/>
    </row>
    <row r="528921" spans="8:8">
      <c r="H528921" s="12"/>
    </row>
    <row r="528922" spans="8:8">
      <c r="H528922" s="12"/>
    </row>
    <row r="528923" spans="8:8">
      <c r="H528923" s="12"/>
    </row>
    <row r="528924" spans="8:8">
      <c r="H528924" s="12"/>
    </row>
    <row r="528925" spans="8:8">
      <c r="H528925" s="12"/>
    </row>
    <row r="528926" spans="8:8">
      <c r="H528926" s="12"/>
    </row>
    <row r="528927" spans="8:8">
      <c r="H528927" s="12"/>
    </row>
    <row r="528928" spans="8:8">
      <c r="H528928" s="12"/>
    </row>
    <row r="528929" spans="8:8">
      <c r="H528929" s="12"/>
    </row>
    <row r="528930" spans="8:8">
      <c r="H528930" s="12"/>
    </row>
    <row r="528931" spans="8:8">
      <c r="H528931" s="12"/>
    </row>
    <row r="528932" spans="8:8">
      <c r="H528932" s="12"/>
    </row>
    <row r="528933" spans="8:8">
      <c r="H528933" s="12"/>
    </row>
    <row r="528934" spans="8:8">
      <c r="H528934" s="12"/>
    </row>
    <row r="528935" spans="8:8">
      <c r="H528935" s="12"/>
    </row>
    <row r="528936" spans="8:8">
      <c r="H528936" s="12"/>
    </row>
    <row r="528937" spans="8:8">
      <c r="H528937" s="12"/>
    </row>
    <row r="528938" spans="8:8">
      <c r="H528938" s="12"/>
    </row>
    <row r="528939" spans="8:8">
      <c r="H528939" s="12"/>
    </row>
    <row r="528940" spans="8:8">
      <c r="H528940" s="12"/>
    </row>
    <row r="528941" spans="8:8">
      <c r="H528941" s="12"/>
    </row>
    <row r="528942" spans="8:8">
      <c r="H528942" s="12"/>
    </row>
    <row r="528943" spans="8:8">
      <c r="H528943" s="12"/>
    </row>
    <row r="528944" spans="8:8">
      <c r="H528944" s="12"/>
    </row>
    <row r="528945" spans="8:8">
      <c r="H528945" s="12"/>
    </row>
    <row r="528946" spans="8:8">
      <c r="H528946" s="12"/>
    </row>
    <row r="528947" spans="8:8">
      <c r="H528947" s="12"/>
    </row>
    <row r="528948" spans="8:8">
      <c r="H528948" s="12"/>
    </row>
    <row r="528949" spans="8:8">
      <c r="H528949" s="12"/>
    </row>
    <row r="528950" spans="8:8">
      <c r="H528950" s="12"/>
    </row>
    <row r="528951" spans="8:8">
      <c r="H528951" s="12"/>
    </row>
    <row r="528952" spans="8:8">
      <c r="H528952" s="12"/>
    </row>
    <row r="528953" spans="8:8">
      <c r="H528953" s="12"/>
    </row>
    <row r="528954" spans="8:8">
      <c r="H528954" s="12"/>
    </row>
    <row r="528955" spans="8:8">
      <c r="H528955" s="12"/>
    </row>
    <row r="528956" spans="8:8">
      <c r="H528956" s="12"/>
    </row>
    <row r="528957" spans="8:8">
      <c r="H528957" s="12"/>
    </row>
    <row r="528958" spans="8:8">
      <c r="H528958" s="12"/>
    </row>
    <row r="528959" spans="8:8">
      <c r="H528959" s="12"/>
    </row>
    <row r="528960" spans="8:8">
      <c r="H528960" s="12"/>
    </row>
    <row r="528961" spans="8:8">
      <c r="H528961" s="12"/>
    </row>
    <row r="528962" spans="8:8">
      <c r="H528962" s="12"/>
    </row>
    <row r="528963" spans="8:8">
      <c r="H528963" s="12"/>
    </row>
    <row r="528964" spans="8:8">
      <c r="H528964" s="12"/>
    </row>
    <row r="528965" spans="8:8">
      <c r="H528965" s="12"/>
    </row>
    <row r="528966" spans="8:8">
      <c r="H528966" s="12"/>
    </row>
    <row r="528967" spans="8:8">
      <c r="H528967" s="12"/>
    </row>
    <row r="528968" spans="8:8">
      <c r="H528968" s="12"/>
    </row>
    <row r="528969" spans="8:8">
      <c r="H528969" s="12"/>
    </row>
    <row r="528970" spans="8:8">
      <c r="H528970" s="12"/>
    </row>
    <row r="528971" spans="8:8">
      <c r="H528971" s="12"/>
    </row>
    <row r="528972" spans="8:8">
      <c r="H528972" s="12"/>
    </row>
    <row r="528973" spans="8:8">
      <c r="H528973" s="12"/>
    </row>
    <row r="528974" spans="8:8">
      <c r="H528974" s="12"/>
    </row>
    <row r="528975" spans="8:8">
      <c r="H528975" s="12"/>
    </row>
    <row r="528976" spans="8:8">
      <c r="H528976" s="12"/>
    </row>
    <row r="528977" spans="8:8">
      <c r="H528977" s="12"/>
    </row>
    <row r="528978" spans="8:8">
      <c r="H528978" s="12"/>
    </row>
    <row r="528979" spans="8:8">
      <c r="H528979" s="12"/>
    </row>
    <row r="528980" spans="8:8">
      <c r="H528980" s="12"/>
    </row>
    <row r="528981" spans="8:8">
      <c r="H528981" s="12"/>
    </row>
    <row r="528982" spans="8:8">
      <c r="H528982" s="12"/>
    </row>
    <row r="528983" spans="8:8">
      <c r="H528983" s="12"/>
    </row>
    <row r="528984" spans="8:8">
      <c r="H528984" s="12"/>
    </row>
    <row r="528985" spans="8:8">
      <c r="H528985" s="12"/>
    </row>
    <row r="528986" spans="8:8">
      <c r="H528986" s="12"/>
    </row>
    <row r="528987" spans="8:8">
      <c r="H528987" s="12"/>
    </row>
    <row r="528988" spans="8:8">
      <c r="H528988" s="12"/>
    </row>
    <row r="528989" spans="8:8">
      <c r="H528989" s="12"/>
    </row>
    <row r="528990" spans="8:8">
      <c r="H528990" s="12"/>
    </row>
    <row r="528991" spans="8:8">
      <c r="H528991" s="12"/>
    </row>
    <row r="528992" spans="8:8">
      <c r="H528992" s="12"/>
    </row>
    <row r="528993" spans="8:8">
      <c r="H528993" s="12"/>
    </row>
    <row r="528994" spans="8:8">
      <c r="H528994" s="12"/>
    </row>
    <row r="528995" spans="8:8">
      <c r="H528995" s="12"/>
    </row>
    <row r="528996" spans="8:8">
      <c r="H528996" s="12"/>
    </row>
    <row r="528997" spans="8:8">
      <c r="H528997" s="12"/>
    </row>
    <row r="528998" spans="8:8">
      <c r="H528998" s="12"/>
    </row>
    <row r="528999" spans="8:8">
      <c r="H528999" s="12"/>
    </row>
    <row r="529000" spans="8:8">
      <c r="H529000" s="12"/>
    </row>
    <row r="529001" spans="8:8">
      <c r="H529001" s="12"/>
    </row>
    <row r="529002" spans="8:8">
      <c r="H529002" s="12"/>
    </row>
    <row r="529003" spans="8:8">
      <c r="H529003" s="12"/>
    </row>
    <row r="529004" spans="8:8">
      <c r="H529004" s="12"/>
    </row>
    <row r="529005" spans="8:8">
      <c r="H529005" s="12"/>
    </row>
    <row r="529006" spans="8:8">
      <c r="H529006" s="12"/>
    </row>
    <row r="529007" spans="8:8">
      <c r="H529007" s="12"/>
    </row>
    <row r="529008" spans="8:8">
      <c r="H529008" s="12"/>
    </row>
    <row r="529009" spans="8:8">
      <c r="H529009" s="12"/>
    </row>
    <row r="529010" spans="8:8">
      <c r="H529010" s="12"/>
    </row>
    <row r="529011" spans="8:8">
      <c r="H529011" s="12"/>
    </row>
    <row r="529012" spans="8:8">
      <c r="H529012" s="12"/>
    </row>
    <row r="529013" spans="8:8">
      <c r="H529013" s="12"/>
    </row>
    <row r="529014" spans="8:8">
      <c r="H529014" s="12"/>
    </row>
    <row r="529015" spans="8:8">
      <c r="H529015" s="12"/>
    </row>
    <row r="529016" spans="8:8">
      <c r="H529016" s="12"/>
    </row>
    <row r="529017" spans="8:8">
      <c r="H529017" s="12"/>
    </row>
    <row r="529018" spans="8:8">
      <c r="H529018" s="12"/>
    </row>
    <row r="529019" spans="8:8">
      <c r="H529019" s="12"/>
    </row>
    <row r="529020" spans="8:8">
      <c r="H529020" s="12"/>
    </row>
    <row r="529021" spans="8:8">
      <c r="H529021" s="12"/>
    </row>
    <row r="529022" spans="8:8">
      <c r="H529022" s="12"/>
    </row>
    <row r="529023" spans="8:8">
      <c r="H529023" s="12"/>
    </row>
    <row r="529024" spans="8:8">
      <c r="H529024" s="12"/>
    </row>
    <row r="529025" spans="8:8">
      <c r="H529025" s="12"/>
    </row>
    <row r="529026" spans="8:8">
      <c r="H529026" s="12"/>
    </row>
    <row r="529027" spans="8:8">
      <c r="H529027" s="12"/>
    </row>
    <row r="529028" spans="8:8">
      <c r="H529028" s="12"/>
    </row>
    <row r="529029" spans="8:8">
      <c r="H529029" s="12"/>
    </row>
    <row r="529030" spans="8:8">
      <c r="H529030" s="12"/>
    </row>
    <row r="529031" spans="8:8">
      <c r="H529031" s="12"/>
    </row>
    <row r="529032" spans="8:8">
      <c r="H529032" s="12"/>
    </row>
    <row r="529033" spans="8:8">
      <c r="H529033" s="12"/>
    </row>
    <row r="529034" spans="8:8">
      <c r="H529034" s="12"/>
    </row>
    <row r="529035" spans="8:8">
      <c r="H529035" s="12"/>
    </row>
    <row r="529036" spans="8:8">
      <c r="H529036" s="12"/>
    </row>
    <row r="529037" spans="8:8">
      <c r="H529037" s="12"/>
    </row>
    <row r="529038" spans="8:8">
      <c r="H529038" s="12"/>
    </row>
    <row r="529039" spans="8:8">
      <c r="H529039" s="12"/>
    </row>
    <row r="529040" spans="8:8">
      <c r="H529040" s="12"/>
    </row>
    <row r="529041" spans="8:8">
      <c r="H529041" s="12"/>
    </row>
    <row r="529042" spans="8:8">
      <c r="H529042" s="12"/>
    </row>
    <row r="529043" spans="8:8">
      <c r="H529043" s="12"/>
    </row>
    <row r="529044" spans="8:8">
      <c r="H529044" s="12"/>
    </row>
    <row r="529045" spans="8:8">
      <c r="H529045" s="12"/>
    </row>
    <row r="529046" spans="8:8">
      <c r="H529046" s="12"/>
    </row>
    <row r="529047" spans="8:8">
      <c r="H529047" s="12"/>
    </row>
    <row r="529048" spans="8:8">
      <c r="H529048" s="12"/>
    </row>
    <row r="529049" spans="8:8">
      <c r="H529049" s="12"/>
    </row>
    <row r="529050" spans="8:8">
      <c r="H529050" s="12"/>
    </row>
    <row r="529051" spans="8:8">
      <c r="H529051" s="12"/>
    </row>
    <row r="529052" spans="8:8">
      <c r="H529052" s="12"/>
    </row>
    <row r="529053" spans="8:8">
      <c r="H529053" s="12"/>
    </row>
    <row r="529054" spans="8:8">
      <c r="H529054" s="12"/>
    </row>
    <row r="529055" spans="8:8">
      <c r="H529055" s="12"/>
    </row>
    <row r="529056" spans="8:8">
      <c r="H529056" s="12"/>
    </row>
    <row r="529057" spans="8:8">
      <c r="H529057" s="12"/>
    </row>
    <row r="529058" spans="8:8">
      <c r="H529058" s="12"/>
    </row>
    <row r="529059" spans="8:8">
      <c r="H529059" s="12"/>
    </row>
    <row r="529060" spans="8:8">
      <c r="H529060" s="12"/>
    </row>
    <row r="529061" spans="8:8">
      <c r="H529061" s="12"/>
    </row>
    <row r="529062" spans="8:8">
      <c r="H529062" s="12"/>
    </row>
    <row r="529063" spans="8:8">
      <c r="H529063" s="12"/>
    </row>
    <row r="529064" spans="8:8">
      <c r="H529064" s="12"/>
    </row>
    <row r="529065" spans="8:8">
      <c r="H529065" s="12"/>
    </row>
    <row r="529066" spans="8:8">
      <c r="H529066" s="12"/>
    </row>
    <row r="529067" spans="8:8">
      <c r="H529067" s="12"/>
    </row>
    <row r="529068" spans="8:8">
      <c r="H529068" s="12"/>
    </row>
    <row r="529069" spans="8:8">
      <c r="H529069" s="12"/>
    </row>
    <row r="529070" spans="8:8">
      <c r="H529070" s="12"/>
    </row>
    <row r="529071" spans="8:8">
      <c r="H529071" s="12"/>
    </row>
    <row r="529072" spans="8:8">
      <c r="H529072" s="12"/>
    </row>
    <row r="529073" spans="8:8">
      <c r="H529073" s="12"/>
    </row>
    <row r="529074" spans="8:8">
      <c r="H529074" s="12"/>
    </row>
    <row r="529075" spans="8:8">
      <c r="H529075" s="12"/>
    </row>
    <row r="529076" spans="8:8">
      <c r="H529076" s="12"/>
    </row>
    <row r="529077" spans="8:8">
      <c r="H529077" s="12"/>
    </row>
    <row r="529078" spans="8:8">
      <c r="H529078" s="12"/>
    </row>
    <row r="529079" spans="8:8">
      <c r="H529079" s="12"/>
    </row>
    <row r="529080" spans="8:8">
      <c r="H529080" s="12"/>
    </row>
    <row r="529081" spans="8:8">
      <c r="H529081" s="12"/>
    </row>
    <row r="529082" spans="8:8">
      <c r="H529082" s="12"/>
    </row>
    <row r="529083" spans="8:8">
      <c r="H529083" s="12"/>
    </row>
    <row r="529084" spans="8:8">
      <c r="H529084" s="12"/>
    </row>
    <row r="529085" spans="8:8">
      <c r="H529085" s="12"/>
    </row>
    <row r="529086" spans="8:8">
      <c r="H529086" s="12"/>
    </row>
    <row r="529087" spans="8:8">
      <c r="H529087" s="12"/>
    </row>
    <row r="529088" spans="8:8">
      <c r="H529088" s="12"/>
    </row>
    <row r="529089" spans="8:8">
      <c r="H529089" s="12"/>
    </row>
    <row r="529090" spans="8:8">
      <c r="H529090" s="12"/>
    </row>
    <row r="529091" spans="8:8">
      <c r="H529091" s="12"/>
    </row>
    <row r="529092" spans="8:8">
      <c r="H529092" s="12"/>
    </row>
    <row r="529093" spans="8:8">
      <c r="H529093" s="12"/>
    </row>
    <row r="529094" spans="8:8">
      <c r="H529094" s="12"/>
    </row>
    <row r="529095" spans="8:8">
      <c r="H529095" s="12"/>
    </row>
    <row r="529096" spans="8:8">
      <c r="H529096" s="12"/>
    </row>
    <row r="529097" spans="8:8">
      <c r="H529097" s="12"/>
    </row>
    <row r="529098" spans="8:8">
      <c r="H529098" s="12"/>
    </row>
    <row r="529099" spans="8:8">
      <c r="H529099" s="12"/>
    </row>
    <row r="529100" spans="8:8">
      <c r="H529100" s="12"/>
    </row>
    <row r="529101" spans="8:8">
      <c r="H529101" s="12"/>
    </row>
    <row r="529102" spans="8:8">
      <c r="H529102" s="12"/>
    </row>
    <row r="529103" spans="8:8">
      <c r="H529103" s="12"/>
    </row>
    <row r="529104" spans="8:8">
      <c r="H529104" s="12"/>
    </row>
    <row r="529105" spans="8:8">
      <c r="H529105" s="12"/>
    </row>
    <row r="529106" spans="8:8">
      <c r="H529106" s="12"/>
    </row>
    <row r="529107" spans="8:8">
      <c r="H529107" s="12"/>
    </row>
    <row r="529108" spans="8:8">
      <c r="H529108" s="12"/>
    </row>
    <row r="529109" spans="8:8">
      <c r="H529109" s="12"/>
    </row>
    <row r="529110" spans="8:8">
      <c r="H529110" s="12"/>
    </row>
    <row r="529111" spans="8:8">
      <c r="H529111" s="12"/>
    </row>
    <row r="529112" spans="8:8">
      <c r="H529112" s="12"/>
    </row>
    <row r="529113" spans="8:8">
      <c r="H529113" s="12"/>
    </row>
    <row r="529114" spans="8:8">
      <c r="H529114" s="12"/>
    </row>
    <row r="529115" spans="8:8">
      <c r="H529115" s="12"/>
    </row>
    <row r="529116" spans="8:8">
      <c r="H529116" s="12"/>
    </row>
    <row r="529117" spans="8:8">
      <c r="H529117" s="12"/>
    </row>
    <row r="529118" spans="8:8">
      <c r="H529118" s="12"/>
    </row>
    <row r="529119" spans="8:8">
      <c r="H529119" s="12"/>
    </row>
    <row r="529120" spans="8:8">
      <c r="H529120" s="12"/>
    </row>
    <row r="529121" spans="8:8">
      <c r="H529121" s="12"/>
    </row>
    <row r="529122" spans="8:8">
      <c r="H529122" s="12"/>
    </row>
    <row r="529123" spans="8:8">
      <c r="H529123" s="12"/>
    </row>
    <row r="529124" spans="8:8">
      <c r="H529124" s="12"/>
    </row>
    <row r="529125" spans="8:8">
      <c r="H529125" s="12"/>
    </row>
    <row r="529126" spans="8:8">
      <c r="H529126" s="12"/>
    </row>
    <row r="529127" spans="8:8">
      <c r="H529127" s="12"/>
    </row>
    <row r="529128" spans="8:8">
      <c r="H529128" s="12"/>
    </row>
    <row r="529129" spans="8:8">
      <c r="H529129" s="12"/>
    </row>
    <row r="529130" spans="8:8">
      <c r="H529130" s="12"/>
    </row>
    <row r="529131" spans="8:8">
      <c r="H529131" s="12"/>
    </row>
    <row r="529132" spans="8:8">
      <c r="H529132" s="12"/>
    </row>
    <row r="529133" spans="8:8">
      <c r="H529133" s="12"/>
    </row>
    <row r="529134" spans="8:8">
      <c r="H529134" s="12"/>
    </row>
    <row r="529135" spans="8:8">
      <c r="H529135" s="12"/>
    </row>
    <row r="529136" spans="8:8">
      <c r="H529136" s="12"/>
    </row>
    <row r="529137" spans="8:8">
      <c r="H529137" s="12"/>
    </row>
    <row r="529138" spans="8:8">
      <c r="H529138" s="12"/>
    </row>
    <row r="529139" spans="8:8">
      <c r="H529139" s="12"/>
    </row>
    <row r="529140" spans="8:8">
      <c r="H529140" s="12"/>
    </row>
    <row r="529141" spans="8:8">
      <c r="H529141" s="12"/>
    </row>
    <row r="529142" spans="8:8">
      <c r="H529142" s="12"/>
    </row>
    <row r="529143" spans="8:8">
      <c r="H529143" s="12"/>
    </row>
    <row r="529144" spans="8:8">
      <c r="H529144" s="12"/>
    </row>
    <row r="529145" spans="8:8">
      <c r="H529145" s="12"/>
    </row>
    <row r="529146" spans="8:8">
      <c r="H529146" s="12"/>
    </row>
    <row r="529147" spans="8:8">
      <c r="H529147" s="12"/>
    </row>
    <row r="529148" spans="8:8">
      <c r="H529148" s="12"/>
    </row>
    <row r="529149" spans="8:8">
      <c r="H529149" s="12"/>
    </row>
    <row r="529150" spans="8:8">
      <c r="H529150" s="12"/>
    </row>
    <row r="529151" spans="8:8">
      <c r="H529151" s="12"/>
    </row>
    <row r="529152" spans="8:8">
      <c r="H529152" s="12"/>
    </row>
    <row r="529153" spans="8:8">
      <c r="H529153" s="12"/>
    </row>
    <row r="529154" spans="8:8">
      <c r="H529154" s="12"/>
    </row>
    <row r="529155" spans="8:8">
      <c r="H529155" s="12"/>
    </row>
    <row r="529156" spans="8:8">
      <c r="H529156" s="12"/>
    </row>
    <row r="529157" spans="8:8">
      <c r="H529157" s="12"/>
    </row>
    <row r="529158" spans="8:8">
      <c r="H529158" s="12"/>
    </row>
    <row r="529159" spans="8:8">
      <c r="H529159" s="12"/>
    </row>
    <row r="529160" spans="8:8">
      <c r="H529160" s="12"/>
    </row>
    <row r="529161" spans="8:8">
      <c r="H529161" s="12"/>
    </row>
    <row r="529162" spans="8:8">
      <c r="H529162" s="12"/>
    </row>
    <row r="529163" spans="8:8">
      <c r="H529163" s="12"/>
    </row>
    <row r="529164" spans="8:8">
      <c r="H529164" s="12"/>
    </row>
    <row r="529165" spans="8:8">
      <c r="H529165" s="12"/>
    </row>
    <row r="529166" spans="8:8">
      <c r="H529166" s="12"/>
    </row>
    <row r="529167" spans="8:8">
      <c r="H529167" s="12"/>
    </row>
    <row r="529168" spans="8:8">
      <c r="H529168" s="12"/>
    </row>
    <row r="529169" spans="8:8">
      <c r="H529169" s="12"/>
    </row>
    <row r="529170" spans="8:8">
      <c r="H529170" s="12"/>
    </row>
    <row r="529171" spans="8:8">
      <c r="H529171" s="12"/>
    </row>
    <row r="529172" spans="8:8">
      <c r="H529172" s="12"/>
    </row>
    <row r="529173" spans="8:8">
      <c r="H529173" s="12"/>
    </row>
    <row r="529174" spans="8:8">
      <c r="H529174" s="12"/>
    </row>
    <row r="529175" spans="8:8">
      <c r="H529175" s="12"/>
    </row>
    <row r="529176" spans="8:8">
      <c r="H529176" s="12"/>
    </row>
    <row r="529177" spans="8:8">
      <c r="H529177" s="12"/>
    </row>
    <row r="529178" spans="8:8">
      <c r="H529178" s="12"/>
    </row>
    <row r="529179" spans="8:8">
      <c r="H529179" s="12"/>
    </row>
    <row r="529180" spans="8:8">
      <c r="H529180" s="12"/>
    </row>
    <row r="529181" spans="8:8">
      <c r="H529181" s="12"/>
    </row>
    <row r="529182" spans="8:8">
      <c r="H529182" s="12"/>
    </row>
    <row r="529183" spans="8:8">
      <c r="H529183" s="12"/>
    </row>
    <row r="529184" spans="8:8">
      <c r="H529184" s="12"/>
    </row>
    <row r="529185" spans="8:8">
      <c r="H529185" s="12"/>
    </row>
    <row r="529186" spans="8:8">
      <c r="H529186" s="12"/>
    </row>
    <row r="529187" spans="8:8">
      <c r="H529187" s="12"/>
    </row>
    <row r="529188" spans="8:8">
      <c r="H529188" s="12"/>
    </row>
    <row r="529189" spans="8:8">
      <c r="H529189" s="12"/>
    </row>
    <row r="529190" spans="8:8">
      <c r="H529190" s="12"/>
    </row>
    <row r="529191" spans="8:8">
      <c r="H529191" s="12"/>
    </row>
    <row r="529192" spans="8:8">
      <c r="H529192" s="12"/>
    </row>
    <row r="529193" spans="8:8">
      <c r="H529193" s="12"/>
    </row>
    <row r="529194" spans="8:8">
      <c r="H529194" s="12"/>
    </row>
    <row r="529195" spans="8:8">
      <c r="H529195" s="12"/>
    </row>
    <row r="529196" spans="8:8">
      <c r="H529196" s="12"/>
    </row>
    <row r="529197" spans="8:8">
      <c r="H529197" s="12"/>
    </row>
    <row r="529198" spans="8:8">
      <c r="H529198" s="12"/>
    </row>
    <row r="529199" spans="8:8">
      <c r="H529199" s="12"/>
    </row>
    <row r="529200" spans="8:8">
      <c r="H529200" s="12"/>
    </row>
    <row r="529201" spans="8:8">
      <c r="H529201" s="12"/>
    </row>
    <row r="529202" spans="8:8">
      <c r="H529202" s="12"/>
    </row>
    <row r="529203" spans="8:8">
      <c r="H529203" s="12"/>
    </row>
    <row r="529204" spans="8:8">
      <c r="H529204" s="12"/>
    </row>
    <row r="529205" spans="8:8">
      <c r="H529205" s="12"/>
    </row>
    <row r="529206" spans="8:8">
      <c r="H529206" s="12"/>
    </row>
    <row r="529207" spans="8:8">
      <c r="H529207" s="12"/>
    </row>
    <row r="529208" spans="8:8">
      <c r="H529208" s="12"/>
    </row>
    <row r="529209" spans="8:8">
      <c r="H529209" s="12"/>
    </row>
    <row r="529210" spans="8:8">
      <c r="H529210" s="12"/>
    </row>
    <row r="529211" spans="8:8">
      <c r="H529211" s="12"/>
    </row>
    <row r="529212" spans="8:8">
      <c r="H529212" s="12"/>
    </row>
    <row r="529213" spans="8:8">
      <c r="H529213" s="12"/>
    </row>
    <row r="529214" spans="8:8">
      <c r="H529214" s="12"/>
    </row>
    <row r="529215" spans="8:8">
      <c r="H529215" s="12"/>
    </row>
    <row r="529216" spans="8:8">
      <c r="H529216" s="12"/>
    </row>
    <row r="529217" spans="8:8">
      <c r="H529217" s="12"/>
    </row>
    <row r="529218" spans="8:8">
      <c r="H529218" s="12"/>
    </row>
    <row r="529219" spans="8:8">
      <c r="H529219" s="12"/>
    </row>
    <row r="529220" spans="8:8">
      <c r="H529220" s="12"/>
    </row>
    <row r="529221" spans="8:8">
      <c r="H529221" s="12"/>
    </row>
    <row r="529222" spans="8:8">
      <c r="H529222" s="12"/>
    </row>
    <row r="529223" spans="8:8">
      <c r="H529223" s="12"/>
    </row>
    <row r="529224" spans="8:8">
      <c r="H529224" s="12"/>
    </row>
    <row r="529225" spans="8:8">
      <c r="H529225" s="12"/>
    </row>
    <row r="529226" spans="8:8">
      <c r="H529226" s="12"/>
    </row>
    <row r="529227" spans="8:8">
      <c r="H529227" s="12"/>
    </row>
    <row r="529228" spans="8:8">
      <c r="H529228" s="12"/>
    </row>
    <row r="529229" spans="8:8">
      <c r="H529229" s="12"/>
    </row>
    <row r="529230" spans="8:8">
      <c r="H529230" s="12"/>
    </row>
    <row r="529231" spans="8:8">
      <c r="H529231" s="12"/>
    </row>
    <row r="529232" spans="8:8">
      <c r="H529232" s="12"/>
    </row>
    <row r="529233" spans="8:8">
      <c r="H529233" s="12"/>
    </row>
    <row r="529234" spans="8:8">
      <c r="H529234" s="12"/>
    </row>
    <row r="529235" spans="8:8">
      <c r="H529235" s="12"/>
    </row>
    <row r="529236" spans="8:8">
      <c r="H529236" s="12"/>
    </row>
    <row r="529237" spans="8:8">
      <c r="H529237" s="12"/>
    </row>
    <row r="529238" spans="8:8">
      <c r="H529238" s="12"/>
    </row>
    <row r="529239" spans="8:8">
      <c r="H529239" s="12"/>
    </row>
    <row r="529240" spans="8:8">
      <c r="H529240" s="12"/>
    </row>
    <row r="529241" spans="8:8">
      <c r="H529241" s="12"/>
    </row>
    <row r="529242" spans="8:8">
      <c r="H529242" s="12"/>
    </row>
    <row r="529243" spans="8:8">
      <c r="H529243" s="12"/>
    </row>
    <row r="529244" spans="8:8">
      <c r="H529244" s="12"/>
    </row>
    <row r="529245" spans="8:8">
      <c r="H529245" s="12"/>
    </row>
    <row r="529246" spans="8:8">
      <c r="H529246" s="12"/>
    </row>
    <row r="529247" spans="8:8">
      <c r="H529247" s="12"/>
    </row>
    <row r="529248" spans="8:8">
      <c r="H529248" s="12"/>
    </row>
    <row r="529249" spans="8:8">
      <c r="H529249" s="12"/>
    </row>
    <row r="529250" spans="8:8">
      <c r="H529250" s="12"/>
    </row>
    <row r="529251" spans="8:8">
      <c r="H529251" s="12"/>
    </row>
    <row r="529252" spans="8:8">
      <c r="H529252" s="12"/>
    </row>
    <row r="529253" spans="8:8">
      <c r="H529253" s="12"/>
    </row>
    <row r="529254" spans="8:8">
      <c r="H529254" s="12"/>
    </row>
    <row r="529255" spans="8:8">
      <c r="H529255" s="12"/>
    </row>
    <row r="529256" spans="8:8">
      <c r="H529256" s="12"/>
    </row>
    <row r="529257" spans="8:8">
      <c r="H529257" s="12"/>
    </row>
    <row r="529258" spans="8:8">
      <c r="H529258" s="12"/>
    </row>
    <row r="529259" spans="8:8">
      <c r="H529259" s="12"/>
    </row>
    <row r="529260" spans="8:8">
      <c r="H529260" s="12"/>
    </row>
    <row r="529261" spans="8:8">
      <c r="H529261" s="12"/>
    </row>
    <row r="529262" spans="8:8">
      <c r="H529262" s="12"/>
    </row>
    <row r="529263" spans="8:8">
      <c r="H529263" s="12"/>
    </row>
    <row r="529264" spans="8:8">
      <c r="H529264" s="12"/>
    </row>
    <row r="529265" spans="8:8">
      <c r="H529265" s="12"/>
    </row>
    <row r="529266" spans="8:8">
      <c r="H529266" s="12"/>
    </row>
    <row r="529267" spans="8:8">
      <c r="H529267" s="12"/>
    </row>
    <row r="529268" spans="8:8">
      <c r="H529268" s="12"/>
    </row>
    <row r="529269" spans="8:8">
      <c r="H529269" s="12"/>
    </row>
    <row r="529270" spans="8:8">
      <c r="H529270" s="12"/>
    </row>
    <row r="529271" spans="8:8">
      <c r="H529271" s="12"/>
    </row>
    <row r="529272" spans="8:8">
      <c r="H529272" s="12"/>
    </row>
    <row r="529273" spans="8:8">
      <c r="H529273" s="12"/>
    </row>
    <row r="529274" spans="8:8">
      <c r="H529274" s="12"/>
    </row>
    <row r="529275" spans="8:8">
      <c r="H529275" s="12"/>
    </row>
    <row r="529276" spans="8:8">
      <c r="H529276" s="12"/>
    </row>
    <row r="529277" spans="8:8">
      <c r="H529277" s="12"/>
    </row>
    <row r="529278" spans="8:8">
      <c r="H529278" s="12"/>
    </row>
    <row r="529279" spans="8:8">
      <c r="H529279" s="12"/>
    </row>
    <row r="529280" spans="8:8">
      <c r="H529280" s="12"/>
    </row>
    <row r="529281" spans="8:8">
      <c r="H529281" s="12"/>
    </row>
    <row r="529282" spans="8:8">
      <c r="H529282" s="12"/>
    </row>
    <row r="529283" spans="8:8">
      <c r="H529283" s="12"/>
    </row>
    <row r="529284" spans="8:8">
      <c r="H529284" s="12"/>
    </row>
    <row r="529285" spans="8:8">
      <c r="H529285" s="12"/>
    </row>
    <row r="529286" spans="8:8">
      <c r="H529286" s="12"/>
    </row>
    <row r="529287" spans="8:8">
      <c r="H529287" s="12"/>
    </row>
    <row r="529288" spans="8:8">
      <c r="H529288" s="12"/>
    </row>
    <row r="529289" spans="8:8">
      <c r="H529289" s="12"/>
    </row>
    <row r="529290" spans="8:8">
      <c r="H529290" s="12"/>
    </row>
    <row r="529291" spans="8:8">
      <c r="H529291" s="12"/>
    </row>
    <row r="529292" spans="8:8">
      <c r="H529292" s="12"/>
    </row>
    <row r="529293" spans="8:8">
      <c r="H529293" s="12"/>
    </row>
    <row r="529294" spans="8:8">
      <c r="H529294" s="12"/>
    </row>
    <row r="529295" spans="8:8">
      <c r="H529295" s="12"/>
    </row>
    <row r="529296" spans="8:8">
      <c r="H529296" s="12"/>
    </row>
    <row r="529297" spans="8:8">
      <c r="H529297" s="12"/>
    </row>
    <row r="529298" spans="8:8">
      <c r="H529298" s="12"/>
    </row>
    <row r="529299" spans="8:8">
      <c r="H529299" s="12"/>
    </row>
    <row r="529300" spans="8:8">
      <c r="H529300" s="12"/>
    </row>
    <row r="529301" spans="8:8">
      <c r="H529301" s="12"/>
    </row>
    <row r="529302" spans="8:8">
      <c r="H529302" s="12"/>
    </row>
    <row r="529303" spans="8:8">
      <c r="H529303" s="12"/>
    </row>
    <row r="529304" spans="8:8">
      <c r="H529304" s="12"/>
    </row>
    <row r="529305" spans="8:8">
      <c r="H529305" s="12"/>
    </row>
    <row r="529306" spans="8:8">
      <c r="H529306" s="12"/>
    </row>
    <row r="529307" spans="8:8">
      <c r="H529307" s="12"/>
    </row>
    <row r="529308" spans="8:8">
      <c r="H529308" s="12"/>
    </row>
    <row r="529309" spans="8:8">
      <c r="H529309" s="12"/>
    </row>
    <row r="529310" spans="8:8">
      <c r="H529310" s="12"/>
    </row>
    <row r="529311" spans="8:8">
      <c r="H529311" s="12"/>
    </row>
    <row r="529312" spans="8:8">
      <c r="H529312" s="12"/>
    </row>
    <row r="529313" spans="8:8">
      <c r="H529313" s="12"/>
    </row>
    <row r="529314" spans="8:8">
      <c r="H529314" s="12"/>
    </row>
    <row r="529315" spans="8:8">
      <c r="H529315" s="12"/>
    </row>
    <row r="529316" spans="8:8">
      <c r="H529316" s="12"/>
    </row>
    <row r="529317" spans="8:8">
      <c r="H529317" s="12"/>
    </row>
    <row r="529318" spans="8:8">
      <c r="H529318" s="12"/>
    </row>
    <row r="529319" spans="8:8">
      <c r="H529319" s="12"/>
    </row>
    <row r="529320" spans="8:8">
      <c r="H529320" s="12"/>
    </row>
    <row r="529321" spans="8:8">
      <c r="H529321" s="12"/>
    </row>
    <row r="529322" spans="8:8">
      <c r="H529322" s="12"/>
    </row>
    <row r="529323" spans="8:8">
      <c r="H529323" s="12"/>
    </row>
    <row r="529324" spans="8:8">
      <c r="H529324" s="12"/>
    </row>
    <row r="529325" spans="8:8">
      <c r="H529325" s="12"/>
    </row>
    <row r="529326" spans="8:8">
      <c r="H529326" s="12"/>
    </row>
    <row r="529327" spans="8:8">
      <c r="H529327" s="12"/>
    </row>
    <row r="529328" spans="8:8">
      <c r="H529328" s="12"/>
    </row>
    <row r="529329" spans="8:8">
      <c r="H529329" s="12"/>
    </row>
    <row r="529330" spans="8:8">
      <c r="H529330" s="12"/>
    </row>
    <row r="529331" spans="8:8">
      <c r="H529331" s="12"/>
    </row>
    <row r="529332" spans="8:8">
      <c r="H529332" s="12"/>
    </row>
    <row r="529333" spans="8:8">
      <c r="H529333" s="12"/>
    </row>
    <row r="529334" spans="8:8">
      <c r="H529334" s="12"/>
    </row>
    <row r="529335" spans="8:8">
      <c r="H529335" s="12"/>
    </row>
    <row r="529336" spans="8:8">
      <c r="H529336" s="12"/>
    </row>
    <row r="529337" spans="8:8">
      <c r="H529337" s="12"/>
    </row>
    <row r="529338" spans="8:8">
      <c r="H529338" s="12"/>
    </row>
    <row r="529339" spans="8:8">
      <c r="H529339" s="12"/>
    </row>
    <row r="529340" spans="8:8">
      <c r="H529340" s="12"/>
    </row>
    <row r="529341" spans="8:8">
      <c r="H529341" s="12"/>
    </row>
    <row r="529342" spans="8:8">
      <c r="H529342" s="12"/>
    </row>
    <row r="529343" spans="8:8">
      <c r="H529343" s="12"/>
    </row>
    <row r="529344" spans="8:8">
      <c r="H529344" s="12"/>
    </row>
    <row r="529345" spans="8:8">
      <c r="H529345" s="12"/>
    </row>
    <row r="529346" spans="8:8">
      <c r="H529346" s="12"/>
    </row>
    <row r="529347" spans="8:8">
      <c r="H529347" s="12"/>
    </row>
    <row r="529348" spans="8:8">
      <c r="H529348" s="12"/>
    </row>
    <row r="529349" spans="8:8">
      <c r="H529349" s="12"/>
    </row>
    <row r="529350" spans="8:8">
      <c r="H529350" s="12"/>
    </row>
    <row r="529351" spans="8:8">
      <c r="H529351" s="12"/>
    </row>
    <row r="529352" spans="8:8">
      <c r="H529352" s="12"/>
    </row>
    <row r="529353" spans="8:8">
      <c r="H529353" s="12"/>
    </row>
    <row r="529354" spans="8:8">
      <c r="H529354" s="12"/>
    </row>
    <row r="529355" spans="8:8">
      <c r="H529355" s="12"/>
    </row>
    <row r="529356" spans="8:8">
      <c r="H529356" s="12"/>
    </row>
    <row r="529357" spans="8:8">
      <c r="H529357" s="12"/>
    </row>
    <row r="529358" spans="8:8">
      <c r="H529358" s="12"/>
    </row>
    <row r="529359" spans="8:8">
      <c r="H529359" s="12"/>
    </row>
    <row r="529360" spans="8:8">
      <c r="H529360" s="12"/>
    </row>
    <row r="529361" spans="8:8">
      <c r="H529361" s="12"/>
    </row>
    <row r="529362" spans="8:8">
      <c r="H529362" s="12"/>
    </row>
    <row r="529363" spans="8:8">
      <c r="H529363" s="12"/>
    </row>
    <row r="529364" spans="8:8">
      <c r="H529364" s="12"/>
    </row>
    <row r="529365" spans="8:8">
      <c r="H529365" s="12"/>
    </row>
    <row r="529366" spans="8:8">
      <c r="H529366" s="12"/>
    </row>
    <row r="529367" spans="8:8">
      <c r="H529367" s="12"/>
    </row>
    <row r="529368" spans="8:8">
      <c r="H529368" s="12"/>
    </row>
    <row r="529369" spans="8:8">
      <c r="H529369" s="12"/>
    </row>
    <row r="529370" spans="8:8">
      <c r="H529370" s="12"/>
    </row>
    <row r="529371" spans="8:8">
      <c r="H529371" s="12"/>
    </row>
    <row r="529372" spans="8:8">
      <c r="H529372" s="12"/>
    </row>
    <row r="529373" spans="8:8">
      <c r="H529373" s="12"/>
    </row>
    <row r="529374" spans="8:8">
      <c r="H529374" s="12"/>
    </row>
    <row r="529375" spans="8:8">
      <c r="H529375" s="12"/>
    </row>
    <row r="529376" spans="8:8">
      <c r="H529376" s="12"/>
    </row>
    <row r="529377" spans="8:8">
      <c r="H529377" s="12"/>
    </row>
    <row r="529378" spans="8:8">
      <c r="H529378" s="12"/>
    </row>
    <row r="529379" spans="8:8">
      <c r="H529379" s="12"/>
    </row>
    <row r="529380" spans="8:8">
      <c r="H529380" s="12"/>
    </row>
    <row r="529381" spans="8:8">
      <c r="H529381" s="12"/>
    </row>
    <row r="529382" spans="8:8">
      <c r="H529382" s="12"/>
    </row>
    <row r="529383" spans="8:8">
      <c r="H529383" s="12"/>
    </row>
    <row r="529384" spans="8:8">
      <c r="H529384" s="12"/>
    </row>
    <row r="529385" spans="8:8">
      <c r="H529385" s="12"/>
    </row>
    <row r="529386" spans="8:8">
      <c r="H529386" s="12"/>
    </row>
    <row r="529387" spans="8:8">
      <c r="H529387" s="12"/>
    </row>
    <row r="529388" spans="8:8">
      <c r="H529388" s="12"/>
    </row>
    <row r="529389" spans="8:8">
      <c r="H529389" s="12"/>
    </row>
    <row r="529390" spans="8:8">
      <c r="H529390" s="12"/>
    </row>
    <row r="529391" spans="8:8">
      <c r="H529391" s="12"/>
    </row>
    <row r="529392" spans="8:8">
      <c r="H529392" s="12"/>
    </row>
    <row r="529393" spans="8:8">
      <c r="H529393" s="12"/>
    </row>
    <row r="529394" spans="8:8">
      <c r="H529394" s="12"/>
    </row>
    <row r="529395" spans="8:8">
      <c r="H529395" s="12"/>
    </row>
    <row r="529396" spans="8:8">
      <c r="H529396" s="12"/>
    </row>
    <row r="529397" spans="8:8">
      <c r="H529397" s="12"/>
    </row>
    <row r="529398" spans="8:8">
      <c r="H529398" s="12"/>
    </row>
    <row r="529399" spans="8:8">
      <c r="H529399" s="12"/>
    </row>
    <row r="529400" spans="8:8">
      <c r="H529400" s="12"/>
    </row>
    <row r="529401" spans="8:8">
      <c r="H529401" s="12"/>
    </row>
    <row r="529402" spans="8:8">
      <c r="H529402" s="12"/>
    </row>
    <row r="529403" spans="8:8">
      <c r="H529403" s="12"/>
    </row>
    <row r="529404" spans="8:8">
      <c r="H529404" s="12"/>
    </row>
    <row r="529405" spans="8:8">
      <c r="H529405" s="12"/>
    </row>
    <row r="529406" spans="8:8">
      <c r="H529406" s="12"/>
    </row>
    <row r="529407" spans="8:8">
      <c r="H529407" s="12"/>
    </row>
    <row r="529408" spans="8:8">
      <c r="H529408" s="12"/>
    </row>
    <row r="529409" spans="8:8">
      <c r="H529409" s="12"/>
    </row>
    <row r="529410" spans="8:8">
      <c r="H529410" s="12"/>
    </row>
    <row r="529411" spans="8:8">
      <c r="H529411" s="12"/>
    </row>
    <row r="529412" spans="8:8">
      <c r="H529412" s="12"/>
    </row>
    <row r="529413" spans="8:8">
      <c r="H529413" s="12"/>
    </row>
    <row r="529414" spans="8:8">
      <c r="H529414" s="12"/>
    </row>
    <row r="529415" spans="8:8">
      <c r="H529415" s="12"/>
    </row>
    <row r="529416" spans="8:8">
      <c r="H529416" s="12"/>
    </row>
    <row r="529417" spans="8:8">
      <c r="H529417" s="12"/>
    </row>
    <row r="529418" spans="8:8">
      <c r="H529418" s="12"/>
    </row>
    <row r="529419" spans="8:8">
      <c r="H529419" s="12"/>
    </row>
    <row r="529420" spans="8:8">
      <c r="H529420" s="12"/>
    </row>
    <row r="529421" spans="8:8">
      <c r="H529421" s="12"/>
    </row>
    <row r="529422" spans="8:8">
      <c r="H529422" s="12"/>
    </row>
    <row r="529423" spans="8:8">
      <c r="H529423" s="12"/>
    </row>
    <row r="529424" spans="8:8">
      <c r="H529424" s="12"/>
    </row>
    <row r="529425" spans="8:8">
      <c r="H529425" s="12"/>
    </row>
    <row r="529426" spans="8:8">
      <c r="H529426" s="12"/>
    </row>
    <row r="529427" spans="8:8">
      <c r="H529427" s="12"/>
    </row>
    <row r="529428" spans="8:8">
      <c r="H529428" s="12"/>
    </row>
    <row r="529429" spans="8:8">
      <c r="H529429" s="12"/>
    </row>
    <row r="529430" spans="8:8">
      <c r="H529430" s="12"/>
    </row>
    <row r="529431" spans="8:8">
      <c r="H529431" s="12"/>
    </row>
    <row r="529432" spans="8:8">
      <c r="H529432" s="12"/>
    </row>
    <row r="529433" spans="8:8">
      <c r="H529433" s="12"/>
    </row>
    <row r="529434" spans="8:8">
      <c r="H529434" s="12"/>
    </row>
    <row r="529435" spans="8:8">
      <c r="H529435" s="12"/>
    </row>
    <row r="529436" spans="8:8">
      <c r="H529436" s="12"/>
    </row>
    <row r="529437" spans="8:8">
      <c r="H529437" s="12"/>
    </row>
    <row r="529438" spans="8:8">
      <c r="H529438" s="12"/>
    </row>
    <row r="529439" spans="8:8">
      <c r="H529439" s="12"/>
    </row>
    <row r="529440" spans="8:8">
      <c r="H529440" s="12"/>
    </row>
    <row r="529441" spans="8:8">
      <c r="H529441" s="12"/>
    </row>
    <row r="529442" spans="8:8">
      <c r="H529442" s="12"/>
    </row>
    <row r="529443" spans="8:8">
      <c r="H529443" s="12"/>
    </row>
    <row r="529444" spans="8:8">
      <c r="H529444" s="12"/>
    </row>
    <row r="529445" spans="8:8">
      <c r="H529445" s="12"/>
    </row>
    <row r="529446" spans="8:8">
      <c r="H529446" s="12"/>
    </row>
    <row r="529447" spans="8:8">
      <c r="H529447" s="12"/>
    </row>
    <row r="529448" spans="8:8">
      <c r="H529448" s="12"/>
    </row>
    <row r="529449" spans="8:8">
      <c r="H529449" s="12"/>
    </row>
    <row r="529450" spans="8:8">
      <c r="H529450" s="12"/>
    </row>
    <row r="529451" spans="8:8">
      <c r="H529451" s="12"/>
    </row>
    <row r="529452" spans="8:8">
      <c r="H529452" s="12"/>
    </row>
    <row r="529453" spans="8:8">
      <c r="H529453" s="12"/>
    </row>
    <row r="529454" spans="8:8">
      <c r="H529454" s="12"/>
    </row>
    <row r="529455" spans="8:8">
      <c r="H529455" s="12"/>
    </row>
    <row r="529456" spans="8:8">
      <c r="H529456" s="12"/>
    </row>
    <row r="529457" spans="8:8">
      <c r="H529457" s="12"/>
    </row>
    <row r="529458" spans="8:8">
      <c r="H529458" s="12"/>
    </row>
    <row r="529459" spans="8:8">
      <c r="H529459" s="12"/>
    </row>
    <row r="529460" spans="8:8">
      <c r="H529460" s="12"/>
    </row>
    <row r="529461" spans="8:8">
      <c r="H529461" s="12"/>
    </row>
    <row r="529462" spans="8:8">
      <c r="H529462" s="12"/>
    </row>
    <row r="529463" spans="8:8">
      <c r="H529463" s="12"/>
    </row>
    <row r="529464" spans="8:8">
      <c r="H529464" s="12"/>
    </row>
    <row r="529465" spans="8:8">
      <c r="H529465" s="12"/>
    </row>
    <row r="529466" spans="8:8">
      <c r="H529466" s="12"/>
    </row>
    <row r="529467" spans="8:8">
      <c r="H529467" s="12"/>
    </row>
    <row r="529468" spans="8:8">
      <c r="H529468" s="12"/>
    </row>
    <row r="529469" spans="8:8">
      <c r="H529469" s="12"/>
    </row>
    <row r="529470" spans="8:8">
      <c r="H529470" s="12"/>
    </row>
    <row r="529471" spans="8:8">
      <c r="H529471" s="12"/>
    </row>
    <row r="529472" spans="8:8">
      <c r="H529472" s="12"/>
    </row>
    <row r="529473" spans="8:8">
      <c r="H529473" s="12"/>
    </row>
    <row r="529474" spans="8:8">
      <c r="H529474" s="12"/>
    </row>
    <row r="529475" spans="8:8">
      <c r="H529475" s="12"/>
    </row>
    <row r="529476" spans="8:8">
      <c r="H529476" s="12"/>
    </row>
    <row r="529477" spans="8:8">
      <c r="H529477" s="12"/>
    </row>
    <row r="529478" spans="8:8">
      <c r="H529478" s="12"/>
    </row>
    <row r="529479" spans="8:8">
      <c r="H529479" s="12"/>
    </row>
    <row r="529480" spans="8:8">
      <c r="H529480" s="12"/>
    </row>
    <row r="529481" spans="8:8">
      <c r="H529481" s="12"/>
    </row>
    <row r="529482" spans="8:8">
      <c r="H529482" s="12"/>
    </row>
    <row r="529483" spans="8:8">
      <c r="H529483" s="12"/>
    </row>
    <row r="529484" spans="8:8">
      <c r="H529484" s="12"/>
    </row>
    <row r="529485" spans="8:8">
      <c r="H529485" s="12"/>
    </row>
    <row r="529486" spans="8:8">
      <c r="H529486" s="12"/>
    </row>
    <row r="529487" spans="8:8">
      <c r="H529487" s="12"/>
    </row>
    <row r="529488" spans="8:8">
      <c r="H529488" s="12"/>
    </row>
    <row r="529489" spans="8:8">
      <c r="H529489" s="12"/>
    </row>
    <row r="529490" spans="8:8">
      <c r="H529490" s="12"/>
    </row>
    <row r="529491" spans="8:8">
      <c r="H529491" s="12"/>
    </row>
    <row r="529492" spans="8:8">
      <c r="H529492" s="12"/>
    </row>
    <row r="529493" spans="8:8">
      <c r="H529493" s="12"/>
    </row>
    <row r="529494" spans="8:8">
      <c r="H529494" s="12"/>
    </row>
    <row r="529495" spans="8:8">
      <c r="H529495" s="12"/>
    </row>
    <row r="529496" spans="8:8">
      <c r="H529496" s="12"/>
    </row>
    <row r="529497" spans="8:8">
      <c r="H529497" s="12"/>
    </row>
    <row r="529498" spans="8:8">
      <c r="H529498" s="12"/>
    </row>
    <row r="529499" spans="8:8">
      <c r="H529499" s="12"/>
    </row>
    <row r="529500" spans="8:8">
      <c r="H529500" s="12"/>
    </row>
    <row r="529501" spans="8:8">
      <c r="H529501" s="12"/>
    </row>
    <row r="529502" spans="8:8">
      <c r="H529502" s="12"/>
    </row>
    <row r="529503" spans="8:8">
      <c r="H529503" s="12"/>
    </row>
    <row r="529504" spans="8:8">
      <c r="H529504" s="12"/>
    </row>
    <row r="529505" spans="8:8">
      <c r="H529505" s="12"/>
    </row>
    <row r="529506" spans="8:8">
      <c r="H529506" s="12"/>
    </row>
    <row r="529507" spans="8:8">
      <c r="H529507" s="12"/>
    </row>
    <row r="529508" spans="8:8">
      <c r="H529508" s="12"/>
    </row>
    <row r="529509" spans="8:8">
      <c r="H529509" s="12"/>
    </row>
    <row r="529510" spans="8:8">
      <c r="H529510" s="12"/>
    </row>
    <row r="529511" spans="8:8">
      <c r="H529511" s="12"/>
    </row>
    <row r="529512" spans="8:8">
      <c r="H529512" s="12"/>
    </row>
    <row r="529513" spans="8:8">
      <c r="H529513" s="12"/>
    </row>
    <row r="529514" spans="8:8">
      <c r="H529514" s="12"/>
    </row>
    <row r="529515" spans="8:8">
      <c r="H529515" s="12"/>
    </row>
    <row r="529516" spans="8:8">
      <c r="H529516" s="12"/>
    </row>
    <row r="529517" spans="8:8">
      <c r="H529517" s="12"/>
    </row>
    <row r="529518" spans="8:8">
      <c r="H529518" s="12"/>
    </row>
    <row r="529519" spans="8:8">
      <c r="H529519" s="12"/>
    </row>
    <row r="529520" spans="8:8">
      <c r="H529520" s="12"/>
    </row>
    <row r="529521" spans="8:8">
      <c r="H529521" s="12"/>
    </row>
    <row r="529522" spans="8:8">
      <c r="H529522" s="12"/>
    </row>
    <row r="529523" spans="8:8">
      <c r="H529523" s="12"/>
    </row>
    <row r="529524" spans="8:8">
      <c r="H529524" s="12"/>
    </row>
    <row r="529525" spans="8:8">
      <c r="H529525" s="12"/>
    </row>
    <row r="529526" spans="8:8">
      <c r="H529526" s="12"/>
    </row>
    <row r="529527" spans="8:8">
      <c r="H529527" s="12"/>
    </row>
    <row r="529528" spans="8:8">
      <c r="H529528" s="12"/>
    </row>
    <row r="529529" spans="8:8">
      <c r="H529529" s="12"/>
    </row>
    <row r="529530" spans="8:8">
      <c r="H529530" s="12"/>
    </row>
    <row r="529531" spans="8:8">
      <c r="H529531" s="12"/>
    </row>
    <row r="529532" spans="8:8">
      <c r="H529532" s="12"/>
    </row>
    <row r="529533" spans="8:8">
      <c r="H529533" s="12"/>
    </row>
    <row r="529534" spans="8:8">
      <c r="H529534" s="12"/>
    </row>
    <row r="529535" spans="8:8">
      <c r="H529535" s="12"/>
    </row>
    <row r="529536" spans="8:8">
      <c r="H529536" s="12"/>
    </row>
    <row r="529537" spans="8:8">
      <c r="H529537" s="12"/>
    </row>
    <row r="529538" spans="8:8">
      <c r="H529538" s="12"/>
    </row>
    <row r="529539" spans="8:8">
      <c r="H529539" s="12"/>
    </row>
    <row r="529540" spans="8:8">
      <c r="H529540" s="12"/>
    </row>
    <row r="529541" spans="8:8">
      <c r="H529541" s="12"/>
    </row>
    <row r="529542" spans="8:8">
      <c r="H529542" s="12"/>
    </row>
    <row r="529543" spans="8:8">
      <c r="H529543" s="12"/>
    </row>
    <row r="529544" spans="8:8">
      <c r="H529544" s="12"/>
    </row>
    <row r="529545" spans="8:8">
      <c r="H529545" s="12"/>
    </row>
    <row r="529546" spans="8:8">
      <c r="H529546" s="12"/>
    </row>
    <row r="529547" spans="8:8">
      <c r="H529547" s="12"/>
    </row>
    <row r="529548" spans="8:8">
      <c r="H529548" s="12"/>
    </row>
    <row r="529549" spans="8:8">
      <c r="H529549" s="12"/>
    </row>
    <row r="529550" spans="8:8">
      <c r="H529550" s="12"/>
    </row>
    <row r="529551" spans="8:8">
      <c r="H529551" s="12"/>
    </row>
    <row r="529552" spans="8:8">
      <c r="H529552" s="12"/>
    </row>
    <row r="529553" spans="8:8">
      <c r="H529553" s="12"/>
    </row>
    <row r="529554" spans="8:8">
      <c r="H529554" s="12"/>
    </row>
    <row r="529555" spans="8:8">
      <c r="H529555" s="12"/>
    </row>
    <row r="529556" spans="8:8">
      <c r="H529556" s="12"/>
    </row>
    <row r="529557" spans="8:8">
      <c r="H529557" s="12"/>
    </row>
    <row r="529558" spans="8:8">
      <c r="H529558" s="12"/>
    </row>
    <row r="529559" spans="8:8">
      <c r="H529559" s="12"/>
    </row>
    <row r="529560" spans="8:8">
      <c r="H529560" s="12"/>
    </row>
    <row r="529561" spans="8:8">
      <c r="H529561" s="12"/>
    </row>
    <row r="529562" spans="8:8">
      <c r="H529562" s="12"/>
    </row>
    <row r="529563" spans="8:8">
      <c r="H529563" s="12"/>
    </row>
    <row r="529564" spans="8:8">
      <c r="H529564" s="12"/>
    </row>
    <row r="529565" spans="8:8">
      <c r="H529565" s="12"/>
    </row>
    <row r="529566" spans="8:8">
      <c r="H529566" s="12"/>
    </row>
    <row r="529567" spans="8:8">
      <c r="H529567" s="12"/>
    </row>
    <row r="529568" spans="8:8">
      <c r="H529568" s="12"/>
    </row>
    <row r="529569" spans="8:8">
      <c r="H529569" s="12"/>
    </row>
    <row r="529570" spans="8:8">
      <c r="H529570" s="12"/>
    </row>
    <row r="529571" spans="8:8">
      <c r="H529571" s="12"/>
    </row>
    <row r="529572" spans="8:8">
      <c r="H529572" s="12"/>
    </row>
    <row r="529573" spans="8:8">
      <c r="H529573" s="12"/>
    </row>
    <row r="529574" spans="8:8">
      <c r="H529574" s="12"/>
    </row>
    <row r="529575" spans="8:8">
      <c r="H529575" s="12"/>
    </row>
    <row r="529576" spans="8:8">
      <c r="H529576" s="12"/>
    </row>
    <row r="529577" spans="8:8">
      <c r="H529577" s="12"/>
    </row>
    <row r="529578" spans="8:8">
      <c r="H529578" s="12"/>
    </row>
    <row r="529579" spans="8:8">
      <c r="H529579" s="12"/>
    </row>
    <row r="529580" spans="8:8">
      <c r="H529580" s="12"/>
    </row>
    <row r="529581" spans="8:8">
      <c r="H529581" s="12"/>
    </row>
    <row r="529582" spans="8:8">
      <c r="H529582" s="12"/>
    </row>
    <row r="529583" spans="8:8">
      <c r="H529583" s="12"/>
    </row>
    <row r="529584" spans="8:8">
      <c r="H529584" s="12"/>
    </row>
    <row r="529585" spans="8:8">
      <c r="H529585" s="12"/>
    </row>
    <row r="529586" spans="8:8">
      <c r="H529586" s="12"/>
    </row>
    <row r="529587" spans="8:8">
      <c r="H529587" s="12"/>
    </row>
    <row r="529588" spans="8:8">
      <c r="H529588" s="12"/>
    </row>
    <row r="529589" spans="8:8">
      <c r="H529589" s="12"/>
    </row>
    <row r="529590" spans="8:8">
      <c r="H529590" s="12"/>
    </row>
    <row r="529591" spans="8:8">
      <c r="H529591" s="12"/>
    </row>
    <row r="529592" spans="8:8">
      <c r="H529592" s="12"/>
    </row>
    <row r="529593" spans="8:8">
      <c r="H529593" s="12"/>
    </row>
    <row r="529594" spans="8:8">
      <c r="H529594" s="12"/>
    </row>
    <row r="529595" spans="8:8">
      <c r="H529595" s="12"/>
    </row>
    <row r="529596" spans="8:8">
      <c r="H529596" s="12"/>
    </row>
    <row r="529597" spans="8:8">
      <c r="H529597" s="12"/>
    </row>
    <row r="529598" spans="8:8">
      <c r="H529598" s="12"/>
    </row>
    <row r="529599" spans="8:8">
      <c r="H529599" s="12"/>
    </row>
    <row r="529600" spans="8:8">
      <c r="H529600" s="12"/>
    </row>
    <row r="529601" spans="8:8">
      <c r="H529601" s="12"/>
    </row>
    <row r="529602" spans="8:8">
      <c r="H529602" s="12"/>
    </row>
    <row r="529603" spans="8:8">
      <c r="H529603" s="12"/>
    </row>
    <row r="529604" spans="8:8">
      <c r="H529604" s="12"/>
    </row>
    <row r="529605" spans="8:8">
      <c r="H529605" s="12"/>
    </row>
    <row r="529606" spans="8:8">
      <c r="H529606" s="12"/>
    </row>
    <row r="529607" spans="8:8">
      <c r="H529607" s="12"/>
    </row>
    <row r="529608" spans="8:8">
      <c r="H529608" s="12"/>
    </row>
    <row r="529609" spans="8:8">
      <c r="H529609" s="12"/>
    </row>
    <row r="529610" spans="8:8">
      <c r="H529610" s="12"/>
    </row>
    <row r="529611" spans="8:8">
      <c r="H529611" s="12"/>
    </row>
    <row r="529612" spans="8:8">
      <c r="H529612" s="12"/>
    </row>
    <row r="529613" spans="8:8">
      <c r="H529613" s="12"/>
    </row>
    <row r="529614" spans="8:8">
      <c r="H529614" s="12"/>
    </row>
    <row r="529615" spans="8:8">
      <c r="H529615" s="12"/>
    </row>
    <row r="529616" spans="8:8">
      <c r="H529616" s="12"/>
    </row>
    <row r="529617" spans="8:8">
      <c r="H529617" s="12"/>
    </row>
    <row r="529618" spans="8:8">
      <c r="H529618" s="12"/>
    </row>
    <row r="529619" spans="8:8">
      <c r="H529619" s="12"/>
    </row>
    <row r="529620" spans="8:8">
      <c r="H529620" s="12"/>
    </row>
    <row r="529621" spans="8:8">
      <c r="H529621" s="12"/>
    </row>
    <row r="529622" spans="8:8">
      <c r="H529622" s="12"/>
    </row>
    <row r="529623" spans="8:8">
      <c r="H529623" s="12"/>
    </row>
    <row r="529624" spans="8:8">
      <c r="H529624" s="12"/>
    </row>
    <row r="529625" spans="8:8">
      <c r="H529625" s="12"/>
    </row>
    <row r="529626" spans="8:8">
      <c r="H529626" s="12"/>
    </row>
    <row r="529627" spans="8:8">
      <c r="H529627" s="12"/>
    </row>
    <row r="529628" spans="8:8">
      <c r="H529628" s="12"/>
    </row>
    <row r="529629" spans="8:8">
      <c r="H529629" s="12"/>
    </row>
    <row r="529630" spans="8:8">
      <c r="H529630" s="12"/>
    </row>
    <row r="529631" spans="8:8">
      <c r="H529631" s="12"/>
    </row>
    <row r="529632" spans="8:8">
      <c r="H529632" s="12"/>
    </row>
    <row r="529633" spans="8:8">
      <c r="H529633" s="12"/>
    </row>
    <row r="529634" spans="8:8">
      <c r="H529634" s="12"/>
    </row>
    <row r="529635" spans="8:8">
      <c r="H529635" s="12"/>
    </row>
    <row r="529636" spans="8:8">
      <c r="H529636" s="12"/>
    </row>
    <row r="529637" spans="8:8">
      <c r="H529637" s="12"/>
    </row>
    <row r="529638" spans="8:8">
      <c r="H529638" s="12"/>
    </row>
    <row r="529639" spans="8:8">
      <c r="H529639" s="12"/>
    </row>
    <row r="529640" spans="8:8">
      <c r="H529640" s="12"/>
    </row>
    <row r="529641" spans="8:8">
      <c r="H529641" s="12"/>
    </row>
    <row r="529642" spans="8:8">
      <c r="H529642" s="12"/>
    </row>
    <row r="529643" spans="8:8">
      <c r="H529643" s="12"/>
    </row>
    <row r="529644" spans="8:8">
      <c r="H529644" s="12"/>
    </row>
    <row r="529645" spans="8:8">
      <c r="H529645" s="12"/>
    </row>
    <row r="529646" spans="8:8">
      <c r="H529646" s="12"/>
    </row>
    <row r="529647" spans="8:8">
      <c r="H529647" s="12"/>
    </row>
    <row r="529648" spans="8:8">
      <c r="H529648" s="12"/>
    </row>
    <row r="529649" spans="8:8">
      <c r="H529649" s="12"/>
    </row>
    <row r="529650" spans="8:8">
      <c r="H529650" s="12"/>
    </row>
    <row r="529651" spans="8:8">
      <c r="H529651" s="12"/>
    </row>
    <row r="529652" spans="8:8">
      <c r="H529652" s="12"/>
    </row>
    <row r="529653" spans="8:8">
      <c r="H529653" s="12"/>
    </row>
    <row r="529654" spans="8:8">
      <c r="H529654" s="12"/>
    </row>
    <row r="529655" spans="8:8">
      <c r="H529655" s="12"/>
    </row>
    <row r="529656" spans="8:8">
      <c r="H529656" s="12"/>
    </row>
    <row r="529657" spans="8:8">
      <c r="H529657" s="12"/>
    </row>
    <row r="529658" spans="8:8">
      <c r="H529658" s="12"/>
    </row>
    <row r="529659" spans="8:8">
      <c r="H529659" s="12"/>
    </row>
    <row r="529660" spans="8:8">
      <c r="H529660" s="12"/>
    </row>
    <row r="529661" spans="8:8">
      <c r="H529661" s="12"/>
    </row>
    <row r="529662" spans="8:8">
      <c r="H529662" s="12"/>
    </row>
    <row r="529663" spans="8:8">
      <c r="H529663" s="12"/>
    </row>
    <row r="529664" spans="8:8">
      <c r="H529664" s="12"/>
    </row>
    <row r="529665" spans="8:8">
      <c r="H529665" s="12"/>
    </row>
    <row r="529666" spans="8:8">
      <c r="H529666" s="12"/>
    </row>
    <row r="529667" spans="8:8">
      <c r="H529667" s="12"/>
    </row>
    <row r="529668" spans="8:8">
      <c r="H529668" s="12"/>
    </row>
    <row r="529669" spans="8:8">
      <c r="H529669" s="12"/>
    </row>
    <row r="529670" spans="8:8">
      <c r="H529670" s="12"/>
    </row>
    <row r="529671" spans="8:8">
      <c r="H529671" s="12"/>
    </row>
    <row r="529672" spans="8:8">
      <c r="H529672" s="12"/>
    </row>
    <row r="529673" spans="8:8">
      <c r="H529673" s="12"/>
    </row>
    <row r="529674" spans="8:8">
      <c r="H529674" s="12"/>
    </row>
    <row r="529675" spans="8:8">
      <c r="H529675" s="12"/>
    </row>
    <row r="529676" spans="8:8">
      <c r="H529676" s="12"/>
    </row>
    <row r="529677" spans="8:8">
      <c r="H529677" s="12"/>
    </row>
    <row r="529678" spans="8:8">
      <c r="H529678" s="12"/>
    </row>
    <row r="529679" spans="8:8">
      <c r="H529679" s="12"/>
    </row>
    <row r="529680" spans="8:8">
      <c r="H529680" s="12"/>
    </row>
    <row r="529681" spans="8:8">
      <c r="H529681" s="12"/>
    </row>
    <row r="529682" spans="8:8">
      <c r="H529682" s="12"/>
    </row>
    <row r="529683" spans="8:8">
      <c r="H529683" s="12"/>
    </row>
    <row r="529684" spans="8:8">
      <c r="H529684" s="12"/>
    </row>
    <row r="529685" spans="8:8">
      <c r="H529685" s="12"/>
    </row>
    <row r="529686" spans="8:8">
      <c r="H529686" s="12"/>
    </row>
    <row r="529687" spans="8:8">
      <c r="H529687" s="12"/>
    </row>
    <row r="529688" spans="8:8">
      <c r="H529688" s="12"/>
    </row>
    <row r="529689" spans="8:8">
      <c r="H529689" s="12"/>
    </row>
    <row r="529690" spans="8:8">
      <c r="H529690" s="12"/>
    </row>
    <row r="529691" spans="8:8">
      <c r="H529691" s="12"/>
    </row>
    <row r="529692" spans="8:8">
      <c r="H529692" s="12"/>
    </row>
    <row r="529693" spans="8:8">
      <c r="H529693" s="12"/>
    </row>
    <row r="529694" spans="8:8">
      <c r="H529694" s="12"/>
    </row>
    <row r="529695" spans="8:8">
      <c r="H529695" s="12"/>
    </row>
    <row r="529696" spans="8:8">
      <c r="H529696" s="12"/>
    </row>
    <row r="529697" spans="8:8">
      <c r="H529697" s="12"/>
    </row>
    <row r="529698" spans="8:8">
      <c r="H529698" s="12"/>
    </row>
    <row r="529699" spans="8:8">
      <c r="H529699" s="12"/>
    </row>
    <row r="529700" spans="8:8">
      <c r="H529700" s="12"/>
    </row>
    <row r="529701" spans="8:8">
      <c r="H529701" s="12"/>
    </row>
    <row r="529702" spans="8:8">
      <c r="H529702" s="12"/>
    </row>
    <row r="529703" spans="8:8">
      <c r="H529703" s="12"/>
    </row>
    <row r="529704" spans="8:8">
      <c r="H529704" s="12"/>
    </row>
    <row r="529705" spans="8:8">
      <c r="H529705" s="12"/>
    </row>
    <row r="529706" spans="8:8">
      <c r="H529706" s="12"/>
    </row>
    <row r="529707" spans="8:8">
      <c r="H529707" s="12"/>
    </row>
    <row r="529708" spans="8:8">
      <c r="H529708" s="12"/>
    </row>
    <row r="529709" spans="8:8">
      <c r="H529709" s="12"/>
    </row>
    <row r="529710" spans="8:8">
      <c r="H529710" s="12"/>
    </row>
    <row r="529711" spans="8:8">
      <c r="H529711" s="12"/>
    </row>
    <row r="529712" spans="8:8">
      <c r="H529712" s="12"/>
    </row>
    <row r="529713" spans="8:8">
      <c r="H529713" s="12"/>
    </row>
    <row r="529714" spans="8:8">
      <c r="H529714" s="12"/>
    </row>
    <row r="529715" spans="8:8">
      <c r="H529715" s="12"/>
    </row>
    <row r="529716" spans="8:8">
      <c r="H529716" s="12"/>
    </row>
    <row r="529717" spans="8:8">
      <c r="H529717" s="12"/>
    </row>
    <row r="529718" spans="8:8">
      <c r="H529718" s="12"/>
    </row>
    <row r="529719" spans="8:8">
      <c r="H529719" s="12"/>
    </row>
    <row r="529720" spans="8:8">
      <c r="H529720" s="12"/>
    </row>
    <row r="529721" spans="8:8">
      <c r="H529721" s="12"/>
    </row>
    <row r="529722" spans="8:8">
      <c r="H529722" s="12"/>
    </row>
    <row r="529723" spans="8:8">
      <c r="H529723" s="12"/>
    </row>
    <row r="529724" spans="8:8">
      <c r="H529724" s="12"/>
    </row>
    <row r="529725" spans="8:8">
      <c r="H529725" s="12"/>
    </row>
    <row r="529726" spans="8:8">
      <c r="H529726" s="12"/>
    </row>
    <row r="529727" spans="8:8">
      <c r="H529727" s="12"/>
    </row>
    <row r="529728" spans="8:8">
      <c r="H529728" s="12"/>
    </row>
    <row r="529729" spans="8:8">
      <c r="H529729" s="12"/>
    </row>
    <row r="529730" spans="8:8">
      <c r="H529730" s="12"/>
    </row>
    <row r="529731" spans="8:8">
      <c r="H529731" s="12"/>
    </row>
    <row r="529732" spans="8:8">
      <c r="H529732" s="12"/>
    </row>
    <row r="529733" spans="8:8">
      <c r="H529733" s="12"/>
    </row>
    <row r="529734" spans="8:8">
      <c r="H529734" s="12"/>
    </row>
    <row r="529735" spans="8:8">
      <c r="H529735" s="12"/>
    </row>
    <row r="529736" spans="8:8">
      <c r="H529736" s="12"/>
    </row>
    <row r="529737" spans="8:8">
      <c r="H529737" s="12"/>
    </row>
    <row r="529738" spans="8:8">
      <c r="H529738" s="12"/>
    </row>
    <row r="529739" spans="8:8">
      <c r="H529739" s="12"/>
    </row>
    <row r="529740" spans="8:8">
      <c r="H529740" s="12"/>
    </row>
    <row r="529741" spans="8:8">
      <c r="H529741" s="12"/>
    </row>
    <row r="529742" spans="8:8">
      <c r="H529742" s="12"/>
    </row>
    <row r="529743" spans="8:8">
      <c r="H529743" s="12"/>
    </row>
    <row r="529744" spans="8:8">
      <c r="H529744" s="12"/>
    </row>
    <row r="529745" spans="8:8">
      <c r="H529745" s="12"/>
    </row>
    <row r="529746" spans="8:8">
      <c r="H529746" s="12"/>
    </row>
    <row r="529747" spans="8:8">
      <c r="H529747" s="12"/>
    </row>
    <row r="529748" spans="8:8">
      <c r="H529748" s="12"/>
    </row>
    <row r="529749" spans="8:8">
      <c r="H529749" s="12"/>
    </row>
    <row r="529750" spans="8:8">
      <c r="H529750" s="12"/>
    </row>
    <row r="529751" spans="8:8">
      <c r="H529751" s="12"/>
    </row>
    <row r="529752" spans="8:8">
      <c r="H529752" s="12"/>
    </row>
    <row r="529753" spans="8:8">
      <c r="H529753" s="12"/>
    </row>
    <row r="529754" spans="8:8">
      <c r="H529754" s="12"/>
    </row>
    <row r="529755" spans="8:8">
      <c r="H529755" s="12"/>
    </row>
    <row r="529756" spans="8:8">
      <c r="H529756" s="12"/>
    </row>
    <row r="529757" spans="8:8">
      <c r="H529757" s="12"/>
    </row>
    <row r="529758" spans="8:8">
      <c r="H529758" s="12"/>
    </row>
    <row r="529759" spans="8:8">
      <c r="H529759" s="12"/>
    </row>
    <row r="529760" spans="8:8">
      <c r="H529760" s="12"/>
    </row>
    <row r="529761" spans="8:8">
      <c r="H529761" s="12"/>
    </row>
    <row r="529762" spans="8:8">
      <c r="H529762" s="12"/>
    </row>
    <row r="529763" spans="8:8">
      <c r="H529763" s="12"/>
    </row>
    <row r="529764" spans="8:8">
      <c r="H529764" s="12"/>
    </row>
    <row r="529765" spans="8:8">
      <c r="H529765" s="12"/>
    </row>
    <row r="529766" spans="8:8">
      <c r="H529766" s="12"/>
    </row>
    <row r="529767" spans="8:8">
      <c r="H529767" s="12"/>
    </row>
    <row r="529768" spans="8:8">
      <c r="H529768" s="12"/>
    </row>
    <row r="529769" spans="8:8">
      <c r="H529769" s="12"/>
    </row>
    <row r="529770" spans="8:8">
      <c r="H529770" s="12"/>
    </row>
    <row r="529771" spans="8:8">
      <c r="H529771" s="12"/>
    </row>
    <row r="529772" spans="8:8">
      <c r="H529772" s="12"/>
    </row>
    <row r="529773" spans="8:8">
      <c r="H529773" s="12"/>
    </row>
    <row r="529774" spans="8:8">
      <c r="H529774" s="12"/>
    </row>
    <row r="529775" spans="8:8">
      <c r="H529775" s="12"/>
    </row>
    <row r="529776" spans="8:8">
      <c r="H529776" s="12"/>
    </row>
    <row r="529777" spans="8:8">
      <c r="H529777" s="12"/>
    </row>
    <row r="529778" spans="8:8">
      <c r="H529778" s="12"/>
    </row>
    <row r="529779" spans="8:8">
      <c r="H529779" s="12"/>
    </row>
    <row r="529780" spans="8:8">
      <c r="H529780" s="12"/>
    </row>
    <row r="529781" spans="8:8">
      <c r="H529781" s="12"/>
    </row>
    <row r="529782" spans="8:8">
      <c r="H529782" s="12"/>
    </row>
    <row r="529783" spans="8:8">
      <c r="H529783" s="12"/>
    </row>
    <row r="529784" spans="8:8">
      <c r="H529784" s="12"/>
    </row>
    <row r="529785" spans="8:8">
      <c r="H529785" s="12"/>
    </row>
    <row r="529786" spans="8:8">
      <c r="H529786" s="12"/>
    </row>
    <row r="529787" spans="8:8">
      <c r="H529787" s="12"/>
    </row>
    <row r="529788" spans="8:8">
      <c r="H529788" s="12"/>
    </row>
    <row r="529789" spans="8:8">
      <c r="H529789" s="12"/>
    </row>
    <row r="529790" spans="8:8">
      <c r="H529790" s="12"/>
    </row>
    <row r="529791" spans="8:8">
      <c r="H529791" s="12"/>
    </row>
    <row r="529792" spans="8:8">
      <c r="H529792" s="12"/>
    </row>
    <row r="529793" spans="8:8">
      <c r="H529793" s="12"/>
    </row>
    <row r="529794" spans="8:8">
      <c r="H529794" s="12"/>
    </row>
    <row r="529795" spans="8:8">
      <c r="H529795" s="12"/>
    </row>
    <row r="529796" spans="8:8">
      <c r="H529796" s="12"/>
    </row>
    <row r="529797" spans="8:8">
      <c r="H529797" s="12"/>
    </row>
    <row r="529798" spans="8:8">
      <c r="H529798" s="12"/>
    </row>
    <row r="529799" spans="8:8">
      <c r="H529799" s="12"/>
    </row>
    <row r="529800" spans="8:8">
      <c r="H529800" s="12"/>
    </row>
    <row r="529801" spans="8:8">
      <c r="H529801" s="12"/>
    </row>
    <row r="529802" spans="8:8">
      <c r="H529802" s="12"/>
    </row>
    <row r="529803" spans="8:8">
      <c r="H529803" s="12"/>
    </row>
    <row r="529804" spans="8:8">
      <c r="H529804" s="12"/>
    </row>
    <row r="529805" spans="8:8">
      <c r="H529805" s="12"/>
    </row>
    <row r="529806" spans="8:8">
      <c r="H529806" s="12"/>
    </row>
    <row r="529807" spans="8:8">
      <c r="H529807" s="12"/>
    </row>
    <row r="529808" spans="8:8">
      <c r="H529808" s="12"/>
    </row>
    <row r="529809" spans="8:8">
      <c r="H529809" s="12"/>
    </row>
    <row r="529810" spans="8:8">
      <c r="H529810" s="12"/>
    </row>
    <row r="529811" spans="8:8">
      <c r="H529811" s="12"/>
    </row>
    <row r="529812" spans="8:8">
      <c r="H529812" s="12"/>
    </row>
    <row r="529813" spans="8:8">
      <c r="H529813" s="12"/>
    </row>
    <row r="529814" spans="8:8">
      <c r="H529814" s="12"/>
    </row>
    <row r="529815" spans="8:8">
      <c r="H529815" s="12"/>
    </row>
    <row r="529816" spans="8:8">
      <c r="H529816" s="12"/>
    </row>
    <row r="529817" spans="8:8">
      <c r="H529817" s="12"/>
    </row>
    <row r="529818" spans="8:8">
      <c r="H529818" s="12"/>
    </row>
    <row r="529819" spans="8:8">
      <c r="H529819" s="12"/>
    </row>
    <row r="529820" spans="8:8">
      <c r="H529820" s="12"/>
    </row>
    <row r="529821" spans="8:8">
      <c r="H529821" s="12"/>
    </row>
    <row r="529822" spans="8:8">
      <c r="H529822" s="12"/>
    </row>
    <row r="529823" spans="8:8">
      <c r="H529823" s="12"/>
    </row>
    <row r="529824" spans="8:8">
      <c r="H529824" s="12"/>
    </row>
    <row r="529825" spans="8:8">
      <c r="H529825" s="12"/>
    </row>
    <row r="529826" spans="8:8">
      <c r="H529826" s="12"/>
    </row>
    <row r="529827" spans="8:8">
      <c r="H529827" s="12"/>
    </row>
    <row r="529828" spans="8:8">
      <c r="H529828" s="12"/>
    </row>
    <row r="529829" spans="8:8">
      <c r="H529829" s="12"/>
    </row>
    <row r="529830" spans="8:8">
      <c r="H529830" s="12"/>
    </row>
    <row r="529831" spans="8:8">
      <c r="H529831" s="12"/>
    </row>
    <row r="529832" spans="8:8">
      <c r="H529832" s="12"/>
    </row>
    <row r="529833" spans="8:8">
      <c r="H529833" s="12"/>
    </row>
    <row r="529834" spans="8:8">
      <c r="H529834" s="12"/>
    </row>
    <row r="529835" spans="8:8">
      <c r="H529835" s="12"/>
    </row>
    <row r="529836" spans="8:8">
      <c r="H529836" s="12"/>
    </row>
    <row r="529837" spans="8:8">
      <c r="H529837" s="12"/>
    </row>
    <row r="529838" spans="8:8">
      <c r="H529838" s="12"/>
    </row>
    <row r="529839" spans="8:8">
      <c r="H529839" s="12"/>
    </row>
    <row r="529840" spans="8:8">
      <c r="H529840" s="12"/>
    </row>
    <row r="529841" spans="8:8">
      <c r="H529841" s="12"/>
    </row>
    <row r="529842" spans="8:8">
      <c r="H529842" s="12"/>
    </row>
    <row r="529843" spans="8:8">
      <c r="H529843" s="12"/>
    </row>
    <row r="529844" spans="8:8">
      <c r="H529844" s="12"/>
    </row>
    <row r="529845" spans="8:8">
      <c r="H529845" s="12"/>
    </row>
    <row r="529846" spans="8:8">
      <c r="H529846" s="12"/>
    </row>
    <row r="529847" spans="8:8">
      <c r="H529847" s="12"/>
    </row>
    <row r="529848" spans="8:8">
      <c r="H529848" s="12"/>
    </row>
    <row r="529849" spans="8:8">
      <c r="H529849" s="12"/>
    </row>
    <row r="529850" spans="8:8">
      <c r="H529850" s="12"/>
    </row>
    <row r="529851" spans="8:8">
      <c r="H529851" s="12"/>
    </row>
    <row r="529852" spans="8:8">
      <c r="H529852" s="12"/>
    </row>
    <row r="529853" spans="8:8">
      <c r="H529853" s="12"/>
    </row>
    <row r="529854" spans="8:8">
      <c r="H529854" s="12"/>
    </row>
    <row r="529855" spans="8:8">
      <c r="H529855" s="12"/>
    </row>
    <row r="529856" spans="8:8">
      <c r="H529856" s="12"/>
    </row>
    <row r="529857" spans="8:8">
      <c r="H529857" s="12"/>
    </row>
    <row r="529858" spans="8:8">
      <c r="H529858" s="12"/>
    </row>
    <row r="529859" spans="8:8">
      <c r="H529859" s="12"/>
    </row>
    <row r="529860" spans="8:8">
      <c r="H529860" s="12"/>
    </row>
    <row r="529861" spans="8:8">
      <c r="H529861" s="12"/>
    </row>
    <row r="529862" spans="8:8">
      <c r="H529862" s="12"/>
    </row>
    <row r="529863" spans="8:8">
      <c r="H529863" s="12"/>
    </row>
    <row r="529864" spans="8:8">
      <c r="H529864" s="12"/>
    </row>
    <row r="529865" spans="8:8">
      <c r="H529865" s="12"/>
    </row>
    <row r="529866" spans="8:8">
      <c r="H529866" s="12"/>
    </row>
    <row r="529867" spans="8:8">
      <c r="H529867" s="12"/>
    </row>
    <row r="529868" spans="8:8">
      <c r="H529868" s="12"/>
    </row>
    <row r="529869" spans="8:8">
      <c r="H529869" s="12"/>
    </row>
    <row r="529870" spans="8:8">
      <c r="H529870" s="12"/>
    </row>
    <row r="529871" spans="8:8">
      <c r="H529871" s="12"/>
    </row>
    <row r="529872" spans="8:8">
      <c r="H529872" s="12"/>
    </row>
    <row r="529873" spans="8:8">
      <c r="H529873" s="12"/>
    </row>
    <row r="529874" spans="8:8">
      <c r="H529874" s="12"/>
    </row>
    <row r="529875" spans="8:8">
      <c r="H529875" s="12"/>
    </row>
    <row r="529876" spans="8:8">
      <c r="H529876" s="12"/>
    </row>
    <row r="529877" spans="8:8">
      <c r="H529877" s="12"/>
    </row>
    <row r="529878" spans="8:8">
      <c r="H529878" s="12"/>
    </row>
    <row r="529879" spans="8:8">
      <c r="H529879" s="12"/>
    </row>
    <row r="529880" spans="8:8">
      <c r="H529880" s="12"/>
    </row>
    <row r="529881" spans="8:8">
      <c r="H529881" s="12"/>
    </row>
    <row r="529882" spans="8:8">
      <c r="H529882" s="12"/>
    </row>
    <row r="529883" spans="8:8">
      <c r="H529883" s="12"/>
    </row>
    <row r="529884" spans="8:8">
      <c r="H529884" s="12"/>
    </row>
    <row r="529885" spans="8:8">
      <c r="H529885" s="12"/>
    </row>
    <row r="529886" spans="8:8">
      <c r="H529886" s="12"/>
    </row>
    <row r="529887" spans="8:8">
      <c r="H529887" s="12"/>
    </row>
    <row r="529888" spans="8:8">
      <c r="H529888" s="12"/>
    </row>
    <row r="529889" spans="8:8">
      <c r="H529889" s="12"/>
    </row>
    <row r="529890" spans="8:8">
      <c r="H529890" s="12"/>
    </row>
    <row r="529891" spans="8:8">
      <c r="H529891" s="12"/>
    </row>
    <row r="529892" spans="8:8">
      <c r="H529892" s="12"/>
    </row>
    <row r="529893" spans="8:8">
      <c r="H529893" s="12"/>
    </row>
    <row r="529894" spans="8:8">
      <c r="H529894" s="12"/>
    </row>
    <row r="529895" spans="8:8">
      <c r="H529895" s="12"/>
    </row>
    <row r="529896" spans="8:8">
      <c r="H529896" s="12"/>
    </row>
    <row r="529897" spans="8:8">
      <c r="H529897" s="12"/>
    </row>
    <row r="529898" spans="8:8">
      <c r="H529898" s="12"/>
    </row>
    <row r="529899" spans="8:8">
      <c r="H529899" s="12"/>
    </row>
    <row r="529900" spans="8:8">
      <c r="H529900" s="12"/>
    </row>
    <row r="529901" spans="8:8">
      <c r="H529901" s="12"/>
    </row>
    <row r="529902" spans="8:8">
      <c r="H529902" s="12"/>
    </row>
    <row r="529903" spans="8:8">
      <c r="H529903" s="12"/>
    </row>
    <row r="529904" spans="8:8">
      <c r="H529904" s="12"/>
    </row>
    <row r="529905" spans="8:8">
      <c r="H529905" s="12"/>
    </row>
    <row r="529906" spans="8:8">
      <c r="H529906" s="12"/>
    </row>
    <row r="529907" spans="8:8">
      <c r="H529907" s="12"/>
    </row>
    <row r="529908" spans="8:8">
      <c r="H529908" s="12"/>
    </row>
    <row r="529909" spans="8:8">
      <c r="H529909" s="12"/>
    </row>
    <row r="529910" spans="8:8">
      <c r="H529910" s="12"/>
    </row>
    <row r="529911" spans="8:8">
      <c r="H529911" s="12"/>
    </row>
    <row r="529912" spans="8:8">
      <c r="H529912" s="12"/>
    </row>
    <row r="529913" spans="8:8">
      <c r="H529913" s="12"/>
    </row>
    <row r="529914" spans="8:8">
      <c r="H529914" s="12"/>
    </row>
    <row r="529915" spans="8:8">
      <c r="H529915" s="12"/>
    </row>
    <row r="529916" spans="8:8">
      <c r="H529916" s="12"/>
    </row>
    <row r="529917" spans="8:8">
      <c r="H529917" s="12"/>
    </row>
    <row r="529918" spans="8:8">
      <c r="H529918" s="12"/>
    </row>
    <row r="529919" spans="8:8">
      <c r="H529919" s="12"/>
    </row>
    <row r="529920" spans="8:8">
      <c r="H529920" s="12"/>
    </row>
    <row r="529921" spans="8:8">
      <c r="H529921" s="12"/>
    </row>
    <row r="529922" spans="8:8">
      <c r="H529922" s="12"/>
    </row>
    <row r="529923" spans="8:8">
      <c r="H529923" s="12"/>
    </row>
    <row r="529924" spans="8:8">
      <c r="H529924" s="12"/>
    </row>
    <row r="529925" spans="8:8">
      <c r="H529925" s="12"/>
    </row>
    <row r="529926" spans="8:8">
      <c r="H529926" s="12"/>
    </row>
    <row r="529927" spans="8:8">
      <c r="H529927" s="12"/>
    </row>
    <row r="529928" spans="8:8">
      <c r="H529928" s="12"/>
    </row>
    <row r="529929" spans="8:8">
      <c r="H529929" s="12"/>
    </row>
    <row r="529930" spans="8:8">
      <c r="H529930" s="12"/>
    </row>
    <row r="529931" spans="8:8">
      <c r="H529931" s="12"/>
    </row>
    <row r="529932" spans="8:8">
      <c r="H529932" s="12"/>
    </row>
    <row r="529933" spans="8:8">
      <c r="H529933" s="12"/>
    </row>
    <row r="529934" spans="8:8">
      <c r="H529934" s="12"/>
    </row>
    <row r="529935" spans="8:8">
      <c r="H529935" s="12"/>
    </row>
    <row r="529936" spans="8:8">
      <c r="H529936" s="12"/>
    </row>
    <row r="529937" spans="8:8">
      <c r="H529937" s="12"/>
    </row>
    <row r="529938" spans="8:8">
      <c r="H529938" s="12"/>
    </row>
    <row r="529939" spans="8:8">
      <c r="H529939" s="12"/>
    </row>
    <row r="529940" spans="8:8">
      <c r="H529940" s="12"/>
    </row>
    <row r="529941" spans="8:8">
      <c r="H529941" s="12"/>
    </row>
    <row r="529942" spans="8:8">
      <c r="H529942" s="12"/>
    </row>
    <row r="529943" spans="8:8">
      <c r="H529943" s="12"/>
    </row>
    <row r="529944" spans="8:8">
      <c r="H529944" s="12"/>
    </row>
    <row r="529945" spans="8:8">
      <c r="H529945" s="12"/>
    </row>
    <row r="529946" spans="8:8">
      <c r="H529946" s="12"/>
    </row>
    <row r="529947" spans="8:8">
      <c r="H529947" s="12"/>
    </row>
    <row r="529948" spans="8:8">
      <c r="H529948" s="12"/>
    </row>
    <row r="529949" spans="8:8">
      <c r="H529949" s="12"/>
    </row>
    <row r="529950" spans="8:8">
      <c r="H529950" s="12"/>
    </row>
    <row r="529951" spans="8:8">
      <c r="H529951" s="12"/>
    </row>
    <row r="529952" spans="8:8">
      <c r="H529952" s="12"/>
    </row>
    <row r="529953" spans="8:8">
      <c r="H529953" s="12"/>
    </row>
    <row r="529954" spans="8:8">
      <c r="H529954" s="12"/>
    </row>
    <row r="529955" spans="8:8">
      <c r="H529955" s="12"/>
    </row>
    <row r="529956" spans="8:8">
      <c r="H529956" s="12"/>
    </row>
    <row r="529957" spans="8:8">
      <c r="H529957" s="12"/>
    </row>
    <row r="529958" spans="8:8">
      <c r="H529958" s="12"/>
    </row>
    <row r="529959" spans="8:8">
      <c r="H529959" s="12"/>
    </row>
    <row r="529960" spans="8:8">
      <c r="H529960" s="12"/>
    </row>
    <row r="529961" spans="8:8">
      <c r="H529961" s="12"/>
    </row>
    <row r="529962" spans="8:8">
      <c r="H529962" s="12"/>
    </row>
    <row r="529963" spans="8:8">
      <c r="H529963" s="12"/>
    </row>
    <row r="529964" spans="8:8">
      <c r="H529964" s="12"/>
    </row>
    <row r="529965" spans="8:8">
      <c r="H529965" s="12"/>
    </row>
    <row r="529966" spans="8:8">
      <c r="H529966" s="12"/>
    </row>
    <row r="529967" spans="8:8">
      <c r="H529967" s="12"/>
    </row>
    <row r="529968" spans="8:8">
      <c r="H529968" s="12"/>
    </row>
    <row r="529969" spans="8:8">
      <c r="H529969" s="12"/>
    </row>
    <row r="529970" spans="8:8">
      <c r="H529970" s="12"/>
    </row>
    <row r="529971" spans="8:8">
      <c r="H529971" s="12"/>
    </row>
    <row r="529972" spans="8:8">
      <c r="H529972" s="12"/>
    </row>
    <row r="529973" spans="8:8">
      <c r="H529973" s="12"/>
    </row>
    <row r="529974" spans="8:8">
      <c r="H529974" s="12"/>
    </row>
    <row r="529975" spans="8:8">
      <c r="H529975" s="12"/>
    </row>
    <row r="529976" spans="8:8">
      <c r="H529976" s="12"/>
    </row>
    <row r="529977" spans="8:8">
      <c r="H529977" s="12"/>
    </row>
    <row r="529978" spans="8:8">
      <c r="H529978" s="12"/>
    </row>
    <row r="529979" spans="8:8">
      <c r="H529979" s="12"/>
    </row>
    <row r="529980" spans="8:8">
      <c r="H529980" s="12"/>
    </row>
    <row r="529981" spans="8:8">
      <c r="H529981" s="12"/>
    </row>
    <row r="529982" spans="8:8">
      <c r="H529982" s="12"/>
    </row>
    <row r="529983" spans="8:8">
      <c r="H529983" s="12"/>
    </row>
    <row r="529984" spans="8:8">
      <c r="H529984" s="12"/>
    </row>
    <row r="529985" spans="8:8">
      <c r="H529985" s="12"/>
    </row>
    <row r="529986" spans="8:8">
      <c r="H529986" s="12"/>
    </row>
    <row r="529987" spans="8:8">
      <c r="H529987" s="12"/>
    </row>
    <row r="529988" spans="8:8">
      <c r="H529988" s="12"/>
    </row>
    <row r="529989" spans="8:8">
      <c r="H529989" s="12"/>
    </row>
    <row r="529990" spans="8:8">
      <c r="H529990" s="12"/>
    </row>
    <row r="529991" spans="8:8">
      <c r="H529991" s="12"/>
    </row>
    <row r="529992" spans="8:8">
      <c r="H529992" s="12"/>
    </row>
    <row r="529993" spans="8:8">
      <c r="H529993" s="12"/>
    </row>
    <row r="529994" spans="8:8">
      <c r="H529994" s="12"/>
    </row>
    <row r="529995" spans="8:8">
      <c r="H529995" s="12"/>
    </row>
    <row r="529996" spans="8:8">
      <c r="H529996" s="12"/>
    </row>
    <row r="529997" spans="8:8">
      <c r="H529997" s="12"/>
    </row>
    <row r="529998" spans="8:8">
      <c r="H529998" s="12"/>
    </row>
    <row r="529999" spans="8:8">
      <c r="H529999" s="12"/>
    </row>
    <row r="530000" spans="8:8">
      <c r="H530000" s="12"/>
    </row>
    <row r="530001" spans="8:8">
      <c r="H530001" s="12"/>
    </row>
    <row r="530002" spans="8:8">
      <c r="H530002" s="12"/>
    </row>
    <row r="530003" spans="8:8">
      <c r="H530003" s="12"/>
    </row>
    <row r="530004" spans="8:8">
      <c r="H530004" s="12"/>
    </row>
    <row r="530005" spans="8:8">
      <c r="H530005" s="12"/>
    </row>
    <row r="530006" spans="8:8">
      <c r="H530006" s="12"/>
    </row>
    <row r="530007" spans="8:8">
      <c r="H530007" s="12"/>
    </row>
    <row r="530008" spans="8:8">
      <c r="H530008" s="12"/>
    </row>
    <row r="530009" spans="8:8">
      <c r="H530009" s="12"/>
    </row>
    <row r="530010" spans="8:8">
      <c r="H530010" s="12"/>
    </row>
    <row r="530011" spans="8:8">
      <c r="H530011" s="12"/>
    </row>
    <row r="530012" spans="8:8">
      <c r="H530012" s="12"/>
    </row>
    <row r="530013" spans="8:8">
      <c r="H530013" s="12"/>
    </row>
    <row r="530014" spans="8:8">
      <c r="H530014" s="12"/>
    </row>
    <row r="530015" spans="8:8">
      <c r="H530015" s="12"/>
    </row>
    <row r="530016" spans="8:8">
      <c r="H530016" s="12"/>
    </row>
    <row r="530017" spans="8:8">
      <c r="H530017" s="12"/>
    </row>
    <row r="530018" spans="8:8">
      <c r="H530018" s="12"/>
    </row>
    <row r="530019" spans="8:8">
      <c r="H530019" s="12"/>
    </row>
    <row r="530020" spans="8:8">
      <c r="H530020" s="12"/>
    </row>
    <row r="530021" spans="8:8">
      <c r="H530021" s="12"/>
    </row>
    <row r="530022" spans="8:8">
      <c r="H530022" s="12"/>
    </row>
    <row r="530023" spans="8:8">
      <c r="H530023" s="12"/>
    </row>
    <row r="530024" spans="8:8">
      <c r="H530024" s="12"/>
    </row>
    <row r="530025" spans="8:8">
      <c r="H530025" s="12"/>
    </row>
    <row r="530026" spans="8:8">
      <c r="H530026" s="12"/>
    </row>
    <row r="530027" spans="8:8">
      <c r="H530027" s="12"/>
    </row>
    <row r="530028" spans="8:8">
      <c r="H530028" s="12"/>
    </row>
    <row r="530029" spans="8:8">
      <c r="H530029" s="12"/>
    </row>
    <row r="530030" spans="8:8">
      <c r="H530030" s="12"/>
    </row>
    <row r="530031" spans="8:8">
      <c r="H530031" s="12"/>
    </row>
    <row r="530032" spans="8:8">
      <c r="H530032" s="12"/>
    </row>
    <row r="530033" spans="8:8">
      <c r="H530033" s="12"/>
    </row>
    <row r="530034" spans="8:8">
      <c r="H530034" s="12"/>
    </row>
    <row r="530035" spans="8:8">
      <c r="H530035" s="12"/>
    </row>
    <row r="530036" spans="8:8">
      <c r="H530036" s="12"/>
    </row>
    <row r="530037" spans="8:8">
      <c r="H530037" s="12"/>
    </row>
    <row r="530038" spans="8:8">
      <c r="H530038" s="12"/>
    </row>
    <row r="530039" spans="8:8">
      <c r="H530039" s="12"/>
    </row>
    <row r="530040" spans="8:8">
      <c r="H530040" s="12"/>
    </row>
    <row r="530041" spans="8:8">
      <c r="H530041" s="12"/>
    </row>
    <row r="530042" spans="8:8">
      <c r="H530042" s="12"/>
    </row>
    <row r="530043" spans="8:8">
      <c r="H530043" s="12"/>
    </row>
    <row r="530044" spans="8:8">
      <c r="H530044" s="12"/>
    </row>
    <row r="530045" spans="8:8">
      <c r="H530045" s="12"/>
    </row>
    <row r="530046" spans="8:8">
      <c r="H530046" s="12"/>
    </row>
    <row r="530047" spans="8:8">
      <c r="H530047" s="12"/>
    </row>
    <row r="530048" spans="8:8">
      <c r="H530048" s="12"/>
    </row>
    <row r="530049" spans="8:8">
      <c r="H530049" s="12"/>
    </row>
    <row r="530050" spans="8:8">
      <c r="H530050" s="12"/>
    </row>
    <row r="530051" spans="8:8">
      <c r="H530051" s="12"/>
    </row>
    <row r="530052" spans="8:8">
      <c r="H530052" s="12"/>
    </row>
    <row r="530053" spans="8:8">
      <c r="H530053" s="12"/>
    </row>
    <row r="530054" spans="8:8">
      <c r="H530054" s="12"/>
    </row>
    <row r="530055" spans="8:8">
      <c r="H530055" s="12"/>
    </row>
    <row r="530056" spans="8:8">
      <c r="H530056" s="12"/>
    </row>
    <row r="530057" spans="8:8">
      <c r="H530057" s="12"/>
    </row>
    <row r="530058" spans="8:8">
      <c r="H530058" s="12"/>
    </row>
    <row r="530059" spans="8:8">
      <c r="H530059" s="12"/>
    </row>
    <row r="530060" spans="8:8">
      <c r="H530060" s="12"/>
    </row>
    <row r="530061" spans="8:8">
      <c r="H530061" s="12"/>
    </row>
    <row r="530062" spans="8:8">
      <c r="H530062" s="12"/>
    </row>
    <row r="530063" spans="8:8">
      <c r="H530063" s="12"/>
    </row>
    <row r="530064" spans="8:8">
      <c r="H530064" s="12"/>
    </row>
    <row r="530065" spans="8:8">
      <c r="H530065" s="12"/>
    </row>
    <row r="530066" spans="8:8">
      <c r="H530066" s="12"/>
    </row>
    <row r="530067" spans="8:8">
      <c r="H530067" s="12"/>
    </row>
    <row r="530068" spans="8:8">
      <c r="H530068" s="12"/>
    </row>
    <row r="530069" spans="8:8">
      <c r="H530069" s="12"/>
    </row>
    <row r="530070" spans="8:8">
      <c r="H530070" s="12"/>
    </row>
    <row r="530071" spans="8:8">
      <c r="H530071" s="12"/>
    </row>
    <row r="530072" spans="8:8">
      <c r="H530072" s="12"/>
    </row>
    <row r="530073" spans="8:8">
      <c r="H530073" s="12"/>
    </row>
    <row r="530074" spans="8:8">
      <c r="H530074" s="12"/>
    </row>
    <row r="530075" spans="8:8">
      <c r="H530075" s="12"/>
    </row>
    <row r="530076" spans="8:8">
      <c r="H530076" s="12"/>
    </row>
    <row r="530077" spans="8:8">
      <c r="H530077" s="12"/>
    </row>
    <row r="530078" spans="8:8">
      <c r="H530078" s="12"/>
    </row>
    <row r="530079" spans="8:8">
      <c r="H530079" s="12"/>
    </row>
    <row r="530080" spans="8:8">
      <c r="H530080" s="12"/>
    </row>
    <row r="530081" spans="8:8">
      <c r="H530081" s="12"/>
    </row>
    <row r="530082" spans="8:8">
      <c r="H530082" s="12"/>
    </row>
    <row r="530083" spans="8:8">
      <c r="H530083" s="12"/>
    </row>
    <row r="530084" spans="8:8">
      <c r="H530084" s="12"/>
    </row>
    <row r="530085" spans="8:8">
      <c r="H530085" s="12"/>
    </row>
    <row r="530086" spans="8:8">
      <c r="H530086" s="12"/>
    </row>
    <row r="530087" spans="8:8">
      <c r="H530087" s="12"/>
    </row>
    <row r="530088" spans="8:8">
      <c r="H530088" s="12"/>
    </row>
    <row r="530089" spans="8:8">
      <c r="H530089" s="12"/>
    </row>
    <row r="530090" spans="8:8">
      <c r="H530090" s="12"/>
    </row>
    <row r="530091" spans="8:8">
      <c r="H530091" s="12"/>
    </row>
    <row r="530092" spans="8:8">
      <c r="H530092" s="12"/>
    </row>
    <row r="530093" spans="8:8">
      <c r="H530093" s="12"/>
    </row>
    <row r="530094" spans="8:8">
      <c r="H530094" s="12"/>
    </row>
    <row r="530095" spans="8:8">
      <c r="H530095" s="12"/>
    </row>
    <row r="530096" spans="8:8">
      <c r="H530096" s="12"/>
    </row>
    <row r="530097" spans="8:8">
      <c r="H530097" s="12"/>
    </row>
    <row r="530098" spans="8:8">
      <c r="H530098" s="12"/>
    </row>
    <row r="530099" spans="8:8">
      <c r="H530099" s="12"/>
    </row>
    <row r="530100" spans="8:8">
      <c r="H530100" s="12"/>
    </row>
    <row r="530101" spans="8:8">
      <c r="H530101" s="12"/>
    </row>
    <row r="530102" spans="8:8">
      <c r="H530102" s="12"/>
    </row>
    <row r="530103" spans="8:8">
      <c r="H530103" s="12"/>
    </row>
    <row r="530104" spans="8:8">
      <c r="H530104" s="12"/>
    </row>
    <row r="530105" spans="8:8">
      <c r="H530105" s="12"/>
    </row>
    <row r="530106" spans="8:8">
      <c r="H530106" s="12"/>
    </row>
    <row r="530107" spans="8:8">
      <c r="H530107" s="12"/>
    </row>
    <row r="530108" spans="8:8">
      <c r="H530108" s="12"/>
    </row>
    <row r="530109" spans="8:8">
      <c r="H530109" s="12"/>
    </row>
    <row r="530110" spans="8:8">
      <c r="H530110" s="12"/>
    </row>
    <row r="530111" spans="8:8">
      <c r="H530111" s="12"/>
    </row>
    <row r="530112" spans="8:8">
      <c r="H530112" s="12"/>
    </row>
    <row r="530113" spans="8:8">
      <c r="H530113" s="12"/>
    </row>
    <row r="530114" spans="8:8">
      <c r="H530114" s="12"/>
    </row>
    <row r="530115" spans="8:8">
      <c r="H530115" s="12"/>
    </row>
    <row r="530116" spans="8:8">
      <c r="H530116" s="12"/>
    </row>
    <row r="530117" spans="8:8">
      <c r="H530117" s="12"/>
    </row>
    <row r="530118" spans="8:8">
      <c r="H530118" s="12"/>
    </row>
    <row r="530119" spans="8:8">
      <c r="H530119" s="12"/>
    </row>
    <row r="530120" spans="8:8">
      <c r="H530120" s="12"/>
    </row>
    <row r="530121" spans="8:8">
      <c r="H530121" s="12"/>
    </row>
    <row r="530122" spans="8:8">
      <c r="H530122" s="12"/>
    </row>
    <row r="530123" spans="8:8">
      <c r="H530123" s="12"/>
    </row>
    <row r="530124" spans="8:8">
      <c r="H530124" s="12"/>
    </row>
    <row r="530125" spans="8:8">
      <c r="H530125" s="12"/>
    </row>
    <row r="530126" spans="8:8">
      <c r="H530126" s="12"/>
    </row>
    <row r="530127" spans="8:8">
      <c r="H530127" s="12"/>
    </row>
    <row r="530128" spans="8:8">
      <c r="H530128" s="12"/>
    </row>
    <row r="530129" spans="8:8">
      <c r="H530129" s="12"/>
    </row>
    <row r="530130" spans="8:8">
      <c r="H530130" s="12"/>
    </row>
    <row r="530131" spans="8:8">
      <c r="H530131" s="12"/>
    </row>
    <row r="530132" spans="8:8">
      <c r="H530132" s="12"/>
    </row>
    <row r="530133" spans="8:8">
      <c r="H530133" s="12"/>
    </row>
    <row r="530134" spans="8:8">
      <c r="H530134" s="12"/>
    </row>
    <row r="530135" spans="8:8">
      <c r="H530135" s="12"/>
    </row>
    <row r="530136" spans="8:8">
      <c r="H530136" s="12"/>
    </row>
    <row r="530137" spans="8:8">
      <c r="H530137" s="12"/>
    </row>
    <row r="530138" spans="8:8">
      <c r="H530138" s="12"/>
    </row>
    <row r="530139" spans="8:8">
      <c r="H530139" s="12"/>
    </row>
    <row r="530140" spans="8:8">
      <c r="H530140" s="12"/>
    </row>
    <row r="530141" spans="8:8">
      <c r="H530141" s="12"/>
    </row>
    <row r="530142" spans="8:8">
      <c r="H530142" s="12"/>
    </row>
    <row r="530143" spans="8:8">
      <c r="H530143" s="12"/>
    </row>
    <row r="530144" spans="8:8">
      <c r="H530144" s="12"/>
    </row>
    <row r="530145" spans="8:8">
      <c r="H530145" s="12"/>
    </row>
    <row r="530146" spans="8:8">
      <c r="H530146" s="12"/>
    </row>
    <row r="530147" spans="8:8">
      <c r="H530147" s="12"/>
    </row>
    <row r="530148" spans="8:8">
      <c r="H530148" s="12"/>
    </row>
    <row r="530149" spans="8:8">
      <c r="H530149" s="12"/>
    </row>
    <row r="530150" spans="8:8">
      <c r="H530150" s="12"/>
    </row>
    <row r="530151" spans="8:8">
      <c r="H530151" s="12"/>
    </row>
    <row r="530152" spans="8:8">
      <c r="H530152" s="12"/>
    </row>
    <row r="530153" spans="8:8">
      <c r="H530153" s="12"/>
    </row>
    <row r="530154" spans="8:8">
      <c r="H530154" s="12"/>
    </row>
    <row r="530155" spans="8:8">
      <c r="H530155" s="12"/>
    </row>
    <row r="530156" spans="8:8">
      <c r="H530156" s="12"/>
    </row>
    <row r="530157" spans="8:8">
      <c r="H530157" s="12"/>
    </row>
    <row r="530158" spans="8:8">
      <c r="H530158" s="12"/>
    </row>
    <row r="530159" spans="8:8">
      <c r="H530159" s="12"/>
    </row>
    <row r="530160" spans="8:8">
      <c r="H530160" s="12"/>
    </row>
    <row r="530161" spans="8:8">
      <c r="H530161" s="12"/>
    </row>
    <row r="530162" spans="8:8">
      <c r="H530162" s="12"/>
    </row>
    <row r="530163" spans="8:8">
      <c r="H530163" s="12"/>
    </row>
    <row r="530164" spans="8:8">
      <c r="H530164" s="12"/>
    </row>
    <row r="530165" spans="8:8">
      <c r="H530165" s="12"/>
    </row>
    <row r="530166" spans="8:8">
      <c r="H530166" s="12"/>
    </row>
    <row r="530167" spans="8:8">
      <c r="H530167" s="12"/>
    </row>
    <row r="530168" spans="8:8">
      <c r="H530168" s="12"/>
    </row>
    <row r="530169" spans="8:8">
      <c r="H530169" s="12"/>
    </row>
    <row r="530170" spans="8:8">
      <c r="H530170" s="12"/>
    </row>
    <row r="530171" spans="8:8">
      <c r="H530171" s="12"/>
    </row>
    <row r="530172" spans="8:8">
      <c r="H530172" s="12"/>
    </row>
    <row r="530173" spans="8:8">
      <c r="H530173" s="12"/>
    </row>
    <row r="530174" spans="8:8">
      <c r="H530174" s="12"/>
    </row>
    <row r="530175" spans="8:8">
      <c r="H530175" s="12"/>
    </row>
    <row r="530176" spans="8:8">
      <c r="H530176" s="12"/>
    </row>
    <row r="530177" spans="8:8">
      <c r="H530177" s="12"/>
    </row>
    <row r="530178" spans="8:8">
      <c r="H530178" s="12"/>
    </row>
    <row r="530179" spans="8:8">
      <c r="H530179" s="12"/>
    </row>
    <row r="530180" spans="8:8">
      <c r="H530180" s="12"/>
    </row>
    <row r="530181" spans="8:8">
      <c r="H530181" s="12"/>
    </row>
    <row r="530182" spans="8:8">
      <c r="H530182" s="12"/>
    </row>
    <row r="530183" spans="8:8">
      <c r="H530183" s="12"/>
    </row>
    <row r="530184" spans="8:8">
      <c r="H530184" s="12"/>
    </row>
    <row r="530185" spans="8:8">
      <c r="H530185" s="12"/>
    </row>
    <row r="530186" spans="8:8">
      <c r="H530186" s="12"/>
    </row>
    <row r="530187" spans="8:8">
      <c r="H530187" s="12"/>
    </row>
    <row r="530188" spans="8:8">
      <c r="H530188" s="12"/>
    </row>
    <row r="530189" spans="8:8">
      <c r="H530189" s="12"/>
    </row>
    <row r="530190" spans="8:8">
      <c r="H530190" s="12"/>
    </row>
    <row r="530191" spans="8:8">
      <c r="H530191" s="12"/>
    </row>
    <row r="530192" spans="8:8">
      <c r="H530192" s="12"/>
    </row>
    <row r="530193" spans="8:8">
      <c r="H530193" s="12"/>
    </row>
    <row r="530194" spans="8:8">
      <c r="H530194" s="12"/>
    </row>
    <row r="530195" spans="8:8">
      <c r="H530195" s="12"/>
    </row>
    <row r="530196" spans="8:8">
      <c r="H530196" s="12"/>
    </row>
    <row r="530197" spans="8:8">
      <c r="H530197" s="12"/>
    </row>
    <row r="530198" spans="8:8">
      <c r="H530198" s="12"/>
    </row>
    <row r="530199" spans="8:8">
      <c r="H530199" s="12"/>
    </row>
    <row r="530200" spans="8:8">
      <c r="H530200" s="12"/>
    </row>
    <row r="530201" spans="8:8">
      <c r="H530201" s="12"/>
    </row>
    <row r="530202" spans="8:8">
      <c r="H530202" s="12"/>
    </row>
    <row r="530203" spans="8:8">
      <c r="H530203" s="12"/>
    </row>
    <row r="530204" spans="8:8">
      <c r="H530204" s="12"/>
    </row>
    <row r="530205" spans="8:8">
      <c r="H530205" s="12"/>
    </row>
    <row r="530206" spans="8:8">
      <c r="H530206" s="12"/>
    </row>
    <row r="530207" spans="8:8">
      <c r="H530207" s="12"/>
    </row>
    <row r="530208" spans="8:8">
      <c r="H530208" s="12"/>
    </row>
    <row r="530209" spans="8:8">
      <c r="H530209" s="12"/>
    </row>
    <row r="530210" spans="8:8">
      <c r="H530210" s="12"/>
    </row>
    <row r="530211" spans="8:8">
      <c r="H530211" s="12"/>
    </row>
    <row r="530212" spans="8:8">
      <c r="H530212" s="12"/>
    </row>
    <row r="530213" spans="8:8">
      <c r="H530213" s="12"/>
    </row>
    <row r="530214" spans="8:8">
      <c r="H530214" s="12"/>
    </row>
    <row r="530215" spans="8:8">
      <c r="H530215" s="12"/>
    </row>
    <row r="530216" spans="8:8">
      <c r="H530216" s="12"/>
    </row>
    <row r="530217" spans="8:8">
      <c r="H530217" s="12"/>
    </row>
    <row r="530218" spans="8:8">
      <c r="H530218" s="12"/>
    </row>
    <row r="530219" spans="8:8">
      <c r="H530219" s="12"/>
    </row>
    <row r="530220" spans="8:8">
      <c r="H530220" s="12"/>
    </row>
    <row r="530221" spans="8:8">
      <c r="H530221" s="12"/>
    </row>
    <row r="530222" spans="8:8">
      <c r="H530222" s="12"/>
    </row>
    <row r="530223" spans="8:8">
      <c r="H530223" s="12"/>
    </row>
    <row r="530224" spans="8:8">
      <c r="H530224" s="12"/>
    </row>
    <row r="530225" spans="8:8">
      <c r="H530225" s="12"/>
    </row>
    <row r="530226" spans="8:8">
      <c r="H530226" s="12"/>
    </row>
    <row r="530227" spans="8:8">
      <c r="H530227" s="12"/>
    </row>
    <row r="530228" spans="8:8">
      <c r="H530228" s="12"/>
    </row>
    <row r="530229" spans="8:8">
      <c r="H530229" s="12"/>
    </row>
    <row r="530230" spans="8:8">
      <c r="H530230" s="12"/>
    </row>
    <row r="530231" spans="8:8">
      <c r="H530231" s="12"/>
    </row>
    <row r="530232" spans="8:8">
      <c r="H530232" s="12"/>
    </row>
    <row r="530233" spans="8:8">
      <c r="H530233" s="12"/>
    </row>
    <row r="530234" spans="8:8">
      <c r="H530234" s="12"/>
    </row>
    <row r="530235" spans="8:8">
      <c r="H530235" s="12"/>
    </row>
    <row r="530236" spans="8:8">
      <c r="H530236" s="12"/>
    </row>
    <row r="530237" spans="8:8">
      <c r="H530237" s="12"/>
    </row>
    <row r="530238" spans="8:8">
      <c r="H530238" s="12"/>
    </row>
    <row r="530239" spans="8:8">
      <c r="H530239" s="12"/>
    </row>
    <row r="530240" spans="8:8">
      <c r="H530240" s="12"/>
    </row>
    <row r="530241" spans="8:8">
      <c r="H530241" s="12"/>
    </row>
    <row r="530242" spans="8:8">
      <c r="H530242" s="12"/>
    </row>
    <row r="530243" spans="8:8">
      <c r="H530243" s="12"/>
    </row>
    <row r="530244" spans="8:8">
      <c r="H530244" s="12"/>
    </row>
    <row r="530245" spans="8:8">
      <c r="H530245" s="12"/>
    </row>
    <row r="530246" spans="8:8">
      <c r="H530246" s="12"/>
    </row>
    <row r="530247" spans="8:8">
      <c r="H530247" s="12"/>
    </row>
    <row r="530248" spans="8:8">
      <c r="H530248" s="12"/>
    </row>
    <row r="530249" spans="8:8">
      <c r="H530249" s="12"/>
    </row>
    <row r="530250" spans="8:8">
      <c r="H530250" s="12"/>
    </row>
    <row r="530251" spans="8:8">
      <c r="H530251" s="12"/>
    </row>
    <row r="530252" spans="8:8">
      <c r="H530252" s="12"/>
    </row>
    <row r="530253" spans="8:8">
      <c r="H530253" s="12"/>
    </row>
    <row r="530254" spans="8:8">
      <c r="H530254" s="12"/>
    </row>
    <row r="530255" spans="8:8">
      <c r="H530255" s="12"/>
    </row>
    <row r="530256" spans="8:8">
      <c r="H530256" s="12"/>
    </row>
    <row r="530257" spans="8:8">
      <c r="H530257" s="12"/>
    </row>
    <row r="530258" spans="8:8">
      <c r="H530258" s="12"/>
    </row>
    <row r="530259" spans="8:8">
      <c r="H530259" s="12"/>
    </row>
    <row r="530260" spans="8:8">
      <c r="H530260" s="12"/>
    </row>
    <row r="530261" spans="8:8">
      <c r="H530261" s="12"/>
    </row>
    <row r="530262" spans="8:8">
      <c r="H530262" s="12"/>
    </row>
    <row r="530263" spans="8:8">
      <c r="H530263" s="12"/>
    </row>
    <row r="530264" spans="8:8">
      <c r="H530264" s="12"/>
    </row>
    <row r="530265" spans="8:8">
      <c r="H530265" s="12"/>
    </row>
    <row r="530266" spans="8:8">
      <c r="H530266" s="12"/>
    </row>
    <row r="530267" spans="8:8">
      <c r="H530267" s="12"/>
    </row>
    <row r="530268" spans="8:8">
      <c r="H530268" s="12"/>
    </row>
    <row r="530269" spans="8:8">
      <c r="H530269" s="12"/>
    </row>
    <row r="530270" spans="8:8">
      <c r="H530270" s="12"/>
    </row>
    <row r="530271" spans="8:8">
      <c r="H530271" s="12"/>
    </row>
    <row r="530272" spans="8:8">
      <c r="H530272" s="12"/>
    </row>
    <row r="530273" spans="8:8">
      <c r="H530273" s="12"/>
    </row>
    <row r="530274" spans="8:8">
      <c r="H530274" s="12"/>
    </row>
    <row r="530275" spans="8:8">
      <c r="H530275" s="12"/>
    </row>
    <row r="530276" spans="8:8">
      <c r="H530276" s="12"/>
    </row>
    <row r="530277" spans="8:8">
      <c r="H530277" s="12"/>
    </row>
    <row r="530278" spans="8:8">
      <c r="H530278" s="12"/>
    </row>
    <row r="530279" spans="8:8">
      <c r="H530279" s="12"/>
    </row>
    <row r="530280" spans="8:8">
      <c r="H530280" s="12"/>
    </row>
    <row r="530281" spans="8:8">
      <c r="H530281" s="12"/>
    </row>
    <row r="530282" spans="8:8">
      <c r="H530282" s="12"/>
    </row>
    <row r="530283" spans="8:8">
      <c r="H530283" s="12"/>
    </row>
    <row r="530284" spans="8:8">
      <c r="H530284" s="12"/>
    </row>
    <row r="530285" spans="8:8">
      <c r="H530285" s="12"/>
    </row>
    <row r="530286" spans="8:8">
      <c r="H530286" s="12"/>
    </row>
    <row r="530287" spans="8:8">
      <c r="H530287" s="12"/>
    </row>
    <row r="530288" spans="8:8">
      <c r="H530288" s="12"/>
    </row>
    <row r="530289" spans="8:8">
      <c r="H530289" s="12"/>
    </row>
    <row r="530290" spans="8:8">
      <c r="H530290" s="12"/>
    </row>
    <row r="530291" spans="8:8">
      <c r="H530291" s="12"/>
    </row>
    <row r="530292" spans="8:8">
      <c r="H530292" s="12"/>
    </row>
    <row r="530293" spans="8:8">
      <c r="H530293" s="12"/>
    </row>
    <row r="530294" spans="8:8">
      <c r="H530294" s="12"/>
    </row>
    <row r="530295" spans="8:8">
      <c r="H530295" s="12"/>
    </row>
    <row r="530296" spans="8:8">
      <c r="H530296" s="12"/>
    </row>
    <row r="530297" spans="8:8">
      <c r="H530297" s="12"/>
    </row>
    <row r="530298" spans="8:8">
      <c r="H530298" s="12"/>
    </row>
    <row r="530299" spans="8:8">
      <c r="H530299" s="12"/>
    </row>
    <row r="530300" spans="8:8">
      <c r="H530300" s="12"/>
    </row>
    <row r="530301" spans="8:8">
      <c r="H530301" s="12"/>
    </row>
    <row r="530302" spans="8:8">
      <c r="H530302" s="12"/>
    </row>
    <row r="530303" spans="8:8">
      <c r="H530303" s="12"/>
    </row>
    <row r="530304" spans="8:8">
      <c r="H530304" s="12"/>
    </row>
    <row r="530305" spans="8:8">
      <c r="H530305" s="12"/>
    </row>
    <row r="530306" spans="8:8">
      <c r="H530306" s="12"/>
    </row>
    <row r="530307" spans="8:8">
      <c r="H530307" s="12"/>
    </row>
    <row r="530308" spans="8:8">
      <c r="H530308" s="12"/>
    </row>
    <row r="530309" spans="8:8">
      <c r="H530309" s="12"/>
    </row>
    <row r="530310" spans="8:8">
      <c r="H530310" s="12"/>
    </row>
    <row r="530311" spans="8:8">
      <c r="H530311" s="12"/>
    </row>
    <row r="530312" spans="8:8">
      <c r="H530312" s="12"/>
    </row>
    <row r="530313" spans="8:8">
      <c r="H530313" s="12"/>
    </row>
    <row r="530314" spans="8:8">
      <c r="H530314" s="12"/>
    </row>
    <row r="530315" spans="8:8">
      <c r="H530315" s="12"/>
    </row>
    <row r="530316" spans="8:8">
      <c r="H530316" s="12"/>
    </row>
    <row r="530317" spans="8:8">
      <c r="H530317" s="12"/>
    </row>
    <row r="530318" spans="8:8">
      <c r="H530318" s="12"/>
    </row>
    <row r="530319" spans="8:8">
      <c r="H530319" s="12"/>
    </row>
    <row r="530320" spans="8:8">
      <c r="H530320" s="12"/>
    </row>
    <row r="530321" spans="8:8">
      <c r="H530321" s="12"/>
    </row>
    <row r="530322" spans="8:8">
      <c r="H530322" s="12"/>
    </row>
    <row r="530323" spans="8:8">
      <c r="H530323" s="12"/>
    </row>
    <row r="530324" spans="8:8">
      <c r="H530324" s="12"/>
    </row>
    <row r="530325" spans="8:8">
      <c r="H530325" s="12"/>
    </row>
    <row r="530326" spans="8:8">
      <c r="H530326" s="12"/>
    </row>
    <row r="530327" spans="8:8">
      <c r="H530327" s="12"/>
    </row>
    <row r="530328" spans="8:8">
      <c r="H530328" s="12"/>
    </row>
    <row r="530329" spans="8:8">
      <c r="H530329" s="12"/>
    </row>
    <row r="530330" spans="8:8">
      <c r="H530330" s="12"/>
    </row>
    <row r="530331" spans="8:8">
      <c r="H530331" s="12"/>
    </row>
    <row r="530332" spans="8:8">
      <c r="H530332" s="12"/>
    </row>
    <row r="530333" spans="8:8">
      <c r="H530333" s="12"/>
    </row>
    <row r="530334" spans="8:8">
      <c r="H530334" s="12"/>
    </row>
    <row r="530335" spans="8:8">
      <c r="H530335" s="12"/>
    </row>
    <row r="530336" spans="8:8">
      <c r="H530336" s="12"/>
    </row>
    <row r="530337" spans="8:8">
      <c r="H530337" s="12"/>
    </row>
    <row r="530338" spans="8:8">
      <c r="H530338" s="12"/>
    </row>
    <row r="530339" spans="8:8">
      <c r="H530339" s="12"/>
    </row>
    <row r="530340" spans="8:8">
      <c r="H530340" s="12"/>
    </row>
    <row r="530341" spans="8:8">
      <c r="H530341" s="12"/>
    </row>
    <row r="530342" spans="8:8">
      <c r="H530342" s="12"/>
    </row>
    <row r="530343" spans="8:8">
      <c r="H530343" s="12"/>
    </row>
    <row r="530344" spans="8:8">
      <c r="H530344" s="12"/>
    </row>
    <row r="530345" spans="8:8">
      <c r="H530345" s="12"/>
    </row>
    <row r="530346" spans="8:8">
      <c r="H530346" s="12"/>
    </row>
    <row r="530347" spans="8:8">
      <c r="H530347" s="12"/>
    </row>
    <row r="530348" spans="8:8">
      <c r="H530348" s="12"/>
    </row>
    <row r="530349" spans="8:8">
      <c r="H530349" s="12"/>
    </row>
    <row r="530350" spans="8:8">
      <c r="H530350" s="12"/>
    </row>
    <row r="530351" spans="8:8">
      <c r="H530351" s="12"/>
    </row>
    <row r="530352" spans="8:8">
      <c r="H530352" s="12"/>
    </row>
    <row r="530353" spans="8:8">
      <c r="H530353" s="12"/>
    </row>
    <row r="530354" spans="8:8">
      <c r="H530354" s="12"/>
    </row>
    <row r="530355" spans="8:8">
      <c r="H530355" s="12"/>
    </row>
    <row r="530356" spans="8:8">
      <c r="H530356" s="12"/>
    </row>
    <row r="530357" spans="8:8">
      <c r="H530357" s="12"/>
    </row>
    <row r="530358" spans="8:8">
      <c r="H530358" s="12"/>
    </row>
    <row r="530359" spans="8:8">
      <c r="H530359" s="12"/>
    </row>
    <row r="530360" spans="8:8">
      <c r="H530360" s="12"/>
    </row>
    <row r="530361" spans="8:8">
      <c r="H530361" s="12"/>
    </row>
    <row r="530362" spans="8:8">
      <c r="H530362" s="12"/>
    </row>
    <row r="530363" spans="8:8">
      <c r="H530363" s="12"/>
    </row>
    <row r="530364" spans="8:8">
      <c r="H530364" s="12"/>
    </row>
    <row r="530365" spans="8:8">
      <c r="H530365" s="12"/>
    </row>
    <row r="530366" spans="8:8">
      <c r="H530366" s="12"/>
    </row>
    <row r="530367" spans="8:8">
      <c r="H530367" s="12"/>
    </row>
    <row r="530368" spans="8:8">
      <c r="H530368" s="12"/>
    </row>
    <row r="530369" spans="8:8">
      <c r="H530369" s="12"/>
    </row>
    <row r="530370" spans="8:8">
      <c r="H530370" s="12"/>
    </row>
    <row r="530371" spans="8:8">
      <c r="H530371" s="12"/>
    </row>
    <row r="530372" spans="8:8">
      <c r="H530372" s="12"/>
    </row>
    <row r="530373" spans="8:8">
      <c r="H530373" s="12"/>
    </row>
    <row r="530374" spans="8:8">
      <c r="H530374" s="12"/>
    </row>
    <row r="530375" spans="8:8">
      <c r="H530375" s="12"/>
    </row>
    <row r="530376" spans="8:8">
      <c r="H530376" s="12"/>
    </row>
    <row r="530377" spans="8:8">
      <c r="H530377" s="12"/>
    </row>
    <row r="530378" spans="8:8">
      <c r="H530378" s="12"/>
    </row>
    <row r="530379" spans="8:8">
      <c r="H530379" s="12"/>
    </row>
    <row r="530380" spans="8:8">
      <c r="H530380" s="12"/>
    </row>
    <row r="530381" spans="8:8">
      <c r="H530381" s="12"/>
    </row>
    <row r="530382" spans="8:8">
      <c r="H530382" s="12"/>
    </row>
    <row r="530383" spans="8:8">
      <c r="H530383" s="12"/>
    </row>
    <row r="530384" spans="8:8">
      <c r="H530384" s="12"/>
    </row>
    <row r="530385" spans="8:8">
      <c r="H530385" s="12"/>
    </row>
    <row r="530386" spans="8:8">
      <c r="H530386" s="12"/>
    </row>
    <row r="530387" spans="8:8">
      <c r="H530387" s="12"/>
    </row>
    <row r="530388" spans="8:8">
      <c r="H530388" s="12"/>
    </row>
    <row r="530389" spans="8:8">
      <c r="H530389" s="12"/>
    </row>
    <row r="530390" spans="8:8">
      <c r="H530390" s="12"/>
    </row>
    <row r="530391" spans="8:8">
      <c r="H530391" s="12"/>
    </row>
    <row r="530392" spans="8:8">
      <c r="H530392" s="12"/>
    </row>
    <row r="530393" spans="8:8">
      <c r="H530393" s="12"/>
    </row>
    <row r="530394" spans="8:8">
      <c r="H530394" s="12"/>
    </row>
    <row r="530395" spans="8:8">
      <c r="H530395" s="12"/>
    </row>
    <row r="530396" spans="8:8">
      <c r="H530396" s="12"/>
    </row>
    <row r="530397" spans="8:8">
      <c r="H530397" s="12"/>
    </row>
    <row r="530398" spans="8:8">
      <c r="H530398" s="12"/>
    </row>
    <row r="530399" spans="8:8">
      <c r="H530399" s="12"/>
    </row>
    <row r="530400" spans="8:8">
      <c r="H530400" s="12"/>
    </row>
    <row r="530401" spans="8:8">
      <c r="H530401" s="12"/>
    </row>
    <row r="530402" spans="8:8">
      <c r="H530402" s="12"/>
    </row>
    <row r="530403" spans="8:8">
      <c r="H530403" s="12"/>
    </row>
    <row r="530404" spans="8:8">
      <c r="H530404" s="12"/>
    </row>
    <row r="530405" spans="8:8">
      <c r="H530405" s="12"/>
    </row>
    <row r="530406" spans="8:8">
      <c r="H530406" s="12"/>
    </row>
    <row r="530407" spans="8:8">
      <c r="H530407" s="12"/>
    </row>
    <row r="530408" spans="8:8">
      <c r="H530408" s="12"/>
    </row>
    <row r="530409" spans="8:8">
      <c r="H530409" s="12"/>
    </row>
    <row r="530410" spans="8:8">
      <c r="H530410" s="12"/>
    </row>
    <row r="530411" spans="8:8">
      <c r="H530411" s="12"/>
    </row>
    <row r="530412" spans="8:8">
      <c r="H530412" s="12"/>
    </row>
    <row r="530413" spans="8:8">
      <c r="H530413" s="12"/>
    </row>
    <row r="530414" spans="8:8">
      <c r="H530414" s="12"/>
    </row>
    <row r="530415" spans="8:8">
      <c r="H530415" s="12"/>
    </row>
    <row r="530416" spans="8:8">
      <c r="H530416" s="12"/>
    </row>
    <row r="530417" spans="8:8">
      <c r="H530417" s="12"/>
    </row>
    <row r="530418" spans="8:8">
      <c r="H530418" s="12"/>
    </row>
    <row r="530419" spans="8:8">
      <c r="H530419" s="12"/>
    </row>
    <row r="530420" spans="8:8">
      <c r="H530420" s="12"/>
    </row>
    <row r="530421" spans="8:8">
      <c r="H530421" s="12"/>
    </row>
    <row r="530422" spans="8:8">
      <c r="H530422" s="12"/>
    </row>
    <row r="530423" spans="8:8">
      <c r="H530423" s="12"/>
    </row>
    <row r="530424" spans="8:8">
      <c r="H530424" s="12"/>
    </row>
    <row r="530425" spans="8:8">
      <c r="H530425" s="12"/>
    </row>
    <row r="530426" spans="8:8">
      <c r="H530426" s="12"/>
    </row>
    <row r="530427" spans="8:8">
      <c r="H530427" s="12"/>
    </row>
    <row r="530428" spans="8:8">
      <c r="H530428" s="12"/>
    </row>
    <row r="530429" spans="8:8">
      <c r="H530429" s="12"/>
    </row>
    <row r="530430" spans="8:8">
      <c r="H530430" s="12"/>
    </row>
    <row r="530431" spans="8:8">
      <c r="H530431" s="12"/>
    </row>
    <row r="530432" spans="8:8">
      <c r="H530432" s="12"/>
    </row>
    <row r="530433" spans="8:8">
      <c r="H530433" s="12"/>
    </row>
    <row r="530434" spans="8:8">
      <c r="H530434" s="12"/>
    </row>
    <row r="530435" spans="8:8">
      <c r="H530435" s="12"/>
    </row>
    <row r="530436" spans="8:8">
      <c r="H530436" s="12"/>
    </row>
    <row r="530437" spans="8:8">
      <c r="H530437" s="12"/>
    </row>
    <row r="530438" spans="8:8">
      <c r="H530438" s="12"/>
    </row>
    <row r="530439" spans="8:8">
      <c r="H530439" s="12"/>
    </row>
    <row r="530440" spans="8:8">
      <c r="H530440" s="12"/>
    </row>
    <row r="530441" spans="8:8">
      <c r="H530441" s="12"/>
    </row>
    <row r="530442" spans="8:8">
      <c r="H530442" s="12"/>
    </row>
    <row r="530443" spans="8:8">
      <c r="H530443" s="12"/>
    </row>
    <row r="530444" spans="8:8">
      <c r="H530444" s="12"/>
    </row>
    <row r="530445" spans="8:8">
      <c r="H530445" s="12"/>
    </row>
    <row r="530446" spans="8:8">
      <c r="H530446" s="12"/>
    </row>
    <row r="530447" spans="8:8">
      <c r="H530447" s="12"/>
    </row>
    <row r="530448" spans="8:8">
      <c r="H530448" s="12"/>
    </row>
    <row r="530449" spans="8:8">
      <c r="H530449" s="12"/>
    </row>
    <row r="530450" spans="8:8">
      <c r="H530450" s="12"/>
    </row>
    <row r="530451" spans="8:8">
      <c r="H530451" s="12"/>
    </row>
    <row r="530452" spans="8:8">
      <c r="H530452" s="12"/>
    </row>
    <row r="530453" spans="8:8">
      <c r="H530453" s="12"/>
    </row>
    <row r="530454" spans="8:8">
      <c r="H530454" s="12"/>
    </row>
    <row r="530455" spans="8:8">
      <c r="H530455" s="12"/>
    </row>
    <row r="530456" spans="8:8">
      <c r="H530456" s="12"/>
    </row>
    <row r="530457" spans="8:8">
      <c r="H530457" s="12"/>
    </row>
    <row r="530458" spans="8:8">
      <c r="H530458" s="12"/>
    </row>
    <row r="530459" spans="8:8">
      <c r="H530459" s="12"/>
    </row>
    <row r="530460" spans="8:8">
      <c r="H530460" s="12"/>
    </row>
    <row r="530461" spans="8:8">
      <c r="H530461" s="12"/>
    </row>
    <row r="530462" spans="8:8">
      <c r="H530462" s="12"/>
    </row>
    <row r="530463" spans="8:8">
      <c r="H530463" s="12"/>
    </row>
    <row r="530464" spans="8:8">
      <c r="H530464" s="12"/>
    </row>
    <row r="530465" spans="8:8">
      <c r="H530465" s="12"/>
    </row>
    <row r="530466" spans="8:8">
      <c r="H530466" s="12"/>
    </row>
    <row r="530467" spans="8:8">
      <c r="H530467" s="12"/>
    </row>
    <row r="530468" spans="8:8">
      <c r="H530468" s="12"/>
    </row>
    <row r="530469" spans="8:8">
      <c r="H530469" s="12"/>
    </row>
    <row r="530470" spans="8:8">
      <c r="H530470" s="12"/>
    </row>
    <row r="530471" spans="8:8">
      <c r="H530471" s="12"/>
    </row>
    <row r="530472" spans="8:8">
      <c r="H530472" s="12"/>
    </row>
    <row r="530473" spans="8:8">
      <c r="H530473" s="12"/>
    </row>
    <row r="530474" spans="8:8">
      <c r="H530474" s="12"/>
    </row>
    <row r="530475" spans="8:8">
      <c r="H530475" s="12"/>
    </row>
    <row r="530476" spans="8:8">
      <c r="H530476" s="12"/>
    </row>
    <row r="530477" spans="8:8">
      <c r="H530477" s="12"/>
    </row>
    <row r="530478" spans="8:8">
      <c r="H530478" s="12"/>
    </row>
    <row r="530479" spans="8:8">
      <c r="H530479" s="12"/>
    </row>
    <row r="530480" spans="8:8">
      <c r="H530480" s="12"/>
    </row>
    <row r="530481" spans="8:8">
      <c r="H530481" s="12"/>
    </row>
    <row r="530482" spans="8:8">
      <c r="H530482" s="12"/>
    </row>
    <row r="530483" spans="8:8">
      <c r="H530483" s="12"/>
    </row>
    <row r="530484" spans="8:8">
      <c r="H530484" s="12"/>
    </row>
    <row r="530485" spans="8:8">
      <c r="H530485" s="12"/>
    </row>
    <row r="530486" spans="8:8">
      <c r="H530486" s="12"/>
    </row>
    <row r="530487" spans="8:8">
      <c r="H530487" s="12"/>
    </row>
    <row r="530488" spans="8:8">
      <c r="H530488" s="12"/>
    </row>
    <row r="530489" spans="8:8">
      <c r="H530489" s="12"/>
    </row>
    <row r="530490" spans="8:8">
      <c r="H530490" s="12"/>
    </row>
    <row r="530491" spans="8:8">
      <c r="H530491" s="12"/>
    </row>
    <row r="530492" spans="8:8">
      <c r="H530492" s="12"/>
    </row>
    <row r="530493" spans="8:8">
      <c r="H530493" s="12"/>
    </row>
    <row r="530494" spans="8:8">
      <c r="H530494" s="12"/>
    </row>
    <row r="530495" spans="8:8">
      <c r="H530495" s="12"/>
    </row>
    <row r="530496" spans="8:8">
      <c r="H530496" s="12"/>
    </row>
    <row r="530497" spans="8:8">
      <c r="H530497" s="12"/>
    </row>
    <row r="530498" spans="8:8">
      <c r="H530498" s="12"/>
    </row>
    <row r="530499" spans="8:8">
      <c r="H530499" s="12"/>
    </row>
    <row r="530500" spans="8:8">
      <c r="H530500" s="12"/>
    </row>
    <row r="530501" spans="8:8">
      <c r="H530501" s="12"/>
    </row>
    <row r="530502" spans="8:8">
      <c r="H530502" s="12"/>
    </row>
    <row r="530503" spans="8:8">
      <c r="H530503" s="12"/>
    </row>
    <row r="530504" spans="8:8">
      <c r="H530504" s="12"/>
    </row>
    <row r="530505" spans="8:8">
      <c r="H530505" s="12"/>
    </row>
    <row r="530506" spans="8:8">
      <c r="H530506" s="12"/>
    </row>
    <row r="530507" spans="8:8">
      <c r="H530507" s="12"/>
    </row>
    <row r="530508" spans="8:8">
      <c r="H530508" s="12"/>
    </row>
    <row r="530509" spans="8:8">
      <c r="H530509" s="12"/>
    </row>
    <row r="530510" spans="8:8">
      <c r="H530510" s="12"/>
    </row>
    <row r="530511" spans="8:8">
      <c r="H530511" s="12"/>
    </row>
    <row r="530512" spans="8:8">
      <c r="H530512" s="12"/>
    </row>
    <row r="530513" spans="8:8">
      <c r="H530513" s="12"/>
    </row>
    <row r="530514" spans="8:8">
      <c r="H530514" s="12"/>
    </row>
    <row r="530515" spans="8:8">
      <c r="H530515" s="12"/>
    </row>
    <row r="530516" spans="8:8">
      <c r="H530516" s="12"/>
    </row>
    <row r="530517" spans="8:8">
      <c r="H530517" s="12"/>
    </row>
    <row r="530518" spans="8:8">
      <c r="H530518" s="12"/>
    </row>
    <row r="530519" spans="8:8">
      <c r="H530519" s="12"/>
    </row>
    <row r="530520" spans="8:8">
      <c r="H530520" s="12"/>
    </row>
    <row r="530521" spans="8:8">
      <c r="H530521" s="12"/>
    </row>
    <row r="530522" spans="8:8">
      <c r="H530522" s="12"/>
    </row>
    <row r="530523" spans="8:8">
      <c r="H530523" s="12"/>
    </row>
    <row r="530524" spans="8:8">
      <c r="H530524" s="12"/>
    </row>
    <row r="530525" spans="8:8">
      <c r="H530525" s="12"/>
    </row>
    <row r="530526" spans="8:8">
      <c r="H530526" s="12"/>
    </row>
    <row r="530527" spans="8:8">
      <c r="H530527" s="12"/>
    </row>
    <row r="530528" spans="8:8">
      <c r="H530528" s="12"/>
    </row>
    <row r="530529" spans="8:8">
      <c r="H530529" s="12"/>
    </row>
    <row r="530530" spans="8:8">
      <c r="H530530" s="12"/>
    </row>
    <row r="530531" spans="8:8">
      <c r="H530531" s="12"/>
    </row>
    <row r="530532" spans="8:8">
      <c r="H530532" s="12"/>
    </row>
    <row r="530533" spans="8:8">
      <c r="H530533" s="12"/>
    </row>
    <row r="530534" spans="8:8">
      <c r="H530534" s="12"/>
    </row>
    <row r="530535" spans="8:8">
      <c r="H530535" s="12"/>
    </row>
    <row r="530536" spans="8:8">
      <c r="H530536" s="12"/>
    </row>
    <row r="530537" spans="8:8">
      <c r="H530537" s="12"/>
    </row>
    <row r="530538" spans="8:8">
      <c r="H530538" s="12"/>
    </row>
    <row r="530539" spans="8:8">
      <c r="H530539" s="12"/>
    </row>
    <row r="530540" spans="8:8">
      <c r="H530540" s="12"/>
    </row>
    <row r="530541" spans="8:8">
      <c r="H530541" s="12"/>
    </row>
    <row r="530542" spans="8:8">
      <c r="H530542" s="12"/>
    </row>
    <row r="530543" spans="8:8">
      <c r="H530543" s="12"/>
    </row>
    <row r="530544" spans="8:8">
      <c r="H530544" s="12"/>
    </row>
    <row r="530545" spans="8:8">
      <c r="H530545" s="12"/>
    </row>
    <row r="530546" spans="8:8">
      <c r="H530546" s="12"/>
    </row>
    <row r="530547" spans="8:8">
      <c r="H530547" s="12"/>
    </row>
    <row r="530548" spans="8:8">
      <c r="H530548" s="12"/>
    </row>
    <row r="530549" spans="8:8">
      <c r="H530549" s="12"/>
    </row>
    <row r="530550" spans="8:8">
      <c r="H530550" s="12"/>
    </row>
    <row r="530551" spans="8:8">
      <c r="H530551" s="12"/>
    </row>
    <row r="530552" spans="8:8">
      <c r="H530552" s="12"/>
    </row>
    <row r="530553" spans="8:8">
      <c r="H530553" s="12"/>
    </row>
    <row r="530554" spans="8:8">
      <c r="H530554" s="12"/>
    </row>
    <row r="530555" spans="8:8">
      <c r="H530555" s="12"/>
    </row>
    <row r="530556" spans="8:8">
      <c r="H530556" s="12"/>
    </row>
    <row r="530557" spans="8:8">
      <c r="H530557" s="12"/>
    </row>
    <row r="530558" spans="8:8">
      <c r="H530558" s="12"/>
    </row>
    <row r="530559" spans="8:8">
      <c r="H530559" s="12"/>
    </row>
    <row r="530560" spans="8:8">
      <c r="H530560" s="12"/>
    </row>
    <row r="530561" spans="8:8">
      <c r="H530561" s="12"/>
    </row>
    <row r="530562" spans="8:8">
      <c r="H530562" s="12"/>
    </row>
    <row r="530563" spans="8:8">
      <c r="H530563" s="12"/>
    </row>
    <row r="530564" spans="8:8">
      <c r="H530564" s="12"/>
    </row>
    <row r="530565" spans="8:8">
      <c r="H530565" s="12"/>
    </row>
    <row r="530566" spans="8:8">
      <c r="H530566" s="12"/>
    </row>
    <row r="530567" spans="8:8">
      <c r="H530567" s="12"/>
    </row>
    <row r="530568" spans="8:8">
      <c r="H530568" s="12"/>
    </row>
    <row r="530569" spans="8:8">
      <c r="H530569" s="12"/>
    </row>
    <row r="530570" spans="8:8">
      <c r="H530570" s="12"/>
    </row>
    <row r="530571" spans="8:8">
      <c r="H530571" s="12"/>
    </row>
    <row r="530572" spans="8:8">
      <c r="H530572" s="12"/>
    </row>
    <row r="530573" spans="8:8">
      <c r="H530573" s="12"/>
    </row>
    <row r="530574" spans="8:8">
      <c r="H530574" s="12"/>
    </row>
    <row r="530575" spans="8:8">
      <c r="H530575" s="12"/>
    </row>
    <row r="530576" spans="8:8">
      <c r="H530576" s="12"/>
    </row>
    <row r="530577" spans="8:8">
      <c r="H530577" s="12"/>
    </row>
    <row r="530578" spans="8:8">
      <c r="H530578" s="12"/>
    </row>
    <row r="530579" spans="8:8">
      <c r="H530579" s="12"/>
    </row>
    <row r="530580" spans="8:8">
      <c r="H530580" s="12"/>
    </row>
    <row r="530581" spans="8:8">
      <c r="H530581" s="12"/>
    </row>
    <row r="530582" spans="8:8">
      <c r="H530582" s="12"/>
    </row>
    <row r="530583" spans="8:8">
      <c r="H530583" s="12"/>
    </row>
    <row r="530584" spans="8:8">
      <c r="H530584" s="12"/>
    </row>
    <row r="530585" spans="8:8">
      <c r="H530585" s="12"/>
    </row>
    <row r="530586" spans="8:8">
      <c r="H530586" s="12"/>
    </row>
    <row r="530587" spans="8:8">
      <c r="H530587" s="12"/>
    </row>
    <row r="530588" spans="8:8">
      <c r="H530588" s="12"/>
    </row>
    <row r="530589" spans="8:8">
      <c r="H530589" s="12"/>
    </row>
    <row r="530590" spans="8:8">
      <c r="H530590" s="12"/>
    </row>
    <row r="530591" spans="8:8">
      <c r="H530591" s="12"/>
    </row>
    <row r="530592" spans="8:8">
      <c r="H530592" s="12"/>
    </row>
    <row r="530593" spans="8:8">
      <c r="H530593" s="12"/>
    </row>
    <row r="530594" spans="8:8">
      <c r="H530594" s="12"/>
    </row>
    <row r="530595" spans="8:8">
      <c r="H530595" s="12"/>
    </row>
    <row r="530596" spans="8:8">
      <c r="H530596" s="12"/>
    </row>
    <row r="530597" spans="8:8">
      <c r="H530597" s="12"/>
    </row>
    <row r="530598" spans="8:8">
      <c r="H530598" s="12"/>
    </row>
    <row r="530599" spans="8:8">
      <c r="H530599" s="12"/>
    </row>
    <row r="530600" spans="8:8">
      <c r="H530600" s="12"/>
    </row>
    <row r="530601" spans="8:8">
      <c r="H530601" s="12"/>
    </row>
    <row r="530602" spans="8:8">
      <c r="H530602" s="12"/>
    </row>
    <row r="530603" spans="8:8">
      <c r="H530603" s="12"/>
    </row>
    <row r="530604" spans="8:8">
      <c r="H530604" s="12"/>
    </row>
    <row r="530605" spans="8:8">
      <c r="H530605" s="12"/>
    </row>
    <row r="530606" spans="8:8">
      <c r="H530606" s="12"/>
    </row>
    <row r="530607" spans="8:8">
      <c r="H530607" s="12"/>
    </row>
    <row r="530608" spans="8:8">
      <c r="H530608" s="12"/>
    </row>
    <row r="530609" spans="8:8">
      <c r="H530609" s="12"/>
    </row>
    <row r="530610" spans="8:8">
      <c r="H530610" s="12"/>
    </row>
    <row r="530611" spans="8:8">
      <c r="H530611" s="12"/>
    </row>
    <row r="530612" spans="8:8">
      <c r="H530612" s="12"/>
    </row>
    <row r="530613" spans="8:8">
      <c r="H530613" s="12"/>
    </row>
    <row r="530614" spans="8:8">
      <c r="H530614" s="12"/>
    </row>
    <row r="530615" spans="8:8">
      <c r="H530615" s="12"/>
    </row>
    <row r="530616" spans="8:8">
      <c r="H530616" s="12"/>
    </row>
    <row r="530617" spans="8:8">
      <c r="H530617" s="12"/>
    </row>
    <row r="530618" spans="8:8">
      <c r="H530618" s="12"/>
    </row>
    <row r="530619" spans="8:8">
      <c r="H530619" s="12"/>
    </row>
    <row r="530620" spans="8:8">
      <c r="H530620" s="12"/>
    </row>
    <row r="530621" spans="8:8">
      <c r="H530621" s="12"/>
    </row>
    <row r="530622" spans="8:8">
      <c r="H530622" s="12"/>
    </row>
    <row r="530623" spans="8:8">
      <c r="H530623" s="12"/>
    </row>
    <row r="530624" spans="8:8">
      <c r="H530624" s="12"/>
    </row>
    <row r="530625" spans="8:8">
      <c r="H530625" s="12"/>
    </row>
    <row r="530626" spans="8:8">
      <c r="H530626" s="12"/>
    </row>
    <row r="530627" spans="8:8">
      <c r="H530627" s="12"/>
    </row>
    <row r="530628" spans="8:8">
      <c r="H530628" s="12"/>
    </row>
    <row r="530629" spans="8:8">
      <c r="H530629" s="12"/>
    </row>
    <row r="530630" spans="8:8">
      <c r="H530630" s="12"/>
    </row>
    <row r="530631" spans="8:8">
      <c r="H530631" s="12"/>
    </row>
    <row r="530632" spans="8:8">
      <c r="H530632" s="12"/>
    </row>
    <row r="530633" spans="8:8">
      <c r="H530633" s="12"/>
    </row>
    <row r="530634" spans="8:8">
      <c r="H530634" s="12"/>
    </row>
    <row r="530635" spans="8:8">
      <c r="H530635" s="12"/>
    </row>
    <row r="530636" spans="8:8">
      <c r="H530636" s="12"/>
    </row>
    <row r="530637" spans="8:8">
      <c r="H530637" s="12"/>
    </row>
    <row r="530638" spans="8:8">
      <c r="H530638" s="12"/>
    </row>
    <row r="530639" spans="8:8">
      <c r="H530639" s="12"/>
    </row>
    <row r="530640" spans="8:8">
      <c r="H530640" s="12"/>
    </row>
    <row r="530641" spans="8:8">
      <c r="H530641" s="12"/>
    </row>
    <row r="530642" spans="8:8">
      <c r="H530642" s="12"/>
    </row>
    <row r="530643" spans="8:8">
      <c r="H530643" s="12"/>
    </row>
    <row r="530644" spans="8:8">
      <c r="H530644" s="12"/>
    </row>
    <row r="530645" spans="8:8">
      <c r="H530645" s="12"/>
    </row>
    <row r="530646" spans="8:8">
      <c r="H530646" s="12"/>
    </row>
    <row r="530647" spans="8:8">
      <c r="H530647" s="12"/>
    </row>
    <row r="530648" spans="8:8">
      <c r="H530648" s="12"/>
    </row>
    <row r="530649" spans="8:8">
      <c r="H530649" s="12"/>
    </row>
    <row r="530650" spans="8:8">
      <c r="H530650" s="12"/>
    </row>
    <row r="530651" spans="8:8">
      <c r="H530651" s="12"/>
    </row>
    <row r="530652" spans="8:8">
      <c r="H530652" s="12"/>
    </row>
    <row r="530653" spans="8:8">
      <c r="H530653" s="12"/>
    </row>
    <row r="530654" spans="8:8">
      <c r="H530654" s="12"/>
    </row>
    <row r="530655" spans="8:8">
      <c r="H530655" s="12"/>
    </row>
    <row r="530656" spans="8:8">
      <c r="H530656" s="12"/>
    </row>
    <row r="530657" spans="8:8">
      <c r="H530657" s="12"/>
    </row>
    <row r="530658" spans="8:8">
      <c r="H530658" s="12"/>
    </row>
    <row r="530659" spans="8:8">
      <c r="H530659" s="12"/>
    </row>
    <row r="530660" spans="8:8">
      <c r="H530660" s="12"/>
    </row>
    <row r="530661" spans="8:8">
      <c r="H530661" s="12"/>
    </row>
    <row r="530662" spans="8:8">
      <c r="H530662" s="12"/>
    </row>
    <row r="530663" spans="8:8">
      <c r="H530663" s="12"/>
    </row>
    <row r="530664" spans="8:8">
      <c r="H530664" s="12"/>
    </row>
    <row r="530665" spans="8:8">
      <c r="H530665" s="12"/>
    </row>
    <row r="530666" spans="8:8">
      <c r="H530666" s="12"/>
    </row>
    <row r="530667" spans="8:8">
      <c r="H530667" s="12"/>
    </row>
    <row r="530668" spans="8:8">
      <c r="H530668" s="12"/>
    </row>
    <row r="530669" spans="8:8">
      <c r="H530669" s="12"/>
    </row>
    <row r="530670" spans="8:8">
      <c r="H530670" s="12"/>
    </row>
    <row r="530671" spans="8:8">
      <c r="H530671" s="12"/>
    </row>
    <row r="530672" spans="8:8">
      <c r="H530672" s="12"/>
    </row>
    <row r="530673" spans="8:8">
      <c r="H530673" s="12"/>
    </row>
    <row r="530674" spans="8:8">
      <c r="H530674" s="12"/>
    </row>
    <row r="530675" spans="8:8">
      <c r="H530675" s="12"/>
    </row>
    <row r="530676" spans="8:8">
      <c r="H530676" s="12"/>
    </row>
    <row r="530677" spans="8:8">
      <c r="H530677" s="12"/>
    </row>
    <row r="530678" spans="8:8">
      <c r="H530678" s="12"/>
    </row>
    <row r="530679" spans="8:8">
      <c r="H530679" s="12"/>
    </row>
    <row r="530680" spans="8:8">
      <c r="H530680" s="12"/>
    </row>
    <row r="530681" spans="8:8">
      <c r="H530681" s="12"/>
    </row>
    <row r="530682" spans="8:8">
      <c r="H530682" s="12"/>
    </row>
    <row r="530683" spans="8:8">
      <c r="H530683" s="12"/>
    </row>
    <row r="530684" spans="8:8">
      <c r="H530684" s="12"/>
    </row>
    <row r="530685" spans="8:8">
      <c r="H530685" s="12"/>
    </row>
    <row r="530686" spans="8:8">
      <c r="H530686" s="12"/>
    </row>
    <row r="530687" spans="8:8">
      <c r="H530687" s="12"/>
    </row>
    <row r="530688" spans="8:8">
      <c r="H530688" s="12"/>
    </row>
    <row r="530689" spans="8:8">
      <c r="H530689" s="12"/>
    </row>
    <row r="530690" spans="8:8">
      <c r="H530690" s="12"/>
    </row>
    <row r="530691" spans="8:8">
      <c r="H530691" s="12"/>
    </row>
    <row r="530692" spans="8:8">
      <c r="H530692" s="12"/>
    </row>
    <row r="530693" spans="8:8">
      <c r="H530693" s="12"/>
    </row>
    <row r="530694" spans="8:8">
      <c r="H530694" s="12"/>
    </row>
    <row r="530695" spans="8:8">
      <c r="H530695" s="12"/>
    </row>
    <row r="530696" spans="8:8">
      <c r="H530696" s="12"/>
    </row>
    <row r="530697" spans="8:8">
      <c r="H530697" s="12"/>
    </row>
    <row r="530698" spans="8:8">
      <c r="H530698" s="12"/>
    </row>
    <row r="530699" spans="8:8">
      <c r="H530699" s="12"/>
    </row>
    <row r="530700" spans="8:8">
      <c r="H530700" s="12"/>
    </row>
    <row r="530701" spans="8:8">
      <c r="H530701" s="12"/>
    </row>
    <row r="530702" spans="8:8">
      <c r="H530702" s="12"/>
    </row>
    <row r="530703" spans="8:8">
      <c r="H530703" s="12"/>
    </row>
    <row r="530704" spans="8:8">
      <c r="H530704" s="12"/>
    </row>
    <row r="530705" spans="8:8">
      <c r="H530705" s="12"/>
    </row>
    <row r="530706" spans="8:8">
      <c r="H530706" s="12"/>
    </row>
    <row r="530707" spans="8:8">
      <c r="H530707" s="12"/>
    </row>
    <row r="530708" spans="8:8">
      <c r="H530708" s="12"/>
    </row>
    <row r="530709" spans="8:8">
      <c r="H530709" s="12"/>
    </row>
    <row r="530710" spans="8:8">
      <c r="H530710" s="12"/>
    </row>
    <row r="530711" spans="8:8">
      <c r="H530711" s="12"/>
    </row>
    <row r="530712" spans="8:8">
      <c r="H530712" s="12"/>
    </row>
    <row r="530713" spans="8:8">
      <c r="H530713" s="12"/>
    </row>
    <row r="530714" spans="8:8">
      <c r="H530714" s="12"/>
    </row>
    <row r="530715" spans="8:8">
      <c r="H530715" s="12"/>
    </row>
    <row r="530716" spans="8:8">
      <c r="H530716" s="12"/>
    </row>
    <row r="530717" spans="8:8">
      <c r="H530717" s="12"/>
    </row>
    <row r="530718" spans="8:8">
      <c r="H530718" s="12"/>
    </row>
    <row r="530719" spans="8:8">
      <c r="H530719" s="12"/>
    </row>
    <row r="530720" spans="8:8">
      <c r="H530720" s="12"/>
    </row>
    <row r="530721" spans="8:8">
      <c r="H530721" s="12"/>
    </row>
    <row r="530722" spans="8:8">
      <c r="H530722" s="12"/>
    </row>
    <row r="530723" spans="8:8">
      <c r="H530723" s="12"/>
    </row>
    <row r="530724" spans="8:8">
      <c r="H530724" s="12"/>
    </row>
    <row r="530725" spans="8:8">
      <c r="H530725" s="12"/>
    </row>
    <row r="530726" spans="8:8">
      <c r="H530726" s="12"/>
    </row>
    <row r="530727" spans="8:8">
      <c r="H530727" s="12"/>
    </row>
    <row r="530728" spans="8:8">
      <c r="H530728" s="12"/>
    </row>
    <row r="530729" spans="8:8">
      <c r="H530729" s="12"/>
    </row>
    <row r="530730" spans="8:8">
      <c r="H530730" s="12"/>
    </row>
    <row r="530731" spans="8:8">
      <c r="H530731" s="12"/>
    </row>
    <row r="530732" spans="8:8">
      <c r="H530732" s="12"/>
    </row>
    <row r="530733" spans="8:8">
      <c r="H530733" s="12"/>
    </row>
    <row r="530734" spans="8:8">
      <c r="H530734" s="12"/>
    </row>
    <row r="530735" spans="8:8">
      <c r="H530735" s="12"/>
    </row>
    <row r="530736" spans="8:8">
      <c r="H530736" s="12"/>
    </row>
    <row r="530737" spans="8:8">
      <c r="H530737" s="12"/>
    </row>
    <row r="530738" spans="8:8">
      <c r="H530738" s="12"/>
    </row>
    <row r="530739" spans="8:8">
      <c r="H530739" s="12"/>
    </row>
    <row r="530740" spans="8:8">
      <c r="H530740" s="12"/>
    </row>
    <row r="530741" spans="8:8">
      <c r="H530741" s="12"/>
    </row>
    <row r="530742" spans="8:8">
      <c r="H530742" s="12"/>
    </row>
    <row r="530743" spans="8:8">
      <c r="H530743" s="12"/>
    </row>
    <row r="530744" spans="8:8">
      <c r="H530744" s="12"/>
    </row>
    <row r="530745" spans="8:8">
      <c r="H530745" s="12"/>
    </row>
    <row r="530746" spans="8:8">
      <c r="H530746" s="12"/>
    </row>
    <row r="530747" spans="8:8">
      <c r="H530747" s="12"/>
    </row>
    <row r="530748" spans="8:8">
      <c r="H530748" s="12"/>
    </row>
    <row r="530749" spans="8:8">
      <c r="H530749" s="12"/>
    </row>
    <row r="530750" spans="8:8">
      <c r="H530750" s="12"/>
    </row>
    <row r="530751" spans="8:8">
      <c r="H530751" s="12"/>
    </row>
    <row r="530752" spans="8:8">
      <c r="H530752" s="12"/>
    </row>
    <row r="530753" spans="8:8">
      <c r="H530753" s="12"/>
    </row>
    <row r="530754" spans="8:8">
      <c r="H530754" s="12"/>
    </row>
    <row r="530755" spans="8:8">
      <c r="H530755" s="12"/>
    </row>
    <row r="530756" spans="8:8">
      <c r="H530756" s="12"/>
    </row>
    <row r="530757" spans="8:8">
      <c r="H530757" s="12"/>
    </row>
    <row r="530758" spans="8:8">
      <c r="H530758" s="12"/>
    </row>
    <row r="530759" spans="8:8">
      <c r="H530759" s="12"/>
    </row>
    <row r="530760" spans="8:8">
      <c r="H530760" s="12"/>
    </row>
    <row r="530761" spans="8:8">
      <c r="H530761" s="12"/>
    </row>
    <row r="530762" spans="8:8">
      <c r="H530762" s="12"/>
    </row>
    <row r="530763" spans="8:8">
      <c r="H530763" s="12"/>
    </row>
    <row r="530764" spans="8:8">
      <c r="H530764" s="12"/>
    </row>
    <row r="530765" spans="8:8">
      <c r="H530765" s="12"/>
    </row>
    <row r="530766" spans="8:8">
      <c r="H530766" s="12"/>
    </row>
    <row r="530767" spans="8:8">
      <c r="H530767" s="12"/>
    </row>
    <row r="530768" spans="8:8">
      <c r="H530768" s="12"/>
    </row>
    <row r="530769" spans="8:8">
      <c r="H530769" s="12"/>
    </row>
    <row r="530770" spans="8:8">
      <c r="H530770" s="12"/>
    </row>
    <row r="530771" spans="8:8">
      <c r="H530771" s="12"/>
    </row>
    <row r="530772" spans="8:8">
      <c r="H530772" s="12"/>
    </row>
    <row r="530773" spans="8:8">
      <c r="H530773" s="12"/>
    </row>
    <row r="530774" spans="8:8">
      <c r="H530774" s="12"/>
    </row>
    <row r="530775" spans="8:8">
      <c r="H530775" s="12"/>
    </row>
    <row r="530776" spans="8:8">
      <c r="H530776" s="12"/>
    </row>
    <row r="530777" spans="8:8">
      <c r="H530777" s="12"/>
    </row>
    <row r="530778" spans="8:8">
      <c r="H530778" s="12"/>
    </row>
    <row r="530779" spans="8:8">
      <c r="H530779" s="12"/>
    </row>
    <row r="530780" spans="8:8">
      <c r="H530780" s="12"/>
    </row>
    <row r="530781" spans="8:8">
      <c r="H530781" s="12"/>
    </row>
    <row r="530782" spans="8:8">
      <c r="H530782" s="12"/>
    </row>
    <row r="530783" spans="8:8">
      <c r="H530783" s="12"/>
    </row>
    <row r="530784" spans="8:8">
      <c r="H530784" s="12"/>
    </row>
    <row r="530785" spans="8:8">
      <c r="H530785" s="12"/>
    </row>
    <row r="530786" spans="8:8">
      <c r="H530786" s="12"/>
    </row>
    <row r="530787" spans="8:8">
      <c r="H530787" s="12"/>
    </row>
    <row r="530788" spans="8:8">
      <c r="H530788" s="12"/>
    </row>
    <row r="530789" spans="8:8">
      <c r="H530789" s="12"/>
    </row>
    <row r="530790" spans="8:8">
      <c r="H530790" s="12"/>
    </row>
    <row r="530791" spans="8:8">
      <c r="H530791" s="12"/>
    </row>
    <row r="530792" spans="8:8">
      <c r="H530792" s="12"/>
    </row>
    <row r="530793" spans="8:8">
      <c r="H530793" s="12"/>
    </row>
    <row r="530794" spans="8:8">
      <c r="H530794" s="12"/>
    </row>
    <row r="530795" spans="8:8">
      <c r="H530795" s="12"/>
    </row>
    <row r="530796" spans="8:8">
      <c r="H530796" s="12"/>
    </row>
    <row r="530797" spans="8:8">
      <c r="H530797" s="12"/>
    </row>
    <row r="530798" spans="8:8">
      <c r="H530798" s="12"/>
    </row>
    <row r="530799" spans="8:8">
      <c r="H530799" s="12"/>
    </row>
    <row r="530800" spans="8:8">
      <c r="H530800" s="12"/>
    </row>
    <row r="530801" spans="8:8">
      <c r="H530801" s="12"/>
    </row>
    <row r="530802" spans="8:8">
      <c r="H530802" s="12"/>
    </row>
    <row r="530803" spans="8:8">
      <c r="H530803" s="12"/>
    </row>
    <row r="530804" spans="8:8">
      <c r="H530804" s="12"/>
    </row>
    <row r="530805" spans="8:8">
      <c r="H530805" s="12"/>
    </row>
    <row r="530806" spans="8:8">
      <c r="H530806" s="12"/>
    </row>
    <row r="530807" spans="8:8">
      <c r="H530807" s="12"/>
    </row>
    <row r="530808" spans="8:8">
      <c r="H530808" s="12"/>
    </row>
    <row r="530809" spans="8:8">
      <c r="H530809" s="12"/>
    </row>
    <row r="530810" spans="8:8">
      <c r="H530810" s="12"/>
    </row>
    <row r="530811" spans="8:8">
      <c r="H530811" s="12"/>
    </row>
    <row r="530812" spans="8:8">
      <c r="H530812" s="12"/>
    </row>
    <row r="530813" spans="8:8">
      <c r="H530813" s="12"/>
    </row>
    <row r="530814" spans="8:8">
      <c r="H530814" s="12"/>
    </row>
    <row r="530815" spans="8:8">
      <c r="H530815" s="12"/>
    </row>
    <row r="530816" spans="8:8">
      <c r="H530816" s="12"/>
    </row>
    <row r="530817" spans="8:8">
      <c r="H530817" s="12"/>
    </row>
    <row r="530818" spans="8:8">
      <c r="H530818" s="12"/>
    </row>
    <row r="530819" spans="8:8">
      <c r="H530819" s="12"/>
    </row>
    <row r="530820" spans="8:8">
      <c r="H530820" s="12"/>
    </row>
    <row r="530821" spans="8:8">
      <c r="H530821" s="12"/>
    </row>
    <row r="530822" spans="8:8">
      <c r="H530822" s="12"/>
    </row>
    <row r="530823" spans="8:8">
      <c r="H530823" s="12"/>
    </row>
    <row r="530824" spans="8:8">
      <c r="H530824" s="12"/>
    </row>
    <row r="530825" spans="8:8">
      <c r="H530825" s="12"/>
    </row>
    <row r="530826" spans="8:8">
      <c r="H530826" s="12"/>
    </row>
    <row r="530827" spans="8:8">
      <c r="H530827" s="12"/>
    </row>
    <row r="530828" spans="8:8">
      <c r="H530828" s="12"/>
    </row>
    <row r="530829" spans="8:8">
      <c r="H530829" s="12"/>
    </row>
    <row r="530830" spans="8:8">
      <c r="H530830" s="12"/>
    </row>
    <row r="530831" spans="8:8">
      <c r="H530831" s="12"/>
    </row>
    <row r="530832" spans="8:8">
      <c r="H530832" s="12"/>
    </row>
    <row r="530833" spans="8:8">
      <c r="H530833" s="12"/>
    </row>
    <row r="530834" spans="8:8">
      <c r="H530834" s="12"/>
    </row>
    <row r="530835" spans="8:8">
      <c r="H530835" s="12"/>
    </row>
    <row r="530836" spans="8:8">
      <c r="H530836" s="12"/>
    </row>
    <row r="530837" spans="8:8">
      <c r="H530837" s="12"/>
    </row>
    <row r="530838" spans="8:8">
      <c r="H530838" s="12"/>
    </row>
    <row r="530839" spans="8:8">
      <c r="H530839" s="12"/>
    </row>
    <row r="530840" spans="8:8">
      <c r="H530840" s="12"/>
    </row>
    <row r="530841" spans="8:8">
      <c r="H530841" s="12"/>
    </row>
    <row r="530842" spans="8:8">
      <c r="H530842" s="12"/>
    </row>
    <row r="530843" spans="8:8">
      <c r="H530843" s="12"/>
    </row>
    <row r="530844" spans="8:8">
      <c r="H530844" s="12"/>
    </row>
    <row r="530845" spans="8:8">
      <c r="H530845" s="12"/>
    </row>
    <row r="530846" spans="8:8">
      <c r="H530846" s="12"/>
    </row>
    <row r="530847" spans="8:8">
      <c r="H530847" s="12"/>
    </row>
    <row r="530848" spans="8:8">
      <c r="H530848" s="12"/>
    </row>
    <row r="530849" spans="8:8">
      <c r="H530849" s="12"/>
    </row>
    <row r="530850" spans="8:8">
      <c r="H530850" s="12"/>
    </row>
    <row r="530851" spans="8:8">
      <c r="H530851" s="12"/>
    </row>
    <row r="530852" spans="8:8">
      <c r="H530852" s="12"/>
    </row>
    <row r="530853" spans="8:8">
      <c r="H530853" s="12"/>
    </row>
    <row r="530854" spans="8:8">
      <c r="H530854" s="12"/>
    </row>
    <row r="530855" spans="8:8">
      <c r="H530855" s="12"/>
    </row>
    <row r="530856" spans="8:8">
      <c r="H530856" s="12"/>
    </row>
    <row r="530857" spans="8:8">
      <c r="H530857" s="12"/>
    </row>
    <row r="530858" spans="8:8">
      <c r="H530858" s="12"/>
    </row>
    <row r="530859" spans="8:8">
      <c r="H530859" s="12"/>
    </row>
    <row r="530860" spans="8:8">
      <c r="H530860" s="12"/>
    </row>
    <row r="530861" spans="8:8">
      <c r="H530861" s="12"/>
    </row>
    <row r="530862" spans="8:8">
      <c r="H530862" s="12"/>
    </row>
    <row r="530863" spans="8:8">
      <c r="H530863" s="12"/>
    </row>
    <row r="530864" spans="8:8">
      <c r="H530864" s="12"/>
    </row>
    <row r="530865" spans="8:8">
      <c r="H530865" s="12"/>
    </row>
    <row r="530866" spans="8:8">
      <c r="H530866" s="12"/>
    </row>
    <row r="530867" spans="8:8">
      <c r="H530867" s="12"/>
    </row>
    <row r="530868" spans="8:8">
      <c r="H530868" s="12"/>
    </row>
    <row r="530869" spans="8:8">
      <c r="H530869" s="12"/>
    </row>
    <row r="530870" spans="8:8">
      <c r="H530870" s="12"/>
    </row>
    <row r="530871" spans="8:8">
      <c r="H530871" s="12"/>
    </row>
    <row r="530872" spans="8:8">
      <c r="H530872" s="12"/>
    </row>
    <row r="530873" spans="8:8">
      <c r="H530873" s="12"/>
    </row>
    <row r="530874" spans="8:8">
      <c r="H530874" s="12"/>
    </row>
    <row r="530875" spans="8:8">
      <c r="H530875" s="12"/>
    </row>
    <row r="530876" spans="8:8">
      <c r="H530876" s="12"/>
    </row>
    <row r="530877" spans="8:8">
      <c r="H530877" s="12"/>
    </row>
    <row r="530878" spans="8:8">
      <c r="H530878" s="12"/>
    </row>
    <row r="530879" spans="8:8">
      <c r="H530879" s="12"/>
    </row>
    <row r="530880" spans="8:8">
      <c r="H530880" s="12"/>
    </row>
    <row r="530881" spans="8:8">
      <c r="H530881" s="12"/>
    </row>
    <row r="530882" spans="8:8">
      <c r="H530882" s="12"/>
    </row>
    <row r="530883" spans="8:8">
      <c r="H530883" s="12"/>
    </row>
    <row r="530884" spans="8:8">
      <c r="H530884" s="12"/>
    </row>
    <row r="530885" spans="8:8">
      <c r="H530885" s="12"/>
    </row>
    <row r="530886" spans="8:8">
      <c r="H530886" s="12"/>
    </row>
    <row r="530887" spans="8:8">
      <c r="H530887" s="12"/>
    </row>
    <row r="530888" spans="8:8">
      <c r="H530888" s="12"/>
    </row>
    <row r="530889" spans="8:8">
      <c r="H530889" s="12"/>
    </row>
    <row r="530890" spans="8:8">
      <c r="H530890" s="12"/>
    </row>
    <row r="530891" spans="8:8">
      <c r="H530891" s="12"/>
    </row>
    <row r="530892" spans="8:8">
      <c r="H530892" s="12"/>
    </row>
    <row r="530893" spans="8:8">
      <c r="H530893" s="12"/>
    </row>
    <row r="530894" spans="8:8">
      <c r="H530894" s="12"/>
    </row>
    <row r="530895" spans="8:8">
      <c r="H530895" s="12"/>
    </row>
    <row r="530896" spans="8:8">
      <c r="H530896" s="12"/>
    </row>
    <row r="530897" spans="8:8">
      <c r="H530897" s="12"/>
    </row>
    <row r="530898" spans="8:8">
      <c r="H530898" s="12"/>
    </row>
    <row r="530899" spans="8:8">
      <c r="H530899" s="12"/>
    </row>
    <row r="530900" spans="8:8">
      <c r="H530900" s="12"/>
    </row>
    <row r="530901" spans="8:8">
      <c r="H530901" s="12"/>
    </row>
    <row r="530902" spans="8:8">
      <c r="H530902" s="12"/>
    </row>
    <row r="530903" spans="8:8">
      <c r="H530903" s="12"/>
    </row>
    <row r="530904" spans="8:8">
      <c r="H530904" s="12"/>
    </row>
    <row r="530905" spans="8:8">
      <c r="H530905" s="12"/>
    </row>
    <row r="530906" spans="8:8">
      <c r="H530906" s="12"/>
    </row>
    <row r="530907" spans="8:8">
      <c r="H530907" s="12"/>
    </row>
    <row r="530908" spans="8:8">
      <c r="H530908" s="12"/>
    </row>
    <row r="530909" spans="8:8">
      <c r="H530909" s="12"/>
    </row>
    <row r="530910" spans="8:8">
      <c r="H530910" s="12"/>
    </row>
    <row r="530911" spans="8:8">
      <c r="H530911" s="12"/>
    </row>
    <row r="530912" spans="8:8">
      <c r="H530912" s="12"/>
    </row>
    <row r="530913" spans="8:8">
      <c r="H530913" s="12"/>
    </row>
    <row r="530914" spans="8:8">
      <c r="H530914" s="12"/>
    </row>
    <row r="530915" spans="8:8">
      <c r="H530915" s="12"/>
    </row>
    <row r="530916" spans="8:8">
      <c r="H530916" s="12"/>
    </row>
    <row r="530917" spans="8:8">
      <c r="H530917" s="12"/>
    </row>
    <row r="530918" spans="8:8">
      <c r="H530918" s="12"/>
    </row>
    <row r="530919" spans="8:8">
      <c r="H530919" s="12"/>
    </row>
    <row r="530920" spans="8:8">
      <c r="H530920" s="12"/>
    </row>
    <row r="530921" spans="8:8">
      <c r="H530921" s="12"/>
    </row>
    <row r="530922" spans="8:8">
      <c r="H530922" s="12"/>
    </row>
    <row r="530923" spans="8:8">
      <c r="H530923" s="12"/>
    </row>
    <row r="530924" spans="8:8">
      <c r="H530924" s="12"/>
    </row>
    <row r="530925" spans="8:8">
      <c r="H530925" s="12"/>
    </row>
    <row r="530926" spans="8:8">
      <c r="H530926" s="12"/>
    </row>
    <row r="530927" spans="8:8">
      <c r="H530927" s="12"/>
    </row>
    <row r="530928" spans="8:8">
      <c r="H530928" s="12"/>
    </row>
    <row r="530929" spans="8:8">
      <c r="H530929" s="12"/>
    </row>
    <row r="530930" spans="8:8">
      <c r="H530930" s="12"/>
    </row>
    <row r="530931" spans="8:8">
      <c r="H530931" s="12"/>
    </row>
    <row r="530932" spans="8:8">
      <c r="H530932" s="12"/>
    </row>
    <row r="530933" spans="8:8">
      <c r="H530933" s="12"/>
    </row>
    <row r="530934" spans="8:8">
      <c r="H530934" s="12"/>
    </row>
    <row r="530935" spans="8:8">
      <c r="H530935" s="12"/>
    </row>
    <row r="530936" spans="8:8">
      <c r="H530936" s="12"/>
    </row>
    <row r="530937" spans="8:8">
      <c r="H530937" s="12"/>
    </row>
    <row r="530938" spans="8:8">
      <c r="H530938" s="12"/>
    </row>
    <row r="530939" spans="8:8">
      <c r="H530939" s="12"/>
    </row>
    <row r="530940" spans="8:8">
      <c r="H530940" s="12"/>
    </row>
    <row r="530941" spans="8:8">
      <c r="H530941" s="12"/>
    </row>
    <row r="530942" spans="8:8">
      <c r="H530942" s="12"/>
    </row>
    <row r="530943" spans="8:8">
      <c r="H530943" s="12"/>
    </row>
    <row r="530944" spans="8:8">
      <c r="H530944" s="12"/>
    </row>
    <row r="530945" spans="8:8">
      <c r="H530945" s="12"/>
    </row>
    <row r="530946" spans="8:8">
      <c r="H530946" s="12"/>
    </row>
    <row r="530947" spans="8:8">
      <c r="H530947" s="12"/>
    </row>
    <row r="530948" spans="8:8">
      <c r="H530948" s="12"/>
    </row>
    <row r="530949" spans="8:8">
      <c r="H530949" s="12"/>
    </row>
    <row r="530950" spans="8:8">
      <c r="H530950" s="12"/>
    </row>
    <row r="530951" spans="8:8">
      <c r="H530951" s="12"/>
    </row>
    <row r="530952" spans="8:8">
      <c r="H530952" s="12"/>
    </row>
    <row r="530953" spans="8:8">
      <c r="H530953" s="12"/>
    </row>
    <row r="530954" spans="8:8">
      <c r="H530954" s="12"/>
    </row>
    <row r="530955" spans="8:8">
      <c r="H530955" s="12"/>
    </row>
    <row r="530956" spans="8:8">
      <c r="H530956" s="12"/>
    </row>
    <row r="530957" spans="8:8">
      <c r="H530957" s="12"/>
    </row>
    <row r="530958" spans="8:8">
      <c r="H530958" s="12"/>
    </row>
    <row r="530959" spans="8:8">
      <c r="H530959" s="12"/>
    </row>
    <row r="530960" spans="8:8">
      <c r="H530960" s="12"/>
    </row>
    <row r="530961" spans="8:8">
      <c r="H530961" s="12"/>
    </row>
    <row r="530962" spans="8:8">
      <c r="H530962" s="12"/>
    </row>
    <row r="530963" spans="8:8">
      <c r="H530963" s="12"/>
    </row>
    <row r="530964" spans="8:8">
      <c r="H530964" s="12"/>
    </row>
    <row r="530965" spans="8:8">
      <c r="H530965" s="12"/>
    </row>
    <row r="530966" spans="8:8">
      <c r="H530966" s="12"/>
    </row>
    <row r="530967" spans="8:8">
      <c r="H530967" s="12"/>
    </row>
    <row r="530968" spans="8:8">
      <c r="H530968" s="12"/>
    </row>
    <row r="530969" spans="8:8">
      <c r="H530969" s="12"/>
    </row>
    <row r="530970" spans="8:8">
      <c r="H530970" s="12"/>
    </row>
    <row r="530971" spans="8:8">
      <c r="H530971" s="12"/>
    </row>
    <row r="530972" spans="8:8">
      <c r="H530972" s="12"/>
    </row>
    <row r="530973" spans="8:8">
      <c r="H530973" s="12"/>
    </row>
    <row r="530974" spans="8:8">
      <c r="H530974" s="12"/>
    </row>
    <row r="530975" spans="8:8">
      <c r="H530975" s="12"/>
    </row>
    <row r="530976" spans="8:8">
      <c r="H530976" s="12"/>
    </row>
    <row r="530977" spans="8:8">
      <c r="H530977" s="12"/>
    </row>
    <row r="530978" spans="8:8">
      <c r="H530978" s="12"/>
    </row>
    <row r="530979" spans="8:8">
      <c r="H530979" s="12"/>
    </row>
    <row r="530980" spans="8:8">
      <c r="H530980" s="12"/>
    </row>
    <row r="530981" spans="8:8">
      <c r="H530981" s="12"/>
    </row>
    <row r="530982" spans="8:8">
      <c r="H530982" s="12"/>
    </row>
    <row r="530983" spans="8:8">
      <c r="H530983" s="12"/>
    </row>
    <row r="530984" spans="8:8">
      <c r="H530984" s="12"/>
    </row>
    <row r="530985" spans="8:8">
      <c r="H530985" s="12"/>
    </row>
    <row r="530986" spans="8:8">
      <c r="H530986" s="12"/>
    </row>
    <row r="530987" spans="8:8">
      <c r="H530987" s="12"/>
    </row>
    <row r="530988" spans="8:8">
      <c r="H530988" s="12"/>
    </row>
    <row r="530989" spans="8:8">
      <c r="H530989" s="12"/>
    </row>
    <row r="530990" spans="8:8">
      <c r="H530990" s="12"/>
    </row>
    <row r="530991" spans="8:8">
      <c r="H530991" s="12"/>
    </row>
    <row r="530992" spans="8:8">
      <c r="H530992" s="12"/>
    </row>
    <row r="530993" spans="8:8">
      <c r="H530993" s="12"/>
    </row>
    <row r="530994" spans="8:8">
      <c r="H530994" s="12"/>
    </row>
    <row r="530995" spans="8:8">
      <c r="H530995" s="12"/>
    </row>
    <row r="530996" spans="8:8">
      <c r="H530996" s="12"/>
    </row>
    <row r="530997" spans="8:8">
      <c r="H530997" s="12"/>
    </row>
    <row r="530998" spans="8:8">
      <c r="H530998" s="12"/>
    </row>
    <row r="530999" spans="8:8">
      <c r="H530999" s="12"/>
    </row>
    <row r="531000" spans="8:8">
      <c r="H531000" s="12"/>
    </row>
    <row r="531001" spans="8:8">
      <c r="H531001" s="12"/>
    </row>
    <row r="531002" spans="8:8">
      <c r="H531002" s="12"/>
    </row>
    <row r="531003" spans="8:8">
      <c r="H531003" s="12"/>
    </row>
    <row r="531004" spans="8:8">
      <c r="H531004" s="12"/>
    </row>
    <row r="531005" spans="8:8">
      <c r="H531005" s="12"/>
    </row>
    <row r="531006" spans="8:8">
      <c r="H531006" s="12"/>
    </row>
    <row r="531007" spans="8:8">
      <c r="H531007" s="12"/>
    </row>
    <row r="531008" spans="8:8">
      <c r="H531008" s="12"/>
    </row>
    <row r="531009" spans="8:8">
      <c r="H531009" s="12"/>
    </row>
    <row r="531010" spans="8:8">
      <c r="H531010" s="12"/>
    </row>
    <row r="531011" spans="8:8">
      <c r="H531011" s="12"/>
    </row>
    <row r="531012" spans="8:8">
      <c r="H531012" s="12"/>
    </row>
    <row r="531013" spans="8:8">
      <c r="H531013" s="12"/>
    </row>
    <row r="531014" spans="8:8">
      <c r="H531014" s="12"/>
    </row>
    <row r="531015" spans="8:8">
      <c r="H531015" s="12"/>
    </row>
    <row r="531016" spans="8:8">
      <c r="H531016" s="12"/>
    </row>
    <row r="531017" spans="8:8">
      <c r="H531017" s="12"/>
    </row>
    <row r="531018" spans="8:8">
      <c r="H531018" s="12"/>
    </row>
    <row r="531019" spans="8:8">
      <c r="H531019" s="12"/>
    </row>
    <row r="531020" spans="8:8">
      <c r="H531020" s="12"/>
    </row>
    <row r="531021" spans="8:8">
      <c r="H531021" s="12"/>
    </row>
    <row r="531022" spans="8:8">
      <c r="H531022" s="12"/>
    </row>
    <row r="531023" spans="8:8">
      <c r="H531023" s="12"/>
    </row>
    <row r="531024" spans="8:8">
      <c r="H531024" s="12"/>
    </row>
    <row r="531025" spans="8:8">
      <c r="H531025" s="12"/>
    </row>
    <row r="531026" spans="8:8">
      <c r="H531026" s="12"/>
    </row>
    <row r="531027" spans="8:8">
      <c r="H531027" s="12"/>
    </row>
    <row r="531028" spans="8:8">
      <c r="H531028" s="12"/>
    </row>
    <row r="531029" spans="8:8">
      <c r="H531029" s="12"/>
    </row>
    <row r="531030" spans="8:8">
      <c r="H531030" s="12"/>
    </row>
    <row r="531031" spans="8:8">
      <c r="H531031" s="12"/>
    </row>
    <row r="531032" spans="8:8">
      <c r="H531032" s="12"/>
    </row>
    <row r="531033" spans="8:8">
      <c r="H531033" s="12"/>
    </row>
    <row r="531034" spans="8:8">
      <c r="H531034" s="12"/>
    </row>
    <row r="531035" spans="8:8">
      <c r="H531035" s="12"/>
    </row>
    <row r="531036" spans="8:8">
      <c r="H531036" s="12"/>
    </row>
    <row r="531037" spans="8:8">
      <c r="H531037" s="12"/>
    </row>
    <row r="531038" spans="8:8">
      <c r="H531038" s="12"/>
    </row>
    <row r="531039" spans="8:8">
      <c r="H531039" s="12"/>
    </row>
    <row r="531040" spans="8:8">
      <c r="H531040" s="12"/>
    </row>
    <row r="531041" spans="8:8">
      <c r="H531041" s="12"/>
    </row>
    <row r="531042" spans="8:8">
      <c r="H531042" s="12"/>
    </row>
    <row r="531043" spans="8:8">
      <c r="H531043" s="12"/>
    </row>
    <row r="531044" spans="8:8">
      <c r="H531044" s="12"/>
    </row>
    <row r="531045" spans="8:8">
      <c r="H531045" s="12"/>
    </row>
    <row r="531046" spans="8:8">
      <c r="H531046" s="12"/>
    </row>
    <row r="531047" spans="8:8">
      <c r="H531047" s="12"/>
    </row>
    <row r="531048" spans="8:8">
      <c r="H531048" s="12"/>
    </row>
    <row r="531049" spans="8:8">
      <c r="H531049" s="12"/>
    </row>
    <row r="531050" spans="8:8">
      <c r="H531050" s="12"/>
    </row>
    <row r="531051" spans="8:8">
      <c r="H531051" s="12"/>
    </row>
    <row r="531052" spans="8:8">
      <c r="H531052" s="12"/>
    </row>
    <row r="531053" spans="8:8">
      <c r="H531053" s="12"/>
    </row>
    <row r="531054" spans="8:8">
      <c r="H531054" s="12"/>
    </row>
    <row r="531055" spans="8:8">
      <c r="H531055" s="12"/>
    </row>
    <row r="531056" spans="8:8">
      <c r="H531056" s="12"/>
    </row>
    <row r="531057" spans="8:8">
      <c r="H531057" s="12"/>
    </row>
    <row r="531058" spans="8:8">
      <c r="H531058" s="12"/>
    </row>
    <row r="531059" spans="8:8">
      <c r="H531059" s="12"/>
    </row>
    <row r="531060" spans="8:8">
      <c r="H531060" s="12"/>
    </row>
    <row r="531061" spans="8:8">
      <c r="H531061" s="12"/>
    </row>
    <row r="531062" spans="8:8">
      <c r="H531062" s="12"/>
    </row>
    <row r="531063" spans="8:8">
      <c r="H531063" s="12"/>
    </row>
    <row r="531064" spans="8:8">
      <c r="H531064" s="12"/>
    </row>
    <row r="531065" spans="8:8">
      <c r="H531065" s="12"/>
    </row>
    <row r="531066" spans="8:8">
      <c r="H531066" s="12"/>
    </row>
    <row r="531067" spans="8:8">
      <c r="H531067" s="12"/>
    </row>
    <row r="531068" spans="8:8">
      <c r="H531068" s="12"/>
    </row>
    <row r="531069" spans="8:8">
      <c r="H531069" s="12"/>
    </row>
    <row r="531070" spans="8:8">
      <c r="H531070" s="12"/>
    </row>
    <row r="531071" spans="8:8">
      <c r="H531071" s="12"/>
    </row>
    <row r="531072" spans="8:8">
      <c r="H531072" s="12"/>
    </row>
    <row r="531073" spans="8:8">
      <c r="H531073" s="12"/>
    </row>
    <row r="531074" spans="8:8">
      <c r="H531074" s="12"/>
    </row>
    <row r="531075" spans="8:8">
      <c r="H531075" s="12"/>
    </row>
    <row r="531076" spans="8:8">
      <c r="H531076" s="12"/>
    </row>
    <row r="531077" spans="8:8">
      <c r="H531077" s="12"/>
    </row>
    <row r="531078" spans="8:8">
      <c r="H531078" s="12"/>
    </row>
    <row r="531079" spans="8:8">
      <c r="H531079" s="12"/>
    </row>
    <row r="531080" spans="8:8">
      <c r="H531080" s="12"/>
    </row>
    <row r="531081" spans="8:8">
      <c r="H531081" s="12"/>
    </row>
    <row r="531082" spans="8:8">
      <c r="H531082" s="12"/>
    </row>
    <row r="531083" spans="8:8">
      <c r="H531083" s="12"/>
    </row>
    <row r="531084" spans="8:8">
      <c r="H531084" s="12"/>
    </row>
    <row r="531085" spans="8:8">
      <c r="H531085" s="12"/>
    </row>
    <row r="531086" spans="8:8">
      <c r="H531086" s="12"/>
    </row>
    <row r="531087" spans="8:8">
      <c r="H531087" s="12"/>
    </row>
    <row r="531088" spans="8:8">
      <c r="H531088" s="12"/>
    </row>
    <row r="531089" spans="8:8">
      <c r="H531089" s="12"/>
    </row>
    <row r="531090" spans="8:8">
      <c r="H531090" s="12"/>
    </row>
    <row r="531091" spans="8:8">
      <c r="H531091" s="12"/>
    </row>
    <row r="531092" spans="8:8">
      <c r="H531092" s="12"/>
    </row>
    <row r="531093" spans="8:8">
      <c r="H531093" s="12"/>
    </row>
    <row r="531094" spans="8:8">
      <c r="H531094" s="12"/>
    </row>
    <row r="531095" spans="8:8">
      <c r="H531095" s="12"/>
    </row>
    <row r="531096" spans="8:8">
      <c r="H531096" s="12"/>
    </row>
    <row r="531097" spans="8:8">
      <c r="H531097" s="12"/>
    </row>
    <row r="531098" spans="8:8">
      <c r="H531098" s="12"/>
    </row>
    <row r="531099" spans="8:8">
      <c r="H531099" s="12"/>
    </row>
    <row r="531100" spans="8:8">
      <c r="H531100" s="12"/>
    </row>
    <row r="531101" spans="8:8">
      <c r="H531101" s="12"/>
    </row>
    <row r="531102" spans="8:8">
      <c r="H531102" s="12"/>
    </row>
    <row r="531103" spans="8:8">
      <c r="H531103" s="12"/>
    </row>
    <row r="531104" spans="8:8">
      <c r="H531104" s="12"/>
    </row>
    <row r="531105" spans="8:8">
      <c r="H531105" s="12"/>
    </row>
    <row r="531106" spans="8:8">
      <c r="H531106" s="12"/>
    </row>
    <row r="531107" spans="8:8">
      <c r="H531107" s="12"/>
    </row>
    <row r="531108" spans="8:8">
      <c r="H531108" s="12"/>
    </row>
    <row r="531109" spans="8:8">
      <c r="H531109" s="12"/>
    </row>
    <row r="531110" spans="8:8">
      <c r="H531110" s="12"/>
    </row>
    <row r="531111" spans="8:8">
      <c r="H531111" s="12"/>
    </row>
    <row r="531112" spans="8:8">
      <c r="H531112" s="12"/>
    </row>
    <row r="531113" spans="8:8">
      <c r="H531113" s="12"/>
    </row>
    <row r="531114" spans="8:8">
      <c r="H531114" s="12"/>
    </row>
    <row r="531115" spans="8:8">
      <c r="H531115" s="12"/>
    </row>
    <row r="531116" spans="8:8">
      <c r="H531116" s="12"/>
    </row>
    <row r="531117" spans="8:8">
      <c r="H531117" s="12"/>
    </row>
    <row r="531118" spans="8:8">
      <c r="H531118" s="12"/>
    </row>
    <row r="531119" spans="8:8">
      <c r="H531119" s="12"/>
    </row>
    <row r="531120" spans="8:8">
      <c r="H531120" s="12"/>
    </row>
    <row r="531121" spans="8:8">
      <c r="H531121" s="12"/>
    </row>
    <row r="531122" spans="8:8">
      <c r="H531122" s="12"/>
    </row>
    <row r="531123" spans="8:8">
      <c r="H531123" s="12"/>
    </row>
    <row r="531124" spans="8:8">
      <c r="H531124" s="12"/>
    </row>
    <row r="531125" spans="8:8">
      <c r="H531125" s="12"/>
    </row>
    <row r="531126" spans="8:8">
      <c r="H531126" s="12"/>
    </row>
    <row r="531127" spans="8:8">
      <c r="H531127" s="12"/>
    </row>
    <row r="531128" spans="8:8">
      <c r="H531128" s="12"/>
    </row>
    <row r="531129" spans="8:8">
      <c r="H531129" s="12"/>
    </row>
    <row r="531130" spans="8:8">
      <c r="H531130" s="12"/>
    </row>
    <row r="531131" spans="8:8">
      <c r="H531131" s="12"/>
    </row>
    <row r="531132" spans="8:8">
      <c r="H531132" s="12"/>
    </row>
    <row r="531133" spans="8:8">
      <c r="H531133" s="12"/>
    </row>
    <row r="531134" spans="8:8">
      <c r="H531134" s="12"/>
    </row>
    <row r="531135" spans="8:8">
      <c r="H531135" s="12"/>
    </row>
    <row r="531136" spans="8:8">
      <c r="H531136" s="12"/>
    </row>
    <row r="531137" spans="8:8">
      <c r="H531137" s="12"/>
    </row>
    <row r="531138" spans="8:8">
      <c r="H531138" s="12"/>
    </row>
    <row r="531139" spans="8:8">
      <c r="H531139" s="12"/>
    </row>
    <row r="531140" spans="8:8">
      <c r="H531140" s="12"/>
    </row>
    <row r="531141" spans="8:8">
      <c r="H531141" s="12"/>
    </row>
    <row r="531142" spans="8:8">
      <c r="H531142" s="12"/>
    </row>
    <row r="531143" spans="8:8">
      <c r="H531143" s="12"/>
    </row>
    <row r="531144" spans="8:8">
      <c r="H531144" s="12"/>
    </row>
    <row r="531145" spans="8:8">
      <c r="H531145" s="12"/>
    </row>
    <row r="531146" spans="8:8">
      <c r="H531146" s="12"/>
    </row>
    <row r="531147" spans="8:8">
      <c r="H531147" s="12"/>
    </row>
    <row r="531148" spans="8:8">
      <c r="H531148" s="12"/>
    </row>
    <row r="531149" spans="8:8">
      <c r="H531149" s="12"/>
    </row>
    <row r="531150" spans="8:8">
      <c r="H531150" s="12"/>
    </row>
    <row r="531151" spans="8:8">
      <c r="H531151" s="12"/>
    </row>
    <row r="531152" spans="8:8">
      <c r="H531152" s="12"/>
    </row>
    <row r="531153" spans="8:8">
      <c r="H531153" s="12"/>
    </row>
    <row r="531154" spans="8:8">
      <c r="H531154" s="12"/>
    </row>
    <row r="531155" spans="8:8">
      <c r="H531155" s="12"/>
    </row>
    <row r="531156" spans="8:8">
      <c r="H531156" s="12"/>
    </row>
    <row r="531157" spans="8:8">
      <c r="H531157" s="12"/>
    </row>
    <row r="531158" spans="8:8">
      <c r="H531158" s="12"/>
    </row>
    <row r="531159" spans="8:8">
      <c r="H531159" s="12"/>
    </row>
    <row r="531160" spans="8:8">
      <c r="H531160" s="12"/>
    </row>
    <row r="531161" spans="8:8">
      <c r="H531161" s="12"/>
    </row>
    <row r="531162" spans="8:8">
      <c r="H531162" s="12"/>
    </row>
    <row r="531163" spans="8:8">
      <c r="H531163" s="12"/>
    </row>
    <row r="531164" spans="8:8">
      <c r="H531164" s="12"/>
    </row>
    <row r="531165" spans="8:8">
      <c r="H531165" s="12"/>
    </row>
    <row r="531166" spans="8:8">
      <c r="H531166" s="12"/>
    </row>
    <row r="531167" spans="8:8">
      <c r="H531167" s="12"/>
    </row>
    <row r="531168" spans="8:8">
      <c r="H531168" s="12"/>
    </row>
    <row r="531169" spans="8:8">
      <c r="H531169" s="12"/>
    </row>
    <row r="531170" spans="8:8">
      <c r="H531170" s="12"/>
    </row>
    <row r="531171" spans="8:8">
      <c r="H531171" s="12"/>
    </row>
    <row r="531172" spans="8:8">
      <c r="H531172" s="12"/>
    </row>
    <row r="531173" spans="8:8">
      <c r="H531173" s="12"/>
    </row>
    <row r="531174" spans="8:8">
      <c r="H531174" s="12"/>
    </row>
    <row r="531175" spans="8:8">
      <c r="H531175" s="12"/>
    </row>
    <row r="531176" spans="8:8">
      <c r="H531176" s="12"/>
    </row>
    <row r="531177" spans="8:8">
      <c r="H531177" s="12"/>
    </row>
    <row r="531178" spans="8:8">
      <c r="H531178" s="12"/>
    </row>
    <row r="531179" spans="8:8">
      <c r="H531179" s="12"/>
    </row>
    <row r="531180" spans="8:8">
      <c r="H531180" s="12"/>
    </row>
    <row r="531181" spans="8:8">
      <c r="H531181" s="12"/>
    </row>
    <row r="531182" spans="8:8">
      <c r="H531182" s="12"/>
    </row>
    <row r="531183" spans="8:8">
      <c r="H531183" s="12"/>
    </row>
    <row r="531184" spans="8:8">
      <c r="H531184" s="12"/>
    </row>
    <row r="531185" spans="8:8">
      <c r="H531185" s="12"/>
    </row>
    <row r="531186" spans="8:8">
      <c r="H531186" s="12"/>
    </row>
    <row r="531187" spans="8:8">
      <c r="H531187" s="12"/>
    </row>
    <row r="531188" spans="8:8">
      <c r="H531188" s="12"/>
    </row>
    <row r="531189" spans="8:8">
      <c r="H531189" s="12"/>
    </row>
    <row r="531190" spans="8:8">
      <c r="H531190" s="12"/>
    </row>
    <row r="531191" spans="8:8">
      <c r="H531191" s="12"/>
    </row>
    <row r="531192" spans="8:8">
      <c r="H531192" s="12"/>
    </row>
    <row r="531193" spans="8:8">
      <c r="H531193" s="12"/>
    </row>
    <row r="531194" spans="8:8">
      <c r="H531194" s="12"/>
    </row>
    <row r="531195" spans="8:8">
      <c r="H531195" s="12"/>
    </row>
    <row r="531196" spans="8:8">
      <c r="H531196" s="12"/>
    </row>
    <row r="531197" spans="8:8">
      <c r="H531197" s="12"/>
    </row>
    <row r="531198" spans="8:8">
      <c r="H531198" s="12"/>
    </row>
    <row r="531199" spans="8:8">
      <c r="H531199" s="12"/>
    </row>
    <row r="531200" spans="8:8">
      <c r="H531200" s="12"/>
    </row>
    <row r="531201" spans="8:8">
      <c r="H531201" s="12"/>
    </row>
    <row r="531202" spans="8:8">
      <c r="H531202" s="12"/>
    </row>
    <row r="531203" spans="8:8">
      <c r="H531203" s="12"/>
    </row>
    <row r="531204" spans="8:8">
      <c r="H531204" s="12"/>
    </row>
    <row r="531205" spans="8:8">
      <c r="H531205" s="12"/>
    </row>
    <row r="531206" spans="8:8">
      <c r="H531206" s="12"/>
    </row>
    <row r="531207" spans="8:8">
      <c r="H531207" s="12"/>
    </row>
    <row r="531208" spans="8:8">
      <c r="H531208" s="12"/>
    </row>
    <row r="531209" spans="8:8">
      <c r="H531209" s="12"/>
    </row>
    <row r="531210" spans="8:8">
      <c r="H531210" s="12"/>
    </row>
    <row r="531211" spans="8:8">
      <c r="H531211" s="12"/>
    </row>
    <row r="531212" spans="8:8">
      <c r="H531212" s="12"/>
    </row>
    <row r="531213" spans="8:8">
      <c r="H531213" s="12"/>
    </row>
    <row r="531214" spans="8:8">
      <c r="H531214" s="12"/>
    </row>
    <row r="531215" spans="8:8">
      <c r="H531215" s="12"/>
    </row>
    <row r="531216" spans="8:8">
      <c r="H531216" s="12"/>
    </row>
    <row r="531217" spans="8:8">
      <c r="H531217" s="12"/>
    </row>
    <row r="531218" spans="8:8">
      <c r="H531218" s="12"/>
    </row>
    <row r="531219" spans="8:8">
      <c r="H531219" s="12"/>
    </row>
    <row r="531220" spans="8:8">
      <c r="H531220" s="12"/>
    </row>
    <row r="531221" spans="8:8">
      <c r="H531221" s="12"/>
    </row>
    <row r="531222" spans="8:8">
      <c r="H531222" s="12"/>
    </row>
    <row r="531223" spans="8:8">
      <c r="H531223" s="12"/>
    </row>
    <row r="531224" spans="8:8">
      <c r="H531224" s="12"/>
    </row>
    <row r="531225" spans="8:8">
      <c r="H531225" s="12"/>
    </row>
    <row r="531226" spans="8:8">
      <c r="H531226" s="12"/>
    </row>
    <row r="531227" spans="8:8">
      <c r="H531227" s="12"/>
    </row>
    <row r="531228" spans="8:8">
      <c r="H531228" s="12"/>
    </row>
    <row r="531229" spans="8:8">
      <c r="H531229" s="12"/>
    </row>
    <row r="531230" spans="8:8">
      <c r="H531230" s="12"/>
    </row>
    <row r="531231" spans="8:8">
      <c r="H531231" s="12"/>
    </row>
    <row r="531232" spans="8:8">
      <c r="H531232" s="12"/>
    </row>
    <row r="531233" spans="8:8">
      <c r="H531233" s="12"/>
    </row>
    <row r="531234" spans="8:8">
      <c r="H531234" s="12"/>
    </row>
    <row r="531235" spans="8:8">
      <c r="H531235" s="12"/>
    </row>
    <row r="531236" spans="8:8">
      <c r="H531236" s="12"/>
    </row>
    <row r="531237" spans="8:8">
      <c r="H531237" s="12"/>
    </row>
    <row r="531238" spans="8:8">
      <c r="H531238" s="12"/>
    </row>
    <row r="531239" spans="8:8">
      <c r="H531239" s="12"/>
    </row>
    <row r="531240" spans="8:8">
      <c r="H531240" s="12"/>
    </row>
    <row r="531241" spans="8:8">
      <c r="H531241" s="12"/>
    </row>
    <row r="531242" spans="8:8">
      <c r="H531242" s="12"/>
    </row>
    <row r="531243" spans="8:8">
      <c r="H531243" s="12"/>
    </row>
    <row r="531244" spans="8:8">
      <c r="H531244" s="12"/>
    </row>
    <row r="531245" spans="8:8">
      <c r="H531245" s="12"/>
    </row>
    <row r="531246" spans="8:8">
      <c r="H531246" s="12"/>
    </row>
    <row r="531247" spans="8:8">
      <c r="H531247" s="12"/>
    </row>
    <row r="531248" spans="8:8">
      <c r="H531248" s="12"/>
    </row>
    <row r="531249" spans="8:8">
      <c r="H531249" s="12"/>
    </row>
    <row r="531250" spans="8:8">
      <c r="H531250" s="12"/>
    </row>
    <row r="531251" spans="8:8">
      <c r="H531251" s="12"/>
    </row>
    <row r="531252" spans="8:8">
      <c r="H531252" s="12"/>
    </row>
    <row r="531253" spans="8:8">
      <c r="H531253" s="12"/>
    </row>
    <row r="531254" spans="8:8">
      <c r="H531254" s="12"/>
    </row>
    <row r="531255" spans="8:8">
      <c r="H531255" s="12"/>
    </row>
    <row r="531256" spans="8:8">
      <c r="H531256" s="12"/>
    </row>
    <row r="531257" spans="8:8">
      <c r="H531257" s="12"/>
    </row>
    <row r="531258" spans="8:8">
      <c r="H531258" s="12"/>
    </row>
    <row r="531259" spans="8:8">
      <c r="H531259" s="12"/>
    </row>
    <row r="531260" spans="8:8">
      <c r="H531260" s="12"/>
    </row>
    <row r="531261" spans="8:8">
      <c r="H531261" s="12"/>
    </row>
    <row r="531262" spans="8:8">
      <c r="H531262" s="12"/>
    </row>
    <row r="531263" spans="8:8">
      <c r="H531263" s="12"/>
    </row>
    <row r="531264" spans="8:8">
      <c r="H531264" s="12"/>
    </row>
    <row r="531265" spans="8:8">
      <c r="H531265" s="12"/>
    </row>
    <row r="531266" spans="8:8">
      <c r="H531266" s="12"/>
    </row>
    <row r="531267" spans="8:8">
      <c r="H531267" s="12"/>
    </row>
    <row r="531268" spans="8:8">
      <c r="H531268" s="12"/>
    </row>
    <row r="531269" spans="8:8">
      <c r="H531269" s="12"/>
    </row>
    <row r="531270" spans="8:8">
      <c r="H531270" s="12"/>
    </row>
    <row r="531271" spans="8:8">
      <c r="H531271" s="12"/>
    </row>
    <row r="531272" spans="8:8">
      <c r="H531272" s="12"/>
    </row>
    <row r="531273" spans="8:8">
      <c r="H531273" s="12"/>
    </row>
    <row r="531274" spans="8:8">
      <c r="H531274" s="12"/>
    </row>
    <row r="531275" spans="8:8">
      <c r="H531275" s="12"/>
    </row>
    <row r="531276" spans="8:8">
      <c r="H531276" s="12"/>
    </row>
    <row r="531277" spans="8:8">
      <c r="H531277" s="12"/>
    </row>
    <row r="531278" spans="8:8">
      <c r="H531278" s="12"/>
    </row>
    <row r="531279" spans="8:8">
      <c r="H531279" s="12"/>
    </row>
    <row r="531280" spans="8:8">
      <c r="H531280" s="12"/>
    </row>
    <row r="531281" spans="8:8">
      <c r="H531281" s="12"/>
    </row>
    <row r="531282" spans="8:8">
      <c r="H531282" s="12"/>
    </row>
    <row r="531283" spans="8:8">
      <c r="H531283" s="12"/>
    </row>
    <row r="531284" spans="8:8">
      <c r="H531284" s="12"/>
    </row>
    <row r="531285" spans="8:8">
      <c r="H531285" s="12"/>
    </row>
    <row r="531286" spans="8:8">
      <c r="H531286" s="12"/>
    </row>
    <row r="531287" spans="8:8">
      <c r="H531287" s="12"/>
    </row>
    <row r="531288" spans="8:8">
      <c r="H531288" s="12"/>
    </row>
    <row r="531289" spans="8:8">
      <c r="H531289" s="12"/>
    </row>
    <row r="531290" spans="8:8">
      <c r="H531290" s="12"/>
    </row>
    <row r="531291" spans="8:8">
      <c r="H531291" s="12"/>
    </row>
    <row r="531292" spans="8:8">
      <c r="H531292" s="12"/>
    </row>
    <row r="531293" spans="8:8">
      <c r="H531293" s="12"/>
    </row>
    <row r="531294" spans="8:8">
      <c r="H531294" s="12"/>
    </row>
    <row r="531295" spans="8:8">
      <c r="H531295" s="12"/>
    </row>
    <row r="531296" spans="8:8">
      <c r="H531296" s="12"/>
    </row>
    <row r="531297" spans="8:8">
      <c r="H531297" s="12"/>
    </row>
    <row r="531298" spans="8:8">
      <c r="H531298" s="12"/>
    </row>
    <row r="531299" spans="8:8">
      <c r="H531299" s="12"/>
    </row>
    <row r="531300" spans="8:8">
      <c r="H531300" s="12"/>
    </row>
    <row r="531301" spans="8:8">
      <c r="H531301" s="12"/>
    </row>
    <row r="531302" spans="8:8">
      <c r="H531302" s="12"/>
    </row>
    <row r="531303" spans="8:8">
      <c r="H531303" s="12"/>
    </row>
    <row r="531304" spans="8:8">
      <c r="H531304" s="12"/>
    </row>
    <row r="531305" spans="8:8">
      <c r="H531305" s="12"/>
    </row>
    <row r="531306" spans="8:8">
      <c r="H531306" s="12"/>
    </row>
    <row r="531307" spans="8:8">
      <c r="H531307" s="12"/>
    </row>
    <row r="531308" spans="8:8">
      <c r="H531308" s="12"/>
    </row>
    <row r="531309" spans="8:8">
      <c r="H531309" s="12"/>
    </row>
    <row r="531310" spans="8:8">
      <c r="H531310" s="12"/>
    </row>
    <row r="531311" spans="8:8">
      <c r="H531311" s="12"/>
    </row>
    <row r="531312" spans="8:8">
      <c r="H531312" s="12"/>
    </row>
    <row r="531313" spans="8:8">
      <c r="H531313" s="12"/>
    </row>
    <row r="531314" spans="8:8">
      <c r="H531314" s="12"/>
    </row>
    <row r="531315" spans="8:8">
      <c r="H531315" s="12"/>
    </row>
    <row r="531316" spans="8:8">
      <c r="H531316" s="12"/>
    </row>
    <row r="531317" spans="8:8">
      <c r="H531317" s="12"/>
    </row>
    <row r="531318" spans="8:8">
      <c r="H531318" s="12"/>
    </row>
    <row r="531319" spans="8:8">
      <c r="H531319" s="12"/>
    </row>
    <row r="531320" spans="8:8">
      <c r="H531320" s="12"/>
    </row>
    <row r="531321" spans="8:8">
      <c r="H531321" s="12"/>
    </row>
    <row r="531322" spans="8:8">
      <c r="H531322" s="12"/>
    </row>
    <row r="531323" spans="8:8">
      <c r="H531323" s="12"/>
    </row>
    <row r="531324" spans="8:8">
      <c r="H531324" s="12"/>
    </row>
    <row r="531325" spans="8:8">
      <c r="H531325" s="12"/>
    </row>
    <row r="531326" spans="8:8">
      <c r="H531326" s="12"/>
    </row>
    <row r="531327" spans="8:8">
      <c r="H531327" s="12"/>
    </row>
    <row r="531328" spans="8:8">
      <c r="H531328" s="12"/>
    </row>
    <row r="531329" spans="8:8">
      <c r="H531329" s="12"/>
    </row>
    <row r="531330" spans="8:8">
      <c r="H531330" s="12"/>
    </row>
    <row r="531331" spans="8:8">
      <c r="H531331" s="12"/>
    </row>
    <row r="531332" spans="8:8">
      <c r="H531332" s="12"/>
    </row>
    <row r="531333" spans="8:8">
      <c r="H531333" s="12"/>
    </row>
    <row r="531334" spans="8:8">
      <c r="H531334" s="12"/>
    </row>
    <row r="531335" spans="8:8">
      <c r="H531335" s="12"/>
    </row>
    <row r="531336" spans="8:8">
      <c r="H531336" s="12"/>
    </row>
    <row r="531337" spans="8:8">
      <c r="H531337" s="12"/>
    </row>
    <row r="531338" spans="8:8">
      <c r="H531338" s="12"/>
    </row>
    <row r="531339" spans="8:8">
      <c r="H531339" s="12"/>
    </row>
    <row r="531340" spans="8:8">
      <c r="H531340" s="12"/>
    </row>
    <row r="531341" spans="8:8">
      <c r="H531341" s="12"/>
    </row>
    <row r="531342" spans="8:8">
      <c r="H531342" s="12"/>
    </row>
    <row r="531343" spans="8:8">
      <c r="H531343" s="12"/>
    </row>
    <row r="531344" spans="8:8">
      <c r="H531344" s="12"/>
    </row>
    <row r="531345" spans="8:8">
      <c r="H531345" s="12"/>
    </row>
    <row r="531346" spans="8:8">
      <c r="H531346" s="12"/>
    </row>
    <row r="531347" spans="8:8">
      <c r="H531347" s="12"/>
    </row>
    <row r="531348" spans="8:8">
      <c r="H531348" s="12"/>
    </row>
    <row r="531349" spans="8:8">
      <c r="H531349" s="12"/>
    </row>
    <row r="531350" spans="8:8">
      <c r="H531350" s="12"/>
    </row>
    <row r="531351" spans="8:8">
      <c r="H531351" s="12"/>
    </row>
    <row r="531352" spans="8:8">
      <c r="H531352" s="12"/>
    </row>
    <row r="531353" spans="8:8">
      <c r="H531353" s="12"/>
    </row>
    <row r="531354" spans="8:8">
      <c r="H531354" s="12"/>
    </row>
    <row r="531355" spans="8:8">
      <c r="H531355" s="12"/>
    </row>
    <row r="531356" spans="8:8">
      <c r="H531356" s="12"/>
    </row>
    <row r="531357" spans="8:8">
      <c r="H531357" s="12"/>
    </row>
    <row r="531358" spans="8:8">
      <c r="H531358" s="12"/>
    </row>
    <row r="531359" spans="8:8">
      <c r="H531359" s="12"/>
    </row>
    <row r="531360" spans="8:8">
      <c r="H531360" s="12"/>
    </row>
    <row r="531361" spans="8:8">
      <c r="H531361" s="12"/>
    </row>
    <row r="531362" spans="8:8">
      <c r="H531362" s="12"/>
    </row>
    <row r="531363" spans="8:8">
      <c r="H531363" s="12"/>
    </row>
    <row r="531364" spans="8:8">
      <c r="H531364" s="12"/>
    </row>
    <row r="531365" spans="8:8">
      <c r="H531365" s="12"/>
    </row>
    <row r="531366" spans="8:8">
      <c r="H531366" s="12"/>
    </row>
    <row r="531367" spans="8:8">
      <c r="H531367" s="12"/>
    </row>
    <row r="531368" spans="8:8">
      <c r="H531368" s="12"/>
    </row>
    <row r="531369" spans="8:8">
      <c r="H531369" s="12"/>
    </row>
    <row r="531370" spans="8:8">
      <c r="H531370" s="12"/>
    </row>
    <row r="531371" spans="8:8">
      <c r="H531371" s="12"/>
    </row>
    <row r="531372" spans="8:8">
      <c r="H531372" s="12"/>
    </row>
    <row r="531373" spans="8:8">
      <c r="H531373" s="12"/>
    </row>
    <row r="531374" spans="8:8">
      <c r="H531374" s="12"/>
    </row>
    <row r="531375" spans="8:8">
      <c r="H531375" s="12"/>
    </row>
    <row r="531376" spans="8:8">
      <c r="H531376" s="12"/>
    </row>
    <row r="531377" spans="8:8">
      <c r="H531377" s="12"/>
    </row>
    <row r="531378" spans="8:8">
      <c r="H531378" s="12"/>
    </row>
    <row r="531379" spans="8:8">
      <c r="H531379" s="12"/>
    </row>
    <row r="531380" spans="8:8">
      <c r="H531380" s="12"/>
    </row>
    <row r="531381" spans="8:8">
      <c r="H531381" s="12"/>
    </row>
    <row r="531382" spans="8:8">
      <c r="H531382" s="12"/>
    </row>
    <row r="531383" spans="8:8">
      <c r="H531383" s="12"/>
    </row>
    <row r="531384" spans="8:8">
      <c r="H531384" s="12"/>
    </row>
    <row r="531385" spans="8:8">
      <c r="H531385" s="12"/>
    </row>
    <row r="531386" spans="8:8">
      <c r="H531386" s="12"/>
    </row>
    <row r="531387" spans="8:8">
      <c r="H531387" s="12"/>
    </row>
    <row r="531388" spans="8:8">
      <c r="H531388" s="12"/>
    </row>
    <row r="531389" spans="8:8">
      <c r="H531389" s="12"/>
    </row>
    <row r="531390" spans="8:8">
      <c r="H531390" s="12"/>
    </row>
    <row r="531391" spans="8:8">
      <c r="H531391" s="12"/>
    </row>
    <row r="531392" spans="8:8">
      <c r="H531392" s="12"/>
    </row>
    <row r="531393" spans="8:8">
      <c r="H531393" s="12"/>
    </row>
    <row r="531394" spans="8:8">
      <c r="H531394" s="12"/>
    </row>
    <row r="531395" spans="8:8">
      <c r="H531395" s="12"/>
    </row>
    <row r="531396" spans="8:8">
      <c r="H531396" s="12"/>
    </row>
    <row r="531397" spans="8:8">
      <c r="H531397" s="12"/>
    </row>
    <row r="531398" spans="8:8">
      <c r="H531398" s="12"/>
    </row>
    <row r="531399" spans="8:8">
      <c r="H531399" s="12"/>
    </row>
    <row r="531400" spans="8:8">
      <c r="H531400" s="12"/>
    </row>
    <row r="531401" spans="8:8">
      <c r="H531401" s="12"/>
    </row>
    <row r="531402" spans="8:8">
      <c r="H531402" s="12"/>
    </row>
    <row r="531403" spans="8:8">
      <c r="H531403" s="12"/>
    </row>
    <row r="531404" spans="8:8">
      <c r="H531404" s="12"/>
    </row>
    <row r="531405" spans="8:8">
      <c r="H531405" s="12"/>
    </row>
    <row r="531406" spans="8:8">
      <c r="H531406" s="12"/>
    </row>
    <row r="531407" spans="8:8">
      <c r="H531407" s="12"/>
    </row>
    <row r="531408" spans="8:8">
      <c r="H531408" s="12"/>
    </row>
    <row r="531409" spans="8:8">
      <c r="H531409" s="12"/>
    </row>
    <row r="531410" spans="8:8">
      <c r="H531410" s="12"/>
    </row>
    <row r="531411" spans="8:8">
      <c r="H531411" s="12"/>
    </row>
    <row r="531412" spans="8:8">
      <c r="H531412" s="12"/>
    </row>
    <row r="531413" spans="8:8">
      <c r="H531413" s="12"/>
    </row>
    <row r="531414" spans="8:8">
      <c r="H531414" s="12"/>
    </row>
    <row r="531415" spans="8:8">
      <c r="H531415" s="12"/>
    </row>
    <row r="531416" spans="8:8">
      <c r="H531416" s="12"/>
    </row>
    <row r="531417" spans="8:8">
      <c r="H531417" s="12"/>
    </row>
    <row r="531418" spans="8:8">
      <c r="H531418" s="12"/>
    </row>
    <row r="531419" spans="8:8">
      <c r="H531419" s="12"/>
    </row>
    <row r="531420" spans="8:8">
      <c r="H531420" s="12"/>
    </row>
    <row r="531421" spans="8:8">
      <c r="H531421" s="12"/>
    </row>
    <row r="531422" spans="8:8">
      <c r="H531422" s="12"/>
    </row>
    <row r="531423" spans="8:8">
      <c r="H531423" s="12"/>
    </row>
    <row r="531424" spans="8:8">
      <c r="H531424" s="12"/>
    </row>
    <row r="531425" spans="8:8">
      <c r="H531425" s="12"/>
    </row>
    <row r="531426" spans="8:8">
      <c r="H531426" s="12"/>
    </row>
    <row r="531427" spans="8:8">
      <c r="H531427" s="12"/>
    </row>
    <row r="531428" spans="8:8">
      <c r="H531428" s="12"/>
    </row>
    <row r="531429" spans="8:8">
      <c r="H531429" s="12"/>
    </row>
    <row r="531430" spans="8:8">
      <c r="H531430" s="12"/>
    </row>
    <row r="531431" spans="8:8">
      <c r="H531431" s="12"/>
    </row>
    <row r="531432" spans="8:8">
      <c r="H531432" s="12"/>
    </row>
    <row r="531433" spans="8:8">
      <c r="H531433" s="12"/>
    </row>
    <row r="531434" spans="8:8">
      <c r="H531434" s="12"/>
    </row>
    <row r="531435" spans="8:8">
      <c r="H531435" s="12"/>
    </row>
    <row r="531436" spans="8:8">
      <c r="H531436" s="12"/>
    </row>
    <row r="531437" spans="8:8">
      <c r="H531437" s="12"/>
    </row>
    <row r="531438" spans="8:8">
      <c r="H531438" s="12"/>
    </row>
    <row r="531439" spans="8:8">
      <c r="H531439" s="12"/>
    </row>
    <row r="531440" spans="8:8">
      <c r="H531440" s="12"/>
    </row>
    <row r="531441" spans="8:8">
      <c r="H531441" s="12"/>
    </row>
    <row r="531442" spans="8:8">
      <c r="H531442" s="12"/>
    </row>
    <row r="531443" spans="8:8">
      <c r="H531443" s="12"/>
    </row>
    <row r="531444" spans="8:8">
      <c r="H531444" s="12"/>
    </row>
    <row r="531445" spans="8:8">
      <c r="H531445" s="12"/>
    </row>
    <row r="531446" spans="8:8">
      <c r="H531446" s="12"/>
    </row>
    <row r="531447" spans="8:8">
      <c r="H531447" s="12"/>
    </row>
    <row r="531448" spans="8:8">
      <c r="H531448" s="12"/>
    </row>
    <row r="531449" spans="8:8">
      <c r="H531449" s="12"/>
    </row>
    <row r="531450" spans="8:8">
      <c r="H531450" s="12"/>
    </row>
    <row r="531451" spans="8:8">
      <c r="H531451" s="12"/>
    </row>
    <row r="531452" spans="8:8">
      <c r="H531452" s="12"/>
    </row>
    <row r="531453" spans="8:8">
      <c r="H531453" s="12"/>
    </row>
    <row r="531454" spans="8:8">
      <c r="H531454" s="12"/>
    </row>
    <row r="531455" spans="8:8">
      <c r="H531455" s="12"/>
    </row>
    <row r="531456" spans="8:8">
      <c r="H531456" s="12"/>
    </row>
    <row r="531457" spans="8:8">
      <c r="H531457" s="12"/>
    </row>
    <row r="531458" spans="8:8">
      <c r="H531458" s="12"/>
    </row>
    <row r="531459" spans="8:8">
      <c r="H531459" s="12"/>
    </row>
    <row r="531460" spans="8:8">
      <c r="H531460" s="12"/>
    </row>
    <row r="531461" spans="8:8">
      <c r="H531461" s="12"/>
    </row>
    <row r="531462" spans="8:8">
      <c r="H531462" s="12"/>
    </row>
    <row r="531463" spans="8:8">
      <c r="H531463" s="12"/>
    </row>
    <row r="531464" spans="8:8">
      <c r="H531464" s="12"/>
    </row>
    <row r="531465" spans="8:8">
      <c r="H531465" s="12"/>
    </row>
    <row r="531466" spans="8:8">
      <c r="H531466" s="12"/>
    </row>
    <row r="531467" spans="8:8">
      <c r="H531467" s="12"/>
    </row>
    <row r="531468" spans="8:8">
      <c r="H531468" s="12"/>
    </row>
    <row r="531469" spans="8:8">
      <c r="H531469" s="12"/>
    </row>
    <row r="531470" spans="8:8">
      <c r="H531470" s="12"/>
    </row>
    <row r="531471" spans="8:8">
      <c r="H531471" s="12"/>
    </row>
    <row r="531472" spans="8:8">
      <c r="H531472" s="12"/>
    </row>
    <row r="531473" spans="8:8">
      <c r="H531473" s="12"/>
    </row>
    <row r="531474" spans="8:8">
      <c r="H531474" s="12"/>
    </row>
    <row r="531475" spans="8:8">
      <c r="H531475" s="12"/>
    </row>
    <row r="531476" spans="8:8">
      <c r="H531476" s="12"/>
    </row>
    <row r="531477" spans="8:8">
      <c r="H531477" s="12"/>
    </row>
    <row r="531478" spans="8:8">
      <c r="H531478" s="12"/>
    </row>
    <row r="531479" spans="8:8">
      <c r="H531479" s="12"/>
    </row>
    <row r="531480" spans="8:8">
      <c r="H531480" s="12"/>
    </row>
    <row r="531481" spans="8:8">
      <c r="H531481" s="12"/>
    </row>
    <row r="531482" spans="8:8">
      <c r="H531482" s="12"/>
    </row>
    <row r="531483" spans="8:8">
      <c r="H531483" s="12"/>
    </row>
    <row r="531484" spans="8:8">
      <c r="H531484" s="12"/>
    </row>
    <row r="531485" spans="8:8">
      <c r="H531485" s="12"/>
    </row>
    <row r="531486" spans="8:8">
      <c r="H531486" s="12"/>
    </row>
    <row r="531487" spans="8:8">
      <c r="H531487" s="12"/>
    </row>
    <row r="531488" spans="8:8">
      <c r="H531488" s="12"/>
    </row>
    <row r="531489" spans="8:8">
      <c r="H531489" s="12"/>
    </row>
    <row r="531490" spans="8:8">
      <c r="H531490" s="12"/>
    </row>
    <row r="531491" spans="8:8">
      <c r="H531491" s="12"/>
    </row>
    <row r="531492" spans="8:8">
      <c r="H531492" s="12"/>
    </row>
    <row r="531493" spans="8:8">
      <c r="H531493" s="12"/>
    </row>
    <row r="531494" spans="8:8">
      <c r="H531494" s="12"/>
    </row>
    <row r="531495" spans="8:8">
      <c r="H531495" s="12"/>
    </row>
    <row r="531496" spans="8:8">
      <c r="H531496" s="12"/>
    </row>
    <row r="531497" spans="8:8">
      <c r="H531497" s="12"/>
    </row>
    <row r="531498" spans="8:8">
      <c r="H531498" s="12"/>
    </row>
    <row r="531499" spans="8:8">
      <c r="H531499" s="12"/>
    </row>
    <row r="531500" spans="8:8">
      <c r="H531500" s="12"/>
    </row>
    <row r="531501" spans="8:8">
      <c r="H531501" s="12"/>
    </row>
    <row r="531502" spans="8:8">
      <c r="H531502" s="12"/>
    </row>
    <row r="531503" spans="8:8">
      <c r="H531503" s="12"/>
    </row>
    <row r="531504" spans="8:8">
      <c r="H531504" s="12"/>
    </row>
    <row r="531505" spans="8:8">
      <c r="H531505" s="12"/>
    </row>
    <row r="531506" spans="8:8">
      <c r="H531506" s="12"/>
    </row>
    <row r="531507" spans="8:8">
      <c r="H531507" s="12"/>
    </row>
    <row r="531508" spans="8:8">
      <c r="H531508" s="12"/>
    </row>
    <row r="531509" spans="8:8">
      <c r="H531509" s="12"/>
    </row>
    <row r="531510" spans="8:8">
      <c r="H531510" s="12"/>
    </row>
    <row r="531511" spans="8:8">
      <c r="H531511" s="12"/>
    </row>
    <row r="531512" spans="8:8">
      <c r="H531512" s="12"/>
    </row>
    <row r="531513" spans="8:8">
      <c r="H531513" s="12"/>
    </row>
    <row r="531514" spans="8:8">
      <c r="H531514" s="12"/>
    </row>
    <row r="531515" spans="8:8">
      <c r="H531515" s="12"/>
    </row>
    <row r="531516" spans="8:8">
      <c r="H531516" s="12"/>
    </row>
    <row r="531517" spans="8:8">
      <c r="H531517" s="12"/>
    </row>
    <row r="531518" spans="8:8">
      <c r="H531518" s="12"/>
    </row>
    <row r="531519" spans="8:8">
      <c r="H531519" s="12"/>
    </row>
    <row r="531520" spans="8:8">
      <c r="H531520" s="12"/>
    </row>
    <row r="531521" spans="8:8">
      <c r="H531521" s="12"/>
    </row>
    <row r="531522" spans="8:8">
      <c r="H531522" s="12"/>
    </row>
    <row r="531523" spans="8:8">
      <c r="H531523" s="12"/>
    </row>
    <row r="531524" spans="8:8">
      <c r="H531524" s="12"/>
    </row>
    <row r="531525" spans="8:8">
      <c r="H531525" s="12"/>
    </row>
    <row r="531526" spans="8:8">
      <c r="H531526" s="12"/>
    </row>
    <row r="531527" spans="8:8">
      <c r="H531527" s="12"/>
    </row>
    <row r="531528" spans="8:8">
      <c r="H531528" s="12"/>
    </row>
    <row r="531529" spans="8:8">
      <c r="H531529" s="12"/>
    </row>
    <row r="531530" spans="8:8">
      <c r="H531530" s="12"/>
    </row>
    <row r="531531" spans="8:8">
      <c r="H531531" s="12"/>
    </row>
    <row r="531532" spans="8:8">
      <c r="H531532" s="12"/>
    </row>
    <row r="531533" spans="8:8">
      <c r="H531533" s="12"/>
    </row>
    <row r="531534" spans="8:8">
      <c r="H531534" s="12"/>
    </row>
    <row r="531535" spans="8:8">
      <c r="H531535" s="12"/>
    </row>
    <row r="531536" spans="8:8">
      <c r="H531536" s="12"/>
    </row>
    <row r="531537" spans="8:8">
      <c r="H531537" s="12"/>
    </row>
    <row r="531538" spans="8:8">
      <c r="H531538" s="12"/>
    </row>
    <row r="531539" spans="8:8">
      <c r="H531539" s="12"/>
    </row>
    <row r="531540" spans="8:8">
      <c r="H531540" s="12"/>
    </row>
    <row r="531541" spans="8:8">
      <c r="H531541" s="12"/>
    </row>
    <row r="531542" spans="8:8">
      <c r="H531542" s="12"/>
    </row>
    <row r="531543" spans="8:8">
      <c r="H531543" s="12"/>
    </row>
    <row r="531544" spans="8:8">
      <c r="H531544" s="12"/>
    </row>
    <row r="531545" spans="8:8">
      <c r="H531545" s="12"/>
    </row>
    <row r="531546" spans="8:8">
      <c r="H531546" s="12"/>
    </row>
    <row r="531547" spans="8:8">
      <c r="H531547" s="12"/>
    </row>
    <row r="531548" spans="8:8">
      <c r="H531548" s="12"/>
    </row>
    <row r="531549" spans="8:8">
      <c r="H531549" s="12"/>
    </row>
    <row r="531550" spans="8:8">
      <c r="H531550" s="12"/>
    </row>
    <row r="531551" spans="8:8">
      <c r="H531551" s="12"/>
    </row>
    <row r="531552" spans="8:8">
      <c r="H531552" s="12"/>
    </row>
    <row r="531553" spans="8:8">
      <c r="H531553" s="12"/>
    </row>
    <row r="531554" spans="8:8">
      <c r="H531554" s="12"/>
    </row>
    <row r="531555" spans="8:8">
      <c r="H531555" s="12"/>
    </row>
    <row r="531556" spans="8:8">
      <c r="H531556" s="12"/>
    </row>
    <row r="531557" spans="8:8">
      <c r="H531557" s="12"/>
    </row>
    <row r="531558" spans="8:8">
      <c r="H531558" s="12"/>
    </row>
    <row r="531559" spans="8:8">
      <c r="H531559" s="12"/>
    </row>
    <row r="531560" spans="8:8">
      <c r="H531560" s="12"/>
    </row>
    <row r="531561" spans="8:8">
      <c r="H531561" s="12"/>
    </row>
    <row r="531562" spans="8:8">
      <c r="H531562" s="12"/>
    </row>
    <row r="531563" spans="8:8">
      <c r="H531563" s="12"/>
    </row>
    <row r="531564" spans="8:8">
      <c r="H531564" s="12"/>
    </row>
    <row r="531565" spans="8:8">
      <c r="H531565" s="12"/>
    </row>
    <row r="531566" spans="8:8">
      <c r="H531566" s="12"/>
    </row>
    <row r="531567" spans="8:8">
      <c r="H531567" s="12"/>
    </row>
    <row r="531568" spans="8:8">
      <c r="H531568" s="12"/>
    </row>
    <row r="531569" spans="8:8">
      <c r="H531569" s="12"/>
    </row>
    <row r="531570" spans="8:8">
      <c r="H531570" s="12"/>
    </row>
    <row r="531571" spans="8:8">
      <c r="H531571" s="12"/>
    </row>
    <row r="531572" spans="8:8">
      <c r="H531572" s="12"/>
    </row>
    <row r="531573" spans="8:8">
      <c r="H531573" s="12"/>
    </row>
    <row r="531574" spans="8:8">
      <c r="H531574" s="12"/>
    </row>
    <row r="531575" spans="8:8">
      <c r="H531575" s="12"/>
    </row>
    <row r="531576" spans="8:8">
      <c r="H531576" s="12"/>
    </row>
    <row r="531577" spans="8:8">
      <c r="H531577" s="12"/>
    </row>
    <row r="531578" spans="8:8">
      <c r="H531578" s="12"/>
    </row>
    <row r="531579" spans="8:8">
      <c r="H531579" s="12"/>
    </row>
    <row r="531580" spans="8:8">
      <c r="H531580" s="12"/>
    </row>
    <row r="531581" spans="8:8">
      <c r="H531581" s="12"/>
    </row>
    <row r="531582" spans="8:8">
      <c r="H531582" s="12"/>
    </row>
    <row r="531583" spans="8:8">
      <c r="H531583" s="12"/>
    </row>
    <row r="531584" spans="8:8">
      <c r="H531584" s="12"/>
    </row>
    <row r="531585" spans="8:8">
      <c r="H531585" s="12"/>
    </row>
    <row r="531586" spans="8:8">
      <c r="H531586" s="12"/>
    </row>
    <row r="531587" spans="8:8">
      <c r="H531587" s="12"/>
    </row>
    <row r="531588" spans="8:8">
      <c r="H531588" s="12"/>
    </row>
    <row r="531589" spans="8:8">
      <c r="H531589" s="12"/>
    </row>
    <row r="531590" spans="8:8">
      <c r="H531590" s="12"/>
    </row>
    <row r="531591" spans="8:8">
      <c r="H531591" s="12"/>
    </row>
    <row r="531592" spans="8:8">
      <c r="H531592" s="12"/>
    </row>
    <row r="531593" spans="8:8">
      <c r="H531593" s="12"/>
    </row>
    <row r="531594" spans="8:8">
      <c r="H531594" s="12"/>
    </row>
    <row r="531595" spans="8:8">
      <c r="H531595" s="12"/>
    </row>
    <row r="531596" spans="8:8">
      <c r="H531596" s="12"/>
    </row>
    <row r="531597" spans="8:8">
      <c r="H531597" s="12"/>
    </row>
    <row r="531598" spans="8:8">
      <c r="H531598" s="12"/>
    </row>
    <row r="531599" spans="8:8">
      <c r="H531599" s="12"/>
    </row>
    <row r="531600" spans="8:8">
      <c r="H531600" s="12"/>
    </row>
    <row r="531601" spans="8:8">
      <c r="H531601" s="12"/>
    </row>
    <row r="531602" spans="8:8">
      <c r="H531602" s="12"/>
    </row>
    <row r="531603" spans="8:8">
      <c r="H531603" s="12"/>
    </row>
    <row r="531604" spans="8:8">
      <c r="H531604" s="12"/>
    </row>
    <row r="531605" spans="8:8">
      <c r="H531605" s="12"/>
    </row>
    <row r="531606" spans="8:8">
      <c r="H531606" s="12"/>
    </row>
    <row r="531607" spans="8:8">
      <c r="H531607" s="12"/>
    </row>
    <row r="531608" spans="8:8">
      <c r="H531608" s="12"/>
    </row>
    <row r="531609" spans="8:8">
      <c r="H531609" s="12"/>
    </row>
    <row r="531610" spans="8:8">
      <c r="H531610" s="12"/>
    </row>
    <row r="531611" spans="8:8">
      <c r="H531611" s="12"/>
    </row>
    <row r="531612" spans="8:8">
      <c r="H531612" s="12"/>
    </row>
    <row r="531613" spans="8:8">
      <c r="H531613" s="12"/>
    </row>
    <row r="531614" spans="8:8">
      <c r="H531614" s="12"/>
    </row>
    <row r="531615" spans="8:8">
      <c r="H531615" s="12"/>
    </row>
    <row r="531616" spans="8:8">
      <c r="H531616" s="12"/>
    </row>
    <row r="531617" spans="8:8">
      <c r="H531617" s="12"/>
    </row>
    <row r="531618" spans="8:8">
      <c r="H531618" s="12"/>
    </row>
    <row r="531619" spans="8:8">
      <c r="H531619" s="12"/>
    </row>
    <row r="531620" spans="8:8">
      <c r="H531620" s="12"/>
    </row>
    <row r="531621" spans="8:8">
      <c r="H531621" s="12"/>
    </row>
    <row r="531622" spans="8:8">
      <c r="H531622" s="12"/>
    </row>
    <row r="531623" spans="8:8">
      <c r="H531623" s="12"/>
    </row>
    <row r="531624" spans="8:8">
      <c r="H531624" s="12"/>
    </row>
    <row r="531625" spans="8:8">
      <c r="H531625" s="12"/>
    </row>
    <row r="531626" spans="8:8">
      <c r="H531626" s="12"/>
    </row>
    <row r="531627" spans="8:8">
      <c r="H531627" s="12"/>
    </row>
    <row r="531628" spans="8:8">
      <c r="H531628" s="12"/>
    </row>
    <row r="531629" spans="8:8">
      <c r="H531629" s="12"/>
    </row>
    <row r="531630" spans="8:8">
      <c r="H531630" s="12"/>
    </row>
    <row r="531631" spans="8:8">
      <c r="H531631" s="12"/>
    </row>
    <row r="531632" spans="8:8">
      <c r="H531632" s="12"/>
    </row>
    <row r="531633" spans="8:8">
      <c r="H531633" s="12"/>
    </row>
    <row r="531634" spans="8:8">
      <c r="H531634" s="12"/>
    </row>
    <row r="531635" spans="8:8">
      <c r="H531635" s="12"/>
    </row>
    <row r="531636" spans="8:8">
      <c r="H531636" s="12"/>
    </row>
    <row r="531637" spans="8:8">
      <c r="H531637" s="12"/>
    </row>
    <row r="531638" spans="8:8">
      <c r="H531638" s="12"/>
    </row>
    <row r="531639" spans="8:8">
      <c r="H531639" s="12"/>
    </row>
    <row r="531640" spans="8:8">
      <c r="H531640" s="12"/>
    </row>
    <row r="531641" spans="8:8">
      <c r="H531641" s="12"/>
    </row>
    <row r="531642" spans="8:8">
      <c r="H531642" s="12"/>
    </row>
    <row r="531643" spans="8:8">
      <c r="H531643" s="12"/>
    </row>
    <row r="531644" spans="8:8">
      <c r="H531644" s="12"/>
    </row>
    <row r="531645" spans="8:8">
      <c r="H531645" s="12"/>
    </row>
    <row r="531646" spans="8:8">
      <c r="H531646" s="12"/>
    </row>
    <row r="531647" spans="8:8">
      <c r="H531647" s="12"/>
    </row>
    <row r="531648" spans="8:8">
      <c r="H531648" s="12"/>
    </row>
    <row r="531649" spans="8:8">
      <c r="H531649" s="12"/>
    </row>
    <row r="531650" spans="8:8">
      <c r="H531650" s="12"/>
    </row>
    <row r="531651" spans="8:8">
      <c r="H531651" s="12"/>
    </row>
    <row r="531652" spans="8:8">
      <c r="H531652" s="12"/>
    </row>
    <row r="531653" spans="8:8">
      <c r="H531653" s="12"/>
    </row>
    <row r="531654" spans="8:8">
      <c r="H531654" s="12"/>
    </row>
    <row r="531655" spans="8:8">
      <c r="H531655" s="12"/>
    </row>
    <row r="531656" spans="8:8">
      <c r="H531656" s="12"/>
    </row>
    <row r="531657" spans="8:8">
      <c r="H531657" s="12"/>
    </row>
    <row r="531658" spans="8:8">
      <c r="H531658" s="12"/>
    </row>
    <row r="531659" spans="8:8">
      <c r="H531659" s="12"/>
    </row>
    <row r="531660" spans="8:8">
      <c r="H531660" s="12"/>
    </row>
    <row r="531661" spans="8:8">
      <c r="H531661" s="12"/>
    </row>
    <row r="531662" spans="8:8">
      <c r="H531662" s="12"/>
    </row>
    <row r="531663" spans="8:8">
      <c r="H531663" s="12"/>
    </row>
    <row r="531664" spans="8:8">
      <c r="H531664" s="12"/>
    </row>
    <row r="531665" spans="8:8">
      <c r="H531665" s="12"/>
    </row>
    <row r="531666" spans="8:8">
      <c r="H531666" s="12"/>
    </row>
    <row r="531667" spans="8:8">
      <c r="H531667" s="12"/>
    </row>
    <row r="531668" spans="8:8">
      <c r="H531668" s="12"/>
    </row>
    <row r="531669" spans="8:8">
      <c r="H531669" s="12"/>
    </row>
    <row r="531670" spans="8:8">
      <c r="H531670" s="12"/>
    </row>
    <row r="531671" spans="8:8">
      <c r="H531671" s="12"/>
    </row>
    <row r="531672" spans="8:8">
      <c r="H531672" s="12"/>
    </row>
    <row r="531673" spans="8:8">
      <c r="H531673" s="12"/>
    </row>
    <row r="531674" spans="8:8">
      <c r="H531674" s="12"/>
    </row>
    <row r="531675" spans="8:8">
      <c r="H531675" s="12"/>
    </row>
    <row r="531676" spans="8:8">
      <c r="H531676" s="12"/>
    </row>
    <row r="531677" spans="8:8">
      <c r="H531677" s="12"/>
    </row>
    <row r="531678" spans="8:8">
      <c r="H531678" s="12"/>
    </row>
    <row r="531679" spans="8:8">
      <c r="H531679" s="12"/>
    </row>
    <row r="531680" spans="8:8">
      <c r="H531680" s="12"/>
    </row>
    <row r="531681" spans="8:8">
      <c r="H531681" s="12"/>
    </row>
    <row r="531682" spans="8:8">
      <c r="H531682" s="12"/>
    </row>
    <row r="531683" spans="8:8">
      <c r="H531683" s="12"/>
    </row>
    <row r="531684" spans="8:8">
      <c r="H531684" s="12"/>
    </row>
    <row r="531685" spans="8:8">
      <c r="H531685" s="12"/>
    </row>
    <row r="531686" spans="8:8">
      <c r="H531686" s="12"/>
    </row>
    <row r="531687" spans="8:8">
      <c r="H531687" s="12"/>
    </row>
    <row r="531688" spans="8:8">
      <c r="H531688" s="12"/>
    </row>
    <row r="531689" spans="8:8">
      <c r="H531689" s="12"/>
    </row>
    <row r="531690" spans="8:8">
      <c r="H531690" s="12"/>
    </row>
    <row r="531691" spans="8:8">
      <c r="H531691" s="12"/>
    </row>
    <row r="531692" spans="8:8">
      <c r="H531692" s="12"/>
    </row>
    <row r="531693" spans="8:8">
      <c r="H531693" s="12"/>
    </row>
    <row r="531694" spans="8:8">
      <c r="H531694" s="12"/>
    </row>
    <row r="531695" spans="8:8">
      <c r="H531695" s="12"/>
    </row>
    <row r="531696" spans="8:8">
      <c r="H531696" s="12"/>
    </row>
    <row r="531697" spans="8:8">
      <c r="H531697" s="12"/>
    </row>
    <row r="531698" spans="8:8">
      <c r="H531698" s="12"/>
    </row>
    <row r="531699" spans="8:8">
      <c r="H531699" s="12"/>
    </row>
    <row r="531700" spans="8:8">
      <c r="H531700" s="12"/>
    </row>
    <row r="531701" spans="8:8">
      <c r="H531701" s="12"/>
    </row>
    <row r="531702" spans="8:8">
      <c r="H531702" s="12"/>
    </row>
    <row r="531703" spans="8:8">
      <c r="H531703" s="12"/>
    </row>
    <row r="531704" spans="8:8">
      <c r="H531704" s="12"/>
    </row>
    <row r="531705" spans="8:8">
      <c r="H531705" s="12"/>
    </row>
    <row r="531706" spans="8:8">
      <c r="H531706" s="12"/>
    </row>
    <row r="531707" spans="8:8">
      <c r="H531707" s="12"/>
    </row>
    <row r="531708" spans="8:8">
      <c r="H531708" s="12"/>
    </row>
    <row r="531709" spans="8:8">
      <c r="H531709" s="12"/>
    </row>
    <row r="531710" spans="8:8">
      <c r="H531710" s="12"/>
    </row>
    <row r="531711" spans="8:8">
      <c r="H531711" s="12"/>
    </row>
    <row r="531712" spans="8:8">
      <c r="H531712" s="12"/>
    </row>
    <row r="531713" spans="8:8">
      <c r="H531713" s="12"/>
    </row>
    <row r="531714" spans="8:8">
      <c r="H531714" s="12"/>
    </row>
    <row r="531715" spans="8:8">
      <c r="H531715" s="12"/>
    </row>
    <row r="531716" spans="8:8">
      <c r="H531716" s="12"/>
    </row>
    <row r="531717" spans="8:8">
      <c r="H531717" s="12"/>
    </row>
    <row r="531718" spans="8:8">
      <c r="H531718" s="12"/>
    </row>
    <row r="531719" spans="8:8">
      <c r="H531719" s="12"/>
    </row>
    <row r="531720" spans="8:8">
      <c r="H531720" s="12"/>
    </row>
    <row r="531721" spans="8:8">
      <c r="H531721" s="12"/>
    </row>
    <row r="531722" spans="8:8">
      <c r="H531722" s="12"/>
    </row>
    <row r="531723" spans="8:8">
      <c r="H531723" s="12"/>
    </row>
    <row r="531724" spans="8:8">
      <c r="H531724" s="12"/>
    </row>
    <row r="531725" spans="8:8">
      <c r="H531725" s="12"/>
    </row>
    <row r="531726" spans="8:8">
      <c r="H531726" s="12"/>
    </row>
    <row r="531727" spans="8:8">
      <c r="H531727" s="12"/>
    </row>
    <row r="531728" spans="8:8">
      <c r="H531728" s="12"/>
    </row>
    <row r="531729" spans="8:8">
      <c r="H531729" s="12"/>
    </row>
    <row r="531730" spans="8:8">
      <c r="H531730" s="12"/>
    </row>
    <row r="531731" spans="8:8">
      <c r="H531731" s="12"/>
    </row>
    <row r="531732" spans="8:8">
      <c r="H531732" s="12"/>
    </row>
    <row r="531733" spans="8:8">
      <c r="H531733" s="12"/>
    </row>
    <row r="531734" spans="8:8">
      <c r="H531734" s="12"/>
    </row>
    <row r="531735" spans="8:8">
      <c r="H531735" s="12"/>
    </row>
    <row r="531736" spans="8:8">
      <c r="H531736" s="12"/>
    </row>
    <row r="531737" spans="8:8">
      <c r="H531737" s="12"/>
    </row>
    <row r="531738" spans="8:8">
      <c r="H531738" s="12"/>
    </row>
    <row r="531739" spans="8:8">
      <c r="H531739" s="12"/>
    </row>
    <row r="531740" spans="8:8">
      <c r="H531740" s="12"/>
    </row>
    <row r="531741" spans="8:8">
      <c r="H531741" s="12"/>
    </row>
    <row r="531742" spans="8:8">
      <c r="H531742" s="12"/>
    </row>
    <row r="531743" spans="8:8">
      <c r="H531743" s="12"/>
    </row>
    <row r="531744" spans="8:8">
      <c r="H531744" s="12"/>
    </row>
    <row r="531745" spans="8:8">
      <c r="H531745" s="12"/>
    </row>
    <row r="531746" spans="8:8">
      <c r="H531746" s="12"/>
    </row>
    <row r="531747" spans="8:8">
      <c r="H531747" s="12"/>
    </row>
    <row r="531748" spans="8:8">
      <c r="H531748" s="12"/>
    </row>
    <row r="531749" spans="8:8">
      <c r="H531749" s="12"/>
    </row>
    <row r="531750" spans="8:8">
      <c r="H531750" s="12"/>
    </row>
    <row r="531751" spans="8:8">
      <c r="H531751" s="12"/>
    </row>
    <row r="531752" spans="8:8">
      <c r="H531752" s="12"/>
    </row>
    <row r="531753" spans="8:8">
      <c r="H531753" s="12"/>
    </row>
    <row r="531754" spans="8:8">
      <c r="H531754" s="12"/>
    </row>
    <row r="531755" spans="8:8">
      <c r="H531755" s="12"/>
    </row>
    <row r="531756" spans="8:8">
      <c r="H531756" s="12"/>
    </row>
    <row r="531757" spans="8:8">
      <c r="H531757" s="12"/>
    </row>
    <row r="531758" spans="8:8">
      <c r="H531758" s="12"/>
    </row>
    <row r="531759" spans="8:8">
      <c r="H531759" s="12"/>
    </row>
    <row r="531760" spans="8:8">
      <c r="H531760" s="12"/>
    </row>
    <row r="531761" spans="8:8">
      <c r="H531761" s="12"/>
    </row>
    <row r="531762" spans="8:8">
      <c r="H531762" s="12"/>
    </row>
    <row r="531763" spans="8:8">
      <c r="H531763" s="12"/>
    </row>
    <row r="531764" spans="8:8">
      <c r="H531764" s="12"/>
    </row>
    <row r="531765" spans="8:8">
      <c r="H531765" s="12"/>
    </row>
    <row r="531766" spans="8:8">
      <c r="H531766" s="12"/>
    </row>
    <row r="531767" spans="8:8">
      <c r="H531767" s="12"/>
    </row>
    <row r="531768" spans="8:8">
      <c r="H531768" s="12"/>
    </row>
    <row r="531769" spans="8:8">
      <c r="H531769" s="12"/>
    </row>
    <row r="531770" spans="8:8">
      <c r="H531770" s="12"/>
    </row>
    <row r="531771" spans="8:8">
      <c r="H531771" s="12"/>
    </row>
    <row r="531772" spans="8:8">
      <c r="H531772" s="12"/>
    </row>
    <row r="531773" spans="8:8">
      <c r="H531773" s="12"/>
    </row>
    <row r="531774" spans="8:8">
      <c r="H531774" s="12"/>
    </row>
    <row r="531775" spans="8:8">
      <c r="H531775" s="12"/>
    </row>
    <row r="531776" spans="8:8">
      <c r="H531776" s="12"/>
    </row>
    <row r="531777" spans="8:8">
      <c r="H531777" s="12"/>
    </row>
    <row r="531778" spans="8:8">
      <c r="H531778" s="12"/>
    </row>
    <row r="531779" spans="8:8">
      <c r="H531779" s="12"/>
    </row>
    <row r="531780" spans="8:8">
      <c r="H531780" s="12"/>
    </row>
    <row r="531781" spans="8:8">
      <c r="H531781" s="12"/>
    </row>
    <row r="531782" spans="8:8">
      <c r="H531782" s="12"/>
    </row>
    <row r="531783" spans="8:8">
      <c r="H531783" s="12"/>
    </row>
    <row r="531784" spans="8:8">
      <c r="H531784" s="12"/>
    </row>
    <row r="531785" spans="8:8">
      <c r="H531785" s="12"/>
    </row>
    <row r="531786" spans="8:8">
      <c r="H531786" s="12"/>
    </row>
    <row r="531787" spans="8:8">
      <c r="H531787" s="12"/>
    </row>
    <row r="531788" spans="8:8">
      <c r="H531788" s="12"/>
    </row>
    <row r="531789" spans="8:8">
      <c r="H531789" s="12"/>
    </row>
    <row r="531790" spans="8:8">
      <c r="H531790" s="12"/>
    </row>
    <row r="531791" spans="8:8">
      <c r="H531791" s="12"/>
    </row>
    <row r="531792" spans="8:8">
      <c r="H531792" s="12"/>
    </row>
    <row r="531793" spans="8:8">
      <c r="H531793" s="12"/>
    </row>
    <row r="531794" spans="8:8">
      <c r="H531794" s="12"/>
    </row>
    <row r="531795" spans="8:8">
      <c r="H531795" s="12"/>
    </row>
    <row r="531796" spans="8:8">
      <c r="H531796" s="12"/>
    </row>
    <row r="531797" spans="8:8">
      <c r="H531797" s="12"/>
    </row>
    <row r="531798" spans="8:8">
      <c r="H531798" s="12"/>
    </row>
    <row r="531799" spans="8:8">
      <c r="H531799" s="12"/>
    </row>
    <row r="531800" spans="8:8">
      <c r="H531800" s="12"/>
    </row>
    <row r="531801" spans="8:8">
      <c r="H531801" s="12"/>
    </row>
    <row r="531802" spans="8:8">
      <c r="H531802" s="12"/>
    </row>
    <row r="531803" spans="8:8">
      <c r="H531803" s="12"/>
    </row>
    <row r="531804" spans="8:8">
      <c r="H531804" s="12"/>
    </row>
    <row r="531805" spans="8:8">
      <c r="H531805" s="12"/>
    </row>
    <row r="531806" spans="8:8">
      <c r="H531806" s="12"/>
    </row>
    <row r="531807" spans="8:8">
      <c r="H531807" s="12"/>
    </row>
    <row r="531808" spans="8:8">
      <c r="H531808" s="12"/>
    </row>
    <row r="531809" spans="8:8">
      <c r="H531809" s="12"/>
    </row>
    <row r="531810" spans="8:8">
      <c r="H531810" s="12"/>
    </row>
    <row r="531811" spans="8:8">
      <c r="H531811" s="12"/>
    </row>
    <row r="531812" spans="8:8">
      <c r="H531812" s="12"/>
    </row>
    <row r="531813" spans="8:8">
      <c r="H531813" s="12"/>
    </row>
    <row r="531814" spans="8:8">
      <c r="H531814" s="12"/>
    </row>
    <row r="531815" spans="8:8">
      <c r="H531815" s="12"/>
    </row>
    <row r="531816" spans="8:8">
      <c r="H531816" s="12"/>
    </row>
    <row r="531817" spans="8:8">
      <c r="H531817" s="12"/>
    </row>
    <row r="531818" spans="8:8">
      <c r="H531818" s="12"/>
    </row>
    <row r="531819" spans="8:8">
      <c r="H531819" s="12"/>
    </row>
    <row r="531820" spans="8:8">
      <c r="H531820" s="12"/>
    </row>
    <row r="531821" spans="8:8">
      <c r="H531821" s="12"/>
    </row>
    <row r="531822" spans="8:8">
      <c r="H531822" s="12"/>
    </row>
    <row r="531823" spans="8:8">
      <c r="H531823" s="12"/>
    </row>
    <row r="531824" spans="8:8">
      <c r="H531824" s="12"/>
    </row>
    <row r="531825" spans="8:8">
      <c r="H531825" s="12"/>
    </row>
    <row r="531826" spans="8:8">
      <c r="H531826" s="12"/>
    </row>
    <row r="531827" spans="8:8">
      <c r="H531827" s="12"/>
    </row>
    <row r="531828" spans="8:8">
      <c r="H531828" s="12"/>
    </row>
    <row r="531829" spans="8:8">
      <c r="H531829" s="12"/>
    </row>
    <row r="531830" spans="8:8">
      <c r="H531830" s="12"/>
    </row>
    <row r="531831" spans="8:8">
      <c r="H531831" s="12"/>
    </row>
    <row r="531832" spans="8:8">
      <c r="H531832" s="12"/>
    </row>
    <row r="531833" spans="8:8">
      <c r="H531833" s="12"/>
    </row>
    <row r="531834" spans="8:8">
      <c r="H531834" s="12"/>
    </row>
    <row r="531835" spans="8:8">
      <c r="H531835" s="12"/>
    </row>
    <row r="531836" spans="8:8">
      <c r="H531836" s="12"/>
    </row>
    <row r="531837" spans="8:8">
      <c r="H531837" s="12"/>
    </row>
    <row r="531838" spans="8:8">
      <c r="H531838" s="12"/>
    </row>
    <row r="531839" spans="8:8">
      <c r="H531839" s="12"/>
    </row>
    <row r="531840" spans="8:8">
      <c r="H531840" s="12"/>
    </row>
    <row r="531841" spans="8:8">
      <c r="H531841" s="12"/>
    </row>
    <row r="531842" spans="8:8">
      <c r="H531842" s="12"/>
    </row>
    <row r="531843" spans="8:8">
      <c r="H531843" s="12"/>
    </row>
    <row r="531844" spans="8:8">
      <c r="H531844" s="12"/>
    </row>
    <row r="531845" spans="8:8">
      <c r="H531845" s="12"/>
    </row>
    <row r="531846" spans="8:8">
      <c r="H531846" s="12"/>
    </row>
    <row r="531847" spans="8:8">
      <c r="H531847" s="12"/>
    </row>
    <row r="531848" spans="8:8">
      <c r="H531848" s="12"/>
    </row>
    <row r="531849" spans="8:8">
      <c r="H531849" s="12"/>
    </row>
    <row r="531850" spans="8:8">
      <c r="H531850" s="12"/>
    </row>
    <row r="531851" spans="8:8">
      <c r="H531851" s="12"/>
    </row>
    <row r="531852" spans="8:8">
      <c r="H531852" s="12"/>
    </row>
    <row r="531853" spans="8:8">
      <c r="H531853" s="12"/>
    </row>
    <row r="531854" spans="8:8">
      <c r="H531854" s="12"/>
    </row>
    <row r="531855" spans="8:8">
      <c r="H531855" s="12"/>
    </row>
    <row r="531856" spans="8:8">
      <c r="H531856" s="12"/>
    </row>
    <row r="531857" spans="8:8">
      <c r="H531857" s="12"/>
    </row>
    <row r="531858" spans="8:8">
      <c r="H531858" s="12"/>
    </row>
    <row r="531859" spans="8:8">
      <c r="H531859" s="12"/>
    </row>
    <row r="531860" spans="8:8">
      <c r="H531860" s="12"/>
    </row>
    <row r="531861" spans="8:8">
      <c r="H531861" s="12"/>
    </row>
    <row r="531862" spans="8:8">
      <c r="H531862" s="12"/>
    </row>
    <row r="531863" spans="8:8">
      <c r="H531863" s="12"/>
    </row>
    <row r="531864" spans="8:8">
      <c r="H531864" s="12"/>
    </row>
    <row r="531865" spans="8:8">
      <c r="H531865" s="12"/>
    </row>
    <row r="531866" spans="8:8">
      <c r="H531866" s="12"/>
    </row>
    <row r="531867" spans="8:8">
      <c r="H531867" s="12"/>
    </row>
    <row r="531868" spans="8:8">
      <c r="H531868" s="12"/>
    </row>
    <row r="531869" spans="8:8">
      <c r="H531869" s="12"/>
    </row>
    <row r="531870" spans="8:8">
      <c r="H531870" s="12"/>
    </row>
    <row r="531871" spans="8:8">
      <c r="H531871" s="12"/>
    </row>
    <row r="531872" spans="8:8">
      <c r="H531872" s="12"/>
    </row>
    <row r="531873" spans="8:8">
      <c r="H531873" s="12"/>
    </row>
    <row r="531874" spans="8:8">
      <c r="H531874" s="12"/>
    </row>
    <row r="531875" spans="8:8">
      <c r="H531875" s="12"/>
    </row>
    <row r="531876" spans="8:8">
      <c r="H531876" s="12"/>
    </row>
    <row r="531877" spans="8:8">
      <c r="H531877" s="12"/>
    </row>
    <row r="531878" spans="8:8">
      <c r="H531878" s="12"/>
    </row>
    <row r="531879" spans="8:8">
      <c r="H531879" s="12"/>
    </row>
    <row r="531880" spans="8:8">
      <c r="H531880" s="12"/>
    </row>
    <row r="531881" spans="8:8">
      <c r="H531881" s="12"/>
    </row>
    <row r="531882" spans="8:8">
      <c r="H531882" s="12"/>
    </row>
    <row r="531883" spans="8:8">
      <c r="H531883" s="12"/>
    </row>
    <row r="531884" spans="8:8">
      <c r="H531884" s="12"/>
    </row>
    <row r="531885" spans="8:8">
      <c r="H531885" s="12"/>
    </row>
    <row r="531886" spans="8:8">
      <c r="H531886" s="12"/>
    </row>
    <row r="531887" spans="8:8">
      <c r="H531887" s="12"/>
    </row>
    <row r="531888" spans="8:8">
      <c r="H531888" s="12"/>
    </row>
    <row r="531889" spans="8:8">
      <c r="H531889" s="12"/>
    </row>
    <row r="531890" spans="8:8">
      <c r="H531890" s="12"/>
    </row>
    <row r="531891" spans="8:8">
      <c r="H531891" s="12"/>
    </row>
    <row r="531892" spans="8:8">
      <c r="H531892" s="12"/>
    </row>
    <row r="531893" spans="8:8">
      <c r="H531893" s="12"/>
    </row>
    <row r="531894" spans="8:8">
      <c r="H531894" s="12"/>
    </row>
    <row r="531895" spans="8:8">
      <c r="H531895" s="12"/>
    </row>
    <row r="531896" spans="8:8">
      <c r="H531896" s="12"/>
    </row>
    <row r="531897" spans="8:8">
      <c r="H531897" s="12"/>
    </row>
    <row r="531898" spans="8:8">
      <c r="H531898" s="12"/>
    </row>
    <row r="531899" spans="8:8">
      <c r="H531899" s="12"/>
    </row>
    <row r="531900" spans="8:8">
      <c r="H531900" s="12"/>
    </row>
    <row r="531901" spans="8:8">
      <c r="H531901" s="12"/>
    </row>
    <row r="531902" spans="8:8">
      <c r="H531902" s="12"/>
    </row>
    <row r="531903" spans="8:8">
      <c r="H531903" s="12"/>
    </row>
    <row r="531904" spans="8:8">
      <c r="H531904" s="12"/>
    </row>
    <row r="531905" spans="8:8">
      <c r="H531905" s="12"/>
    </row>
    <row r="531906" spans="8:8">
      <c r="H531906" s="12"/>
    </row>
    <row r="531907" spans="8:8">
      <c r="H531907" s="12"/>
    </row>
    <row r="531908" spans="8:8">
      <c r="H531908" s="12"/>
    </row>
    <row r="531909" spans="8:8">
      <c r="H531909" s="12"/>
    </row>
    <row r="531910" spans="8:8">
      <c r="H531910" s="12"/>
    </row>
    <row r="531911" spans="8:8">
      <c r="H531911" s="12"/>
    </row>
    <row r="531912" spans="8:8">
      <c r="H531912" s="12"/>
    </row>
    <row r="531913" spans="8:8">
      <c r="H531913" s="12"/>
    </row>
    <row r="531914" spans="8:8">
      <c r="H531914" s="12"/>
    </row>
    <row r="531915" spans="8:8">
      <c r="H531915" s="12"/>
    </row>
    <row r="531916" spans="8:8">
      <c r="H531916" s="12"/>
    </row>
    <row r="531917" spans="8:8">
      <c r="H531917" s="12"/>
    </row>
    <row r="531918" spans="8:8">
      <c r="H531918" s="12"/>
    </row>
    <row r="531919" spans="8:8">
      <c r="H531919" s="12"/>
    </row>
    <row r="531920" spans="8:8">
      <c r="H531920" s="12"/>
    </row>
    <row r="531921" spans="8:8">
      <c r="H531921" s="12"/>
    </row>
    <row r="531922" spans="8:8">
      <c r="H531922" s="12"/>
    </row>
    <row r="531923" spans="8:8">
      <c r="H531923" s="12"/>
    </row>
    <row r="531924" spans="8:8">
      <c r="H531924" s="12"/>
    </row>
    <row r="531925" spans="8:8">
      <c r="H531925" s="12"/>
    </row>
    <row r="531926" spans="8:8">
      <c r="H531926" s="12"/>
    </row>
    <row r="531927" spans="8:8">
      <c r="H531927" s="12"/>
    </row>
    <row r="531928" spans="8:8">
      <c r="H531928" s="12"/>
    </row>
    <row r="531929" spans="8:8">
      <c r="H531929" s="12"/>
    </row>
    <row r="531930" spans="8:8">
      <c r="H531930" s="12"/>
    </row>
    <row r="531931" spans="8:8">
      <c r="H531931" s="12"/>
    </row>
    <row r="531932" spans="8:8">
      <c r="H531932" s="12"/>
    </row>
    <row r="531933" spans="8:8">
      <c r="H531933" s="12"/>
    </row>
    <row r="531934" spans="8:8">
      <c r="H531934" s="12"/>
    </row>
    <row r="531935" spans="8:8">
      <c r="H531935" s="12"/>
    </row>
    <row r="531936" spans="8:8">
      <c r="H531936" s="12"/>
    </row>
    <row r="531937" spans="8:8">
      <c r="H531937" s="12"/>
    </row>
    <row r="531938" spans="8:8">
      <c r="H531938" s="12"/>
    </row>
    <row r="531939" spans="8:8">
      <c r="H531939" s="12"/>
    </row>
    <row r="531940" spans="8:8">
      <c r="H531940" s="12"/>
    </row>
    <row r="531941" spans="8:8">
      <c r="H531941" s="12"/>
    </row>
    <row r="531942" spans="8:8">
      <c r="H531942" s="12"/>
    </row>
    <row r="531943" spans="8:8">
      <c r="H531943" s="12"/>
    </row>
    <row r="531944" spans="8:8">
      <c r="H531944" s="12"/>
    </row>
    <row r="531945" spans="8:8">
      <c r="H531945" s="12"/>
    </row>
    <row r="531946" spans="8:8">
      <c r="H531946" s="12"/>
    </row>
    <row r="531947" spans="8:8">
      <c r="H531947" s="12"/>
    </row>
    <row r="531948" spans="8:8">
      <c r="H531948" s="12"/>
    </row>
    <row r="531949" spans="8:8">
      <c r="H531949" s="12"/>
    </row>
    <row r="531950" spans="8:8">
      <c r="H531950" s="12"/>
    </row>
    <row r="531951" spans="8:8">
      <c r="H531951" s="12"/>
    </row>
    <row r="531952" spans="8:8">
      <c r="H531952" s="12"/>
    </row>
    <row r="531953" spans="8:8">
      <c r="H531953" s="12"/>
    </row>
    <row r="531954" spans="8:8">
      <c r="H531954" s="12"/>
    </row>
    <row r="531955" spans="8:8">
      <c r="H531955" s="12"/>
    </row>
    <row r="531956" spans="8:8">
      <c r="H531956" s="12"/>
    </row>
    <row r="531957" spans="8:8">
      <c r="H531957" s="12"/>
    </row>
    <row r="531958" spans="8:8">
      <c r="H531958" s="12"/>
    </row>
    <row r="531959" spans="8:8">
      <c r="H531959" s="12"/>
    </row>
    <row r="531960" spans="8:8">
      <c r="H531960" s="12"/>
    </row>
    <row r="531961" spans="8:8">
      <c r="H531961" s="12"/>
    </row>
    <row r="531962" spans="8:8">
      <c r="H531962" s="12"/>
    </row>
    <row r="531963" spans="8:8">
      <c r="H531963" s="12"/>
    </row>
    <row r="531964" spans="8:8">
      <c r="H531964" s="12"/>
    </row>
    <row r="531965" spans="8:8">
      <c r="H531965" s="12"/>
    </row>
    <row r="531966" spans="8:8">
      <c r="H531966" s="12"/>
    </row>
    <row r="531967" spans="8:8">
      <c r="H531967" s="12"/>
    </row>
    <row r="531968" spans="8:8">
      <c r="H531968" s="12"/>
    </row>
    <row r="531969" spans="8:8">
      <c r="H531969" s="12"/>
    </row>
    <row r="531970" spans="8:8">
      <c r="H531970" s="12"/>
    </row>
    <row r="531971" spans="8:8">
      <c r="H531971" s="12"/>
    </row>
    <row r="531972" spans="8:8">
      <c r="H531972" s="12"/>
    </row>
    <row r="531973" spans="8:8">
      <c r="H531973" s="12"/>
    </row>
    <row r="531974" spans="8:8">
      <c r="H531974" s="12"/>
    </row>
    <row r="531975" spans="8:8">
      <c r="H531975" s="12"/>
    </row>
    <row r="531976" spans="8:8">
      <c r="H531976" s="12"/>
    </row>
    <row r="531977" spans="8:8">
      <c r="H531977" s="12"/>
    </row>
    <row r="531978" spans="8:8">
      <c r="H531978" s="12"/>
    </row>
    <row r="531979" spans="8:8">
      <c r="H531979" s="12"/>
    </row>
    <row r="531980" spans="8:8">
      <c r="H531980" s="12"/>
    </row>
    <row r="531981" spans="8:8">
      <c r="H531981" s="12"/>
    </row>
    <row r="531982" spans="8:8">
      <c r="H531982" s="12"/>
    </row>
    <row r="531983" spans="8:8">
      <c r="H531983" s="12"/>
    </row>
    <row r="531984" spans="8:8">
      <c r="H531984" s="12"/>
    </row>
    <row r="531985" spans="8:8">
      <c r="H531985" s="12"/>
    </row>
    <row r="531986" spans="8:8">
      <c r="H531986" s="12"/>
    </row>
    <row r="531987" spans="8:8">
      <c r="H531987" s="12"/>
    </row>
    <row r="531988" spans="8:8">
      <c r="H531988" s="12"/>
    </row>
    <row r="531989" spans="8:8">
      <c r="H531989" s="12"/>
    </row>
    <row r="531990" spans="8:8">
      <c r="H531990" s="12"/>
    </row>
    <row r="531991" spans="8:8">
      <c r="H531991" s="12"/>
    </row>
    <row r="531992" spans="8:8">
      <c r="H531992" s="12"/>
    </row>
    <row r="531993" spans="8:8">
      <c r="H531993" s="12"/>
    </row>
    <row r="531994" spans="8:8">
      <c r="H531994" s="12"/>
    </row>
    <row r="531995" spans="8:8">
      <c r="H531995" s="12"/>
    </row>
    <row r="531996" spans="8:8">
      <c r="H531996" s="12"/>
    </row>
    <row r="531997" spans="8:8">
      <c r="H531997" s="12"/>
    </row>
    <row r="531998" spans="8:8">
      <c r="H531998" s="12"/>
    </row>
    <row r="531999" spans="8:8">
      <c r="H531999" s="12"/>
    </row>
    <row r="532000" spans="8:8">
      <c r="H532000" s="12"/>
    </row>
    <row r="532001" spans="8:8">
      <c r="H532001" s="12"/>
    </row>
    <row r="532002" spans="8:8">
      <c r="H532002" s="12"/>
    </row>
    <row r="532003" spans="8:8">
      <c r="H532003" s="12"/>
    </row>
    <row r="532004" spans="8:8">
      <c r="H532004" s="12"/>
    </row>
    <row r="532005" spans="8:8">
      <c r="H532005" s="12"/>
    </row>
    <row r="532006" spans="8:8">
      <c r="H532006" s="12"/>
    </row>
    <row r="532007" spans="8:8">
      <c r="H532007" s="12"/>
    </row>
    <row r="532008" spans="8:8">
      <c r="H532008" s="12"/>
    </row>
    <row r="532009" spans="8:8">
      <c r="H532009" s="12"/>
    </row>
    <row r="532010" spans="8:8">
      <c r="H532010" s="12"/>
    </row>
    <row r="532011" spans="8:8">
      <c r="H532011" s="12"/>
    </row>
    <row r="532012" spans="8:8">
      <c r="H532012" s="12"/>
    </row>
    <row r="532013" spans="8:8">
      <c r="H532013" s="12"/>
    </row>
    <row r="532014" spans="8:8">
      <c r="H532014" s="12"/>
    </row>
    <row r="532015" spans="8:8">
      <c r="H532015" s="12"/>
    </row>
    <row r="532016" spans="8:8">
      <c r="H532016" s="12"/>
    </row>
    <row r="532017" spans="8:8">
      <c r="H532017" s="12"/>
    </row>
    <row r="532018" spans="8:8">
      <c r="H532018" s="12"/>
    </row>
    <row r="532019" spans="8:8">
      <c r="H532019" s="12"/>
    </row>
    <row r="532020" spans="8:8">
      <c r="H532020" s="12"/>
    </row>
    <row r="532021" spans="8:8">
      <c r="H532021" s="12"/>
    </row>
    <row r="532022" spans="8:8">
      <c r="H532022" s="12"/>
    </row>
    <row r="532023" spans="8:8">
      <c r="H532023" s="12"/>
    </row>
    <row r="532024" spans="8:8">
      <c r="H532024" s="12"/>
    </row>
    <row r="532025" spans="8:8">
      <c r="H532025" s="12"/>
    </row>
    <row r="532026" spans="8:8">
      <c r="H532026" s="12"/>
    </row>
    <row r="532027" spans="8:8">
      <c r="H532027" s="12"/>
    </row>
    <row r="532028" spans="8:8">
      <c r="H532028" s="12"/>
    </row>
    <row r="532029" spans="8:8">
      <c r="H532029" s="12"/>
    </row>
    <row r="532030" spans="8:8">
      <c r="H532030" s="12"/>
    </row>
    <row r="532031" spans="8:8">
      <c r="H532031" s="12"/>
    </row>
    <row r="532032" spans="8:8">
      <c r="H532032" s="12"/>
    </row>
    <row r="532033" spans="8:8">
      <c r="H532033" s="12"/>
    </row>
    <row r="532034" spans="8:8">
      <c r="H532034" s="12"/>
    </row>
    <row r="532035" spans="8:8">
      <c r="H532035" s="12"/>
    </row>
    <row r="532036" spans="8:8">
      <c r="H532036" s="12"/>
    </row>
    <row r="532037" spans="8:8">
      <c r="H532037" s="12"/>
    </row>
    <row r="532038" spans="8:8">
      <c r="H532038" s="12"/>
    </row>
    <row r="532039" spans="8:8">
      <c r="H532039" s="12"/>
    </row>
    <row r="532040" spans="8:8">
      <c r="H532040" s="12"/>
    </row>
    <row r="532041" spans="8:8">
      <c r="H532041" s="12"/>
    </row>
    <row r="532042" spans="8:8">
      <c r="H532042" s="12"/>
    </row>
    <row r="532043" spans="8:8">
      <c r="H532043" s="12"/>
    </row>
    <row r="532044" spans="8:8">
      <c r="H532044" s="12"/>
    </row>
    <row r="532045" spans="8:8">
      <c r="H532045" s="12"/>
    </row>
    <row r="532046" spans="8:8">
      <c r="H532046" s="12"/>
    </row>
    <row r="532047" spans="8:8">
      <c r="H532047" s="12"/>
    </row>
    <row r="532048" spans="8:8">
      <c r="H532048" s="12"/>
    </row>
    <row r="532049" spans="8:8">
      <c r="H532049" s="12"/>
    </row>
    <row r="532050" spans="8:8">
      <c r="H532050" s="12"/>
    </row>
    <row r="532051" spans="8:8">
      <c r="H532051" s="12"/>
    </row>
    <row r="532052" spans="8:8">
      <c r="H532052" s="12"/>
    </row>
    <row r="532053" spans="8:8">
      <c r="H532053" s="12"/>
    </row>
    <row r="532054" spans="8:8">
      <c r="H532054" s="12"/>
    </row>
    <row r="532055" spans="8:8">
      <c r="H532055" s="12"/>
    </row>
    <row r="532056" spans="8:8">
      <c r="H532056" s="12"/>
    </row>
    <row r="532057" spans="8:8">
      <c r="H532057" s="12"/>
    </row>
    <row r="532058" spans="8:8">
      <c r="H532058" s="12"/>
    </row>
    <row r="532059" spans="8:8">
      <c r="H532059" s="12"/>
    </row>
    <row r="532060" spans="8:8">
      <c r="H532060" s="12"/>
    </row>
    <row r="532061" spans="8:8">
      <c r="H532061" s="12"/>
    </row>
    <row r="532062" spans="8:8">
      <c r="H532062" s="12"/>
    </row>
    <row r="532063" spans="8:8">
      <c r="H532063" s="12"/>
    </row>
    <row r="532064" spans="8:8">
      <c r="H532064" s="12"/>
    </row>
    <row r="532065" spans="8:8">
      <c r="H532065" s="12"/>
    </row>
    <row r="532066" spans="8:8">
      <c r="H532066" s="12"/>
    </row>
    <row r="532067" spans="8:8">
      <c r="H532067" s="12"/>
    </row>
    <row r="532068" spans="8:8">
      <c r="H532068" s="12"/>
    </row>
    <row r="532069" spans="8:8">
      <c r="H532069" s="12"/>
    </row>
    <row r="532070" spans="8:8">
      <c r="H532070" s="12"/>
    </row>
    <row r="532071" spans="8:8">
      <c r="H532071" s="12"/>
    </row>
    <row r="532072" spans="8:8">
      <c r="H532072" s="12"/>
    </row>
    <row r="532073" spans="8:8">
      <c r="H532073" s="12"/>
    </row>
    <row r="532074" spans="8:8">
      <c r="H532074" s="12"/>
    </row>
    <row r="532075" spans="8:8">
      <c r="H532075" s="12"/>
    </row>
    <row r="532076" spans="8:8">
      <c r="H532076" s="12"/>
    </row>
    <row r="532077" spans="8:8">
      <c r="H532077" s="12"/>
    </row>
    <row r="532078" spans="8:8">
      <c r="H532078" s="12"/>
    </row>
    <row r="532079" spans="8:8">
      <c r="H532079" s="12"/>
    </row>
    <row r="532080" spans="8:8">
      <c r="H532080" s="12"/>
    </row>
    <row r="532081" spans="8:8">
      <c r="H532081" s="12"/>
    </row>
    <row r="532082" spans="8:8">
      <c r="H532082" s="12"/>
    </row>
    <row r="532083" spans="8:8">
      <c r="H532083" s="12"/>
    </row>
    <row r="532084" spans="8:8">
      <c r="H532084" s="12"/>
    </row>
    <row r="532085" spans="8:8">
      <c r="H532085" s="12"/>
    </row>
    <row r="532086" spans="8:8">
      <c r="H532086" s="12"/>
    </row>
    <row r="532087" spans="8:8">
      <c r="H532087" s="12"/>
    </row>
    <row r="532088" spans="8:8">
      <c r="H532088" s="12"/>
    </row>
    <row r="532089" spans="8:8">
      <c r="H532089" s="12"/>
    </row>
    <row r="532090" spans="8:8">
      <c r="H532090" s="12"/>
    </row>
    <row r="532091" spans="8:8">
      <c r="H532091" s="12"/>
    </row>
    <row r="532092" spans="8:8">
      <c r="H532092" s="12"/>
    </row>
    <row r="532093" spans="8:8">
      <c r="H532093" s="12"/>
    </row>
    <row r="532094" spans="8:8">
      <c r="H532094" s="12"/>
    </row>
    <row r="532095" spans="8:8">
      <c r="H532095" s="12"/>
    </row>
    <row r="532096" spans="8:8">
      <c r="H532096" s="12"/>
    </row>
    <row r="532097" spans="8:8">
      <c r="H532097" s="12"/>
    </row>
    <row r="532098" spans="8:8">
      <c r="H532098" s="12"/>
    </row>
    <row r="532099" spans="8:8">
      <c r="H532099" s="12"/>
    </row>
    <row r="532100" spans="8:8">
      <c r="H532100" s="12"/>
    </row>
    <row r="532101" spans="8:8">
      <c r="H532101" s="12"/>
    </row>
    <row r="532102" spans="8:8">
      <c r="H532102" s="12"/>
    </row>
    <row r="532103" spans="8:8">
      <c r="H532103" s="12"/>
    </row>
    <row r="532104" spans="8:8">
      <c r="H532104" s="12"/>
    </row>
    <row r="532105" spans="8:8">
      <c r="H532105" s="12"/>
    </row>
    <row r="532106" spans="8:8">
      <c r="H532106" s="12"/>
    </row>
    <row r="532107" spans="8:8">
      <c r="H532107" s="12"/>
    </row>
    <row r="532108" spans="8:8">
      <c r="H532108" s="12"/>
    </row>
    <row r="532109" spans="8:8">
      <c r="H532109" s="12"/>
    </row>
    <row r="532110" spans="8:8">
      <c r="H532110" s="12"/>
    </row>
    <row r="532111" spans="8:8">
      <c r="H532111" s="12"/>
    </row>
    <row r="532112" spans="8:8">
      <c r="H532112" s="12"/>
    </row>
    <row r="532113" spans="8:8">
      <c r="H532113" s="12"/>
    </row>
    <row r="532114" spans="8:8">
      <c r="H532114" s="12"/>
    </row>
    <row r="532115" spans="8:8">
      <c r="H532115" s="12"/>
    </row>
    <row r="532116" spans="8:8">
      <c r="H532116" s="12"/>
    </row>
    <row r="532117" spans="8:8">
      <c r="H532117" s="12"/>
    </row>
    <row r="532118" spans="8:8">
      <c r="H532118" s="12"/>
    </row>
    <row r="532119" spans="8:8">
      <c r="H532119" s="12"/>
    </row>
    <row r="532120" spans="8:8">
      <c r="H532120" s="12"/>
    </row>
    <row r="532121" spans="8:8">
      <c r="H532121" s="12"/>
    </row>
    <row r="532122" spans="8:8">
      <c r="H532122" s="12"/>
    </row>
    <row r="532123" spans="8:8">
      <c r="H532123" s="12"/>
    </row>
    <row r="532124" spans="8:8">
      <c r="H532124" s="12"/>
    </row>
    <row r="532125" spans="8:8">
      <c r="H532125" s="12"/>
    </row>
    <row r="532126" spans="8:8">
      <c r="H532126" s="12"/>
    </row>
    <row r="532127" spans="8:8">
      <c r="H532127" s="12"/>
    </row>
    <row r="532128" spans="8:8">
      <c r="H532128" s="12"/>
    </row>
    <row r="532129" spans="8:8">
      <c r="H532129" s="12"/>
    </row>
    <row r="532130" spans="8:8">
      <c r="H532130" s="12"/>
    </row>
    <row r="532131" spans="8:8">
      <c r="H532131" s="12"/>
    </row>
    <row r="532132" spans="8:8">
      <c r="H532132" s="12"/>
    </row>
    <row r="532133" spans="8:8">
      <c r="H532133" s="12"/>
    </row>
    <row r="532134" spans="8:8">
      <c r="H532134" s="12"/>
    </row>
    <row r="532135" spans="8:8">
      <c r="H532135" s="12"/>
    </row>
    <row r="532136" spans="8:8">
      <c r="H532136" s="12"/>
    </row>
    <row r="532137" spans="8:8">
      <c r="H532137" s="12"/>
    </row>
    <row r="532138" spans="8:8">
      <c r="H532138" s="12"/>
    </row>
    <row r="532139" spans="8:8">
      <c r="H532139" s="12"/>
    </row>
    <row r="532140" spans="8:8">
      <c r="H532140" s="12"/>
    </row>
    <row r="532141" spans="8:8">
      <c r="H532141" s="12"/>
    </row>
    <row r="532142" spans="8:8">
      <c r="H532142" s="12"/>
    </row>
    <row r="532143" spans="8:8">
      <c r="H532143" s="12"/>
    </row>
    <row r="532144" spans="8:8">
      <c r="H532144" s="12"/>
    </row>
    <row r="532145" spans="8:8">
      <c r="H532145" s="12"/>
    </row>
    <row r="532146" spans="8:8">
      <c r="H532146" s="12"/>
    </row>
    <row r="532147" spans="8:8">
      <c r="H532147" s="12"/>
    </row>
    <row r="532148" spans="8:8">
      <c r="H532148" s="12"/>
    </row>
    <row r="532149" spans="8:8">
      <c r="H532149" s="12"/>
    </row>
    <row r="532150" spans="8:8">
      <c r="H532150" s="12"/>
    </row>
    <row r="532151" spans="8:8">
      <c r="H532151" s="12"/>
    </row>
    <row r="532152" spans="8:8">
      <c r="H532152" s="12"/>
    </row>
    <row r="532153" spans="8:8">
      <c r="H532153" s="12"/>
    </row>
    <row r="532154" spans="8:8">
      <c r="H532154" s="12"/>
    </row>
    <row r="532155" spans="8:8">
      <c r="H532155" s="12"/>
    </row>
    <row r="532156" spans="8:8">
      <c r="H532156" s="12"/>
    </row>
    <row r="532157" spans="8:8">
      <c r="H532157" s="12"/>
    </row>
    <row r="532158" spans="8:8">
      <c r="H532158" s="12"/>
    </row>
    <row r="532159" spans="8:8">
      <c r="H532159" s="12"/>
    </row>
    <row r="532160" spans="8:8">
      <c r="H532160" s="12"/>
    </row>
    <row r="532161" spans="8:8">
      <c r="H532161" s="12"/>
    </row>
    <row r="532162" spans="8:8">
      <c r="H532162" s="12"/>
    </row>
    <row r="532163" spans="8:8">
      <c r="H532163" s="12"/>
    </row>
    <row r="532164" spans="8:8">
      <c r="H532164" s="12"/>
    </row>
    <row r="532165" spans="8:8">
      <c r="H532165" s="12"/>
    </row>
    <row r="532166" spans="8:8">
      <c r="H532166" s="12"/>
    </row>
    <row r="532167" spans="8:8">
      <c r="H532167" s="12"/>
    </row>
    <row r="532168" spans="8:8">
      <c r="H532168" s="12"/>
    </row>
    <row r="532169" spans="8:8">
      <c r="H532169" s="12"/>
    </row>
    <row r="532170" spans="8:8">
      <c r="H532170" s="12"/>
    </row>
    <row r="532171" spans="8:8">
      <c r="H532171" s="12"/>
    </row>
    <row r="532172" spans="8:8">
      <c r="H532172" s="12"/>
    </row>
    <row r="532173" spans="8:8">
      <c r="H532173" s="12"/>
    </row>
    <row r="532174" spans="8:8">
      <c r="H532174" s="12"/>
    </row>
    <row r="532175" spans="8:8">
      <c r="H532175" s="12"/>
    </row>
    <row r="532176" spans="8:8">
      <c r="H532176" s="12"/>
    </row>
    <row r="532177" spans="8:8">
      <c r="H532177" s="12"/>
    </row>
    <row r="532178" spans="8:8">
      <c r="H532178" s="12"/>
    </row>
    <row r="532179" spans="8:8">
      <c r="H532179" s="12"/>
    </row>
    <row r="532180" spans="8:8">
      <c r="H532180" s="12"/>
    </row>
    <row r="532181" spans="8:8">
      <c r="H532181" s="12"/>
    </row>
    <row r="532182" spans="8:8">
      <c r="H532182" s="12"/>
    </row>
    <row r="532183" spans="8:8">
      <c r="H532183" s="12"/>
    </row>
    <row r="532184" spans="8:8">
      <c r="H532184" s="12"/>
    </row>
    <row r="532185" spans="8:8">
      <c r="H532185" s="12"/>
    </row>
    <row r="532186" spans="8:8">
      <c r="H532186" s="12"/>
    </row>
    <row r="532187" spans="8:8">
      <c r="H532187" s="12"/>
    </row>
    <row r="532188" spans="8:8">
      <c r="H532188" s="12"/>
    </row>
    <row r="532189" spans="8:8">
      <c r="H532189" s="12"/>
    </row>
    <row r="532190" spans="8:8">
      <c r="H532190" s="12"/>
    </row>
    <row r="532191" spans="8:8">
      <c r="H532191" s="12"/>
    </row>
    <row r="532192" spans="8:8">
      <c r="H532192" s="12"/>
    </row>
    <row r="532193" spans="8:8">
      <c r="H532193" s="12"/>
    </row>
    <row r="532194" spans="8:8">
      <c r="H532194" s="12"/>
    </row>
    <row r="532195" spans="8:8">
      <c r="H532195" s="12"/>
    </row>
    <row r="532196" spans="8:8">
      <c r="H532196" s="12"/>
    </row>
    <row r="532197" spans="8:8">
      <c r="H532197" s="12"/>
    </row>
    <row r="532198" spans="8:8">
      <c r="H532198" s="12"/>
    </row>
    <row r="532199" spans="8:8">
      <c r="H532199" s="12"/>
    </row>
    <row r="532200" spans="8:8">
      <c r="H532200" s="12"/>
    </row>
    <row r="532201" spans="8:8">
      <c r="H532201" s="12"/>
    </row>
    <row r="532202" spans="8:8">
      <c r="H532202" s="12"/>
    </row>
    <row r="532203" spans="8:8">
      <c r="H532203" s="12"/>
    </row>
    <row r="532204" spans="8:8">
      <c r="H532204" s="12"/>
    </row>
    <row r="532205" spans="8:8">
      <c r="H532205" s="12"/>
    </row>
    <row r="532206" spans="8:8">
      <c r="H532206" s="12"/>
    </row>
    <row r="532207" spans="8:8">
      <c r="H532207" s="12"/>
    </row>
    <row r="532208" spans="8:8">
      <c r="H532208" s="12"/>
    </row>
    <row r="532209" spans="8:8">
      <c r="H532209" s="12"/>
    </row>
    <row r="532210" spans="8:8">
      <c r="H532210" s="12"/>
    </row>
    <row r="532211" spans="8:8">
      <c r="H532211" s="12"/>
    </row>
    <row r="532212" spans="8:8">
      <c r="H532212" s="12"/>
    </row>
    <row r="532213" spans="8:8">
      <c r="H532213" s="12"/>
    </row>
    <row r="532214" spans="8:8">
      <c r="H532214" s="12"/>
    </row>
    <row r="532215" spans="8:8">
      <c r="H532215" s="12"/>
    </row>
    <row r="532216" spans="8:8">
      <c r="H532216" s="12"/>
    </row>
    <row r="532217" spans="8:8">
      <c r="H532217" s="12"/>
    </row>
    <row r="532218" spans="8:8">
      <c r="H532218" s="12"/>
    </row>
    <row r="532219" spans="8:8">
      <c r="H532219" s="12"/>
    </row>
    <row r="532220" spans="8:8">
      <c r="H532220" s="12"/>
    </row>
    <row r="532221" spans="8:8">
      <c r="H532221" s="12"/>
    </row>
    <row r="532222" spans="8:8">
      <c r="H532222" s="12"/>
    </row>
    <row r="532223" spans="8:8">
      <c r="H532223" s="12"/>
    </row>
    <row r="532224" spans="8:8">
      <c r="H532224" s="12"/>
    </row>
    <row r="532225" spans="8:8">
      <c r="H532225" s="12"/>
    </row>
    <row r="532226" spans="8:8">
      <c r="H532226" s="12"/>
    </row>
    <row r="532227" spans="8:8">
      <c r="H532227" s="12"/>
    </row>
    <row r="532228" spans="8:8">
      <c r="H532228" s="12"/>
    </row>
    <row r="532229" spans="8:8">
      <c r="H532229" s="12"/>
    </row>
    <row r="532230" spans="8:8">
      <c r="H532230" s="12"/>
    </row>
    <row r="532231" spans="8:8">
      <c r="H532231" s="12"/>
    </row>
    <row r="532232" spans="8:8">
      <c r="H532232" s="12"/>
    </row>
    <row r="532233" spans="8:8">
      <c r="H532233" s="12"/>
    </row>
    <row r="532234" spans="8:8">
      <c r="H532234" s="12"/>
    </row>
    <row r="532235" spans="8:8">
      <c r="H532235" s="12"/>
    </row>
    <row r="532236" spans="8:8">
      <c r="H532236" s="12"/>
    </row>
    <row r="532237" spans="8:8">
      <c r="H532237" s="12"/>
    </row>
    <row r="532238" spans="8:8">
      <c r="H532238" s="12"/>
    </row>
    <row r="532239" spans="8:8">
      <c r="H532239" s="12"/>
    </row>
    <row r="532240" spans="8:8">
      <c r="H532240" s="12"/>
    </row>
    <row r="532241" spans="8:8">
      <c r="H532241" s="12"/>
    </row>
    <row r="532242" spans="8:8">
      <c r="H532242" s="12"/>
    </row>
    <row r="532243" spans="8:8">
      <c r="H532243" s="12"/>
    </row>
    <row r="532244" spans="8:8">
      <c r="H532244" s="12"/>
    </row>
    <row r="532245" spans="8:8">
      <c r="H532245" s="12"/>
    </row>
    <row r="532246" spans="8:8">
      <c r="H532246" s="12"/>
    </row>
    <row r="532247" spans="8:8">
      <c r="H532247" s="12"/>
    </row>
    <row r="532248" spans="8:8">
      <c r="H532248" s="12"/>
    </row>
    <row r="532249" spans="8:8">
      <c r="H532249" s="12"/>
    </row>
    <row r="532250" spans="8:8">
      <c r="H532250" s="12"/>
    </row>
    <row r="532251" spans="8:8">
      <c r="H532251" s="12"/>
    </row>
    <row r="532252" spans="8:8">
      <c r="H532252" s="12"/>
    </row>
    <row r="532253" spans="8:8">
      <c r="H532253" s="12"/>
    </row>
    <row r="532254" spans="8:8">
      <c r="H532254" s="12"/>
    </row>
    <row r="532255" spans="8:8">
      <c r="H532255" s="12"/>
    </row>
    <row r="532256" spans="8:8">
      <c r="H532256" s="12"/>
    </row>
    <row r="532257" spans="8:8">
      <c r="H532257" s="12"/>
    </row>
    <row r="532258" spans="8:8">
      <c r="H532258" s="12"/>
    </row>
    <row r="532259" spans="8:8">
      <c r="H532259" s="12"/>
    </row>
    <row r="532260" spans="8:8">
      <c r="H532260" s="12"/>
    </row>
    <row r="532261" spans="8:8">
      <c r="H532261" s="12"/>
    </row>
    <row r="532262" spans="8:8">
      <c r="H532262" s="12"/>
    </row>
    <row r="532263" spans="8:8">
      <c r="H532263" s="12"/>
    </row>
    <row r="532264" spans="8:8">
      <c r="H532264" s="12"/>
    </row>
    <row r="532265" spans="8:8">
      <c r="H532265" s="12"/>
    </row>
    <row r="532266" spans="8:8">
      <c r="H532266" s="12"/>
    </row>
    <row r="532267" spans="8:8">
      <c r="H532267" s="12"/>
    </row>
    <row r="532268" spans="8:8">
      <c r="H532268" s="12"/>
    </row>
    <row r="532269" spans="8:8">
      <c r="H532269" s="12"/>
    </row>
    <row r="532270" spans="8:8">
      <c r="H532270" s="12"/>
    </row>
    <row r="532271" spans="8:8">
      <c r="H532271" s="12"/>
    </row>
    <row r="532272" spans="8:8">
      <c r="H532272" s="12"/>
    </row>
    <row r="532273" spans="8:8">
      <c r="H532273" s="12"/>
    </row>
    <row r="532274" spans="8:8">
      <c r="H532274" s="12"/>
    </row>
    <row r="532275" spans="8:8">
      <c r="H532275" s="12"/>
    </row>
    <row r="532276" spans="8:8">
      <c r="H532276" s="12"/>
    </row>
    <row r="532277" spans="8:8">
      <c r="H532277" s="12"/>
    </row>
    <row r="532278" spans="8:8">
      <c r="H532278" s="12"/>
    </row>
    <row r="532279" spans="8:8">
      <c r="H532279" s="12"/>
    </row>
    <row r="532280" spans="8:8">
      <c r="H532280" s="12"/>
    </row>
    <row r="532281" spans="8:8">
      <c r="H532281" s="12"/>
    </row>
    <row r="532282" spans="8:8">
      <c r="H532282" s="12"/>
    </row>
    <row r="532283" spans="8:8">
      <c r="H532283" s="12"/>
    </row>
    <row r="532284" spans="8:8">
      <c r="H532284" s="12"/>
    </row>
    <row r="532285" spans="8:8">
      <c r="H532285" s="12"/>
    </row>
    <row r="532286" spans="8:8">
      <c r="H532286" s="12"/>
    </row>
    <row r="532287" spans="8:8">
      <c r="H532287" s="12"/>
    </row>
    <row r="532288" spans="8:8">
      <c r="H532288" s="12"/>
    </row>
    <row r="532289" spans="8:8">
      <c r="H532289" s="12"/>
    </row>
    <row r="532290" spans="8:8">
      <c r="H532290" s="12"/>
    </row>
    <row r="532291" spans="8:8">
      <c r="H532291" s="12"/>
    </row>
    <row r="532292" spans="8:8">
      <c r="H532292" s="12"/>
    </row>
    <row r="532293" spans="8:8">
      <c r="H532293" s="12"/>
    </row>
    <row r="532294" spans="8:8">
      <c r="H532294" s="12"/>
    </row>
    <row r="532295" spans="8:8">
      <c r="H532295" s="12"/>
    </row>
    <row r="532296" spans="8:8">
      <c r="H532296" s="12"/>
    </row>
    <row r="532297" spans="8:8">
      <c r="H532297" s="12"/>
    </row>
    <row r="532298" spans="8:8">
      <c r="H532298" s="12"/>
    </row>
    <row r="532299" spans="8:8">
      <c r="H532299" s="12"/>
    </row>
    <row r="532300" spans="8:8">
      <c r="H532300" s="12"/>
    </row>
    <row r="532301" spans="8:8">
      <c r="H532301" s="12"/>
    </row>
    <row r="532302" spans="8:8">
      <c r="H532302" s="12"/>
    </row>
    <row r="532303" spans="8:8">
      <c r="H532303" s="12"/>
    </row>
    <row r="532304" spans="8:8">
      <c r="H532304" s="12"/>
    </row>
    <row r="532305" spans="8:8">
      <c r="H532305" s="12"/>
    </row>
    <row r="532306" spans="8:8">
      <c r="H532306" s="12"/>
    </row>
    <row r="532307" spans="8:8">
      <c r="H532307" s="12"/>
    </row>
    <row r="532308" spans="8:8">
      <c r="H532308" s="12"/>
    </row>
    <row r="532309" spans="8:8">
      <c r="H532309" s="12"/>
    </row>
    <row r="532310" spans="8:8">
      <c r="H532310" s="12"/>
    </row>
    <row r="532311" spans="8:8">
      <c r="H532311" s="12"/>
    </row>
    <row r="532312" spans="8:8">
      <c r="H532312" s="12"/>
    </row>
    <row r="532313" spans="8:8">
      <c r="H532313" s="12"/>
    </row>
    <row r="532314" spans="8:8">
      <c r="H532314" s="12"/>
    </row>
    <row r="532315" spans="8:8">
      <c r="H532315" s="12"/>
    </row>
    <row r="532316" spans="8:8">
      <c r="H532316" s="12"/>
    </row>
    <row r="532317" spans="8:8">
      <c r="H532317" s="12"/>
    </row>
    <row r="532318" spans="8:8">
      <c r="H532318" s="12"/>
    </row>
    <row r="532319" spans="8:8">
      <c r="H532319" s="12"/>
    </row>
    <row r="532320" spans="8:8">
      <c r="H532320" s="12"/>
    </row>
    <row r="532321" spans="8:8">
      <c r="H532321" s="12"/>
    </row>
    <row r="532322" spans="8:8">
      <c r="H532322" s="12"/>
    </row>
    <row r="532323" spans="8:8">
      <c r="H532323" s="12"/>
    </row>
    <row r="532324" spans="8:8">
      <c r="H532324" s="12"/>
    </row>
    <row r="532325" spans="8:8">
      <c r="H532325" s="12"/>
    </row>
    <row r="532326" spans="8:8">
      <c r="H532326" s="12"/>
    </row>
    <row r="532327" spans="8:8">
      <c r="H532327" s="12"/>
    </row>
    <row r="532328" spans="8:8">
      <c r="H532328" s="12"/>
    </row>
    <row r="532329" spans="8:8">
      <c r="H532329" s="12"/>
    </row>
    <row r="532330" spans="8:8">
      <c r="H532330" s="12"/>
    </row>
    <row r="532331" spans="8:8">
      <c r="H532331" s="12"/>
    </row>
    <row r="532332" spans="8:8">
      <c r="H532332" s="12"/>
    </row>
    <row r="532333" spans="8:8">
      <c r="H532333" s="12"/>
    </row>
    <row r="532334" spans="8:8">
      <c r="H532334" s="12"/>
    </row>
    <row r="532335" spans="8:8">
      <c r="H532335" s="12"/>
    </row>
    <row r="532336" spans="8:8">
      <c r="H532336" s="12"/>
    </row>
    <row r="532337" spans="8:8">
      <c r="H532337" s="12"/>
    </row>
    <row r="532338" spans="8:8">
      <c r="H532338" s="12"/>
    </row>
    <row r="532339" spans="8:8">
      <c r="H532339" s="12"/>
    </row>
    <row r="532340" spans="8:8">
      <c r="H532340" s="12"/>
    </row>
    <row r="532341" spans="8:8">
      <c r="H532341" s="12"/>
    </row>
    <row r="532342" spans="8:8">
      <c r="H532342" s="12"/>
    </row>
    <row r="532343" spans="8:8">
      <c r="H532343" s="12"/>
    </row>
    <row r="532344" spans="8:8">
      <c r="H532344" s="12"/>
    </row>
    <row r="532345" spans="8:8">
      <c r="H532345" s="12"/>
    </row>
    <row r="532346" spans="8:8">
      <c r="H532346" s="12"/>
    </row>
    <row r="532347" spans="8:8">
      <c r="H532347" s="12"/>
    </row>
    <row r="532348" spans="8:8">
      <c r="H532348" s="12"/>
    </row>
    <row r="532349" spans="8:8">
      <c r="H532349" s="12"/>
    </row>
    <row r="532350" spans="8:8">
      <c r="H532350" s="12"/>
    </row>
    <row r="532351" spans="8:8">
      <c r="H532351" s="12"/>
    </row>
    <row r="532352" spans="8:8">
      <c r="H532352" s="12"/>
    </row>
    <row r="532353" spans="8:8">
      <c r="H532353" s="12"/>
    </row>
    <row r="532354" spans="8:8">
      <c r="H532354" s="12"/>
    </row>
    <row r="532355" spans="8:8">
      <c r="H532355" s="12"/>
    </row>
    <row r="532356" spans="8:8">
      <c r="H532356" s="12"/>
    </row>
    <row r="532357" spans="8:8">
      <c r="H532357" s="12"/>
    </row>
    <row r="532358" spans="8:8">
      <c r="H532358" s="12"/>
    </row>
    <row r="532359" spans="8:8">
      <c r="H532359" s="12"/>
    </row>
    <row r="532360" spans="8:8">
      <c r="H532360" s="12"/>
    </row>
    <row r="532361" spans="8:8">
      <c r="H532361" s="12"/>
    </row>
    <row r="532362" spans="8:8">
      <c r="H532362" s="12"/>
    </row>
    <row r="532363" spans="8:8">
      <c r="H532363" s="12"/>
    </row>
    <row r="532364" spans="8:8">
      <c r="H532364" s="12"/>
    </row>
    <row r="532365" spans="8:8">
      <c r="H532365" s="12"/>
    </row>
    <row r="532366" spans="8:8">
      <c r="H532366" s="12"/>
    </row>
    <row r="532367" spans="8:8">
      <c r="H532367" s="12"/>
    </row>
    <row r="532368" spans="8:8">
      <c r="H532368" s="12"/>
    </row>
    <row r="532369" spans="8:8">
      <c r="H532369" s="12"/>
    </row>
    <row r="532370" spans="8:8">
      <c r="H532370" s="12"/>
    </row>
    <row r="532371" spans="8:8">
      <c r="H532371" s="12"/>
    </row>
    <row r="532372" spans="8:8">
      <c r="H532372" s="12"/>
    </row>
    <row r="532373" spans="8:8">
      <c r="H532373" s="12"/>
    </row>
    <row r="532374" spans="8:8">
      <c r="H532374" s="12"/>
    </row>
    <row r="532375" spans="8:8">
      <c r="H532375" s="12"/>
    </row>
    <row r="532376" spans="8:8">
      <c r="H532376" s="12"/>
    </row>
    <row r="532377" spans="8:8">
      <c r="H532377" s="12"/>
    </row>
    <row r="532378" spans="8:8">
      <c r="H532378" s="12"/>
    </row>
    <row r="532379" spans="8:8">
      <c r="H532379" s="12"/>
    </row>
    <row r="532380" spans="8:8">
      <c r="H532380" s="12"/>
    </row>
    <row r="532381" spans="8:8">
      <c r="H532381" s="12"/>
    </row>
    <row r="532382" spans="8:8">
      <c r="H532382" s="12"/>
    </row>
    <row r="532383" spans="8:8">
      <c r="H532383" s="12"/>
    </row>
    <row r="532384" spans="8:8">
      <c r="H532384" s="12"/>
    </row>
    <row r="532385" spans="8:8">
      <c r="H532385" s="12"/>
    </row>
    <row r="532386" spans="8:8">
      <c r="H532386" s="12"/>
    </row>
    <row r="532387" spans="8:8">
      <c r="H532387" s="12"/>
    </row>
    <row r="532388" spans="8:8">
      <c r="H532388" s="12"/>
    </row>
    <row r="532389" spans="8:8">
      <c r="H532389" s="12"/>
    </row>
    <row r="532390" spans="8:8">
      <c r="H532390" s="12"/>
    </row>
    <row r="532391" spans="8:8">
      <c r="H532391" s="12"/>
    </row>
    <row r="532392" spans="8:8">
      <c r="H532392" s="12"/>
    </row>
    <row r="532393" spans="8:8">
      <c r="H532393" s="12"/>
    </row>
    <row r="532394" spans="8:8">
      <c r="H532394" s="12"/>
    </row>
    <row r="532395" spans="8:8">
      <c r="H532395" s="12"/>
    </row>
    <row r="532396" spans="8:8">
      <c r="H532396" s="12"/>
    </row>
    <row r="532397" spans="8:8">
      <c r="H532397" s="12"/>
    </row>
    <row r="532398" spans="8:8">
      <c r="H532398" s="12"/>
    </row>
    <row r="532399" spans="8:8">
      <c r="H532399" s="12"/>
    </row>
    <row r="532400" spans="8:8">
      <c r="H532400" s="12"/>
    </row>
    <row r="532401" spans="8:8">
      <c r="H532401" s="12"/>
    </row>
    <row r="532402" spans="8:8">
      <c r="H532402" s="12"/>
    </row>
    <row r="532403" spans="8:8">
      <c r="H532403" s="12"/>
    </row>
    <row r="532404" spans="8:8">
      <c r="H532404" s="12"/>
    </row>
    <row r="532405" spans="8:8">
      <c r="H532405" s="12"/>
    </row>
    <row r="532406" spans="8:8">
      <c r="H532406" s="12"/>
    </row>
    <row r="532407" spans="8:8">
      <c r="H532407" s="12"/>
    </row>
    <row r="532408" spans="8:8">
      <c r="H532408" s="12"/>
    </row>
    <row r="532409" spans="8:8">
      <c r="H532409" s="12"/>
    </row>
    <row r="532410" spans="8:8">
      <c r="H532410" s="12"/>
    </row>
    <row r="532411" spans="8:8">
      <c r="H532411" s="12"/>
    </row>
    <row r="532412" spans="8:8">
      <c r="H532412" s="12"/>
    </row>
    <row r="532413" spans="8:8">
      <c r="H532413" s="12"/>
    </row>
    <row r="532414" spans="8:8">
      <c r="H532414" s="12"/>
    </row>
    <row r="532415" spans="8:8">
      <c r="H532415" s="12"/>
    </row>
    <row r="532416" spans="8:8">
      <c r="H532416" s="12"/>
    </row>
    <row r="532417" spans="8:8">
      <c r="H532417" s="12"/>
    </row>
    <row r="532418" spans="8:8">
      <c r="H532418" s="12"/>
    </row>
    <row r="532419" spans="8:8">
      <c r="H532419" s="12"/>
    </row>
    <row r="532420" spans="8:8">
      <c r="H532420" s="12"/>
    </row>
    <row r="532421" spans="8:8">
      <c r="H532421" s="12"/>
    </row>
    <row r="532422" spans="8:8">
      <c r="H532422" s="12"/>
    </row>
    <row r="532423" spans="8:8">
      <c r="H532423" s="12"/>
    </row>
    <row r="532424" spans="8:8">
      <c r="H532424" s="12"/>
    </row>
    <row r="532425" spans="8:8">
      <c r="H532425" s="12"/>
    </row>
    <row r="532426" spans="8:8">
      <c r="H532426" s="12"/>
    </row>
    <row r="532427" spans="8:8">
      <c r="H532427" s="12"/>
    </row>
    <row r="532428" spans="8:8">
      <c r="H532428" s="12"/>
    </row>
    <row r="532429" spans="8:8">
      <c r="H532429" s="12"/>
    </row>
    <row r="532430" spans="8:8">
      <c r="H532430" s="12"/>
    </row>
    <row r="532431" spans="8:8">
      <c r="H532431" s="12"/>
    </row>
    <row r="532432" spans="8:8">
      <c r="H532432" s="12"/>
    </row>
    <row r="532433" spans="8:8">
      <c r="H532433" s="12"/>
    </row>
    <row r="532434" spans="8:8">
      <c r="H532434" s="12"/>
    </row>
    <row r="532435" spans="8:8">
      <c r="H532435" s="12"/>
    </row>
    <row r="532436" spans="8:8">
      <c r="H532436" s="12"/>
    </row>
    <row r="532437" spans="8:8">
      <c r="H532437" s="12"/>
    </row>
    <row r="532438" spans="8:8">
      <c r="H532438" s="12"/>
    </row>
    <row r="532439" spans="8:8">
      <c r="H532439" s="12"/>
    </row>
    <row r="532440" spans="8:8">
      <c r="H532440" s="12"/>
    </row>
    <row r="532441" spans="8:8">
      <c r="H532441" s="12"/>
    </row>
    <row r="532442" spans="8:8">
      <c r="H532442" s="12"/>
    </row>
    <row r="532443" spans="8:8">
      <c r="H532443" s="12"/>
    </row>
    <row r="532444" spans="8:8">
      <c r="H532444" s="12"/>
    </row>
    <row r="532445" spans="8:8">
      <c r="H532445" s="12"/>
    </row>
    <row r="532446" spans="8:8">
      <c r="H532446" s="12"/>
    </row>
    <row r="532447" spans="8:8">
      <c r="H532447" s="12"/>
    </row>
    <row r="532448" spans="8:8">
      <c r="H532448" s="12"/>
    </row>
    <row r="532449" spans="8:8">
      <c r="H532449" s="12"/>
    </row>
    <row r="532450" spans="8:8">
      <c r="H532450" s="12"/>
    </row>
    <row r="532451" spans="8:8">
      <c r="H532451" s="12"/>
    </row>
    <row r="532452" spans="8:8">
      <c r="H532452" s="12"/>
    </row>
    <row r="532453" spans="8:8">
      <c r="H532453" s="12"/>
    </row>
    <row r="532454" spans="8:8">
      <c r="H532454" s="12"/>
    </row>
    <row r="532455" spans="8:8">
      <c r="H532455" s="12"/>
    </row>
    <row r="532456" spans="8:8">
      <c r="H532456" s="12"/>
    </row>
    <row r="532457" spans="8:8">
      <c r="H532457" s="12"/>
    </row>
    <row r="532458" spans="8:8">
      <c r="H532458" s="12"/>
    </row>
    <row r="532459" spans="8:8">
      <c r="H532459" s="12"/>
    </row>
    <row r="532460" spans="8:8">
      <c r="H532460" s="12"/>
    </row>
    <row r="532461" spans="8:8">
      <c r="H532461" s="12"/>
    </row>
    <row r="532462" spans="8:8">
      <c r="H532462" s="12"/>
    </row>
    <row r="532463" spans="8:8">
      <c r="H532463" s="12"/>
    </row>
    <row r="532464" spans="8:8">
      <c r="H532464" s="12"/>
    </row>
    <row r="532465" spans="8:8">
      <c r="H532465" s="12"/>
    </row>
    <row r="532466" spans="8:8">
      <c r="H532466" s="12"/>
    </row>
    <row r="532467" spans="8:8">
      <c r="H532467" s="12"/>
    </row>
    <row r="532468" spans="8:8">
      <c r="H532468" s="12"/>
    </row>
    <row r="532469" spans="8:8">
      <c r="H532469" s="12"/>
    </row>
    <row r="532470" spans="8:8">
      <c r="H532470" s="12"/>
    </row>
    <row r="532471" spans="8:8">
      <c r="H532471" s="12"/>
    </row>
    <row r="532472" spans="8:8">
      <c r="H532472" s="12"/>
    </row>
    <row r="532473" spans="8:8">
      <c r="H532473" s="12"/>
    </row>
    <row r="532474" spans="8:8">
      <c r="H532474" s="12"/>
    </row>
    <row r="532475" spans="8:8">
      <c r="H532475" s="12"/>
    </row>
    <row r="532476" spans="8:8">
      <c r="H532476" s="12"/>
    </row>
    <row r="532477" spans="8:8">
      <c r="H532477" s="12"/>
    </row>
    <row r="532478" spans="8:8">
      <c r="H532478" s="12"/>
    </row>
    <row r="532479" spans="8:8">
      <c r="H532479" s="12"/>
    </row>
    <row r="532480" spans="8:8">
      <c r="H532480" s="12"/>
    </row>
    <row r="532481" spans="8:8">
      <c r="H532481" s="12"/>
    </row>
    <row r="532482" spans="8:8">
      <c r="H532482" s="12"/>
    </row>
    <row r="532483" spans="8:8">
      <c r="H532483" s="12"/>
    </row>
    <row r="532484" spans="8:8">
      <c r="H532484" s="12"/>
    </row>
    <row r="532485" spans="8:8">
      <c r="H532485" s="12"/>
    </row>
    <row r="532486" spans="8:8">
      <c r="H532486" s="12"/>
    </row>
    <row r="532487" spans="8:8">
      <c r="H532487" s="12"/>
    </row>
    <row r="532488" spans="8:8">
      <c r="H532488" s="12"/>
    </row>
    <row r="532489" spans="8:8">
      <c r="H532489" s="12"/>
    </row>
    <row r="532490" spans="8:8">
      <c r="H532490" s="12"/>
    </row>
    <row r="532491" spans="8:8">
      <c r="H532491" s="12"/>
    </row>
    <row r="532492" spans="8:8">
      <c r="H532492" s="12"/>
    </row>
    <row r="532493" spans="8:8">
      <c r="H532493" s="12"/>
    </row>
    <row r="532494" spans="8:8">
      <c r="H532494" s="12"/>
    </row>
    <row r="532495" spans="8:8">
      <c r="H532495" s="12"/>
    </row>
    <row r="532496" spans="8:8">
      <c r="H532496" s="12"/>
    </row>
    <row r="532497" spans="8:8">
      <c r="H532497" s="12"/>
    </row>
    <row r="532498" spans="8:8">
      <c r="H532498" s="12"/>
    </row>
    <row r="532499" spans="8:8">
      <c r="H532499" s="12"/>
    </row>
    <row r="532500" spans="8:8">
      <c r="H532500" s="12"/>
    </row>
    <row r="532501" spans="8:8">
      <c r="H532501" s="12"/>
    </row>
    <row r="532502" spans="8:8">
      <c r="H532502" s="12"/>
    </row>
    <row r="532503" spans="8:8">
      <c r="H532503" s="12"/>
    </row>
    <row r="532504" spans="8:8">
      <c r="H532504" s="12"/>
    </row>
    <row r="532505" spans="8:8">
      <c r="H532505" s="12"/>
    </row>
    <row r="532506" spans="8:8">
      <c r="H532506" s="12"/>
    </row>
    <row r="532507" spans="8:8">
      <c r="H532507" s="12"/>
    </row>
    <row r="532508" spans="8:8">
      <c r="H532508" s="12"/>
    </row>
    <row r="532509" spans="8:8">
      <c r="H532509" s="12"/>
    </row>
    <row r="532510" spans="8:8">
      <c r="H532510" s="12"/>
    </row>
    <row r="532511" spans="8:8">
      <c r="H532511" s="12"/>
    </row>
    <row r="532512" spans="8:8">
      <c r="H532512" s="12"/>
    </row>
    <row r="532513" spans="8:8">
      <c r="H532513" s="12"/>
    </row>
    <row r="532514" spans="8:8">
      <c r="H532514" s="12"/>
    </row>
    <row r="532515" spans="8:8">
      <c r="H532515" s="12"/>
    </row>
    <row r="532516" spans="8:8">
      <c r="H532516" s="12"/>
    </row>
    <row r="532517" spans="8:8">
      <c r="H532517" s="12"/>
    </row>
    <row r="532518" spans="8:8">
      <c r="H532518" s="12"/>
    </row>
    <row r="532519" spans="8:8">
      <c r="H532519" s="12"/>
    </row>
    <row r="532520" spans="8:8">
      <c r="H532520" s="12"/>
    </row>
    <row r="532521" spans="8:8">
      <c r="H532521" s="12"/>
    </row>
    <row r="532522" spans="8:8">
      <c r="H532522" s="12"/>
    </row>
    <row r="532523" spans="8:8">
      <c r="H532523" s="12"/>
    </row>
    <row r="532524" spans="8:8">
      <c r="H532524" s="12"/>
    </row>
    <row r="532525" spans="8:8">
      <c r="H532525" s="12"/>
    </row>
    <row r="532526" spans="8:8">
      <c r="H532526" s="12"/>
    </row>
    <row r="532527" spans="8:8">
      <c r="H532527" s="12"/>
    </row>
    <row r="532528" spans="8:8">
      <c r="H532528" s="12"/>
    </row>
    <row r="532529" spans="8:8">
      <c r="H532529" s="12"/>
    </row>
    <row r="532530" spans="8:8">
      <c r="H532530" s="12"/>
    </row>
    <row r="532531" spans="8:8">
      <c r="H532531" s="12"/>
    </row>
    <row r="532532" spans="8:8">
      <c r="H532532" s="12"/>
    </row>
    <row r="532533" spans="8:8">
      <c r="H532533" s="12"/>
    </row>
    <row r="532534" spans="8:8">
      <c r="H532534" s="12"/>
    </row>
    <row r="532535" spans="8:8">
      <c r="H532535" s="12"/>
    </row>
    <row r="532536" spans="8:8">
      <c r="H532536" s="12"/>
    </row>
    <row r="532537" spans="8:8">
      <c r="H532537" s="12"/>
    </row>
    <row r="532538" spans="8:8">
      <c r="H532538" s="12"/>
    </row>
    <row r="532539" spans="8:8">
      <c r="H532539" s="12"/>
    </row>
    <row r="532540" spans="8:8">
      <c r="H532540" s="12"/>
    </row>
    <row r="532541" spans="8:8">
      <c r="H532541" s="12"/>
    </row>
    <row r="532542" spans="8:8">
      <c r="H532542" s="12"/>
    </row>
    <row r="532543" spans="8:8">
      <c r="H532543" s="12"/>
    </row>
    <row r="532544" spans="8:8">
      <c r="H532544" s="12"/>
    </row>
    <row r="532545" spans="8:8">
      <c r="H532545" s="12"/>
    </row>
    <row r="532546" spans="8:8">
      <c r="H532546" s="12"/>
    </row>
    <row r="532547" spans="8:8">
      <c r="H532547" s="12"/>
    </row>
    <row r="532548" spans="8:8">
      <c r="H532548" s="12"/>
    </row>
    <row r="532549" spans="8:8">
      <c r="H532549" s="12"/>
    </row>
    <row r="532550" spans="8:8">
      <c r="H532550" s="12"/>
    </row>
    <row r="532551" spans="8:8">
      <c r="H532551" s="12"/>
    </row>
    <row r="532552" spans="8:8">
      <c r="H532552" s="12"/>
    </row>
    <row r="532553" spans="8:8">
      <c r="H532553" s="12"/>
    </row>
    <row r="532554" spans="8:8">
      <c r="H532554" s="12"/>
    </row>
    <row r="532555" spans="8:8">
      <c r="H532555" s="12"/>
    </row>
    <row r="532556" spans="8:8">
      <c r="H532556" s="12"/>
    </row>
    <row r="532557" spans="8:8">
      <c r="H532557" s="12"/>
    </row>
    <row r="532558" spans="8:8">
      <c r="H532558" s="12"/>
    </row>
    <row r="532559" spans="8:8">
      <c r="H532559" s="12"/>
    </row>
    <row r="532560" spans="8:8">
      <c r="H532560" s="12"/>
    </row>
    <row r="532561" spans="8:8">
      <c r="H532561" s="12"/>
    </row>
    <row r="532562" spans="8:8">
      <c r="H532562" s="12"/>
    </row>
    <row r="532563" spans="8:8">
      <c r="H532563" s="12"/>
    </row>
    <row r="532564" spans="8:8">
      <c r="H532564" s="12"/>
    </row>
    <row r="532565" spans="8:8">
      <c r="H532565" s="12"/>
    </row>
    <row r="532566" spans="8:8">
      <c r="H532566" s="12"/>
    </row>
    <row r="532567" spans="8:8">
      <c r="H532567" s="12"/>
    </row>
    <row r="532568" spans="8:8">
      <c r="H532568" s="12"/>
    </row>
    <row r="532569" spans="8:8">
      <c r="H532569" s="12"/>
    </row>
    <row r="532570" spans="8:8">
      <c r="H532570" s="12"/>
    </row>
    <row r="532571" spans="8:8">
      <c r="H532571" s="12"/>
    </row>
    <row r="532572" spans="8:8">
      <c r="H532572" s="12"/>
    </row>
    <row r="532573" spans="8:8">
      <c r="H532573" s="12"/>
    </row>
    <row r="532574" spans="8:8">
      <c r="H532574" s="12"/>
    </row>
    <row r="532575" spans="8:8">
      <c r="H532575" s="12"/>
    </row>
    <row r="532576" spans="8:8">
      <c r="H532576" s="12"/>
    </row>
    <row r="532577" spans="8:8">
      <c r="H532577" s="12"/>
    </row>
    <row r="532578" spans="8:8">
      <c r="H532578" s="12"/>
    </row>
    <row r="532579" spans="8:8">
      <c r="H532579" s="12"/>
    </row>
    <row r="532580" spans="8:8">
      <c r="H532580" s="12"/>
    </row>
    <row r="532581" spans="8:8">
      <c r="H532581" s="12"/>
    </row>
    <row r="532582" spans="8:8">
      <c r="H532582" s="12"/>
    </row>
    <row r="532583" spans="8:8">
      <c r="H532583" s="12"/>
    </row>
    <row r="532584" spans="8:8">
      <c r="H532584" s="12"/>
    </row>
    <row r="532585" spans="8:8">
      <c r="H532585" s="12"/>
    </row>
    <row r="532586" spans="8:8">
      <c r="H532586" s="12"/>
    </row>
    <row r="532587" spans="8:8">
      <c r="H532587" s="12"/>
    </row>
    <row r="532588" spans="8:8">
      <c r="H532588" s="12"/>
    </row>
    <row r="532589" spans="8:8">
      <c r="H532589" s="12"/>
    </row>
    <row r="532590" spans="8:8">
      <c r="H532590" s="12"/>
    </row>
    <row r="532591" spans="8:8">
      <c r="H532591" s="12"/>
    </row>
    <row r="532592" spans="8:8">
      <c r="H532592" s="12"/>
    </row>
    <row r="532593" spans="8:8">
      <c r="H532593" s="12"/>
    </row>
    <row r="532594" spans="8:8">
      <c r="H532594" s="12"/>
    </row>
    <row r="532595" spans="8:8">
      <c r="H532595" s="12"/>
    </row>
    <row r="532596" spans="8:8">
      <c r="H532596" s="12"/>
    </row>
    <row r="532597" spans="8:8">
      <c r="H532597" s="12"/>
    </row>
    <row r="532598" spans="8:8">
      <c r="H532598" s="12"/>
    </row>
    <row r="532599" spans="8:8">
      <c r="H532599" s="12"/>
    </row>
    <row r="532600" spans="8:8">
      <c r="H532600" s="12"/>
    </row>
    <row r="532601" spans="8:8">
      <c r="H532601" s="12"/>
    </row>
    <row r="532602" spans="8:8">
      <c r="H532602" s="12"/>
    </row>
    <row r="532603" spans="8:8">
      <c r="H532603" s="12"/>
    </row>
    <row r="532604" spans="8:8">
      <c r="H532604" s="12"/>
    </row>
    <row r="532605" spans="8:8">
      <c r="H532605" s="12"/>
    </row>
    <row r="532606" spans="8:8">
      <c r="H532606" s="12"/>
    </row>
    <row r="532607" spans="8:8">
      <c r="H532607" s="12"/>
    </row>
    <row r="532608" spans="8:8">
      <c r="H532608" s="12"/>
    </row>
    <row r="532609" spans="8:8">
      <c r="H532609" s="12"/>
    </row>
    <row r="532610" spans="8:8">
      <c r="H532610" s="12"/>
    </row>
    <row r="532611" spans="8:8">
      <c r="H532611" s="12"/>
    </row>
    <row r="532612" spans="8:8">
      <c r="H532612" s="12"/>
    </row>
    <row r="532613" spans="8:8">
      <c r="H532613" s="12"/>
    </row>
    <row r="532614" spans="8:8">
      <c r="H532614" s="12"/>
    </row>
    <row r="532615" spans="8:8">
      <c r="H532615" s="12"/>
    </row>
    <row r="532616" spans="8:8">
      <c r="H532616" s="12"/>
    </row>
    <row r="532617" spans="8:8">
      <c r="H532617" s="12"/>
    </row>
    <row r="532618" spans="8:8">
      <c r="H532618" s="12"/>
    </row>
    <row r="532619" spans="8:8">
      <c r="H532619" s="12"/>
    </row>
    <row r="532620" spans="8:8">
      <c r="H532620" s="12"/>
    </row>
    <row r="532621" spans="8:8">
      <c r="H532621" s="12"/>
    </row>
    <row r="532622" spans="8:8">
      <c r="H532622" s="12"/>
    </row>
    <row r="532623" spans="8:8">
      <c r="H532623" s="12"/>
    </row>
    <row r="532624" spans="8:8">
      <c r="H532624" s="12"/>
    </row>
    <row r="532625" spans="8:8">
      <c r="H532625" s="12"/>
    </row>
    <row r="532626" spans="8:8">
      <c r="H532626" s="12"/>
    </row>
    <row r="532627" spans="8:8">
      <c r="H532627" s="12"/>
    </row>
    <row r="532628" spans="8:8">
      <c r="H532628" s="12"/>
    </row>
    <row r="532629" spans="8:8">
      <c r="H532629" s="12"/>
    </row>
    <row r="532630" spans="8:8">
      <c r="H532630" s="12"/>
    </row>
    <row r="532631" spans="8:8">
      <c r="H532631" s="12"/>
    </row>
    <row r="532632" spans="8:8">
      <c r="H532632" s="12"/>
    </row>
    <row r="532633" spans="8:8">
      <c r="H532633" s="12"/>
    </row>
    <row r="532634" spans="8:8">
      <c r="H532634" s="12"/>
    </row>
    <row r="532635" spans="8:8">
      <c r="H532635" s="12"/>
    </row>
    <row r="532636" spans="8:8">
      <c r="H532636" s="12"/>
    </row>
    <row r="532637" spans="8:8">
      <c r="H532637" s="12"/>
    </row>
    <row r="532638" spans="8:8">
      <c r="H532638" s="12"/>
    </row>
    <row r="532639" spans="8:8">
      <c r="H532639" s="12"/>
    </row>
    <row r="532640" spans="8:8">
      <c r="H532640" s="12"/>
    </row>
    <row r="532641" spans="8:8">
      <c r="H532641" s="12"/>
    </row>
    <row r="532642" spans="8:8">
      <c r="H532642" s="12"/>
    </row>
    <row r="532643" spans="8:8">
      <c r="H532643" s="12"/>
    </row>
    <row r="532644" spans="8:8">
      <c r="H532644" s="12"/>
    </row>
    <row r="532645" spans="8:8">
      <c r="H532645" s="12"/>
    </row>
    <row r="532646" spans="8:8">
      <c r="H532646" s="12"/>
    </row>
    <row r="532647" spans="8:8">
      <c r="H532647" s="12"/>
    </row>
    <row r="532648" spans="8:8">
      <c r="H532648" s="12"/>
    </row>
    <row r="532649" spans="8:8">
      <c r="H532649" s="12"/>
    </row>
    <row r="532650" spans="8:8">
      <c r="H532650" s="12"/>
    </row>
    <row r="532651" spans="8:8">
      <c r="H532651" s="12"/>
    </row>
    <row r="532652" spans="8:8">
      <c r="H532652" s="12"/>
    </row>
    <row r="532653" spans="8:8">
      <c r="H532653" s="12"/>
    </row>
    <row r="532654" spans="8:8">
      <c r="H532654" s="12"/>
    </row>
    <row r="532655" spans="8:8">
      <c r="H532655" s="12"/>
    </row>
    <row r="532656" spans="8:8">
      <c r="H532656" s="12"/>
    </row>
    <row r="532657" spans="8:8">
      <c r="H532657" s="12"/>
    </row>
    <row r="532658" spans="8:8">
      <c r="H532658" s="12"/>
    </row>
    <row r="532659" spans="8:8">
      <c r="H532659" s="12"/>
    </row>
    <row r="532660" spans="8:8">
      <c r="H532660" s="12"/>
    </row>
    <row r="532661" spans="8:8">
      <c r="H532661" s="12"/>
    </row>
    <row r="532662" spans="8:8">
      <c r="H532662" s="12"/>
    </row>
    <row r="532663" spans="8:8">
      <c r="H532663" s="12"/>
    </row>
    <row r="532664" spans="8:8">
      <c r="H532664" s="12"/>
    </row>
    <row r="532665" spans="8:8">
      <c r="H532665" s="12"/>
    </row>
    <row r="532666" spans="8:8">
      <c r="H532666" s="12"/>
    </row>
    <row r="532667" spans="8:8">
      <c r="H532667" s="12"/>
    </row>
    <row r="532668" spans="8:8">
      <c r="H532668" s="12"/>
    </row>
    <row r="532669" spans="8:8">
      <c r="H532669" s="12"/>
    </row>
    <row r="532670" spans="8:8">
      <c r="H532670" s="12"/>
    </row>
    <row r="532671" spans="8:8">
      <c r="H532671" s="12"/>
    </row>
    <row r="532672" spans="8:8">
      <c r="H532672" s="12"/>
    </row>
    <row r="532673" spans="8:8">
      <c r="H532673" s="12"/>
    </row>
    <row r="532674" spans="8:8">
      <c r="H532674" s="12"/>
    </row>
    <row r="532675" spans="8:8">
      <c r="H532675" s="12"/>
    </row>
    <row r="532676" spans="8:8">
      <c r="H532676" s="12"/>
    </row>
    <row r="532677" spans="8:8">
      <c r="H532677" s="12"/>
    </row>
    <row r="532678" spans="8:8">
      <c r="H532678" s="12"/>
    </row>
    <row r="532679" spans="8:8">
      <c r="H532679" s="12"/>
    </row>
    <row r="532680" spans="8:8">
      <c r="H532680" s="12"/>
    </row>
    <row r="532681" spans="8:8">
      <c r="H532681" s="12"/>
    </row>
    <row r="532682" spans="8:8">
      <c r="H532682" s="12"/>
    </row>
    <row r="532683" spans="8:8">
      <c r="H532683" s="12"/>
    </row>
    <row r="532684" spans="8:8">
      <c r="H532684" s="12"/>
    </row>
    <row r="532685" spans="8:8">
      <c r="H532685" s="12"/>
    </row>
    <row r="532686" spans="8:8">
      <c r="H532686" s="12"/>
    </row>
    <row r="532687" spans="8:8">
      <c r="H532687" s="12"/>
    </row>
    <row r="532688" spans="8:8">
      <c r="H532688" s="12"/>
    </row>
    <row r="532689" spans="8:8">
      <c r="H532689" s="12"/>
    </row>
    <row r="532690" spans="8:8">
      <c r="H532690" s="12"/>
    </row>
    <row r="532691" spans="8:8">
      <c r="H532691" s="12"/>
    </row>
    <row r="532692" spans="8:8">
      <c r="H532692" s="12"/>
    </row>
    <row r="532693" spans="8:8">
      <c r="H532693" s="12"/>
    </row>
    <row r="532694" spans="8:8">
      <c r="H532694" s="12"/>
    </row>
    <row r="532695" spans="8:8">
      <c r="H532695" s="12"/>
    </row>
    <row r="532696" spans="8:8">
      <c r="H532696" s="12"/>
    </row>
    <row r="532697" spans="8:8">
      <c r="H532697" s="12"/>
    </row>
    <row r="532698" spans="8:8">
      <c r="H532698" s="12"/>
    </row>
    <row r="532699" spans="8:8">
      <c r="H532699" s="12"/>
    </row>
    <row r="532700" spans="8:8">
      <c r="H532700" s="12"/>
    </row>
    <row r="532701" spans="8:8">
      <c r="H532701" s="12"/>
    </row>
    <row r="532702" spans="8:8">
      <c r="H532702" s="12"/>
    </row>
    <row r="532703" spans="8:8">
      <c r="H532703" s="12"/>
    </row>
    <row r="532704" spans="8:8">
      <c r="H532704" s="12"/>
    </row>
    <row r="532705" spans="8:8">
      <c r="H532705" s="12"/>
    </row>
    <row r="532706" spans="8:8">
      <c r="H532706" s="12"/>
    </row>
    <row r="532707" spans="8:8">
      <c r="H532707" s="12"/>
    </row>
    <row r="532708" spans="8:8">
      <c r="H532708" s="12"/>
    </row>
    <row r="532709" spans="8:8">
      <c r="H532709" s="12"/>
    </row>
    <row r="532710" spans="8:8">
      <c r="H532710" s="12"/>
    </row>
    <row r="532711" spans="8:8">
      <c r="H532711" s="12"/>
    </row>
    <row r="532712" spans="8:8">
      <c r="H532712" s="12"/>
    </row>
    <row r="532713" spans="8:8">
      <c r="H532713" s="12"/>
    </row>
    <row r="532714" spans="8:8">
      <c r="H532714" s="12"/>
    </row>
    <row r="532715" spans="8:8">
      <c r="H532715" s="12"/>
    </row>
    <row r="532716" spans="8:8">
      <c r="H532716" s="12"/>
    </row>
    <row r="532717" spans="8:8">
      <c r="H532717" s="12"/>
    </row>
    <row r="532718" spans="8:8">
      <c r="H532718" s="12"/>
    </row>
    <row r="532719" spans="8:8">
      <c r="H532719" s="12"/>
    </row>
    <row r="532720" spans="8:8">
      <c r="H532720" s="12"/>
    </row>
    <row r="532721" spans="8:8">
      <c r="H532721" s="12"/>
    </row>
    <row r="532722" spans="8:8">
      <c r="H532722" s="12"/>
    </row>
    <row r="532723" spans="8:8">
      <c r="H532723" s="12"/>
    </row>
    <row r="532724" spans="8:8">
      <c r="H532724" s="12"/>
    </row>
    <row r="532725" spans="8:8">
      <c r="H532725" s="12"/>
    </row>
    <row r="532726" spans="8:8">
      <c r="H532726" s="12"/>
    </row>
    <row r="532727" spans="8:8">
      <c r="H532727" s="12"/>
    </row>
    <row r="532728" spans="8:8">
      <c r="H532728" s="12"/>
    </row>
    <row r="532729" spans="8:8">
      <c r="H532729" s="12"/>
    </row>
    <row r="532730" spans="8:8">
      <c r="H532730" s="12"/>
    </row>
    <row r="532731" spans="8:8">
      <c r="H532731" s="12"/>
    </row>
    <row r="532732" spans="8:8">
      <c r="H532732" s="12"/>
    </row>
    <row r="532733" spans="8:8">
      <c r="H532733" s="12"/>
    </row>
    <row r="532734" spans="8:8">
      <c r="H532734" s="12"/>
    </row>
    <row r="532735" spans="8:8">
      <c r="H532735" s="12"/>
    </row>
    <row r="532736" spans="8:8">
      <c r="H532736" s="12"/>
    </row>
    <row r="532737" spans="8:8">
      <c r="H532737" s="12"/>
    </row>
    <row r="532738" spans="8:8">
      <c r="H532738" s="12"/>
    </row>
    <row r="532739" spans="8:8">
      <c r="H532739" s="12"/>
    </row>
    <row r="532740" spans="8:8">
      <c r="H532740" s="12"/>
    </row>
    <row r="532741" spans="8:8">
      <c r="H532741" s="12"/>
    </row>
    <row r="532742" spans="8:8">
      <c r="H532742" s="12"/>
    </row>
    <row r="532743" spans="8:8">
      <c r="H532743" s="12"/>
    </row>
    <row r="532744" spans="8:8">
      <c r="H532744" s="12"/>
    </row>
    <row r="532745" spans="8:8">
      <c r="H532745" s="12"/>
    </row>
    <row r="532746" spans="8:8">
      <c r="H532746" s="12"/>
    </row>
    <row r="532747" spans="8:8">
      <c r="H532747" s="12"/>
    </row>
    <row r="532748" spans="8:8">
      <c r="H532748" s="12"/>
    </row>
    <row r="532749" spans="8:8">
      <c r="H532749" s="12"/>
    </row>
    <row r="532750" spans="8:8">
      <c r="H532750" s="12"/>
    </row>
    <row r="532751" spans="8:8">
      <c r="H532751" s="12"/>
    </row>
    <row r="532752" spans="8:8">
      <c r="H532752" s="12"/>
    </row>
    <row r="532753" spans="8:8">
      <c r="H532753" s="12"/>
    </row>
    <row r="532754" spans="8:8">
      <c r="H532754" s="12"/>
    </row>
    <row r="532755" spans="8:8">
      <c r="H532755" s="12"/>
    </row>
    <row r="532756" spans="8:8">
      <c r="H532756" s="12"/>
    </row>
    <row r="532757" spans="8:8">
      <c r="H532757" s="12"/>
    </row>
    <row r="532758" spans="8:8">
      <c r="H532758" s="12"/>
    </row>
    <row r="532759" spans="8:8">
      <c r="H532759" s="12"/>
    </row>
    <row r="532760" spans="8:8">
      <c r="H532760" s="12"/>
    </row>
    <row r="532761" spans="8:8">
      <c r="H532761" s="12"/>
    </row>
    <row r="532762" spans="8:8">
      <c r="H532762" s="12"/>
    </row>
    <row r="532763" spans="8:8">
      <c r="H532763" s="12"/>
    </row>
    <row r="532764" spans="8:8">
      <c r="H532764" s="12"/>
    </row>
    <row r="532765" spans="8:8">
      <c r="H532765" s="12"/>
    </row>
    <row r="532766" spans="8:8">
      <c r="H532766" s="12"/>
    </row>
    <row r="532767" spans="8:8">
      <c r="H532767" s="12"/>
    </row>
    <row r="532768" spans="8:8">
      <c r="H532768" s="12"/>
    </row>
    <row r="532769" spans="8:8">
      <c r="H532769" s="12"/>
    </row>
    <row r="532770" spans="8:8">
      <c r="H532770" s="12"/>
    </row>
    <row r="532771" spans="8:8">
      <c r="H532771" s="12"/>
    </row>
    <row r="532772" spans="8:8">
      <c r="H532772" s="12"/>
    </row>
    <row r="532773" spans="8:8">
      <c r="H532773" s="12"/>
    </row>
    <row r="532774" spans="8:8">
      <c r="H532774" s="12"/>
    </row>
    <row r="532775" spans="8:8">
      <c r="H532775" s="12"/>
    </row>
    <row r="532776" spans="8:8">
      <c r="H532776" s="12"/>
    </row>
    <row r="532777" spans="8:8">
      <c r="H532777" s="12"/>
    </row>
    <row r="532778" spans="8:8">
      <c r="H532778" s="12"/>
    </row>
    <row r="532779" spans="8:8">
      <c r="H532779" s="12"/>
    </row>
    <row r="532780" spans="8:8">
      <c r="H532780" s="12"/>
    </row>
    <row r="532781" spans="8:8">
      <c r="H532781" s="12"/>
    </row>
    <row r="532782" spans="8:8">
      <c r="H532782" s="12"/>
    </row>
    <row r="532783" spans="8:8">
      <c r="H532783" s="12"/>
    </row>
    <row r="532784" spans="8:8">
      <c r="H532784" s="12"/>
    </row>
    <row r="532785" spans="8:8">
      <c r="H532785" s="12"/>
    </row>
    <row r="532786" spans="8:8">
      <c r="H532786" s="12"/>
    </row>
    <row r="532787" spans="8:8">
      <c r="H532787" s="12"/>
    </row>
    <row r="532788" spans="8:8">
      <c r="H532788" s="12"/>
    </row>
    <row r="532789" spans="8:8">
      <c r="H532789" s="12"/>
    </row>
    <row r="532790" spans="8:8">
      <c r="H532790" s="12"/>
    </row>
    <row r="532791" spans="8:8">
      <c r="H532791" s="12"/>
    </row>
    <row r="532792" spans="8:8">
      <c r="H532792" s="12"/>
    </row>
    <row r="532793" spans="8:8">
      <c r="H532793" s="12"/>
    </row>
    <row r="532794" spans="8:8">
      <c r="H532794" s="12"/>
    </row>
    <row r="532795" spans="8:8">
      <c r="H532795" s="12"/>
    </row>
    <row r="532796" spans="8:8">
      <c r="H532796" s="12"/>
    </row>
    <row r="532797" spans="8:8">
      <c r="H532797" s="12"/>
    </row>
    <row r="532798" spans="8:8">
      <c r="H532798" s="12"/>
    </row>
    <row r="532799" spans="8:8">
      <c r="H532799" s="12"/>
    </row>
    <row r="532800" spans="8:8">
      <c r="H532800" s="12"/>
    </row>
    <row r="532801" spans="8:8">
      <c r="H532801" s="12"/>
    </row>
    <row r="532802" spans="8:8">
      <c r="H532802" s="12"/>
    </row>
    <row r="532803" spans="8:8">
      <c r="H532803" s="12"/>
    </row>
    <row r="532804" spans="8:8">
      <c r="H532804" s="12"/>
    </row>
    <row r="532805" spans="8:8">
      <c r="H532805" s="12"/>
    </row>
    <row r="532806" spans="8:8">
      <c r="H532806" s="12"/>
    </row>
    <row r="532807" spans="8:8">
      <c r="H532807" s="12"/>
    </row>
    <row r="532808" spans="8:8">
      <c r="H532808" s="12"/>
    </row>
    <row r="532809" spans="8:8">
      <c r="H532809" s="12"/>
    </row>
    <row r="532810" spans="8:8">
      <c r="H532810" s="12"/>
    </row>
    <row r="532811" spans="8:8">
      <c r="H532811" s="12"/>
    </row>
    <row r="532812" spans="8:8">
      <c r="H532812" s="12"/>
    </row>
    <row r="532813" spans="8:8">
      <c r="H532813" s="12"/>
    </row>
    <row r="532814" spans="8:8">
      <c r="H532814" s="12"/>
    </row>
    <row r="532815" spans="8:8">
      <c r="H532815" s="12"/>
    </row>
    <row r="532816" spans="8:8">
      <c r="H532816" s="12"/>
    </row>
    <row r="532817" spans="8:8">
      <c r="H532817" s="12"/>
    </row>
    <row r="532818" spans="8:8">
      <c r="H532818" s="12"/>
    </row>
    <row r="532819" spans="8:8">
      <c r="H532819" s="12"/>
    </row>
    <row r="532820" spans="8:8">
      <c r="H532820" s="12"/>
    </row>
    <row r="532821" spans="8:8">
      <c r="H532821" s="12"/>
    </row>
    <row r="532822" spans="8:8">
      <c r="H532822" s="12"/>
    </row>
    <row r="532823" spans="8:8">
      <c r="H532823" s="12"/>
    </row>
    <row r="532824" spans="8:8">
      <c r="H532824" s="12"/>
    </row>
    <row r="532825" spans="8:8">
      <c r="H532825" s="12"/>
    </row>
    <row r="532826" spans="8:8">
      <c r="H532826" s="12"/>
    </row>
    <row r="532827" spans="8:8">
      <c r="H532827" s="12"/>
    </row>
    <row r="532828" spans="8:8">
      <c r="H532828" s="12"/>
    </row>
    <row r="532829" spans="8:8">
      <c r="H532829" s="12"/>
    </row>
    <row r="532830" spans="8:8">
      <c r="H532830" s="12"/>
    </row>
    <row r="532831" spans="8:8">
      <c r="H532831" s="12"/>
    </row>
    <row r="532832" spans="8:8">
      <c r="H532832" s="12"/>
    </row>
    <row r="532833" spans="8:8">
      <c r="H532833" s="12"/>
    </row>
    <row r="532834" spans="8:8">
      <c r="H532834" s="12"/>
    </row>
    <row r="532835" spans="8:8">
      <c r="H532835" s="12"/>
    </row>
    <row r="532836" spans="8:8">
      <c r="H532836" s="12"/>
    </row>
    <row r="532837" spans="8:8">
      <c r="H532837" s="12"/>
    </row>
    <row r="532838" spans="8:8">
      <c r="H532838" s="12"/>
    </row>
    <row r="532839" spans="8:8">
      <c r="H532839" s="12"/>
    </row>
    <row r="532840" spans="8:8">
      <c r="H532840" s="12"/>
    </row>
    <row r="532841" spans="8:8">
      <c r="H532841" s="12"/>
    </row>
    <row r="532842" spans="8:8">
      <c r="H532842" s="12"/>
    </row>
    <row r="532843" spans="8:8">
      <c r="H532843" s="12"/>
    </row>
    <row r="532844" spans="8:8">
      <c r="H532844" s="12"/>
    </row>
    <row r="532845" spans="8:8">
      <c r="H532845" s="12"/>
    </row>
    <row r="532846" spans="8:8">
      <c r="H532846" s="12"/>
    </row>
    <row r="532847" spans="8:8">
      <c r="H532847" s="12"/>
    </row>
    <row r="532848" spans="8:8">
      <c r="H532848" s="12"/>
    </row>
    <row r="532849" spans="8:8">
      <c r="H532849" s="12"/>
    </row>
    <row r="532850" spans="8:8">
      <c r="H532850" s="12"/>
    </row>
    <row r="532851" spans="8:8">
      <c r="H532851" s="12"/>
    </row>
    <row r="532852" spans="8:8">
      <c r="H532852" s="12"/>
    </row>
    <row r="532853" spans="8:8">
      <c r="H532853" s="12"/>
    </row>
    <row r="532854" spans="8:8">
      <c r="H532854" s="12"/>
    </row>
    <row r="532855" spans="8:8">
      <c r="H532855" s="12"/>
    </row>
    <row r="532856" spans="8:8">
      <c r="H532856" s="12"/>
    </row>
    <row r="532857" spans="8:8">
      <c r="H532857" s="12"/>
    </row>
    <row r="532858" spans="8:8">
      <c r="H532858" s="12"/>
    </row>
    <row r="532859" spans="8:8">
      <c r="H532859" s="12"/>
    </row>
    <row r="532860" spans="8:8">
      <c r="H532860" s="12"/>
    </row>
    <row r="532861" spans="8:8">
      <c r="H532861" s="12"/>
    </row>
    <row r="532862" spans="8:8">
      <c r="H532862" s="12"/>
    </row>
    <row r="532863" spans="8:8">
      <c r="H532863" s="12"/>
    </row>
    <row r="532864" spans="8:8">
      <c r="H532864" s="12"/>
    </row>
    <row r="532865" spans="8:8">
      <c r="H532865" s="12"/>
    </row>
    <row r="532866" spans="8:8">
      <c r="H532866" s="12"/>
    </row>
    <row r="532867" spans="8:8">
      <c r="H532867" s="12"/>
    </row>
    <row r="532868" spans="8:8">
      <c r="H532868" s="12"/>
    </row>
    <row r="532869" spans="8:8">
      <c r="H532869" s="12"/>
    </row>
    <row r="532870" spans="8:8">
      <c r="H532870" s="12"/>
    </row>
    <row r="532871" spans="8:8">
      <c r="H532871" s="12"/>
    </row>
    <row r="532872" spans="8:8">
      <c r="H532872" s="12"/>
    </row>
    <row r="532873" spans="8:8">
      <c r="H532873" s="12"/>
    </row>
    <row r="532874" spans="8:8">
      <c r="H532874" s="12"/>
    </row>
    <row r="532875" spans="8:8">
      <c r="H532875" s="12"/>
    </row>
    <row r="532876" spans="8:8">
      <c r="H532876" s="12"/>
    </row>
    <row r="532877" spans="8:8">
      <c r="H532877" s="12"/>
    </row>
    <row r="532878" spans="8:8">
      <c r="H532878" s="12"/>
    </row>
    <row r="532879" spans="8:8">
      <c r="H532879" s="12"/>
    </row>
    <row r="532880" spans="8:8">
      <c r="H532880" s="12"/>
    </row>
    <row r="532881" spans="8:8">
      <c r="H532881" s="12"/>
    </row>
    <row r="532882" spans="8:8">
      <c r="H532882" s="12"/>
    </row>
    <row r="532883" spans="8:8">
      <c r="H532883" s="12"/>
    </row>
    <row r="532884" spans="8:8">
      <c r="H532884" s="12"/>
    </row>
    <row r="532885" spans="8:8">
      <c r="H532885" s="12"/>
    </row>
    <row r="532886" spans="8:8">
      <c r="H532886" s="12"/>
    </row>
    <row r="532887" spans="8:8">
      <c r="H532887" s="12"/>
    </row>
    <row r="532888" spans="8:8">
      <c r="H532888" s="12"/>
    </row>
    <row r="532889" spans="8:8">
      <c r="H532889" s="12"/>
    </row>
    <row r="532890" spans="8:8">
      <c r="H532890" s="12"/>
    </row>
    <row r="532891" spans="8:8">
      <c r="H532891" s="12"/>
    </row>
    <row r="532892" spans="8:8">
      <c r="H532892" s="12"/>
    </row>
    <row r="532893" spans="8:8">
      <c r="H532893" s="12"/>
    </row>
    <row r="532894" spans="8:8">
      <c r="H532894" s="12"/>
    </row>
    <row r="532895" spans="8:8">
      <c r="H532895" s="12"/>
    </row>
    <row r="532896" spans="8:8">
      <c r="H532896" s="12"/>
    </row>
    <row r="532897" spans="8:8">
      <c r="H532897" s="12"/>
    </row>
    <row r="532898" spans="8:8">
      <c r="H532898" s="12"/>
    </row>
    <row r="532899" spans="8:8">
      <c r="H532899" s="12"/>
    </row>
    <row r="532900" spans="8:8">
      <c r="H532900" s="12"/>
    </row>
    <row r="532901" spans="8:8">
      <c r="H532901" s="12"/>
    </row>
    <row r="532902" spans="8:8">
      <c r="H532902" s="12"/>
    </row>
    <row r="532903" spans="8:8">
      <c r="H532903" s="12"/>
    </row>
    <row r="532904" spans="8:8">
      <c r="H532904" s="12"/>
    </row>
    <row r="532905" spans="8:8">
      <c r="H532905" s="12"/>
    </row>
    <row r="532906" spans="8:8">
      <c r="H532906" s="12"/>
    </row>
    <row r="532907" spans="8:8">
      <c r="H532907" s="12"/>
    </row>
    <row r="532908" spans="8:8">
      <c r="H532908" s="12"/>
    </row>
    <row r="532909" spans="8:8">
      <c r="H532909" s="12"/>
    </row>
    <row r="532910" spans="8:8">
      <c r="H532910" s="12"/>
    </row>
    <row r="532911" spans="8:8">
      <c r="H532911" s="12"/>
    </row>
    <row r="532912" spans="8:8">
      <c r="H532912" s="12"/>
    </row>
    <row r="532913" spans="8:8">
      <c r="H532913" s="12"/>
    </row>
    <row r="532914" spans="8:8">
      <c r="H532914" s="12"/>
    </row>
    <row r="532915" spans="8:8">
      <c r="H532915" s="12"/>
    </row>
    <row r="532916" spans="8:8">
      <c r="H532916" s="12"/>
    </row>
    <row r="532917" spans="8:8">
      <c r="H532917" s="12"/>
    </row>
    <row r="532918" spans="8:8">
      <c r="H532918" s="12"/>
    </row>
    <row r="532919" spans="8:8">
      <c r="H532919" s="12"/>
    </row>
    <row r="532920" spans="8:8">
      <c r="H532920" s="12"/>
    </row>
    <row r="532921" spans="8:8">
      <c r="H532921" s="12"/>
    </row>
    <row r="532922" spans="8:8">
      <c r="H532922" s="12"/>
    </row>
    <row r="532923" spans="8:8">
      <c r="H532923" s="12"/>
    </row>
    <row r="532924" spans="8:8">
      <c r="H532924" s="12"/>
    </row>
    <row r="532925" spans="8:8">
      <c r="H532925" s="12"/>
    </row>
    <row r="532926" spans="8:8">
      <c r="H532926" s="12"/>
    </row>
    <row r="532927" spans="8:8">
      <c r="H532927" s="12"/>
    </row>
    <row r="532928" spans="8:8">
      <c r="H532928" s="12"/>
    </row>
    <row r="532929" spans="8:8">
      <c r="H532929" s="12"/>
    </row>
    <row r="532930" spans="8:8">
      <c r="H532930" s="12"/>
    </row>
    <row r="532931" spans="8:8">
      <c r="H532931" s="12"/>
    </row>
    <row r="532932" spans="8:8">
      <c r="H532932" s="12"/>
    </row>
    <row r="532933" spans="8:8">
      <c r="H532933" s="12"/>
    </row>
    <row r="532934" spans="8:8">
      <c r="H532934" s="12"/>
    </row>
    <row r="532935" spans="8:8">
      <c r="H532935" s="12"/>
    </row>
    <row r="532936" spans="8:8">
      <c r="H532936" s="12"/>
    </row>
    <row r="532937" spans="8:8">
      <c r="H532937" s="12"/>
    </row>
    <row r="532938" spans="8:8">
      <c r="H532938" s="12"/>
    </row>
    <row r="532939" spans="8:8">
      <c r="H532939" s="12"/>
    </row>
    <row r="532940" spans="8:8">
      <c r="H532940" s="12"/>
    </row>
    <row r="532941" spans="8:8">
      <c r="H532941" s="12"/>
    </row>
    <row r="532942" spans="8:8">
      <c r="H532942" s="12"/>
    </row>
    <row r="532943" spans="8:8">
      <c r="H532943" s="12"/>
    </row>
    <row r="532944" spans="8:8">
      <c r="H532944" s="12"/>
    </row>
    <row r="532945" spans="8:8">
      <c r="H532945" s="12"/>
    </row>
    <row r="532946" spans="8:8">
      <c r="H532946" s="12"/>
    </row>
    <row r="532947" spans="8:8">
      <c r="H532947" s="12"/>
    </row>
    <row r="532948" spans="8:8">
      <c r="H532948" s="12"/>
    </row>
    <row r="532949" spans="8:8">
      <c r="H532949" s="12"/>
    </row>
    <row r="532950" spans="8:8">
      <c r="H532950" s="12"/>
    </row>
    <row r="532951" spans="8:8">
      <c r="H532951" s="12"/>
    </row>
    <row r="532952" spans="8:8">
      <c r="H532952" s="12"/>
    </row>
    <row r="532953" spans="8:8">
      <c r="H532953" s="12"/>
    </row>
    <row r="532954" spans="8:8">
      <c r="H532954" s="12"/>
    </row>
    <row r="532955" spans="8:8">
      <c r="H532955" s="12"/>
    </row>
    <row r="532956" spans="8:8">
      <c r="H532956" s="12"/>
    </row>
    <row r="532957" spans="8:8">
      <c r="H532957" s="12"/>
    </row>
    <row r="532958" spans="8:8">
      <c r="H532958" s="12"/>
    </row>
    <row r="532959" spans="8:8">
      <c r="H532959" s="12"/>
    </row>
    <row r="532960" spans="8:8">
      <c r="H532960" s="12"/>
    </row>
    <row r="532961" spans="8:8">
      <c r="H532961" s="12"/>
    </row>
    <row r="532962" spans="8:8">
      <c r="H532962" s="12"/>
    </row>
    <row r="532963" spans="8:8">
      <c r="H532963" s="12"/>
    </row>
    <row r="532964" spans="8:8">
      <c r="H532964" s="12"/>
    </row>
    <row r="532965" spans="8:8">
      <c r="H532965" s="12"/>
    </row>
    <row r="532966" spans="8:8">
      <c r="H532966" s="12"/>
    </row>
    <row r="532967" spans="8:8">
      <c r="H532967" s="12"/>
    </row>
    <row r="532968" spans="8:8">
      <c r="H532968" s="12"/>
    </row>
    <row r="532969" spans="8:8">
      <c r="H532969" s="12"/>
    </row>
    <row r="532970" spans="8:8">
      <c r="H532970" s="12"/>
    </row>
    <row r="532971" spans="8:8">
      <c r="H532971" s="12"/>
    </row>
    <row r="532972" spans="8:8">
      <c r="H532972" s="12"/>
    </row>
    <row r="532973" spans="8:8">
      <c r="H532973" s="12"/>
    </row>
    <row r="532974" spans="8:8">
      <c r="H532974" s="12"/>
    </row>
    <row r="532975" spans="8:8">
      <c r="H532975" s="12"/>
    </row>
    <row r="532976" spans="8:8">
      <c r="H532976" s="12"/>
    </row>
    <row r="532977" spans="8:8">
      <c r="H532977" s="12"/>
    </row>
    <row r="532978" spans="8:8">
      <c r="H532978" s="12"/>
    </row>
    <row r="532979" spans="8:8">
      <c r="H532979" s="12"/>
    </row>
    <row r="532980" spans="8:8">
      <c r="H532980" s="12"/>
    </row>
    <row r="532981" spans="8:8">
      <c r="H532981" s="12"/>
    </row>
    <row r="532982" spans="8:8">
      <c r="H532982" s="12"/>
    </row>
    <row r="532983" spans="8:8">
      <c r="H532983" s="12"/>
    </row>
    <row r="532984" spans="8:8">
      <c r="H532984" s="12"/>
    </row>
    <row r="532985" spans="8:8">
      <c r="H532985" s="12"/>
    </row>
    <row r="532986" spans="8:8">
      <c r="H532986" s="12"/>
    </row>
    <row r="532987" spans="8:8">
      <c r="H532987" s="12"/>
    </row>
    <row r="532988" spans="8:8">
      <c r="H532988" s="12"/>
    </row>
    <row r="532989" spans="8:8">
      <c r="H532989" s="12"/>
    </row>
    <row r="532990" spans="8:8">
      <c r="H532990" s="12"/>
    </row>
    <row r="532991" spans="8:8">
      <c r="H532991" s="12"/>
    </row>
    <row r="532992" spans="8:8">
      <c r="H532992" s="12"/>
    </row>
    <row r="532993" spans="8:8">
      <c r="H532993" s="12"/>
    </row>
    <row r="532994" spans="8:8">
      <c r="H532994" s="12"/>
    </row>
    <row r="532995" spans="8:8">
      <c r="H532995" s="12"/>
    </row>
    <row r="532996" spans="8:8">
      <c r="H532996" s="12"/>
    </row>
    <row r="532997" spans="8:8">
      <c r="H532997" s="12"/>
    </row>
    <row r="532998" spans="8:8">
      <c r="H532998" s="12"/>
    </row>
    <row r="532999" spans="8:8">
      <c r="H532999" s="12"/>
    </row>
    <row r="533000" spans="8:8">
      <c r="H533000" s="12"/>
    </row>
    <row r="533001" spans="8:8">
      <c r="H533001" s="12"/>
    </row>
    <row r="533002" spans="8:8">
      <c r="H533002" s="12"/>
    </row>
    <row r="533003" spans="8:8">
      <c r="H533003" s="12"/>
    </row>
    <row r="533004" spans="8:8">
      <c r="H533004" s="12"/>
    </row>
    <row r="533005" spans="8:8">
      <c r="H533005" s="12"/>
    </row>
    <row r="533006" spans="8:8">
      <c r="H533006" s="12"/>
    </row>
    <row r="533007" spans="8:8">
      <c r="H533007" s="12"/>
    </row>
    <row r="533008" spans="8:8">
      <c r="H533008" s="12"/>
    </row>
    <row r="533009" spans="8:8">
      <c r="H533009" s="12"/>
    </row>
    <row r="533010" spans="8:8">
      <c r="H533010" s="12"/>
    </row>
    <row r="533011" spans="8:8">
      <c r="H533011" s="12"/>
    </row>
    <row r="533012" spans="8:8">
      <c r="H533012" s="12"/>
    </row>
    <row r="533013" spans="8:8">
      <c r="H533013" s="12"/>
    </row>
    <row r="533014" spans="8:8">
      <c r="H533014" s="12"/>
    </row>
    <row r="533015" spans="8:8">
      <c r="H533015" s="12"/>
    </row>
    <row r="533016" spans="8:8">
      <c r="H533016" s="12"/>
    </row>
    <row r="533017" spans="8:8">
      <c r="H533017" s="12"/>
    </row>
    <row r="533018" spans="8:8">
      <c r="H533018" s="12"/>
    </row>
    <row r="533019" spans="8:8">
      <c r="H533019" s="12"/>
    </row>
    <row r="533020" spans="8:8">
      <c r="H533020" s="12"/>
    </row>
    <row r="533021" spans="8:8">
      <c r="H533021" s="12"/>
    </row>
    <row r="533022" spans="8:8">
      <c r="H533022" s="12"/>
    </row>
    <row r="533023" spans="8:8">
      <c r="H533023" s="12"/>
    </row>
    <row r="533024" spans="8:8">
      <c r="H533024" s="12"/>
    </row>
    <row r="533025" spans="8:8">
      <c r="H533025" s="12"/>
    </row>
    <row r="533026" spans="8:8">
      <c r="H533026" s="12"/>
    </row>
    <row r="533027" spans="8:8">
      <c r="H533027" s="12"/>
    </row>
    <row r="533028" spans="8:8">
      <c r="H533028" s="12"/>
    </row>
    <row r="533029" spans="8:8">
      <c r="H533029" s="12"/>
    </row>
    <row r="533030" spans="8:8">
      <c r="H533030" s="12"/>
    </row>
    <row r="533031" spans="8:8">
      <c r="H533031" s="12"/>
    </row>
    <row r="533032" spans="8:8">
      <c r="H533032" s="12"/>
    </row>
    <row r="533033" spans="8:8">
      <c r="H533033" s="12"/>
    </row>
    <row r="533034" spans="8:8">
      <c r="H533034" s="12"/>
    </row>
    <row r="533035" spans="8:8">
      <c r="H533035" s="12"/>
    </row>
    <row r="533036" spans="8:8">
      <c r="H533036" s="12"/>
    </row>
    <row r="533037" spans="8:8">
      <c r="H533037" s="12"/>
    </row>
    <row r="533038" spans="8:8">
      <c r="H533038" s="12"/>
    </row>
    <row r="533039" spans="8:8">
      <c r="H533039" s="12"/>
    </row>
    <row r="533040" spans="8:8">
      <c r="H533040" s="12"/>
    </row>
    <row r="533041" spans="8:8">
      <c r="H533041" s="12"/>
    </row>
    <row r="533042" spans="8:8">
      <c r="H533042" s="12"/>
    </row>
    <row r="533043" spans="8:8">
      <c r="H533043" s="12"/>
    </row>
    <row r="533044" spans="8:8">
      <c r="H533044" s="12"/>
    </row>
    <row r="533045" spans="8:8">
      <c r="H533045" s="12"/>
    </row>
    <row r="533046" spans="8:8">
      <c r="H533046" s="12"/>
    </row>
    <row r="533047" spans="8:8">
      <c r="H533047" s="12"/>
    </row>
    <row r="533048" spans="8:8">
      <c r="H533048" s="12"/>
    </row>
    <row r="533049" spans="8:8">
      <c r="H533049" s="12"/>
    </row>
    <row r="533050" spans="8:8">
      <c r="H533050" s="12"/>
    </row>
    <row r="533051" spans="8:8">
      <c r="H533051" s="12"/>
    </row>
    <row r="533052" spans="8:8">
      <c r="H533052" s="12"/>
    </row>
    <row r="533053" spans="8:8">
      <c r="H533053" s="12"/>
    </row>
    <row r="533054" spans="8:8">
      <c r="H533054" s="12"/>
    </row>
    <row r="533055" spans="8:8">
      <c r="H533055" s="12"/>
    </row>
    <row r="533056" spans="8:8">
      <c r="H533056" s="12"/>
    </row>
    <row r="533057" spans="8:8">
      <c r="H533057" s="12"/>
    </row>
    <row r="533058" spans="8:8">
      <c r="H533058" s="12"/>
    </row>
    <row r="533059" spans="8:8">
      <c r="H533059" s="12"/>
    </row>
    <row r="533060" spans="8:8">
      <c r="H533060" s="12"/>
    </row>
    <row r="533061" spans="8:8">
      <c r="H533061" s="12"/>
    </row>
    <row r="533062" spans="8:8">
      <c r="H533062" s="12"/>
    </row>
    <row r="533063" spans="8:8">
      <c r="H533063" s="12"/>
    </row>
    <row r="533064" spans="8:8">
      <c r="H533064" s="12"/>
    </row>
    <row r="533065" spans="8:8">
      <c r="H533065" s="12"/>
    </row>
    <row r="533066" spans="8:8">
      <c r="H533066" s="12"/>
    </row>
    <row r="533067" spans="8:8">
      <c r="H533067" s="12"/>
    </row>
    <row r="533068" spans="8:8">
      <c r="H533068" s="12"/>
    </row>
    <row r="533069" spans="8:8">
      <c r="H533069" s="12"/>
    </row>
    <row r="533070" spans="8:8">
      <c r="H533070" s="12"/>
    </row>
    <row r="533071" spans="8:8">
      <c r="H533071" s="12"/>
    </row>
    <row r="533072" spans="8:8">
      <c r="H533072" s="12"/>
    </row>
    <row r="533073" spans="8:8">
      <c r="H533073" s="12"/>
    </row>
    <row r="533074" spans="8:8">
      <c r="H533074" s="12"/>
    </row>
    <row r="533075" spans="8:8">
      <c r="H533075" s="12"/>
    </row>
    <row r="533076" spans="8:8">
      <c r="H533076" s="12"/>
    </row>
    <row r="533077" spans="8:8">
      <c r="H533077" s="12"/>
    </row>
    <row r="533078" spans="8:8">
      <c r="H533078" s="12"/>
    </row>
    <row r="533079" spans="8:8">
      <c r="H533079" s="12"/>
    </row>
    <row r="533080" spans="8:8">
      <c r="H533080" s="12"/>
    </row>
    <row r="533081" spans="8:8">
      <c r="H533081" s="12"/>
    </row>
    <row r="533082" spans="8:8">
      <c r="H533082" s="12"/>
    </row>
    <row r="533083" spans="8:8">
      <c r="H533083" s="12"/>
    </row>
    <row r="533084" spans="8:8">
      <c r="H533084" s="12"/>
    </row>
    <row r="533085" spans="8:8">
      <c r="H533085" s="12"/>
    </row>
    <row r="533086" spans="8:8">
      <c r="H533086" s="12"/>
    </row>
    <row r="533087" spans="8:8">
      <c r="H533087" s="12"/>
    </row>
    <row r="533088" spans="8:8">
      <c r="H533088" s="12"/>
    </row>
    <row r="533089" spans="8:8">
      <c r="H533089" s="12"/>
    </row>
    <row r="533090" spans="8:8">
      <c r="H533090" s="12"/>
    </row>
    <row r="533091" spans="8:8">
      <c r="H533091" s="12"/>
    </row>
    <row r="533092" spans="8:8">
      <c r="H533092" s="12"/>
    </row>
    <row r="533093" spans="8:8">
      <c r="H533093" s="12"/>
    </row>
    <row r="533094" spans="8:8">
      <c r="H533094" s="12"/>
    </row>
    <row r="533095" spans="8:8">
      <c r="H533095" s="12"/>
    </row>
    <row r="533096" spans="8:8">
      <c r="H533096" s="12"/>
    </row>
    <row r="533097" spans="8:8">
      <c r="H533097" s="12"/>
    </row>
    <row r="533098" spans="8:8">
      <c r="H533098" s="12"/>
    </row>
    <row r="533099" spans="8:8">
      <c r="H533099" s="12"/>
    </row>
    <row r="533100" spans="8:8">
      <c r="H533100" s="12"/>
    </row>
    <row r="533101" spans="8:8">
      <c r="H533101" s="12"/>
    </row>
    <row r="533102" spans="8:8">
      <c r="H533102" s="12"/>
    </row>
    <row r="533103" spans="8:8">
      <c r="H533103" s="12"/>
    </row>
    <row r="533104" spans="8:8">
      <c r="H533104" s="12"/>
    </row>
    <row r="533105" spans="8:8">
      <c r="H533105" s="12"/>
    </row>
    <row r="533106" spans="8:8">
      <c r="H533106" s="12"/>
    </row>
    <row r="533107" spans="8:8">
      <c r="H533107" s="12"/>
    </row>
    <row r="533108" spans="8:8">
      <c r="H533108" s="12"/>
    </row>
    <row r="533109" spans="8:8">
      <c r="H533109" s="12"/>
    </row>
    <row r="533110" spans="8:8">
      <c r="H533110" s="12"/>
    </row>
    <row r="533111" spans="8:8">
      <c r="H533111" s="12"/>
    </row>
    <row r="533112" spans="8:8">
      <c r="H533112" s="12"/>
    </row>
    <row r="533113" spans="8:8">
      <c r="H533113" s="12"/>
    </row>
    <row r="533114" spans="8:8">
      <c r="H533114" s="12"/>
    </row>
    <row r="533115" spans="8:8">
      <c r="H533115" s="12"/>
    </row>
    <row r="533116" spans="8:8">
      <c r="H533116" s="12"/>
    </row>
    <row r="533117" spans="8:8">
      <c r="H533117" s="12"/>
    </row>
    <row r="533118" spans="8:8">
      <c r="H533118" s="12"/>
    </row>
    <row r="533119" spans="8:8">
      <c r="H533119" s="12"/>
    </row>
    <row r="533120" spans="8:8">
      <c r="H533120" s="12"/>
    </row>
    <row r="533121" spans="8:8">
      <c r="H533121" s="12"/>
    </row>
    <row r="533122" spans="8:8">
      <c r="H533122" s="12"/>
    </row>
    <row r="533123" spans="8:8">
      <c r="H533123" s="12"/>
    </row>
    <row r="533124" spans="8:8">
      <c r="H533124" s="12"/>
    </row>
    <row r="533125" spans="8:8">
      <c r="H533125" s="12"/>
    </row>
    <row r="533126" spans="8:8">
      <c r="H533126" s="12"/>
    </row>
    <row r="533127" spans="8:8">
      <c r="H533127" s="12"/>
    </row>
    <row r="533128" spans="8:8">
      <c r="H533128" s="12"/>
    </row>
    <row r="533129" spans="8:8">
      <c r="H533129" s="12"/>
    </row>
    <row r="533130" spans="8:8">
      <c r="H533130" s="12"/>
    </row>
    <row r="533131" spans="8:8">
      <c r="H533131" s="12"/>
    </row>
    <row r="533132" spans="8:8">
      <c r="H533132" s="12"/>
    </row>
    <row r="533133" spans="8:8">
      <c r="H533133" s="12"/>
    </row>
    <row r="533134" spans="8:8">
      <c r="H533134" s="12"/>
    </row>
    <row r="533135" spans="8:8">
      <c r="H533135" s="12"/>
    </row>
    <row r="533136" spans="8:8">
      <c r="H533136" s="12"/>
    </row>
    <row r="533137" spans="8:8">
      <c r="H533137" s="12"/>
    </row>
    <row r="533138" spans="8:8">
      <c r="H533138" s="12"/>
    </row>
    <row r="533139" spans="8:8">
      <c r="H533139" s="12"/>
    </row>
    <row r="533140" spans="8:8">
      <c r="H533140" s="12"/>
    </row>
    <row r="533141" spans="8:8">
      <c r="H533141" s="12"/>
    </row>
    <row r="533142" spans="8:8">
      <c r="H533142" s="12"/>
    </row>
    <row r="533143" spans="8:8">
      <c r="H533143" s="12"/>
    </row>
    <row r="533144" spans="8:8">
      <c r="H533144" s="12"/>
    </row>
    <row r="533145" spans="8:8">
      <c r="H533145" s="12"/>
    </row>
    <row r="533146" spans="8:8">
      <c r="H533146" s="12"/>
    </row>
    <row r="533147" spans="8:8">
      <c r="H533147" s="12"/>
    </row>
    <row r="533148" spans="8:8">
      <c r="H533148" s="12"/>
    </row>
    <row r="533149" spans="8:8">
      <c r="H533149" s="12"/>
    </row>
    <row r="533150" spans="8:8">
      <c r="H533150" s="12"/>
    </row>
    <row r="533151" spans="8:8">
      <c r="H533151" s="12"/>
    </row>
    <row r="533152" spans="8:8">
      <c r="H533152" s="12"/>
    </row>
    <row r="533153" spans="8:8">
      <c r="H533153" s="12"/>
    </row>
    <row r="533154" spans="8:8">
      <c r="H533154" s="12"/>
    </row>
    <row r="533155" spans="8:8">
      <c r="H533155" s="12"/>
    </row>
    <row r="533156" spans="8:8">
      <c r="H533156" s="12"/>
    </row>
    <row r="533157" spans="8:8">
      <c r="H533157" s="12"/>
    </row>
    <row r="533158" spans="8:8">
      <c r="H533158" s="12"/>
    </row>
    <row r="533159" spans="8:8">
      <c r="H533159" s="12"/>
    </row>
    <row r="533160" spans="8:8">
      <c r="H533160" s="12"/>
    </row>
    <row r="533161" spans="8:8">
      <c r="H533161" s="12"/>
    </row>
    <row r="533162" spans="8:8">
      <c r="H533162" s="12"/>
    </row>
    <row r="533163" spans="8:8">
      <c r="H533163" s="12"/>
    </row>
    <row r="533164" spans="8:8">
      <c r="H533164" s="12"/>
    </row>
    <row r="533165" spans="8:8">
      <c r="H533165" s="12"/>
    </row>
    <row r="533166" spans="8:8">
      <c r="H533166" s="12"/>
    </row>
    <row r="533167" spans="8:8">
      <c r="H533167" s="12"/>
    </row>
    <row r="533168" spans="8:8">
      <c r="H533168" s="12"/>
    </row>
    <row r="533169" spans="8:8">
      <c r="H533169" s="12"/>
    </row>
    <row r="533170" spans="8:8">
      <c r="H533170" s="12"/>
    </row>
    <row r="533171" spans="8:8">
      <c r="H533171" s="12"/>
    </row>
    <row r="533172" spans="8:8">
      <c r="H533172" s="12"/>
    </row>
    <row r="533173" spans="8:8">
      <c r="H533173" s="12"/>
    </row>
    <row r="533174" spans="8:8">
      <c r="H533174" s="12"/>
    </row>
    <row r="533175" spans="8:8">
      <c r="H533175" s="12"/>
    </row>
    <row r="533176" spans="8:8">
      <c r="H533176" s="12"/>
    </row>
    <row r="533177" spans="8:8">
      <c r="H533177" s="12"/>
    </row>
    <row r="533178" spans="8:8">
      <c r="H533178" s="12"/>
    </row>
    <row r="533179" spans="8:8">
      <c r="H533179" s="12"/>
    </row>
    <row r="533180" spans="8:8">
      <c r="H533180" s="12"/>
    </row>
    <row r="533181" spans="8:8">
      <c r="H533181" s="12"/>
    </row>
    <row r="533182" spans="8:8">
      <c r="H533182" s="12"/>
    </row>
    <row r="533183" spans="8:8">
      <c r="H533183" s="12"/>
    </row>
    <row r="533184" spans="8:8">
      <c r="H533184" s="12"/>
    </row>
    <row r="533185" spans="8:8">
      <c r="H533185" s="12"/>
    </row>
    <row r="533186" spans="8:8">
      <c r="H533186" s="12"/>
    </row>
    <row r="533187" spans="8:8">
      <c r="H533187" s="12"/>
    </row>
    <row r="533188" spans="8:8">
      <c r="H533188" s="12"/>
    </row>
    <row r="533189" spans="8:8">
      <c r="H533189" s="12"/>
    </row>
    <row r="533190" spans="8:8">
      <c r="H533190" s="12"/>
    </row>
    <row r="533191" spans="8:8">
      <c r="H533191" s="12"/>
    </row>
    <row r="533192" spans="8:8">
      <c r="H533192" s="12"/>
    </row>
    <row r="533193" spans="8:8">
      <c r="H533193" s="12"/>
    </row>
    <row r="533194" spans="8:8">
      <c r="H533194" s="12"/>
    </row>
    <row r="533195" spans="8:8">
      <c r="H533195" s="12"/>
    </row>
    <row r="533196" spans="8:8">
      <c r="H533196" s="12"/>
    </row>
    <row r="533197" spans="8:8">
      <c r="H533197" s="12"/>
    </row>
    <row r="533198" spans="8:8">
      <c r="H533198" s="12"/>
    </row>
    <row r="533199" spans="8:8">
      <c r="H533199" s="12"/>
    </row>
    <row r="533200" spans="8:8">
      <c r="H533200" s="12"/>
    </row>
    <row r="533201" spans="8:8">
      <c r="H533201" s="12"/>
    </row>
    <row r="533202" spans="8:8">
      <c r="H533202" s="12"/>
    </row>
    <row r="533203" spans="8:8">
      <c r="H533203" s="12"/>
    </row>
    <row r="533204" spans="8:8">
      <c r="H533204" s="12"/>
    </row>
    <row r="533205" spans="8:8">
      <c r="H533205" s="12"/>
    </row>
    <row r="533206" spans="8:8">
      <c r="H533206" s="12"/>
    </row>
    <row r="533207" spans="8:8">
      <c r="H533207" s="12"/>
    </row>
    <row r="533208" spans="8:8">
      <c r="H533208" s="12"/>
    </row>
    <row r="533209" spans="8:8">
      <c r="H533209" s="12"/>
    </row>
    <row r="533210" spans="8:8">
      <c r="H533210" s="12"/>
    </row>
    <row r="533211" spans="8:8">
      <c r="H533211" s="12"/>
    </row>
    <row r="533212" spans="8:8">
      <c r="H533212" s="12"/>
    </row>
    <row r="533213" spans="8:8">
      <c r="H533213" s="12"/>
    </row>
    <row r="533214" spans="8:8">
      <c r="H533214" s="12"/>
    </row>
    <row r="533215" spans="8:8">
      <c r="H533215" s="12"/>
    </row>
    <row r="533216" spans="8:8">
      <c r="H533216" s="12"/>
    </row>
    <row r="533217" spans="8:8">
      <c r="H533217" s="12"/>
    </row>
    <row r="533218" spans="8:8">
      <c r="H533218" s="12"/>
    </row>
    <row r="533219" spans="8:8">
      <c r="H533219" s="12"/>
    </row>
    <row r="533220" spans="8:8">
      <c r="H533220" s="12"/>
    </row>
    <row r="533221" spans="8:8">
      <c r="H533221" s="12"/>
    </row>
    <row r="533222" spans="8:8">
      <c r="H533222" s="12"/>
    </row>
    <row r="533223" spans="8:8">
      <c r="H533223" s="12"/>
    </row>
    <row r="533224" spans="8:8">
      <c r="H533224" s="12"/>
    </row>
    <row r="533225" spans="8:8">
      <c r="H533225" s="12"/>
    </row>
    <row r="533226" spans="8:8">
      <c r="H533226" s="12"/>
    </row>
    <row r="533227" spans="8:8">
      <c r="H533227" s="12"/>
    </row>
    <row r="533228" spans="8:8">
      <c r="H533228" s="12"/>
    </row>
    <row r="533229" spans="8:8">
      <c r="H533229" s="12"/>
    </row>
    <row r="533230" spans="8:8">
      <c r="H533230" s="12"/>
    </row>
    <row r="533231" spans="8:8">
      <c r="H533231" s="12"/>
    </row>
    <row r="533232" spans="8:8">
      <c r="H533232" s="12"/>
    </row>
    <row r="533233" spans="8:8">
      <c r="H533233" s="12"/>
    </row>
    <row r="533234" spans="8:8">
      <c r="H533234" s="12"/>
    </row>
    <row r="533235" spans="8:8">
      <c r="H533235" s="12"/>
    </row>
    <row r="533236" spans="8:8">
      <c r="H533236" s="12"/>
    </row>
    <row r="533237" spans="8:8">
      <c r="H533237" s="12"/>
    </row>
    <row r="533238" spans="8:8">
      <c r="H533238" s="12"/>
    </row>
    <row r="533239" spans="8:8">
      <c r="H533239" s="12"/>
    </row>
    <row r="533240" spans="8:8">
      <c r="H533240" s="12"/>
    </row>
    <row r="533241" spans="8:8">
      <c r="H533241" s="12"/>
    </row>
    <row r="533242" spans="8:8">
      <c r="H533242" s="12"/>
    </row>
    <row r="533243" spans="8:8">
      <c r="H533243" s="12"/>
    </row>
    <row r="533244" spans="8:8">
      <c r="H533244" s="12"/>
    </row>
    <row r="533245" spans="8:8">
      <c r="H533245" s="12"/>
    </row>
    <row r="533246" spans="8:8">
      <c r="H533246" s="12"/>
    </row>
    <row r="533247" spans="8:8">
      <c r="H533247" s="12"/>
    </row>
    <row r="533248" spans="8:8">
      <c r="H533248" s="12"/>
    </row>
    <row r="533249" spans="8:8">
      <c r="H533249" s="12"/>
    </row>
    <row r="533250" spans="8:8">
      <c r="H533250" s="12"/>
    </row>
    <row r="533251" spans="8:8">
      <c r="H533251" s="12"/>
    </row>
    <row r="533252" spans="8:8">
      <c r="H533252" s="12"/>
    </row>
    <row r="533253" spans="8:8">
      <c r="H533253" s="12"/>
    </row>
    <row r="533254" spans="8:8">
      <c r="H533254" s="12"/>
    </row>
    <row r="533255" spans="8:8">
      <c r="H533255" s="12"/>
    </row>
    <row r="533256" spans="8:8">
      <c r="H533256" s="12"/>
    </row>
    <row r="533257" spans="8:8">
      <c r="H533257" s="12"/>
    </row>
    <row r="533258" spans="8:8">
      <c r="H533258" s="12"/>
    </row>
    <row r="533259" spans="8:8">
      <c r="H533259" s="12"/>
    </row>
    <row r="533260" spans="8:8">
      <c r="H533260" s="12"/>
    </row>
    <row r="533261" spans="8:8">
      <c r="H533261" s="12"/>
    </row>
    <row r="533262" spans="8:8">
      <c r="H533262" s="12"/>
    </row>
    <row r="533263" spans="8:8">
      <c r="H533263" s="12"/>
    </row>
    <row r="533264" spans="8:8">
      <c r="H533264" s="12"/>
    </row>
    <row r="533265" spans="8:8">
      <c r="H533265" s="12"/>
    </row>
    <row r="533266" spans="8:8">
      <c r="H533266" s="12"/>
    </row>
    <row r="533267" spans="8:8">
      <c r="H533267" s="12"/>
    </row>
    <row r="533268" spans="8:8">
      <c r="H533268" s="12"/>
    </row>
    <row r="533269" spans="8:8">
      <c r="H533269" s="12"/>
    </row>
    <row r="533270" spans="8:8">
      <c r="H533270" s="12"/>
    </row>
    <row r="533271" spans="8:8">
      <c r="H533271" s="12"/>
    </row>
    <row r="533272" spans="8:8">
      <c r="H533272" s="12"/>
    </row>
    <row r="533273" spans="8:8">
      <c r="H533273" s="12"/>
    </row>
    <row r="533274" spans="8:8">
      <c r="H533274" s="12"/>
    </row>
    <row r="533275" spans="8:8">
      <c r="H533275" s="12"/>
    </row>
    <row r="533276" spans="8:8">
      <c r="H533276" s="12"/>
    </row>
    <row r="533277" spans="8:8">
      <c r="H533277" s="12"/>
    </row>
    <row r="533278" spans="8:8">
      <c r="H533278" s="12"/>
    </row>
    <row r="533279" spans="8:8">
      <c r="H533279" s="12"/>
    </row>
    <row r="533280" spans="8:8">
      <c r="H533280" s="12"/>
    </row>
    <row r="533281" spans="8:8">
      <c r="H533281" s="12"/>
    </row>
    <row r="533282" spans="8:8">
      <c r="H533282" s="12"/>
    </row>
    <row r="533283" spans="8:8">
      <c r="H533283" s="12"/>
    </row>
    <row r="533284" spans="8:8">
      <c r="H533284" s="12"/>
    </row>
    <row r="533285" spans="8:8">
      <c r="H533285" s="12"/>
    </row>
    <row r="533286" spans="8:8">
      <c r="H533286" s="12"/>
    </row>
    <row r="533287" spans="8:8">
      <c r="H533287" s="12"/>
    </row>
    <row r="533288" spans="8:8">
      <c r="H533288" s="12"/>
    </row>
    <row r="533289" spans="8:8">
      <c r="H533289" s="12"/>
    </row>
    <row r="533290" spans="8:8">
      <c r="H533290" s="12"/>
    </row>
    <row r="533291" spans="8:8">
      <c r="H533291" s="12"/>
    </row>
    <row r="533292" spans="8:8">
      <c r="H533292" s="12"/>
    </row>
    <row r="533293" spans="8:8">
      <c r="H533293" s="12"/>
    </row>
    <row r="533294" spans="8:8">
      <c r="H533294" s="12"/>
    </row>
    <row r="533295" spans="8:8">
      <c r="H533295" s="12"/>
    </row>
    <row r="533296" spans="8:8">
      <c r="H533296" s="12"/>
    </row>
    <row r="533297" spans="8:8">
      <c r="H533297" s="12"/>
    </row>
    <row r="533298" spans="8:8">
      <c r="H533298" s="12"/>
    </row>
    <row r="533299" spans="8:8">
      <c r="H533299" s="12"/>
    </row>
    <row r="533300" spans="8:8">
      <c r="H533300" s="12"/>
    </row>
    <row r="533301" spans="8:8">
      <c r="H533301" s="12"/>
    </row>
    <row r="533302" spans="8:8">
      <c r="H533302" s="12"/>
    </row>
    <row r="533303" spans="8:8">
      <c r="H533303" s="12"/>
    </row>
    <row r="533304" spans="8:8">
      <c r="H533304" s="12"/>
    </row>
    <row r="533305" spans="8:8">
      <c r="H533305" s="12"/>
    </row>
    <row r="533306" spans="8:8">
      <c r="H533306" s="12"/>
    </row>
    <row r="533307" spans="8:8">
      <c r="H533307" s="12"/>
    </row>
    <row r="533308" spans="8:8">
      <c r="H533308" s="12"/>
    </row>
    <row r="533309" spans="8:8">
      <c r="H533309" s="12"/>
    </row>
    <row r="533310" spans="8:8">
      <c r="H533310" s="12"/>
    </row>
    <row r="533311" spans="8:8">
      <c r="H533311" s="12"/>
    </row>
    <row r="533312" spans="8:8">
      <c r="H533312" s="12"/>
    </row>
    <row r="533313" spans="8:8">
      <c r="H533313" s="12"/>
    </row>
    <row r="533314" spans="8:8">
      <c r="H533314" s="12"/>
    </row>
    <row r="533315" spans="8:8">
      <c r="H533315" s="12"/>
    </row>
    <row r="533316" spans="8:8">
      <c r="H533316" s="12"/>
    </row>
    <row r="533317" spans="8:8">
      <c r="H533317" s="12"/>
    </row>
    <row r="533318" spans="8:8">
      <c r="H533318" s="12"/>
    </row>
    <row r="533319" spans="8:8">
      <c r="H533319" s="12"/>
    </row>
    <row r="533320" spans="8:8">
      <c r="H533320" s="12"/>
    </row>
    <row r="533321" spans="8:8">
      <c r="H533321" s="12"/>
    </row>
    <row r="533322" spans="8:8">
      <c r="H533322" s="12"/>
    </row>
    <row r="533323" spans="8:8">
      <c r="H533323" s="12"/>
    </row>
    <row r="533324" spans="8:8">
      <c r="H533324" s="12"/>
    </row>
    <row r="533325" spans="8:8">
      <c r="H533325" s="12"/>
    </row>
    <row r="533326" spans="8:8">
      <c r="H533326" s="12"/>
    </row>
    <row r="533327" spans="8:8">
      <c r="H533327" s="12"/>
    </row>
    <row r="533328" spans="8:8">
      <c r="H533328" s="12"/>
    </row>
    <row r="533329" spans="8:8">
      <c r="H533329" s="12"/>
    </row>
    <row r="533330" spans="8:8">
      <c r="H533330" s="12"/>
    </row>
    <row r="533331" spans="8:8">
      <c r="H533331" s="12"/>
    </row>
    <row r="533332" spans="8:8">
      <c r="H533332" s="12"/>
    </row>
    <row r="533333" spans="8:8">
      <c r="H533333" s="12"/>
    </row>
    <row r="533334" spans="8:8">
      <c r="H533334" s="12"/>
    </row>
    <row r="533335" spans="8:8">
      <c r="H533335" s="12"/>
    </row>
    <row r="533336" spans="8:8">
      <c r="H533336" s="12"/>
    </row>
    <row r="533337" spans="8:8">
      <c r="H533337" s="12"/>
    </row>
    <row r="533338" spans="8:8">
      <c r="H533338" s="12"/>
    </row>
    <row r="533339" spans="8:8">
      <c r="H533339" s="12"/>
    </row>
    <row r="533340" spans="8:8">
      <c r="H533340" s="12"/>
    </row>
    <row r="533341" spans="8:8">
      <c r="H533341" s="12"/>
    </row>
    <row r="533342" spans="8:8">
      <c r="H533342" s="12"/>
    </row>
    <row r="533343" spans="8:8">
      <c r="H533343" s="12"/>
    </row>
    <row r="533344" spans="8:8">
      <c r="H533344" s="12"/>
    </row>
    <row r="533345" spans="8:8">
      <c r="H533345" s="12"/>
    </row>
    <row r="533346" spans="8:8">
      <c r="H533346" s="12"/>
    </row>
    <row r="533347" spans="8:8">
      <c r="H533347" s="12"/>
    </row>
    <row r="533348" spans="8:8">
      <c r="H533348" s="12"/>
    </row>
    <row r="533349" spans="8:8">
      <c r="H533349" s="12"/>
    </row>
    <row r="533350" spans="8:8">
      <c r="H533350" s="12"/>
    </row>
    <row r="533351" spans="8:8">
      <c r="H533351" s="12"/>
    </row>
    <row r="533352" spans="8:8">
      <c r="H533352" s="12"/>
    </row>
    <row r="533353" spans="8:8">
      <c r="H533353" s="12"/>
    </row>
    <row r="533354" spans="8:8">
      <c r="H533354" s="12"/>
    </row>
    <row r="533355" spans="8:8">
      <c r="H533355" s="12"/>
    </row>
    <row r="533356" spans="8:8">
      <c r="H533356" s="12"/>
    </row>
    <row r="533357" spans="8:8">
      <c r="H533357" s="12"/>
    </row>
    <row r="533358" spans="8:8">
      <c r="H533358" s="12"/>
    </row>
    <row r="533359" spans="8:8">
      <c r="H533359" s="12"/>
    </row>
    <row r="533360" spans="8:8">
      <c r="H533360" s="12"/>
    </row>
    <row r="533361" spans="8:8">
      <c r="H533361" s="12"/>
    </row>
    <row r="533362" spans="8:8">
      <c r="H533362" s="12"/>
    </row>
    <row r="533363" spans="8:8">
      <c r="H533363" s="12"/>
    </row>
    <row r="533364" spans="8:8">
      <c r="H533364" s="12"/>
    </row>
    <row r="533365" spans="8:8">
      <c r="H533365" s="12"/>
    </row>
    <row r="533366" spans="8:8">
      <c r="H533366" s="12"/>
    </row>
    <row r="533367" spans="8:8">
      <c r="H533367" s="12"/>
    </row>
    <row r="533368" spans="8:8">
      <c r="H533368" s="12"/>
    </row>
    <row r="533369" spans="8:8">
      <c r="H533369" s="12"/>
    </row>
    <row r="533370" spans="8:8">
      <c r="H533370" s="12"/>
    </row>
    <row r="533371" spans="8:8">
      <c r="H533371" s="12"/>
    </row>
    <row r="533372" spans="8:8">
      <c r="H533372" s="12"/>
    </row>
    <row r="533373" spans="8:8">
      <c r="H533373" s="12"/>
    </row>
    <row r="533374" spans="8:8">
      <c r="H533374" s="12"/>
    </row>
    <row r="533375" spans="8:8">
      <c r="H533375" s="12"/>
    </row>
    <row r="533376" spans="8:8">
      <c r="H533376" s="12"/>
    </row>
    <row r="533377" spans="8:8">
      <c r="H533377" s="12"/>
    </row>
    <row r="533378" spans="8:8">
      <c r="H533378" s="12"/>
    </row>
    <row r="533379" spans="8:8">
      <c r="H533379" s="12"/>
    </row>
    <row r="533380" spans="8:8">
      <c r="H533380" s="12"/>
    </row>
    <row r="533381" spans="8:8">
      <c r="H533381" s="12"/>
    </row>
    <row r="533382" spans="8:8">
      <c r="H533382" s="12"/>
    </row>
    <row r="533383" spans="8:8">
      <c r="H533383" s="12"/>
    </row>
    <row r="533384" spans="8:8">
      <c r="H533384" s="12"/>
    </row>
    <row r="533385" spans="8:8">
      <c r="H533385" s="12"/>
    </row>
    <row r="533386" spans="8:8">
      <c r="H533386" s="12"/>
    </row>
    <row r="533387" spans="8:8">
      <c r="H533387" s="12"/>
    </row>
    <row r="533388" spans="8:8">
      <c r="H533388" s="12"/>
    </row>
    <row r="533389" spans="8:8">
      <c r="H533389" s="12"/>
    </row>
    <row r="533390" spans="8:8">
      <c r="H533390" s="12"/>
    </row>
    <row r="533391" spans="8:8">
      <c r="H533391" s="12"/>
    </row>
    <row r="533392" spans="8:8">
      <c r="H533392" s="12"/>
    </row>
    <row r="533393" spans="8:8">
      <c r="H533393" s="12"/>
    </row>
    <row r="533394" spans="8:8">
      <c r="H533394" s="12"/>
    </row>
    <row r="533395" spans="8:8">
      <c r="H533395" s="12"/>
    </row>
    <row r="533396" spans="8:8">
      <c r="H533396" s="12"/>
    </row>
    <row r="533397" spans="8:8">
      <c r="H533397" s="12"/>
    </row>
    <row r="533398" spans="8:8">
      <c r="H533398" s="12"/>
    </row>
    <row r="533399" spans="8:8">
      <c r="H533399" s="12"/>
    </row>
    <row r="533400" spans="8:8">
      <c r="H533400" s="12"/>
    </row>
    <row r="533401" spans="8:8">
      <c r="H533401" s="12"/>
    </row>
    <row r="533402" spans="8:8">
      <c r="H533402" s="12"/>
    </row>
    <row r="533403" spans="8:8">
      <c r="H533403" s="12"/>
    </row>
    <row r="533404" spans="8:8">
      <c r="H533404" s="12"/>
    </row>
    <row r="533405" spans="8:8">
      <c r="H533405" s="12"/>
    </row>
    <row r="533406" spans="8:8">
      <c r="H533406" s="12"/>
    </row>
    <row r="533407" spans="8:8">
      <c r="H533407" s="12"/>
    </row>
    <row r="533408" spans="8:8">
      <c r="H533408" s="12"/>
    </row>
    <row r="533409" spans="8:8">
      <c r="H533409" s="12"/>
    </row>
    <row r="533410" spans="8:8">
      <c r="H533410" s="12"/>
    </row>
    <row r="533411" spans="8:8">
      <c r="H533411" s="12"/>
    </row>
    <row r="533412" spans="8:8">
      <c r="H533412" s="12"/>
    </row>
    <row r="533413" spans="8:8">
      <c r="H533413" s="12"/>
    </row>
    <row r="533414" spans="8:8">
      <c r="H533414" s="12"/>
    </row>
    <row r="533415" spans="8:8">
      <c r="H533415" s="12"/>
    </row>
    <row r="533416" spans="8:8">
      <c r="H533416" s="12"/>
    </row>
    <row r="533417" spans="8:8">
      <c r="H533417" s="12"/>
    </row>
    <row r="533418" spans="8:8">
      <c r="H533418" s="12"/>
    </row>
    <row r="533419" spans="8:8">
      <c r="H533419" s="12"/>
    </row>
    <row r="533420" spans="8:8">
      <c r="H533420" s="12"/>
    </row>
    <row r="533421" spans="8:8">
      <c r="H533421" s="12"/>
    </row>
    <row r="533422" spans="8:8">
      <c r="H533422" s="12"/>
    </row>
    <row r="533423" spans="8:8">
      <c r="H533423" s="12"/>
    </row>
    <row r="533424" spans="8:8">
      <c r="H533424" s="12"/>
    </row>
    <row r="533425" spans="8:8">
      <c r="H533425" s="12"/>
    </row>
    <row r="533426" spans="8:8">
      <c r="H533426" s="12"/>
    </row>
    <row r="533427" spans="8:8">
      <c r="H533427" s="12"/>
    </row>
    <row r="533428" spans="8:8">
      <c r="H533428" s="12"/>
    </row>
    <row r="533429" spans="8:8">
      <c r="H533429" s="12"/>
    </row>
    <row r="533430" spans="8:8">
      <c r="H533430" s="12"/>
    </row>
    <row r="533431" spans="8:8">
      <c r="H533431" s="12"/>
    </row>
    <row r="533432" spans="8:8">
      <c r="H533432" s="12"/>
    </row>
    <row r="533433" spans="8:8">
      <c r="H533433" s="12"/>
    </row>
    <row r="533434" spans="8:8">
      <c r="H533434" s="12"/>
    </row>
    <row r="533435" spans="8:8">
      <c r="H533435" s="12"/>
    </row>
    <row r="533436" spans="8:8">
      <c r="H533436" s="12"/>
    </row>
    <row r="533437" spans="8:8">
      <c r="H533437" s="12"/>
    </row>
    <row r="533438" spans="8:8">
      <c r="H533438" s="12"/>
    </row>
    <row r="533439" spans="8:8">
      <c r="H533439" s="12"/>
    </row>
    <row r="533440" spans="8:8">
      <c r="H533440" s="12"/>
    </row>
    <row r="533441" spans="8:8">
      <c r="H533441" s="12"/>
    </row>
    <row r="533442" spans="8:8">
      <c r="H533442" s="12"/>
    </row>
    <row r="533443" spans="8:8">
      <c r="H533443" s="12"/>
    </row>
    <row r="533444" spans="8:8">
      <c r="H533444" s="12"/>
    </row>
    <row r="533445" spans="8:8">
      <c r="H533445" s="12"/>
    </row>
    <row r="533446" spans="8:8">
      <c r="H533446" s="12"/>
    </row>
    <row r="533447" spans="8:8">
      <c r="H533447" s="12"/>
    </row>
    <row r="533448" spans="8:8">
      <c r="H533448" s="12"/>
    </row>
    <row r="533449" spans="8:8">
      <c r="H533449" s="12"/>
    </row>
    <row r="533450" spans="8:8">
      <c r="H533450" s="12"/>
    </row>
    <row r="533451" spans="8:8">
      <c r="H533451" s="12"/>
    </row>
    <row r="533452" spans="8:8">
      <c r="H533452" s="12"/>
    </row>
    <row r="533453" spans="8:8">
      <c r="H533453" s="12"/>
    </row>
    <row r="533454" spans="8:8">
      <c r="H533454" s="12"/>
    </row>
    <row r="533455" spans="8:8">
      <c r="H533455" s="12"/>
    </row>
    <row r="533456" spans="8:8">
      <c r="H533456" s="12"/>
    </row>
    <row r="533457" spans="8:8">
      <c r="H533457" s="12"/>
    </row>
    <row r="533458" spans="8:8">
      <c r="H533458" s="12"/>
    </row>
    <row r="533459" spans="8:8">
      <c r="H533459" s="12"/>
    </row>
    <row r="533460" spans="8:8">
      <c r="H533460" s="12"/>
    </row>
    <row r="533461" spans="8:8">
      <c r="H533461" s="12"/>
    </row>
    <row r="533462" spans="8:8">
      <c r="H533462" s="12"/>
    </row>
    <row r="533463" spans="8:8">
      <c r="H533463" s="12"/>
    </row>
    <row r="533464" spans="8:8">
      <c r="H533464" s="12"/>
    </row>
    <row r="533465" spans="8:8">
      <c r="H533465" s="12"/>
    </row>
    <row r="533466" spans="8:8">
      <c r="H533466" s="12"/>
    </row>
    <row r="533467" spans="8:8">
      <c r="H533467" s="12"/>
    </row>
    <row r="533468" spans="8:8">
      <c r="H533468" s="12"/>
    </row>
    <row r="533469" spans="8:8">
      <c r="H533469" s="12"/>
    </row>
    <row r="533470" spans="8:8">
      <c r="H533470" s="12"/>
    </row>
    <row r="533471" spans="8:8">
      <c r="H533471" s="12"/>
    </row>
    <row r="533472" spans="8:8">
      <c r="H533472" s="12"/>
    </row>
    <row r="533473" spans="8:8">
      <c r="H533473" s="12"/>
    </row>
    <row r="533474" spans="8:8">
      <c r="H533474" s="12"/>
    </row>
    <row r="533475" spans="8:8">
      <c r="H533475" s="12"/>
    </row>
    <row r="533476" spans="8:8">
      <c r="H533476" s="12"/>
    </row>
    <row r="533477" spans="8:8">
      <c r="H533477" s="12"/>
    </row>
    <row r="533478" spans="8:8">
      <c r="H533478" s="12"/>
    </row>
    <row r="533479" spans="8:8">
      <c r="H533479" s="12"/>
    </row>
    <row r="533480" spans="8:8">
      <c r="H533480" s="12"/>
    </row>
    <row r="533481" spans="8:8">
      <c r="H533481" s="12"/>
    </row>
    <row r="533482" spans="8:8">
      <c r="H533482" s="12"/>
    </row>
    <row r="533483" spans="8:8">
      <c r="H533483" s="12"/>
    </row>
    <row r="533484" spans="8:8">
      <c r="H533484" s="12"/>
    </row>
    <row r="533485" spans="8:8">
      <c r="H533485" s="12"/>
    </row>
    <row r="533486" spans="8:8">
      <c r="H533486" s="12"/>
    </row>
    <row r="533487" spans="8:8">
      <c r="H533487" s="12"/>
    </row>
    <row r="533488" spans="8:8">
      <c r="H533488" s="12"/>
    </row>
    <row r="533489" spans="8:8">
      <c r="H533489" s="12"/>
    </row>
    <row r="533490" spans="8:8">
      <c r="H533490" s="12"/>
    </row>
    <row r="533491" spans="8:8">
      <c r="H533491" s="12"/>
    </row>
    <row r="533492" spans="8:8">
      <c r="H533492" s="12"/>
    </row>
    <row r="533493" spans="8:8">
      <c r="H533493" s="12"/>
    </row>
    <row r="533494" spans="8:8">
      <c r="H533494" s="12"/>
    </row>
    <row r="533495" spans="8:8">
      <c r="H533495" s="12"/>
    </row>
    <row r="533496" spans="8:8">
      <c r="H533496" s="12"/>
    </row>
    <row r="533497" spans="8:8">
      <c r="H533497" s="12"/>
    </row>
    <row r="533498" spans="8:8">
      <c r="H533498" s="12"/>
    </row>
    <row r="533499" spans="8:8">
      <c r="H533499" s="12"/>
    </row>
    <row r="533500" spans="8:8">
      <c r="H533500" s="12"/>
    </row>
    <row r="533501" spans="8:8">
      <c r="H533501" s="12"/>
    </row>
    <row r="533502" spans="8:8">
      <c r="H533502" s="12"/>
    </row>
    <row r="533503" spans="8:8">
      <c r="H533503" s="12"/>
    </row>
    <row r="533504" spans="8:8">
      <c r="H533504" s="12"/>
    </row>
    <row r="533505" spans="8:8">
      <c r="H533505" s="12"/>
    </row>
    <row r="533506" spans="8:8">
      <c r="H533506" s="12"/>
    </row>
    <row r="533507" spans="8:8">
      <c r="H533507" s="12"/>
    </row>
    <row r="533508" spans="8:8">
      <c r="H533508" s="12"/>
    </row>
    <row r="533509" spans="8:8">
      <c r="H533509" s="12"/>
    </row>
    <row r="533510" spans="8:8">
      <c r="H533510" s="12"/>
    </row>
    <row r="533511" spans="8:8">
      <c r="H533511" s="12"/>
    </row>
    <row r="533512" spans="8:8">
      <c r="H533512" s="12"/>
    </row>
    <row r="533513" spans="8:8">
      <c r="H533513" s="12"/>
    </row>
    <row r="533514" spans="8:8">
      <c r="H533514" s="12"/>
    </row>
    <row r="533515" spans="8:8">
      <c r="H533515" s="12"/>
    </row>
    <row r="533516" spans="8:8">
      <c r="H533516" s="12"/>
    </row>
    <row r="533517" spans="8:8">
      <c r="H533517" s="12"/>
    </row>
    <row r="533518" spans="8:8">
      <c r="H533518" s="12"/>
    </row>
    <row r="533519" spans="8:8">
      <c r="H533519" s="12"/>
    </row>
    <row r="533520" spans="8:8">
      <c r="H533520" s="12"/>
    </row>
    <row r="533521" spans="8:8">
      <c r="H533521" s="12"/>
    </row>
    <row r="533522" spans="8:8">
      <c r="H533522" s="12"/>
    </row>
    <row r="533523" spans="8:8">
      <c r="H533523" s="12"/>
    </row>
    <row r="533524" spans="8:8">
      <c r="H533524" s="12"/>
    </row>
    <row r="533525" spans="8:8">
      <c r="H533525" s="12"/>
    </row>
    <row r="533526" spans="8:8">
      <c r="H533526" s="12"/>
    </row>
    <row r="533527" spans="8:8">
      <c r="H533527" s="12"/>
    </row>
    <row r="533528" spans="8:8">
      <c r="H533528" s="12"/>
    </row>
    <row r="533529" spans="8:8">
      <c r="H533529" s="12"/>
    </row>
    <row r="533530" spans="8:8">
      <c r="H533530" s="12"/>
    </row>
    <row r="533531" spans="8:8">
      <c r="H533531" s="12"/>
    </row>
    <row r="533532" spans="8:8">
      <c r="H533532" s="12"/>
    </row>
    <row r="533533" spans="8:8">
      <c r="H533533" s="12"/>
    </row>
    <row r="533534" spans="8:8">
      <c r="H533534" s="12"/>
    </row>
    <row r="533535" spans="8:8">
      <c r="H533535" s="12"/>
    </row>
    <row r="533536" spans="8:8">
      <c r="H533536" s="12"/>
    </row>
    <row r="533537" spans="8:8">
      <c r="H533537" s="12"/>
    </row>
    <row r="533538" spans="8:8">
      <c r="H533538" s="12"/>
    </row>
    <row r="533539" spans="8:8">
      <c r="H533539" s="12"/>
    </row>
    <row r="533540" spans="8:8">
      <c r="H533540" s="12"/>
    </row>
    <row r="533541" spans="8:8">
      <c r="H533541" s="12"/>
    </row>
    <row r="533542" spans="8:8">
      <c r="H533542" s="12"/>
    </row>
    <row r="533543" spans="8:8">
      <c r="H533543" s="12"/>
    </row>
    <row r="533544" spans="8:8">
      <c r="H533544" s="12"/>
    </row>
    <row r="533545" spans="8:8">
      <c r="H533545" s="12"/>
    </row>
    <row r="533546" spans="8:8">
      <c r="H533546" s="12"/>
    </row>
    <row r="533547" spans="8:8">
      <c r="H533547" s="12"/>
    </row>
    <row r="533548" spans="8:8">
      <c r="H533548" s="12"/>
    </row>
    <row r="533549" spans="8:8">
      <c r="H533549" s="12"/>
    </row>
    <row r="533550" spans="8:8">
      <c r="H533550" s="12"/>
    </row>
    <row r="533551" spans="8:8">
      <c r="H533551" s="12"/>
    </row>
    <row r="533552" spans="8:8">
      <c r="H533552" s="12"/>
    </row>
    <row r="533553" spans="8:8">
      <c r="H533553" s="12"/>
    </row>
    <row r="533554" spans="8:8">
      <c r="H533554" s="12"/>
    </row>
    <row r="533555" spans="8:8">
      <c r="H533555" s="12"/>
    </row>
    <row r="533556" spans="8:8">
      <c r="H533556" s="12"/>
    </row>
    <row r="533557" spans="8:8">
      <c r="H533557" s="12"/>
    </row>
    <row r="533558" spans="8:8">
      <c r="H533558" s="12"/>
    </row>
    <row r="533559" spans="8:8">
      <c r="H533559" s="12"/>
    </row>
    <row r="533560" spans="8:8">
      <c r="H533560" s="12"/>
    </row>
    <row r="533561" spans="8:8">
      <c r="H533561" s="12"/>
    </row>
    <row r="533562" spans="8:8">
      <c r="H533562" s="12"/>
    </row>
    <row r="533563" spans="8:8">
      <c r="H533563" s="12"/>
    </row>
    <row r="533564" spans="8:8">
      <c r="H533564" s="12"/>
    </row>
    <row r="533565" spans="8:8">
      <c r="H533565" s="12"/>
    </row>
    <row r="533566" spans="8:8">
      <c r="H533566" s="12"/>
    </row>
    <row r="533567" spans="8:8">
      <c r="H533567" s="12"/>
    </row>
    <row r="533568" spans="8:8">
      <c r="H533568" s="12"/>
    </row>
    <row r="533569" spans="8:8">
      <c r="H533569" s="12"/>
    </row>
    <row r="533570" spans="8:8">
      <c r="H533570" s="12"/>
    </row>
    <row r="533571" spans="8:8">
      <c r="H533571" s="12"/>
    </row>
    <row r="533572" spans="8:8">
      <c r="H533572" s="12"/>
    </row>
    <row r="533573" spans="8:8">
      <c r="H533573" s="12"/>
    </row>
    <row r="533574" spans="8:8">
      <c r="H533574" s="12"/>
    </row>
    <row r="533575" spans="8:8">
      <c r="H533575" s="12"/>
    </row>
    <row r="533576" spans="8:8">
      <c r="H533576" s="12"/>
    </row>
    <row r="533577" spans="8:8">
      <c r="H533577" s="12"/>
    </row>
    <row r="533578" spans="8:8">
      <c r="H533578" s="12"/>
    </row>
    <row r="533579" spans="8:8">
      <c r="H533579" s="12"/>
    </row>
    <row r="533580" spans="8:8">
      <c r="H533580" s="12"/>
    </row>
    <row r="533581" spans="8:8">
      <c r="H533581" s="12"/>
    </row>
    <row r="533582" spans="8:8">
      <c r="H533582" s="12"/>
    </row>
    <row r="533583" spans="8:8">
      <c r="H533583" s="12"/>
    </row>
    <row r="533584" spans="8:8">
      <c r="H533584" s="12"/>
    </row>
    <row r="533585" spans="8:8">
      <c r="H533585" s="12"/>
    </row>
    <row r="533586" spans="8:8">
      <c r="H533586" s="12"/>
    </row>
    <row r="533587" spans="8:8">
      <c r="H533587" s="12"/>
    </row>
    <row r="533588" spans="8:8">
      <c r="H533588" s="12"/>
    </row>
    <row r="533589" spans="8:8">
      <c r="H533589" s="12"/>
    </row>
    <row r="533590" spans="8:8">
      <c r="H533590" s="12"/>
    </row>
    <row r="533591" spans="8:8">
      <c r="H533591" s="12"/>
    </row>
    <row r="533592" spans="8:8">
      <c r="H533592" s="12"/>
    </row>
    <row r="533593" spans="8:8">
      <c r="H533593" s="12"/>
    </row>
    <row r="533594" spans="8:8">
      <c r="H533594" s="12"/>
    </row>
    <row r="533595" spans="8:8">
      <c r="H533595" s="12"/>
    </row>
    <row r="533596" spans="8:8">
      <c r="H533596" s="12"/>
    </row>
    <row r="533597" spans="8:8">
      <c r="H533597" s="12"/>
    </row>
    <row r="533598" spans="8:8">
      <c r="H533598" s="12"/>
    </row>
    <row r="533599" spans="8:8">
      <c r="H533599" s="12"/>
    </row>
    <row r="533600" spans="8:8">
      <c r="H533600" s="12"/>
    </row>
    <row r="533601" spans="8:8">
      <c r="H533601" s="12"/>
    </row>
    <row r="533602" spans="8:8">
      <c r="H533602" s="12"/>
    </row>
    <row r="533603" spans="8:8">
      <c r="H533603" s="12"/>
    </row>
    <row r="533604" spans="8:8">
      <c r="H533604" s="12"/>
    </row>
    <row r="533605" spans="8:8">
      <c r="H533605" s="12"/>
    </row>
    <row r="533606" spans="8:8">
      <c r="H533606" s="12"/>
    </row>
    <row r="533607" spans="8:8">
      <c r="H533607" s="12"/>
    </row>
    <row r="533608" spans="8:8">
      <c r="H533608" s="12"/>
    </row>
    <row r="533609" spans="8:8">
      <c r="H533609" s="12"/>
    </row>
    <row r="533610" spans="8:8">
      <c r="H533610" s="12"/>
    </row>
    <row r="533611" spans="8:8">
      <c r="H533611" s="12"/>
    </row>
    <row r="533612" spans="8:8">
      <c r="H533612" s="12"/>
    </row>
    <row r="533613" spans="8:8">
      <c r="H533613" s="12"/>
    </row>
    <row r="533614" spans="8:8">
      <c r="H533614" s="12"/>
    </row>
    <row r="533615" spans="8:8">
      <c r="H533615" s="12"/>
    </row>
    <row r="533616" spans="8:8">
      <c r="H533616" s="12"/>
    </row>
    <row r="533617" spans="8:8">
      <c r="H533617" s="12"/>
    </row>
    <row r="533618" spans="8:8">
      <c r="H533618" s="12"/>
    </row>
    <row r="533619" spans="8:8">
      <c r="H533619" s="12"/>
    </row>
    <row r="533620" spans="8:8">
      <c r="H533620" s="12"/>
    </row>
    <row r="533621" spans="8:8">
      <c r="H533621" s="12"/>
    </row>
    <row r="533622" spans="8:8">
      <c r="H533622" s="12"/>
    </row>
    <row r="533623" spans="8:8">
      <c r="H533623" s="12"/>
    </row>
    <row r="533624" spans="8:8">
      <c r="H533624" s="12"/>
    </row>
    <row r="533625" spans="8:8">
      <c r="H533625" s="12"/>
    </row>
    <row r="533626" spans="8:8">
      <c r="H533626" s="12"/>
    </row>
    <row r="533627" spans="8:8">
      <c r="H533627" s="12"/>
    </row>
    <row r="533628" spans="8:8">
      <c r="H533628" s="12"/>
    </row>
    <row r="533629" spans="8:8">
      <c r="H533629" s="12"/>
    </row>
    <row r="533630" spans="8:8">
      <c r="H533630" s="12"/>
    </row>
    <row r="533631" spans="8:8">
      <c r="H533631" s="12"/>
    </row>
    <row r="533632" spans="8:8">
      <c r="H533632" s="12"/>
    </row>
    <row r="533633" spans="8:8">
      <c r="H533633" s="12"/>
    </row>
    <row r="533634" spans="8:8">
      <c r="H533634" s="12"/>
    </row>
    <row r="533635" spans="8:8">
      <c r="H533635" s="12"/>
    </row>
    <row r="533636" spans="8:8">
      <c r="H533636" s="12"/>
    </row>
    <row r="533637" spans="8:8">
      <c r="H533637" s="12"/>
    </row>
    <row r="533638" spans="8:8">
      <c r="H533638" s="12"/>
    </row>
    <row r="533639" spans="8:8">
      <c r="H533639" s="12"/>
    </row>
    <row r="533640" spans="8:8">
      <c r="H533640" s="12"/>
    </row>
    <row r="533641" spans="8:8">
      <c r="H533641" s="12"/>
    </row>
    <row r="533642" spans="8:8">
      <c r="H533642" s="12"/>
    </row>
    <row r="533643" spans="8:8">
      <c r="H533643" s="12"/>
    </row>
    <row r="533644" spans="8:8">
      <c r="H533644" s="12"/>
    </row>
    <row r="533645" spans="8:8">
      <c r="H533645" s="12"/>
    </row>
    <row r="533646" spans="8:8">
      <c r="H533646" s="12"/>
    </row>
    <row r="533647" spans="8:8">
      <c r="H533647" s="12"/>
    </row>
    <row r="533648" spans="8:8">
      <c r="H533648" s="12"/>
    </row>
    <row r="533649" spans="8:8">
      <c r="H533649" s="12"/>
    </row>
    <row r="533650" spans="8:8">
      <c r="H533650" s="12"/>
    </row>
    <row r="533651" spans="8:8">
      <c r="H533651" s="12"/>
    </row>
    <row r="533652" spans="8:8">
      <c r="H533652" s="12"/>
    </row>
    <row r="533653" spans="8:8">
      <c r="H533653" s="12"/>
    </row>
    <row r="533654" spans="8:8">
      <c r="H533654" s="12"/>
    </row>
    <row r="533655" spans="8:8">
      <c r="H533655" s="12"/>
    </row>
    <row r="533656" spans="8:8">
      <c r="H533656" s="12"/>
    </row>
    <row r="533657" spans="8:8">
      <c r="H533657" s="12"/>
    </row>
    <row r="533658" spans="8:8">
      <c r="H533658" s="12"/>
    </row>
    <row r="533659" spans="8:8">
      <c r="H533659" s="12"/>
    </row>
    <row r="533660" spans="8:8">
      <c r="H533660" s="12"/>
    </row>
    <row r="533661" spans="8:8">
      <c r="H533661" s="12"/>
    </row>
    <row r="533662" spans="8:8">
      <c r="H533662" s="12"/>
    </row>
    <row r="533663" spans="8:8">
      <c r="H533663" s="12"/>
    </row>
    <row r="533664" spans="8:8">
      <c r="H533664" s="12"/>
    </row>
    <row r="533665" spans="8:8">
      <c r="H533665" s="12"/>
    </row>
    <row r="533666" spans="8:8">
      <c r="H533666" s="12"/>
    </row>
    <row r="533667" spans="8:8">
      <c r="H533667" s="12"/>
    </row>
    <row r="533668" spans="8:8">
      <c r="H533668" s="12"/>
    </row>
    <row r="533669" spans="8:8">
      <c r="H533669" s="12"/>
    </row>
    <row r="533670" spans="8:8">
      <c r="H533670" s="12"/>
    </row>
    <row r="533671" spans="8:8">
      <c r="H533671" s="12"/>
    </row>
    <row r="533672" spans="8:8">
      <c r="H533672" s="12"/>
    </row>
    <row r="533673" spans="8:8">
      <c r="H533673" s="12"/>
    </row>
    <row r="533674" spans="8:8">
      <c r="H533674" s="12"/>
    </row>
    <row r="533675" spans="8:8">
      <c r="H533675" s="12"/>
    </row>
    <row r="533676" spans="8:8">
      <c r="H533676" s="12"/>
    </row>
    <row r="533677" spans="8:8">
      <c r="H533677" s="12"/>
    </row>
    <row r="533678" spans="8:8">
      <c r="H533678" s="12"/>
    </row>
    <row r="533679" spans="8:8">
      <c r="H533679" s="12"/>
    </row>
    <row r="533680" spans="8:8">
      <c r="H533680" s="12"/>
    </row>
    <row r="533681" spans="8:8">
      <c r="H533681" s="12"/>
    </row>
    <row r="533682" spans="8:8">
      <c r="H533682" s="12"/>
    </row>
    <row r="533683" spans="8:8">
      <c r="H533683" s="12"/>
    </row>
    <row r="533684" spans="8:8">
      <c r="H533684" s="12"/>
    </row>
    <row r="533685" spans="8:8">
      <c r="H533685" s="12"/>
    </row>
    <row r="533686" spans="8:8">
      <c r="H533686" s="12"/>
    </row>
    <row r="533687" spans="8:8">
      <c r="H533687" s="12"/>
    </row>
    <row r="533688" spans="8:8">
      <c r="H533688" s="12"/>
    </row>
    <row r="533689" spans="8:8">
      <c r="H533689" s="12"/>
    </row>
    <row r="533690" spans="8:8">
      <c r="H533690" s="12"/>
    </row>
    <row r="533691" spans="8:8">
      <c r="H533691" s="12"/>
    </row>
    <row r="533692" spans="8:8">
      <c r="H533692" s="12"/>
    </row>
    <row r="533693" spans="8:8">
      <c r="H533693" s="12"/>
    </row>
    <row r="533694" spans="8:8">
      <c r="H533694" s="12"/>
    </row>
    <row r="533695" spans="8:8">
      <c r="H533695" s="12"/>
    </row>
    <row r="533696" spans="8:8">
      <c r="H533696" s="12"/>
    </row>
    <row r="533697" spans="8:8">
      <c r="H533697" s="12"/>
    </row>
    <row r="533698" spans="8:8">
      <c r="H533698" s="12"/>
    </row>
    <row r="533699" spans="8:8">
      <c r="H533699" s="12"/>
    </row>
    <row r="533700" spans="8:8">
      <c r="H533700" s="12"/>
    </row>
    <row r="533701" spans="8:8">
      <c r="H533701" s="12"/>
    </row>
    <row r="533702" spans="8:8">
      <c r="H533702" s="12"/>
    </row>
    <row r="533703" spans="8:8">
      <c r="H533703" s="12"/>
    </row>
    <row r="533704" spans="8:8">
      <c r="H533704" s="12"/>
    </row>
    <row r="533705" spans="8:8">
      <c r="H533705" s="12"/>
    </row>
    <row r="533706" spans="8:8">
      <c r="H533706" s="12"/>
    </row>
    <row r="533707" spans="8:8">
      <c r="H533707" s="12"/>
    </row>
    <row r="533708" spans="8:8">
      <c r="H533708" s="12"/>
    </row>
    <row r="533709" spans="8:8">
      <c r="H533709" s="12"/>
    </row>
    <row r="533710" spans="8:8">
      <c r="H533710" s="12"/>
    </row>
    <row r="533711" spans="8:8">
      <c r="H533711" s="12"/>
    </row>
    <row r="533712" spans="8:8">
      <c r="H533712" s="12"/>
    </row>
    <row r="533713" spans="8:8">
      <c r="H533713" s="12"/>
    </row>
    <row r="533714" spans="8:8">
      <c r="H533714" s="12"/>
    </row>
    <row r="533715" spans="8:8">
      <c r="H533715" s="12"/>
    </row>
    <row r="533716" spans="8:8">
      <c r="H533716" s="12"/>
    </row>
    <row r="533717" spans="8:8">
      <c r="H533717" s="12"/>
    </row>
    <row r="533718" spans="8:8">
      <c r="H533718" s="12"/>
    </row>
    <row r="533719" spans="8:8">
      <c r="H533719" s="12"/>
    </row>
    <row r="533720" spans="8:8">
      <c r="H533720" s="12"/>
    </row>
    <row r="533721" spans="8:8">
      <c r="H533721" s="12"/>
    </row>
    <row r="533722" spans="8:8">
      <c r="H533722" s="12"/>
    </row>
    <row r="533723" spans="8:8">
      <c r="H533723" s="12"/>
    </row>
    <row r="533724" spans="8:8">
      <c r="H533724" s="12"/>
    </row>
    <row r="533725" spans="8:8">
      <c r="H533725" s="12"/>
    </row>
    <row r="533726" spans="8:8">
      <c r="H533726" s="12"/>
    </row>
    <row r="533727" spans="8:8">
      <c r="H533727" s="12"/>
    </row>
    <row r="533728" spans="8:8">
      <c r="H533728" s="12"/>
    </row>
    <row r="533729" spans="8:8">
      <c r="H533729" s="12"/>
    </row>
    <row r="533730" spans="8:8">
      <c r="H533730" s="12"/>
    </row>
    <row r="533731" spans="8:8">
      <c r="H533731" s="12"/>
    </row>
    <row r="533732" spans="8:8">
      <c r="H533732" s="12"/>
    </row>
    <row r="533733" spans="8:8">
      <c r="H533733" s="12"/>
    </row>
    <row r="533734" spans="8:8">
      <c r="H533734" s="12"/>
    </row>
    <row r="533735" spans="8:8">
      <c r="H533735" s="12"/>
    </row>
    <row r="533736" spans="8:8">
      <c r="H533736" s="12"/>
    </row>
    <row r="533737" spans="8:8">
      <c r="H533737" s="12"/>
    </row>
    <row r="533738" spans="8:8">
      <c r="H533738" s="12"/>
    </row>
    <row r="533739" spans="8:8">
      <c r="H533739" s="12"/>
    </row>
    <row r="533740" spans="8:8">
      <c r="H533740" s="12"/>
    </row>
    <row r="533741" spans="8:8">
      <c r="H533741" s="12"/>
    </row>
    <row r="533742" spans="8:8">
      <c r="H533742" s="12"/>
    </row>
    <row r="533743" spans="8:8">
      <c r="H533743" s="12"/>
    </row>
    <row r="533744" spans="8:8">
      <c r="H533744" s="12"/>
    </row>
    <row r="533745" spans="8:8">
      <c r="H533745" s="12"/>
    </row>
    <row r="533746" spans="8:8">
      <c r="H533746" s="12"/>
    </row>
    <row r="533747" spans="8:8">
      <c r="H533747" s="12"/>
    </row>
    <row r="533748" spans="8:8">
      <c r="H533748" s="12"/>
    </row>
    <row r="533749" spans="8:8">
      <c r="H533749" s="12"/>
    </row>
    <row r="533750" spans="8:8">
      <c r="H533750" s="12"/>
    </row>
    <row r="533751" spans="8:8">
      <c r="H533751" s="12"/>
    </row>
    <row r="533752" spans="8:8">
      <c r="H533752" s="12"/>
    </row>
    <row r="533753" spans="8:8">
      <c r="H533753" s="12"/>
    </row>
    <row r="533754" spans="8:8">
      <c r="H533754" s="12"/>
    </row>
    <row r="533755" spans="8:8">
      <c r="H533755" s="12"/>
    </row>
    <row r="533756" spans="8:8">
      <c r="H533756" s="12"/>
    </row>
    <row r="533757" spans="8:8">
      <c r="H533757" s="12"/>
    </row>
    <row r="533758" spans="8:8">
      <c r="H533758" s="12"/>
    </row>
    <row r="533759" spans="8:8">
      <c r="H533759" s="12"/>
    </row>
    <row r="533760" spans="8:8">
      <c r="H533760" s="12"/>
    </row>
    <row r="533761" spans="8:8">
      <c r="H533761" s="12"/>
    </row>
    <row r="533762" spans="8:8">
      <c r="H533762" s="12"/>
    </row>
    <row r="533763" spans="8:8">
      <c r="H533763" s="12"/>
    </row>
    <row r="533764" spans="8:8">
      <c r="H533764" s="12"/>
    </row>
    <row r="533765" spans="8:8">
      <c r="H533765" s="12"/>
    </row>
    <row r="533766" spans="8:8">
      <c r="H533766" s="12"/>
    </row>
    <row r="533767" spans="8:8">
      <c r="H533767" s="12"/>
    </row>
    <row r="533768" spans="8:8">
      <c r="H533768" s="12"/>
    </row>
    <row r="533769" spans="8:8">
      <c r="H533769" s="12"/>
    </row>
    <row r="533770" spans="8:8">
      <c r="H533770" s="12"/>
    </row>
    <row r="533771" spans="8:8">
      <c r="H533771" s="12"/>
    </row>
    <row r="533772" spans="8:8">
      <c r="H533772" s="12"/>
    </row>
    <row r="533773" spans="8:8">
      <c r="H533773" s="12"/>
    </row>
    <row r="533774" spans="8:8">
      <c r="H533774" s="12"/>
    </row>
    <row r="533775" spans="8:8">
      <c r="H533775" s="12"/>
    </row>
    <row r="533776" spans="8:8">
      <c r="H533776" s="12"/>
    </row>
    <row r="533777" spans="8:8">
      <c r="H533777" s="12"/>
    </row>
    <row r="533778" spans="8:8">
      <c r="H533778" s="12"/>
    </row>
    <row r="533779" spans="8:8">
      <c r="H533779" s="12"/>
    </row>
    <row r="533780" spans="8:8">
      <c r="H533780" s="12"/>
    </row>
    <row r="533781" spans="8:8">
      <c r="H533781" s="12"/>
    </row>
    <row r="533782" spans="8:8">
      <c r="H533782" s="12"/>
    </row>
    <row r="533783" spans="8:8">
      <c r="H533783" s="12"/>
    </row>
    <row r="533784" spans="8:8">
      <c r="H533784" s="12"/>
    </row>
    <row r="533785" spans="8:8">
      <c r="H533785" s="12"/>
    </row>
    <row r="533786" spans="8:8">
      <c r="H533786" s="12"/>
    </row>
    <row r="533787" spans="8:8">
      <c r="H533787" s="12"/>
    </row>
    <row r="533788" spans="8:8">
      <c r="H533788" s="12"/>
    </row>
    <row r="533789" spans="8:8">
      <c r="H533789" s="12"/>
    </row>
    <row r="533790" spans="8:8">
      <c r="H533790" s="12"/>
    </row>
    <row r="533791" spans="8:8">
      <c r="H533791" s="12"/>
    </row>
    <row r="533792" spans="8:8">
      <c r="H533792" s="12"/>
    </row>
    <row r="533793" spans="8:8">
      <c r="H533793" s="12"/>
    </row>
    <row r="533794" spans="8:8">
      <c r="H533794" s="12"/>
    </row>
    <row r="533795" spans="8:8">
      <c r="H533795" s="12"/>
    </row>
    <row r="533796" spans="8:8">
      <c r="H533796" s="12"/>
    </row>
    <row r="533797" spans="8:8">
      <c r="H533797" s="12"/>
    </row>
    <row r="533798" spans="8:8">
      <c r="H533798" s="12"/>
    </row>
    <row r="533799" spans="8:8">
      <c r="H533799" s="12"/>
    </row>
    <row r="533800" spans="8:8">
      <c r="H533800" s="12"/>
    </row>
    <row r="533801" spans="8:8">
      <c r="H533801" s="12"/>
    </row>
    <row r="533802" spans="8:8">
      <c r="H533802" s="12"/>
    </row>
    <row r="533803" spans="8:8">
      <c r="H533803" s="12"/>
    </row>
    <row r="533804" spans="8:8">
      <c r="H533804" s="12"/>
    </row>
    <row r="533805" spans="8:8">
      <c r="H533805" s="12"/>
    </row>
    <row r="533806" spans="8:8">
      <c r="H533806" s="12"/>
    </row>
    <row r="533807" spans="8:8">
      <c r="H533807" s="12"/>
    </row>
    <row r="533808" spans="8:8">
      <c r="H533808" s="12"/>
    </row>
    <row r="533809" spans="8:8">
      <c r="H533809" s="12"/>
    </row>
    <row r="533810" spans="8:8">
      <c r="H533810" s="12"/>
    </row>
    <row r="533811" spans="8:8">
      <c r="H533811" s="12"/>
    </row>
    <row r="533812" spans="8:8">
      <c r="H533812" s="12"/>
    </row>
    <row r="533813" spans="8:8">
      <c r="H533813" s="12"/>
    </row>
    <row r="533814" spans="8:8">
      <c r="H533814" s="12"/>
    </row>
    <row r="533815" spans="8:8">
      <c r="H533815" s="12"/>
    </row>
    <row r="533816" spans="8:8">
      <c r="H533816" s="12"/>
    </row>
    <row r="533817" spans="8:8">
      <c r="H533817" s="12"/>
    </row>
    <row r="533818" spans="8:8">
      <c r="H533818" s="12"/>
    </row>
    <row r="533819" spans="8:8">
      <c r="H533819" s="12"/>
    </row>
    <row r="533820" spans="8:8">
      <c r="H533820" s="12"/>
    </row>
    <row r="533821" spans="8:8">
      <c r="H533821" s="12"/>
    </row>
    <row r="533822" spans="8:8">
      <c r="H533822" s="12"/>
    </row>
    <row r="533823" spans="8:8">
      <c r="H533823" s="12"/>
    </row>
    <row r="533824" spans="8:8">
      <c r="H533824" s="12"/>
    </row>
    <row r="533825" spans="8:8">
      <c r="H533825" s="12"/>
    </row>
    <row r="533826" spans="8:8">
      <c r="H533826" s="12"/>
    </row>
    <row r="533827" spans="8:8">
      <c r="H533827" s="12"/>
    </row>
    <row r="533828" spans="8:8">
      <c r="H533828" s="12"/>
    </row>
    <row r="533829" spans="8:8">
      <c r="H533829" s="12"/>
    </row>
    <row r="533830" spans="8:8">
      <c r="H533830" s="12"/>
    </row>
    <row r="533831" spans="8:8">
      <c r="H533831" s="12"/>
    </row>
    <row r="533832" spans="8:8">
      <c r="H533832" s="12"/>
    </row>
    <row r="533833" spans="8:8">
      <c r="H533833" s="12"/>
    </row>
    <row r="533834" spans="8:8">
      <c r="H533834" s="12"/>
    </row>
    <row r="533835" spans="8:8">
      <c r="H533835" s="12"/>
    </row>
    <row r="533836" spans="8:8">
      <c r="H533836" s="12"/>
    </row>
    <row r="533837" spans="8:8">
      <c r="H533837" s="12"/>
    </row>
    <row r="533838" spans="8:8">
      <c r="H533838" s="12"/>
    </row>
    <row r="533839" spans="8:8">
      <c r="H533839" s="12"/>
    </row>
    <row r="533840" spans="8:8">
      <c r="H533840" s="12"/>
    </row>
    <row r="533841" spans="8:8">
      <c r="H533841" s="12"/>
    </row>
    <row r="533842" spans="8:8">
      <c r="H533842" s="12"/>
    </row>
    <row r="533843" spans="8:8">
      <c r="H533843" s="12"/>
    </row>
    <row r="533844" spans="8:8">
      <c r="H533844" s="12"/>
    </row>
    <row r="533845" spans="8:8">
      <c r="H533845" s="12"/>
    </row>
    <row r="533846" spans="8:8">
      <c r="H533846" s="12"/>
    </row>
    <row r="533847" spans="8:8">
      <c r="H533847" s="12"/>
    </row>
    <row r="533848" spans="8:8">
      <c r="H533848" s="12"/>
    </row>
    <row r="533849" spans="8:8">
      <c r="H533849" s="12"/>
    </row>
    <row r="533850" spans="8:8">
      <c r="H533850" s="12"/>
    </row>
    <row r="533851" spans="8:8">
      <c r="H533851" s="12"/>
    </row>
    <row r="533852" spans="8:8">
      <c r="H533852" s="12"/>
    </row>
    <row r="533853" spans="8:8">
      <c r="H533853" s="12"/>
    </row>
    <row r="533854" spans="8:8">
      <c r="H533854" s="12"/>
    </row>
    <row r="533855" spans="8:8">
      <c r="H533855" s="12"/>
    </row>
    <row r="533856" spans="8:8">
      <c r="H533856" s="12"/>
    </row>
    <row r="533857" spans="8:8">
      <c r="H533857" s="12"/>
    </row>
    <row r="533858" spans="8:8">
      <c r="H533858" s="12"/>
    </row>
    <row r="533859" spans="8:8">
      <c r="H533859" s="12"/>
    </row>
    <row r="533860" spans="8:8">
      <c r="H533860" s="12"/>
    </row>
    <row r="533861" spans="8:8">
      <c r="H533861" s="12"/>
    </row>
    <row r="533862" spans="8:8">
      <c r="H533862" s="12"/>
    </row>
    <row r="533863" spans="8:8">
      <c r="H533863" s="12"/>
    </row>
    <row r="533864" spans="8:8">
      <c r="H533864" s="12"/>
    </row>
    <row r="533865" spans="8:8">
      <c r="H533865" s="12"/>
    </row>
    <row r="533866" spans="8:8">
      <c r="H533866" s="12"/>
    </row>
    <row r="533867" spans="8:8">
      <c r="H533867" s="12"/>
    </row>
    <row r="533868" spans="8:8">
      <c r="H533868" s="12"/>
    </row>
    <row r="533869" spans="8:8">
      <c r="H533869" s="12"/>
    </row>
    <row r="533870" spans="8:8">
      <c r="H533870" s="12"/>
    </row>
    <row r="533871" spans="8:8">
      <c r="H533871" s="12"/>
    </row>
    <row r="533872" spans="8:8">
      <c r="H533872" s="12"/>
    </row>
    <row r="533873" spans="8:8">
      <c r="H533873" s="12"/>
    </row>
    <row r="533874" spans="8:8">
      <c r="H533874" s="12"/>
    </row>
    <row r="533875" spans="8:8">
      <c r="H533875" s="12"/>
    </row>
    <row r="533876" spans="8:8">
      <c r="H533876" s="12"/>
    </row>
    <row r="533877" spans="8:8">
      <c r="H533877" s="12"/>
    </row>
    <row r="533878" spans="8:8">
      <c r="H533878" s="12"/>
    </row>
    <row r="533879" spans="8:8">
      <c r="H533879" s="12"/>
    </row>
    <row r="533880" spans="8:8">
      <c r="H533880" s="12"/>
    </row>
    <row r="533881" spans="8:8">
      <c r="H533881" s="12"/>
    </row>
    <row r="533882" spans="8:8">
      <c r="H533882" s="12"/>
    </row>
    <row r="533883" spans="8:8">
      <c r="H533883" s="12"/>
    </row>
    <row r="533884" spans="8:8">
      <c r="H533884" s="12"/>
    </row>
    <row r="533885" spans="8:8">
      <c r="H533885" s="12"/>
    </row>
    <row r="533886" spans="8:8">
      <c r="H533886" s="12"/>
    </row>
    <row r="533887" spans="8:8">
      <c r="H533887" s="12"/>
    </row>
    <row r="533888" spans="8:8">
      <c r="H533888" s="12"/>
    </row>
    <row r="533889" spans="8:8">
      <c r="H533889" s="12"/>
    </row>
    <row r="533890" spans="8:8">
      <c r="H533890" s="12"/>
    </row>
    <row r="533891" spans="8:8">
      <c r="H533891" s="12"/>
    </row>
    <row r="533892" spans="8:8">
      <c r="H533892" s="12"/>
    </row>
    <row r="533893" spans="8:8">
      <c r="H533893" s="12"/>
    </row>
    <row r="533894" spans="8:8">
      <c r="H533894" s="12"/>
    </row>
    <row r="533895" spans="8:8">
      <c r="H533895" s="12"/>
    </row>
    <row r="533896" spans="8:8">
      <c r="H533896" s="12"/>
    </row>
    <row r="533897" spans="8:8">
      <c r="H533897" s="12"/>
    </row>
    <row r="533898" spans="8:8">
      <c r="H533898" s="12"/>
    </row>
    <row r="533899" spans="8:8">
      <c r="H533899" s="12"/>
    </row>
    <row r="533900" spans="8:8">
      <c r="H533900" s="12"/>
    </row>
    <row r="533901" spans="8:8">
      <c r="H533901" s="12"/>
    </row>
    <row r="533902" spans="8:8">
      <c r="H533902" s="12"/>
    </row>
    <row r="533903" spans="8:8">
      <c r="H533903" s="12"/>
    </row>
    <row r="533904" spans="8:8">
      <c r="H533904" s="12"/>
    </row>
    <row r="533905" spans="8:8">
      <c r="H533905" s="12"/>
    </row>
    <row r="533906" spans="8:8">
      <c r="H533906" s="12"/>
    </row>
    <row r="533907" spans="8:8">
      <c r="H533907" s="12"/>
    </row>
    <row r="533908" spans="8:8">
      <c r="H533908" s="12"/>
    </row>
    <row r="533909" spans="8:8">
      <c r="H533909" s="12"/>
    </row>
    <row r="533910" spans="8:8">
      <c r="H533910" s="12"/>
    </row>
    <row r="533911" spans="8:8">
      <c r="H533911" s="12"/>
    </row>
    <row r="533912" spans="8:8">
      <c r="H533912" s="12"/>
    </row>
    <row r="533913" spans="8:8">
      <c r="H533913" s="12"/>
    </row>
    <row r="533914" spans="8:8">
      <c r="H533914" s="12"/>
    </row>
    <row r="533915" spans="8:8">
      <c r="H533915" s="12"/>
    </row>
    <row r="533916" spans="8:8">
      <c r="H533916" s="12"/>
    </row>
    <row r="533917" spans="8:8">
      <c r="H533917" s="12"/>
    </row>
    <row r="533918" spans="8:8">
      <c r="H533918" s="12"/>
    </row>
    <row r="533919" spans="8:8">
      <c r="H533919" s="12"/>
    </row>
    <row r="533920" spans="8:8">
      <c r="H533920" s="12"/>
    </row>
    <row r="533921" spans="8:8">
      <c r="H533921" s="12"/>
    </row>
    <row r="533922" spans="8:8">
      <c r="H533922" s="12"/>
    </row>
    <row r="533923" spans="8:8">
      <c r="H533923" s="12"/>
    </row>
    <row r="533924" spans="8:8">
      <c r="H533924" s="12"/>
    </row>
    <row r="533925" spans="8:8">
      <c r="H533925" s="12"/>
    </row>
    <row r="533926" spans="8:8">
      <c r="H533926" s="12"/>
    </row>
    <row r="533927" spans="8:8">
      <c r="H533927" s="12"/>
    </row>
    <row r="533928" spans="8:8">
      <c r="H533928" s="12"/>
    </row>
    <row r="533929" spans="8:8">
      <c r="H533929" s="12"/>
    </row>
    <row r="533930" spans="8:8">
      <c r="H533930" s="12"/>
    </row>
    <row r="533931" spans="8:8">
      <c r="H533931" s="12"/>
    </row>
    <row r="533932" spans="8:8">
      <c r="H533932" s="12"/>
    </row>
    <row r="533933" spans="8:8">
      <c r="H533933" s="12"/>
    </row>
    <row r="533934" spans="8:8">
      <c r="H533934" s="12"/>
    </row>
    <row r="533935" spans="8:8">
      <c r="H533935" s="12"/>
    </row>
    <row r="533936" spans="8:8">
      <c r="H533936" s="12"/>
    </row>
    <row r="533937" spans="8:8">
      <c r="H533937" s="12"/>
    </row>
    <row r="533938" spans="8:8">
      <c r="H533938" s="12"/>
    </row>
    <row r="533939" spans="8:8">
      <c r="H533939" s="12"/>
    </row>
    <row r="533940" spans="8:8">
      <c r="H533940" s="12"/>
    </row>
    <row r="533941" spans="8:8">
      <c r="H533941" s="12"/>
    </row>
    <row r="533942" spans="8:8">
      <c r="H533942" s="12"/>
    </row>
    <row r="533943" spans="8:8">
      <c r="H533943" s="12"/>
    </row>
    <row r="533944" spans="8:8">
      <c r="H533944" s="12"/>
    </row>
    <row r="533945" spans="8:8">
      <c r="H533945" s="12"/>
    </row>
    <row r="533946" spans="8:8">
      <c r="H533946" s="12"/>
    </row>
    <row r="533947" spans="8:8">
      <c r="H533947" s="12"/>
    </row>
    <row r="533948" spans="8:8">
      <c r="H533948" s="12"/>
    </row>
    <row r="533949" spans="8:8">
      <c r="H533949" s="12"/>
    </row>
    <row r="533950" spans="8:8">
      <c r="H533950" s="12"/>
    </row>
    <row r="533951" spans="8:8">
      <c r="H533951" s="12"/>
    </row>
    <row r="533952" spans="8:8">
      <c r="H533952" s="12"/>
    </row>
    <row r="533953" spans="8:8">
      <c r="H533953" s="12"/>
    </row>
    <row r="533954" spans="8:8">
      <c r="H533954" s="12"/>
    </row>
    <row r="533955" spans="8:8">
      <c r="H533955" s="12"/>
    </row>
    <row r="533956" spans="8:8">
      <c r="H533956" s="12"/>
    </row>
    <row r="533957" spans="8:8">
      <c r="H533957" s="12"/>
    </row>
    <row r="533958" spans="8:8">
      <c r="H533958" s="12"/>
    </row>
    <row r="533959" spans="8:8">
      <c r="H533959" s="12"/>
    </row>
    <row r="533960" spans="8:8">
      <c r="H533960" s="12"/>
    </row>
    <row r="533961" spans="8:8">
      <c r="H533961" s="12"/>
    </row>
    <row r="533962" spans="8:8">
      <c r="H533962" s="12"/>
    </row>
    <row r="533963" spans="8:8">
      <c r="H533963" s="12"/>
    </row>
    <row r="533964" spans="8:8">
      <c r="H533964" s="12"/>
    </row>
    <row r="533965" spans="8:8">
      <c r="H533965" s="12"/>
    </row>
    <row r="533966" spans="8:8">
      <c r="H533966" s="12"/>
    </row>
    <row r="533967" spans="8:8">
      <c r="H533967" s="12"/>
    </row>
    <row r="533968" spans="8:8">
      <c r="H533968" s="12"/>
    </row>
    <row r="533969" spans="8:8">
      <c r="H533969" s="12"/>
    </row>
    <row r="533970" spans="8:8">
      <c r="H533970" s="12"/>
    </row>
    <row r="533971" spans="8:8">
      <c r="H533971" s="12"/>
    </row>
    <row r="533972" spans="8:8">
      <c r="H533972" s="12"/>
    </row>
    <row r="533973" spans="8:8">
      <c r="H533973" s="12"/>
    </row>
    <row r="533974" spans="8:8">
      <c r="H533974" s="12"/>
    </row>
    <row r="533975" spans="8:8">
      <c r="H533975" s="12"/>
    </row>
    <row r="533976" spans="8:8">
      <c r="H533976" s="12"/>
    </row>
    <row r="533977" spans="8:8">
      <c r="H533977" s="12"/>
    </row>
    <row r="533978" spans="8:8">
      <c r="H533978" s="12"/>
    </row>
    <row r="533979" spans="8:8">
      <c r="H533979" s="12"/>
    </row>
    <row r="533980" spans="8:8">
      <c r="H533980" s="12"/>
    </row>
    <row r="533981" spans="8:8">
      <c r="H533981" s="12"/>
    </row>
    <row r="533982" spans="8:8">
      <c r="H533982" s="12"/>
    </row>
    <row r="533983" spans="8:8">
      <c r="H533983" s="12"/>
    </row>
    <row r="533984" spans="8:8">
      <c r="H533984" s="12"/>
    </row>
    <row r="533985" spans="8:8">
      <c r="H533985" s="12"/>
    </row>
    <row r="533986" spans="8:8">
      <c r="H533986" s="12"/>
    </row>
    <row r="533987" spans="8:8">
      <c r="H533987" s="12"/>
    </row>
    <row r="533988" spans="8:8">
      <c r="H533988" s="12"/>
    </row>
    <row r="533989" spans="8:8">
      <c r="H533989" s="12"/>
    </row>
    <row r="533990" spans="8:8">
      <c r="H533990" s="12"/>
    </row>
    <row r="533991" spans="8:8">
      <c r="H533991" s="12"/>
    </row>
    <row r="533992" spans="8:8">
      <c r="H533992" s="12"/>
    </row>
    <row r="533993" spans="8:8">
      <c r="H533993" s="12"/>
    </row>
    <row r="533994" spans="8:8">
      <c r="H533994" s="12"/>
    </row>
    <row r="533995" spans="8:8">
      <c r="H533995" s="12"/>
    </row>
    <row r="533996" spans="8:8">
      <c r="H533996" s="12"/>
    </row>
    <row r="533997" spans="8:8">
      <c r="H533997" s="12"/>
    </row>
    <row r="533998" spans="8:8">
      <c r="H533998" s="12"/>
    </row>
    <row r="533999" spans="8:8">
      <c r="H533999" s="12"/>
    </row>
    <row r="534000" spans="8:8">
      <c r="H534000" s="12"/>
    </row>
    <row r="534001" spans="8:8">
      <c r="H534001" s="12"/>
    </row>
    <row r="534002" spans="8:8">
      <c r="H534002" s="12"/>
    </row>
    <row r="534003" spans="8:8">
      <c r="H534003" s="12"/>
    </row>
    <row r="534004" spans="8:8">
      <c r="H534004" s="12"/>
    </row>
    <row r="534005" spans="8:8">
      <c r="H534005" s="12"/>
    </row>
    <row r="534006" spans="8:8">
      <c r="H534006" s="12"/>
    </row>
    <row r="534007" spans="8:8">
      <c r="H534007" s="12"/>
    </row>
    <row r="534008" spans="8:8">
      <c r="H534008" s="12"/>
    </row>
    <row r="534009" spans="8:8">
      <c r="H534009" s="12"/>
    </row>
    <row r="534010" spans="8:8">
      <c r="H534010" s="12"/>
    </row>
    <row r="534011" spans="8:8">
      <c r="H534011" s="12"/>
    </row>
    <row r="534012" spans="8:8">
      <c r="H534012" s="12"/>
    </row>
    <row r="534013" spans="8:8">
      <c r="H534013" s="12"/>
    </row>
    <row r="534014" spans="8:8">
      <c r="H534014" s="12"/>
    </row>
    <row r="534015" spans="8:8">
      <c r="H534015" s="12"/>
    </row>
    <row r="534016" spans="8:8">
      <c r="H534016" s="12"/>
    </row>
    <row r="534017" spans="8:8">
      <c r="H534017" s="12"/>
    </row>
    <row r="534018" spans="8:8">
      <c r="H534018" s="12"/>
    </row>
    <row r="534019" spans="8:8">
      <c r="H534019" s="12"/>
    </row>
    <row r="534020" spans="8:8">
      <c r="H534020" s="12"/>
    </row>
    <row r="534021" spans="8:8">
      <c r="H534021" s="12"/>
    </row>
    <row r="534022" spans="8:8">
      <c r="H534022" s="12"/>
    </row>
    <row r="534023" spans="8:8">
      <c r="H534023" s="12"/>
    </row>
    <row r="534024" spans="8:8">
      <c r="H534024" s="12"/>
    </row>
    <row r="534025" spans="8:8">
      <c r="H534025" s="12"/>
    </row>
    <row r="534026" spans="8:8">
      <c r="H534026" s="12"/>
    </row>
    <row r="534027" spans="8:8">
      <c r="H534027" s="12"/>
    </row>
    <row r="534028" spans="8:8">
      <c r="H534028" s="12"/>
    </row>
    <row r="534029" spans="8:8">
      <c r="H534029" s="12"/>
    </row>
    <row r="534030" spans="8:8">
      <c r="H534030" s="12"/>
    </row>
    <row r="534031" spans="8:8">
      <c r="H534031" s="12"/>
    </row>
    <row r="534032" spans="8:8">
      <c r="H534032" s="12"/>
    </row>
    <row r="534033" spans="8:8">
      <c r="H534033" s="12"/>
    </row>
    <row r="534034" spans="8:8">
      <c r="H534034" s="12"/>
    </row>
    <row r="534035" spans="8:8">
      <c r="H534035" s="12"/>
    </row>
    <row r="534036" spans="8:8">
      <c r="H534036" s="12"/>
    </row>
    <row r="534037" spans="8:8">
      <c r="H534037" s="12"/>
    </row>
    <row r="534038" spans="8:8">
      <c r="H534038" s="12"/>
    </row>
    <row r="534039" spans="8:8">
      <c r="H534039" s="12"/>
    </row>
    <row r="534040" spans="8:8">
      <c r="H534040" s="12"/>
    </row>
    <row r="534041" spans="8:8">
      <c r="H534041" s="12"/>
    </row>
    <row r="534042" spans="8:8">
      <c r="H534042" s="12"/>
    </row>
    <row r="534043" spans="8:8">
      <c r="H534043" s="12"/>
    </row>
    <row r="534044" spans="8:8">
      <c r="H534044" s="12"/>
    </row>
    <row r="534045" spans="8:8">
      <c r="H534045" s="12"/>
    </row>
    <row r="534046" spans="8:8">
      <c r="H534046" s="12"/>
    </row>
    <row r="534047" spans="8:8">
      <c r="H534047" s="12"/>
    </row>
    <row r="534048" spans="8:8">
      <c r="H534048" s="12"/>
    </row>
    <row r="534049" spans="8:8">
      <c r="H534049" s="12"/>
    </row>
    <row r="534050" spans="8:8">
      <c r="H534050" s="12"/>
    </row>
    <row r="534051" spans="8:8">
      <c r="H534051" s="12"/>
    </row>
    <row r="534052" spans="8:8">
      <c r="H534052" s="12"/>
    </row>
    <row r="534053" spans="8:8">
      <c r="H534053" s="12"/>
    </row>
    <row r="534054" spans="8:8">
      <c r="H534054" s="12"/>
    </row>
    <row r="534055" spans="8:8">
      <c r="H534055" s="12"/>
    </row>
    <row r="534056" spans="8:8">
      <c r="H534056" s="12"/>
    </row>
    <row r="534057" spans="8:8">
      <c r="H534057" s="12"/>
    </row>
    <row r="534058" spans="8:8">
      <c r="H534058" s="12"/>
    </row>
    <row r="534059" spans="8:8">
      <c r="H534059" s="12"/>
    </row>
    <row r="534060" spans="8:8">
      <c r="H534060" s="12"/>
    </row>
    <row r="534061" spans="8:8">
      <c r="H534061" s="12"/>
    </row>
    <row r="534062" spans="8:8">
      <c r="H534062" s="12"/>
    </row>
    <row r="534063" spans="8:8">
      <c r="H534063" s="12"/>
    </row>
    <row r="534064" spans="8:8">
      <c r="H534064" s="12"/>
    </row>
    <row r="534065" spans="8:8">
      <c r="H534065" s="12"/>
    </row>
    <row r="534066" spans="8:8">
      <c r="H534066" s="12"/>
    </row>
    <row r="534067" spans="8:8">
      <c r="H534067" s="12"/>
    </row>
    <row r="534068" spans="8:8">
      <c r="H534068" s="12"/>
    </row>
    <row r="534069" spans="8:8">
      <c r="H534069" s="12"/>
    </row>
    <row r="534070" spans="8:8">
      <c r="H534070" s="12"/>
    </row>
    <row r="534071" spans="8:8">
      <c r="H534071" s="12"/>
    </row>
    <row r="534072" spans="8:8">
      <c r="H534072" s="12"/>
    </row>
    <row r="534073" spans="8:8">
      <c r="H534073" s="12"/>
    </row>
    <row r="534074" spans="8:8">
      <c r="H534074" s="12"/>
    </row>
    <row r="534075" spans="8:8">
      <c r="H534075" s="12"/>
    </row>
    <row r="534076" spans="8:8">
      <c r="H534076" s="12"/>
    </row>
    <row r="534077" spans="8:8">
      <c r="H534077" s="12"/>
    </row>
    <row r="534078" spans="8:8">
      <c r="H534078" s="12"/>
    </row>
    <row r="534079" spans="8:8">
      <c r="H534079" s="12"/>
    </row>
    <row r="534080" spans="8:8">
      <c r="H534080" s="12"/>
    </row>
    <row r="534081" spans="8:8">
      <c r="H534081" s="12"/>
    </row>
    <row r="534082" spans="8:8">
      <c r="H534082" s="12"/>
    </row>
    <row r="534083" spans="8:8">
      <c r="H534083" s="12"/>
    </row>
    <row r="534084" spans="8:8">
      <c r="H534084" s="12"/>
    </row>
    <row r="534085" spans="8:8">
      <c r="H534085" s="12"/>
    </row>
    <row r="534086" spans="8:8">
      <c r="H534086" s="12"/>
    </row>
    <row r="534087" spans="8:8">
      <c r="H534087" s="12"/>
    </row>
    <row r="534088" spans="8:8">
      <c r="H534088" s="12"/>
    </row>
    <row r="534089" spans="8:8">
      <c r="H534089" s="12"/>
    </row>
    <row r="534090" spans="8:8">
      <c r="H534090" s="12"/>
    </row>
    <row r="534091" spans="8:8">
      <c r="H534091" s="12"/>
    </row>
    <row r="534092" spans="8:8">
      <c r="H534092" s="12"/>
    </row>
    <row r="534093" spans="8:8">
      <c r="H534093" s="12"/>
    </row>
    <row r="534094" spans="8:8">
      <c r="H534094" s="12"/>
    </row>
    <row r="534095" spans="8:8">
      <c r="H534095" s="12"/>
    </row>
    <row r="534096" spans="8:8">
      <c r="H534096" s="12"/>
    </row>
    <row r="534097" spans="8:8">
      <c r="H534097" s="12"/>
    </row>
    <row r="534098" spans="8:8">
      <c r="H534098" s="12"/>
    </row>
    <row r="534099" spans="8:8">
      <c r="H534099" s="12"/>
    </row>
    <row r="534100" spans="8:8">
      <c r="H534100" s="12"/>
    </row>
    <row r="534101" spans="8:8">
      <c r="H534101" s="12"/>
    </row>
    <row r="534102" spans="8:8">
      <c r="H534102" s="12"/>
    </row>
    <row r="534103" spans="8:8">
      <c r="H534103" s="12"/>
    </row>
    <row r="534104" spans="8:8">
      <c r="H534104" s="12"/>
    </row>
    <row r="534105" spans="8:8">
      <c r="H534105" s="12"/>
    </row>
    <row r="534106" spans="8:8">
      <c r="H534106" s="12"/>
    </row>
    <row r="534107" spans="8:8">
      <c r="H534107" s="12"/>
    </row>
    <row r="534108" spans="8:8">
      <c r="H534108" s="12"/>
    </row>
    <row r="534109" spans="8:8">
      <c r="H534109" s="12"/>
    </row>
    <row r="534110" spans="8:8">
      <c r="H534110" s="12"/>
    </row>
    <row r="534111" spans="8:8">
      <c r="H534111" s="12"/>
    </row>
    <row r="534112" spans="8:8">
      <c r="H534112" s="12"/>
    </row>
    <row r="534113" spans="8:8">
      <c r="H534113" s="12"/>
    </row>
    <row r="534114" spans="8:8">
      <c r="H534114" s="12"/>
    </row>
    <row r="534115" spans="8:8">
      <c r="H534115" s="12"/>
    </row>
    <row r="534116" spans="8:8">
      <c r="H534116" s="12"/>
    </row>
    <row r="534117" spans="8:8">
      <c r="H534117" s="12"/>
    </row>
    <row r="534118" spans="8:8">
      <c r="H534118" s="12"/>
    </row>
    <row r="534119" spans="8:8">
      <c r="H534119" s="12"/>
    </row>
    <row r="534120" spans="8:8">
      <c r="H534120" s="12"/>
    </row>
    <row r="534121" spans="8:8">
      <c r="H534121" s="12"/>
    </row>
    <row r="534122" spans="8:8">
      <c r="H534122" s="12"/>
    </row>
    <row r="534123" spans="8:8">
      <c r="H534123" s="12"/>
    </row>
    <row r="534124" spans="8:8">
      <c r="H534124" s="12"/>
    </row>
    <row r="534125" spans="8:8">
      <c r="H534125" s="12"/>
    </row>
    <row r="534126" spans="8:8">
      <c r="H534126" s="12"/>
    </row>
    <row r="534127" spans="8:8">
      <c r="H534127" s="12"/>
    </row>
    <row r="534128" spans="8:8">
      <c r="H534128" s="12"/>
    </row>
    <row r="534129" spans="8:8">
      <c r="H534129" s="12"/>
    </row>
    <row r="534130" spans="8:8">
      <c r="H534130" s="12"/>
    </row>
    <row r="534131" spans="8:8">
      <c r="H534131" s="12"/>
    </row>
    <row r="534132" spans="8:8">
      <c r="H534132" s="12"/>
    </row>
    <row r="534133" spans="8:8">
      <c r="H534133" s="12"/>
    </row>
    <row r="534134" spans="8:8">
      <c r="H534134" s="12"/>
    </row>
    <row r="534135" spans="8:8">
      <c r="H534135" s="12"/>
    </row>
    <row r="534136" spans="8:8">
      <c r="H534136" s="12"/>
    </row>
    <row r="534137" spans="8:8">
      <c r="H534137" s="12"/>
    </row>
    <row r="534138" spans="8:8">
      <c r="H534138" s="12"/>
    </row>
    <row r="534139" spans="8:8">
      <c r="H534139" s="12"/>
    </row>
    <row r="534140" spans="8:8">
      <c r="H534140" s="12"/>
    </row>
    <row r="534141" spans="8:8">
      <c r="H534141" s="12"/>
    </row>
    <row r="534142" spans="8:8">
      <c r="H534142" s="12"/>
    </row>
    <row r="534143" spans="8:8">
      <c r="H534143" s="12"/>
    </row>
    <row r="534144" spans="8:8">
      <c r="H534144" s="12"/>
    </row>
    <row r="534145" spans="8:8">
      <c r="H534145" s="12"/>
    </row>
    <row r="534146" spans="8:8">
      <c r="H534146" s="12"/>
    </row>
    <row r="534147" spans="8:8">
      <c r="H534147" s="12"/>
    </row>
    <row r="534148" spans="8:8">
      <c r="H534148" s="12"/>
    </row>
    <row r="534149" spans="8:8">
      <c r="H534149" s="12"/>
    </row>
    <row r="534150" spans="8:8">
      <c r="H534150" s="12"/>
    </row>
    <row r="534151" spans="8:8">
      <c r="H534151" s="12"/>
    </row>
    <row r="534152" spans="8:8">
      <c r="H534152" s="12"/>
    </row>
    <row r="534153" spans="8:8">
      <c r="H534153" s="12"/>
    </row>
    <row r="534154" spans="8:8">
      <c r="H534154" s="12"/>
    </row>
    <row r="534155" spans="8:8">
      <c r="H534155" s="12"/>
    </row>
    <row r="534156" spans="8:8">
      <c r="H534156" s="12"/>
    </row>
    <row r="534157" spans="8:8">
      <c r="H534157" s="12"/>
    </row>
    <row r="534158" spans="8:8">
      <c r="H534158" s="12"/>
    </row>
    <row r="534159" spans="8:8">
      <c r="H534159" s="12"/>
    </row>
    <row r="534160" spans="8:8">
      <c r="H534160" s="12"/>
    </row>
    <row r="534161" spans="8:8">
      <c r="H534161" s="12"/>
    </row>
    <row r="534162" spans="8:8">
      <c r="H534162" s="12"/>
    </row>
    <row r="534163" spans="8:8">
      <c r="H534163" s="12"/>
    </row>
    <row r="534164" spans="8:8">
      <c r="H534164" s="12"/>
    </row>
    <row r="534165" spans="8:8">
      <c r="H534165" s="12"/>
    </row>
    <row r="534166" spans="8:8">
      <c r="H534166" s="12"/>
    </row>
    <row r="534167" spans="8:8">
      <c r="H534167" s="12"/>
    </row>
    <row r="534168" spans="8:8">
      <c r="H534168" s="12"/>
    </row>
    <row r="534169" spans="8:8">
      <c r="H534169" s="12"/>
    </row>
    <row r="534170" spans="8:8">
      <c r="H534170" s="12"/>
    </row>
    <row r="534171" spans="8:8">
      <c r="H534171" s="12"/>
    </row>
    <row r="534172" spans="8:8">
      <c r="H534172" s="12"/>
    </row>
    <row r="534173" spans="8:8">
      <c r="H534173" s="12"/>
    </row>
    <row r="534174" spans="8:8">
      <c r="H534174" s="12"/>
    </row>
    <row r="534175" spans="8:8">
      <c r="H534175" s="12"/>
    </row>
    <row r="534176" spans="8:8">
      <c r="H534176" s="12"/>
    </row>
    <row r="534177" spans="8:8">
      <c r="H534177" s="12"/>
    </row>
    <row r="534178" spans="8:8">
      <c r="H534178" s="12"/>
    </row>
    <row r="534179" spans="8:8">
      <c r="H534179" s="12"/>
    </row>
    <row r="534180" spans="8:8">
      <c r="H534180" s="12"/>
    </row>
    <row r="534181" spans="8:8">
      <c r="H534181" s="12"/>
    </row>
    <row r="534182" spans="8:8">
      <c r="H534182" s="12"/>
    </row>
    <row r="534183" spans="8:8">
      <c r="H534183" s="12"/>
    </row>
    <row r="534184" spans="8:8">
      <c r="H534184" s="12"/>
    </row>
    <row r="534185" spans="8:8">
      <c r="H534185" s="12"/>
    </row>
    <row r="534186" spans="8:8">
      <c r="H534186" s="12"/>
    </row>
    <row r="534187" spans="8:8">
      <c r="H534187" s="12"/>
    </row>
    <row r="534188" spans="8:8">
      <c r="H534188" s="12"/>
    </row>
    <row r="534189" spans="8:8">
      <c r="H534189" s="12"/>
    </row>
    <row r="534190" spans="8:8">
      <c r="H534190" s="12"/>
    </row>
    <row r="534191" spans="8:8">
      <c r="H534191" s="12"/>
    </row>
    <row r="534192" spans="8:8">
      <c r="H534192" s="12"/>
    </row>
    <row r="534193" spans="8:8">
      <c r="H534193" s="12"/>
    </row>
    <row r="534194" spans="8:8">
      <c r="H534194" s="12"/>
    </row>
    <row r="534195" spans="8:8">
      <c r="H534195" s="12"/>
    </row>
    <row r="534196" spans="8:8">
      <c r="H534196" s="12"/>
    </row>
    <row r="534197" spans="8:8">
      <c r="H534197" s="12"/>
    </row>
    <row r="534198" spans="8:8">
      <c r="H534198" s="12"/>
    </row>
    <row r="534199" spans="8:8">
      <c r="H534199" s="12"/>
    </row>
    <row r="534200" spans="8:8">
      <c r="H534200" s="12"/>
    </row>
    <row r="534201" spans="8:8">
      <c r="H534201" s="12"/>
    </row>
    <row r="534202" spans="8:8">
      <c r="H534202" s="12"/>
    </row>
    <row r="534203" spans="8:8">
      <c r="H534203" s="12"/>
    </row>
    <row r="534204" spans="8:8">
      <c r="H534204" s="12"/>
    </row>
    <row r="534205" spans="8:8">
      <c r="H534205" s="12"/>
    </row>
    <row r="534206" spans="8:8">
      <c r="H534206" s="12"/>
    </row>
    <row r="534207" spans="8:8">
      <c r="H534207" s="12"/>
    </row>
    <row r="534208" spans="8:8">
      <c r="H534208" s="12"/>
    </row>
    <row r="534209" spans="8:8">
      <c r="H534209" s="12"/>
    </row>
    <row r="534210" spans="8:8">
      <c r="H534210" s="12"/>
    </row>
    <row r="534211" spans="8:8">
      <c r="H534211" s="12"/>
    </row>
    <row r="534212" spans="8:8">
      <c r="H534212" s="12"/>
    </row>
    <row r="534213" spans="8:8">
      <c r="H534213" s="12"/>
    </row>
    <row r="534214" spans="8:8">
      <c r="H534214" s="12"/>
    </row>
    <row r="534215" spans="8:8">
      <c r="H534215" s="12"/>
    </row>
    <row r="534216" spans="8:8">
      <c r="H534216" s="12"/>
    </row>
    <row r="534217" spans="8:8">
      <c r="H534217" s="12"/>
    </row>
    <row r="534218" spans="8:8">
      <c r="H534218" s="12"/>
    </row>
    <row r="534219" spans="8:8">
      <c r="H534219" s="12"/>
    </row>
    <row r="534220" spans="8:8">
      <c r="H534220" s="12"/>
    </row>
    <row r="534221" spans="8:8">
      <c r="H534221" s="12"/>
    </row>
    <row r="534222" spans="8:8">
      <c r="H534222" s="12"/>
    </row>
    <row r="534223" spans="8:8">
      <c r="H534223" s="12"/>
    </row>
    <row r="534224" spans="8:8">
      <c r="H534224" s="12"/>
    </row>
    <row r="534225" spans="8:8">
      <c r="H534225" s="12"/>
    </row>
    <row r="534226" spans="8:8">
      <c r="H534226" s="12"/>
    </row>
    <row r="534227" spans="8:8">
      <c r="H534227" s="12"/>
    </row>
    <row r="534228" spans="8:8">
      <c r="H534228" s="12"/>
    </row>
    <row r="534229" spans="8:8">
      <c r="H534229" s="12"/>
    </row>
    <row r="534230" spans="8:8">
      <c r="H534230" s="12"/>
    </row>
    <row r="534231" spans="8:8">
      <c r="H534231" s="12"/>
    </row>
    <row r="534232" spans="8:8">
      <c r="H534232" s="12"/>
    </row>
    <row r="534233" spans="8:8">
      <c r="H534233" s="12"/>
    </row>
    <row r="534234" spans="8:8">
      <c r="H534234" s="12"/>
    </row>
    <row r="534235" spans="8:8">
      <c r="H534235" s="12"/>
    </row>
    <row r="534236" spans="8:8">
      <c r="H534236" s="12"/>
    </row>
    <row r="534237" spans="8:8">
      <c r="H534237" s="12"/>
    </row>
    <row r="534238" spans="8:8">
      <c r="H534238" s="12"/>
    </row>
    <row r="534239" spans="8:8">
      <c r="H534239" s="12"/>
    </row>
    <row r="534240" spans="8:8">
      <c r="H534240" s="12"/>
    </row>
    <row r="534241" spans="8:8">
      <c r="H534241" s="12"/>
    </row>
    <row r="534242" spans="8:8">
      <c r="H534242" s="12"/>
    </row>
    <row r="534243" spans="8:8">
      <c r="H534243" s="12"/>
    </row>
    <row r="534244" spans="8:8">
      <c r="H534244" s="12"/>
    </row>
    <row r="534245" spans="8:8">
      <c r="H534245" s="12"/>
    </row>
    <row r="534246" spans="8:8">
      <c r="H534246" s="12"/>
    </row>
    <row r="534247" spans="8:8">
      <c r="H534247" s="12"/>
    </row>
    <row r="534248" spans="8:8">
      <c r="H534248" s="12"/>
    </row>
    <row r="534249" spans="8:8">
      <c r="H534249" s="12"/>
    </row>
    <row r="534250" spans="8:8">
      <c r="H534250" s="12"/>
    </row>
    <row r="534251" spans="8:8">
      <c r="H534251" s="12"/>
    </row>
    <row r="534252" spans="8:8">
      <c r="H534252" s="12"/>
    </row>
    <row r="534253" spans="8:8">
      <c r="H534253" s="12"/>
    </row>
    <row r="534254" spans="8:8">
      <c r="H534254" s="12"/>
    </row>
    <row r="534255" spans="8:8">
      <c r="H534255" s="12"/>
    </row>
    <row r="534256" spans="8:8">
      <c r="H534256" s="12"/>
    </row>
    <row r="534257" spans="8:8">
      <c r="H534257" s="12"/>
    </row>
    <row r="534258" spans="8:8">
      <c r="H534258" s="12"/>
    </row>
    <row r="534259" spans="8:8">
      <c r="H534259" s="12"/>
    </row>
    <row r="534260" spans="8:8">
      <c r="H534260" s="12"/>
    </row>
    <row r="534261" spans="8:8">
      <c r="H534261" s="12"/>
    </row>
    <row r="534262" spans="8:8">
      <c r="H534262" s="12"/>
    </row>
    <row r="534263" spans="8:8">
      <c r="H534263" s="12"/>
    </row>
    <row r="534264" spans="8:8">
      <c r="H534264" s="12"/>
    </row>
    <row r="534265" spans="8:8">
      <c r="H534265" s="12"/>
    </row>
    <row r="534266" spans="8:8">
      <c r="H534266" s="12"/>
    </row>
    <row r="534267" spans="8:8">
      <c r="H534267" s="12"/>
    </row>
    <row r="534268" spans="8:8">
      <c r="H534268" s="12"/>
    </row>
    <row r="534269" spans="8:8">
      <c r="H534269" s="12"/>
    </row>
    <row r="534270" spans="8:8">
      <c r="H534270" s="12"/>
    </row>
    <row r="534271" spans="8:8">
      <c r="H534271" s="12"/>
    </row>
    <row r="534272" spans="8:8">
      <c r="H534272" s="12"/>
    </row>
    <row r="534273" spans="8:8">
      <c r="H534273" s="12"/>
    </row>
    <row r="534274" spans="8:8">
      <c r="H534274" s="12"/>
    </row>
    <row r="534275" spans="8:8">
      <c r="H534275" s="12"/>
    </row>
    <row r="534276" spans="8:8">
      <c r="H534276" s="12"/>
    </row>
    <row r="534277" spans="8:8">
      <c r="H534277" s="12"/>
    </row>
    <row r="534278" spans="8:8">
      <c r="H534278" s="12"/>
    </row>
    <row r="534279" spans="8:8">
      <c r="H534279" s="12"/>
    </row>
    <row r="534280" spans="8:8">
      <c r="H534280" s="12"/>
    </row>
    <row r="534281" spans="8:8">
      <c r="H534281" s="12"/>
    </row>
    <row r="534282" spans="8:8">
      <c r="H534282" s="12"/>
    </row>
    <row r="534283" spans="8:8">
      <c r="H534283" s="12"/>
    </row>
    <row r="534284" spans="8:8">
      <c r="H534284" s="12"/>
    </row>
    <row r="534285" spans="8:8">
      <c r="H534285" s="12"/>
    </row>
    <row r="534286" spans="8:8">
      <c r="H534286" s="12"/>
    </row>
    <row r="534287" spans="8:8">
      <c r="H534287" s="12"/>
    </row>
    <row r="534288" spans="8:8">
      <c r="H534288" s="12"/>
    </row>
    <row r="534289" spans="8:8">
      <c r="H534289" s="12"/>
    </row>
    <row r="534290" spans="8:8">
      <c r="H534290" s="12"/>
    </row>
    <row r="534291" spans="8:8">
      <c r="H534291" s="12"/>
    </row>
    <row r="534292" spans="8:8">
      <c r="H534292" s="12"/>
    </row>
    <row r="534293" spans="8:8">
      <c r="H534293" s="12"/>
    </row>
    <row r="534294" spans="8:8">
      <c r="H534294" s="12"/>
    </row>
    <row r="534295" spans="8:8">
      <c r="H534295" s="12"/>
    </row>
    <row r="534296" spans="8:8">
      <c r="H534296" s="12"/>
    </row>
    <row r="534297" spans="8:8">
      <c r="H534297" s="12"/>
    </row>
    <row r="534298" spans="8:8">
      <c r="H534298" s="12"/>
    </row>
    <row r="534299" spans="8:8">
      <c r="H534299" s="12"/>
    </row>
    <row r="534300" spans="8:8">
      <c r="H534300" s="12"/>
    </row>
    <row r="534301" spans="8:8">
      <c r="H534301" s="12"/>
    </row>
    <row r="534302" spans="8:8">
      <c r="H534302" s="12"/>
    </row>
    <row r="534303" spans="8:8">
      <c r="H534303" s="12"/>
    </row>
    <row r="534304" spans="8:8">
      <c r="H534304" s="12"/>
    </row>
    <row r="534305" spans="8:8">
      <c r="H534305" s="12"/>
    </row>
    <row r="534306" spans="8:8">
      <c r="H534306" s="12"/>
    </row>
    <row r="534307" spans="8:8">
      <c r="H534307" s="12"/>
    </row>
    <row r="534308" spans="8:8">
      <c r="H534308" s="12"/>
    </row>
    <row r="534309" spans="8:8">
      <c r="H534309" s="12"/>
    </row>
    <row r="534310" spans="8:8">
      <c r="H534310" s="12"/>
    </row>
    <row r="534311" spans="8:8">
      <c r="H534311" s="12"/>
    </row>
    <row r="534312" spans="8:8">
      <c r="H534312" s="12"/>
    </row>
    <row r="534313" spans="8:8">
      <c r="H534313" s="12"/>
    </row>
    <row r="534314" spans="8:8">
      <c r="H534314" s="12"/>
    </row>
    <row r="534315" spans="8:8">
      <c r="H534315" s="12"/>
    </row>
    <row r="534316" spans="8:8">
      <c r="H534316" s="12"/>
    </row>
    <row r="534317" spans="8:8">
      <c r="H534317" s="12"/>
    </row>
    <row r="534318" spans="8:8">
      <c r="H534318" s="12"/>
    </row>
    <row r="534319" spans="8:8">
      <c r="H534319" s="12"/>
    </row>
    <row r="534320" spans="8:8">
      <c r="H534320" s="12"/>
    </row>
    <row r="534321" spans="8:8">
      <c r="H534321" s="12"/>
    </row>
    <row r="534322" spans="8:8">
      <c r="H534322" s="12"/>
    </row>
    <row r="534323" spans="8:8">
      <c r="H534323" s="12"/>
    </row>
    <row r="534324" spans="8:8">
      <c r="H534324" s="12"/>
    </row>
    <row r="534325" spans="8:8">
      <c r="H534325" s="12"/>
    </row>
    <row r="534326" spans="8:8">
      <c r="H534326" s="12"/>
    </row>
    <row r="534327" spans="8:8">
      <c r="H534327" s="12"/>
    </row>
    <row r="534328" spans="8:8">
      <c r="H534328" s="12"/>
    </row>
    <row r="534329" spans="8:8">
      <c r="H534329" s="12"/>
    </row>
    <row r="534330" spans="8:8">
      <c r="H534330" s="12"/>
    </row>
    <row r="534331" spans="8:8">
      <c r="H534331" s="12"/>
    </row>
    <row r="534332" spans="8:8">
      <c r="H534332" s="12"/>
    </row>
    <row r="534333" spans="8:8">
      <c r="H534333" s="12"/>
    </row>
    <row r="534334" spans="8:8">
      <c r="H534334" s="12"/>
    </row>
    <row r="534335" spans="8:8">
      <c r="H534335" s="12"/>
    </row>
    <row r="534336" spans="8:8">
      <c r="H534336" s="12"/>
    </row>
    <row r="534337" spans="8:8">
      <c r="H534337" s="12"/>
    </row>
    <row r="534338" spans="8:8">
      <c r="H534338" s="12"/>
    </row>
    <row r="534339" spans="8:8">
      <c r="H534339" s="12"/>
    </row>
    <row r="534340" spans="8:8">
      <c r="H534340" s="12"/>
    </row>
    <row r="534341" spans="8:8">
      <c r="H534341" s="12"/>
    </row>
    <row r="534342" spans="8:8">
      <c r="H534342" s="12"/>
    </row>
    <row r="534343" spans="8:8">
      <c r="H534343" s="12"/>
    </row>
    <row r="534344" spans="8:8">
      <c r="H534344" s="12"/>
    </row>
    <row r="534345" spans="8:8">
      <c r="H534345" s="12"/>
    </row>
    <row r="534346" spans="8:8">
      <c r="H534346" s="12"/>
    </row>
    <row r="534347" spans="8:8">
      <c r="H534347" s="12"/>
    </row>
    <row r="534348" spans="8:8">
      <c r="H534348" s="12"/>
    </row>
    <row r="534349" spans="8:8">
      <c r="H534349" s="12"/>
    </row>
    <row r="534350" spans="8:8">
      <c r="H534350" s="12"/>
    </row>
    <row r="534351" spans="8:8">
      <c r="H534351" s="12"/>
    </row>
    <row r="534352" spans="8:8">
      <c r="H534352" s="12"/>
    </row>
    <row r="534353" spans="8:8">
      <c r="H534353" s="12"/>
    </row>
    <row r="534354" spans="8:8">
      <c r="H534354" s="12"/>
    </row>
    <row r="534355" spans="8:8">
      <c r="H534355" s="12"/>
    </row>
    <row r="534356" spans="8:8">
      <c r="H534356" s="12"/>
    </row>
    <row r="534357" spans="8:8">
      <c r="H534357" s="12"/>
    </row>
    <row r="534358" spans="8:8">
      <c r="H534358" s="12"/>
    </row>
    <row r="534359" spans="8:8">
      <c r="H534359" s="12"/>
    </row>
    <row r="534360" spans="8:8">
      <c r="H534360" s="12"/>
    </row>
    <row r="534361" spans="8:8">
      <c r="H534361" s="12"/>
    </row>
    <row r="534362" spans="8:8">
      <c r="H534362" s="12"/>
    </row>
    <row r="534363" spans="8:8">
      <c r="H534363" s="12"/>
    </row>
    <row r="534364" spans="8:8">
      <c r="H534364" s="12"/>
    </row>
    <row r="534365" spans="8:8">
      <c r="H534365" s="12"/>
    </row>
    <row r="534366" spans="8:8">
      <c r="H534366" s="12"/>
    </row>
    <row r="534367" spans="8:8">
      <c r="H534367" s="12"/>
    </row>
    <row r="534368" spans="8:8">
      <c r="H534368" s="12"/>
    </row>
    <row r="534369" spans="8:8">
      <c r="H534369" s="12"/>
    </row>
    <row r="534370" spans="8:8">
      <c r="H534370" s="12"/>
    </row>
    <row r="534371" spans="8:8">
      <c r="H534371" s="12"/>
    </row>
    <row r="534372" spans="8:8">
      <c r="H534372" s="12"/>
    </row>
    <row r="534373" spans="8:8">
      <c r="H534373" s="12"/>
    </row>
    <row r="534374" spans="8:8">
      <c r="H534374" s="12"/>
    </row>
    <row r="534375" spans="8:8">
      <c r="H534375" s="12"/>
    </row>
    <row r="534376" spans="8:8">
      <c r="H534376" s="12"/>
    </row>
    <row r="534377" spans="8:8">
      <c r="H534377" s="12"/>
    </row>
    <row r="534378" spans="8:8">
      <c r="H534378" s="12"/>
    </row>
    <row r="534379" spans="8:8">
      <c r="H534379" s="12"/>
    </row>
    <row r="534380" spans="8:8">
      <c r="H534380" s="12"/>
    </row>
    <row r="534381" spans="8:8">
      <c r="H534381" s="12"/>
    </row>
    <row r="534382" spans="8:8">
      <c r="H534382" s="12"/>
    </row>
    <row r="534383" spans="8:8">
      <c r="H534383" s="12"/>
    </row>
    <row r="534384" spans="8:8">
      <c r="H534384" s="12"/>
    </row>
    <row r="534385" spans="8:8">
      <c r="H534385" s="12"/>
    </row>
    <row r="534386" spans="8:8">
      <c r="H534386" s="12"/>
    </row>
    <row r="534387" spans="8:8">
      <c r="H534387" s="12"/>
    </row>
    <row r="534388" spans="8:8">
      <c r="H534388" s="12"/>
    </row>
    <row r="534389" spans="8:8">
      <c r="H534389" s="12"/>
    </row>
    <row r="534390" spans="8:8">
      <c r="H534390" s="12"/>
    </row>
    <row r="534391" spans="8:8">
      <c r="H534391" s="12"/>
    </row>
    <row r="534392" spans="8:8">
      <c r="H534392" s="12"/>
    </row>
    <row r="534393" spans="8:8">
      <c r="H534393" s="12"/>
    </row>
    <row r="534394" spans="8:8">
      <c r="H534394" s="12"/>
    </row>
    <row r="534395" spans="8:8">
      <c r="H534395" s="12"/>
    </row>
    <row r="534396" spans="8:8">
      <c r="H534396" s="12"/>
    </row>
    <row r="534397" spans="8:8">
      <c r="H534397" s="12"/>
    </row>
    <row r="534398" spans="8:8">
      <c r="H534398" s="12"/>
    </row>
    <row r="534399" spans="8:8">
      <c r="H534399" s="12"/>
    </row>
    <row r="534400" spans="8:8">
      <c r="H534400" s="12"/>
    </row>
    <row r="534401" spans="8:8">
      <c r="H534401" s="12"/>
    </row>
    <row r="534402" spans="8:8">
      <c r="H534402" s="12"/>
    </row>
    <row r="534403" spans="8:8">
      <c r="H534403" s="12"/>
    </row>
    <row r="534404" spans="8:8">
      <c r="H534404" s="12"/>
    </row>
    <row r="534405" spans="8:8">
      <c r="H534405" s="12"/>
    </row>
    <row r="534406" spans="8:8">
      <c r="H534406" s="12"/>
    </row>
    <row r="534407" spans="8:8">
      <c r="H534407" s="12"/>
    </row>
    <row r="534408" spans="8:8">
      <c r="H534408" s="12"/>
    </row>
    <row r="534409" spans="8:8">
      <c r="H534409" s="12"/>
    </row>
    <row r="534410" spans="8:8">
      <c r="H534410" s="12"/>
    </row>
    <row r="534411" spans="8:8">
      <c r="H534411" s="12"/>
    </row>
    <row r="534412" spans="8:8">
      <c r="H534412" s="12"/>
    </row>
    <row r="534413" spans="8:8">
      <c r="H534413" s="12"/>
    </row>
    <row r="534414" spans="8:8">
      <c r="H534414" s="12"/>
    </row>
    <row r="534415" spans="8:8">
      <c r="H534415" s="12"/>
    </row>
    <row r="534416" spans="8:8">
      <c r="H534416" s="12"/>
    </row>
    <row r="534417" spans="8:8">
      <c r="H534417" s="12"/>
    </row>
    <row r="534418" spans="8:8">
      <c r="H534418" s="12"/>
    </row>
    <row r="534419" spans="8:8">
      <c r="H534419" s="12"/>
    </row>
    <row r="534420" spans="8:8">
      <c r="H534420" s="12"/>
    </row>
    <row r="534421" spans="8:8">
      <c r="H534421" s="12"/>
    </row>
    <row r="534422" spans="8:8">
      <c r="H534422" s="12"/>
    </row>
    <row r="534423" spans="8:8">
      <c r="H534423" s="12"/>
    </row>
    <row r="534424" spans="8:8">
      <c r="H534424" s="12"/>
    </row>
    <row r="534425" spans="8:8">
      <c r="H534425" s="12"/>
    </row>
    <row r="534426" spans="8:8">
      <c r="H534426" s="12"/>
    </row>
    <row r="534427" spans="8:8">
      <c r="H534427" s="12"/>
    </row>
    <row r="534428" spans="8:8">
      <c r="H534428" s="12"/>
    </row>
    <row r="534429" spans="8:8">
      <c r="H534429" s="12"/>
    </row>
    <row r="534430" spans="8:8">
      <c r="H534430" s="12"/>
    </row>
    <row r="534431" spans="8:8">
      <c r="H534431" s="12"/>
    </row>
    <row r="534432" spans="8:8">
      <c r="H534432" s="12"/>
    </row>
    <row r="534433" spans="8:8">
      <c r="H534433" s="12"/>
    </row>
    <row r="534434" spans="8:8">
      <c r="H534434" s="12"/>
    </row>
    <row r="534435" spans="8:8">
      <c r="H534435" s="12"/>
    </row>
    <row r="534436" spans="8:8">
      <c r="H534436" s="12"/>
    </row>
    <row r="534437" spans="8:8">
      <c r="H534437" s="12"/>
    </row>
    <row r="534438" spans="8:8">
      <c r="H534438" s="12"/>
    </row>
    <row r="534439" spans="8:8">
      <c r="H534439" s="12"/>
    </row>
    <row r="534440" spans="8:8">
      <c r="H534440" s="12"/>
    </row>
    <row r="534441" spans="8:8">
      <c r="H534441" s="12"/>
    </row>
    <row r="534442" spans="8:8">
      <c r="H534442" s="12"/>
    </row>
    <row r="534443" spans="8:8">
      <c r="H534443" s="12"/>
    </row>
    <row r="534444" spans="8:8">
      <c r="H534444" s="12"/>
    </row>
    <row r="534445" spans="8:8">
      <c r="H534445" s="12"/>
    </row>
    <row r="534446" spans="8:8">
      <c r="H534446" s="12"/>
    </row>
    <row r="534447" spans="8:8">
      <c r="H534447" s="12"/>
    </row>
    <row r="534448" spans="8:8">
      <c r="H534448" s="12"/>
    </row>
    <row r="534449" spans="8:8">
      <c r="H534449" s="12"/>
    </row>
    <row r="534450" spans="8:8">
      <c r="H534450" s="12"/>
    </row>
    <row r="534451" spans="8:8">
      <c r="H534451" s="12"/>
    </row>
    <row r="534452" spans="8:8">
      <c r="H534452" s="12"/>
    </row>
    <row r="534453" spans="8:8">
      <c r="H534453" s="12"/>
    </row>
    <row r="534454" spans="8:8">
      <c r="H534454" s="12"/>
    </row>
    <row r="534455" spans="8:8">
      <c r="H534455" s="12"/>
    </row>
    <row r="534456" spans="8:8">
      <c r="H534456" s="12"/>
    </row>
    <row r="534457" spans="8:8">
      <c r="H534457" s="12"/>
    </row>
    <row r="534458" spans="8:8">
      <c r="H534458" s="12"/>
    </row>
    <row r="534459" spans="8:8">
      <c r="H534459" s="12"/>
    </row>
    <row r="534460" spans="8:8">
      <c r="H534460" s="12"/>
    </row>
    <row r="534461" spans="8:8">
      <c r="H534461" s="12"/>
    </row>
    <row r="534462" spans="8:8">
      <c r="H534462" s="12"/>
    </row>
    <row r="534463" spans="8:8">
      <c r="H534463" s="12"/>
    </row>
    <row r="534464" spans="8:8">
      <c r="H534464" s="12"/>
    </row>
    <row r="534465" spans="8:8">
      <c r="H534465" s="12"/>
    </row>
    <row r="534466" spans="8:8">
      <c r="H534466" s="12"/>
    </row>
    <row r="534467" spans="8:8">
      <c r="H534467" s="12"/>
    </row>
    <row r="534468" spans="8:8">
      <c r="H534468" s="12"/>
    </row>
    <row r="534469" spans="8:8">
      <c r="H534469" s="12"/>
    </row>
    <row r="534470" spans="8:8">
      <c r="H534470" s="12"/>
    </row>
    <row r="534471" spans="8:8">
      <c r="H534471" s="12"/>
    </row>
    <row r="534472" spans="8:8">
      <c r="H534472" s="12"/>
    </row>
    <row r="534473" spans="8:8">
      <c r="H534473" s="12"/>
    </row>
    <row r="534474" spans="8:8">
      <c r="H534474" s="12"/>
    </row>
    <row r="534475" spans="8:8">
      <c r="H534475" s="12"/>
    </row>
    <row r="534476" spans="8:8">
      <c r="H534476" s="12"/>
    </row>
    <row r="534477" spans="8:8">
      <c r="H534477" s="12"/>
    </row>
    <row r="534478" spans="8:8">
      <c r="H534478" s="12"/>
    </row>
    <row r="534479" spans="8:8">
      <c r="H534479" s="12"/>
    </row>
    <row r="534480" spans="8:8">
      <c r="H534480" s="12"/>
    </row>
    <row r="534481" spans="8:8">
      <c r="H534481" s="12"/>
    </row>
    <row r="534482" spans="8:8">
      <c r="H534482" s="12"/>
    </row>
    <row r="534483" spans="8:8">
      <c r="H534483" s="12"/>
    </row>
    <row r="534484" spans="8:8">
      <c r="H534484" s="12"/>
    </row>
    <row r="534485" spans="8:8">
      <c r="H534485" s="12"/>
    </row>
    <row r="534486" spans="8:8">
      <c r="H534486" s="12"/>
    </row>
    <row r="534487" spans="8:8">
      <c r="H534487" s="12"/>
    </row>
    <row r="534488" spans="8:8">
      <c r="H534488" s="12"/>
    </row>
    <row r="534489" spans="8:8">
      <c r="H534489" s="12"/>
    </row>
    <row r="534490" spans="8:8">
      <c r="H534490" s="12"/>
    </row>
    <row r="534491" spans="8:8">
      <c r="H534491" s="12"/>
    </row>
    <row r="534492" spans="8:8">
      <c r="H534492" s="12"/>
    </row>
    <row r="534493" spans="8:8">
      <c r="H534493" s="12"/>
    </row>
    <row r="534494" spans="8:8">
      <c r="H534494" s="12"/>
    </row>
    <row r="534495" spans="8:8">
      <c r="H534495" s="12"/>
    </row>
    <row r="534496" spans="8:8">
      <c r="H534496" s="12"/>
    </row>
    <row r="534497" spans="8:8">
      <c r="H534497" s="12"/>
    </row>
    <row r="534498" spans="8:8">
      <c r="H534498" s="12"/>
    </row>
    <row r="534499" spans="8:8">
      <c r="H534499" s="12"/>
    </row>
    <row r="534500" spans="8:8">
      <c r="H534500" s="12"/>
    </row>
    <row r="534501" spans="8:8">
      <c r="H534501" s="12"/>
    </row>
    <row r="534502" spans="8:8">
      <c r="H534502" s="12"/>
    </row>
    <row r="534503" spans="8:8">
      <c r="H534503" s="12"/>
    </row>
    <row r="534504" spans="8:8">
      <c r="H534504" s="12"/>
    </row>
    <row r="534505" spans="8:8">
      <c r="H534505" s="12"/>
    </row>
    <row r="534506" spans="8:8">
      <c r="H534506" s="12"/>
    </row>
    <row r="534507" spans="8:8">
      <c r="H534507" s="12"/>
    </row>
    <row r="534508" spans="8:8">
      <c r="H534508" s="12"/>
    </row>
    <row r="534509" spans="8:8">
      <c r="H534509" s="12"/>
    </row>
    <row r="534510" spans="8:8">
      <c r="H534510" s="12"/>
    </row>
    <row r="534511" spans="8:8">
      <c r="H534511" s="12"/>
    </row>
    <row r="534512" spans="8:8">
      <c r="H534512" s="12"/>
    </row>
    <row r="534513" spans="8:8">
      <c r="H534513" s="12"/>
    </row>
    <row r="534514" spans="8:8">
      <c r="H534514" s="12"/>
    </row>
    <row r="534515" spans="8:8">
      <c r="H534515" s="12"/>
    </row>
    <row r="534516" spans="8:8">
      <c r="H534516" s="12"/>
    </row>
    <row r="534517" spans="8:8">
      <c r="H534517" s="12"/>
    </row>
    <row r="534518" spans="8:8">
      <c r="H534518" s="12"/>
    </row>
    <row r="534519" spans="8:8">
      <c r="H534519" s="12"/>
    </row>
    <row r="534520" spans="8:8">
      <c r="H534520" s="12"/>
    </row>
    <row r="534521" spans="8:8">
      <c r="H534521" s="12"/>
    </row>
    <row r="534522" spans="8:8">
      <c r="H534522" s="12"/>
    </row>
    <row r="534523" spans="8:8">
      <c r="H534523" s="12"/>
    </row>
    <row r="534524" spans="8:8">
      <c r="H534524" s="12"/>
    </row>
    <row r="534525" spans="8:8">
      <c r="H534525" s="12"/>
    </row>
    <row r="534526" spans="8:8">
      <c r="H534526" s="12"/>
    </row>
    <row r="534527" spans="8:8">
      <c r="H534527" s="12"/>
    </row>
    <row r="534528" spans="8:8">
      <c r="H534528" s="12"/>
    </row>
    <row r="534529" spans="8:8">
      <c r="H534529" s="12"/>
    </row>
    <row r="534530" spans="8:8">
      <c r="H534530" s="12"/>
    </row>
    <row r="534531" spans="8:8">
      <c r="H534531" s="12"/>
    </row>
    <row r="534532" spans="8:8">
      <c r="H534532" s="12"/>
    </row>
    <row r="534533" spans="8:8">
      <c r="H534533" s="12"/>
    </row>
    <row r="534534" spans="8:8">
      <c r="H534534" s="12"/>
    </row>
    <row r="534535" spans="8:8">
      <c r="H534535" s="12"/>
    </row>
    <row r="534536" spans="8:8">
      <c r="H534536" s="12"/>
    </row>
    <row r="534537" spans="8:8">
      <c r="H534537" s="12"/>
    </row>
    <row r="534538" spans="8:8">
      <c r="H534538" s="12"/>
    </row>
    <row r="534539" spans="8:8">
      <c r="H534539" s="12"/>
    </row>
    <row r="534540" spans="8:8">
      <c r="H534540" s="12"/>
    </row>
    <row r="534541" spans="8:8">
      <c r="H534541" s="12"/>
    </row>
    <row r="534542" spans="8:8">
      <c r="H534542" s="12"/>
    </row>
    <row r="534543" spans="8:8">
      <c r="H534543" s="12"/>
    </row>
    <row r="534544" spans="8:8">
      <c r="H534544" s="12"/>
    </row>
    <row r="534545" spans="8:8">
      <c r="H534545" s="12"/>
    </row>
    <row r="534546" spans="8:8">
      <c r="H534546" s="12"/>
    </row>
    <row r="534547" spans="8:8">
      <c r="H534547" s="12"/>
    </row>
    <row r="534548" spans="8:8">
      <c r="H534548" s="12"/>
    </row>
    <row r="534549" spans="8:8">
      <c r="H534549" s="12"/>
    </row>
    <row r="534550" spans="8:8">
      <c r="H534550" s="12"/>
    </row>
    <row r="534551" spans="8:8">
      <c r="H534551" s="12"/>
    </row>
    <row r="534552" spans="8:8">
      <c r="H534552" s="12"/>
    </row>
    <row r="534553" spans="8:8">
      <c r="H534553" s="12"/>
    </row>
    <row r="534554" spans="8:8">
      <c r="H534554" s="12"/>
    </row>
    <row r="534555" spans="8:8">
      <c r="H534555" s="12"/>
    </row>
    <row r="534556" spans="8:8">
      <c r="H534556" s="12"/>
    </row>
    <row r="534557" spans="8:8">
      <c r="H534557" s="12"/>
    </row>
    <row r="534558" spans="8:8">
      <c r="H534558" s="12"/>
    </row>
    <row r="534559" spans="8:8">
      <c r="H534559" s="12"/>
    </row>
    <row r="534560" spans="8:8">
      <c r="H534560" s="12"/>
    </row>
    <row r="534561" spans="8:8">
      <c r="H534561" s="12"/>
    </row>
    <row r="534562" spans="8:8">
      <c r="H534562" s="12"/>
    </row>
    <row r="534563" spans="8:8">
      <c r="H534563" s="12"/>
    </row>
    <row r="534564" spans="8:8">
      <c r="H534564" s="12"/>
    </row>
    <row r="534565" spans="8:8">
      <c r="H534565" s="12"/>
    </row>
    <row r="534566" spans="8:8">
      <c r="H534566" s="12"/>
    </row>
    <row r="534567" spans="8:8">
      <c r="H534567" s="12"/>
    </row>
    <row r="534568" spans="8:8">
      <c r="H534568" s="12"/>
    </row>
    <row r="534569" spans="8:8">
      <c r="H534569" s="12"/>
    </row>
    <row r="534570" spans="8:8">
      <c r="H534570" s="12"/>
    </row>
    <row r="534571" spans="8:8">
      <c r="H534571" s="12"/>
    </row>
    <row r="534572" spans="8:8">
      <c r="H534572" s="12"/>
    </row>
    <row r="534573" spans="8:8">
      <c r="H534573" s="12"/>
    </row>
    <row r="534574" spans="8:8">
      <c r="H534574" s="12"/>
    </row>
    <row r="534575" spans="8:8">
      <c r="H534575" s="12"/>
    </row>
    <row r="534576" spans="8:8">
      <c r="H534576" s="12"/>
    </row>
    <row r="534577" spans="8:8">
      <c r="H534577" s="12"/>
    </row>
    <row r="534578" spans="8:8">
      <c r="H534578" s="12"/>
    </row>
    <row r="534579" spans="8:8">
      <c r="H534579" s="12"/>
    </row>
    <row r="534580" spans="8:8">
      <c r="H534580" s="12"/>
    </row>
    <row r="534581" spans="8:8">
      <c r="H534581" s="12"/>
    </row>
    <row r="534582" spans="8:8">
      <c r="H534582" s="12"/>
    </row>
    <row r="534583" spans="8:8">
      <c r="H534583" s="12"/>
    </row>
    <row r="534584" spans="8:8">
      <c r="H534584" s="12"/>
    </row>
    <row r="534585" spans="8:8">
      <c r="H534585" s="12"/>
    </row>
    <row r="534586" spans="8:8">
      <c r="H534586" s="12"/>
    </row>
    <row r="534587" spans="8:8">
      <c r="H534587" s="12"/>
    </row>
    <row r="534588" spans="8:8">
      <c r="H534588" s="12"/>
    </row>
    <row r="534589" spans="8:8">
      <c r="H534589" s="12"/>
    </row>
    <row r="534590" spans="8:8">
      <c r="H534590" s="12"/>
    </row>
    <row r="534591" spans="8:8">
      <c r="H534591" s="12"/>
    </row>
    <row r="534592" spans="8:8">
      <c r="H534592" s="12"/>
    </row>
    <row r="534593" spans="8:8">
      <c r="H534593" s="12"/>
    </row>
    <row r="534594" spans="8:8">
      <c r="H534594" s="12"/>
    </row>
    <row r="534595" spans="8:8">
      <c r="H534595" s="12"/>
    </row>
    <row r="534596" spans="8:8">
      <c r="H534596" s="12"/>
    </row>
    <row r="534597" spans="8:8">
      <c r="H534597" s="12"/>
    </row>
    <row r="534598" spans="8:8">
      <c r="H534598" s="12"/>
    </row>
    <row r="534599" spans="8:8">
      <c r="H534599" s="12"/>
    </row>
    <row r="534600" spans="8:8">
      <c r="H534600" s="12"/>
    </row>
    <row r="534601" spans="8:8">
      <c r="H534601" s="12"/>
    </row>
    <row r="534602" spans="8:8">
      <c r="H534602" s="12"/>
    </row>
    <row r="534603" spans="8:8">
      <c r="H534603" s="12"/>
    </row>
    <row r="534604" spans="8:8">
      <c r="H534604" s="12"/>
    </row>
    <row r="534605" spans="8:8">
      <c r="H534605" s="12"/>
    </row>
    <row r="534606" spans="8:8">
      <c r="H534606" s="12"/>
    </row>
    <row r="534607" spans="8:8">
      <c r="H534607" s="12"/>
    </row>
    <row r="534608" spans="8:8">
      <c r="H534608" s="12"/>
    </row>
    <row r="534609" spans="8:8">
      <c r="H534609" s="12"/>
    </row>
    <row r="534610" spans="8:8">
      <c r="H534610" s="12"/>
    </row>
    <row r="534611" spans="8:8">
      <c r="H534611" s="12"/>
    </row>
    <row r="534612" spans="8:8">
      <c r="H534612" s="12"/>
    </row>
    <row r="534613" spans="8:8">
      <c r="H534613" s="12"/>
    </row>
    <row r="534614" spans="8:8">
      <c r="H534614" s="12"/>
    </row>
    <row r="534615" spans="8:8">
      <c r="H534615" s="12"/>
    </row>
    <row r="534616" spans="8:8">
      <c r="H534616" s="12"/>
    </row>
    <row r="534617" spans="8:8">
      <c r="H534617" s="12"/>
    </row>
    <row r="534618" spans="8:8">
      <c r="H534618" s="12"/>
    </row>
    <row r="534619" spans="8:8">
      <c r="H534619" s="12"/>
    </row>
    <row r="534620" spans="8:8">
      <c r="H534620" s="12"/>
    </row>
    <row r="534621" spans="8:8">
      <c r="H534621" s="12"/>
    </row>
    <row r="534622" spans="8:8">
      <c r="H534622" s="12"/>
    </row>
    <row r="534623" spans="8:8">
      <c r="H534623" s="12"/>
    </row>
    <row r="534624" spans="8:8">
      <c r="H534624" s="12"/>
    </row>
    <row r="534625" spans="8:8">
      <c r="H534625" s="12"/>
    </row>
    <row r="534626" spans="8:8">
      <c r="H534626" s="12"/>
    </row>
    <row r="534627" spans="8:8">
      <c r="H534627" s="12"/>
    </row>
    <row r="534628" spans="8:8">
      <c r="H534628" s="12"/>
    </row>
    <row r="534629" spans="8:8">
      <c r="H534629" s="12"/>
    </row>
    <row r="534630" spans="8:8">
      <c r="H534630" s="12"/>
    </row>
    <row r="534631" spans="8:8">
      <c r="H534631" s="12"/>
    </row>
    <row r="534632" spans="8:8">
      <c r="H534632" s="12"/>
    </row>
    <row r="534633" spans="8:8">
      <c r="H534633" s="12"/>
    </row>
    <row r="534634" spans="8:8">
      <c r="H534634" s="12"/>
    </row>
    <row r="534635" spans="8:8">
      <c r="H534635" s="12"/>
    </row>
    <row r="534636" spans="8:8">
      <c r="H534636" s="12"/>
    </row>
    <row r="534637" spans="8:8">
      <c r="H534637" s="12"/>
    </row>
    <row r="534638" spans="8:8">
      <c r="H534638" s="12"/>
    </row>
    <row r="534639" spans="8:8">
      <c r="H534639" s="12"/>
    </row>
    <row r="534640" spans="8:8">
      <c r="H534640" s="12"/>
    </row>
    <row r="534641" spans="8:8">
      <c r="H534641" s="12"/>
    </row>
    <row r="534642" spans="8:8">
      <c r="H534642" s="12"/>
    </row>
    <row r="534643" spans="8:8">
      <c r="H534643" s="12"/>
    </row>
    <row r="534644" spans="8:8">
      <c r="H534644" s="12"/>
    </row>
    <row r="534645" spans="8:8">
      <c r="H534645" s="12"/>
    </row>
    <row r="534646" spans="8:8">
      <c r="H534646" s="12"/>
    </row>
    <row r="534647" spans="8:8">
      <c r="H534647" s="12"/>
    </row>
    <row r="534648" spans="8:8">
      <c r="H534648" s="12"/>
    </row>
    <row r="534649" spans="8:8">
      <c r="H534649" s="12"/>
    </row>
    <row r="534650" spans="8:8">
      <c r="H534650" s="12"/>
    </row>
    <row r="534651" spans="8:8">
      <c r="H534651" s="12"/>
    </row>
    <row r="534652" spans="8:8">
      <c r="H534652" s="12"/>
    </row>
    <row r="534653" spans="8:8">
      <c r="H534653" s="12"/>
    </row>
    <row r="534654" spans="8:8">
      <c r="H534654" s="12"/>
    </row>
    <row r="534655" spans="8:8">
      <c r="H534655" s="12"/>
    </row>
    <row r="534656" spans="8:8">
      <c r="H534656" s="12"/>
    </row>
    <row r="534657" spans="8:8">
      <c r="H534657" s="12"/>
    </row>
    <row r="534658" spans="8:8">
      <c r="H534658" s="12"/>
    </row>
    <row r="534659" spans="8:8">
      <c r="H534659" s="12"/>
    </row>
    <row r="534660" spans="8:8">
      <c r="H534660" s="12"/>
    </row>
    <row r="534661" spans="8:8">
      <c r="H534661" s="12"/>
    </row>
    <row r="534662" spans="8:8">
      <c r="H534662" s="12"/>
    </row>
    <row r="534663" spans="8:8">
      <c r="H534663" s="12"/>
    </row>
    <row r="534664" spans="8:8">
      <c r="H534664" s="12"/>
    </row>
    <row r="534665" spans="8:8">
      <c r="H534665" s="12"/>
    </row>
    <row r="534666" spans="8:8">
      <c r="H534666" s="12"/>
    </row>
    <row r="534667" spans="8:8">
      <c r="H534667" s="12"/>
    </row>
    <row r="534668" spans="8:8">
      <c r="H534668" s="12"/>
    </row>
    <row r="534669" spans="8:8">
      <c r="H534669" s="12"/>
    </row>
    <row r="534670" spans="8:8">
      <c r="H534670" s="12"/>
    </row>
    <row r="534671" spans="8:8">
      <c r="H534671" s="12"/>
    </row>
    <row r="534672" spans="8:8">
      <c r="H534672" s="12"/>
    </row>
    <row r="534673" spans="8:8">
      <c r="H534673" s="12"/>
    </row>
    <row r="534674" spans="8:8">
      <c r="H534674" s="12"/>
    </row>
    <row r="534675" spans="8:8">
      <c r="H534675" s="12"/>
    </row>
    <row r="534676" spans="8:8">
      <c r="H534676" s="12"/>
    </row>
    <row r="534677" spans="8:8">
      <c r="H534677" s="12"/>
    </row>
    <row r="534678" spans="8:8">
      <c r="H534678" s="12"/>
    </row>
    <row r="534679" spans="8:8">
      <c r="H534679" s="12"/>
    </row>
    <row r="534680" spans="8:8">
      <c r="H534680" s="12"/>
    </row>
    <row r="534681" spans="8:8">
      <c r="H534681" s="12"/>
    </row>
    <row r="534682" spans="8:8">
      <c r="H534682" s="12"/>
    </row>
    <row r="534683" spans="8:8">
      <c r="H534683" s="12"/>
    </row>
    <row r="534684" spans="8:8">
      <c r="H534684" s="12"/>
    </row>
    <row r="534685" spans="8:8">
      <c r="H534685" s="12"/>
    </row>
    <row r="534686" spans="8:8">
      <c r="H534686" s="12"/>
    </row>
    <row r="534687" spans="8:8">
      <c r="H534687" s="12"/>
    </row>
    <row r="534688" spans="8:8">
      <c r="H534688" s="12"/>
    </row>
    <row r="534689" spans="8:8">
      <c r="H534689" s="12"/>
    </row>
    <row r="534690" spans="8:8">
      <c r="H534690" s="12"/>
    </row>
    <row r="534691" spans="8:8">
      <c r="H534691" s="12"/>
    </row>
    <row r="534692" spans="8:8">
      <c r="H534692" s="12"/>
    </row>
    <row r="534693" spans="8:8">
      <c r="H534693" s="12"/>
    </row>
    <row r="534694" spans="8:8">
      <c r="H534694" s="12"/>
    </row>
    <row r="534695" spans="8:8">
      <c r="H534695" s="12"/>
    </row>
    <row r="534696" spans="8:8">
      <c r="H534696" s="12"/>
    </row>
    <row r="534697" spans="8:8">
      <c r="H534697" s="12"/>
    </row>
    <row r="534698" spans="8:8">
      <c r="H534698" s="12"/>
    </row>
    <row r="534699" spans="8:8">
      <c r="H534699" s="12"/>
    </row>
    <row r="534700" spans="8:8">
      <c r="H534700" s="12"/>
    </row>
    <row r="534701" spans="8:8">
      <c r="H534701" s="12"/>
    </row>
    <row r="534702" spans="8:8">
      <c r="H534702" s="12"/>
    </row>
    <row r="534703" spans="8:8">
      <c r="H534703" s="12"/>
    </row>
    <row r="534704" spans="8:8">
      <c r="H534704" s="12"/>
    </row>
    <row r="534705" spans="8:8">
      <c r="H534705" s="12"/>
    </row>
    <row r="534706" spans="8:8">
      <c r="H534706" s="12"/>
    </row>
    <row r="534707" spans="8:8">
      <c r="H534707" s="12"/>
    </row>
    <row r="534708" spans="8:8">
      <c r="H534708" s="12"/>
    </row>
    <row r="534709" spans="8:8">
      <c r="H534709" s="12"/>
    </row>
    <row r="534710" spans="8:8">
      <c r="H534710" s="12"/>
    </row>
    <row r="534711" spans="8:8">
      <c r="H534711" s="12"/>
    </row>
    <row r="534712" spans="8:8">
      <c r="H534712" s="12"/>
    </row>
    <row r="534713" spans="8:8">
      <c r="H534713" s="12"/>
    </row>
    <row r="534714" spans="8:8">
      <c r="H534714" s="12"/>
    </row>
    <row r="534715" spans="8:8">
      <c r="H534715" s="12"/>
    </row>
    <row r="534716" spans="8:8">
      <c r="H534716" s="12"/>
    </row>
    <row r="534717" spans="8:8">
      <c r="H534717" s="12"/>
    </row>
    <row r="534718" spans="8:8">
      <c r="H534718" s="12"/>
    </row>
    <row r="534719" spans="8:8">
      <c r="H534719" s="12"/>
    </row>
    <row r="534720" spans="8:8">
      <c r="H534720" s="12"/>
    </row>
    <row r="534721" spans="8:8">
      <c r="H534721" s="12"/>
    </row>
    <row r="534722" spans="8:8">
      <c r="H534722" s="12"/>
    </row>
    <row r="534723" spans="8:8">
      <c r="H534723" s="12"/>
    </row>
    <row r="534724" spans="8:8">
      <c r="H534724" s="12"/>
    </row>
    <row r="534725" spans="8:8">
      <c r="H534725" s="12"/>
    </row>
    <row r="534726" spans="8:8">
      <c r="H534726" s="12"/>
    </row>
    <row r="534727" spans="8:8">
      <c r="H534727" s="12"/>
    </row>
    <row r="534728" spans="8:8">
      <c r="H534728" s="12"/>
    </row>
    <row r="534729" spans="8:8">
      <c r="H534729" s="12"/>
    </row>
    <row r="534730" spans="8:8">
      <c r="H534730" s="12"/>
    </row>
    <row r="534731" spans="8:8">
      <c r="H534731" s="12"/>
    </row>
    <row r="534732" spans="8:8">
      <c r="H534732" s="12"/>
    </row>
    <row r="534733" spans="8:8">
      <c r="H534733" s="12"/>
    </row>
    <row r="534734" spans="8:8">
      <c r="H534734" s="12"/>
    </row>
    <row r="534735" spans="8:8">
      <c r="H534735" s="12"/>
    </row>
    <row r="534736" spans="8:8">
      <c r="H534736" s="12"/>
    </row>
    <row r="534737" spans="8:8">
      <c r="H534737" s="12"/>
    </row>
    <row r="534738" spans="8:8">
      <c r="H534738" s="12"/>
    </row>
    <row r="534739" spans="8:8">
      <c r="H534739" s="12"/>
    </row>
    <row r="534740" spans="8:8">
      <c r="H534740" s="12"/>
    </row>
    <row r="534741" spans="8:8">
      <c r="H534741" s="12"/>
    </row>
    <row r="534742" spans="8:8">
      <c r="H534742" s="12"/>
    </row>
    <row r="534743" spans="8:8">
      <c r="H534743" s="12"/>
    </row>
    <row r="534744" spans="8:8">
      <c r="H534744" s="12"/>
    </row>
    <row r="534745" spans="8:8">
      <c r="H534745" s="12"/>
    </row>
    <row r="534746" spans="8:8">
      <c r="H534746" s="12"/>
    </row>
    <row r="534747" spans="8:8">
      <c r="H534747" s="12"/>
    </row>
    <row r="534748" spans="8:8">
      <c r="H534748" s="12"/>
    </row>
    <row r="534749" spans="8:8">
      <c r="H534749" s="12"/>
    </row>
    <row r="534750" spans="8:8">
      <c r="H534750" s="12"/>
    </row>
    <row r="534751" spans="8:8">
      <c r="H534751" s="12"/>
    </row>
    <row r="534752" spans="8:8">
      <c r="H534752" s="12"/>
    </row>
    <row r="534753" spans="8:8">
      <c r="H534753" s="12"/>
    </row>
    <row r="534754" spans="8:8">
      <c r="H534754" s="12"/>
    </row>
    <row r="534755" spans="8:8">
      <c r="H534755" s="12"/>
    </row>
    <row r="534756" spans="8:8">
      <c r="H534756" s="12"/>
    </row>
    <row r="534757" spans="8:8">
      <c r="H534757" s="12"/>
    </row>
    <row r="534758" spans="8:8">
      <c r="H534758" s="12"/>
    </row>
    <row r="534759" spans="8:8">
      <c r="H534759" s="12"/>
    </row>
    <row r="534760" spans="8:8">
      <c r="H534760" s="12"/>
    </row>
    <row r="534761" spans="8:8">
      <c r="H534761" s="12"/>
    </row>
    <row r="534762" spans="8:8">
      <c r="H534762" s="12"/>
    </row>
    <row r="534763" spans="8:8">
      <c r="H534763" s="12"/>
    </row>
    <row r="534764" spans="8:8">
      <c r="H534764" s="12"/>
    </row>
    <row r="534765" spans="8:8">
      <c r="H534765" s="12"/>
    </row>
    <row r="534766" spans="8:8">
      <c r="H534766" s="12"/>
    </row>
    <row r="534767" spans="8:8">
      <c r="H534767" s="12"/>
    </row>
    <row r="534768" spans="8:8">
      <c r="H534768" s="12"/>
    </row>
    <row r="534769" spans="8:8">
      <c r="H534769" s="12"/>
    </row>
    <row r="534770" spans="8:8">
      <c r="H534770" s="12"/>
    </row>
    <row r="534771" spans="8:8">
      <c r="H534771" s="12"/>
    </row>
    <row r="534772" spans="8:8">
      <c r="H534772" s="12"/>
    </row>
    <row r="534773" spans="8:8">
      <c r="H534773" s="12"/>
    </row>
    <row r="534774" spans="8:8">
      <c r="H534774" s="12"/>
    </row>
    <row r="534775" spans="8:8">
      <c r="H534775" s="12"/>
    </row>
    <row r="534776" spans="8:8">
      <c r="H534776" s="12"/>
    </row>
    <row r="534777" spans="8:8">
      <c r="H534777" s="12"/>
    </row>
    <row r="534778" spans="8:8">
      <c r="H534778" s="12"/>
    </row>
    <row r="534779" spans="8:8">
      <c r="H534779" s="12"/>
    </row>
    <row r="534780" spans="8:8">
      <c r="H534780" s="12"/>
    </row>
    <row r="534781" spans="8:8">
      <c r="H534781" s="12"/>
    </row>
    <row r="534782" spans="8:8">
      <c r="H534782" s="12"/>
    </row>
    <row r="534783" spans="8:8">
      <c r="H534783" s="12"/>
    </row>
    <row r="534784" spans="8:8">
      <c r="H534784" s="12"/>
    </row>
    <row r="534785" spans="8:8">
      <c r="H534785" s="12"/>
    </row>
    <row r="534786" spans="8:8">
      <c r="H534786" s="12"/>
    </row>
    <row r="534787" spans="8:8">
      <c r="H534787" s="12"/>
    </row>
    <row r="534788" spans="8:8">
      <c r="H534788" s="12"/>
    </row>
    <row r="534789" spans="8:8">
      <c r="H534789" s="12"/>
    </row>
    <row r="534790" spans="8:8">
      <c r="H534790" s="12"/>
    </row>
    <row r="534791" spans="8:8">
      <c r="H534791" s="12"/>
    </row>
    <row r="534792" spans="8:8">
      <c r="H534792" s="12"/>
    </row>
    <row r="534793" spans="8:8">
      <c r="H534793" s="12"/>
    </row>
    <row r="534794" spans="8:8">
      <c r="H534794" s="12"/>
    </row>
    <row r="534795" spans="8:8">
      <c r="H534795" s="12"/>
    </row>
    <row r="534796" spans="8:8">
      <c r="H534796" s="12"/>
    </row>
    <row r="534797" spans="8:8">
      <c r="H534797" s="12"/>
    </row>
    <row r="534798" spans="8:8">
      <c r="H534798" s="12"/>
    </row>
    <row r="534799" spans="8:8">
      <c r="H534799" s="12"/>
    </row>
    <row r="534800" spans="8:8">
      <c r="H534800" s="12"/>
    </row>
    <row r="534801" spans="8:8">
      <c r="H534801" s="12"/>
    </row>
    <row r="534802" spans="8:8">
      <c r="H534802" s="12"/>
    </row>
    <row r="534803" spans="8:8">
      <c r="H534803" s="12"/>
    </row>
    <row r="534804" spans="8:8">
      <c r="H534804" s="12"/>
    </row>
    <row r="534805" spans="8:8">
      <c r="H534805" s="12"/>
    </row>
    <row r="534806" spans="8:8">
      <c r="H534806" s="12"/>
    </row>
    <row r="534807" spans="8:8">
      <c r="H534807" s="12"/>
    </row>
    <row r="534808" spans="8:8">
      <c r="H534808" s="12"/>
    </row>
    <row r="534809" spans="8:8">
      <c r="H534809" s="12"/>
    </row>
    <row r="534810" spans="8:8">
      <c r="H534810" s="12"/>
    </row>
    <row r="534811" spans="8:8">
      <c r="H534811" s="12"/>
    </row>
    <row r="534812" spans="8:8">
      <c r="H534812" s="12"/>
    </row>
    <row r="534813" spans="8:8">
      <c r="H534813" s="12"/>
    </row>
    <row r="534814" spans="8:8">
      <c r="H534814" s="12"/>
    </row>
    <row r="534815" spans="8:8">
      <c r="H534815" s="12"/>
    </row>
    <row r="534816" spans="8:8">
      <c r="H534816" s="12"/>
    </row>
    <row r="534817" spans="8:8">
      <c r="H534817" s="12"/>
    </row>
    <row r="534818" spans="8:8">
      <c r="H534818" s="12"/>
    </row>
    <row r="534819" spans="8:8">
      <c r="H534819" s="12"/>
    </row>
    <row r="534820" spans="8:8">
      <c r="H534820" s="12"/>
    </row>
    <row r="534821" spans="8:8">
      <c r="H534821" s="12"/>
    </row>
    <row r="534822" spans="8:8">
      <c r="H534822" s="12"/>
    </row>
    <row r="534823" spans="8:8">
      <c r="H534823" s="12"/>
    </row>
    <row r="534824" spans="8:8">
      <c r="H534824" s="12"/>
    </row>
    <row r="534825" spans="8:8">
      <c r="H534825" s="12"/>
    </row>
    <row r="534826" spans="8:8">
      <c r="H534826" s="12"/>
    </row>
    <row r="534827" spans="8:8">
      <c r="H534827" s="12"/>
    </row>
    <row r="534828" spans="8:8">
      <c r="H534828" s="12"/>
    </row>
    <row r="534829" spans="8:8">
      <c r="H534829" s="12"/>
    </row>
    <row r="534830" spans="8:8">
      <c r="H534830" s="12"/>
    </row>
    <row r="534831" spans="8:8">
      <c r="H534831" s="12"/>
    </row>
    <row r="534832" spans="8:8">
      <c r="H534832" s="12"/>
    </row>
    <row r="534833" spans="8:8">
      <c r="H534833" s="12"/>
    </row>
    <row r="534834" spans="8:8">
      <c r="H534834" s="12"/>
    </row>
    <row r="534835" spans="8:8">
      <c r="H534835" s="12"/>
    </row>
    <row r="534836" spans="8:8">
      <c r="H534836" s="12"/>
    </row>
    <row r="534837" spans="8:8">
      <c r="H534837" s="12"/>
    </row>
    <row r="534838" spans="8:8">
      <c r="H534838" s="12"/>
    </row>
    <row r="534839" spans="8:8">
      <c r="H534839" s="12"/>
    </row>
    <row r="534840" spans="8:8">
      <c r="H534840" s="12"/>
    </row>
    <row r="534841" spans="8:8">
      <c r="H534841" s="12"/>
    </row>
    <row r="534842" spans="8:8">
      <c r="H534842" s="12"/>
    </row>
    <row r="534843" spans="8:8">
      <c r="H534843" s="12"/>
    </row>
    <row r="534844" spans="8:8">
      <c r="H534844" s="12"/>
    </row>
    <row r="534845" spans="8:8">
      <c r="H534845" s="12"/>
    </row>
    <row r="534846" spans="8:8">
      <c r="H534846" s="12"/>
    </row>
    <row r="534847" spans="8:8">
      <c r="H534847" s="12"/>
    </row>
    <row r="534848" spans="8:8">
      <c r="H534848" s="12"/>
    </row>
    <row r="534849" spans="8:8">
      <c r="H534849" s="12"/>
    </row>
    <row r="534850" spans="8:8">
      <c r="H534850" s="12"/>
    </row>
    <row r="534851" spans="8:8">
      <c r="H534851" s="12"/>
    </row>
    <row r="534852" spans="8:8">
      <c r="H534852" s="12"/>
    </row>
    <row r="534853" spans="8:8">
      <c r="H534853" s="12"/>
    </row>
    <row r="534854" spans="8:8">
      <c r="H534854" s="12"/>
    </row>
    <row r="534855" spans="8:8">
      <c r="H534855" s="12"/>
    </row>
    <row r="534856" spans="8:8">
      <c r="H534856" s="12"/>
    </row>
    <row r="534857" spans="8:8">
      <c r="H534857" s="12"/>
    </row>
    <row r="534858" spans="8:8">
      <c r="H534858" s="12"/>
    </row>
    <row r="534859" spans="8:8">
      <c r="H534859" s="12"/>
    </row>
    <row r="534860" spans="8:8">
      <c r="H534860" s="12"/>
    </row>
    <row r="534861" spans="8:8">
      <c r="H534861" s="12"/>
    </row>
    <row r="534862" spans="8:8">
      <c r="H534862" s="12"/>
    </row>
    <row r="534863" spans="8:8">
      <c r="H534863" s="12"/>
    </row>
    <row r="534864" spans="8:8">
      <c r="H534864" s="12"/>
    </row>
    <row r="534865" spans="8:8">
      <c r="H534865" s="12"/>
    </row>
    <row r="534866" spans="8:8">
      <c r="H534866" s="12"/>
    </row>
    <row r="534867" spans="8:8">
      <c r="H534867" s="12"/>
    </row>
    <row r="534868" spans="8:8">
      <c r="H534868" s="12"/>
    </row>
    <row r="534869" spans="8:8">
      <c r="H534869" s="12"/>
    </row>
    <row r="534870" spans="8:8">
      <c r="H534870" s="12"/>
    </row>
    <row r="534871" spans="8:8">
      <c r="H534871" s="12"/>
    </row>
    <row r="534872" spans="8:8">
      <c r="H534872" s="12"/>
    </row>
    <row r="534873" spans="8:8">
      <c r="H534873" s="12"/>
    </row>
    <row r="534874" spans="8:8">
      <c r="H534874" s="12"/>
    </row>
    <row r="534875" spans="8:8">
      <c r="H534875" s="12"/>
    </row>
    <row r="534876" spans="8:8">
      <c r="H534876" s="12"/>
    </row>
    <row r="534877" spans="8:8">
      <c r="H534877" s="12"/>
    </row>
    <row r="534878" spans="8:8">
      <c r="H534878" s="12"/>
    </row>
    <row r="534879" spans="8:8">
      <c r="H534879" s="12"/>
    </row>
    <row r="534880" spans="8:8">
      <c r="H534880" s="12"/>
    </row>
    <row r="534881" spans="8:8">
      <c r="H534881" s="12"/>
    </row>
    <row r="534882" spans="8:8">
      <c r="H534882" s="12"/>
    </row>
    <row r="534883" spans="8:8">
      <c r="H534883" s="12"/>
    </row>
    <row r="534884" spans="8:8">
      <c r="H534884" s="12"/>
    </row>
    <row r="534885" spans="8:8">
      <c r="H534885" s="12"/>
    </row>
    <row r="534886" spans="8:8">
      <c r="H534886" s="12"/>
    </row>
    <row r="534887" spans="8:8">
      <c r="H534887" s="12"/>
    </row>
    <row r="534888" spans="8:8">
      <c r="H534888" s="12"/>
    </row>
    <row r="534889" spans="8:8">
      <c r="H534889" s="12"/>
    </row>
    <row r="534890" spans="8:8">
      <c r="H534890" s="12"/>
    </row>
    <row r="534891" spans="8:8">
      <c r="H534891" s="12"/>
    </row>
    <row r="534892" spans="8:8">
      <c r="H534892" s="12"/>
    </row>
    <row r="534893" spans="8:8">
      <c r="H534893" s="12"/>
    </row>
    <row r="534894" spans="8:8">
      <c r="H534894" s="12"/>
    </row>
    <row r="534895" spans="8:8">
      <c r="H534895" s="12"/>
    </row>
    <row r="534896" spans="8:8">
      <c r="H534896" s="12"/>
    </row>
    <row r="534897" spans="8:8">
      <c r="H534897" s="12"/>
    </row>
    <row r="534898" spans="8:8">
      <c r="H534898" s="12"/>
    </row>
    <row r="534899" spans="8:8">
      <c r="H534899" s="12"/>
    </row>
    <row r="534900" spans="8:8">
      <c r="H534900" s="12"/>
    </row>
    <row r="534901" spans="8:8">
      <c r="H534901" s="12"/>
    </row>
    <row r="534902" spans="8:8">
      <c r="H534902" s="12"/>
    </row>
    <row r="534903" spans="8:8">
      <c r="H534903" s="12"/>
    </row>
    <row r="534904" spans="8:8">
      <c r="H534904" s="12"/>
    </row>
    <row r="534905" spans="8:8">
      <c r="H534905" s="12"/>
    </row>
    <row r="534906" spans="8:8">
      <c r="H534906" s="12"/>
    </row>
    <row r="534907" spans="8:8">
      <c r="H534907" s="12"/>
    </row>
    <row r="534908" spans="8:8">
      <c r="H534908" s="12"/>
    </row>
    <row r="534909" spans="8:8">
      <c r="H534909" s="12"/>
    </row>
    <row r="534910" spans="8:8">
      <c r="H534910" s="12"/>
    </row>
    <row r="534911" spans="8:8">
      <c r="H534911" s="12"/>
    </row>
    <row r="534912" spans="8:8">
      <c r="H534912" s="12"/>
    </row>
    <row r="534913" spans="8:8">
      <c r="H534913" s="12"/>
    </row>
    <row r="534914" spans="8:8">
      <c r="H534914" s="12"/>
    </row>
    <row r="534915" spans="8:8">
      <c r="H534915" s="12"/>
    </row>
    <row r="534916" spans="8:8">
      <c r="H534916" s="12"/>
    </row>
    <row r="534917" spans="8:8">
      <c r="H534917" s="12"/>
    </row>
    <row r="534918" spans="8:8">
      <c r="H534918" s="12"/>
    </row>
    <row r="534919" spans="8:8">
      <c r="H534919" s="12"/>
    </row>
    <row r="534920" spans="8:8">
      <c r="H534920" s="12"/>
    </row>
    <row r="534921" spans="8:8">
      <c r="H534921" s="12"/>
    </row>
    <row r="534922" spans="8:8">
      <c r="H534922" s="12"/>
    </row>
    <row r="534923" spans="8:8">
      <c r="H534923" s="12"/>
    </row>
    <row r="534924" spans="8:8">
      <c r="H534924" s="12"/>
    </row>
    <row r="534925" spans="8:8">
      <c r="H534925" s="12"/>
    </row>
    <row r="534926" spans="8:8">
      <c r="H534926" s="12"/>
    </row>
    <row r="534927" spans="8:8">
      <c r="H534927" s="12"/>
    </row>
    <row r="534928" spans="8:8">
      <c r="H534928" s="12"/>
    </row>
    <row r="534929" spans="8:8">
      <c r="H534929" s="12"/>
    </row>
    <row r="534930" spans="8:8">
      <c r="H534930" s="12"/>
    </row>
    <row r="534931" spans="8:8">
      <c r="H534931" s="12"/>
    </row>
    <row r="534932" spans="8:8">
      <c r="H534932" s="12"/>
    </row>
    <row r="534933" spans="8:8">
      <c r="H534933" s="12"/>
    </row>
    <row r="534934" spans="8:8">
      <c r="H534934" s="12"/>
    </row>
    <row r="534935" spans="8:8">
      <c r="H534935" s="12"/>
    </row>
    <row r="534936" spans="8:8">
      <c r="H534936" s="12"/>
    </row>
    <row r="534937" spans="8:8">
      <c r="H534937" s="12"/>
    </row>
    <row r="534938" spans="8:8">
      <c r="H534938" s="12"/>
    </row>
    <row r="534939" spans="8:8">
      <c r="H534939" s="12"/>
    </row>
    <row r="534940" spans="8:8">
      <c r="H534940" s="12"/>
    </row>
    <row r="534941" spans="8:8">
      <c r="H534941" s="12"/>
    </row>
    <row r="534942" spans="8:8">
      <c r="H534942" s="12"/>
    </row>
    <row r="534943" spans="8:8">
      <c r="H534943" s="12"/>
    </row>
    <row r="534944" spans="8:8">
      <c r="H534944" s="12"/>
    </row>
    <row r="534945" spans="8:8">
      <c r="H534945" s="12"/>
    </row>
    <row r="534946" spans="8:8">
      <c r="H534946" s="12"/>
    </row>
    <row r="534947" spans="8:8">
      <c r="H534947" s="12"/>
    </row>
    <row r="534948" spans="8:8">
      <c r="H534948" s="12"/>
    </row>
    <row r="534949" spans="8:8">
      <c r="H534949" s="12"/>
    </row>
    <row r="534950" spans="8:8">
      <c r="H534950" s="12"/>
    </row>
    <row r="534951" spans="8:8">
      <c r="H534951" s="12"/>
    </row>
    <row r="534952" spans="8:8">
      <c r="H534952" s="12"/>
    </row>
    <row r="534953" spans="8:8">
      <c r="H534953" s="12"/>
    </row>
    <row r="534954" spans="8:8">
      <c r="H534954" s="12"/>
    </row>
    <row r="534955" spans="8:8">
      <c r="H534955" s="12"/>
    </row>
    <row r="534956" spans="8:8">
      <c r="H534956" s="12"/>
    </row>
    <row r="534957" spans="8:8">
      <c r="H534957" s="12"/>
    </row>
    <row r="534958" spans="8:8">
      <c r="H534958" s="12"/>
    </row>
    <row r="534959" spans="8:8">
      <c r="H534959" s="12"/>
    </row>
    <row r="534960" spans="8:8">
      <c r="H534960" s="12"/>
    </row>
    <row r="534961" spans="8:8">
      <c r="H534961" s="12"/>
    </row>
    <row r="534962" spans="8:8">
      <c r="H534962" s="12"/>
    </row>
    <row r="534963" spans="8:8">
      <c r="H534963" s="12"/>
    </row>
    <row r="534964" spans="8:8">
      <c r="H534964" s="12"/>
    </row>
    <row r="534965" spans="8:8">
      <c r="H534965" s="12"/>
    </row>
    <row r="534966" spans="8:8">
      <c r="H534966" s="12"/>
    </row>
    <row r="534967" spans="8:8">
      <c r="H534967" s="12"/>
    </row>
    <row r="534968" spans="8:8">
      <c r="H534968" s="12"/>
    </row>
    <row r="534969" spans="8:8">
      <c r="H534969" s="12"/>
    </row>
    <row r="534970" spans="8:8">
      <c r="H534970" s="12"/>
    </row>
    <row r="534971" spans="8:8">
      <c r="H534971" s="12"/>
    </row>
    <row r="534972" spans="8:8">
      <c r="H534972" s="12"/>
    </row>
    <row r="534973" spans="8:8">
      <c r="H534973" s="12"/>
    </row>
    <row r="534974" spans="8:8">
      <c r="H534974" s="12"/>
    </row>
    <row r="534975" spans="8:8">
      <c r="H534975" s="12"/>
    </row>
    <row r="534976" spans="8:8">
      <c r="H534976" s="12"/>
    </row>
    <row r="534977" spans="8:8">
      <c r="H534977" s="12"/>
    </row>
    <row r="534978" spans="8:8">
      <c r="H534978" s="12"/>
    </row>
    <row r="534979" spans="8:8">
      <c r="H534979" s="12"/>
    </row>
    <row r="534980" spans="8:8">
      <c r="H534980" s="12"/>
    </row>
    <row r="534981" spans="8:8">
      <c r="H534981" s="12"/>
    </row>
    <row r="534982" spans="8:8">
      <c r="H534982" s="12"/>
    </row>
    <row r="534983" spans="8:8">
      <c r="H534983" s="12"/>
    </row>
    <row r="534984" spans="8:8">
      <c r="H534984" s="12"/>
    </row>
    <row r="534985" spans="8:8">
      <c r="H534985" s="12"/>
    </row>
    <row r="534986" spans="8:8">
      <c r="H534986" s="12"/>
    </row>
    <row r="534987" spans="8:8">
      <c r="H534987" s="12"/>
    </row>
    <row r="534988" spans="8:8">
      <c r="H534988" s="12"/>
    </row>
    <row r="534989" spans="8:8">
      <c r="H534989" s="12"/>
    </row>
    <row r="534990" spans="8:8">
      <c r="H534990" s="12"/>
    </row>
    <row r="534991" spans="8:8">
      <c r="H534991" s="12"/>
    </row>
    <row r="534992" spans="8:8">
      <c r="H534992" s="12"/>
    </row>
    <row r="534993" spans="8:8">
      <c r="H534993" s="12"/>
    </row>
    <row r="534994" spans="8:8">
      <c r="H534994" s="12"/>
    </row>
    <row r="534995" spans="8:8">
      <c r="H534995" s="12"/>
    </row>
    <row r="534996" spans="8:8">
      <c r="H534996" s="12"/>
    </row>
    <row r="534997" spans="8:8">
      <c r="H534997" s="12"/>
    </row>
    <row r="534998" spans="8:8">
      <c r="H534998" s="12"/>
    </row>
    <row r="534999" spans="8:8">
      <c r="H534999" s="12"/>
    </row>
    <row r="535000" spans="8:8">
      <c r="H535000" s="12"/>
    </row>
    <row r="535001" spans="8:8">
      <c r="H535001" s="12"/>
    </row>
    <row r="535002" spans="8:8">
      <c r="H535002" s="12"/>
    </row>
    <row r="535003" spans="8:8">
      <c r="H535003" s="12"/>
    </row>
    <row r="535004" spans="8:8">
      <c r="H535004" s="12"/>
    </row>
    <row r="535005" spans="8:8">
      <c r="H535005" s="12"/>
    </row>
    <row r="535006" spans="8:8">
      <c r="H535006" s="12"/>
    </row>
    <row r="535007" spans="8:8">
      <c r="H535007" s="12"/>
    </row>
    <row r="535008" spans="8:8">
      <c r="H535008" s="12"/>
    </row>
    <row r="535009" spans="8:8">
      <c r="H535009" s="12"/>
    </row>
    <row r="535010" spans="8:8">
      <c r="H535010" s="12"/>
    </row>
    <row r="535011" spans="8:8">
      <c r="H535011" s="12"/>
    </row>
    <row r="535012" spans="8:8">
      <c r="H535012" s="12"/>
    </row>
    <row r="535013" spans="8:8">
      <c r="H535013" s="12"/>
    </row>
    <row r="535014" spans="8:8">
      <c r="H535014" s="12"/>
    </row>
    <row r="535015" spans="8:8">
      <c r="H535015" s="12"/>
    </row>
    <row r="535016" spans="8:8">
      <c r="H535016" s="12"/>
    </row>
    <row r="535017" spans="8:8">
      <c r="H535017" s="12"/>
    </row>
    <row r="535018" spans="8:8">
      <c r="H535018" s="12"/>
    </row>
    <row r="535019" spans="8:8">
      <c r="H535019" s="12"/>
    </row>
    <row r="535020" spans="8:8">
      <c r="H535020" s="12"/>
    </row>
    <row r="535021" spans="8:8">
      <c r="H535021" s="12"/>
    </row>
    <row r="535022" spans="8:8">
      <c r="H535022" s="12"/>
    </row>
    <row r="535023" spans="8:8">
      <c r="H535023" s="12"/>
    </row>
    <row r="535024" spans="8:8">
      <c r="H535024" s="12"/>
    </row>
    <row r="535025" spans="8:8">
      <c r="H535025" s="12"/>
    </row>
    <row r="535026" spans="8:8">
      <c r="H535026" s="12"/>
    </row>
    <row r="535027" spans="8:8">
      <c r="H535027" s="12"/>
    </row>
    <row r="535028" spans="8:8">
      <c r="H535028" s="12"/>
    </row>
    <row r="535029" spans="8:8">
      <c r="H535029" s="12"/>
    </row>
    <row r="535030" spans="8:8">
      <c r="H535030" s="12"/>
    </row>
    <row r="535031" spans="8:8">
      <c r="H535031" s="12"/>
    </row>
    <row r="535032" spans="8:8">
      <c r="H535032" s="12"/>
    </row>
    <row r="535033" spans="8:8">
      <c r="H535033" s="12"/>
    </row>
    <row r="535034" spans="8:8">
      <c r="H535034" s="12"/>
    </row>
    <row r="535035" spans="8:8">
      <c r="H535035" s="12"/>
    </row>
    <row r="535036" spans="8:8">
      <c r="H535036" s="12"/>
    </row>
    <row r="535037" spans="8:8">
      <c r="H535037" s="12"/>
    </row>
    <row r="535038" spans="8:8">
      <c r="H535038" s="12"/>
    </row>
    <row r="535039" spans="8:8">
      <c r="H535039" s="12"/>
    </row>
    <row r="535040" spans="8:8">
      <c r="H535040" s="12"/>
    </row>
    <row r="535041" spans="8:8">
      <c r="H535041" s="12"/>
    </row>
    <row r="535042" spans="8:8">
      <c r="H535042" s="12"/>
    </row>
    <row r="535043" spans="8:8">
      <c r="H535043" s="12"/>
    </row>
    <row r="535044" spans="8:8">
      <c r="H535044" s="12"/>
    </row>
    <row r="535045" spans="8:8">
      <c r="H535045" s="12"/>
    </row>
    <row r="535046" spans="8:8">
      <c r="H535046" s="12"/>
    </row>
    <row r="535047" spans="8:8">
      <c r="H535047" s="12"/>
    </row>
    <row r="535048" spans="8:8">
      <c r="H535048" s="12"/>
    </row>
    <row r="535049" spans="8:8">
      <c r="H535049" s="12"/>
    </row>
    <row r="535050" spans="8:8">
      <c r="H535050" s="12"/>
    </row>
    <row r="535051" spans="8:8">
      <c r="H535051" s="12"/>
    </row>
    <row r="535052" spans="8:8">
      <c r="H535052" s="12"/>
    </row>
    <row r="535053" spans="8:8">
      <c r="H535053" s="12"/>
    </row>
    <row r="535054" spans="8:8">
      <c r="H535054" s="12"/>
    </row>
    <row r="535055" spans="8:8">
      <c r="H535055" s="12"/>
    </row>
    <row r="535056" spans="8:8">
      <c r="H535056" s="12"/>
    </row>
    <row r="535057" spans="8:8">
      <c r="H535057" s="12"/>
    </row>
    <row r="535058" spans="8:8">
      <c r="H535058" s="12"/>
    </row>
    <row r="535059" spans="8:8">
      <c r="H535059" s="12"/>
    </row>
    <row r="535060" spans="8:8">
      <c r="H535060" s="12"/>
    </row>
    <row r="535061" spans="8:8">
      <c r="H535061" s="12"/>
    </row>
    <row r="535062" spans="8:8">
      <c r="H535062" s="12"/>
    </row>
    <row r="535063" spans="8:8">
      <c r="H535063" s="12"/>
    </row>
    <row r="535064" spans="8:8">
      <c r="H535064" s="12"/>
    </row>
    <row r="535065" spans="8:8">
      <c r="H535065" s="12"/>
    </row>
    <row r="535066" spans="8:8">
      <c r="H535066" s="12"/>
    </row>
    <row r="535067" spans="8:8">
      <c r="H535067" s="12"/>
    </row>
    <row r="535068" spans="8:8">
      <c r="H535068" s="12"/>
    </row>
    <row r="535069" spans="8:8">
      <c r="H535069" s="12"/>
    </row>
    <row r="535070" spans="8:8">
      <c r="H535070" s="12"/>
    </row>
    <row r="535071" spans="8:8">
      <c r="H535071" s="12"/>
    </row>
    <row r="535072" spans="8:8">
      <c r="H535072" s="12"/>
    </row>
    <row r="535073" spans="8:8">
      <c r="H535073" s="12"/>
    </row>
    <row r="535074" spans="8:8">
      <c r="H535074" s="12"/>
    </row>
    <row r="535075" spans="8:8">
      <c r="H535075" s="12"/>
    </row>
    <row r="535076" spans="8:8">
      <c r="H535076" s="12"/>
    </row>
    <row r="535077" spans="8:8">
      <c r="H535077" s="12"/>
    </row>
    <row r="535078" spans="8:8">
      <c r="H535078" s="12"/>
    </row>
    <row r="535079" spans="8:8">
      <c r="H535079" s="12"/>
    </row>
    <row r="535080" spans="8:8">
      <c r="H535080" s="12"/>
    </row>
    <row r="535081" spans="8:8">
      <c r="H535081" s="12"/>
    </row>
    <row r="535082" spans="8:8">
      <c r="H535082" s="12"/>
    </row>
    <row r="535083" spans="8:8">
      <c r="H535083" s="12"/>
    </row>
    <row r="535084" spans="8:8">
      <c r="H535084" s="12"/>
    </row>
    <row r="535085" spans="8:8">
      <c r="H535085" s="12"/>
    </row>
    <row r="535086" spans="8:8">
      <c r="H535086" s="12"/>
    </row>
    <row r="535087" spans="8:8">
      <c r="H535087" s="12"/>
    </row>
    <row r="535088" spans="8:8">
      <c r="H535088" s="12"/>
    </row>
    <row r="535089" spans="8:8">
      <c r="H535089" s="12"/>
    </row>
    <row r="535090" spans="8:8">
      <c r="H535090" s="12"/>
    </row>
    <row r="535091" spans="8:8">
      <c r="H535091" s="12"/>
    </row>
    <row r="535092" spans="8:8">
      <c r="H535092" s="12"/>
    </row>
    <row r="535093" spans="8:8">
      <c r="H535093" s="12"/>
    </row>
    <row r="535094" spans="8:8">
      <c r="H535094" s="12"/>
    </row>
    <row r="535095" spans="8:8">
      <c r="H535095" s="12"/>
    </row>
    <row r="535096" spans="8:8">
      <c r="H535096" s="12"/>
    </row>
    <row r="535097" spans="8:8">
      <c r="H535097" s="12"/>
    </row>
    <row r="535098" spans="8:8">
      <c r="H535098" s="12"/>
    </row>
    <row r="535099" spans="8:8">
      <c r="H535099" s="12"/>
    </row>
    <row r="535100" spans="8:8">
      <c r="H535100" s="12"/>
    </row>
    <row r="535101" spans="8:8">
      <c r="H535101" s="12"/>
    </row>
    <row r="535102" spans="8:8">
      <c r="H535102" s="12"/>
    </row>
    <row r="535103" spans="8:8">
      <c r="H535103" s="12"/>
    </row>
    <row r="535104" spans="8:8">
      <c r="H535104" s="12"/>
    </row>
    <row r="535105" spans="8:8">
      <c r="H535105" s="12"/>
    </row>
    <row r="535106" spans="8:8">
      <c r="H535106" s="12"/>
    </row>
    <row r="535107" spans="8:8">
      <c r="H535107" s="12"/>
    </row>
    <row r="535108" spans="8:8">
      <c r="H535108" s="12"/>
    </row>
    <row r="535109" spans="8:8">
      <c r="H535109" s="12"/>
    </row>
    <row r="535110" spans="8:8">
      <c r="H535110" s="12"/>
    </row>
    <row r="535111" spans="8:8">
      <c r="H535111" s="12"/>
    </row>
    <row r="535112" spans="8:8">
      <c r="H535112" s="12"/>
    </row>
    <row r="535113" spans="8:8">
      <c r="H535113" s="12"/>
    </row>
    <row r="535114" spans="8:8">
      <c r="H535114" s="12"/>
    </row>
    <row r="535115" spans="8:8">
      <c r="H535115" s="12"/>
    </row>
    <row r="535116" spans="8:8">
      <c r="H535116" s="12"/>
    </row>
    <row r="535117" spans="8:8">
      <c r="H535117" s="12"/>
    </row>
    <row r="535118" spans="8:8">
      <c r="H535118" s="12"/>
    </row>
    <row r="535119" spans="8:8">
      <c r="H535119" s="12"/>
    </row>
    <row r="535120" spans="8:8">
      <c r="H535120" s="12"/>
    </row>
    <row r="535121" spans="8:8">
      <c r="H535121" s="12"/>
    </row>
    <row r="535122" spans="8:8">
      <c r="H535122" s="12"/>
    </row>
    <row r="535123" spans="8:8">
      <c r="H535123" s="12"/>
    </row>
    <row r="535124" spans="8:8">
      <c r="H535124" s="12"/>
    </row>
    <row r="535125" spans="8:8">
      <c r="H535125" s="12"/>
    </row>
    <row r="535126" spans="8:8">
      <c r="H535126" s="12"/>
    </row>
    <row r="535127" spans="8:8">
      <c r="H535127" s="12"/>
    </row>
    <row r="535128" spans="8:8">
      <c r="H535128" s="12"/>
    </row>
    <row r="535129" spans="8:8">
      <c r="H535129" s="12"/>
    </row>
    <row r="535130" spans="8:8">
      <c r="H535130" s="12"/>
    </row>
    <row r="535131" spans="8:8">
      <c r="H535131" s="12"/>
    </row>
    <row r="535132" spans="8:8">
      <c r="H535132" s="12"/>
    </row>
    <row r="535133" spans="8:8">
      <c r="H535133" s="12"/>
    </row>
    <row r="535134" spans="8:8">
      <c r="H535134" s="12"/>
    </row>
    <row r="535135" spans="8:8">
      <c r="H535135" s="12"/>
    </row>
    <row r="535136" spans="8:8">
      <c r="H535136" s="12"/>
    </row>
    <row r="535137" spans="8:8">
      <c r="H535137" s="12"/>
    </row>
    <row r="535138" spans="8:8">
      <c r="H535138" s="12"/>
    </row>
    <row r="535139" spans="8:8">
      <c r="H535139" s="12"/>
    </row>
    <row r="535140" spans="8:8">
      <c r="H535140" s="12"/>
    </row>
    <row r="535141" spans="8:8">
      <c r="H535141" s="12"/>
    </row>
    <row r="535142" spans="8:8">
      <c r="H535142" s="12"/>
    </row>
    <row r="535143" spans="8:8">
      <c r="H535143" s="12"/>
    </row>
    <row r="535144" spans="8:8">
      <c r="H535144" s="12"/>
    </row>
    <row r="535145" spans="8:8">
      <c r="H535145" s="12"/>
    </row>
    <row r="535146" spans="8:8">
      <c r="H535146" s="12"/>
    </row>
    <row r="535147" spans="8:8">
      <c r="H535147" s="12"/>
    </row>
    <row r="535148" spans="8:8">
      <c r="H535148" s="12"/>
    </row>
    <row r="535149" spans="8:8">
      <c r="H535149" s="12"/>
    </row>
    <row r="535150" spans="8:8">
      <c r="H535150" s="12"/>
    </row>
    <row r="535151" spans="8:8">
      <c r="H535151" s="12"/>
    </row>
    <row r="535152" spans="8:8">
      <c r="H535152" s="12"/>
    </row>
    <row r="535153" spans="8:8">
      <c r="H535153" s="12"/>
    </row>
    <row r="535154" spans="8:8">
      <c r="H535154" s="12"/>
    </row>
    <row r="535155" spans="8:8">
      <c r="H535155" s="12"/>
    </row>
    <row r="535156" spans="8:8">
      <c r="H535156" s="12"/>
    </row>
    <row r="535157" spans="8:8">
      <c r="H535157" s="12"/>
    </row>
    <row r="535158" spans="8:8">
      <c r="H535158" s="12"/>
    </row>
    <row r="535159" spans="8:8">
      <c r="H535159" s="12"/>
    </row>
    <row r="535160" spans="8:8">
      <c r="H535160" s="12"/>
    </row>
    <row r="535161" spans="8:8">
      <c r="H535161" s="12"/>
    </row>
    <row r="535162" spans="8:8">
      <c r="H535162" s="12"/>
    </row>
    <row r="535163" spans="8:8">
      <c r="H535163" s="12"/>
    </row>
    <row r="535164" spans="8:8">
      <c r="H535164" s="12"/>
    </row>
    <row r="535165" spans="8:8">
      <c r="H535165" s="12"/>
    </row>
    <row r="535166" spans="8:8">
      <c r="H535166" s="12"/>
    </row>
    <row r="535167" spans="8:8">
      <c r="H535167" s="12"/>
    </row>
    <row r="535168" spans="8:8">
      <c r="H535168" s="12"/>
    </row>
    <row r="535169" spans="8:8">
      <c r="H535169" s="12"/>
    </row>
    <row r="535170" spans="8:8">
      <c r="H535170" s="12"/>
    </row>
    <row r="535171" spans="8:8">
      <c r="H535171" s="12"/>
    </row>
    <row r="535172" spans="8:8">
      <c r="H535172" s="12"/>
    </row>
    <row r="535173" spans="8:8">
      <c r="H535173" s="12"/>
    </row>
    <row r="535174" spans="8:8">
      <c r="H535174" s="12"/>
    </row>
    <row r="535175" spans="8:8">
      <c r="H535175" s="12"/>
    </row>
    <row r="535176" spans="8:8">
      <c r="H535176" s="12"/>
    </row>
    <row r="535177" spans="8:8">
      <c r="H535177" s="12"/>
    </row>
    <row r="535178" spans="8:8">
      <c r="H535178" s="12"/>
    </row>
    <row r="535179" spans="8:8">
      <c r="H535179" s="12"/>
    </row>
    <row r="535180" spans="8:8">
      <c r="H535180" s="12"/>
    </row>
    <row r="535181" spans="8:8">
      <c r="H535181" s="12"/>
    </row>
    <row r="535182" spans="8:8">
      <c r="H535182" s="12"/>
    </row>
    <row r="535183" spans="8:8">
      <c r="H535183" s="12"/>
    </row>
    <row r="535184" spans="8:8">
      <c r="H535184" s="12"/>
    </row>
    <row r="535185" spans="8:8">
      <c r="H535185" s="12"/>
    </row>
    <row r="535186" spans="8:8">
      <c r="H535186" s="12"/>
    </row>
    <row r="535187" spans="8:8">
      <c r="H535187" s="12"/>
    </row>
    <row r="535188" spans="8:8">
      <c r="H535188" s="12"/>
    </row>
    <row r="535189" spans="8:8">
      <c r="H535189" s="12"/>
    </row>
    <row r="535190" spans="8:8">
      <c r="H535190" s="12"/>
    </row>
    <row r="535191" spans="8:8">
      <c r="H535191" s="12"/>
    </row>
    <row r="535192" spans="8:8">
      <c r="H535192" s="12"/>
    </row>
    <row r="535193" spans="8:8">
      <c r="H535193" s="12"/>
    </row>
    <row r="535194" spans="8:8">
      <c r="H535194" s="12"/>
    </row>
    <row r="535195" spans="8:8">
      <c r="H535195" s="12"/>
    </row>
    <row r="535196" spans="8:8">
      <c r="H535196" s="12"/>
    </row>
    <row r="535197" spans="8:8">
      <c r="H535197" s="12"/>
    </row>
    <row r="535198" spans="8:8">
      <c r="H535198" s="12"/>
    </row>
    <row r="535199" spans="8:8">
      <c r="H535199" s="12"/>
    </row>
    <row r="535200" spans="8:8">
      <c r="H535200" s="12"/>
    </row>
    <row r="535201" spans="8:8">
      <c r="H535201" s="12"/>
    </row>
    <row r="535202" spans="8:8">
      <c r="H535202" s="12"/>
    </row>
    <row r="535203" spans="8:8">
      <c r="H535203" s="12"/>
    </row>
    <row r="535204" spans="8:8">
      <c r="H535204" s="12"/>
    </row>
    <row r="535205" spans="8:8">
      <c r="H535205" s="12"/>
    </row>
    <row r="535206" spans="8:8">
      <c r="H535206" s="12"/>
    </row>
    <row r="535207" spans="8:8">
      <c r="H535207" s="12"/>
    </row>
    <row r="535208" spans="8:8">
      <c r="H535208" s="12"/>
    </row>
    <row r="535209" spans="8:8">
      <c r="H535209" s="12"/>
    </row>
    <row r="535210" spans="8:8">
      <c r="H535210" s="12"/>
    </row>
    <row r="535211" spans="8:8">
      <c r="H535211" s="12"/>
    </row>
    <row r="535212" spans="8:8">
      <c r="H535212" s="12"/>
    </row>
    <row r="535213" spans="8:8">
      <c r="H535213" s="12"/>
    </row>
    <row r="535214" spans="8:8">
      <c r="H535214" s="12"/>
    </row>
    <row r="535215" spans="8:8">
      <c r="H535215" s="12"/>
    </row>
    <row r="535216" spans="8:8">
      <c r="H535216" s="12"/>
    </row>
    <row r="535217" spans="8:8">
      <c r="H535217" s="12"/>
    </row>
    <row r="535218" spans="8:8">
      <c r="H535218" s="12"/>
    </row>
    <row r="535219" spans="8:8">
      <c r="H535219" s="12"/>
    </row>
    <row r="535220" spans="8:8">
      <c r="H535220" s="12"/>
    </row>
    <row r="535221" spans="8:8">
      <c r="H535221" s="12"/>
    </row>
    <row r="535222" spans="8:8">
      <c r="H535222" s="12"/>
    </row>
    <row r="535223" spans="8:8">
      <c r="H535223" s="12"/>
    </row>
    <row r="535224" spans="8:8">
      <c r="H535224" s="12"/>
    </row>
    <row r="535225" spans="8:8">
      <c r="H535225" s="12"/>
    </row>
    <row r="535226" spans="8:8">
      <c r="H535226" s="12"/>
    </row>
    <row r="535227" spans="8:8">
      <c r="H535227" s="12"/>
    </row>
    <row r="535228" spans="8:8">
      <c r="H535228" s="12"/>
    </row>
    <row r="535229" spans="8:8">
      <c r="H535229" s="12"/>
    </row>
    <row r="535230" spans="8:8">
      <c r="H535230" s="12"/>
    </row>
    <row r="535231" spans="8:8">
      <c r="H535231" s="12"/>
    </row>
    <row r="535232" spans="8:8">
      <c r="H535232" s="12"/>
    </row>
    <row r="535233" spans="8:8">
      <c r="H535233" s="12"/>
    </row>
    <row r="535234" spans="8:8">
      <c r="H535234" s="12"/>
    </row>
    <row r="535235" spans="8:8">
      <c r="H535235" s="12"/>
    </row>
    <row r="535236" spans="8:8">
      <c r="H535236" s="12"/>
    </row>
    <row r="535237" spans="8:8">
      <c r="H535237" s="12"/>
    </row>
    <row r="535238" spans="8:8">
      <c r="H535238" s="12"/>
    </row>
    <row r="535239" spans="8:8">
      <c r="H535239" s="12"/>
    </row>
    <row r="535240" spans="8:8">
      <c r="H535240" s="12"/>
    </row>
    <row r="535241" spans="8:8">
      <c r="H535241" s="12"/>
    </row>
    <row r="535242" spans="8:8">
      <c r="H535242" s="12"/>
    </row>
    <row r="535243" spans="8:8">
      <c r="H535243" s="12"/>
    </row>
    <row r="535244" spans="8:8">
      <c r="H535244" s="12"/>
    </row>
    <row r="535245" spans="8:8">
      <c r="H535245" s="12"/>
    </row>
    <row r="535246" spans="8:8">
      <c r="H535246" s="12"/>
    </row>
    <row r="535247" spans="8:8">
      <c r="H535247" s="12"/>
    </row>
    <row r="535248" spans="8:8">
      <c r="H535248" s="12"/>
    </row>
    <row r="535249" spans="8:8">
      <c r="H535249" s="12"/>
    </row>
    <row r="535250" spans="8:8">
      <c r="H535250" s="12"/>
    </row>
    <row r="535251" spans="8:8">
      <c r="H535251" s="12"/>
    </row>
    <row r="535252" spans="8:8">
      <c r="H535252" s="12"/>
    </row>
    <row r="535253" spans="8:8">
      <c r="H535253" s="12"/>
    </row>
    <row r="535254" spans="8:8">
      <c r="H535254" s="12"/>
    </row>
    <row r="535255" spans="8:8">
      <c r="H535255" s="12"/>
    </row>
    <row r="535256" spans="8:8">
      <c r="H535256" s="12"/>
    </row>
    <row r="535257" spans="8:8">
      <c r="H535257" s="12"/>
    </row>
    <row r="535258" spans="8:8">
      <c r="H535258" s="12"/>
    </row>
    <row r="535259" spans="8:8">
      <c r="H535259" s="12"/>
    </row>
    <row r="535260" spans="8:8">
      <c r="H535260" s="12"/>
    </row>
    <row r="535261" spans="8:8">
      <c r="H535261" s="12"/>
    </row>
    <row r="535262" spans="8:8">
      <c r="H535262" s="12"/>
    </row>
    <row r="535263" spans="8:8">
      <c r="H535263" s="12"/>
    </row>
    <row r="535264" spans="8:8">
      <c r="H535264" s="12"/>
    </row>
    <row r="535265" spans="8:8">
      <c r="H535265" s="12"/>
    </row>
    <row r="535266" spans="8:8">
      <c r="H535266" s="12"/>
    </row>
    <row r="535267" spans="8:8">
      <c r="H535267" s="12"/>
    </row>
    <row r="535268" spans="8:8">
      <c r="H535268" s="12"/>
    </row>
    <row r="535269" spans="8:8">
      <c r="H535269" s="12"/>
    </row>
    <row r="535270" spans="8:8">
      <c r="H535270" s="12"/>
    </row>
    <row r="535271" spans="8:8">
      <c r="H535271" s="12"/>
    </row>
    <row r="535272" spans="8:8">
      <c r="H535272" s="12"/>
    </row>
    <row r="535273" spans="8:8">
      <c r="H535273" s="12"/>
    </row>
    <row r="535274" spans="8:8">
      <c r="H535274" s="12"/>
    </row>
    <row r="535275" spans="8:8">
      <c r="H535275" s="12"/>
    </row>
    <row r="535276" spans="8:8">
      <c r="H535276" s="12"/>
    </row>
    <row r="535277" spans="8:8">
      <c r="H535277" s="12"/>
    </row>
    <row r="535278" spans="8:8">
      <c r="H535278" s="12"/>
    </row>
    <row r="535279" spans="8:8">
      <c r="H535279" s="12"/>
    </row>
    <row r="535280" spans="8:8">
      <c r="H535280" s="12"/>
    </row>
    <row r="535281" spans="8:8">
      <c r="H535281" s="12"/>
    </row>
    <row r="535282" spans="8:8">
      <c r="H535282" s="12"/>
    </row>
    <row r="535283" spans="8:8">
      <c r="H535283" s="12"/>
    </row>
    <row r="535284" spans="8:8">
      <c r="H535284" s="12"/>
    </row>
    <row r="535285" spans="8:8">
      <c r="H535285" s="12"/>
    </row>
    <row r="535286" spans="8:8">
      <c r="H535286" s="12"/>
    </row>
    <row r="535287" spans="8:8">
      <c r="H535287" s="12"/>
    </row>
    <row r="535288" spans="8:8">
      <c r="H535288" s="12"/>
    </row>
    <row r="535289" spans="8:8">
      <c r="H535289" s="12"/>
    </row>
    <row r="535290" spans="8:8">
      <c r="H535290" s="12"/>
    </row>
    <row r="535291" spans="8:8">
      <c r="H535291" s="12"/>
    </row>
    <row r="535292" spans="8:8">
      <c r="H535292" s="12"/>
    </row>
    <row r="535293" spans="8:8">
      <c r="H535293" s="12"/>
    </row>
    <row r="535294" spans="8:8">
      <c r="H535294" s="12"/>
    </row>
    <row r="535295" spans="8:8">
      <c r="H535295" s="12"/>
    </row>
    <row r="535296" spans="8:8">
      <c r="H535296" s="12"/>
    </row>
    <row r="535297" spans="8:8">
      <c r="H535297" s="12"/>
    </row>
    <row r="535298" spans="8:8">
      <c r="H535298" s="12"/>
    </row>
    <row r="535299" spans="8:8">
      <c r="H535299" s="12"/>
    </row>
    <row r="535300" spans="8:8">
      <c r="H535300" s="12"/>
    </row>
    <row r="535301" spans="8:8">
      <c r="H535301" s="12"/>
    </row>
    <row r="535302" spans="8:8">
      <c r="H535302" s="12"/>
    </row>
    <row r="535303" spans="8:8">
      <c r="H535303" s="12"/>
    </row>
    <row r="535304" spans="8:8">
      <c r="H535304" s="12"/>
    </row>
    <row r="535305" spans="8:8">
      <c r="H535305" s="12"/>
    </row>
    <row r="535306" spans="8:8">
      <c r="H535306" s="12"/>
    </row>
    <row r="535307" spans="8:8">
      <c r="H535307" s="12"/>
    </row>
    <row r="535308" spans="8:8">
      <c r="H535308" s="12"/>
    </row>
    <row r="535309" spans="8:8">
      <c r="H535309" s="12"/>
    </row>
    <row r="535310" spans="8:8">
      <c r="H535310" s="12"/>
    </row>
    <row r="535311" spans="8:8">
      <c r="H535311" s="12"/>
    </row>
    <row r="535312" spans="8:8">
      <c r="H535312" s="12"/>
    </row>
    <row r="535313" spans="8:8">
      <c r="H535313" s="12"/>
    </row>
    <row r="535314" spans="8:8">
      <c r="H535314" s="12"/>
    </row>
    <row r="535315" spans="8:8">
      <c r="H535315" s="12"/>
    </row>
    <row r="535316" spans="8:8">
      <c r="H535316" s="12"/>
    </row>
    <row r="535317" spans="8:8">
      <c r="H535317" s="12"/>
    </row>
    <row r="535318" spans="8:8">
      <c r="H535318" s="12"/>
    </row>
    <row r="535319" spans="8:8">
      <c r="H535319" s="12"/>
    </row>
    <row r="535320" spans="8:8">
      <c r="H535320" s="12"/>
    </row>
    <row r="535321" spans="8:8">
      <c r="H535321" s="12"/>
    </row>
    <row r="535322" spans="8:8">
      <c r="H535322" s="12"/>
    </row>
    <row r="535323" spans="8:8">
      <c r="H535323" s="12"/>
    </row>
    <row r="535324" spans="8:8">
      <c r="H535324" s="12"/>
    </row>
    <row r="535325" spans="8:8">
      <c r="H535325" s="12"/>
    </row>
    <row r="535326" spans="8:8">
      <c r="H535326" s="12"/>
    </row>
    <row r="535327" spans="8:8">
      <c r="H535327" s="12"/>
    </row>
    <row r="535328" spans="8:8">
      <c r="H535328" s="12"/>
    </row>
    <row r="535329" spans="8:8">
      <c r="H535329" s="12"/>
    </row>
    <row r="535330" spans="8:8">
      <c r="H535330" s="12"/>
    </row>
    <row r="535331" spans="8:8">
      <c r="H535331" s="12"/>
    </row>
    <row r="535332" spans="8:8">
      <c r="H535332" s="12"/>
    </row>
    <row r="535333" spans="8:8">
      <c r="H535333" s="12"/>
    </row>
    <row r="535334" spans="8:8">
      <c r="H535334" s="12"/>
    </row>
    <row r="535335" spans="8:8">
      <c r="H535335" s="12"/>
    </row>
    <row r="535336" spans="8:8">
      <c r="H535336" s="12"/>
    </row>
    <row r="535337" spans="8:8">
      <c r="H535337" s="12"/>
    </row>
    <row r="535338" spans="8:8">
      <c r="H535338" s="12"/>
    </row>
    <row r="535339" spans="8:8">
      <c r="H535339" s="12"/>
    </row>
    <row r="535340" spans="8:8">
      <c r="H535340" s="12"/>
    </row>
    <row r="535341" spans="8:8">
      <c r="H535341" s="12"/>
    </row>
    <row r="535342" spans="8:8">
      <c r="H535342" s="12"/>
    </row>
    <row r="535343" spans="8:8">
      <c r="H535343" s="12"/>
    </row>
    <row r="535344" spans="8:8">
      <c r="H535344" s="12"/>
    </row>
    <row r="535345" spans="8:8">
      <c r="H535345" s="12"/>
    </row>
    <row r="535346" spans="8:8">
      <c r="H535346" s="12"/>
    </row>
    <row r="535347" spans="8:8">
      <c r="H535347" s="12"/>
    </row>
    <row r="535348" spans="8:8">
      <c r="H535348" s="12"/>
    </row>
    <row r="535349" spans="8:8">
      <c r="H535349" s="12"/>
    </row>
    <row r="535350" spans="8:8">
      <c r="H535350" s="12"/>
    </row>
    <row r="535351" spans="8:8">
      <c r="H535351" s="12"/>
    </row>
    <row r="535352" spans="8:8">
      <c r="H535352" s="12"/>
    </row>
    <row r="535353" spans="8:8">
      <c r="H535353" s="12"/>
    </row>
    <row r="535354" spans="8:8">
      <c r="H535354" s="12"/>
    </row>
    <row r="535355" spans="8:8">
      <c r="H535355" s="12"/>
    </row>
    <row r="535356" spans="8:8">
      <c r="H535356" s="12"/>
    </row>
    <row r="535357" spans="8:8">
      <c r="H535357" s="12"/>
    </row>
    <row r="535358" spans="8:8">
      <c r="H535358" s="12"/>
    </row>
    <row r="535359" spans="8:8">
      <c r="H535359" s="12"/>
    </row>
    <row r="535360" spans="8:8">
      <c r="H535360" s="12"/>
    </row>
    <row r="535361" spans="8:8">
      <c r="H535361" s="12"/>
    </row>
    <row r="535362" spans="8:8">
      <c r="H535362" s="12"/>
    </row>
    <row r="535363" spans="8:8">
      <c r="H535363" s="12"/>
    </row>
    <row r="535364" spans="8:8">
      <c r="H535364" s="12"/>
    </row>
    <row r="535365" spans="8:8">
      <c r="H535365" s="12"/>
    </row>
    <row r="535366" spans="8:8">
      <c r="H535366" s="12"/>
    </row>
    <row r="535367" spans="8:8">
      <c r="H535367" s="12"/>
    </row>
    <row r="535368" spans="8:8">
      <c r="H535368" s="12"/>
    </row>
    <row r="535369" spans="8:8">
      <c r="H535369" s="12"/>
    </row>
    <row r="535370" spans="8:8">
      <c r="H535370" s="12"/>
    </row>
    <row r="535371" spans="8:8">
      <c r="H535371" s="12"/>
    </row>
    <row r="535372" spans="8:8">
      <c r="H535372" s="12"/>
    </row>
    <row r="535373" spans="8:8">
      <c r="H535373" s="12"/>
    </row>
    <row r="535374" spans="8:8">
      <c r="H535374" s="12"/>
    </row>
    <row r="535375" spans="8:8">
      <c r="H535375" s="12"/>
    </row>
    <row r="535376" spans="8:8">
      <c r="H535376" s="12"/>
    </row>
    <row r="535377" spans="8:8">
      <c r="H535377" s="12"/>
    </row>
    <row r="535378" spans="8:8">
      <c r="H535378" s="12"/>
    </row>
    <row r="535379" spans="8:8">
      <c r="H535379" s="12"/>
    </row>
    <row r="535380" spans="8:8">
      <c r="H535380" s="12"/>
    </row>
    <row r="535381" spans="8:8">
      <c r="H535381" s="12"/>
    </row>
    <row r="535382" spans="8:8">
      <c r="H535382" s="12"/>
    </row>
    <row r="535383" spans="8:8">
      <c r="H535383" s="12"/>
    </row>
    <row r="535384" spans="8:8">
      <c r="H535384" s="12"/>
    </row>
    <row r="535385" spans="8:8">
      <c r="H535385" s="12"/>
    </row>
    <row r="535386" spans="8:8">
      <c r="H535386" s="12"/>
    </row>
    <row r="535387" spans="8:8">
      <c r="H535387" s="12"/>
    </row>
    <row r="535388" spans="8:8">
      <c r="H535388" s="12"/>
    </row>
    <row r="535389" spans="8:8">
      <c r="H535389" s="12"/>
    </row>
    <row r="535390" spans="8:8">
      <c r="H535390" s="12"/>
    </row>
    <row r="535391" spans="8:8">
      <c r="H535391" s="12"/>
    </row>
    <row r="535392" spans="8:8">
      <c r="H535392" s="12"/>
    </row>
    <row r="535393" spans="8:8">
      <c r="H535393" s="12"/>
    </row>
    <row r="535394" spans="8:8">
      <c r="H535394" s="12"/>
    </row>
    <row r="535395" spans="8:8">
      <c r="H535395" s="12"/>
    </row>
    <row r="535396" spans="8:8">
      <c r="H535396" s="12"/>
    </row>
    <row r="535397" spans="8:8">
      <c r="H535397" s="12"/>
    </row>
    <row r="535398" spans="8:8">
      <c r="H535398" s="12"/>
    </row>
    <row r="535399" spans="8:8">
      <c r="H535399" s="12"/>
    </row>
    <row r="535400" spans="8:8">
      <c r="H535400" s="12"/>
    </row>
    <row r="535401" spans="8:8">
      <c r="H535401" s="12"/>
    </row>
    <row r="535402" spans="8:8">
      <c r="H535402" s="12"/>
    </row>
    <row r="535403" spans="8:8">
      <c r="H535403" s="12"/>
    </row>
    <row r="535404" spans="8:8">
      <c r="H535404" s="12"/>
    </row>
    <row r="535405" spans="8:8">
      <c r="H535405" s="12"/>
    </row>
    <row r="535406" spans="8:8">
      <c r="H535406" s="12"/>
    </row>
    <row r="535407" spans="8:8">
      <c r="H535407" s="12"/>
    </row>
    <row r="535408" spans="8:8">
      <c r="H535408" s="12"/>
    </row>
    <row r="535409" spans="8:8">
      <c r="H535409" s="12"/>
    </row>
    <row r="535410" spans="8:8">
      <c r="H535410" s="12"/>
    </row>
    <row r="535411" spans="8:8">
      <c r="H535411" s="12"/>
    </row>
    <row r="535412" spans="8:8">
      <c r="H535412" s="12"/>
    </row>
    <row r="535413" spans="8:8">
      <c r="H535413" s="12"/>
    </row>
    <row r="535414" spans="8:8">
      <c r="H535414" s="12"/>
    </row>
    <row r="535415" spans="8:8">
      <c r="H535415" s="12"/>
    </row>
    <row r="535416" spans="8:8">
      <c r="H535416" s="12"/>
    </row>
    <row r="535417" spans="8:8">
      <c r="H535417" s="12"/>
    </row>
    <row r="535418" spans="8:8">
      <c r="H535418" s="12"/>
    </row>
    <row r="535419" spans="8:8">
      <c r="H535419" s="12"/>
    </row>
    <row r="535420" spans="8:8">
      <c r="H535420" s="12"/>
    </row>
    <row r="535421" spans="8:8">
      <c r="H535421" s="12"/>
    </row>
    <row r="535422" spans="8:8">
      <c r="H535422" s="12"/>
    </row>
    <row r="535423" spans="8:8">
      <c r="H535423" s="12"/>
    </row>
    <row r="535424" spans="8:8">
      <c r="H535424" s="12"/>
    </row>
    <row r="535425" spans="8:8">
      <c r="H535425" s="12"/>
    </row>
    <row r="535426" spans="8:8">
      <c r="H535426" s="12"/>
    </row>
    <row r="535427" spans="8:8">
      <c r="H535427" s="12"/>
    </row>
    <row r="535428" spans="8:8">
      <c r="H535428" s="12"/>
    </row>
    <row r="535429" spans="8:8">
      <c r="H535429" s="12"/>
    </row>
    <row r="535430" spans="8:8">
      <c r="H535430" s="12"/>
    </row>
    <row r="535431" spans="8:8">
      <c r="H535431" s="12"/>
    </row>
    <row r="535432" spans="8:8">
      <c r="H535432" s="12"/>
    </row>
    <row r="535433" spans="8:8">
      <c r="H535433" s="12"/>
    </row>
    <row r="535434" spans="8:8">
      <c r="H535434" s="12"/>
    </row>
    <row r="535435" spans="8:8">
      <c r="H535435" s="12"/>
    </row>
    <row r="535436" spans="8:8">
      <c r="H535436" s="12"/>
    </row>
    <row r="535437" spans="8:8">
      <c r="H535437" s="12"/>
    </row>
    <row r="535438" spans="8:8">
      <c r="H535438" s="12"/>
    </row>
    <row r="535439" spans="8:8">
      <c r="H535439" s="12"/>
    </row>
    <row r="535440" spans="8:8">
      <c r="H535440" s="12"/>
    </row>
    <row r="535441" spans="8:8">
      <c r="H535441" s="12"/>
    </row>
    <row r="535442" spans="8:8">
      <c r="H535442" s="12"/>
    </row>
    <row r="535443" spans="8:8">
      <c r="H535443" s="12"/>
    </row>
    <row r="535444" spans="8:8">
      <c r="H535444" s="12"/>
    </row>
    <row r="535445" spans="8:8">
      <c r="H535445" s="12"/>
    </row>
    <row r="535446" spans="8:8">
      <c r="H535446" s="12"/>
    </row>
    <row r="535447" spans="8:8">
      <c r="H535447" s="12"/>
    </row>
    <row r="535448" spans="8:8">
      <c r="H535448" s="12"/>
    </row>
    <row r="535449" spans="8:8">
      <c r="H535449" s="12"/>
    </row>
    <row r="535450" spans="8:8">
      <c r="H535450" s="12"/>
    </row>
    <row r="535451" spans="8:8">
      <c r="H535451" s="12"/>
    </row>
    <row r="535452" spans="8:8">
      <c r="H535452" s="12"/>
    </row>
    <row r="535453" spans="8:8">
      <c r="H535453" s="12"/>
    </row>
    <row r="535454" spans="8:8">
      <c r="H535454" s="12"/>
    </row>
    <row r="535455" spans="8:8">
      <c r="H535455" s="12"/>
    </row>
    <row r="535456" spans="8:8">
      <c r="H535456" s="12"/>
    </row>
    <row r="535457" spans="8:8">
      <c r="H535457" s="12"/>
    </row>
    <row r="535458" spans="8:8">
      <c r="H535458" s="12"/>
    </row>
    <row r="535459" spans="8:8">
      <c r="H535459" s="12"/>
    </row>
    <row r="535460" spans="8:8">
      <c r="H535460" s="12"/>
    </row>
    <row r="535461" spans="8:8">
      <c r="H535461" s="12"/>
    </row>
    <row r="535462" spans="8:8">
      <c r="H535462" s="12"/>
    </row>
    <row r="535463" spans="8:8">
      <c r="H535463" s="12"/>
    </row>
    <row r="535464" spans="8:8">
      <c r="H535464" s="12"/>
    </row>
    <row r="535465" spans="8:8">
      <c r="H535465" s="12"/>
    </row>
    <row r="535466" spans="8:8">
      <c r="H535466" s="12"/>
    </row>
    <row r="535467" spans="8:8">
      <c r="H535467" s="12"/>
    </row>
    <row r="535468" spans="8:8">
      <c r="H535468" s="12"/>
    </row>
    <row r="535469" spans="8:8">
      <c r="H535469" s="12"/>
    </row>
    <row r="535470" spans="8:8">
      <c r="H535470" s="12"/>
    </row>
    <row r="535471" spans="8:8">
      <c r="H535471" s="12"/>
    </row>
    <row r="535472" spans="8:8">
      <c r="H535472" s="12"/>
    </row>
    <row r="535473" spans="8:8">
      <c r="H535473" s="12"/>
    </row>
    <row r="535474" spans="8:8">
      <c r="H535474" s="12"/>
    </row>
    <row r="535475" spans="8:8">
      <c r="H535475" s="12"/>
    </row>
    <row r="535476" spans="8:8">
      <c r="H535476" s="12"/>
    </row>
    <row r="535477" spans="8:8">
      <c r="H535477" s="12"/>
    </row>
    <row r="535478" spans="8:8">
      <c r="H535478" s="12"/>
    </row>
    <row r="535479" spans="8:8">
      <c r="H535479" s="12"/>
    </row>
    <row r="535480" spans="8:8">
      <c r="H535480" s="12"/>
    </row>
    <row r="535481" spans="8:8">
      <c r="H535481" s="12"/>
    </row>
    <row r="535482" spans="8:8">
      <c r="H535482" s="12"/>
    </row>
    <row r="535483" spans="8:8">
      <c r="H535483" s="12"/>
    </row>
    <row r="535484" spans="8:8">
      <c r="H535484" s="12"/>
    </row>
    <row r="535485" spans="8:8">
      <c r="H535485" s="12"/>
    </row>
    <row r="535486" spans="8:8">
      <c r="H535486" s="12"/>
    </row>
    <row r="535487" spans="8:8">
      <c r="H535487" s="12"/>
    </row>
    <row r="535488" spans="8:8">
      <c r="H535488" s="12"/>
    </row>
    <row r="535489" spans="8:8">
      <c r="H535489" s="12"/>
    </row>
    <row r="535490" spans="8:8">
      <c r="H535490" s="12"/>
    </row>
    <row r="535491" spans="8:8">
      <c r="H535491" s="12"/>
    </row>
    <row r="535492" spans="8:8">
      <c r="H535492" s="12"/>
    </row>
    <row r="535493" spans="8:8">
      <c r="H535493" s="12"/>
    </row>
    <row r="535494" spans="8:8">
      <c r="H535494" s="12"/>
    </row>
    <row r="535495" spans="8:8">
      <c r="H535495" s="12"/>
    </row>
    <row r="535496" spans="8:8">
      <c r="H535496" s="12"/>
    </row>
    <row r="535497" spans="8:8">
      <c r="H535497" s="12"/>
    </row>
    <row r="535498" spans="8:8">
      <c r="H535498" s="12"/>
    </row>
    <row r="535499" spans="8:8">
      <c r="H535499" s="12"/>
    </row>
    <row r="535500" spans="8:8">
      <c r="H535500" s="12"/>
    </row>
    <row r="535501" spans="8:8">
      <c r="H535501" s="12"/>
    </row>
    <row r="535502" spans="8:8">
      <c r="H535502" s="12"/>
    </row>
    <row r="535503" spans="8:8">
      <c r="H535503" s="12"/>
    </row>
    <row r="535504" spans="8:8">
      <c r="H535504" s="12"/>
    </row>
    <row r="535505" spans="8:8">
      <c r="H535505" s="12"/>
    </row>
    <row r="535506" spans="8:8">
      <c r="H535506" s="12"/>
    </row>
    <row r="535507" spans="8:8">
      <c r="H535507" s="12"/>
    </row>
    <row r="535508" spans="8:8">
      <c r="H535508" s="12"/>
    </row>
    <row r="535509" spans="8:8">
      <c r="H535509" s="12"/>
    </row>
    <row r="535510" spans="8:8">
      <c r="H535510" s="12"/>
    </row>
    <row r="535511" spans="8:8">
      <c r="H535511" s="12"/>
    </row>
    <row r="535512" spans="8:8">
      <c r="H535512" s="12"/>
    </row>
    <row r="535513" spans="8:8">
      <c r="H535513" s="12"/>
    </row>
    <row r="535514" spans="8:8">
      <c r="H535514" s="12"/>
    </row>
    <row r="535515" spans="8:8">
      <c r="H535515" s="12"/>
    </row>
    <row r="535516" spans="8:8">
      <c r="H535516" s="12"/>
    </row>
    <row r="535517" spans="8:8">
      <c r="H535517" s="12"/>
    </row>
    <row r="535518" spans="8:8">
      <c r="H535518" s="12"/>
    </row>
    <row r="535519" spans="8:8">
      <c r="H535519" s="12"/>
    </row>
    <row r="535520" spans="8:8">
      <c r="H535520" s="12"/>
    </row>
    <row r="535521" spans="8:8">
      <c r="H535521" s="12"/>
    </row>
    <row r="535522" spans="8:8">
      <c r="H535522" s="12"/>
    </row>
    <row r="535523" spans="8:8">
      <c r="H535523" s="12"/>
    </row>
    <row r="535524" spans="8:8">
      <c r="H535524" s="12"/>
    </row>
    <row r="535525" spans="8:8">
      <c r="H535525" s="12"/>
    </row>
    <row r="535526" spans="8:8">
      <c r="H535526" s="12"/>
    </row>
    <row r="535527" spans="8:8">
      <c r="H535527" s="12"/>
    </row>
    <row r="535528" spans="8:8">
      <c r="H535528" s="12"/>
    </row>
    <row r="535529" spans="8:8">
      <c r="H535529" s="12"/>
    </row>
    <row r="535530" spans="8:8">
      <c r="H535530" s="12"/>
    </row>
    <row r="535531" spans="8:8">
      <c r="H535531" s="12"/>
    </row>
    <row r="535532" spans="8:8">
      <c r="H535532" s="12"/>
    </row>
    <row r="535533" spans="8:8">
      <c r="H535533" s="12"/>
    </row>
    <row r="535534" spans="8:8">
      <c r="H535534" s="12"/>
    </row>
    <row r="535535" spans="8:8">
      <c r="H535535" s="12"/>
    </row>
    <row r="535536" spans="8:8">
      <c r="H535536" s="12"/>
    </row>
    <row r="535537" spans="8:8">
      <c r="H535537" s="12"/>
    </row>
    <row r="535538" spans="8:8">
      <c r="H535538" s="12"/>
    </row>
    <row r="535539" spans="8:8">
      <c r="H535539" s="12"/>
    </row>
    <row r="535540" spans="8:8">
      <c r="H535540" s="12"/>
    </row>
    <row r="535541" spans="8:8">
      <c r="H535541" s="12"/>
    </row>
    <row r="535542" spans="8:8">
      <c r="H535542" s="12"/>
    </row>
    <row r="535543" spans="8:8">
      <c r="H535543" s="12"/>
    </row>
    <row r="535544" spans="8:8">
      <c r="H535544" s="12"/>
    </row>
    <row r="535545" spans="8:8">
      <c r="H535545" s="12"/>
    </row>
    <row r="535546" spans="8:8">
      <c r="H535546" s="12"/>
    </row>
    <row r="535547" spans="8:8">
      <c r="H535547" s="12"/>
    </row>
    <row r="535548" spans="8:8">
      <c r="H535548" s="12"/>
    </row>
    <row r="535549" spans="8:8">
      <c r="H535549" s="12"/>
    </row>
    <row r="535550" spans="8:8">
      <c r="H535550" s="12"/>
    </row>
    <row r="535551" spans="8:8">
      <c r="H535551" s="12"/>
    </row>
    <row r="535552" spans="8:8">
      <c r="H535552" s="12"/>
    </row>
    <row r="535553" spans="8:8">
      <c r="H535553" s="12"/>
    </row>
    <row r="535554" spans="8:8">
      <c r="H535554" s="12"/>
    </row>
    <row r="535555" spans="8:8">
      <c r="H535555" s="12"/>
    </row>
    <row r="535556" spans="8:8">
      <c r="H535556" s="12"/>
    </row>
    <row r="535557" spans="8:8">
      <c r="H535557" s="12"/>
    </row>
    <row r="535558" spans="8:8">
      <c r="H535558" s="12"/>
    </row>
    <row r="535559" spans="8:8">
      <c r="H535559" s="12"/>
    </row>
    <row r="535560" spans="8:8">
      <c r="H535560" s="12"/>
    </row>
    <row r="535561" spans="8:8">
      <c r="H535561" s="12"/>
    </row>
    <row r="535562" spans="8:8">
      <c r="H535562" s="12"/>
    </row>
    <row r="535563" spans="8:8">
      <c r="H535563" s="12"/>
    </row>
    <row r="535564" spans="8:8">
      <c r="H535564" s="12"/>
    </row>
    <row r="535565" spans="8:8">
      <c r="H535565" s="12"/>
    </row>
    <row r="535566" spans="8:8">
      <c r="H535566" s="12"/>
    </row>
    <row r="535567" spans="8:8">
      <c r="H535567" s="12"/>
    </row>
    <row r="535568" spans="8:8">
      <c r="H535568" s="12"/>
    </row>
    <row r="535569" spans="8:8">
      <c r="H535569" s="12"/>
    </row>
    <row r="535570" spans="8:8">
      <c r="H535570" s="12"/>
    </row>
    <row r="535571" spans="8:8">
      <c r="H535571" s="12"/>
    </row>
    <row r="535572" spans="8:8">
      <c r="H535572" s="12"/>
    </row>
    <row r="535573" spans="8:8">
      <c r="H535573" s="12"/>
    </row>
    <row r="535574" spans="8:8">
      <c r="H535574" s="12"/>
    </row>
    <row r="535575" spans="8:8">
      <c r="H535575" s="12"/>
    </row>
    <row r="535576" spans="8:8">
      <c r="H535576" s="12"/>
    </row>
    <row r="535577" spans="8:8">
      <c r="H535577" s="12"/>
    </row>
    <row r="535578" spans="8:8">
      <c r="H535578" s="12"/>
    </row>
    <row r="535579" spans="8:8">
      <c r="H535579" s="12"/>
    </row>
    <row r="535580" spans="8:8">
      <c r="H535580" s="12"/>
    </row>
    <row r="535581" spans="8:8">
      <c r="H535581" s="12"/>
    </row>
    <row r="535582" spans="8:8">
      <c r="H535582" s="12"/>
    </row>
    <row r="535583" spans="8:8">
      <c r="H535583" s="12"/>
    </row>
    <row r="535584" spans="8:8">
      <c r="H535584" s="12"/>
    </row>
    <row r="535585" spans="8:8">
      <c r="H535585" s="12"/>
    </row>
    <row r="535586" spans="8:8">
      <c r="H535586" s="12"/>
    </row>
    <row r="535587" spans="8:8">
      <c r="H535587" s="12"/>
    </row>
    <row r="535588" spans="8:8">
      <c r="H535588" s="12"/>
    </row>
    <row r="535589" spans="8:8">
      <c r="H535589" s="12"/>
    </row>
    <row r="535590" spans="8:8">
      <c r="H535590" s="12"/>
    </row>
    <row r="535591" spans="8:8">
      <c r="H535591" s="12"/>
    </row>
    <row r="535592" spans="8:8">
      <c r="H535592" s="12"/>
    </row>
    <row r="535593" spans="8:8">
      <c r="H535593" s="12"/>
    </row>
    <row r="535594" spans="8:8">
      <c r="H535594" s="12"/>
    </row>
    <row r="535595" spans="8:8">
      <c r="H535595" s="12"/>
    </row>
    <row r="535596" spans="8:8">
      <c r="H535596" s="12"/>
    </row>
    <row r="535597" spans="8:8">
      <c r="H535597" s="12"/>
    </row>
    <row r="535598" spans="8:8">
      <c r="H535598" s="12"/>
    </row>
    <row r="535599" spans="8:8">
      <c r="H535599" s="12"/>
    </row>
    <row r="535600" spans="8:8">
      <c r="H535600" s="12"/>
    </row>
    <row r="535601" spans="8:8">
      <c r="H535601" s="12"/>
    </row>
    <row r="535602" spans="8:8">
      <c r="H535602" s="12"/>
    </row>
    <row r="535603" spans="8:8">
      <c r="H535603" s="12"/>
    </row>
    <row r="535604" spans="8:8">
      <c r="H535604" s="12"/>
    </row>
    <row r="535605" spans="8:8">
      <c r="H535605" s="12"/>
    </row>
    <row r="535606" spans="8:8">
      <c r="H535606" s="12"/>
    </row>
    <row r="535607" spans="8:8">
      <c r="H535607" s="12"/>
    </row>
    <row r="535608" spans="8:8">
      <c r="H535608" s="12"/>
    </row>
    <row r="535609" spans="8:8">
      <c r="H535609" s="12"/>
    </row>
    <row r="535610" spans="8:8">
      <c r="H535610" s="12"/>
    </row>
    <row r="535611" spans="8:8">
      <c r="H535611" s="12"/>
    </row>
    <row r="535612" spans="8:8">
      <c r="H535612" s="12"/>
    </row>
    <row r="535613" spans="8:8">
      <c r="H535613" s="12"/>
    </row>
    <row r="535614" spans="8:8">
      <c r="H535614" s="12"/>
    </row>
    <row r="535615" spans="8:8">
      <c r="H535615" s="12"/>
    </row>
    <row r="535616" spans="8:8">
      <c r="H535616" s="12"/>
    </row>
    <row r="535617" spans="8:8">
      <c r="H535617" s="12"/>
    </row>
    <row r="535618" spans="8:8">
      <c r="H535618" s="12"/>
    </row>
    <row r="535619" spans="8:8">
      <c r="H535619" s="12"/>
    </row>
    <row r="535620" spans="8:8">
      <c r="H535620" s="12"/>
    </row>
    <row r="535621" spans="8:8">
      <c r="H535621" s="12"/>
    </row>
    <row r="535622" spans="8:8">
      <c r="H535622" s="12"/>
    </row>
    <row r="535623" spans="8:8">
      <c r="H535623" s="12"/>
    </row>
    <row r="535624" spans="8:8">
      <c r="H535624" s="12"/>
    </row>
    <row r="535625" spans="8:8">
      <c r="H535625" s="12"/>
    </row>
    <row r="535626" spans="8:8">
      <c r="H535626" s="12"/>
    </row>
    <row r="535627" spans="8:8">
      <c r="H535627" s="12"/>
    </row>
    <row r="535628" spans="8:8">
      <c r="H535628" s="12"/>
    </row>
    <row r="535629" spans="8:8">
      <c r="H535629" s="12"/>
    </row>
    <row r="535630" spans="8:8">
      <c r="H535630" s="12"/>
    </row>
    <row r="535631" spans="8:8">
      <c r="H535631" s="12"/>
    </row>
    <row r="535632" spans="8:8">
      <c r="H535632" s="12"/>
    </row>
    <row r="535633" spans="8:8">
      <c r="H535633" s="12"/>
    </row>
    <row r="535634" spans="8:8">
      <c r="H535634" s="12"/>
    </row>
    <row r="535635" spans="8:8">
      <c r="H535635" s="12"/>
    </row>
    <row r="535636" spans="8:8">
      <c r="H535636" s="12"/>
    </row>
    <row r="535637" spans="8:8">
      <c r="H535637" s="12"/>
    </row>
    <row r="535638" spans="8:8">
      <c r="H535638" s="12"/>
    </row>
    <row r="535639" spans="8:8">
      <c r="H535639" s="12"/>
    </row>
    <row r="535640" spans="8:8">
      <c r="H535640" s="12"/>
    </row>
    <row r="535641" spans="8:8">
      <c r="H535641" s="12"/>
    </row>
    <row r="535642" spans="8:8">
      <c r="H535642" s="12"/>
    </row>
    <row r="535643" spans="8:8">
      <c r="H535643" s="12"/>
    </row>
    <row r="535644" spans="8:8">
      <c r="H535644" s="12"/>
    </row>
    <row r="535645" spans="8:8">
      <c r="H535645" s="12"/>
    </row>
    <row r="535646" spans="8:8">
      <c r="H535646" s="12"/>
    </row>
    <row r="535647" spans="8:8">
      <c r="H535647" s="12"/>
    </row>
    <row r="535648" spans="8:8">
      <c r="H535648" s="12"/>
    </row>
    <row r="535649" spans="8:8">
      <c r="H535649" s="12"/>
    </row>
    <row r="535650" spans="8:8">
      <c r="H535650" s="12"/>
    </row>
    <row r="535651" spans="8:8">
      <c r="H535651" s="12"/>
    </row>
    <row r="535652" spans="8:8">
      <c r="H535652" s="12"/>
    </row>
    <row r="535653" spans="8:8">
      <c r="H535653" s="12"/>
    </row>
    <row r="535654" spans="8:8">
      <c r="H535654" s="12"/>
    </row>
    <row r="535655" spans="8:8">
      <c r="H535655" s="12"/>
    </row>
    <row r="535656" spans="8:8">
      <c r="H535656" s="12"/>
    </row>
    <row r="535657" spans="8:8">
      <c r="H535657" s="12"/>
    </row>
    <row r="535658" spans="8:8">
      <c r="H535658" s="12"/>
    </row>
    <row r="535659" spans="8:8">
      <c r="H535659" s="12"/>
    </row>
    <row r="535660" spans="8:8">
      <c r="H535660" s="12"/>
    </row>
    <row r="535661" spans="8:8">
      <c r="H535661" s="12"/>
    </row>
    <row r="535662" spans="8:8">
      <c r="H535662" s="12"/>
    </row>
    <row r="535663" spans="8:8">
      <c r="H535663" s="12"/>
    </row>
    <row r="535664" spans="8:8">
      <c r="H535664" s="12"/>
    </row>
    <row r="535665" spans="8:8">
      <c r="H535665" s="12"/>
    </row>
    <row r="535666" spans="8:8">
      <c r="H535666" s="12"/>
    </row>
    <row r="535667" spans="8:8">
      <c r="H535667" s="12"/>
    </row>
    <row r="535668" spans="8:8">
      <c r="H535668" s="12"/>
    </row>
    <row r="535669" spans="8:8">
      <c r="H535669" s="12"/>
    </row>
    <row r="535670" spans="8:8">
      <c r="H535670" s="12"/>
    </row>
    <row r="535671" spans="8:8">
      <c r="H535671" s="12"/>
    </row>
    <row r="535672" spans="8:8">
      <c r="H535672" s="12"/>
    </row>
    <row r="535673" spans="8:8">
      <c r="H535673" s="12"/>
    </row>
    <row r="535674" spans="8:8">
      <c r="H535674" s="12"/>
    </row>
    <row r="535675" spans="8:8">
      <c r="H535675" s="12"/>
    </row>
    <row r="535676" spans="8:8">
      <c r="H535676" s="12"/>
    </row>
    <row r="535677" spans="8:8">
      <c r="H535677" s="12"/>
    </row>
    <row r="535678" spans="8:8">
      <c r="H535678" s="12"/>
    </row>
    <row r="535679" spans="8:8">
      <c r="H535679" s="12"/>
    </row>
    <row r="535680" spans="8:8">
      <c r="H535680" s="12"/>
    </row>
    <row r="535681" spans="8:8">
      <c r="H535681" s="12"/>
    </row>
    <row r="535682" spans="8:8">
      <c r="H535682" s="12"/>
    </row>
    <row r="535683" spans="8:8">
      <c r="H535683" s="12"/>
    </row>
    <row r="535684" spans="8:8">
      <c r="H535684" s="12"/>
    </row>
    <row r="535685" spans="8:8">
      <c r="H535685" s="12"/>
    </row>
    <row r="535686" spans="8:8">
      <c r="H535686" s="12"/>
    </row>
    <row r="535687" spans="8:8">
      <c r="H535687" s="12"/>
    </row>
    <row r="535688" spans="8:8">
      <c r="H535688" s="12"/>
    </row>
    <row r="535689" spans="8:8">
      <c r="H535689" s="12"/>
    </row>
    <row r="535690" spans="8:8">
      <c r="H535690" s="12"/>
    </row>
    <row r="535691" spans="8:8">
      <c r="H535691" s="12"/>
    </row>
    <row r="535692" spans="8:8">
      <c r="H535692" s="12"/>
    </row>
    <row r="535693" spans="8:8">
      <c r="H535693" s="12"/>
    </row>
    <row r="535694" spans="8:8">
      <c r="H535694" s="12"/>
    </row>
    <row r="535695" spans="8:8">
      <c r="H535695" s="12"/>
    </row>
    <row r="535696" spans="8:8">
      <c r="H535696" s="12"/>
    </row>
    <row r="535697" spans="8:8">
      <c r="H535697" s="12"/>
    </row>
    <row r="535698" spans="8:8">
      <c r="H535698" s="12"/>
    </row>
    <row r="535699" spans="8:8">
      <c r="H535699" s="12"/>
    </row>
    <row r="535700" spans="8:8">
      <c r="H535700" s="12"/>
    </row>
    <row r="535701" spans="8:8">
      <c r="H535701" s="12"/>
    </row>
    <row r="535702" spans="8:8">
      <c r="H535702" s="12"/>
    </row>
    <row r="535703" spans="8:8">
      <c r="H535703" s="12"/>
    </row>
    <row r="535704" spans="8:8">
      <c r="H535704" s="12"/>
    </row>
    <row r="535705" spans="8:8">
      <c r="H535705" s="12"/>
    </row>
    <row r="535706" spans="8:8">
      <c r="H535706" s="12"/>
    </row>
    <row r="535707" spans="8:8">
      <c r="H535707" s="12"/>
    </row>
    <row r="535708" spans="8:8">
      <c r="H535708" s="12"/>
    </row>
    <row r="535709" spans="8:8">
      <c r="H535709" s="12"/>
    </row>
    <row r="535710" spans="8:8">
      <c r="H535710" s="12"/>
    </row>
    <row r="535711" spans="8:8">
      <c r="H535711" s="12"/>
    </row>
    <row r="535712" spans="8:8">
      <c r="H535712" s="12"/>
    </row>
    <row r="535713" spans="8:8">
      <c r="H535713" s="12"/>
    </row>
    <row r="535714" spans="8:8">
      <c r="H535714" s="12"/>
    </row>
    <row r="535715" spans="8:8">
      <c r="H535715" s="12"/>
    </row>
    <row r="535716" spans="8:8">
      <c r="H535716" s="12"/>
    </row>
    <row r="535717" spans="8:8">
      <c r="H535717" s="12"/>
    </row>
    <row r="535718" spans="8:8">
      <c r="H535718" s="12"/>
    </row>
    <row r="535719" spans="8:8">
      <c r="H535719" s="12"/>
    </row>
    <row r="535720" spans="8:8">
      <c r="H535720" s="12"/>
    </row>
    <row r="535721" spans="8:8">
      <c r="H535721" s="12"/>
    </row>
    <row r="535722" spans="8:8">
      <c r="H535722" s="12"/>
    </row>
    <row r="535723" spans="8:8">
      <c r="H535723" s="12"/>
    </row>
    <row r="535724" spans="8:8">
      <c r="H535724" s="12"/>
    </row>
    <row r="535725" spans="8:8">
      <c r="H535725" s="12"/>
    </row>
    <row r="535726" spans="8:8">
      <c r="H535726" s="12"/>
    </row>
    <row r="535727" spans="8:8">
      <c r="H535727" s="12"/>
    </row>
    <row r="535728" spans="8:8">
      <c r="H535728" s="12"/>
    </row>
    <row r="535729" spans="8:8">
      <c r="H535729" s="12"/>
    </row>
    <row r="535730" spans="8:8">
      <c r="H535730" s="12"/>
    </row>
    <row r="535731" spans="8:8">
      <c r="H535731" s="12"/>
    </row>
    <row r="535732" spans="8:8">
      <c r="H535732" s="12"/>
    </row>
    <row r="535733" spans="8:8">
      <c r="H535733" s="12"/>
    </row>
    <row r="535734" spans="8:8">
      <c r="H535734" s="12"/>
    </row>
    <row r="535735" spans="8:8">
      <c r="H535735" s="12"/>
    </row>
    <row r="535736" spans="8:8">
      <c r="H535736" s="12"/>
    </row>
    <row r="535737" spans="8:8">
      <c r="H535737" s="12"/>
    </row>
    <row r="535738" spans="8:8">
      <c r="H535738" s="12"/>
    </row>
    <row r="535739" spans="8:8">
      <c r="H535739" s="12"/>
    </row>
    <row r="535740" spans="8:8">
      <c r="H535740" s="12"/>
    </row>
    <row r="535741" spans="8:8">
      <c r="H535741" s="12"/>
    </row>
    <row r="535742" spans="8:8">
      <c r="H535742" s="12"/>
    </row>
    <row r="535743" spans="8:8">
      <c r="H535743" s="12"/>
    </row>
    <row r="535744" spans="8:8">
      <c r="H535744" s="12"/>
    </row>
    <row r="535745" spans="8:8">
      <c r="H535745" s="12"/>
    </row>
    <row r="535746" spans="8:8">
      <c r="H535746" s="12"/>
    </row>
    <row r="535747" spans="8:8">
      <c r="H535747" s="12"/>
    </row>
    <row r="535748" spans="8:8">
      <c r="H535748" s="12"/>
    </row>
    <row r="535749" spans="8:8">
      <c r="H535749" s="12"/>
    </row>
    <row r="535750" spans="8:8">
      <c r="H535750" s="12"/>
    </row>
    <row r="535751" spans="8:8">
      <c r="H535751" s="12"/>
    </row>
    <row r="535752" spans="8:8">
      <c r="H535752" s="12"/>
    </row>
    <row r="535753" spans="8:8">
      <c r="H535753" s="12"/>
    </row>
    <row r="535754" spans="8:8">
      <c r="H535754" s="12"/>
    </row>
    <row r="535755" spans="8:8">
      <c r="H535755" s="12"/>
    </row>
    <row r="535756" spans="8:8">
      <c r="H535756" s="12"/>
    </row>
    <row r="535757" spans="8:8">
      <c r="H535757" s="12"/>
    </row>
    <row r="535758" spans="8:8">
      <c r="H535758" s="12"/>
    </row>
    <row r="535759" spans="8:8">
      <c r="H535759" s="12"/>
    </row>
    <row r="535760" spans="8:8">
      <c r="H535760" s="12"/>
    </row>
    <row r="535761" spans="8:8">
      <c r="H535761" s="12"/>
    </row>
    <row r="535762" spans="8:8">
      <c r="H535762" s="12"/>
    </row>
    <row r="535763" spans="8:8">
      <c r="H535763" s="12"/>
    </row>
    <row r="535764" spans="8:8">
      <c r="H535764" s="12"/>
    </row>
    <row r="535765" spans="8:8">
      <c r="H535765" s="12"/>
    </row>
    <row r="535766" spans="8:8">
      <c r="H535766" s="12"/>
    </row>
    <row r="535767" spans="8:8">
      <c r="H535767" s="12"/>
    </row>
    <row r="535768" spans="8:8">
      <c r="H535768" s="12"/>
    </row>
    <row r="535769" spans="8:8">
      <c r="H535769" s="12"/>
    </row>
    <row r="535770" spans="8:8">
      <c r="H535770" s="12"/>
    </row>
    <row r="535771" spans="8:8">
      <c r="H535771" s="12"/>
    </row>
    <row r="535772" spans="8:8">
      <c r="H535772" s="12"/>
    </row>
    <row r="535773" spans="8:8">
      <c r="H535773" s="12"/>
    </row>
    <row r="535774" spans="8:8">
      <c r="H535774" s="12"/>
    </row>
    <row r="535775" spans="8:8">
      <c r="H535775" s="12"/>
    </row>
    <row r="535776" spans="8:8">
      <c r="H535776" s="12"/>
    </row>
    <row r="535777" spans="8:8">
      <c r="H535777" s="12"/>
    </row>
    <row r="535778" spans="8:8">
      <c r="H535778" s="12"/>
    </row>
    <row r="535779" spans="8:8">
      <c r="H535779" s="12"/>
    </row>
    <row r="535780" spans="8:8">
      <c r="H535780" s="12"/>
    </row>
    <row r="535781" spans="8:8">
      <c r="H535781" s="12"/>
    </row>
    <row r="535782" spans="8:8">
      <c r="H535782" s="12"/>
    </row>
    <row r="535783" spans="8:8">
      <c r="H535783" s="12"/>
    </row>
    <row r="535784" spans="8:8">
      <c r="H535784" s="12"/>
    </row>
    <row r="535785" spans="8:8">
      <c r="H535785" s="12"/>
    </row>
    <row r="535786" spans="8:8">
      <c r="H535786" s="12"/>
    </row>
    <row r="535787" spans="8:8">
      <c r="H535787" s="12"/>
    </row>
    <row r="535788" spans="8:8">
      <c r="H535788" s="12"/>
    </row>
    <row r="535789" spans="8:8">
      <c r="H535789" s="12"/>
    </row>
    <row r="535790" spans="8:8">
      <c r="H535790" s="12"/>
    </row>
    <row r="535791" spans="8:8">
      <c r="H535791" s="12"/>
    </row>
    <row r="535792" spans="8:8">
      <c r="H535792" s="12"/>
    </row>
    <row r="535793" spans="8:8">
      <c r="H535793" s="12"/>
    </row>
    <row r="535794" spans="8:8">
      <c r="H535794" s="12"/>
    </row>
    <row r="535795" spans="8:8">
      <c r="H535795" s="12"/>
    </row>
    <row r="535796" spans="8:8">
      <c r="H535796" s="12"/>
    </row>
    <row r="535797" spans="8:8">
      <c r="H535797" s="12"/>
    </row>
    <row r="535798" spans="8:8">
      <c r="H535798" s="12"/>
    </row>
    <row r="535799" spans="8:8">
      <c r="H535799" s="12"/>
    </row>
    <row r="535800" spans="8:8">
      <c r="H535800" s="12"/>
    </row>
    <row r="535801" spans="8:8">
      <c r="H535801" s="12"/>
    </row>
    <row r="535802" spans="8:8">
      <c r="H535802" s="12"/>
    </row>
    <row r="535803" spans="8:8">
      <c r="H535803" s="12"/>
    </row>
    <row r="535804" spans="8:8">
      <c r="H535804" s="12"/>
    </row>
    <row r="535805" spans="8:8">
      <c r="H535805" s="12"/>
    </row>
    <row r="535806" spans="8:8">
      <c r="H535806" s="12"/>
    </row>
    <row r="535807" spans="8:8">
      <c r="H535807" s="12"/>
    </row>
    <row r="535808" spans="8:8">
      <c r="H535808" s="12"/>
    </row>
    <row r="535809" spans="8:8">
      <c r="H535809" s="12"/>
    </row>
    <row r="535810" spans="8:8">
      <c r="H535810" s="12"/>
    </row>
    <row r="535811" spans="8:8">
      <c r="H535811" s="12"/>
    </row>
    <row r="535812" spans="8:8">
      <c r="H535812" s="12"/>
    </row>
    <row r="535813" spans="8:8">
      <c r="H535813" s="12"/>
    </row>
    <row r="535814" spans="8:8">
      <c r="H535814" s="12"/>
    </row>
    <row r="535815" spans="8:8">
      <c r="H535815" s="12"/>
    </row>
    <row r="535816" spans="8:8">
      <c r="H535816" s="12"/>
    </row>
    <row r="535817" spans="8:8">
      <c r="H535817" s="12"/>
    </row>
    <row r="535818" spans="8:8">
      <c r="H535818" s="12"/>
    </row>
    <row r="535819" spans="8:8">
      <c r="H535819" s="12"/>
    </row>
    <row r="535820" spans="8:8">
      <c r="H535820" s="12"/>
    </row>
    <row r="535821" spans="8:8">
      <c r="H535821" s="12"/>
    </row>
    <row r="535822" spans="8:8">
      <c r="H535822" s="12"/>
    </row>
    <row r="535823" spans="8:8">
      <c r="H535823" s="12"/>
    </row>
    <row r="535824" spans="8:8">
      <c r="H535824" s="12"/>
    </row>
    <row r="535825" spans="8:8">
      <c r="H535825" s="12"/>
    </row>
    <row r="535826" spans="8:8">
      <c r="H535826" s="12"/>
    </row>
    <row r="535827" spans="8:8">
      <c r="H535827" s="12"/>
    </row>
    <row r="535828" spans="8:8">
      <c r="H535828" s="12"/>
    </row>
    <row r="535829" spans="8:8">
      <c r="H535829" s="12"/>
    </row>
    <row r="535830" spans="8:8">
      <c r="H535830" s="12"/>
    </row>
    <row r="535831" spans="8:8">
      <c r="H535831" s="12"/>
    </row>
    <row r="535832" spans="8:8">
      <c r="H535832" s="12"/>
    </row>
    <row r="535833" spans="8:8">
      <c r="H535833" s="12"/>
    </row>
    <row r="535834" spans="8:8">
      <c r="H535834" s="12"/>
    </row>
    <row r="535835" spans="8:8">
      <c r="H535835" s="12"/>
    </row>
    <row r="535836" spans="8:8">
      <c r="H535836" s="12"/>
    </row>
    <row r="535837" spans="8:8">
      <c r="H535837" s="12"/>
    </row>
    <row r="535838" spans="8:8">
      <c r="H535838" s="12"/>
    </row>
    <row r="535839" spans="8:8">
      <c r="H535839" s="12"/>
    </row>
    <row r="535840" spans="8:8">
      <c r="H535840" s="12"/>
    </row>
    <row r="535841" spans="8:8">
      <c r="H535841" s="12"/>
    </row>
    <row r="535842" spans="8:8">
      <c r="H535842" s="12"/>
    </row>
    <row r="535843" spans="8:8">
      <c r="H535843" s="12"/>
    </row>
    <row r="535844" spans="8:8">
      <c r="H535844" s="12"/>
    </row>
    <row r="535845" spans="8:8">
      <c r="H535845" s="12"/>
    </row>
    <row r="535846" spans="8:8">
      <c r="H535846" s="12"/>
    </row>
    <row r="535847" spans="8:8">
      <c r="H535847" s="12"/>
    </row>
    <row r="535848" spans="8:8">
      <c r="H535848" s="12"/>
    </row>
    <row r="535849" spans="8:8">
      <c r="H535849" s="12"/>
    </row>
    <row r="535850" spans="8:8">
      <c r="H535850" s="12"/>
    </row>
    <row r="535851" spans="8:8">
      <c r="H535851" s="12"/>
    </row>
    <row r="535852" spans="8:8">
      <c r="H535852" s="12"/>
    </row>
    <row r="535853" spans="8:8">
      <c r="H535853" s="12"/>
    </row>
    <row r="535854" spans="8:8">
      <c r="H535854" s="12"/>
    </row>
    <row r="535855" spans="8:8">
      <c r="H535855" s="12"/>
    </row>
    <row r="535856" spans="8:8">
      <c r="H535856" s="12"/>
    </row>
    <row r="535857" spans="8:8">
      <c r="H535857" s="12"/>
    </row>
    <row r="535858" spans="8:8">
      <c r="H535858" s="12"/>
    </row>
    <row r="535859" spans="8:8">
      <c r="H535859" s="12"/>
    </row>
    <row r="535860" spans="8:8">
      <c r="H535860" s="12"/>
    </row>
    <row r="535861" spans="8:8">
      <c r="H535861" s="12"/>
    </row>
    <row r="535862" spans="8:8">
      <c r="H535862" s="12"/>
    </row>
    <row r="535863" spans="8:8">
      <c r="H535863" s="12"/>
    </row>
    <row r="535864" spans="8:8">
      <c r="H535864" s="12"/>
    </row>
    <row r="535865" spans="8:8">
      <c r="H535865" s="12"/>
    </row>
    <row r="535866" spans="8:8">
      <c r="H535866" s="12"/>
    </row>
    <row r="535867" spans="8:8">
      <c r="H535867" s="12"/>
    </row>
    <row r="535868" spans="8:8">
      <c r="H535868" s="12"/>
    </row>
    <row r="535869" spans="8:8">
      <c r="H535869" s="12"/>
    </row>
    <row r="535870" spans="8:8">
      <c r="H535870" s="12"/>
    </row>
    <row r="535871" spans="8:8">
      <c r="H535871" s="12"/>
    </row>
    <row r="535872" spans="8:8">
      <c r="H535872" s="12"/>
    </row>
    <row r="535873" spans="8:8">
      <c r="H535873" s="12"/>
    </row>
    <row r="535874" spans="8:8">
      <c r="H535874" s="12"/>
    </row>
    <row r="535875" spans="8:8">
      <c r="H535875" s="12"/>
    </row>
    <row r="535876" spans="8:8">
      <c r="H535876" s="12"/>
    </row>
    <row r="535877" spans="8:8">
      <c r="H535877" s="12"/>
    </row>
    <row r="535878" spans="8:8">
      <c r="H535878" s="12"/>
    </row>
    <row r="535879" spans="8:8">
      <c r="H535879" s="12"/>
    </row>
    <row r="535880" spans="8:8">
      <c r="H535880" s="12"/>
    </row>
    <row r="535881" spans="8:8">
      <c r="H535881" s="12"/>
    </row>
    <row r="535882" spans="8:8">
      <c r="H535882" s="12"/>
    </row>
    <row r="535883" spans="8:8">
      <c r="H535883" s="12"/>
    </row>
    <row r="535884" spans="8:8">
      <c r="H535884" s="12"/>
    </row>
    <row r="535885" spans="8:8">
      <c r="H535885" s="12"/>
    </row>
    <row r="535886" spans="8:8">
      <c r="H535886" s="12"/>
    </row>
    <row r="535887" spans="8:8">
      <c r="H535887" s="12"/>
    </row>
    <row r="535888" spans="8:8">
      <c r="H535888" s="12"/>
    </row>
    <row r="535889" spans="8:8">
      <c r="H535889" s="12"/>
    </row>
    <row r="535890" spans="8:8">
      <c r="H535890" s="12"/>
    </row>
    <row r="535891" spans="8:8">
      <c r="H535891" s="12"/>
    </row>
    <row r="535892" spans="8:8">
      <c r="H535892" s="12"/>
    </row>
    <row r="535893" spans="8:8">
      <c r="H535893" s="12"/>
    </row>
    <row r="535894" spans="8:8">
      <c r="H535894" s="12"/>
    </row>
    <row r="535895" spans="8:8">
      <c r="H535895" s="12"/>
    </row>
    <row r="535896" spans="8:8">
      <c r="H535896" s="12"/>
    </row>
    <row r="535897" spans="8:8">
      <c r="H535897" s="12"/>
    </row>
    <row r="535898" spans="8:8">
      <c r="H535898" s="12"/>
    </row>
    <row r="535899" spans="8:8">
      <c r="H535899" s="12"/>
    </row>
    <row r="535900" spans="8:8">
      <c r="H535900" s="12"/>
    </row>
    <row r="535901" spans="8:8">
      <c r="H535901" s="12"/>
    </row>
    <row r="535902" spans="8:8">
      <c r="H535902" s="12"/>
    </row>
    <row r="535903" spans="8:8">
      <c r="H535903" s="12"/>
    </row>
    <row r="535904" spans="8:8">
      <c r="H535904" s="12"/>
    </row>
    <row r="535905" spans="8:8">
      <c r="H535905" s="12"/>
    </row>
    <row r="535906" spans="8:8">
      <c r="H535906" s="12"/>
    </row>
    <row r="535907" spans="8:8">
      <c r="H535907" s="12"/>
    </row>
    <row r="535908" spans="8:8">
      <c r="H535908" s="12"/>
    </row>
    <row r="535909" spans="8:8">
      <c r="H535909" s="12"/>
    </row>
    <row r="535910" spans="8:8">
      <c r="H535910" s="12"/>
    </row>
    <row r="535911" spans="8:8">
      <c r="H535911" s="12"/>
    </row>
    <row r="535912" spans="8:8">
      <c r="H535912" s="12"/>
    </row>
    <row r="535913" spans="8:8">
      <c r="H535913" s="12"/>
    </row>
    <row r="535914" spans="8:8">
      <c r="H535914" s="12"/>
    </row>
    <row r="535915" spans="8:8">
      <c r="H535915" s="12"/>
    </row>
    <row r="535916" spans="8:8">
      <c r="H535916" s="12"/>
    </row>
    <row r="535917" spans="8:8">
      <c r="H535917" s="12"/>
    </row>
    <row r="535918" spans="8:8">
      <c r="H535918" s="12"/>
    </row>
    <row r="535919" spans="8:8">
      <c r="H535919" s="12"/>
    </row>
    <row r="535920" spans="8:8">
      <c r="H535920" s="12"/>
    </row>
    <row r="535921" spans="8:8">
      <c r="H535921" s="12"/>
    </row>
    <row r="535922" spans="8:8">
      <c r="H535922" s="12"/>
    </row>
    <row r="535923" spans="8:8">
      <c r="H535923" s="12"/>
    </row>
    <row r="535924" spans="8:8">
      <c r="H535924" s="12"/>
    </row>
    <row r="535925" spans="8:8">
      <c r="H535925" s="12"/>
    </row>
    <row r="535926" spans="8:8">
      <c r="H535926" s="12"/>
    </row>
    <row r="535927" spans="8:8">
      <c r="H535927" s="12"/>
    </row>
    <row r="535928" spans="8:8">
      <c r="H535928" s="12"/>
    </row>
    <row r="535929" spans="8:8">
      <c r="H535929" s="12"/>
    </row>
    <row r="535930" spans="8:8">
      <c r="H535930" s="12"/>
    </row>
    <row r="535931" spans="8:8">
      <c r="H535931" s="12"/>
    </row>
    <row r="535932" spans="8:8">
      <c r="H535932" s="12"/>
    </row>
    <row r="535933" spans="8:8">
      <c r="H535933" s="12"/>
    </row>
    <row r="535934" spans="8:8">
      <c r="H535934" s="12"/>
    </row>
    <row r="535935" spans="8:8">
      <c r="H535935" s="12"/>
    </row>
    <row r="535936" spans="8:8">
      <c r="H535936" s="12"/>
    </row>
    <row r="535937" spans="8:8">
      <c r="H535937" s="12"/>
    </row>
    <row r="535938" spans="8:8">
      <c r="H535938" s="12"/>
    </row>
    <row r="535939" spans="8:8">
      <c r="H535939" s="12"/>
    </row>
    <row r="535940" spans="8:8">
      <c r="H535940" s="12"/>
    </row>
    <row r="535941" spans="8:8">
      <c r="H535941" s="12"/>
    </row>
    <row r="535942" spans="8:8">
      <c r="H535942" s="12"/>
    </row>
    <row r="535943" spans="8:8">
      <c r="H535943" s="12"/>
    </row>
    <row r="535944" spans="8:8">
      <c r="H535944" s="12"/>
    </row>
    <row r="535945" spans="8:8">
      <c r="H535945" s="12"/>
    </row>
    <row r="535946" spans="8:8">
      <c r="H535946" s="12"/>
    </row>
    <row r="535947" spans="8:8">
      <c r="H535947" s="12"/>
    </row>
    <row r="535948" spans="8:8">
      <c r="H535948" s="12"/>
    </row>
    <row r="535949" spans="8:8">
      <c r="H535949" s="12"/>
    </row>
    <row r="535950" spans="8:8">
      <c r="H535950" s="12"/>
    </row>
    <row r="535951" spans="8:8">
      <c r="H535951" s="12"/>
    </row>
    <row r="535952" spans="8:8">
      <c r="H535952" s="12"/>
    </row>
    <row r="535953" spans="8:8">
      <c r="H535953" s="12"/>
    </row>
    <row r="535954" spans="8:8">
      <c r="H535954" s="12"/>
    </row>
    <row r="535955" spans="8:8">
      <c r="H535955" s="12"/>
    </row>
    <row r="535956" spans="8:8">
      <c r="H535956" s="12"/>
    </row>
    <row r="535957" spans="8:8">
      <c r="H535957" s="12"/>
    </row>
    <row r="535958" spans="8:8">
      <c r="H535958" s="12"/>
    </row>
    <row r="535959" spans="8:8">
      <c r="H535959" s="12"/>
    </row>
    <row r="535960" spans="8:8">
      <c r="H535960" s="12"/>
    </row>
    <row r="535961" spans="8:8">
      <c r="H535961" s="12"/>
    </row>
    <row r="535962" spans="8:8">
      <c r="H535962" s="12"/>
    </row>
    <row r="535963" spans="8:8">
      <c r="H535963" s="12"/>
    </row>
    <row r="535964" spans="8:8">
      <c r="H535964" s="12"/>
    </row>
    <row r="535965" spans="8:8">
      <c r="H535965" s="12"/>
    </row>
    <row r="535966" spans="8:8">
      <c r="H535966" s="12"/>
    </row>
    <row r="535967" spans="8:8">
      <c r="H535967" s="12"/>
    </row>
    <row r="535968" spans="8:8">
      <c r="H535968" s="12"/>
    </row>
    <row r="535969" spans="8:8">
      <c r="H535969" s="12"/>
    </row>
    <row r="535970" spans="8:8">
      <c r="H535970" s="12"/>
    </row>
    <row r="535971" spans="8:8">
      <c r="H535971" s="12"/>
    </row>
    <row r="535972" spans="8:8">
      <c r="H535972" s="12"/>
    </row>
    <row r="535973" spans="8:8">
      <c r="H535973" s="12"/>
    </row>
    <row r="535974" spans="8:8">
      <c r="H535974" s="12"/>
    </row>
    <row r="535975" spans="8:8">
      <c r="H535975" s="12"/>
    </row>
    <row r="535976" spans="8:8">
      <c r="H535976" s="12"/>
    </row>
    <row r="535977" spans="8:8">
      <c r="H535977" s="12"/>
    </row>
    <row r="535978" spans="8:8">
      <c r="H535978" s="12"/>
    </row>
    <row r="535979" spans="8:8">
      <c r="H535979" s="12"/>
    </row>
    <row r="535980" spans="8:8">
      <c r="H535980" s="12"/>
    </row>
    <row r="535981" spans="8:8">
      <c r="H535981" s="12"/>
    </row>
    <row r="535982" spans="8:8">
      <c r="H535982" s="12"/>
    </row>
    <row r="535983" spans="8:8">
      <c r="H535983" s="12"/>
    </row>
    <row r="535984" spans="8:8">
      <c r="H535984" s="12"/>
    </row>
    <row r="535985" spans="8:8">
      <c r="H535985" s="12"/>
    </row>
    <row r="535986" spans="8:8">
      <c r="H535986" s="12"/>
    </row>
    <row r="535987" spans="8:8">
      <c r="H535987" s="12"/>
    </row>
    <row r="535988" spans="8:8">
      <c r="H535988" s="12"/>
    </row>
    <row r="535989" spans="8:8">
      <c r="H535989" s="12"/>
    </row>
    <row r="535990" spans="8:8">
      <c r="H535990" s="12"/>
    </row>
    <row r="535991" spans="8:8">
      <c r="H535991" s="12"/>
    </row>
    <row r="535992" spans="8:8">
      <c r="H535992" s="12"/>
    </row>
    <row r="535993" spans="8:8">
      <c r="H535993" s="12"/>
    </row>
    <row r="535994" spans="8:8">
      <c r="H535994" s="12"/>
    </row>
    <row r="535995" spans="8:8">
      <c r="H535995" s="12"/>
    </row>
    <row r="535996" spans="8:8">
      <c r="H535996" s="12"/>
    </row>
    <row r="535997" spans="8:8">
      <c r="H535997" s="12"/>
    </row>
    <row r="535998" spans="8:8">
      <c r="H535998" s="12"/>
    </row>
    <row r="535999" spans="8:8">
      <c r="H535999" s="12"/>
    </row>
    <row r="536000" spans="8:8">
      <c r="H536000" s="12"/>
    </row>
    <row r="536001" spans="8:8">
      <c r="H536001" s="12"/>
    </row>
    <row r="536002" spans="8:8">
      <c r="H536002" s="12"/>
    </row>
    <row r="536003" spans="8:8">
      <c r="H536003" s="12"/>
    </row>
    <row r="536004" spans="8:8">
      <c r="H536004" s="12"/>
    </row>
    <row r="536005" spans="8:8">
      <c r="H536005" s="12"/>
    </row>
    <row r="536006" spans="8:8">
      <c r="H536006" s="12"/>
    </row>
    <row r="536007" spans="8:8">
      <c r="H536007" s="12"/>
    </row>
    <row r="536008" spans="8:8">
      <c r="H536008" s="12"/>
    </row>
    <row r="536009" spans="8:8">
      <c r="H536009" s="12"/>
    </row>
    <row r="536010" spans="8:8">
      <c r="H536010" s="12"/>
    </row>
    <row r="536011" spans="8:8">
      <c r="H536011" s="12"/>
    </row>
    <row r="536012" spans="8:8">
      <c r="H536012" s="12"/>
    </row>
    <row r="536013" spans="8:8">
      <c r="H536013" s="12"/>
    </row>
    <row r="536014" spans="8:8">
      <c r="H536014" s="12"/>
    </row>
    <row r="536015" spans="8:8">
      <c r="H536015" s="12"/>
    </row>
    <row r="536016" spans="8:8">
      <c r="H536016" s="12"/>
    </row>
    <row r="536017" spans="8:8">
      <c r="H536017" s="12"/>
    </row>
    <row r="536018" spans="8:8">
      <c r="H536018" s="12"/>
    </row>
    <row r="536019" spans="8:8">
      <c r="H536019" s="12"/>
    </row>
    <row r="536020" spans="8:8">
      <c r="H536020" s="12"/>
    </row>
    <row r="536021" spans="8:8">
      <c r="H536021" s="12"/>
    </row>
    <row r="536022" spans="8:8">
      <c r="H536022" s="12"/>
    </row>
    <row r="536023" spans="8:8">
      <c r="H536023" s="12"/>
    </row>
    <row r="536024" spans="8:8">
      <c r="H536024" s="12"/>
    </row>
    <row r="536025" spans="8:8">
      <c r="H536025" s="12"/>
    </row>
    <row r="536026" spans="8:8">
      <c r="H536026" s="12"/>
    </row>
    <row r="536027" spans="8:8">
      <c r="H536027" s="12"/>
    </row>
    <row r="536028" spans="8:8">
      <c r="H536028" s="12"/>
    </row>
    <row r="536029" spans="8:8">
      <c r="H536029" s="12"/>
    </row>
    <row r="536030" spans="8:8">
      <c r="H536030" s="12"/>
    </row>
    <row r="536031" spans="8:8">
      <c r="H536031" s="12"/>
    </row>
    <row r="536032" spans="8:8">
      <c r="H536032" s="12"/>
    </row>
    <row r="536033" spans="8:8">
      <c r="H536033" s="12"/>
    </row>
    <row r="536034" spans="8:8">
      <c r="H536034" s="12"/>
    </row>
    <row r="536035" spans="8:8">
      <c r="H536035" s="12"/>
    </row>
    <row r="536036" spans="8:8">
      <c r="H536036" s="12"/>
    </row>
    <row r="536037" spans="8:8">
      <c r="H536037" s="12"/>
    </row>
    <row r="536038" spans="8:8">
      <c r="H536038" s="12"/>
    </row>
    <row r="536039" spans="8:8">
      <c r="H536039" s="12"/>
    </row>
    <row r="536040" spans="8:8">
      <c r="H536040" s="12"/>
    </row>
    <row r="536041" spans="8:8">
      <c r="H536041" s="12"/>
    </row>
    <row r="536042" spans="8:8">
      <c r="H536042" s="12"/>
    </row>
    <row r="536043" spans="8:8">
      <c r="H536043" s="12"/>
    </row>
    <row r="536044" spans="8:8">
      <c r="H536044" s="12"/>
    </row>
    <row r="536045" spans="8:8">
      <c r="H536045" s="12"/>
    </row>
    <row r="536046" spans="8:8">
      <c r="H536046" s="12"/>
    </row>
    <row r="536047" spans="8:8">
      <c r="H536047" s="12"/>
    </row>
    <row r="536048" spans="8:8">
      <c r="H536048" s="12"/>
    </row>
    <row r="536049" spans="8:8">
      <c r="H536049" s="12"/>
    </row>
    <row r="536050" spans="8:8">
      <c r="H536050" s="12"/>
    </row>
    <row r="536051" spans="8:8">
      <c r="H536051" s="12"/>
    </row>
    <row r="536052" spans="8:8">
      <c r="H536052" s="12"/>
    </row>
    <row r="536053" spans="8:8">
      <c r="H536053" s="12"/>
    </row>
    <row r="536054" spans="8:8">
      <c r="H536054" s="12"/>
    </row>
    <row r="536055" spans="8:8">
      <c r="H536055" s="12"/>
    </row>
    <row r="536056" spans="8:8">
      <c r="H536056" s="12"/>
    </row>
    <row r="536057" spans="8:8">
      <c r="H536057" s="12"/>
    </row>
    <row r="536058" spans="8:8">
      <c r="H536058" s="12"/>
    </row>
    <row r="536059" spans="8:8">
      <c r="H536059" s="12"/>
    </row>
    <row r="536060" spans="8:8">
      <c r="H536060" s="12"/>
    </row>
    <row r="536061" spans="8:8">
      <c r="H536061" s="12"/>
    </row>
    <row r="536062" spans="8:8">
      <c r="H536062" s="12"/>
    </row>
    <row r="536063" spans="8:8">
      <c r="H536063" s="12"/>
    </row>
    <row r="536064" spans="8:8">
      <c r="H536064" s="12"/>
    </row>
    <row r="536065" spans="8:8">
      <c r="H536065" s="12"/>
    </row>
    <row r="536066" spans="8:8">
      <c r="H536066" s="12"/>
    </row>
    <row r="536067" spans="8:8">
      <c r="H536067" s="12"/>
    </row>
    <row r="536068" spans="8:8">
      <c r="H536068" s="12"/>
    </row>
    <row r="536069" spans="8:8">
      <c r="H536069" s="12"/>
    </row>
    <row r="536070" spans="8:8">
      <c r="H536070" s="12"/>
    </row>
    <row r="536071" spans="8:8">
      <c r="H536071" s="12"/>
    </row>
    <row r="536072" spans="8:8">
      <c r="H536072" s="12"/>
    </row>
    <row r="536073" spans="8:8">
      <c r="H536073" s="12"/>
    </row>
    <row r="536074" spans="8:8">
      <c r="H536074" s="12"/>
    </row>
    <row r="536075" spans="8:8">
      <c r="H536075" s="12"/>
    </row>
    <row r="536076" spans="8:8">
      <c r="H536076" s="12"/>
    </row>
    <row r="536077" spans="8:8">
      <c r="H536077" s="12"/>
    </row>
    <row r="536078" spans="8:8">
      <c r="H536078" s="12"/>
    </row>
    <row r="536079" spans="8:8">
      <c r="H536079" s="12"/>
    </row>
    <row r="536080" spans="8:8">
      <c r="H536080" s="12"/>
    </row>
    <row r="536081" spans="8:8">
      <c r="H536081" s="12"/>
    </row>
    <row r="536082" spans="8:8">
      <c r="H536082" s="12"/>
    </row>
    <row r="536083" spans="8:8">
      <c r="H536083" s="12"/>
    </row>
    <row r="536084" spans="8:8">
      <c r="H536084" s="12"/>
    </row>
    <row r="536085" spans="8:8">
      <c r="H536085" s="12"/>
    </row>
    <row r="536086" spans="8:8">
      <c r="H536086" s="12"/>
    </row>
    <row r="536087" spans="8:8">
      <c r="H536087" s="12"/>
    </row>
    <row r="536088" spans="8:8">
      <c r="H536088" s="12"/>
    </row>
    <row r="536089" spans="8:8">
      <c r="H536089" s="12"/>
    </row>
    <row r="536090" spans="8:8">
      <c r="H536090" s="12"/>
    </row>
    <row r="536091" spans="8:8">
      <c r="H536091" s="12"/>
    </row>
    <row r="536092" spans="8:8">
      <c r="H536092" s="12"/>
    </row>
    <row r="536093" spans="8:8">
      <c r="H536093" s="12"/>
    </row>
    <row r="536094" spans="8:8">
      <c r="H536094" s="12"/>
    </row>
    <row r="536095" spans="8:8">
      <c r="H536095" s="12"/>
    </row>
    <row r="536096" spans="8:8">
      <c r="H536096" s="12"/>
    </row>
    <row r="536097" spans="8:8">
      <c r="H536097" s="12"/>
    </row>
    <row r="536098" spans="8:8">
      <c r="H536098" s="12"/>
    </row>
    <row r="536099" spans="8:8">
      <c r="H536099" s="12"/>
    </row>
    <row r="536100" spans="8:8">
      <c r="H536100" s="12"/>
    </row>
    <row r="536101" spans="8:8">
      <c r="H536101" s="12"/>
    </row>
    <row r="536102" spans="8:8">
      <c r="H536102" s="12"/>
    </row>
    <row r="536103" spans="8:8">
      <c r="H536103" s="12"/>
    </row>
    <row r="536104" spans="8:8">
      <c r="H536104" s="12"/>
    </row>
    <row r="536105" spans="8:8">
      <c r="H536105" s="12"/>
    </row>
    <row r="536106" spans="8:8">
      <c r="H536106" s="12"/>
    </row>
    <row r="536107" spans="8:8">
      <c r="H536107" s="12"/>
    </row>
    <row r="536108" spans="8:8">
      <c r="H536108" s="12"/>
    </row>
    <row r="536109" spans="8:8">
      <c r="H536109" s="12"/>
    </row>
    <row r="536110" spans="8:8">
      <c r="H536110" s="12"/>
    </row>
    <row r="536111" spans="8:8">
      <c r="H536111" s="12"/>
    </row>
    <row r="536112" spans="8:8">
      <c r="H536112" s="12"/>
    </row>
    <row r="536113" spans="8:8">
      <c r="H536113" s="12"/>
    </row>
    <row r="536114" spans="8:8">
      <c r="H536114" s="12"/>
    </row>
    <row r="536115" spans="8:8">
      <c r="H536115" s="12"/>
    </row>
    <row r="536116" spans="8:8">
      <c r="H536116" s="12"/>
    </row>
    <row r="536117" spans="8:8">
      <c r="H536117" s="12"/>
    </row>
    <row r="536118" spans="8:8">
      <c r="H536118" s="12"/>
    </row>
    <row r="536119" spans="8:8">
      <c r="H536119" s="12"/>
    </row>
    <row r="536120" spans="8:8">
      <c r="H536120" s="12"/>
    </row>
    <row r="536121" spans="8:8">
      <c r="H536121" s="12"/>
    </row>
    <row r="536122" spans="8:8">
      <c r="H536122" s="12"/>
    </row>
    <row r="536123" spans="8:8">
      <c r="H536123" s="12"/>
    </row>
    <row r="536124" spans="8:8">
      <c r="H536124" s="12"/>
    </row>
    <row r="536125" spans="8:8">
      <c r="H536125" s="12"/>
    </row>
    <row r="536126" spans="8:8">
      <c r="H536126" s="12"/>
    </row>
    <row r="536127" spans="8:8">
      <c r="H536127" s="12"/>
    </row>
    <row r="536128" spans="8:8">
      <c r="H536128" s="12"/>
    </row>
    <row r="536129" spans="8:8">
      <c r="H536129" s="12"/>
    </row>
    <row r="536130" spans="8:8">
      <c r="H536130" s="12"/>
    </row>
    <row r="536131" spans="8:8">
      <c r="H536131" s="12"/>
    </row>
    <row r="536132" spans="8:8">
      <c r="H536132" s="12"/>
    </row>
    <row r="536133" spans="8:8">
      <c r="H536133" s="12"/>
    </row>
    <row r="536134" spans="8:8">
      <c r="H536134" s="12"/>
    </row>
    <row r="536135" spans="8:8">
      <c r="H536135" s="12"/>
    </row>
    <row r="536136" spans="8:8">
      <c r="H536136" s="12"/>
    </row>
    <row r="536137" spans="8:8">
      <c r="H536137" s="12"/>
    </row>
    <row r="536138" spans="8:8">
      <c r="H536138" s="12"/>
    </row>
    <row r="536139" spans="8:8">
      <c r="H536139" s="12"/>
    </row>
    <row r="536140" spans="8:8">
      <c r="H536140" s="12"/>
    </row>
    <row r="536141" spans="8:8">
      <c r="H536141" s="12"/>
    </row>
    <row r="536142" spans="8:8">
      <c r="H536142" s="12"/>
    </row>
    <row r="536143" spans="8:8">
      <c r="H536143" s="12"/>
    </row>
    <row r="536144" spans="8:8">
      <c r="H536144" s="12"/>
    </row>
    <row r="536145" spans="8:8">
      <c r="H536145" s="12"/>
    </row>
    <row r="536146" spans="8:8">
      <c r="H536146" s="12"/>
    </row>
    <row r="536147" spans="8:8">
      <c r="H536147" s="12"/>
    </row>
    <row r="536148" spans="8:8">
      <c r="H536148" s="12"/>
    </row>
    <row r="536149" spans="8:8">
      <c r="H536149" s="12"/>
    </row>
    <row r="536150" spans="8:8">
      <c r="H536150" s="12"/>
    </row>
    <row r="536151" spans="8:8">
      <c r="H536151" s="12"/>
    </row>
    <row r="536152" spans="8:8">
      <c r="H536152" s="12"/>
    </row>
    <row r="536153" spans="8:8">
      <c r="H536153" s="12"/>
    </row>
    <row r="536154" spans="8:8">
      <c r="H536154" s="12"/>
    </row>
    <row r="536155" spans="8:8">
      <c r="H536155" s="12"/>
    </row>
    <row r="536156" spans="8:8">
      <c r="H536156" s="12"/>
    </row>
    <row r="536157" spans="8:8">
      <c r="H536157" s="12"/>
    </row>
    <row r="536158" spans="8:8">
      <c r="H536158" s="12"/>
    </row>
    <row r="536159" spans="8:8">
      <c r="H536159" s="12"/>
    </row>
    <row r="536160" spans="8:8">
      <c r="H536160" s="12"/>
    </row>
    <row r="536161" spans="8:8">
      <c r="H536161" s="12"/>
    </row>
    <row r="536162" spans="8:8">
      <c r="H536162" s="12"/>
    </row>
    <row r="536163" spans="8:8">
      <c r="H536163" s="12"/>
    </row>
    <row r="536164" spans="8:8">
      <c r="H536164" s="12"/>
    </row>
    <row r="536165" spans="8:8">
      <c r="H536165" s="12"/>
    </row>
    <row r="536166" spans="8:8">
      <c r="H536166" s="12"/>
    </row>
    <row r="536167" spans="8:8">
      <c r="H536167" s="12"/>
    </row>
    <row r="536168" spans="8:8">
      <c r="H536168" s="12"/>
    </row>
    <row r="536169" spans="8:8">
      <c r="H536169" s="12"/>
    </row>
    <row r="536170" spans="8:8">
      <c r="H536170" s="12"/>
    </row>
    <row r="536171" spans="8:8">
      <c r="H536171" s="12"/>
    </row>
    <row r="536172" spans="8:8">
      <c r="H536172" s="12"/>
    </row>
    <row r="536173" spans="8:8">
      <c r="H536173" s="12"/>
    </row>
    <row r="536174" spans="8:8">
      <c r="H536174" s="12"/>
    </row>
    <row r="536175" spans="8:8">
      <c r="H536175" s="12"/>
    </row>
    <row r="536176" spans="8:8">
      <c r="H536176" s="12"/>
    </row>
    <row r="536177" spans="8:8">
      <c r="H536177" s="12"/>
    </row>
    <row r="536178" spans="8:8">
      <c r="H536178" s="12"/>
    </row>
    <row r="536179" spans="8:8">
      <c r="H536179" s="12"/>
    </row>
    <row r="536180" spans="8:8">
      <c r="H536180" s="12"/>
    </row>
    <row r="536181" spans="8:8">
      <c r="H536181" s="12"/>
    </row>
    <row r="536182" spans="8:8">
      <c r="H536182" s="12"/>
    </row>
    <row r="536183" spans="8:8">
      <c r="H536183" s="12"/>
    </row>
    <row r="536184" spans="8:8">
      <c r="H536184" s="12"/>
    </row>
    <row r="536185" spans="8:8">
      <c r="H536185" s="12"/>
    </row>
    <row r="536186" spans="8:8">
      <c r="H536186" s="12"/>
    </row>
    <row r="536187" spans="8:8">
      <c r="H536187" s="12"/>
    </row>
    <row r="536188" spans="8:8">
      <c r="H536188" s="12"/>
    </row>
    <row r="536189" spans="8:8">
      <c r="H536189" s="12"/>
    </row>
    <row r="536190" spans="8:8">
      <c r="H536190" s="12"/>
    </row>
    <row r="536191" spans="8:8">
      <c r="H536191" s="12"/>
    </row>
    <row r="536192" spans="8:8">
      <c r="H536192" s="12"/>
    </row>
    <row r="536193" spans="8:8">
      <c r="H536193" s="12"/>
    </row>
    <row r="536194" spans="8:8">
      <c r="H536194" s="12"/>
    </row>
    <row r="536195" spans="8:8">
      <c r="H536195" s="12"/>
    </row>
    <row r="536196" spans="8:8">
      <c r="H536196" s="12"/>
    </row>
    <row r="536197" spans="8:8">
      <c r="H536197" s="12"/>
    </row>
    <row r="536198" spans="8:8">
      <c r="H536198" s="12"/>
    </row>
    <row r="536199" spans="8:8">
      <c r="H536199" s="12"/>
    </row>
    <row r="536200" spans="8:8">
      <c r="H536200" s="12"/>
    </row>
    <row r="536201" spans="8:8">
      <c r="H536201" s="12"/>
    </row>
    <row r="536202" spans="8:8">
      <c r="H536202" s="12"/>
    </row>
    <row r="536203" spans="8:8">
      <c r="H536203" s="12"/>
    </row>
    <row r="536204" spans="8:8">
      <c r="H536204" s="12"/>
    </row>
    <row r="536205" spans="8:8">
      <c r="H536205" s="12"/>
    </row>
    <row r="536206" spans="8:8">
      <c r="H536206" s="12"/>
    </row>
    <row r="536207" spans="8:8">
      <c r="H536207" s="12"/>
    </row>
    <row r="536208" spans="8:8">
      <c r="H536208" s="12"/>
    </row>
    <row r="536209" spans="8:8">
      <c r="H536209" s="12"/>
    </row>
    <row r="536210" spans="8:8">
      <c r="H536210" s="12"/>
    </row>
    <row r="536211" spans="8:8">
      <c r="H536211" s="12"/>
    </row>
    <row r="536212" spans="8:8">
      <c r="H536212" s="12"/>
    </row>
    <row r="536213" spans="8:8">
      <c r="H536213" s="12"/>
    </row>
    <row r="536214" spans="8:8">
      <c r="H536214" s="12"/>
    </row>
    <row r="536215" spans="8:8">
      <c r="H536215" s="12"/>
    </row>
    <row r="536216" spans="8:8">
      <c r="H536216" s="12"/>
    </row>
    <row r="536217" spans="8:8">
      <c r="H536217" s="12"/>
    </row>
    <row r="536218" spans="8:8">
      <c r="H536218" s="12"/>
    </row>
    <row r="536219" spans="8:8">
      <c r="H536219" s="12"/>
    </row>
    <row r="536220" spans="8:8">
      <c r="H536220" s="12"/>
    </row>
    <row r="536221" spans="8:8">
      <c r="H536221" s="12"/>
    </row>
    <row r="536222" spans="8:8">
      <c r="H536222" s="12"/>
    </row>
    <row r="536223" spans="8:8">
      <c r="H536223" s="12"/>
    </row>
    <row r="536224" spans="8:8">
      <c r="H536224" s="12"/>
    </row>
    <row r="536225" spans="8:8">
      <c r="H536225" s="12"/>
    </row>
    <row r="536226" spans="8:8">
      <c r="H536226" s="12"/>
    </row>
    <row r="536227" spans="8:8">
      <c r="H536227" s="12"/>
    </row>
    <row r="536228" spans="8:8">
      <c r="H536228" s="12"/>
    </row>
    <row r="536229" spans="8:8">
      <c r="H536229" s="12"/>
    </row>
    <row r="536230" spans="8:8">
      <c r="H536230" s="12"/>
    </row>
    <row r="536231" spans="8:8">
      <c r="H536231" s="12"/>
    </row>
    <row r="536232" spans="8:8">
      <c r="H536232" s="12"/>
    </row>
    <row r="536233" spans="8:8">
      <c r="H536233" s="12"/>
    </row>
    <row r="536234" spans="8:8">
      <c r="H536234" s="12"/>
    </row>
    <row r="536235" spans="8:8">
      <c r="H536235" s="12"/>
    </row>
    <row r="536236" spans="8:8">
      <c r="H536236" s="12"/>
    </row>
    <row r="536237" spans="8:8">
      <c r="H536237" s="12"/>
    </row>
    <row r="536238" spans="8:8">
      <c r="H536238" s="12"/>
    </row>
    <row r="536239" spans="8:8">
      <c r="H536239" s="12"/>
    </row>
    <row r="536240" spans="8:8">
      <c r="H536240" s="12"/>
    </row>
    <row r="536241" spans="8:8">
      <c r="H536241" s="12"/>
    </row>
    <row r="536242" spans="8:8">
      <c r="H536242" s="12"/>
    </row>
    <row r="536243" spans="8:8">
      <c r="H536243" s="12"/>
    </row>
    <row r="536244" spans="8:8">
      <c r="H536244" s="12"/>
    </row>
    <row r="536245" spans="8:8">
      <c r="H536245" s="12"/>
    </row>
    <row r="536246" spans="8:8">
      <c r="H536246" s="12"/>
    </row>
    <row r="536247" spans="8:8">
      <c r="H536247" s="12"/>
    </row>
    <row r="536248" spans="8:8">
      <c r="H536248" s="12"/>
    </row>
    <row r="536249" spans="8:8">
      <c r="H536249" s="12"/>
    </row>
    <row r="536250" spans="8:8">
      <c r="H536250" s="12"/>
    </row>
    <row r="536251" spans="8:8">
      <c r="H536251" s="12"/>
    </row>
    <row r="536252" spans="8:8">
      <c r="H536252" s="12"/>
    </row>
    <row r="536253" spans="8:8">
      <c r="H536253" s="12"/>
    </row>
    <row r="536254" spans="8:8">
      <c r="H536254" s="12"/>
    </row>
    <row r="536255" spans="8:8">
      <c r="H536255" s="12"/>
    </row>
    <row r="536256" spans="8:8">
      <c r="H536256" s="12"/>
    </row>
    <row r="536257" spans="8:8">
      <c r="H536257" s="12"/>
    </row>
    <row r="536258" spans="8:8">
      <c r="H536258" s="12"/>
    </row>
    <row r="536259" spans="8:8">
      <c r="H536259" s="12"/>
    </row>
    <row r="536260" spans="8:8">
      <c r="H536260" s="12"/>
    </row>
    <row r="536261" spans="8:8">
      <c r="H536261" s="12"/>
    </row>
    <row r="536262" spans="8:8">
      <c r="H536262" s="12"/>
    </row>
    <row r="536263" spans="8:8">
      <c r="H536263" s="12"/>
    </row>
    <row r="536264" spans="8:8">
      <c r="H536264" s="12"/>
    </row>
    <row r="536265" spans="8:8">
      <c r="H536265" s="12"/>
    </row>
    <row r="536266" spans="8:8">
      <c r="H536266" s="12"/>
    </row>
    <row r="536267" spans="8:8">
      <c r="H536267" s="12"/>
    </row>
    <row r="536268" spans="8:8">
      <c r="H536268" s="12"/>
    </row>
    <row r="536269" spans="8:8">
      <c r="H536269" s="12"/>
    </row>
    <row r="536270" spans="8:8">
      <c r="H536270" s="12"/>
    </row>
    <row r="536271" spans="8:8">
      <c r="H536271" s="12"/>
    </row>
    <row r="536272" spans="8:8">
      <c r="H536272" s="12"/>
    </row>
    <row r="536273" spans="8:8">
      <c r="H536273" s="12"/>
    </row>
    <row r="536274" spans="8:8">
      <c r="H536274" s="12"/>
    </row>
    <row r="536275" spans="8:8">
      <c r="H536275" s="12"/>
    </row>
    <row r="536276" spans="8:8">
      <c r="H536276" s="12"/>
    </row>
    <row r="536277" spans="8:8">
      <c r="H536277" s="12"/>
    </row>
    <row r="536278" spans="8:8">
      <c r="H536278" s="12"/>
    </row>
    <row r="536279" spans="8:8">
      <c r="H536279" s="12"/>
    </row>
    <row r="536280" spans="8:8">
      <c r="H536280" s="12"/>
    </row>
    <row r="536281" spans="8:8">
      <c r="H536281" s="12"/>
    </row>
    <row r="536282" spans="8:8">
      <c r="H536282" s="12"/>
    </row>
    <row r="536283" spans="8:8">
      <c r="H536283" s="12"/>
    </row>
    <row r="536284" spans="8:8">
      <c r="H536284" s="12"/>
    </row>
    <row r="536285" spans="8:8">
      <c r="H536285" s="12"/>
    </row>
    <row r="536286" spans="8:8">
      <c r="H536286" s="12"/>
    </row>
    <row r="536287" spans="8:8">
      <c r="H536287" s="12"/>
    </row>
    <row r="536288" spans="8:8">
      <c r="H536288" s="12"/>
    </row>
    <row r="536289" spans="8:8">
      <c r="H536289" s="12"/>
    </row>
    <row r="536290" spans="8:8">
      <c r="H536290" s="12"/>
    </row>
    <row r="536291" spans="8:8">
      <c r="H536291" s="12"/>
    </row>
    <row r="536292" spans="8:8">
      <c r="H536292" s="12"/>
    </row>
    <row r="536293" spans="8:8">
      <c r="H536293" s="12"/>
    </row>
    <row r="536294" spans="8:8">
      <c r="H536294" s="12"/>
    </row>
    <row r="536295" spans="8:8">
      <c r="H536295" s="12"/>
    </row>
    <row r="536296" spans="8:8">
      <c r="H536296" s="12"/>
    </row>
    <row r="536297" spans="8:8">
      <c r="H536297" s="12"/>
    </row>
    <row r="536298" spans="8:8">
      <c r="H536298" s="12"/>
    </row>
    <row r="536299" spans="8:8">
      <c r="H536299" s="12"/>
    </row>
    <row r="536300" spans="8:8">
      <c r="H536300" s="12"/>
    </row>
    <row r="536301" spans="8:8">
      <c r="H536301" s="12"/>
    </row>
    <row r="536302" spans="8:8">
      <c r="H536302" s="12"/>
    </row>
    <row r="536303" spans="8:8">
      <c r="H536303" s="12"/>
    </row>
    <row r="536304" spans="8:8">
      <c r="H536304" s="12"/>
    </row>
    <row r="536305" spans="8:8">
      <c r="H536305" s="12"/>
    </row>
    <row r="536306" spans="8:8">
      <c r="H536306" s="12"/>
    </row>
    <row r="536307" spans="8:8">
      <c r="H536307" s="12"/>
    </row>
    <row r="536308" spans="8:8">
      <c r="H536308" s="12"/>
    </row>
    <row r="536309" spans="8:8">
      <c r="H536309" s="12"/>
    </row>
    <row r="536310" spans="8:8">
      <c r="H536310" s="12"/>
    </row>
    <row r="536311" spans="8:8">
      <c r="H536311" s="12"/>
    </row>
    <row r="536312" spans="8:8">
      <c r="H536312" s="12"/>
    </row>
    <row r="536313" spans="8:8">
      <c r="H536313" s="12"/>
    </row>
    <row r="536314" spans="8:8">
      <c r="H536314" s="12"/>
    </row>
    <row r="536315" spans="8:8">
      <c r="H536315" s="12"/>
    </row>
    <row r="536316" spans="8:8">
      <c r="H536316" s="12"/>
    </row>
    <row r="536317" spans="8:8">
      <c r="H536317" s="12"/>
    </row>
    <row r="536318" spans="8:8">
      <c r="H536318" s="12"/>
    </row>
    <row r="536319" spans="8:8">
      <c r="H536319" s="12"/>
    </row>
    <row r="536320" spans="8:8">
      <c r="H536320" s="12"/>
    </row>
    <row r="536321" spans="8:8">
      <c r="H536321" s="12"/>
    </row>
    <row r="536322" spans="8:8">
      <c r="H536322" s="12"/>
    </row>
    <row r="536323" spans="8:8">
      <c r="H536323" s="12"/>
    </row>
    <row r="536324" spans="8:8">
      <c r="H536324" s="12"/>
    </row>
    <row r="536325" spans="8:8">
      <c r="H536325" s="12"/>
    </row>
    <row r="536326" spans="8:8">
      <c r="H536326" s="12"/>
    </row>
    <row r="536327" spans="8:8">
      <c r="H536327" s="12"/>
    </row>
    <row r="536328" spans="8:8">
      <c r="H536328" s="12"/>
    </row>
    <row r="536329" spans="8:8">
      <c r="H536329" s="12"/>
    </row>
    <row r="536330" spans="8:8">
      <c r="H536330" s="12"/>
    </row>
    <row r="536331" spans="8:8">
      <c r="H536331" s="12"/>
    </row>
    <row r="536332" spans="8:8">
      <c r="H536332" s="12"/>
    </row>
    <row r="536333" spans="8:8">
      <c r="H536333" s="12"/>
    </row>
    <row r="536334" spans="8:8">
      <c r="H536334" s="12"/>
    </row>
    <row r="536335" spans="8:8">
      <c r="H536335" s="12"/>
    </row>
    <row r="536336" spans="8:8">
      <c r="H536336" s="12"/>
    </row>
    <row r="536337" spans="8:8">
      <c r="H536337" s="12"/>
    </row>
    <row r="536338" spans="8:8">
      <c r="H536338" s="12"/>
    </row>
    <row r="536339" spans="8:8">
      <c r="H536339" s="12"/>
    </row>
    <row r="536340" spans="8:8">
      <c r="H536340" s="12"/>
    </row>
    <row r="536341" spans="8:8">
      <c r="H536341" s="12"/>
    </row>
    <row r="536342" spans="8:8">
      <c r="H536342" s="12"/>
    </row>
    <row r="536343" spans="8:8">
      <c r="H536343" s="12"/>
    </row>
    <row r="536344" spans="8:8">
      <c r="H536344" s="12"/>
    </row>
    <row r="536345" spans="8:8">
      <c r="H536345" s="12"/>
    </row>
    <row r="536346" spans="8:8">
      <c r="H536346" s="12"/>
    </row>
    <row r="536347" spans="8:8">
      <c r="H536347" s="12"/>
    </row>
    <row r="536348" spans="8:8">
      <c r="H536348" s="12"/>
    </row>
    <row r="536349" spans="8:8">
      <c r="H536349" s="12"/>
    </row>
    <row r="536350" spans="8:8">
      <c r="H536350" s="12"/>
    </row>
    <row r="536351" spans="8:8">
      <c r="H536351" s="12"/>
    </row>
    <row r="536352" spans="8:8">
      <c r="H536352" s="12"/>
    </row>
    <row r="536353" spans="8:8">
      <c r="H536353" s="12"/>
    </row>
    <row r="536354" spans="8:8">
      <c r="H536354" s="12"/>
    </row>
    <row r="536355" spans="8:8">
      <c r="H536355" s="12"/>
    </row>
    <row r="536356" spans="8:8">
      <c r="H536356" s="12"/>
    </row>
    <row r="536357" spans="8:8">
      <c r="H536357" s="12"/>
    </row>
    <row r="536358" spans="8:8">
      <c r="H536358" s="12"/>
    </row>
    <row r="536359" spans="8:8">
      <c r="H536359" s="12"/>
    </row>
    <row r="536360" spans="8:8">
      <c r="H536360" s="12"/>
    </row>
    <row r="536361" spans="8:8">
      <c r="H536361" s="12"/>
    </row>
    <row r="536362" spans="8:8">
      <c r="H536362" s="12"/>
    </row>
    <row r="536363" spans="8:8">
      <c r="H536363" s="12"/>
    </row>
    <row r="536364" spans="8:8">
      <c r="H536364" s="12"/>
    </row>
    <row r="536365" spans="8:8">
      <c r="H536365" s="12"/>
    </row>
    <row r="536366" spans="8:8">
      <c r="H536366" s="12"/>
    </row>
    <row r="536367" spans="8:8">
      <c r="H536367" s="12"/>
    </row>
    <row r="536368" spans="8:8">
      <c r="H536368" s="12"/>
    </row>
    <row r="536369" spans="8:8">
      <c r="H536369" s="12"/>
    </row>
    <row r="536370" spans="8:8">
      <c r="H536370" s="12"/>
    </row>
    <row r="536371" spans="8:8">
      <c r="H536371" s="12"/>
    </row>
    <row r="536372" spans="8:8">
      <c r="H536372" s="12"/>
    </row>
    <row r="536373" spans="8:8">
      <c r="H536373" s="12"/>
    </row>
    <row r="536374" spans="8:8">
      <c r="H536374" s="12"/>
    </row>
    <row r="536375" spans="8:8">
      <c r="H536375" s="12"/>
    </row>
    <row r="536376" spans="8:8">
      <c r="H536376" s="12"/>
    </row>
    <row r="536377" spans="8:8">
      <c r="H536377" s="12"/>
    </row>
    <row r="536378" spans="8:8">
      <c r="H536378" s="12"/>
    </row>
    <row r="536379" spans="8:8">
      <c r="H536379" s="12"/>
    </row>
    <row r="536380" spans="8:8">
      <c r="H536380" s="12"/>
    </row>
    <row r="536381" spans="8:8">
      <c r="H536381" s="12"/>
    </row>
    <row r="536382" spans="8:8">
      <c r="H536382" s="12"/>
    </row>
    <row r="536383" spans="8:8">
      <c r="H536383" s="12"/>
    </row>
    <row r="536384" spans="8:8">
      <c r="H536384" s="12"/>
    </row>
    <row r="536385" spans="8:8">
      <c r="H536385" s="12"/>
    </row>
    <row r="536386" spans="8:8">
      <c r="H536386" s="12"/>
    </row>
    <row r="536387" spans="8:8">
      <c r="H536387" s="12"/>
    </row>
    <row r="536388" spans="8:8">
      <c r="H536388" s="12"/>
    </row>
    <row r="536389" spans="8:8">
      <c r="H536389" s="12"/>
    </row>
    <row r="536390" spans="8:8">
      <c r="H536390" s="12"/>
    </row>
    <row r="536391" spans="8:8">
      <c r="H536391" s="12"/>
    </row>
    <row r="536392" spans="8:8">
      <c r="H536392" s="12"/>
    </row>
    <row r="536393" spans="8:8">
      <c r="H536393" s="12"/>
    </row>
    <row r="536394" spans="8:8">
      <c r="H536394" s="12"/>
    </row>
    <row r="536395" spans="8:8">
      <c r="H536395" s="12"/>
    </row>
    <row r="536396" spans="8:8">
      <c r="H536396" s="12"/>
    </row>
    <row r="536397" spans="8:8">
      <c r="H536397" s="12"/>
    </row>
    <row r="536398" spans="8:8">
      <c r="H536398" s="12"/>
    </row>
    <row r="536399" spans="8:8">
      <c r="H536399" s="12"/>
    </row>
    <row r="536400" spans="8:8">
      <c r="H536400" s="12"/>
    </row>
    <row r="536401" spans="8:8">
      <c r="H536401" s="12"/>
    </row>
    <row r="536402" spans="8:8">
      <c r="H536402" s="12"/>
    </row>
    <row r="536403" spans="8:8">
      <c r="H536403" s="12"/>
    </row>
    <row r="536404" spans="8:8">
      <c r="H536404" s="12"/>
    </row>
    <row r="536405" spans="8:8">
      <c r="H536405" s="12"/>
    </row>
    <row r="536406" spans="8:8">
      <c r="H536406" s="12"/>
    </row>
    <row r="536407" spans="8:8">
      <c r="H536407" s="12"/>
    </row>
    <row r="536408" spans="8:8">
      <c r="H536408" s="12"/>
    </row>
    <row r="536409" spans="8:8">
      <c r="H536409" s="12"/>
    </row>
    <row r="536410" spans="8:8">
      <c r="H536410" s="12"/>
    </row>
    <row r="536411" spans="8:8">
      <c r="H536411" s="12"/>
    </row>
    <row r="536412" spans="8:8">
      <c r="H536412" s="12"/>
    </row>
    <row r="536413" spans="8:8">
      <c r="H536413" s="12"/>
    </row>
    <row r="536414" spans="8:8">
      <c r="H536414" s="12"/>
    </row>
    <row r="536415" spans="8:8">
      <c r="H536415" s="12"/>
    </row>
    <row r="536416" spans="8:8">
      <c r="H536416" s="12"/>
    </row>
    <row r="536417" spans="8:8">
      <c r="H536417" s="12"/>
    </row>
    <row r="536418" spans="8:8">
      <c r="H536418" s="12"/>
    </row>
    <row r="536419" spans="8:8">
      <c r="H536419" s="12"/>
    </row>
    <row r="536420" spans="8:8">
      <c r="H536420" s="12"/>
    </row>
    <row r="536421" spans="8:8">
      <c r="H536421" s="12"/>
    </row>
    <row r="536422" spans="8:8">
      <c r="H536422" s="12"/>
    </row>
    <row r="536423" spans="8:8">
      <c r="H536423" s="12"/>
    </row>
    <row r="536424" spans="8:8">
      <c r="H536424" s="12"/>
    </row>
    <row r="536425" spans="8:8">
      <c r="H536425" s="12"/>
    </row>
    <row r="536426" spans="8:8">
      <c r="H536426" s="12"/>
    </row>
    <row r="536427" spans="8:8">
      <c r="H536427" s="12"/>
    </row>
    <row r="536428" spans="8:8">
      <c r="H536428" s="12"/>
    </row>
    <row r="536429" spans="8:8">
      <c r="H536429" s="12"/>
    </row>
    <row r="536430" spans="8:8">
      <c r="H536430" s="12"/>
    </row>
    <row r="536431" spans="8:8">
      <c r="H536431" s="12"/>
    </row>
    <row r="536432" spans="8:8">
      <c r="H536432" s="12"/>
    </row>
    <row r="536433" spans="8:8">
      <c r="H536433" s="12"/>
    </row>
    <row r="536434" spans="8:8">
      <c r="H536434" s="12"/>
    </row>
    <row r="536435" spans="8:8">
      <c r="H536435" s="12"/>
    </row>
    <row r="536436" spans="8:8">
      <c r="H536436" s="12"/>
    </row>
    <row r="536437" spans="8:8">
      <c r="H536437" s="12"/>
    </row>
    <row r="536438" spans="8:8">
      <c r="H536438" s="12"/>
    </row>
    <row r="536439" spans="8:8">
      <c r="H536439" s="12"/>
    </row>
    <row r="536440" spans="8:8">
      <c r="H536440" s="12"/>
    </row>
    <row r="536441" spans="8:8">
      <c r="H536441" s="12"/>
    </row>
    <row r="536442" spans="8:8">
      <c r="H536442" s="12"/>
    </row>
    <row r="536443" spans="8:8">
      <c r="H536443" s="12"/>
    </row>
    <row r="536444" spans="8:8">
      <c r="H536444" s="12"/>
    </row>
    <row r="536445" spans="8:8">
      <c r="H536445" s="12"/>
    </row>
    <row r="536446" spans="8:8">
      <c r="H536446" s="12"/>
    </row>
    <row r="536447" spans="8:8">
      <c r="H536447" s="12"/>
    </row>
    <row r="536448" spans="8:8">
      <c r="H536448" s="12"/>
    </row>
    <row r="536449" spans="8:8">
      <c r="H536449" s="12"/>
    </row>
    <row r="536450" spans="8:8">
      <c r="H536450" s="12"/>
    </row>
    <row r="536451" spans="8:8">
      <c r="H536451" s="12"/>
    </row>
    <row r="536452" spans="8:8">
      <c r="H536452" s="12"/>
    </row>
    <row r="536453" spans="8:8">
      <c r="H536453" s="12"/>
    </row>
    <row r="536454" spans="8:8">
      <c r="H536454" s="12"/>
    </row>
    <row r="536455" spans="8:8">
      <c r="H536455" s="12"/>
    </row>
    <row r="536456" spans="8:8">
      <c r="H536456" s="12"/>
    </row>
    <row r="536457" spans="8:8">
      <c r="H536457" s="12"/>
    </row>
    <row r="536458" spans="8:8">
      <c r="H536458" s="12"/>
    </row>
    <row r="536459" spans="8:8">
      <c r="H536459" s="12"/>
    </row>
    <row r="536460" spans="8:8">
      <c r="H536460" s="12"/>
    </row>
    <row r="536461" spans="8:8">
      <c r="H536461" s="12"/>
    </row>
    <row r="536462" spans="8:8">
      <c r="H536462" s="12"/>
    </row>
    <row r="536463" spans="8:8">
      <c r="H536463" s="12"/>
    </row>
    <row r="536464" spans="8:8">
      <c r="H536464" s="12"/>
    </row>
    <row r="536465" spans="8:8">
      <c r="H536465" s="12"/>
    </row>
    <row r="536466" spans="8:8">
      <c r="H536466" s="12"/>
    </row>
    <row r="536467" spans="8:8">
      <c r="H536467" s="12"/>
    </row>
    <row r="536468" spans="8:8">
      <c r="H536468" s="12"/>
    </row>
    <row r="536469" spans="8:8">
      <c r="H536469" s="12"/>
    </row>
    <row r="536470" spans="8:8">
      <c r="H536470" s="12"/>
    </row>
    <row r="536471" spans="8:8">
      <c r="H536471" s="12"/>
    </row>
    <row r="536472" spans="8:8">
      <c r="H536472" s="12"/>
    </row>
    <row r="536473" spans="8:8">
      <c r="H536473" s="12"/>
    </row>
    <row r="536474" spans="8:8">
      <c r="H536474" s="12"/>
    </row>
    <row r="536475" spans="8:8">
      <c r="H536475" s="12"/>
    </row>
    <row r="536476" spans="8:8">
      <c r="H536476" s="12"/>
    </row>
    <row r="536477" spans="8:8">
      <c r="H536477" s="12"/>
    </row>
    <row r="536478" spans="8:8">
      <c r="H536478" s="12"/>
    </row>
    <row r="536479" spans="8:8">
      <c r="H536479" s="12"/>
    </row>
    <row r="536480" spans="8:8">
      <c r="H536480" s="12"/>
    </row>
    <row r="536481" spans="8:8">
      <c r="H536481" s="12"/>
    </row>
    <row r="536482" spans="8:8">
      <c r="H536482" s="12"/>
    </row>
    <row r="536483" spans="8:8">
      <c r="H536483" s="12"/>
    </row>
    <row r="536484" spans="8:8">
      <c r="H536484" s="12"/>
    </row>
    <row r="536485" spans="8:8">
      <c r="H536485" s="12"/>
    </row>
    <row r="536486" spans="8:8">
      <c r="H536486" s="12"/>
    </row>
    <row r="536487" spans="8:8">
      <c r="H536487" s="12"/>
    </row>
    <row r="536488" spans="8:8">
      <c r="H536488" s="12"/>
    </row>
    <row r="536489" spans="8:8">
      <c r="H536489" s="12"/>
    </row>
    <row r="536490" spans="8:8">
      <c r="H536490" s="12"/>
    </row>
    <row r="536491" spans="8:8">
      <c r="H536491" s="12"/>
    </row>
    <row r="536492" spans="8:8">
      <c r="H536492" s="12"/>
    </row>
    <row r="536493" spans="8:8">
      <c r="H536493" s="12"/>
    </row>
    <row r="536494" spans="8:8">
      <c r="H536494" s="12"/>
    </row>
    <row r="536495" spans="8:8">
      <c r="H536495" s="12"/>
    </row>
    <row r="536496" spans="8:8">
      <c r="H536496" s="12"/>
    </row>
    <row r="536497" spans="8:8">
      <c r="H536497" s="12"/>
    </row>
    <row r="536498" spans="8:8">
      <c r="H536498" s="12"/>
    </row>
    <row r="536499" spans="8:8">
      <c r="H536499" s="12"/>
    </row>
    <row r="536500" spans="8:8">
      <c r="H536500" s="12"/>
    </row>
    <row r="536501" spans="8:8">
      <c r="H536501" s="12"/>
    </row>
    <row r="536502" spans="8:8">
      <c r="H536502" s="12"/>
    </row>
    <row r="536503" spans="8:8">
      <c r="H536503" s="12"/>
    </row>
    <row r="536504" spans="8:8">
      <c r="H536504" s="12"/>
    </row>
    <row r="536505" spans="8:8">
      <c r="H536505" s="12"/>
    </row>
    <row r="536506" spans="8:8">
      <c r="H536506" s="12"/>
    </row>
    <row r="536507" spans="8:8">
      <c r="H536507" s="12"/>
    </row>
    <row r="536508" spans="8:8">
      <c r="H536508" s="12"/>
    </row>
    <row r="536509" spans="8:8">
      <c r="H536509" s="12"/>
    </row>
    <row r="536510" spans="8:8">
      <c r="H536510" s="12"/>
    </row>
    <row r="536511" spans="8:8">
      <c r="H536511" s="12"/>
    </row>
    <row r="536512" spans="8:8">
      <c r="H536512" s="12"/>
    </row>
    <row r="536513" spans="8:8">
      <c r="H536513" s="12"/>
    </row>
    <row r="536514" spans="8:8">
      <c r="H536514" s="12"/>
    </row>
    <row r="536515" spans="8:8">
      <c r="H536515" s="12"/>
    </row>
    <row r="536516" spans="8:8">
      <c r="H536516" s="12"/>
    </row>
    <row r="536517" spans="8:8">
      <c r="H536517" s="12"/>
    </row>
    <row r="536518" spans="8:8">
      <c r="H536518" s="12"/>
    </row>
    <row r="536519" spans="8:8">
      <c r="H536519" s="12"/>
    </row>
    <row r="536520" spans="8:8">
      <c r="H536520" s="12"/>
    </row>
    <row r="536521" spans="8:8">
      <c r="H536521" s="12"/>
    </row>
    <row r="536522" spans="8:8">
      <c r="H536522" s="12"/>
    </row>
    <row r="536523" spans="8:8">
      <c r="H536523" s="12"/>
    </row>
    <row r="536524" spans="8:8">
      <c r="H536524" s="12"/>
    </row>
    <row r="536525" spans="8:8">
      <c r="H536525" s="12"/>
    </row>
    <row r="536526" spans="8:8">
      <c r="H536526" s="12"/>
    </row>
    <row r="536527" spans="8:8">
      <c r="H536527" s="12"/>
    </row>
    <row r="536528" spans="8:8">
      <c r="H536528" s="12"/>
    </row>
    <row r="536529" spans="8:8">
      <c r="H536529" s="12"/>
    </row>
    <row r="536530" spans="8:8">
      <c r="H536530" s="12"/>
    </row>
    <row r="536531" spans="8:8">
      <c r="H536531" s="12"/>
    </row>
    <row r="536532" spans="8:8">
      <c r="H536532" s="12"/>
    </row>
    <row r="536533" spans="8:8">
      <c r="H536533" s="12"/>
    </row>
    <row r="536534" spans="8:8">
      <c r="H536534" s="12"/>
    </row>
    <row r="536535" spans="8:8">
      <c r="H536535" s="12"/>
    </row>
    <row r="536536" spans="8:8">
      <c r="H536536" s="12"/>
    </row>
    <row r="536537" spans="8:8">
      <c r="H536537" s="12"/>
    </row>
    <row r="536538" spans="8:8">
      <c r="H536538" s="12"/>
    </row>
    <row r="536539" spans="8:8">
      <c r="H536539" s="12"/>
    </row>
    <row r="536540" spans="8:8">
      <c r="H536540" s="12"/>
    </row>
    <row r="536541" spans="8:8">
      <c r="H536541" s="12"/>
    </row>
    <row r="536542" spans="8:8">
      <c r="H536542" s="12"/>
    </row>
    <row r="536543" spans="8:8">
      <c r="H536543" s="12"/>
    </row>
    <row r="536544" spans="8:8">
      <c r="H536544" s="12"/>
    </row>
    <row r="536545" spans="8:8">
      <c r="H536545" s="12"/>
    </row>
    <row r="536546" spans="8:8">
      <c r="H536546" s="12"/>
    </row>
    <row r="536547" spans="8:8">
      <c r="H536547" s="12"/>
    </row>
    <row r="536548" spans="8:8">
      <c r="H536548" s="12"/>
    </row>
    <row r="536549" spans="8:8">
      <c r="H536549" s="12"/>
    </row>
    <row r="536550" spans="8:8">
      <c r="H536550" s="12"/>
    </row>
    <row r="536551" spans="8:8">
      <c r="H536551" s="12"/>
    </row>
    <row r="536552" spans="8:8">
      <c r="H536552" s="12"/>
    </row>
    <row r="536553" spans="8:8">
      <c r="H536553" s="12"/>
    </row>
    <row r="536554" spans="8:8">
      <c r="H536554" s="12"/>
    </row>
    <row r="536555" spans="8:8">
      <c r="H536555" s="12"/>
    </row>
    <row r="536556" spans="8:8">
      <c r="H536556" s="12"/>
    </row>
    <row r="536557" spans="8:8">
      <c r="H536557" s="12"/>
    </row>
    <row r="536558" spans="8:8">
      <c r="H536558" s="12"/>
    </row>
    <row r="536559" spans="8:8">
      <c r="H536559" s="12"/>
    </row>
    <row r="536560" spans="8:8">
      <c r="H536560" s="12"/>
    </row>
    <row r="536561" spans="8:8">
      <c r="H536561" s="12"/>
    </row>
    <row r="536562" spans="8:8">
      <c r="H536562" s="12"/>
    </row>
    <row r="536563" spans="8:8">
      <c r="H536563" s="12"/>
    </row>
    <row r="536564" spans="8:8">
      <c r="H536564" s="12"/>
    </row>
    <row r="536565" spans="8:8">
      <c r="H536565" s="12"/>
    </row>
    <row r="536566" spans="8:8">
      <c r="H536566" s="12"/>
    </row>
    <row r="536567" spans="8:8">
      <c r="H536567" s="12"/>
    </row>
    <row r="536568" spans="8:8">
      <c r="H536568" s="12"/>
    </row>
    <row r="536569" spans="8:8">
      <c r="H536569" s="12"/>
    </row>
    <row r="536570" spans="8:8">
      <c r="H536570" s="12"/>
    </row>
    <row r="536571" spans="8:8">
      <c r="H536571" s="12"/>
    </row>
    <row r="536572" spans="8:8">
      <c r="H536572" s="12"/>
    </row>
    <row r="536573" spans="8:8">
      <c r="H536573" s="12"/>
    </row>
    <row r="536574" spans="8:8">
      <c r="H536574" s="12"/>
    </row>
    <row r="536575" spans="8:8">
      <c r="H536575" s="12"/>
    </row>
    <row r="536576" spans="8:8">
      <c r="H536576" s="12"/>
    </row>
    <row r="536577" spans="8:8">
      <c r="H536577" s="12"/>
    </row>
    <row r="536578" spans="8:8">
      <c r="H536578" s="12"/>
    </row>
    <row r="536579" spans="8:8">
      <c r="H536579" s="12"/>
    </row>
    <row r="536580" spans="8:8">
      <c r="H536580" s="12"/>
    </row>
    <row r="536581" spans="8:8">
      <c r="H536581" s="12"/>
    </row>
    <row r="536582" spans="8:8">
      <c r="H536582" s="12"/>
    </row>
    <row r="536583" spans="8:8">
      <c r="H536583" s="12"/>
    </row>
    <row r="536584" spans="8:8">
      <c r="H536584" s="12"/>
    </row>
    <row r="536585" spans="8:8">
      <c r="H536585" s="12"/>
    </row>
    <row r="536586" spans="8:8">
      <c r="H536586" s="12"/>
    </row>
    <row r="536587" spans="8:8">
      <c r="H536587" s="12"/>
    </row>
    <row r="536588" spans="8:8">
      <c r="H536588" s="12"/>
    </row>
    <row r="536589" spans="8:8">
      <c r="H536589" s="12"/>
    </row>
    <row r="536590" spans="8:8">
      <c r="H536590" s="12"/>
    </row>
    <row r="536591" spans="8:8">
      <c r="H536591" s="12"/>
    </row>
    <row r="536592" spans="8:8">
      <c r="H536592" s="12"/>
    </row>
    <row r="536593" spans="8:8">
      <c r="H536593" s="12"/>
    </row>
    <row r="536594" spans="8:8">
      <c r="H536594" s="12"/>
    </row>
    <row r="536595" spans="8:8">
      <c r="H536595" s="12"/>
    </row>
    <row r="536596" spans="8:8">
      <c r="H536596" s="12"/>
    </row>
    <row r="536597" spans="8:8">
      <c r="H536597" s="12"/>
    </row>
    <row r="536598" spans="8:8">
      <c r="H536598" s="12"/>
    </row>
    <row r="536599" spans="8:8">
      <c r="H536599" s="12"/>
    </row>
    <row r="536600" spans="8:8">
      <c r="H536600" s="12"/>
    </row>
    <row r="536601" spans="8:8">
      <c r="H536601" s="12"/>
    </row>
    <row r="536602" spans="8:8">
      <c r="H536602" s="12"/>
    </row>
    <row r="536603" spans="8:8">
      <c r="H536603" s="12"/>
    </row>
    <row r="536604" spans="8:8">
      <c r="H536604" s="12"/>
    </row>
    <row r="536605" spans="8:8">
      <c r="H536605" s="12"/>
    </row>
    <row r="536606" spans="8:8">
      <c r="H536606" s="12"/>
    </row>
    <row r="536607" spans="8:8">
      <c r="H536607" s="12"/>
    </row>
    <row r="536608" spans="8:8">
      <c r="H536608" s="12"/>
    </row>
    <row r="536609" spans="8:8">
      <c r="H536609" s="12"/>
    </row>
    <row r="536610" spans="8:8">
      <c r="H536610" s="12"/>
    </row>
    <row r="536611" spans="8:8">
      <c r="H536611" s="12"/>
    </row>
    <row r="536612" spans="8:8">
      <c r="H536612" s="12"/>
    </row>
    <row r="536613" spans="8:8">
      <c r="H536613" s="12"/>
    </row>
    <row r="536614" spans="8:8">
      <c r="H536614" s="12"/>
    </row>
    <row r="536615" spans="8:8">
      <c r="H536615" s="12"/>
    </row>
    <row r="536616" spans="8:8">
      <c r="H536616" s="12"/>
    </row>
    <row r="536617" spans="8:8">
      <c r="H536617" s="12"/>
    </row>
    <row r="536618" spans="8:8">
      <c r="H536618" s="12"/>
    </row>
    <row r="536619" spans="8:8">
      <c r="H536619" s="12"/>
    </row>
    <row r="536620" spans="8:8">
      <c r="H536620" s="12"/>
    </row>
    <row r="536621" spans="8:8">
      <c r="H536621" s="12"/>
    </row>
    <row r="536622" spans="8:8">
      <c r="H536622" s="12"/>
    </row>
    <row r="536623" spans="8:8">
      <c r="H536623" s="12"/>
    </row>
    <row r="536624" spans="8:8">
      <c r="H536624" s="12"/>
    </row>
    <row r="536625" spans="8:8">
      <c r="H536625" s="12"/>
    </row>
    <row r="536626" spans="8:8">
      <c r="H536626" s="12"/>
    </row>
    <row r="536627" spans="8:8">
      <c r="H536627" s="12"/>
    </row>
    <row r="536628" spans="8:8">
      <c r="H536628" s="12"/>
    </row>
    <row r="536629" spans="8:8">
      <c r="H536629" s="12"/>
    </row>
    <row r="536630" spans="8:8">
      <c r="H536630" s="12"/>
    </row>
    <row r="536631" spans="8:8">
      <c r="H536631" s="12"/>
    </row>
    <row r="536632" spans="8:8">
      <c r="H536632" s="12"/>
    </row>
    <row r="536633" spans="8:8">
      <c r="H536633" s="12"/>
    </row>
    <row r="536634" spans="8:8">
      <c r="H536634" s="12"/>
    </row>
    <row r="536635" spans="8:8">
      <c r="H536635" s="12"/>
    </row>
    <row r="536636" spans="8:8">
      <c r="H536636" s="12"/>
    </row>
    <row r="536637" spans="8:8">
      <c r="H536637" s="12"/>
    </row>
    <row r="536638" spans="8:8">
      <c r="H536638" s="12"/>
    </row>
    <row r="536639" spans="8:8">
      <c r="H536639" s="12"/>
    </row>
    <row r="536640" spans="8:8">
      <c r="H536640" s="12"/>
    </row>
    <row r="536641" spans="8:8">
      <c r="H536641" s="12"/>
    </row>
    <row r="536642" spans="8:8">
      <c r="H536642" s="12"/>
    </row>
    <row r="536643" spans="8:8">
      <c r="H536643" s="12"/>
    </row>
    <row r="536644" spans="8:8">
      <c r="H536644" s="12"/>
    </row>
    <row r="536645" spans="8:8">
      <c r="H536645" s="12"/>
    </row>
    <row r="536646" spans="8:8">
      <c r="H536646" s="12"/>
    </row>
    <row r="536647" spans="8:8">
      <c r="H536647" s="12"/>
    </row>
    <row r="536648" spans="8:8">
      <c r="H536648" s="12"/>
    </row>
    <row r="536649" spans="8:8">
      <c r="H536649" s="12"/>
    </row>
    <row r="536650" spans="8:8">
      <c r="H536650" s="12"/>
    </row>
    <row r="536651" spans="8:8">
      <c r="H536651" s="12"/>
    </row>
    <row r="536652" spans="8:8">
      <c r="H536652" s="12"/>
    </row>
    <row r="536653" spans="8:8">
      <c r="H536653" s="12"/>
    </row>
    <row r="536654" spans="8:8">
      <c r="H536654" s="12"/>
    </row>
    <row r="536655" spans="8:8">
      <c r="H536655" s="12"/>
    </row>
    <row r="536656" spans="8:8">
      <c r="H536656" s="12"/>
    </row>
    <row r="536657" spans="8:8">
      <c r="H536657" s="12"/>
    </row>
    <row r="536658" spans="8:8">
      <c r="H536658" s="12"/>
    </row>
    <row r="536659" spans="8:8">
      <c r="H536659" s="12"/>
    </row>
    <row r="536660" spans="8:8">
      <c r="H536660" s="12"/>
    </row>
    <row r="536661" spans="8:8">
      <c r="H536661" s="12"/>
    </row>
    <row r="536662" spans="8:8">
      <c r="H536662" s="12"/>
    </row>
    <row r="536663" spans="8:8">
      <c r="H536663" s="12"/>
    </row>
    <row r="536664" spans="8:8">
      <c r="H536664" s="12"/>
    </row>
    <row r="536665" spans="8:8">
      <c r="H536665" s="12"/>
    </row>
    <row r="536666" spans="8:8">
      <c r="H536666" s="12"/>
    </row>
    <row r="536667" spans="8:8">
      <c r="H536667" s="12"/>
    </row>
    <row r="536668" spans="8:8">
      <c r="H536668" s="12"/>
    </row>
    <row r="536669" spans="8:8">
      <c r="H536669" s="12"/>
    </row>
    <row r="536670" spans="8:8">
      <c r="H536670" s="12"/>
    </row>
    <row r="536671" spans="8:8">
      <c r="H536671" s="12"/>
    </row>
    <row r="536672" spans="8:8">
      <c r="H536672" s="12"/>
    </row>
    <row r="536673" spans="8:8">
      <c r="H536673" s="12"/>
    </row>
    <row r="536674" spans="8:8">
      <c r="H536674" s="12"/>
    </row>
    <row r="536675" spans="8:8">
      <c r="H536675" s="12"/>
    </row>
    <row r="536676" spans="8:8">
      <c r="H536676" s="12"/>
    </row>
    <row r="536677" spans="8:8">
      <c r="H536677" s="12"/>
    </row>
    <row r="536678" spans="8:8">
      <c r="H536678" s="12"/>
    </row>
    <row r="536679" spans="8:8">
      <c r="H536679" s="12"/>
    </row>
    <row r="536680" spans="8:8">
      <c r="H536680" s="12"/>
    </row>
    <row r="536681" spans="8:8">
      <c r="H536681" s="12"/>
    </row>
    <row r="536682" spans="8:8">
      <c r="H536682" s="12"/>
    </row>
    <row r="536683" spans="8:8">
      <c r="H536683" s="12"/>
    </row>
    <row r="536684" spans="8:8">
      <c r="H536684" s="12"/>
    </row>
    <row r="536685" spans="8:8">
      <c r="H536685" s="12"/>
    </row>
    <row r="536686" spans="8:8">
      <c r="H536686" s="12"/>
    </row>
    <row r="536687" spans="8:8">
      <c r="H536687" s="12"/>
    </row>
    <row r="536688" spans="8:8">
      <c r="H536688" s="12"/>
    </row>
    <row r="536689" spans="8:8">
      <c r="H536689" s="12"/>
    </row>
    <row r="536690" spans="8:8">
      <c r="H536690" s="12"/>
    </row>
    <row r="536691" spans="8:8">
      <c r="H536691" s="12"/>
    </row>
    <row r="536692" spans="8:8">
      <c r="H536692" s="12"/>
    </row>
    <row r="536693" spans="8:8">
      <c r="H536693" s="12"/>
    </row>
    <row r="536694" spans="8:8">
      <c r="H536694" s="12"/>
    </row>
    <row r="536695" spans="8:8">
      <c r="H536695" s="12"/>
    </row>
    <row r="536696" spans="8:8">
      <c r="H536696" s="12"/>
    </row>
    <row r="536697" spans="8:8">
      <c r="H536697" s="12"/>
    </row>
    <row r="536698" spans="8:8">
      <c r="H536698" s="12"/>
    </row>
    <row r="536699" spans="8:8">
      <c r="H536699" s="12"/>
    </row>
    <row r="536700" spans="8:8">
      <c r="H536700" s="12"/>
    </row>
    <row r="536701" spans="8:8">
      <c r="H536701" s="12"/>
    </row>
    <row r="536702" spans="8:8">
      <c r="H536702" s="12"/>
    </row>
    <row r="536703" spans="8:8">
      <c r="H536703" s="12"/>
    </row>
    <row r="536704" spans="8:8">
      <c r="H536704" s="12"/>
    </row>
    <row r="536705" spans="8:8">
      <c r="H536705" s="12"/>
    </row>
    <row r="536706" spans="8:8">
      <c r="H536706" s="12"/>
    </row>
    <row r="536707" spans="8:8">
      <c r="H536707" s="12"/>
    </row>
    <row r="536708" spans="8:8">
      <c r="H536708" s="12"/>
    </row>
    <row r="536709" spans="8:8">
      <c r="H536709" s="12"/>
    </row>
    <row r="536710" spans="8:8">
      <c r="H536710" s="12"/>
    </row>
    <row r="536711" spans="8:8">
      <c r="H536711" s="12"/>
    </row>
    <row r="536712" spans="8:8">
      <c r="H536712" s="12"/>
    </row>
    <row r="536713" spans="8:8">
      <c r="H536713" s="12"/>
    </row>
    <row r="536714" spans="8:8">
      <c r="H536714" s="12"/>
    </row>
    <row r="536715" spans="8:8">
      <c r="H536715" s="12"/>
    </row>
    <row r="536716" spans="8:8">
      <c r="H536716" s="12"/>
    </row>
    <row r="536717" spans="8:8">
      <c r="H536717" s="12"/>
    </row>
    <row r="536718" spans="8:8">
      <c r="H536718" s="12"/>
    </row>
    <row r="536719" spans="8:8">
      <c r="H536719" s="12"/>
    </row>
    <row r="536720" spans="8:8">
      <c r="H536720" s="12"/>
    </row>
    <row r="536721" spans="8:8">
      <c r="H536721" s="12"/>
    </row>
    <row r="536722" spans="8:8">
      <c r="H536722" s="12"/>
    </row>
    <row r="536723" spans="8:8">
      <c r="H536723" s="12"/>
    </row>
    <row r="536724" spans="8:8">
      <c r="H536724" s="12"/>
    </row>
    <row r="536725" spans="8:8">
      <c r="H536725" s="12"/>
    </row>
    <row r="536726" spans="8:8">
      <c r="H536726" s="12"/>
    </row>
    <row r="536727" spans="8:8">
      <c r="H536727" s="12"/>
    </row>
    <row r="536728" spans="8:8">
      <c r="H536728" s="12"/>
    </row>
    <row r="536729" spans="8:8">
      <c r="H536729" s="12"/>
    </row>
    <row r="536730" spans="8:8">
      <c r="H536730" s="12"/>
    </row>
    <row r="536731" spans="8:8">
      <c r="H536731" s="12"/>
    </row>
    <row r="536732" spans="8:8">
      <c r="H536732" s="12"/>
    </row>
    <row r="536733" spans="8:8">
      <c r="H536733" s="12"/>
    </row>
    <row r="536734" spans="8:8">
      <c r="H536734" s="12"/>
    </row>
    <row r="536735" spans="8:8">
      <c r="H536735" s="12"/>
    </row>
    <row r="536736" spans="8:8">
      <c r="H536736" s="12"/>
    </row>
    <row r="536737" spans="8:8">
      <c r="H536737" s="12"/>
    </row>
    <row r="536738" spans="8:8">
      <c r="H536738" s="12"/>
    </row>
    <row r="536739" spans="8:8">
      <c r="H536739" s="12"/>
    </row>
    <row r="536740" spans="8:8">
      <c r="H536740" s="12"/>
    </row>
    <row r="536741" spans="8:8">
      <c r="H536741" s="12"/>
    </row>
    <row r="536742" spans="8:8">
      <c r="H536742" s="12"/>
    </row>
    <row r="536743" spans="8:8">
      <c r="H536743" s="12"/>
    </row>
    <row r="536744" spans="8:8">
      <c r="H536744" s="12"/>
    </row>
    <row r="536745" spans="8:8">
      <c r="H536745" s="12"/>
    </row>
    <row r="536746" spans="8:8">
      <c r="H536746" s="12"/>
    </row>
    <row r="536747" spans="8:8">
      <c r="H536747" s="12"/>
    </row>
    <row r="536748" spans="8:8">
      <c r="H536748" s="12"/>
    </row>
    <row r="536749" spans="8:8">
      <c r="H536749" s="12"/>
    </row>
    <row r="536750" spans="8:8">
      <c r="H536750" s="12"/>
    </row>
    <row r="536751" spans="8:8">
      <c r="H536751" s="12"/>
    </row>
    <row r="536752" spans="8:8">
      <c r="H536752" s="12"/>
    </row>
    <row r="536753" spans="8:8">
      <c r="H536753" s="12"/>
    </row>
    <row r="536754" spans="8:8">
      <c r="H536754" s="12"/>
    </row>
    <row r="536755" spans="8:8">
      <c r="H536755" s="12"/>
    </row>
    <row r="536756" spans="8:8">
      <c r="H536756" s="12"/>
    </row>
    <row r="536757" spans="8:8">
      <c r="H536757" s="12"/>
    </row>
    <row r="536758" spans="8:8">
      <c r="H536758" s="12"/>
    </row>
    <row r="536759" spans="8:8">
      <c r="H536759" s="12"/>
    </row>
    <row r="536760" spans="8:8">
      <c r="H536760" s="12"/>
    </row>
    <row r="536761" spans="8:8">
      <c r="H536761" s="12"/>
    </row>
    <row r="536762" spans="8:8">
      <c r="H536762" s="12"/>
    </row>
    <row r="536763" spans="8:8">
      <c r="H536763" s="12"/>
    </row>
    <row r="536764" spans="8:8">
      <c r="H536764" s="12"/>
    </row>
    <row r="536765" spans="8:8">
      <c r="H536765" s="12"/>
    </row>
    <row r="536766" spans="8:8">
      <c r="H536766" s="12"/>
    </row>
    <row r="536767" spans="8:8">
      <c r="H536767" s="12"/>
    </row>
    <row r="536768" spans="8:8">
      <c r="H536768" s="12"/>
    </row>
    <row r="536769" spans="8:8">
      <c r="H536769" s="12"/>
    </row>
    <row r="536770" spans="8:8">
      <c r="H536770" s="12"/>
    </row>
    <row r="536771" spans="8:8">
      <c r="H536771" s="12"/>
    </row>
    <row r="536772" spans="8:8">
      <c r="H536772" s="12"/>
    </row>
    <row r="536773" spans="8:8">
      <c r="H536773" s="12"/>
    </row>
    <row r="536774" spans="8:8">
      <c r="H536774" s="12"/>
    </row>
    <row r="536775" spans="8:8">
      <c r="H536775" s="12"/>
    </row>
    <row r="536776" spans="8:8">
      <c r="H536776" s="12"/>
    </row>
    <row r="536777" spans="8:8">
      <c r="H536777" s="12"/>
    </row>
    <row r="536778" spans="8:8">
      <c r="H536778" s="12"/>
    </row>
    <row r="536779" spans="8:8">
      <c r="H536779" s="12"/>
    </row>
    <row r="536780" spans="8:8">
      <c r="H536780" s="12"/>
    </row>
    <row r="536781" spans="8:8">
      <c r="H536781" s="12"/>
    </row>
    <row r="536782" spans="8:8">
      <c r="H536782" s="12"/>
    </row>
    <row r="536783" spans="8:8">
      <c r="H536783" s="12"/>
    </row>
    <row r="536784" spans="8:8">
      <c r="H536784" s="12"/>
    </row>
    <row r="536785" spans="8:8">
      <c r="H536785" s="12"/>
    </row>
    <row r="536786" spans="8:8">
      <c r="H536786" s="12"/>
    </row>
    <row r="536787" spans="8:8">
      <c r="H536787" s="12"/>
    </row>
    <row r="536788" spans="8:8">
      <c r="H536788" s="12"/>
    </row>
    <row r="536789" spans="8:8">
      <c r="H536789" s="12"/>
    </row>
    <row r="536790" spans="8:8">
      <c r="H536790" s="12"/>
    </row>
    <row r="536791" spans="8:8">
      <c r="H536791" s="12"/>
    </row>
    <row r="536792" spans="8:8">
      <c r="H536792" s="12"/>
    </row>
    <row r="536793" spans="8:8">
      <c r="H536793" s="12"/>
    </row>
    <row r="536794" spans="8:8">
      <c r="H536794" s="12"/>
    </row>
    <row r="536795" spans="8:8">
      <c r="H536795" s="12"/>
    </row>
    <row r="536796" spans="8:8">
      <c r="H536796" s="12"/>
    </row>
    <row r="536797" spans="8:8">
      <c r="H536797" s="12"/>
    </row>
    <row r="536798" spans="8:8">
      <c r="H536798" s="12"/>
    </row>
    <row r="536799" spans="8:8">
      <c r="H536799" s="12"/>
    </row>
    <row r="536800" spans="8:8">
      <c r="H536800" s="12"/>
    </row>
    <row r="536801" spans="8:8">
      <c r="H536801" s="12"/>
    </row>
    <row r="536802" spans="8:8">
      <c r="H536802" s="12"/>
    </row>
    <row r="536803" spans="8:8">
      <c r="H536803" s="12"/>
    </row>
    <row r="536804" spans="8:8">
      <c r="H536804" s="12"/>
    </row>
    <row r="536805" spans="8:8">
      <c r="H536805" s="12"/>
    </row>
    <row r="536806" spans="8:8">
      <c r="H536806" s="12"/>
    </row>
    <row r="536807" spans="8:8">
      <c r="H536807" s="12"/>
    </row>
    <row r="536808" spans="8:8">
      <c r="H536808" s="12"/>
    </row>
    <row r="536809" spans="8:8">
      <c r="H536809" s="12"/>
    </row>
    <row r="536810" spans="8:8">
      <c r="H536810" s="12"/>
    </row>
    <row r="536811" spans="8:8">
      <c r="H536811" s="12"/>
    </row>
    <row r="536812" spans="8:8">
      <c r="H536812" s="12"/>
    </row>
    <row r="536813" spans="8:8">
      <c r="H536813" s="12"/>
    </row>
    <row r="536814" spans="8:8">
      <c r="H536814" s="12"/>
    </row>
    <row r="536815" spans="8:8">
      <c r="H536815" s="12"/>
    </row>
    <row r="536816" spans="8:8">
      <c r="H536816" s="12"/>
    </row>
    <row r="536817" spans="8:8">
      <c r="H536817" s="12"/>
    </row>
    <row r="536818" spans="8:8">
      <c r="H536818" s="12"/>
    </row>
    <row r="536819" spans="8:8">
      <c r="H536819" s="12"/>
    </row>
    <row r="536820" spans="8:8">
      <c r="H536820" s="12"/>
    </row>
    <row r="536821" spans="8:8">
      <c r="H536821" s="12"/>
    </row>
    <row r="536822" spans="8:8">
      <c r="H536822" s="12"/>
    </row>
    <row r="536823" spans="8:8">
      <c r="H536823" s="12"/>
    </row>
    <row r="536824" spans="8:8">
      <c r="H536824" s="12"/>
    </row>
    <row r="536825" spans="8:8">
      <c r="H536825" s="12"/>
    </row>
    <row r="536826" spans="8:8">
      <c r="H536826" s="12"/>
    </row>
    <row r="536827" spans="8:8">
      <c r="H536827" s="12"/>
    </row>
    <row r="536828" spans="8:8">
      <c r="H536828" s="12"/>
    </row>
    <row r="536829" spans="8:8">
      <c r="H536829" s="12"/>
    </row>
    <row r="536830" spans="8:8">
      <c r="H536830" s="12"/>
    </row>
    <row r="536831" spans="8:8">
      <c r="H536831" s="12"/>
    </row>
    <row r="536832" spans="8:8">
      <c r="H536832" s="12"/>
    </row>
    <row r="536833" spans="8:8">
      <c r="H536833" s="12"/>
    </row>
    <row r="536834" spans="8:8">
      <c r="H536834" s="12"/>
    </row>
    <row r="536835" spans="8:8">
      <c r="H536835" s="12"/>
    </row>
    <row r="536836" spans="8:8">
      <c r="H536836" s="12"/>
    </row>
    <row r="536837" spans="8:8">
      <c r="H536837" s="12"/>
    </row>
    <row r="536838" spans="8:8">
      <c r="H536838" s="12"/>
    </row>
    <row r="536839" spans="8:8">
      <c r="H536839" s="12"/>
    </row>
    <row r="536840" spans="8:8">
      <c r="H536840" s="12"/>
    </row>
    <row r="536841" spans="8:8">
      <c r="H536841" s="12"/>
    </row>
    <row r="536842" spans="8:8">
      <c r="H536842" s="12"/>
    </row>
    <row r="536843" spans="8:8">
      <c r="H536843" s="12"/>
    </row>
    <row r="536844" spans="8:8">
      <c r="H536844" s="12"/>
    </row>
    <row r="536845" spans="8:8">
      <c r="H536845" s="12"/>
    </row>
    <row r="536846" spans="8:8">
      <c r="H536846" s="12"/>
    </row>
    <row r="536847" spans="8:8">
      <c r="H536847" s="12"/>
    </row>
    <row r="536848" spans="8:8">
      <c r="H536848" s="12"/>
    </row>
    <row r="536849" spans="8:8">
      <c r="H536849" s="12"/>
    </row>
    <row r="536850" spans="8:8">
      <c r="H536850" s="12"/>
    </row>
    <row r="536851" spans="8:8">
      <c r="H536851" s="12"/>
    </row>
    <row r="536852" spans="8:8">
      <c r="H536852" s="12"/>
    </row>
    <row r="536853" spans="8:8">
      <c r="H536853" s="12"/>
    </row>
    <row r="536854" spans="8:8">
      <c r="H536854" s="12"/>
    </row>
    <row r="536855" spans="8:8">
      <c r="H536855" s="12"/>
    </row>
    <row r="536856" spans="8:8">
      <c r="H536856" s="12"/>
    </row>
    <row r="536857" spans="8:8">
      <c r="H536857" s="12"/>
    </row>
    <row r="536858" spans="8:8">
      <c r="H536858" s="12"/>
    </row>
    <row r="536859" spans="8:8">
      <c r="H536859" s="12"/>
    </row>
    <row r="536860" spans="8:8">
      <c r="H536860" s="12"/>
    </row>
    <row r="536861" spans="8:8">
      <c r="H536861" s="12"/>
    </row>
    <row r="536862" spans="8:8">
      <c r="H536862" s="12"/>
    </row>
    <row r="536863" spans="8:8">
      <c r="H536863" s="12"/>
    </row>
    <row r="536864" spans="8:8">
      <c r="H536864" s="12"/>
    </row>
    <row r="536865" spans="8:8">
      <c r="H536865" s="12"/>
    </row>
    <row r="536866" spans="8:8">
      <c r="H536866" s="12"/>
    </row>
    <row r="536867" spans="8:8">
      <c r="H536867" s="12"/>
    </row>
    <row r="536868" spans="8:8">
      <c r="H536868" s="12"/>
    </row>
    <row r="536869" spans="8:8">
      <c r="H536869" s="12"/>
    </row>
    <row r="536870" spans="8:8">
      <c r="H536870" s="12"/>
    </row>
    <row r="536871" spans="8:8">
      <c r="H536871" s="12"/>
    </row>
    <row r="536872" spans="8:8">
      <c r="H536872" s="12"/>
    </row>
    <row r="536873" spans="8:8">
      <c r="H536873" s="12"/>
    </row>
    <row r="536874" spans="8:8">
      <c r="H536874" s="12"/>
    </row>
    <row r="536875" spans="8:8">
      <c r="H536875" s="12"/>
    </row>
    <row r="536876" spans="8:8">
      <c r="H536876" s="12"/>
    </row>
    <row r="536877" spans="8:8">
      <c r="H536877" s="12"/>
    </row>
    <row r="536878" spans="8:8">
      <c r="H536878" s="12"/>
    </row>
    <row r="536879" spans="8:8">
      <c r="H536879" s="12"/>
    </row>
    <row r="536880" spans="8:8">
      <c r="H536880" s="12"/>
    </row>
    <row r="536881" spans="8:8">
      <c r="H536881" s="12"/>
    </row>
    <row r="536882" spans="8:8">
      <c r="H536882" s="12"/>
    </row>
    <row r="536883" spans="8:8">
      <c r="H536883" s="12"/>
    </row>
    <row r="536884" spans="8:8">
      <c r="H536884" s="12"/>
    </row>
    <row r="536885" spans="8:8">
      <c r="H536885" s="12"/>
    </row>
    <row r="536886" spans="8:8">
      <c r="H536886" s="12"/>
    </row>
    <row r="536887" spans="8:8">
      <c r="H536887" s="12"/>
    </row>
    <row r="536888" spans="8:8">
      <c r="H536888" s="12"/>
    </row>
    <row r="536889" spans="8:8">
      <c r="H536889" s="12"/>
    </row>
    <row r="536890" spans="8:8">
      <c r="H536890" s="12"/>
    </row>
    <row r="536891" spans="8:8">
      <c r="H536891" s="12"/>
    </row>
    <row r="536892" spans="8:8">
      <c r="H536892" s="12"/>
    </row>
    <row r="536893" spans="8:8">
      <c r="H536893" s="12"/>
    </row>
    <row r="536894" spans="8:8">
      <c r="H536894" s="12"/>
    </row>
    <row r="536895" spans="8:8">
      <c r="H536895" s="12"/>
    </row>
    <row r="536896" spans="8:8">
      <c r="H536896" s="12"/>
    </row>
    <row r="536897" spans="8:8">
      <c r="H536897" s="12"/>
    </row>
    <row r="536898" spans="8:8">
      <c r="H536898" s="12"/>
    </row>
    <row r="536899" spans="8:8">
      <c r="H536899" s="12"/>
    </row>
    <row r="536900" spans="8:8">
      <c r="H536900" s="12"/>
    </row>
    <row r="536901" spans="8:8">
      <c r="H536901" s="12"/>
    </row>
    <row r="536902" spans="8:8">
      <c r="H536902" s="12"/>
    </row>
    <row r="536903" spans="8:8">
      <c r="H536903" s="12"/>
    </row>
    <row r="536904" spans="8:8">
      <c r="H536904" s="12"/>
    </row>
    <row r="536905" spans="8:8">
      <c r="H536905" s="12"/>
    </row>
    <row r="536906" spans="8:8">
      <c r="H536906" s="12"/>
    </row>
    <row r="536907" spans="8:8">
      <c r="H536907" s="12"/>
    </row>
    <row r="536908" spans="8:8">
      <c r="H536908" s="12"/>
    </row>
    <row r="536909" spans="8:8">
      <c r="H536909" s="12"/>
    </row>
    <row r="536910" spans="8:8">
      <c r="H536910" s="12"/>
    </row>
    <row r="536911" spans="8:8">
      <c r="H536911" s="12"/>
    </row>
    <row r="536912" spans="8:8">
      <c r="H536912" s="12"/>
    </row>
    <row r="536913" spans="8:8">
      <c r="H536913" s="12"/>
    </row>
    <row r="536914" spans="8:8">
      <c r="H536914" s="12"/>
    </row>
    <row r="536915" spans="8:8">
      <c r="H536915" s="12"/>
    </row>
    <row r="536916" spans="8:8">
      <c r="H536916" s="12"/>
    </row>
    <row r="536917" spans="8:8">
      <c r="H536917" s="12"/>
    </row>
    <row r="536918" spans="8:8">
      <c r="H536918" s="12"/>
    </row>
    <row r="536919" spans="8:8">
      <c r="H536919" s="12"/>
    </row>
    <row r="536920" spans="8:8">
      <c r="H536920" s="12"/>
    </row>
    <row r="536921" spans="8:8">
      <c r="H536921" s="12"/>
    </row>
    <row r="536922" spans="8:8">
      <c r="H536922" s="12"/>
    </row>
    <row r="536923" spans="8:8">
      <c r="H536923" s="12"/>
    </row>
    <row r="536924" spans="8:8">
      <c r="H536924" s="12"/>
    </row>
    <row r="536925" spans="8:8">
      <c r="H536925" s="12"/>
    </row>
    <row r="536926" spans="8:8">
      <c r="H536926" s="12"/>
    </row>
    <row r="536927" spans="8:8">
      <c r="H536927" s="12"/>
    </row>
    <row r="536928" spans="8:8">
      <c r="H536928" s="12"/>
    </row>
    <row r="536929" spans="8:8">
      <c r="H536929" s="12"/>
    </row>
    <row r="536930" spans="8:8">
      <c r="H536930" s="12"/>
    </row>
    <row r="536931" spans="8:8">
      <c r="H536931" s="12"/>
    </row>
    <row r="536932" spans="8:8">
      <c r="H536932" s="12"/>
    </row>
    <row r="536933" spans="8:8">
      <c r="H536933" s="12"/>
    </row>
    <row r="536934" spans="8:8">
      <c r="H536934" s="12"/>
    </row>
    <row r="536935" spans="8:8">
      <c r="H536935" s="12"/>
    </row>
    <row r="536936" spans="8:8">
      <c r="H536936" s="12"/>
    </row>
    <row r="536937" spans="8:8">
      <c r="H536937" s="12"/>
    </row>
    <row r="536938" spans="8:8">
      <c r="H536938" s="12"/>
    </row>
    <row r="536939" spans="8:8">
      <c r="H536939" s="12"/>
    </row>
    <row r="536940" spans="8:8">
      <c r="H536940" s="12"/>
    </row>
    <row r="536941" spans="8:8">
      <c r="H536941" s="12"/>
    </row>
    <row r="536942" spans="8:8">
      <c r="H536942" s="12"/>
    </row>
    <row r="536943" spans="8:8">
      <c r="H536943" s="12"/>
    </row>
    <row r="536944" spans="8:8">
      <c r="H536944" s="12"/>
    </row>
    <row r="536945" spans="8:8">
      <c r="H536945" s="12"/>
    </row>
    <row r="536946" spans="8:8">
      <c r="H536946" s="12"/>
    </row>
    <row r="536947" spans="8:8">
      <c r="H536947" s="12"/>
    </row>
    <row r="536948" spans="8:8">
      <c r="H536948" s="12"/>
    </row>
    <row r="536949" spans="8:8">
      <c r="H536949" s="12"/>
    </row>
    <row r="536950" spans="8:8">
      <c r="H536950" s="12"/>
    </row>
    <row r="536951" spans="8:8">
      <c r="H536951" s="12"/>
    </row>
    <row r="536952" spans="8:8">
      <c r="H536952" s="12"/>
    </row>
    <row r="536953" spans="8:8">
      <c r="H536953" s="12"/>
    </row>
    <row r="536954" spans="8:8">
      <c r="H536954" s="12"/>
    </row>
    <row r="536955" spans="8:8">
      <c r="H536955" s="12"/>
    </row>
    <row r="536956" spans="8:8">
      <c r="H536956" s="12"/>
    </row>
    <row r="536957" spans="8:8">
      <c r="H536957" s="12"/>
    </row>
    <row r="536958" spans="8:8">
      <c r="H536958" s="12"/>
    </row>
    <row r="536959" spans="8:8">
      <c r="H536959" s="12"/>
    </row>
    <row r="536960" spans="8:8">
      <c r="H536960" s="12"/>
    </row>
    <row r="536961" spans="8:8">
      <c r="H536961" s="12"/>
    </row>
    <row r="536962" spans="8:8">
      <c r="H536962" s="12"/>
    </row>
    <row r="536963" spans="8:8">
      <c r="H536963" s="12"/>
    </row>
    <row r="536964" spans="8:8">
      <c r="H536964" s="12"/>
    </row>
    <row r="536965" spans="8:8">
      <c r="H536965" s="12"/>
    </row>
    <row r="536966" spans="8:8">
      <c r="H536966" s="12"/>
    </row>
    <row r="536967" spans="8:8">
      <c r="H536967" s="12"/>
    </row>
    <row r="536968" spans="8:8">
      <c r="H536968" s="12"/>
    </row>
    <row r="536969" spans="8:8">
      <c r="H536969" s="12"/>
    </row>
    <row r="536970" spans="8:8">
      <c r="H536970" s="12"/>
    </row>
    <row r="536971" spans="8:8">
      <c r="H536971" s="12"/>
    </row>
    <row r="536972" spans="8:8">
      <c r="H536972" s="12"/>
    </row>
    <row r="536973" spans="8:8">
      <c r="H536973" s="12"/>
    </row>
    <row r="536974" spans="8:8">
      <c r="H536974" s="12"/>
    </row>
    <row r="536975" spans="8:8">
      <c r="H536975" s="12"/>
    </row>
    <row r="536976" spans="8:8">
      <c r="H536976" s="12"/>
    </row>
    <row r="536977" spans="8:8">
      <c r="H536977" s="12"/>
    </row>
    <row r="536978" spans="8:8">
      <c r="H536978" s="12"/>
    </row>
    <row r="536979" spans="8:8">
      <c r="H536979" s="12"/>
    </row>
    <row r="536980" spans="8:8">
      <c r="H536980" s="12"/>
    </row>
    <row r="536981" spans="8:8">
      <c r="H536981" s="12"/>
    </row>
    <row r="536982" spans="8:8">
      <c r="H536982" s="12"/>
    </row>
    <row r="536983" spans="8:8">
      <c r="H536983" s="12"/>
    </row>
    <row r="536984" spans="8:8">
      <c r="H536984" s="12"/>
    </row>
    <row r="536985" spans="8:8">
      <c r="H536985" s="12"/>
    </row>
    <row r="536986" spans="8:8">
      <c r="H536986" s="12"/>
    </row>
    <row r="536987" spans="8:8">
      <c r="H536987" s="12"/>
    </row>
    <row r="536988" spans="8:8">
      <c r="H536988" s="12"/>
    </row>
    <row r="536989" spans="8:8">
      <c r="H536989" s="12"/>
    </row>
    <row r="536990" spans="8:8">
      <c r="H536990" s="12"/>
    </row>
    <row r="536991" spans="8:8">
      <c r="H536991" s="12"/>
    </row>
    <row r="536992" spans="8:8">
      <c r="H536992" s="12"/>
    </row>
    <row r="536993" spans="8:8">
      <c r="H536993" s="12"/>
    </row>
    <row r="536994" spans="8:8">
      <c r="H536994" s="12"/>
    </row>
    <row r="536995" spans="8:8">
      <c r="H536995" s="12"/>
    </row>
    <row r="536996" spans="8:8">
      <c r="H536996" s="12"/>
    </row>
    <row r="536997" spans="8:8">
      <c r="H536997" s="12"/>
    </row>
    <row r="536998" spans="8:8">
      <c r="H536998" s="12"/>
    </row>
    <row r="536999" spans="8:8">
      <c r="H536999" s="12"/>
    </row>
    <row r="537000" spans="8:8">
      <c r="H537000" s="12"/>
    </row>
    <row r="537001" spans="8:8">
      <c r="H537001" s="12"/>
    </row>
    <row r="537002" spans="8:8">
      <c r="H537002" s="12"/>
    </row>
    <row r="537003" spans="8:8">
      <c r="H537003" s="12"/>
    </row>
    <row r="537004" spans="8:8">
      <c r="H537004" s="12"/>
    </row>
    <row r="537005" spans="8:8">
      <c r="H537005" s="12"/>
    </row>
    <row r="537006" spans="8:8">
      <c r="H537006" s="12"/>
    </row>
    <row r="537007" spans="8:8">
      <c r="H537007" s="12"/>
    </row>
    <row r="537008" spans="8:8">
      <c r="H537008" s="12"/>
    </row>
    <row r="537009" spans="8:8">
      <c r="H537009" s="12"/>
    </row>
    <row r="537010" spans="8:8">
      <c r="H537010" s="12"/>
    </row>
    <row r="537011" spans="8:8">
      <c r="H537011" s="12"/>
    </row>
    <row r="537012" spans="8:8">
      <c r="H537012" s="12"/>
    </row>
    <row r="537013" spans="8:8">
      <c r="H537013" s="12"/>
    </row>
    <row r="537014" spans="8:8">
      <c r="H537014" s="12"/>
    </row>
    <row r="537015" spans="8:8">
      <c r="H537015" s="12"/>
    </row>
    <row r="537016" spans="8:8">
      <c r="H537016" s="12"/>
    </row>
    <row r="537017" spans="8:8">
      <c r="H537017" s="12"/>
    </row>
    <row r="537018" spans="8:8">
      <c r="H537018" s="12"/>
    </row>
    <row r="537019" spans="8:8">
      <c r="H537019" s="12"/>
    </row>
    <row r="537020" spans="8:8">
      <c r="H537020" s="12"/>
    </row>
    <row r="537021" spans="8:8">
      <c r="H537021" s="12"/>
    </row>
    <row r="537022" spans="8:8">
      <c r="H537022" s="12"/>
    </row>
    <row r="537023" spans="8:8">
      <c r="H537023" s="12"/>
    </row>
    <row r="537024" spans="8:8">
      <c r="H537024" s="12"/>
    </row>
    <row r="537025" spans="8:8">
      <c r="H537025" s="12"/>
    </row>
    <row r="537026" spans="8:8">
      <c r="H537026" s="12"/>
    </row>
    <row r="537027" spans="8:8">
      <c r="H537027" s="12"/>
    </row>
    <row r="537028" spans="8:8">
      <c r="H537028" s="12"/>
    </row>
    <row r="537029" spans="8:8">
      <c r="H537029" s="12"/>
    </row>
    <row r="537030" spans="8:8">
      <c r="H537030" s="12"/>
    </row>
    <row r="537031" spans="8:8">
      <c r="H537031" s="12"/>
    </row>
    <row r="537032" spans="8:8">
      <c r="H537032" s="12"/>
    </row>
    <row r="537033" spans="8:8">
      <c r="H537033" s="12"/>
    </row>
    <row r="537034" spans="8:8">
      <c r="H537034" s="12"/>
    </row>
    <row r="537035" spans="8:8">
      <c r="H537035" s="12"/>
    </row>
    <row r="537036" spans="8:8">
      <c r="H537036" s="12"/>
    </row>
    <row r="537037" spans="8:8">
      <c r="H537037" s="12"/>
    </row>
    <row r="537038" spans="8:8">
      <c r="H537038" s="12"/>
    </row>
    <row r="537039" spans="8:8">
      <c r="H537039" s="12"/>
    </row>
    <row r="537040" spans="8:8">
      <c r="H537040" s="12"/>
    </row>
    <row r="537041" spans="8:8">
      <c r="H537041" s="12"/>
    </row>
    <row r="537042" spans="8:8">
      <c r="H537042" s="12"/>
    </row>
    <row r="537043" spans="8:8">
      <c r="H537043" s="12"/>
    </row>
    <row r="537044" spans="8:8">
      <c r="H537044" s="12"/>
    </row>
    <row r="537045" spans="8:8">
      <c r="H537045" s="12"/>
    </row>
    <row r="537046" spans="8:8">
      <c r="H537046" s="12"/>
    </row>
    <row r="537047" spans="8:8">
      <c r="H537047" s="12"/>
    </row>
    <row r="537048" spans="8:8">
      <c r="H537048" s="12"/>
    </row>
    <row r="537049" spans="8:8">
      <c r="H537049" s="12"/>
    </row>
    <row r="537050" spans="8:8">
      <c r="H537050" s="12"/>
    </row>
    <row r="537051" spans="8:8">
      <c r="H537051" s="12"/>
    </row>
    <row r="537052" spans="8:8">
      <c r="H537052" s="12"/>
    </row>
    <row r="537053" spans="8:8">
      <c r="H537053" s="12"/>
    </row>
    <row r="537054" spans="8:8">
      <c r="H537054" s="12"/>
    </row>
    <row r="537055" spans="8:8">
      <c r="H537055" s="12"/>
    </row>
    <row r="537056" spans="8:8">
      <c r="H537056" s="12"/>
    </row>
    <row r="537057" spans="8:8">
      <c r="H537057" s="12"/>
    </row>
    <row r="537058" spans="8:8">
      <c r="H537058" s="12"/>
    </row>
    <row r="537059" spans="8:8">
      <c r="H537059" s="12"/>
    </row>
    <row r="537060" spans="8:8">
      <c r="H537060" s="12"/>
    </row>
    <row r="537061" spans="8:8">
      <c r="H537061" s="12"/>
    </row>
    <row r="537062" spans="8:8">
      <c r="H537062" s="12"/>
    </row>
    <row r="537063" spans="8:8">
      <c r="H537063" s="12"/>
    </row>
    <row r="537064" spans="8:8">
      <c r="H537064" s="12"/>
    </row>
    <row r="537065" spans="8:8">
      <c r="H537065" s="12"/>
    </row>
    <row r="537066" spans="8:8">
      <c r="H537066" s="12"/>
    </row>
    <row r="537067" spans="8:8">
      <c r="H537067" s="12"/>
    </row>
    <row r="537068" spans="8:8">
      <c r="H537068" s="12"/>
    </row>
    <row r="537069" spans="8:8">
      <c r="H537069" s="12"/>
    </row>
    <row r="537070" spans="8:8">
      <c r="H537070" s="12"/>
    </row>
    <row r="537071" spans="8:8">
      <c r="H537071" s="12"/>
    </row>
    <row r="537072" spans="8:8">
      <c r="H537072" s="12"/>
    </row>
    <row r="537073" spans="8:8">
      <c r="H537073" s="12"/>
    </row>
    <row r="537074" spans="8:8">
      <c r="H537074" s="12"/>
    </row>
    <row r="537075" spans="8:8">
      <c r="H537075" s="12"/>
    </row>
    <row r="537076" spans="8:8">
      <c r="H537076" s="12"/>
    </row>
    <row r="537077" spans="8:8">
      <c r="H537077" s="12"/>
    </row>
    <row r="537078" spans="8:8">
      <c r="H537078" s="12"/>
    </row>
    <row r="537079" spans="8:8">
      <c r="H537079" s="12"/>
    </row>
    <row r="537080" spans="8:8">
      <c r="H537080" s="12"/>
    </row>
    <row r="537081" spans="8:8">
      <c r="H537081" s="12"/>
    </row>
    <row r="537082" spans="8:8">
      <c r="H537082" s="12"/>
    </row>
    <row r="537083" spans="8:8">
      <c r="H537083" s="12"/>
    </row>
    <row r="537084" spans="8:8">
      <c r="H537084" s="12"/>
    </row>
    <row r="537085" spans="8:8">
      <c r="H537085" s="12"/>
    </row>
    <row r="537086" spans="8:8">
      <c r="H537086" s="12"/>
    </row>
    <row r="537087" spans="8:8">
      <c r="H537087" s="12"/>
    </row>
    <row r="537088" spans="8:8">
      <c r="H537088" s="12"/>
    </row>
    <row r="537089" spans="8:8">
      <c r="H537089" s="12"/>
    </row>
    <row r="537090" spans="8:8">
      <c r="H537090" s="12"/>
    </row>
    <row r="537091" spans="8:8">
      <c r="H537091" s="12"/>
    </row>
    <row r="537092" spans="8:8">
      <c r="H537092" s="12"/>
    </row>
    <row r="537093" spans="8:8">
      <c r="H537093" s="12"/>
    </row>
    <row r="537094" spans="8:8">
      <c r="H537094" s="12"/>
    </row>
    <row r="537095" spans="8:8">
      <c r="H537095" s="12"/>
    </row>
    <row r="537096" spans="8:8">
      <c r="H537096" s="12"/>
    </row>
    <row r="537097" spans="8:8">
      <c r="H537097" s="12"/>
    </row>
    <row r="537098" spans="8:8">
      <c r="H537098" s="12"/>
    </row>
    <row r="537099" spans="8:8">
      <c r="H537099" s="12"/>
    </row>
    <row r="537100" spans="8:8">
      <c r="H537100" s="12"/>
    </row>
    <row r="537101" spans="8:8">
      <c r="H537101" s="12"/>
    </row>
    <row r="537102" spans="8:8">
      <c r="H537102" s="12"/>
    </row>
    <row r="537103" spans="8:8">
      <c r="H537103" s="12"/>
    </row>
    <row r="537104" spans="8:8">
      <c r="H537104" s="12"/>
    </row>
    <row r="537105" spans="8:8">
      <c r="H537105" s="12"/>
    </row>
    <row r="537106" spans="8:8">
      <c r="H537106" s="12"/>
    </row>
    <row r="537107" spans="8:8">
      <c r="H537107" s="12"/>
    </row>
    <row r="537108" spans="8:8">
      <c r="H537108" s="12"/>
    </row>
    <row r="537109" spans="8:8">
      <c r="H537109" s="12"/>
    </row>
    <row r="537110" spans="8:8">
      <c r="H537110" s="12"/>
    </row>
    <row r="537111" spans="8:8">
      <c r="H537111" s="12"/>
    </row>
    <row r="537112" spans="8:8">
      <c r="H537112" s="12"/>
    </row>
    <row r="537113" spans="8:8">
      <c r="H537113" s="12"/>
    </row>
    <row r="537114" spans="8:8">
      <c r="H537114" s="12"/>
    </row>
    <row r="537115" spans="8:8">
      <c r="H537115" s="12"/>
    </row>
    <row r="537116" spans="8:8">
      <c r="H537116" s="12"/>
    </row>
    <row r="537117" spans="8:8">
      <c r="H537117" s="12"/>
    </row>
    <row r="537118" spans="8:8">
      <c r="H537118" s="12"/>
    </row>
    <row r="537119" spans="8:8">
      <c r="H537119" s="12"/>
    </row>
    <row r="537120" spans="8:8">
      <c r="H537120" s="12"/>
    </row>
    <row r="537121" spans="8:8">
      <c r="H537121" s="12"/>
    </row>
    <row r="537122" spans="8:8">
      <c r="H537122" s="12"/>
    </row>
    <row r="537123" spans="8:8">
      <c r="H537123" s="12"/>
    </row>
    <row r="537124" spans="8:8">
      <c r="H537124" s="12"/>
    </row>
    <row r="537125" spans="8:8">
      <c r="H537125" s="12"/>
    </row>
    <row r="537126" spans="8:8">
      <c r="H537126" s="12"/>
    </row>
    <row r="537127" spans="8:8">
      <c r="H537127" s="12"/>
    </row>
    <row r="537128" spans="8:8">
      <c r="H537128" s="12"/>
    </row>
    <row r="537129" spans="8:8">
      <c r="H537129" s="12"/>
    </row>
    <row r="537130" spans="8:8">
      <c r="H537130" s="12"/>
    </row>
    <row r="537131" spans="8:8">
      <c r="H537131" s="12"/>
    </row>
    <row r="537132" spans="8:8">
      <c r="H537132" s="12"/>
    </row>
    <row r="537133" spans="8:8">
      <c r="H537133" s="12"/>
    </row>
    <row r="537134" spans="8:8">
      <c r="H537134" s="12"/>
    </row>
    <row r="537135" spans="8:8">
      <c r="H537135" s="12"/>
    </row>
    <row r="537136" spans="8:8">
      <c r="H537136" s="12"/>
    </row>
    <row r="537137" spans="8:8">
      <c r="H537137" s="12"/>
    </row>
    <row r="537138" spans="8:8">
      <c r="H537138" s="12"/>
    </row>
    <row r="537139" spans="8:8">
      <c r="H537139" s="12"/>
    </row>
    <row r="537140" spans="8:8">
      <c r="H537140" s="12"/>
    </row>
    <row r="537141" spans="8:8">
      <c r="H537141" s="12"/>
    </row>
    <row r="537142" spans="8:8">
      <c r="H537142" s="12"/>
    </row>
    <row r="537143" spans="8:8">
      <c r="H537143" s="12"/>
    </row>
    <row r="537144" spans="8:8">
      <c r="H537144" s="12"/>
    </row>
    <row r="537145" spans="8:8">
      <c r="H537145" s="12"/>
    </row>
    <row r="537146" spans="8:8">
      <c r="H537146" s="12"/>
    </row>
    <row r="537147" spans="8:8">
      <c r="H537147" s="12"/>
    </row>
    <row r="537148" spans="8:8">
      <c r="H537148" s="12"/>
    </row>
    <row r="537149" spans="8:8">
      <c r="H537149" s="12"/>
    </row>
    <row r="537150" spans="8:8">
      <c r="H537150" s="12"/>
    </row>
    <row r="537151" spans="8:8">
      <c r="H537151" s="12"/>
    </row>
    <row r="537152" spans="8:8">
      <c r="H537152" s="12"/>
    </row>
    <row r="537153" spans="8:8">
      <c r="H537153" s="12"/>
    </row>
    <row r="537154" spans="8:8">
      <c r="H537154" s="12"/>
    </row>
    <row r="537155" spans="8:8">
      <c r="H537155" s="12"/>
    </row>
    <row r="537156" spans="8:8">
      <c r="H537156" s="12"/>
    </row>
    <row r="537157" spans="8:8">
      <c r="H537157" s="12"/>
    </row>
    <row r="537158" spans="8:8">
      <c r="H537158" s="12"/>
    </row>
    <row r="537159" spans="8:8">
      <c r="H537159" s="12"/>
    </row>
    <row r="537160" spans="8:8">
      <c r="H537160" s="12"/>
    </row>
    <row r="537161" spans="8:8">
      <c r="H537161" s="12"/>
    </row>
    <row r="537162" spans="8:8">
      <c r="H537162" s="12"/>
    </row>
    <row r="537163" spans="8:8">
      <c r="H537163" s="12"/>
    </row>
    <row r="537164" spans="8:8">
      <c r="H537164" s="12"/>
    </row>
    <row r="537165" spans="8:8">
      <c r="H537165" s="12"/>
    </row>
    <row r="537166" spans="8:8">
      <c r="H537166" s="12"/>
    </row>
    <row r="537167" spans="8:8">
      <c r="H537167" s="12"/>
    </row>
    <row r="537168" spans="8:8">
      <c r="H537168" s="12"/>
    </row>
    <row r="537169" spans="8:8">
      <c r="H537169" s="12"/>
    </row>
    <row r="537170" spans="8:8">
      <c r="H537170" s="12"/>
    </row>
    <row r="537171" spans="8:8">
      <c r="H537171" s="12"/>
    </row>
    <row r="537172" spans="8:8">
      <c r="H537172" s="12"/>
    </row>
    <row r="537173" spans="8:8">
      <c r="H537173" s="12"/>
    </row>
    <row r="537174" spans="8:8">
      <c r="H537174" s="12"/>
    </row>
    <row r="537175" spans="8:8">
      <c r="H537175" s="12"/>
    </row>
    <row r="537176" spans="8:8">
      <c r="H537176" s="12"/>
    </row>
    <row r="537177" spans="8:8">
      <c r="H537177" s="12"/>
    </row>
    <row r="537178" spans="8:8">
      <c r="H537178" s="12"/>
    </row>
    <row r="537179" spans="8:8">
      <c r="H537179" s="12"/>
    </row>
    <row r="537180" spans="8:8">
      <c r="H537180" s="12"/>
    </row>
    <row r="537181" spans="8:8">
      <c r="H537181" s="12"/>
    </row>
    <row r="537182" spans="8:8">
      <c r="H537182" s="12"/>
    </row>
    <row r="537183" spans="8:8">
      <c r="H537183" s="12"/>
    </row>
    <row r="537184" spans="8:8">
      <c r="H537184" s="12"/>
    </row>
    <row r="537185" spans="8:8">
      <c r="H537185" s="12"/>
    </row>
    <row r="537186" spans="8:8">
      <c r="H537186" s="12"/>
    </row>
    <row r="537187" spans="8:8">
      <c r="H537187" s="12"/>
    </row>
    <row r="537188" spans="8:8">
      <c r="H537188" s="12"/>
    </row>
    <row r="537189" spans="8:8">
      <c r="H537189" s="12"/>
    </row>
    <row r="537190" spans="8:8">
      <c r="H537190" s="12"/>
    </row>
    <row r="537191" spans="8:8">
      <c r="H537191" s="12"/>
    </row>
    <row r="537192" spans="8:8">
      <c r="H537192" s="12"/>
    </row>
    <row r="537193" spans="8:8">
      <c r="H537193" s="12"/>
    </row>
    <row r="537194" spans="8:8">
      <c r="H537194" s="12"/>
    </row>
    <row r="537195" spans="8:8">
      <c r="H537195" s="12"/>
    </row>
    <row r="537196" spans="8:8">
      <c r="H537196" s="12"/>
    </row>
    <row r="537197" spans="8:8">
      <c r="H537197" s="12"/>
    </row>
    <row r="537198" spans="8:8">
      <c r="H537198" s="12"/>
    </row>
    <row r="537199" spans="8:8">
      <c r="H537199" s="12"/>
    </row>
    <row r="537200" spans="8:8">
      <c r="H537200" s="12"/>
    </row>
    <row r="537201" spans="8:8">
      <c r="H537201" s="12"/>
    </row>
    <row r="537202" spans="8:8">
      <c r="H537202" s="12"/>
    </row>
    <row r="537203" spans="8:8">
      <c r="H537203" s="12"/>
    </row>
    <row r="537204" spans="8:8">
      <c r="H537204" s="12"/>
    </row>
    <row r="537205" spans="8:8">
      <c r="H537205" s="12"/>
    </row>
    <row r="537206" spans="8:8">
      <c r="H537206" s="12"/>
    </row>
    <row r="537207" spans="8:8">
      <c r="H537207" s="12"/>
    </row>
    <row r="537208" spans="8:8">
      <c r="H537208" s="12"/>
    </row>
    <row r="537209" spans="8:8">
      <c r="H537209" s="12"/>
    </row>
    <row r="537210" spans="8:8">
      <c r="H537210" s="12"/>
    </row>
    <row r="537211" spans="8:8">
      <c r="H537211" s="12"/>
    </row>
    <row r="537212" spans="8:8">
      <c r="H537212" s="12"/>
    </row>
    <row r="537213" spans="8:8">
      <c r="H537213" s="12"/>
    </row>
    <row r="537214" spans="8:8">
      <c r="H537214" s="12"/>
    </row>
    <row r="537215" spans="8:8">
      <c r="H537215" s="12"/>
    </row>
    <row r="537216" spans="8:8">
      <c r="H537216" s="12"/>
    </row>
    <row r="537217" spans="8:8">
      <c r="H537217" s="12"/>
    </row>
    <row r="537218" spans="8:8">
      <c r="H537218" s="12"/>
    </row>
    <row r="537219" spans="8:8">
      <c r="H537219" s="12"/>
    </row>
    <row r="537220" spans="8:8">
      <c r="H537220" s="12"/>
    </row>
    <row r="537221" spans="8:8">
      <c r="H537221" s="12"/>
    </row>
    <row r="537222" spans="8:8">
      <c r="H537222" s="12"/>
    </row>
    <row r="537223" spans="8:8">
      <c r="H537223" s="12"/>
    </row>
    <row r="537224" spans="8:8">
      <c r="H537224" s="12"/>
    </row>
    <row r="537225" spans="8:8">
      <c r="H537225" s="12"/>
    </row>
    <row r="537226" spans="8:8">
      <c r="H537226" s="12"/>
    </row>
    <row r="537227" spans="8:8">
      <c r="H537227" s="12"/>
    </row>
    <row r="537228" spans="8:8">
      <c r="H537228" s="12"/>
    </row>
    <row r="537229" spans="8:8">
      <c r="H537229" s="12"/>
    </row>
    <row r="537230" spans="8:8">
      <c r="H537230" s="12"/>
    </row>
    <row r="537231" spans="8:8">
      <c r="H537231" s="12"/>
    </row>
    <row r="537232" spans="8:8">
      <c r="H537232" s="12"/>
    </row>
    <row r="537233" spans="8:8">
      <c r="H537233" s="12"/>
    </row>
    <row r="537234" spans="8:8">
      <c r="H537234" s="12"/>
    </row>
    <row r="537235" spans="8:8">
      <c r="H537235" s="12"/>
    </row>
    <row r="537236" spans="8:8">
      <c r="H537236" s="12"/>
    </row>
    <row r="537237" spans="8:8">
      <c r="H537237" s="12"/>
    </row>
    <row r="537238" spans="8:8">
      <c r="H537238" s="12"/>
    </row>
    <row r="537239" spans="8:8">
      <c r="H537239" s="12"/>
    </row>
    <row r="537240" spans="8:8">
      <c r="H537240" s="12"/>
    </row>
    <row r="537241" spans="8:8">
      <c r="H537241" s="12"/>
    </row>
    <row r="537242" spans="8:8">
      <c r="H537242" s="12"/>
    </row>
    <row r="537243" spans="8:8">
      <c r="H537243" s="12"/>
    </row>
    <row r="537244" spans="8:8">
      <c r="H537244" s="12"/>
    </row>
    <row r="537245" spans="8:8">
      <c r="H537245" s="12"/>
    </row>
    <row r="537246" spans="8:8">
      <c r="H537246" s="12"/>
    </row>
    <row r="537247" spans="8:8">
      <c r="H537247" s="12"/>
    </row>
    <row r="537248" spans="8:8">
      <c r="H537248" s="12"/>
    </row>
    <row r="537249" spans="8:8">
      <c r="H537249" s="12"/>
    </row>
    <row r="537250" spans="8:8">
      <c r="H537250" s="12"/>
    </row>
    <row r="537251" spans="8:8">
      <c r="H537251" s="12"/>
    </row>
    <row r="537252" spans="8:8">
      <c r="H537252" s="12"/>
    </row>
    <row r="537253" spans="8:8">
      <c r="H537253" s="12"/>
    </row>
    <row r="537254" spans="8:8">
      <c r="H537254" s="12"/>
    </row>
    <row r="537255" spans="8:8">
      <c r="H537255" s="12"/>
    </row>
    <row r="537256" spans="8:8">
      <c r="H537256" s="12"/>
    </row>
    <row r="537257" spans="8:8">
      <c r="H537257" s="12"/>
    </row>
    <row r="537258" spans="8:8">
      <c r="H537258" s="12"/>
    </row>
    <row r="537259" spans="8:8">
      <c r="H537259" s="12"/>
    </row>
    <row r="537260" spans="8:8">
      <c r="H537260" s="12"/>
    </row>
    <row r="537261" spans="8:8">
      <c r="H537261" s="12"/>
    </row>
    <row r="537262" spans="8:8">
      <c r="H537262" s="12"/>
    </row>
    <row r="537263" spans="8:8">
      <c r="H537263" s="12"/>
    </row>
    <row r="537264" spans="8:8">
      <c r="H537264" s="12"/>
    </row>
    <row r="537265" spans="8:8">
      <c r="H537265" s="12"/>
    </row>
    <row r="537266" spans="8:8">
      <c r="H537266" s="12"/>
    </row>
    <row r="537267" spans="8:8">
      <c r="H537267" s="12"/>
    </row>
    <row r="537268" spans="8:8">
      <c r="H537268" s="12"/>
    </row>
    <row r="537269" spans="8:8">
      <c r="H537269" s="12"/>
    </row>
    <row r="537270" spans="8:8">
      <c r="H537270" s="12"/>
    </row>
    <row r="537271" spans="8:8">
      <c r="H537271" s="12"/>
    </row>
    <row r="537272" spans="8:8">
      <c r="H537272" s="12"/>
    </row>
    <row r="537273" spans="8:8">
      <c r="H537273" s="12"/>
    </row>
    <row r="537274" spans="8:8">
      <c r="H537274" s="12"/>
    </row>
    <row r="537275" spans="8:8">
      <c r="H537275" s="12"/>
    </row>
    <row r="537276" spans="8:8">
      <c r="H537276" s="12"/>
    </row>
    <row r="537277" spans="8:8">
      <c r="H537277" s="12"/>
    </row>
    <row r="537278" spans="8:8">
      <c r="H537278" s="12"/>
    </row>
    <row r="537279" spans="8:8">
      <c r="H537279" s="12"/>
    </row>
    <row r="537280" spans="8:8">
      <c r="H537280" s="12"/>
    </row>
    <row r="537281" spans="8:8">
      <c r="H537281" s="12"/>
    </row>
    <row r="537282" spans="8:8">
      <c r="H537282" s="12"/>
    </row>
    <row r="537283" spans="8:8">
      <c r="H537283" s="12"/>
    </row>
    <row r="537284" spans="8:8">
      <c r="H537284" s="12"/>
    </row>
    <row r="537285" spans="8:8">
      <c r="H537285" s="12"/>
    </row>
    <row r="537286" spans="8:8">
      <c r="H537286" s="12"/>
    </row>
    <row r="537287" spans="8:8">
      <c r="H537287" s="12"/>
    </row>
    <row r="537288" spans="8:8">
      <c r="H537288" s="12"/>
    </row>
    <row r="537289" spans="8:8">
      <c r="H537289" s="12"/>
    </row>
    <row r="537290" spans="8:8">
      <c r="H537290" s="12"/>
    </row>
    <row r="537291" spans="8:8">
      <c r="H537291" s="12"/>
    </row>
    <row r="537292" spans="8:8">
      <c r="H537292" s="12"/>
    </row>
    <row r="537293" spans="8:8">
      <c r="H537293" s="12"/>
    </row>
    <row r="537294" spans="8:8">
      <c r="H537294" s="12"/>
    </row>
    <row r="537295" spans="8:8">
      <c r="H537295" s="12"/>
    </row>
    <row r="537296" spans="8:8">
      <c r="H537296" s="12"/>
    </row>
    <row r="537297" spans="8:8">
      <c r="H537297" s="12"/>
    </row>
    <row r="537298" spans="8:8">
      <c r="H537298" s="12"/>
    </row>
    <row r="537299" spans="8:8">
      <c r="H537299" s="12"/>
    </row>
    <row r="537300" spans="8:8">
      <c r="H537300" s="12"/>
    </row>
    <row r="537301" spans="8:8">
      <c r="H537301" s="12"/>
    </row>
    <row r="537302" spans="8:8">
      <c r="H537302" s="12"/>
    </row>
    <row r="537303" spans="8:8">
      <c r="H537303" s="12"/>
    </row>
    <row r="537304" spans="8:8">
      <c r="H537304" s="12"/>
    </row>
    <row r="537305" spans="8:8">
      <c r="H537305" s="12"/>
    </row>
    <row r="537306" spans="8:8">
      <c r="H537306" s="12"/>
    </row>
    <row r="537307" spans="8:8">
      <c r="H537307" s="12"/>
    </row>
    <row r="537308" spans="8:8">
      <c r="H537308" s="12"/>
    </row>
    <row r="537309" spans="8:8">
      <c r="H537309" s="12"/>
    </row>
    <row r="537310" spans="8:8">
      <c r="H537310" s="12"/>
    </row>
    <row r="537311" spans="8:8">
      <c r="H537311" s="12"/>
    </row>
    <row r="537312" spans="8:8">
      <c r="H537312" s="12"/>
    </row>
    <row r="537313" spans="8:8">
      <c r="H537313" s="12"/>
    </row>
    <row r="537314" spans="8:8">
      <c r="H537314" s="12"/>
    </row>
    <row r="537315" spans="8:8">
      <c r="H537315" s="12"/>
    </row>
    <row r="537316" spans="8:8">
      <c r="H537316" s="12"/>
    </row>
    <row r="537317" spans="8:8">
      <c r="H537317" s="12"/>
    </row>
    <row r="537318" spans="8:8">
      <c r="H537318" s="12"/>
    </row>
    <row r="537319" spans="8:8">
      <c r="H537319" s="12"/>
    </row>
    <row r="537320" spans="8:8">
      <c r="H537320" s="12"/>
    </row>
    <row r="537321" spans="8:8">
      <c r="H537321" s="12"/>
    </row>
    <row r="537322" spans="8:8">
      <c r="H537322" s="12"/>
    </row>
    <row r="537323" spans="8:8">
      <c r="H537323" s="12"/>
    </row>
    <row r="537324" spans="8:8">
      <c r="H537324" s="12"/>
    </row>
    <row r="537325" spans="8:8">
      <c r="H537325" s="12"/>
    </row>
    <row r="537326" spans="8:8">
      <c r="H537326" s="12"/>
    </row>
    <row r="537327" spans="8:8">
      <c r="H537327" s="12"/>
    </row>
    <row r="537328" spans="8:8">
      <c r="H537328" s="12"/>
    </row>
    <row r="537329" spans="8:8">
      <c r="H537329" s="12"/>
    </row>
    <row r="537330" spans="8:8">
      <c r="H537330" s="12"/>
    </row>
    <row r="537331" spans="8:8">
      <c r="H537331" s="12"/>
    </row>
    <row r="537332" spans="8:8">
      <c r="H537332" s="12"/>
    </row>
    <row r="537333" spans="8:8">
      <c r="H537333" s="12"/>
    </row>
    <row r="537334" spans="8:8">
      <c r="H537334" s="12"/>
    </row>
    <row r="537335" spans="8:8">
      <c r="H537335" s="12"/>
    </row>
    <row r="537336" spans="8:8">
      <c r="H537336" s="12"/>
    </row>
    <row r="537337" spans="8:8">
      <c r="H537337" s="12"/>
    </row>
    <row r="537338" spans="8:8">
      <c r="H537338" s="12"/>
    </row>
    <row r="537339" spans="8:8">
      <c r="H537339" s="12"/>
    </row>
    <row r="537340" spans="8:8">
      <c r="H537340" s="12"/>
    </row>
    <row r="537341" spans="8:8">
      <c r="H537341" s="12"/>
    </row>
    <row r="537342" spans="8:8">
      <c r="H537342" s="12"/>
    </row>
    <row r="537343" spans="8:8">
      <c r="H537343" s="12"/>
    </row>
    <row r="537344" spans="8:8">
      <c r="H537344" s="12"/>
    </row>
    <row r="537345" spans="8:8">
      <c r="H537345" s="12"/>
    </row>
    <row r="537346" spans="8:8">
      <c r="H537346" s="12"/>
    </row>
    <row r="537347" spans="8:8">
      <c r="H537347" s="12"/>
    </row>
    <row r="537348" spans="8:8">
      <c r="H537348" s="12"/>
    </row>
    <row r="537349" spans="8:8">
      <c r="H537349" s="12"/>
    </row>
    <row r="537350" spans="8:8">
      <c r="H537350" s="12"/>
    </row>
    <row r="537351" spans="8:8">
      <c r="H537351" s="12"/>
    </row>
    <row r="537352" spans="8:8">
      <c r="H537352" s="12"/>
    </row>
    <row r="537353" spans="8:8">
      <c r="H537353" s="12"/>
    </row>
    <row r="537354" spans="8:8">
      <c r="H537354" s="12"/>
    </row>
    <row r="537355" spans="8:8">
      <c r="H537355" s="12"/>
    </row>
    <row r="537356" spans="8:8">
      <c r="H537356" s="12"/>
    </row>
    <row r="537357" spans="8:8">
      <c r="H537357" s="12"/>
    </row>
    <row r="537358" spans="8:8">
      <c r="H537358" s="12"/>
    </row>
    <row r="537359" spans="8:8">
      <c r="H537359" s="12"/>
    </row>
    <row r="537360" spans="8:8">
      <c r="H537360" s="12"/>
    </row>
    <row r="537361" spans="8:8">
      <c r="H537361" s="12"/>
    </row>
    <row r="537362" spans="8:8">
      <c r="H537362" s="12"/>
    </row>
    <row r="537363" spans="8:8">
      <c r="H537363" s="12"/>
    </row>
    <row r="537364" spans="8:8">
      <c r="H537364" s="12"/>
    </row>
    <row r="537365" spans="8:8">
      <c r="H537365" s="12"/>
    </row>
    <row r="537366" spans="8:8">
      <c r="H537366" s="12"/>
    </row>
    <row r="537367" spans="8:8">
      <c r="H537367" s="12"/>
    </row>
    <row r="537368" spans="8:8">
      <c r="H537368" s="12"/>
    </row>
    <row r="537369" spans="8:8">
      <c r="H537369" s="12"/>
    </row>
    <row r="537370" spans="8:8">
      <c r="H537370" s="12"/>
    </row>
    <row r="537371" spans="8:8">
      <c r="H537371" s="12"/>
    </row>
    <row r="537372" spans="8:8">
      <c r="H537372" s="12"/>
    </row>
    <row r="537373" spans="8:8">
      <c r="H537373" s="12"/>
    </row>
    <row r="537374" spans="8:8">
      <c r="H537374" s="12"/>
    </row>
    <row r="537375" spans="8:8">
      <c r="H537375" s="12"/>
    </row>
    <row r="537376" spans="8:8">
      <c r="H537376" s="12"/>
    </row>
    <row r="537377" spans="8:8">
      <c r="H537377" s="12"/>
    </row>
    <row r="537378" spans="8:8">
      <c r="H537378" s="12"/>
    </row>
    <row r="537379" spans="8:8">
      <c r="H537379" s="12"/>
    </row>
    <row r="537380" spans="8:8">
      <c r="H537380" s="12"/>
    </row>
    <row r="537381" spans="8:8">
      <c r="H537381" s="12"/>
    </row>
    <row r="537382" spans="8:8">
      <c r="H537382" s="12"/>
    </row>
    <row r="537383" spans="8:8">
      <c r="H537383" s="12"/>
    </row>
    <row r="537384" spans="8:8">
      <c r="H537384" s="12"/>
    </row>
    <row r="537385" spans="8:8">
      <c r="H537385" s="12"/>
    </row>
    <row r="537386" spans="8:8">
      <c r="H537386" s="12"/>
    </row>
    <row r="537387" spans="8:8">
      <c r="H537387" s="12"/>
    </row>
    <row r="537388" spans="8:8">
      <c r="H537388" s="12"/>
    </row>
    <row r="537389" spans="8:8">
      <c r="H537389" s="12"/>
    </row>
    <row r="537390" spans="8:8">
      <c r="H537390" s="12"/>
    </row>
    <row r="537391" spans="8:8">
      <c r="H537391" s="12"/>
    </row>
    <row r="537392" spans="8:8">
      <c r="H537392" s="12"/>
    </row>
    <row r="537393" spans="8:8">
      <c r="H537393" s="12"/>
    </row>
    <row r="537394" spans="8:8">
      <c r="H537394" s="12"/>
    </row>
    <row r="537395" spans="8:8">
      <c r="H537395" s="12"/>
    </row>
    <row r="537396" spans="8:8">
      <c r="H537396" s="12"/>
    </row>
    <row r="537397" spans="8:8">
      <c r="H537397" s="12"/>
    </row>
    <row r="537398" spans="8:8">
      <c r="H537398" s="12"/>
    </row>
    <row r="537399" spans="8:8">
      <c r="H537399" s="12"/>
    </row>
    <row r="537400" spans="8:8">
      <c r="H537400" s="12"/>
    </row>
    <row r="537401" spans="8:8">
      <c r="H537401" s="12"/>
    </row>
    <row r="537402" spans="8:8">
      <c r="H537402" s="12"/>
    </row>
    <row r="537403" spans="8:8">
      <c r="H537403" s="12"/>
    </row>
    <row r="537404" spans="8:8">
      <c r="H537404" s="12"/>
    </row>
    <row r="537405" spans="8:8">
      <c r="H537405" s="12"/>
    </row>
    <row r="537406" spans="8:8">
      <c r="H537406" s="12"/>
    </row>
    <row r="537407" spans="8:8">
      <c r="H537407" s="12"/>
    </row>
    <row r="537408" spans="8:8">
      <c r="H537408" s="12"/>
    </row>
    <row r="537409" spans="8:8">
      <c r="H537409" s="12"/>
    </row>
    <row r="537410" spans="8:8">
      <c r="H537410" s="12"/>
    </row>
    <row r="537411" spans="8:8">
      <c r="H537411" s="12"/>
    </row>
    <row r="537412" spans="8:8">
      <c r="H537412" s="12"/>
    </row>
    <row r="537413" spans="8:8">
      <c r="H537413" s="12"/>
    </row>
    <row r="537414" spans="8:8">
      <c r="H537414" s="12"/>
    </row>
    <row r="537415" spans="8:8">
      <c r="H537415" s="12"/>
    </row>
    <row r="537416" spans="8:8">
      <c r="H537416" s="12"/>
    </row>
    <row r="537417" spans="8:8">
      <c r="H537417" s="12"/>
    </row>
    <row r="537418" spans="8:8">
      <c r="H537418" s="12"/>
    </row>
    <row r="537419" spans="8:8">
      <c r="H537419" s="12"/>
    </row>
    <row r="537420" spans="8:8">
      <c r="H537420" s="12"/>
    </row>
    <row r="537421" spans="8:8">
      <c r="H537421" s="12"/>
    </row>
    <row r="537422" spans="8:8">
      <c r="H537422" s="12"/>
    </row>
    <row r="537423" spans="8:8">
      <c r="H537423" s="12"/>
    </row>
    <row r="537424" spans="8:8">
      <c r="H537424" s="12"/>
    </row>
    <row r="537425" spans="8:8">
      <c r="H537425" s="12"/>
    </row>
    <row r="537426" spans="8:8">
      <c r="H537426" s="12"/>
    </row>
    <row r="537427" spans="8:8">
      <c r="H537427" s="12"/>
    </row>
    <row r="537428" spans="8:8">
      <c r="H537428" s="12"/>
    </row>
    <row r="537429" spans="8:8">
      <c r="H537429" s="12"/>
    </row>
    <row r="537430" spans="8:8">
      <c r="H537430" s="12"/>
    </row>
    <row r="537431" spans="8:8">
      <c r="H537431" s="12"/>
    </row>
    <row r="537432" spans="8:8">
      <c r="H537432" s="12"/>
    </row>
    <row r="537433" spans="8:8">
      <c r="H537433" s="12"/>
    </row>
    <row r="537434" spans="8:8">
      <c r="H537434" s="12"/>
    </row>
    <row r="537435" spans="8:8">
      <c r="H537435" s="12"/>
    </row>
    <row r="537436" spans="8:8">
      <c r="H537436" s="12"/>
    </row>
    <row r="537437" spans="8:8">
      <c r="H537437" s="12"/>
    </row>
    <row r="537438" spans="8:8">
      <c r="H537438" s="12"/>
    </row>
    <row r="537439" spans="8:8">
      <c r="H537439" s="12"/>
    </row>
    <row r="537440" spans="8:8">
      <c r="H537440" s="12"/>
    </row>
    <row r="537441" spans="8:8">
      <c r="H537441" s="12"/>
    </row>
    <row r="537442" spans="8:8">
      <c r="H537442" s="12"/>
    </row>
    <row r="537443" spans="8:8">
      <c r="H537443" s="12"/>
    </row>
    <row r="537444" spans="8:8">
      <c r="H537444" s="12"/>
    </row>
    <row r="537445" spans="8:8">
      <c r="H537445" s="12"/>
    </row>
    <row r="537446" spans="8:8">
      <c r="H537446" s="12"/>
    </row>
    <row r="537447" spans="8:8">
      <c r="H537447" s="12"/>
    </row>
    <row r="537448" spans="8:8">
      <c r="H537448" s="12"/>
    </row>
    <row r="537449" spans="8:8">
      <c r="H537449" s="12"/>
    </row>
    <row r="537450" spans="8:8">
      <c r="H537450" s="12"/>
    </row>
    <row r="537451" spans="8:8">
      <c r="H537451" s="12"/>
    </row>
    <row r="537452" spans="8:8">
      <c r="H537452" s="12"/>
    </row>
    <row r="537453" spans="8:8">
      <c r="H537453" s="12"/>
    </row>
    <row r="537454" spans="8:8">
      <c r="H537454" s="12"/>
    </row>
    <row r="537455" spans="8:8">
      <c r="H537455" s="12"/>
    </row>
    <row r="537456" spans="8:8">
      <c r="H537456" s="12"/>
    </row>
    <row r="537457" spans="8:8">
      <c r="H537457" s="12"/>
    </row>
    <row r="537458" spans="8:8">
      <c r="H537458" s="12"/>
    </row>
    <row r="537459" spans="8:8">
      <c r="H537459" s="12"/>
    </row>
    <row r="537460" spans="8:8">
      <c r="H537460" s="12"/>
    </row>
    <row r="537461" spans="8:8">
      <c r="H537461" s="12"/>
    </row>
    <row r="537462" spans="8:8">
      <c r="H537462" s="12"/>
    </row>
    <row r="537463" spans="8:8">
      <c r="H537463" s="12"/>
    </row>
    <row r="537464" spans="8:8">
      <c r="H537464" s="12"/>
    </row>
    <row r="537465" spans="8:8">
      <c r="H537465" s="12"/>
    </row>
    <row r="537466" spans="8:8">
      <c r="H537466" s="12"/>
    </row>
    <row r="537467" spans="8:8">
      <c r="H537467" s="12"/>
    </row>
    <row r="537468" spans="8:8">
      <c r="H537468" s="12"/>
    </row>
    <row r="537469" spans="8:8">
      <c r="H537469" s="12"/>
    </row>
    <row r="537470" spans="8:8">
      <c r="H537470" s="12"/>
    </row>
    <row r="537471" spans="8:8">
      <c r="H537471" s="12"/>
    </row>
    <row r="537472" spans="8:8">
      <c r="H537472" s="12"/>
    </row>
    <row r="537473" spans="8:8">
      <c r="H537473" s="12"/>
    </row>
    <row r="537474" spans="8:8">
      <c r="H537474" s="12"/>
    </row>
    <row r="537475" spans="8:8">
      <c r="H537475" s="12"/>
    </row>
    <row r="537476" spans="8:8">
      <c r="H537476" s="12"/>
    </row>
    <row r="537477" spans="8:8">
      <c r="H537477" s="12"/>
    </row>
    <row r="537478" spans="8:8">
      <c r="H537478" s="12"/>
    </row>
    <row r="537479" spans="8:8">
      <c r="H537479" s="12"/>
    </row>
    <row r="537480" spans="8:8">
      <c r="H537480" s="12"/>
    </row>
    <row r="537481" spans="8:8">
      <c r="H537481" s="12"/>
    </row>
    <row r="537482" spans="8:8">
      <c r="H537482" s="12"/>
    </row>
    <row r="537483" spans="8:8">
      <c r="H537483" s="12"/>
    </row>
    <row r="537484" spans="8:8">
      <c r="H537484" s="12"/>
    </row>
    <row r="537485" spans="8:8">
      <c r="H537485" s="12"/>
    </row>
    <row r="537486" spans="8:8">
      <c r="H537486" s="12"/>
    </row>
    <row r="537487" spans="8:8">
      <c r="H537487" s="12"/>
    </row>
    <row r="537488" spans="8:8">
      <c r="H537488" s="12"/>
    </row>
    <row r="537489" spans="8:8">
      <c r="H537489" s="12"/>
    </row>
    <row r="537490" spans="8:8">
      <c r="H537490" s="12"/>
    </row>
    <row r="537491" spans="8:8">
      <c r="H537491" s="12"/>
    </row>
    <row r="537492" spans="8:8">
      <c r="H537492" s="12"/>
    </row>
    <row r="537493" spans="8:8">
      <c r="H537493" s="12"/>
    </row>
    <row r="537494" spans="8:8">
      <c r="H537494" s="12"/>
    </row>
    <row r="537495" spans="8:8">
      <c r="H537495" s="12"/>
    </row>
    <row r="537496" spans="8:8">
      <c r="H537496" s="12"/>
    </row>
    <row r="537497" spans="8:8">
      <c r="H537497" s="12"/>
    </row>
    <row r="537498" spans="8:8">
      <c r="H537498" s="12"/>
    </row>
    <row r="537499" spans="8:8">
      <c r="H537499" s="12"/>
    </row>
    <row r="537500" spans="8:8">
      <c r="H537500" s="12"/>
    </row>
    <row r="537501" spans="8:8">
      <c r="H537501" s="12"/>
    </row>
    <row r="537502" spans="8:8">
      <c r="H537502" s="12"/>
    </row>
    <row r="537503" spans="8:8">
      <c r="H537503" s="12"/>
    </row>
    <row r="537504" spans="8:8">
      <c r="H537504" s="12"/>
    </row>
    <row r="537505" spans="8:8">
      <c r="H537505" s="12"/>
    </row>
    <row r="537506" spans="8:8">
      <c r="H537506" s="12"/>
    </row>
    <row r="537507" spans="8:8">
      <c r="H537507" s="12"/>
    </row>
    <row r="537508" spans="8:8">
      <c r="H537508" s="12"/>
    </row>
    <row r="537509" spans="8:8">
      <c r="H537509" s="12"/>
    </row>
    <row r="537510" spans="8:8">
      <c r="H537510" s="12"/>
    </row>
    <row r="537511" spans="8:8">
      <c r="H537511" s="12"/>
    </row>
    <row r="537512" spans="8:8">
      <c r="H537512" s="12"/>
    </row>
    <row r="537513" spans="8:8">
      <c r="H537513" s="12"/>
    </row>
    <row r="537514" spans="8:8">
      <c r="H537514" s="12"/>
    </row>
    <row r="537515" spans="8:8">
      <c r="H537515" s="12"/>
    </row>
    <row r="537516" spans="8:8">
      <c r="H537516" s="12"/>
    </row>
    <row r="537517" spans="8:8">
      <c r="H537517" s="12"/>
    </row>
    <row r="537518" spans="8:8">
      <c r="H537518" s="12"/>
    </row>
    <row r="537519" spans="8:8">
      <c r="H537519" s="12"/>
    </row>
    <row r="537520" spans="8:8">
      <c r="H537520" s="12"/>
    </row>
    <row r="537521" spans="8:8">
      <c r="H537521" s="12"/>
    </row>
    <row r="537522" spans="8:8">
      <c r="H537522" s="12"/>
    </row>
    <row r="537523" spans="8:8">
      <c r="H537523" s="12"/>
    </row>
    <row r="537524" spans="8:8">
      <c r="H537524" s="12"/>
    </row>
    <row r="537525" spans="8:8">
      <c r="H537525" s="12"/>
    </row>
    <row r="537526" spans="8:8">
      <c r="H537526" s="12"/>
    </row>
    <row r="537527" spans="8:8">
      <c r="H537527" s="12"/>
    </row>
    <row r="537528" spans="8:8">
      <c r="H537528" s="12"/>
    </row>
    <row r="537529" spans="8:8">
      <c r="H537529" s="12"/>
    </row>
    <row r="537530" spans="8:8">
      <c r="H537530" s="12"/>
    </row>
    <row r="537531" spans="8:8">
      <c r="H537531" s="12"/>
    </row>
    <row r="537532" spans="8:8">
      <c r="H537532" s="12"/>
    </row>
    <row r="537533" spans="8:8">
      <c r="H537533" s="12"/>
    </row>
    <row r="537534" spans="8:8">
      <c r="H537534" s="12"/>
    </row>
    <row r="537535" spans="8:8">
      <c r="H537535" s="12"/>
    </row>
    <row r="537536" spans="8:8">
      <c r="H537536" s="12"/>
    </row>
    <row r="537537" spans="8:8">
      <c r="H537537" s="12"/>
    </row>
    <row r="537538" spans="8:8">
      <c r="H537538" s="12"/>
    </row>
    <row r="537539" spans="8:8">
      <c r="H537539" s="12"/>
    </row>
    <row r="537540" spans="8:8">
      <c r="H537540" s="12"/>
    </row>
    <row r="537541" spans="8:8">
      <c r="H537541" s="12"/>
    </row>
    <row r="537542" spans="8:8">
      <c r="H537542" s="12"/>
    </row>
    <row r="537543" spans="8:8">
      <c r="H537543" s="12"/>
    </row>
    <row r="537544" spans="8:8">
      <c r="H537544" s="12"/>
    </row>
    <row r="537545" spans="8:8">
      <c r="H537545" s="12"/>
    </row>
    <row r="537546" spans="8:8">
      <c r="H537546" s="12"/>
    </row>
    <row r="537547" spans="8:8">
      <c r="H537547" s="12"/>
    </row>
    <row r="537548" spans="8:8">
      <c r="H537548" s="12"/>
    </row>
    <row r="537549" spans="8:8">
      <c r="H537549" s="12"/>
    </row>
    <row r="537550" spans="8:8">
      <c r="H537550" s="12"/>
    </row>
    <row r="537551" spans="8:8">
      <c r="H537551" s="12"/>
    </row>
    <row r="537552" spans="8:8">
      <c r="H537552" s="12"/>
    </row>
    <row r="537553" spans="8:8">
      <c r="H537553" s="12"/>
    </row>
    <row r="537554" spans="8:8">
      <c r="H537554" s="12"/>
    </row>
    <row r="537555" spans="8:8">
      <c r="H537555" s="12"/>
    </row>
    <row r="537556" spans="8:8">
      <c r="H537556" s="12"/>
    </row>
    <row r="537557" spans="8:8">
      <c r="H537557" s="12"/>
    </row>
    <row r="537558" spans="8:8">
      <c r="H537558" s="12"/>
    </row>
    <row r="537559" spans="8:8">
      <c r="H537559" s="12"/>
    </row>
    <row r="537560" spans="8:8">
      <c r="H537560" s="12"/>
    </row>
    <row r="537561" spans="8:8">
      <c r="H537561" s="12"/>
    </row>
    <row r="537562" spans="8:8">
      <c r="H537562" s="12"/>
    </row>
    <row r="537563" spans="8:8">
      <c r="H537563" s="12"/>
    </row>
    <row r="537564" spans="8:8">
      <c r="H537564" s="12"/>
    </row>
    <row r="537565" spans="8:8">
      <c r="H537565" s="12"/>
    </row>
    <row r="537566" spans="8:8">
      <c r="H537566" s="12"/>
    </row>
    <row r="537567" spans="8:8">
      <c r="H537567" s="12"/>
    </row>
    <row r="537568" spans="8:8">
      <c r="H537568" s="12"/>
    </row>
    <row r="537569" spans="8:8">
      <c r="H537569" s="12"/>
    </row>
    <row r="537570" spans="8:8">
      <c r="H537570" s="12"/>
    </row>
    <row r="537571" spans="8:8">
      <c r="H537571" s="12"/>
    </row>
    <row r="537572" spans="8:8">
      <c r="H537572" s="12"/>
    </row>
    <row r="537573" spans="8:8">
      <c r="H537573" s="12"/>
    </row>
    <row r="537574" spans="8:8">
      <c r="H537574" s="12"/>
    </row>
    <row r="537575" spans="8:8">
      <c r="H537575" s="12"/>
    </row>
    <row r="537576" spans="8:8">
      <c r="H537576" s="12"/>
    </row>
    <row r="537577" spans="8:8">
      <c r="H537577" s="12"/>
    </row>
    <row r="537578" spans="8:8">
      <c r="H537578" s="12"/>
    </row>
    <row r="537579" spans="8:8">
      <c r="H537579" s="12"/>
    </row>
    <row r="537580" spans="8:8">
      <c r="H537580" s="12"/>
    </row>
    <row r="537581" spans="8:8">
      <c r="H537581" s="12"/>
    </row>
    <row r="537582" spans="8:8">
      <c r="H537582" s="12"/>
    </row>
    <row r="537583" spans="8:8">
      <c r="H537583" s="12"/>
    </row>
    <row r="537584" spans="8:8">
      <c r="H537584" s="12"/>
    </row>
    <row r="537585" spans="8:8">
      <c r="H537585" s="12"/>
    </row>
    <row r="537586" spans="8:8">
      <c r="H537586" s="12"/>
    </row>
    <row r="537587" spans="8:8">
      <c r="H537587" s="12"/>
    </row>
    <row r="537588" spans="8:8">
      <c r="H537588" s="12"/>
    </row>
    <row r="537589" spans="8:8">
      <c r="H537589" s="12"/>
    </row>
    <row r="537590" spans="8:8">
      <c r="H537590" s="12"/>
    </row>
    <row r="537591" spans="8:8">
      <c r="H537591" s="12"/>
    </row>
    <row r="537592" spans="8:8">
      <c r="H537592" s="12"/>
    </row>
    <row r="537593" spans="8:8">
      <c r="H537593" s="12"/>
    </row>
    <row r="537594" spans="8:8">
      <c r="H537594" s="12"/>
    </row>
    <row r="537595" spans="8:8">
      <c r="H537595" s="12"/>
    </row>
    <row r="537596" spans="8:8">
      <c r="H537596" s="12"/>
    </row>
    <row r="537597" spans="8:8">
      <c r="H537597" s="12"/>
    </row>
    <row r="537598" spans="8:8">
      <c r="H537598" s="12"/>
    </row>
    <row r="537599" spans="8:8">
      <c r="H537599" s="12"/>
    </row>
    <row r="537600" spans="8:8">
      <c r="H537600" s="12"/>
    </row>
    <row r="537601" spans="8:8">
      <c r="H537601" s="12"/>
    </row>
    <row r="537602" spans="8:8">
      <c r="H537602" s="12"/>
    </row>
    <row r="537603" spans="8:8">
      <c r="H537603" s="12"/>
    </row>
    <row r="537604" spans="8:8">
      <c r="H537604" s="12"/>
    </row>
    <row r="537605" spans="8:8">
      <c r="H537605" s="12"/>
    </row>
    <row r="537606" spans="8:8">
      <c r="H537606" s="12"/>
    </row>
    <row r="537607" spans="8:8">
      <c r="H537607" s="12"/>
    </row>
    <row r="537608" spans="8:8">
      <c r="H537608" s="12"/>
    </row>
    <row r="537609" spans="8:8">
      <c r="H537609" s="12"/>
    </row>
    <row r="537610" spans="8:8">
      <c r="H537610" s="12"/>
    </row>
    <row r="537611" spans="8:8">
      <c r="H537611" s="12"/>
    </row>
    <row r="537612" spans="8:8">
      <c r="H537612" s="12"/>
    </row>
    <row r="537613" spans="8:8">
      <c r="H537613" s="12"/>
    </row>
    <row r="537614" spans="8:8">
      <c r="H537614" s="12"/>
    </row>
    <row r="537615" spans="8:8">
      <c r="H537615" s="12"/>
    </row>
    <row r="537616" spans="8:8">
      <c r="H537616" s="12"/>
    </row>
    <row r="537617" spans="8:8">
      <c r="H537617" s="12"/>
    </row>
    <row r="537618" spans="8:8">
      <c r="H537618" s="12"/>
    </row>
    <row r="537619" spans="8:8">
      <c r="H537619" s="12"/>
    </row>
    <row r="537620" spans="8:8">
      <c r="H537620" s="12"/>
    </row>
    <row r="537621" spans="8:8">
      <c r="H537621" s="12"/>
    </row>
    <row r="537622" spans="8:8">
      <c r="H537622" s="12"/>
    </row>
    <row r="537623" spans="8:8">
      <c r="H537623" s="12"/>
    </row>
    <row r="537624" spans="8:8">
      <c r="H537624" s="12"/>
    </row>
    <row r="537625" spans="8:8">
      <c r="H537625" s="12"/>
    </row>
    <row r="537626" spans="8:8">
      <c r="H537626" s="12"/>
    </row>
    <row r="537627" spans="8:8">
      <c r="H537627" s="12"/>
    </row>
    <row r="537628" spans="8:8">
      <c r="H537628" s="12"/>
    </row>
    <row r="537629" spans="8:8">
      <c r="H537629" s="12"/>
    </row>
    <row r="537630" spans="8:8">
      <c r="H537630" s="12"/>
    </row>
    <row r="537631" spans="8:8">
      <c r="H537631" s="12"/>
    </row>
    <row r="537632" spans="8:8">
      <c r="H537632" s="12"/>
    </row>
    <row r="537633" spans="8:8">
      <c r="H537633" s="12"/>
    </row>
    <row r="537634" spans="8:8">
      <c r="H537634" s="12"/>
    </row>
    <row r="537635" spans="8:8">
      <c r="H537635" s="12"/>
    </row>
    <row r="537636" spans="8:8">
      <c r="H537636" s="12"/>
    </row>
    <row r="537637" spans="8:8">
      <c r="H537637" s="12"/>
    </row>
    <row r="537638" spans="8:8">
      <c r="H537638" s="12"/>
    </row>
    <row r="537639" spans="8:8">
      <c r="H537639" s="12"/>
    </row>
    <row r="537640" spans="8:8">
      <c r="H537640" s="12"/>
    </row>
    <row r="537641" spans="8:8">
      <c r="H537641" s="12"/>
    </row>
    <row r="537642" spans="8:8">
      <c r="H537642" s="12"/>
    </row>
    <row r="537643" spans="8:8">
      <c r="H537643" s="12"/>
    </row>
    <row r="537644" spans="8:8">
      <c r="H537644" s="12"/>
    </row>
    <row r="537645" spans="8:8">
      <c r="H537645" s="12"/>
    </row>
    <row r="537646" spans="8:8">
      <c r="H537646" s="12"/>
    </row>
    <row r="537647" spans="8:8">
      <c r="H537647" s="12"/>
    </row>
    <row r="537648" spans="8:8">
      <c r="H537648" s="12"/>
    </row>
    <row r="537649" spans="8:8">
      <c r="H537649" s="12"/>
    </row>
    <row r="537650" spans="8:8">
      <c r="H537650" s="12"/>
    </row>
    <row r="537651" spans="8:8">
      <c r="H537651" s="12"/>
    </row>
    <row r="537652" spans="8:8">
      <c r="H537652" s="12"/>
    </row>
    <row r="537653" spans="8:8">
      <c r="H537653" s="12"/>
    </row>
    <row r="537654" spans="8:8">
      <c r="H537654" s="12"/>
    </row>
    <row r="537655" spans="8:8">
      <c r="H537655" s="12"/>
    </row>
    <row r="537656" spans="8:8">
      <c r="H537656" s="12"/>
    </row>
    <row r="537657" spans="8:8">
      <c r="H537657" s="12"/>
    </row>
    <row r="537658" spans="8:8">
      <c r="H537658" s="12"/>
    </row>
    <row r="537659" spans="8:8">
      <c r="H537659" s="12"/>
    </row>
    <row r="537660" spans="8:8">
      <c r="H537660" s="12"/>
    </row>
    <row r="537661" spans="8:8">
      <c r="H537661" s="12"/>
    </row>
    <row r="537662" spans="8:8">
      <c r="H537662" s="12"/>
    </row>
    <row r="537663" spans="8:8">
      <c r="H537663" s="12"/>
    </row>
    <row r="537664" spans="8:8">
      <c r="H537664" s="12"/>
    </row>
    <row r="537665" spans="8:8">
      <c r="H537665" s="12"/>
    </row>
    <row r="537666" spans="8:8">
      <c r="H537666" s="12"/>
    </row>
    <row r="537667" spans="8:8">
      <c r="H537667" s="12"/>
    </row>
    <row r="537668" spans="8:8">
      <c r="H537668" s="12"/>
    </row>
    <row r="537669" spans="8:8">
      <c r="H537669" s="12"/>
    </row>
    <row r="537670" spans="8:8">
      <c r="H537670" s="12"/>
    </row>
    <row r="537671" spans="8:8">
      <c r="H537671" s="12"/>
    </row>
    <row r="537672" spans="8:8">
      <c r="H537672" s="12"/>
    </row>
    <row r="537673" spans="8:8">
      <c r="H537673" s="12"/>
    </row>
    <row r="537674" spans="8:8">
      <c r="H537674" s="12"/>
    </row>
    <row r="537675" spans="8:8">
      <c r="H537675" s="12"/>
    </row>
    <row r="537676" spans="8:8">
      <c r="H537676" s="12"/>
    </row>
    <row r="537677" spans="8:8">
      <c r="H537677" s="12"/>
    </row>
    <row r="537678" spans="8:8">
      <c r="H537678" s="12"/>
    </row>
    <row r="537679" spans="8:8">
      <c r="H537679" s="12"/>
    </row>
    <row r="537680" spans="8:8">
      <c r="H537680" s="12"/>
    </row>
    <row r="537681" spans="8:8">
      <c r="H537681" s="12"/>
    </row>
    <row r="537682" spans="8:8">
      <c r="H537682" s="12"/>
    </row>
    <row r="537683" spans="8:8">
      <c r="H537683" s="12"/>
    </row>
    <row r="537684" spans="8:8">
      <c r="H537684" s="12"/>
    </row>
    <row r="537685" spans="8:8">
      <c r="H537685" s="12"/>
    </row>
    <row r="537686" spans="8:8">
      <c r="H537686" s="12"/>
    </row>
    <row r="537687" spans="8:8">
      <c r="H537687" s="12"/>
    </row>
    <row r="537688" spans="8:8">
      <c r="H537688" s="12"/>
    </row>
    <row r="537689" spans="8:8">
      <c r="H537689" s="12"/>
    </row>
    <row r="537690" spans="8:8">
      <c r="H537690" s="12"/>
    </row>
    <row r="537691" spans="8:8">
      <c r="H537691" s="12"/>
    </row>
    <row r="537692" spans="8:8">
      <c r="H537692" s="12"/>
    </row>
    <row r="537693" spans="8:8">
      <c r="H537693" s="12"/>
    </row>
    <row r="537694" spans="8:8">
      <c r="H537694" s="12"/>
    </row>
    <row r="537695" spans="8:8">
      <c r="H537695" s="12"/>
    </row>
    <row r="537696" spans="8:8">
      <c r="H537696" s="12"/>
    </row>
    <row r="537697" spans="8:8">
      <c r="H537697" s="12"/>
    </row>
    <row r="537698" spans="8:8">
      <c r="H537698" s="12"/>
    </row>
    <row r="537699" spans="8:8">
      <c r="H537699" s="12"/>
    </row>
    <row r="537700" spans="8:8">
      <c r="H537700" s="12"/>
    </row>
    <row r="537701" spans="8:8">
      <c r="H537701" s="12"/>
    </row>
    <row r="537702" spans="8:8">
      <c r="H537702" s="12"/>
    </row>
    <row r="537703" spans="8:8">
      <c r="H537703" s="12"/>
    </row>
    <row r="537704" spans="8:8">
      <c r="H537704" s="12"/>
    </row>
    <row r="537705" spans="8:8">
      <c r="H537705" s="12"/>
    </row>
    <row r="537706" spans="8:8">
      <c r="H537706" s="12"/>
    </row>
    <row r="537707" spans="8:8">
      <c r="H537707" s="12"/>
    </row>
    <row r="537708" spans="8:8">
      <c r="H537708" s="12"/>
    </row>
    <row r="537709" spans="8:8">
      <c r="H537709" s="12"/>
    </row>
    <row r="537710" spans="8:8">
      <c r="H537710" s="12"/>
    </row>
    <row r="537711" spans="8:8">
      <c r="H537711" s="12"/>
    </row>
    <row r="537712" spans="8:8">
      <c r="H537712" s="12"/>
    </row>
    <row r="537713" spans="8:8">
      <c r="H537713" s="12"/>
    </row>
    <row r="537714" spans="8:8">
      <c r="H537714" s="12"/>
    </row>
    <row r="537715" spans="8:8">
      <c r="H537715" s="12"/>
    </row>
    <row r="537716" spans="8:8">
      <c r="H537716" s="12"/>
    </row>
    <row r="537717" spans="8:8">
      <c r="H537717" s="12"/>
    </row>
    <row r="537718" spans="8:8">
      <c r="H537718" s="12"/>
    </row>
    <row r="537719" spans="8:8">
      <c r="H537719" s="12"/>
    </row>
    <row r="537720" spans="8:8">
      <c r="H537720" s="12"/>
    </row>
    <row r="537721" spans="8:8">
      <c r="H537721" s="12"/>
    </row>
    <row r="537722" spans="8:8">
      <c r="H537722" s="12"/>
    </row>
    <row r="537723" spans="8:8">
      <c r="H537723" s="12"/>
    </row>
    <row r="537724" spans="8:8">
      <c r="H537724" s="12"/>
    </row>
    <row r="537725" spans="8:8">
      <c r="H537725" s="12"/>
    </row>
    <row r="537726" spans="8:8">
      <c r="H537726" s="12"/>
    </row>
    <row r="537727" spans="8:8">
      <c r="H537727" s="12"/>
    </row>
    <row r="537728" spans="8:8">
      <c r="H537728" s="12"/>
    </row>
    <row r="537729" spans="8:8">
      <c r="H537729" s="12"/>
    </row>
    <row r="537730" spans="8:8">
      <c r="H537730" s="12"/>
    </row>
    <row r="537731" spans="8:8">
      <c r="H537731" s="12"/>
    </row>
    <row r="537732" spans="8:8">
      <c r="H537732" s="12"/>
    </row>
    <row r="537733" spans="8:8">
      <c r="H537733" s="12"/>
    </row>
    <row r="537734" spans="8:8">
      <c r="H537734" s="12"/>
    </row>
    <row r="537735" spans="8:8">
      <c r="H537735" s="12"/>
    </row>
    <row r="537736" spans="8:8">
      <c r="H537736" s="12"/>
    </row>
    <row r="537737" spans="8:8">
      <c r="H537737" s="12"/>
    </row>
    <row r="537738" spans="8:8">
      <c r="H537738" s="12"/>
    </row>
    <row r="537739" spans="8:8">
      <c r="H537739" s="12"/>
    </row>
    <row r="537740" spans="8:8">
      <c r="H537740" s="12"/>
    </row>
    <row r="537741" spans="8:8">
      <c r="H537741" s="12"/>
    </row>
    <row r="537742" spans="8:8">
      <c r="H537742" s="12"/>
    </row>
    <row r="537743" spans="8:8">
      <c r="H537743" s="12"/>
    </row>
    <row r="537744" spans="8:8">
      <c r="H537744" s="12"/>
    </row>
    <row r="537745" spans="8:8">
      <c r="H537745" s="12"/>
    </row>
    <row r="537746" spans="8:8">
      <c r="H537746" s="12"/>
    </row>
    <row r="537747" spans="8:8">
      <c r="H537747" s="12"/>
    </row>
    <row r="537748" spans="8:8">
      <c r="H537748" s="12"/>
    </row>
    <row r="537749" spans="8:8">
      <c r="H537749" s="12"/>
    </row>
    <row r="537750" spans="8:8">
      <c r="H537750" s="12"/>
    </row>
    <row r="537751" spans="8:8">
      <c r="H537751" s="12"/>
    </row>
    <row r="537752" spans="8:8">
      <c r="H537752" s="12"/>
    </row>
    <row r="537753" spans="8:8">
      <c r="H537753" s="12"/>
    </row>
    <row r="537754" spans="8:8">
      <c r="H537754" s="12"/>
    </row>
    <row r="537755" spans="8:8">
      <c r="H537755" s="12"/>
    </row>
    <row r="537756" spans="8:8">
      <c r="H537756" s="12"/>
    </row>
    <row r="537757" spans="8:8">
      <c r="H537757" s="12"/>
    </row>
    <row r="537758" spans="8:8">
      <c r="H537758" s="12"/>
    </row>
    <row r="537759" spans="8:8">
      <c r="H537759" s="12"/>
    </row>
    <row r="537760" spans="8:8">
      <c r="H537760" s="12"/>
    </row>
    <row r="537761" spans="8:8">
      <c r="H537761" s="12"/>
    </row>
    <row r="537762" spans="8:8">
      <c r="H537762" s="12"/>
    </row>
    <row r="537763" spans="8:8">
      <c r="H537763" s="12"/>
    </row>
    <row r="537764" spans="8:8">
      <c r="H537764" s="12"/>
    </row>
    <row r="537765" spans="8:8">
      <c r="H537765" s="12"/>
    </row>
    <row r="537766" spans="8:8">
      <c r="H537766" s="12"/>
    </row>
    <row r="537767" spans="8:8">
      <c r="H537767" s="12"/>
    </row>
    <row r="537768" spans="8:8">
      <c r="H537768" s="12"/>
    </row>
    <row r="537769" spans="8:8">
      <c r="H537769" s="12"/>
    </row>
    <row r="537770" spans="8:8">
      <c r="H537770" s="12"/>
    </row>
    <row r="537771" spans="8:8">
      <c r="H537771" s="12"/>
    </row>
    <row r="537772" spans="8:8">
      <c r="H537772" s="12"/>
    </row>
    <row r="537773" spans="8:8">
      <c r="H537773" s="12"/>
    </row>
    <row r="537774" spans="8:8">
      <c r="H537774" s="12"/>
    </row>
    <row r="537775" spans="8:8">
      <c r="H537775" s="12"/>
    </row>
    <row r="537776" spans="8:8">
      <c r="H537776" s="12"/>
    </row>
    <row r="537777" spans="8:8">
      <c r="H537777" s="12"/>
    </row>
    <row r="537778" spans="8:8">
      <c r="H537778" s="12"/>
    </row>
    <row r="537779" spans="8:8">
      <c r="H537779" s="12"/>
    </row>
    <row r="537780" spans="8:8">
      <c r="H537780" s="12"/>
    </row>
    <row r="537781" spans="8:8">
      <c r="H537781" s="12"/>
    </row>
    <row r="537782" spans="8:8">
      <c r="H537782" s="12"/>
    </row>
    <row r="537783" spans="8:8">
      <c r="H537783" s="12"/>
    </row>
    <row r="537784" spans="8:8">
      <c r="H537784" s="12"/>
    </row>
    <row r="537785" spans="8:8">
      <c r="H537785" s="12"/>
    </row>
    <row r="537786" spans="8:8">
      <c r="H537786" s="12"/>
    </row>
    <row r="537787" spans="8:8">
      <c r="H537787" s="12"/>
    </row>
    <row r="537788" spans="8:8">
      <c r="H537788" s="12"/>
    </row>
    <row r="537789" spans="8:8">
      <c r="H537789" s="12"/>
    </row>
    <row r="537790" spans="8:8">
      <c r="H537790" s="12"/>
    </row>
    <row r="537791" spans="8:8">
      <c r="H537791" s="12"/>
    </row>
    <row r="537792" spans="8:8">
      <c r="H537792" s="12"/>
    </row>
    <row r="537793" spans="8:8">
      <c r="H537793" s="12"/>
    </row>
    <row r="537794" spans="8:8">
      <c r="H537794" s="12"/>
    </row>
    <row r="537795" spans="8:8">
      <c r="H537795" s="12"/>
    </row>
    <row r="537796" spans="8:8">
      <c r="H537796" s="12"/>
    </row>
    <row r="537797" spans="8:8">
      <c r="H537797" s="12"/>
    </row>
    <row r="537798" spans="8:8">
      <c r="H537798" s="12"/>
    </row>
    <row r="537799" spans="8:8">
      <c r="H537799" s="12"/>
    </row>
    <row r="537800" spans="8:8">
      <c r="H537800" s="12"/>
    </row>
    <row r="537801" spans="8:8">
      <c r="H537801" s="12"/>
    </row>
    <row r="537802" spans="8:8">
      <c r="H537802" s="12"/>
    </row>
    <row r="537803" spans="8:8">
      <c r="H537803" s="12"/>
    </row>
    <row r="537804" spans="8:8">
      <c r="H537804" s="12"/>
    </row>
    <row r="537805" spans="8:8">
      <c r="H537805" s="12"/>
    </row>
    <row r="537806" spans="8:8">
      <c r="H537806" s="12"/>
    </row>
    <row r="537807" spans="8:8">
      <c r="H537807" s="12"/>
    </row>
    <row r="537808" spans="8:8">
      <c r="H537808" s="12"/>
    </row>
    <row r="537809" spans="8:8">
      <c r="H537809" s="12"/>
    </row>
    <row r="537810" spans="8:8">
      <c r="H537810" s="12"/>
    </row>
    <row r="537811" spans="8:8">
      <c r="H537811" s="12"/>
    </row>
    <row r="537812" spans="8:8">
      <c r="H537812" s="12"/>
    </row>
    <row r="537813" spans="8:8">
      <c r="H537813" s="12"/>
    </row>
    <row r="537814" spans="8:8">
      <c r="H537814" s="12"/>
    </row>
    <row r="537815" spans="8:8">
      <c r="H537815" s="12"/>
    </row>
    <row r="537816" spans="8:8">
      <c r="H537816" s="12"/>
    </row>
    <row r="537817" spans="8:8">
      <c r="H537817" s="12"/>
    </row>
    <row r="537818" spans="8:8">
      <c r="H537818" s="12"/>
    </row>
    <row r="537819" spans="8:8">
      <c r="H537819" s="12"/>
    </row>
    <row r="537820" spans="8:8">
      <c r="H537820" s="12"/>
    </row>
    <row r="537821" spans="8:8">
      <c r="H537821" s="12"/>
    </row>
    <row r="537822" spans="8:8">
      <c r="H537822" s="12"/>
    </row>
    <row r="537823" spans="8:8">
      <c r="H537823" s="12"/>
    </row>
    <row r="537824" spans="8:8">
      <c r="H537824" s="12"/>
    </row>
    <row r="537825" spans="8:8">
      <c r="H537825" s="12"/>
    </row>
    <row r="537826" spans="8:8">
      <c r="H537826" s="12"/>
    </row>
    <row r="537827" spans="8:8">
      <c r="H537827" s="12"/>
    </row>
    <row r="537828" spans="8:8">
      <c r="H537828" s="12"/>
    </row>
    <row r="537829" spans="8:8">
      <c r="H537829" s="12"/>
    </row>
    <row r="537830" spans="8:8">
      <c r="H537830" s="12"/>
    </row>
    <row r="537831" spans="8:8">
      <c r="H537831" s="12"/>
    </row>
    <row r="537832" spans="8:8">
      <c r="H537832" s="12"/>
    </row>
    <row r="537833" spans="8:8">
      <c r="H537833" s="12"/>
    </row>
    <row r="537834" spans="8:8">
      <c r="H537834" s="12"/>
    </row>
    <row r="537835" spans="8:8">
      <c r="H537835" s="12"/>
    </row>
    <row r="537836" spans="8:8">
      <c r="H537836" s="12"/>
    </row>
    <row r="537837" spans="8:8">
      <c r="H537837" s="12"/>
    </row>
    <row r="537838" spans="8:8">
      <c r="H537838" s="12"/>
    </row>
    <row r="537839" spans="8:8">
      <c r="H537839" s="12"/>
    </row>
    <row r="537840" spans="8:8">
      <c r="H537840" s="12"/>
    </row>
    <row r="537841" spans="8:8">
      <c r="H537841" s="12"/>
    </row>
    <row r="537842" spans="8:8">
      <c r="H537842" s="12"/>
    </row>
    <row r="537843" spans="8:8">
      <c r="H537843" s="12"/>
    </row>
    <row r="537844" spans="8:8">
      <c r="H537844" s="12"/>
    </row>
    <row r="537845" spans="8:8">
      <c r="H537845" s="12"/>
    </row>
    <row r="537846" spans="8:8">
      <c r="H537846" s="12"/>
    </row>
    <row r="537847" spans="8:8">
      <c r="H537847" s="12"/>
    </row>
    <row r="537848" spans="8:8">
      <c r="H537848" s="12"/>
    </row>
    <row r="537849" spans="8:8">
      <c r="H537849" s="12"/>
    </row>
    <row r="537850" spans="8:8">
      <c r="H537850" s="12"/>
    </row>
    <row r="537851" spans="8:8">
      <c r="H537851" s="12"/>
    </row>
    <row r="537852" spans="8:8">
      <c r="H537852" s="12"/>
    </row>
    <row r="537853" spans="8:8">
      <c r="H537853" s="12"/>
    </row>
    <row r="537854" spans="8:8">
      <c r="H537854" s="12"/>
    </row>
    <row r="537855" spans="8:8">
      <c r="H537855" s="12"/>
    </row>
    <row r="537856" spans="8:8">
      <c r="H537856" s="12"/>
    </row>
    <row r="537857" spans="8:8">
      <c r="H537857" s="12"/>
    </row>
    <row r="537858" spans="8:8">
      <c r="H537858" s="12"/>
    </row>
    <row r="537859" spans="8:8">
      <c r="H537859" s="12"/>
    </row>
    <row r="537860" spans="8:8">
      <c r="H537860" s="12"/>
    </row>
    <row r="537861" spans="8:8">
      <c r="H537861" s="12"/>
    </row>
    <row r="537862" spans="8:8">
      <c r="H537862" s="12"/>
    </row>
    <row r="537863" spans="8:8">
      <c r="H537863" s="12"/>
    </row>
    <row r="537864" spans="8:8">
      <c r="H537864" s="12"/>
    </row>
    <row r="537865" spans="8:8">
      <c r="H537865" s="12"/>
    </row>
    <row r="537866" spans="8:8">
      <c r="H537866" s="12"/>
    </row>
    <row r="537867" spans="8:8">
      <c r="H537867" s="12"/>
    </row>
    <row r="537868" spans="8:8">
      <c r="H537868" s="12"/>
    </row>
    <row r="537869" spans="8:8">
      <c r="H537869" s="12"/>
    </row>
    <row r="537870" spans="8:8">
      <c r="H537870" s="12"/>
    </row>
    <row r="537871" spans="8:8">
      <c r="H537871" s="12"/>
    </row>
    <row r="537872" spans="8:8">
      <c r="H537872" s="12"/>
    </row>
    <row r="537873" spans="8:8">
      <c r="H537873" s="12"/>
    </row>
    <row r="537874" spans="8:8">
      <c r="H537874" s="12"/>
    </row>
    <row r="537875" spans="8:8">
      <c r="H537875" s="12"/>
    </row>
    <row r="537876" spans="8:8">
      <c r="H537876" s="12"/>
    </row>
    <row r="537877" spans="8:8">
      <c r="H537877" s="12"/>
    </row>
    <row r="537878" spans="8:8">
      <c r="H537878" s="12"/>
    </row>
    <row r="537879" spans="8:8">
      <c r="H537879" s="12"/>
    </row>
    <row r="537880" spans="8:8">
      <c r="H537880" s="12"/>
    </row>
    <row r="537881" spans="8:8">
      <c r="H537881" s="12"/>
    </row>
    <row r="537882" spans="8:8">
      <c r="H537882" s="12"/>
    </row>
    <row r="537883" spans="8:8">
      <c r="H537883" s="12"/>
    </row>
    <row r="537884" spans="8:8">
      <c r="H537884" s="12"/>
    </row>
    <row r="537885" spans="8:8">
      <c r="H537885" s="12"/>
    </row>
    <row r="537886" spans="8:8">
      <c r="H537886" s="12"/>
    </row>
    <row r="537887" spans="8:8">
      <c r="H537887" s="12"/>
    </row>
    <row r="537888" spans="8:8">
      <c r="H537888" s="12"/>
    </row>
    <row r="537889" spans="8:8">
      <c r="H537889" s="12"/>
    </row>
    <row r="537890" spans="8:8">
      <c r="H537890" s="12"/>
    </row>
    <row r="537891" spans="8:8">
      <c r="H537891" s="12"/>
    </row>
    <row r="537892" spans="8:8">
      <c r="H537892" s="12"/>
    </row>
    <row r="537893" spans="8:8">
      <c r="H537893" s="12"/>
    </row>
    <row r="537894" spans="8:8">
      <c r="H537894" s="12"/>
    </row>
    <row r="537895" spans="8:8">
      <c r="H537895" s="12"/>
    </row>
    <row r="537896" spans="8:8">
      <c r="H537896" s="12"/>
    </row>
    <row r="537897" spans="8:8">
      <c r="H537897" s="12"/>
    </row>
    <row r="537898" spans="8:8">
      <c r="H537898" s="12"/>
    </row>
    <row r="537899" spans="8:8">
      <c r="H537899" s="12"/>
    </row>
    <row r="537900" spans="8:8">
      <c r="H537900" s="12"/>
    </row>
    <row r="537901" spans="8:8">
      <c r="H537901" s="12"/>
    </row>
    <row r="537902" spans="8:8">
      <c r="H537902" s="12"/>
    </row>
    <row r="537903" spans="8:8">
      <c r="H537903" s="12"/>
    </row>
    <row r="537904" spans="8:8">
      <c r="H537904" s="12"/>
    </row>
    <row r="537905" spans="8:8">
      <c r="H537905" s="12"/>
    </row>
    <row r="537906" spans="8:8">
      <c r="H537906" s="12"/>
    </row>
    <row r="537907" spans="8:8">
      <c r="H537907" s="12"/>
    </row>
    <row r="537908" spans="8:8">
      <c r="H537908" s="12"/>
    </row>
    <row r="537909" spans="8:8">
      <c r="H537909" s="12"/>
    </row>
    <row r="537910" spans="8:8">
      <c r="H537910" s="12"/>
    </row>
    <row r="537911" spans="8:8">
      <c r="H537911" s="12"/>
    </row>
    <row r="537912" spans="8:8">
      <c r="H537912" s="12"/>
    </row>
    <row r="537913" spans="8:8">
      <c r="H537913" s="12"/>
    </row>
    <row r="537914" spans="8:8">
      <c r="H537914" s="12"/>
    </row>
    <row r="537915" spans="8:8">
      <c r="H537915" s="12"/>
    </row>
    <row r="537916" spans="8:8">
      <c r="H537916" s="12"/>
    </row>
    <row r="537917" spans="8:8">
      <c r="H537917" s="12"/>
    </row>
    <row r="537918" spans="8:8">
      <c r="H537918" s="12"/>
    </row>
    <row r="537919" spans="8:8">
      <c r="H537919" s="12"/>
    </row>
    <row r="537920" spans="8:8">
      <c r="H537920" s="12"/>
    </row>
    <row r="537921" spans="8:8">
      <c r="H537921" s="12"/>
    </row>
    <row r="537922" spans="8:8">
      <c r="H537922" s="12"/>
    </row>
    <row r="537923" spans="8:8">
      <c r="H537923" s="12"/>
    </row>
    <row r="537924" spans="8:8">
      <c r="H537924" s="12"/>
    </row>
    <row r="537925" spans="8:8">
      <c r="H537925" s="12"/>
    </row>
    <row r="537926" spans="8:8">
      <c r="H537926" s="12"/>
    </row>
    <row r="537927" spans="8:8">
      <c r="H537927" s="12"/>
    </row>
    <row r="537928" spans="8:8">
      <c r="H537928" s="12"/>
    </row>
    <row r="537929" spans="8:8">
      <c r="H537929" s="12"/>
    </row>
    <row r="537930" spans="8:8">
      <c r="H537930" s="12"/>
    </row>
    <row r="537931" spans="8:8">
      <c r="H537931" s="12"/>
    </row>
    <row r="537932" spans="8:8">
      <c r="H537932" s="12"/>
    </row>
    <row r="537933" spans="8:8">
      <c r="H537933" s="12"/>
    </row>
    <row r="537934" spans="8:8">
      <c r="H537934" s="12"/>
    </row>
    <row r="537935" spans="8:8">
      <c r="H537935" s="12"/>
    </row>
    <row r="537936" spans="8:8">
      <c r="H537936" s="12"/>
    </row>
    <row r="537937" spans="8:8">
      <c r="H537937" s="12"/>
    </row>
    <row r="537938" spans="8:8">
      <c r="H537938" s="12"/>
    </row>
    <row r="537939" spans="8:8">
      <c r="H537939" s="12"/>
    </row>
    <row r="537940" spans="8:8">
      <c r="H537940" s="12"/>
    </row>
    <row r="537941" spans="8:8">
      <c r="H537941" s="12"/>
    </row>
    <row r="537942" spans="8:8">
      <c r="H537942" s="12"/>
    </row>
    <row r="537943" spans="8:8">
      <c r="H537943" s="12"/>
    </row>
    <row r="537944" spans="8:8">
      <c r="H537944" s="12"/>
    </row>
    <row r="537945" spans="8:8">
      <c r="H537945" s="12"/>
    </row>
    <row r="537946" spans="8:8">
      <c r="H537946" s="12"/>
    </row>
    <row r="537947" spans="8:8">
      <c r="H537947" s="12"/>
    </row>
    <row r="537948" spans="8:8">
      <c r="H537948" s="12"/>
    </row>
    <row r="537949" spans="8:8">
      <c r="H537949" s="12"/>
    </row>
    <row r="537950" spans="8:8">
      <c r="H537950" s="12"/>
    </row>
    <row r="537951" spans="8:8">
      <c r="H537951" s="12"/>
    </row>
    <row r="537952" spans="8:8">
      <c r="H537952" s="12"/>
    </row>
    <row r="537953" spans="8:8">
      <c r="H537953" s="12"/>
    </row>
    <row r="537954" spans="8:8">
      <c r="H537954" s="12"/>
    </row>
    <row r="537955" spans="8:8">
      <c r="H537955" s="12"/>
    </row>
    <row r="537956" spans="8:8">
      <c r="H537956" s="12"/>
    </row>
    <row r="537957" spans="8:8">
      <c r="H537957" s="12"/>
    </row>
    <row r="537958" spans="8:8">
      <c r="H537958" s="12"/>
    </row>
    <row r="537959" spans="8:8">
      <c r="H537959" s="12"/>
    </row>
    <row r="537960" spans="8:8">
      <c r="H537960" s="12"/>
    </row>
    <row r="537961" spans="8:8">
      <c r="H537961" s="12"/>
    </row>
    <row r="537962" spans="8:8">
      <c r="H537962" s="12"/>
    </row>
    <row r="537963" spans="8:8">
      <c r="H537963" s="12"/>
    </row>
    <row r="537964" spans="8:8">
      <c r="H537964" s="12"/>
    </row>
    <row r="537965" spans="8:8">
      <c r="H537965" s="12"/>
    </row>
    <row r="537966" spans="8:8">
      <c r="H537966" s="12"/>
    </row>
    <row r="537967" spans="8:8">
      <c r="H537967" s="12"/>
    </row>
    <row r="537968" spans="8:8">
      <c r="H537968" s="12"/>
    </row>
    <row r="537969" spans="8:8">
      <c r="H537969" s="12"/>
    </row>
    <row r="537970" spans="8:8">
      <c r="H537970" s="12"/>
    </row>
    <row r="537971" spans="8:8">
      <c r="H537971" s="12"/>
    </row>
    <row r="537972" spans="8:8">
      <c r="H537972" s="12"/>
    </row>
    <row r="537973" spans="8:8">
      <c r="H537973" s="12"/>
    </row>
    <row r="537974" spans="8:8">
      <c r="H537974" s="12"/>
    </row>
    <row r="537975" spans="8:8">
      <c r="H537975" s="12"/>
    </row>
    <row r="537976" spans="8:8">
      <c r="H537976" s="12"/>
    </row>
    <row r="537977" spans="8:8">
      <c r="H537977" s="12"/>
    </row>
    <row r="537978" spans="8:8">
      <c r="H537978" s="12"/>
    </row>
    <row r="537979" spans="8:8">
      <c r="H537979" s="12"/>
    </row>
    <row r="537980" spans="8:8">
      <c r="H537980" s="12"/>
    </row>
    <row r="537981" spans="8:8">
      <c r="H537981" s="12"/>
    </row>
    <row r="537982" spans="8:8">
      <c r="H537982" s="12"/>
    </row>
    <row r="537983" spans="8:8">
      <c r="H537983" s="12"/>
    </row>
    <row r="537984" spans="8:8">
      <c r="H537984" s="12"/>
    </row>
    <row r="537985" spans="8:8">
      <c r="H537985" s="12"/>
    </row>
    <row r="537986" spans="8:8">
      <c r="H537986" s="12"/>
    </row>
    <row r="537987" spans="8:8">
      <c r="H537987" s="12"/>
    </row>
    <row r="537988" spans="8:8">
      <c r="H537988" s="12"/>
    </row>
    <row r="537989" spans="8:8">
      <c r="H537989" s="12"/>
    </row>
    <row r="537990" spans="8:8">
      <c r="H537990" s="12"/>
    </row>
    <row r="537991" spans="8:8">
      <c r="H537991" s="12"/>
    </row>
    <row r="537992" spans="8:8">
      <c r="H537992" s="12"/>
    </row>
    <row r="537993" spans="8:8">
      <c r="H537993" s="12"/>
    </row>
    <row r="537994" spans="8:8">
      <c r="H537994" s="12"/>
    </row>
    <row r="537995" spans="8:8">
      <c r="H537995" s="12"/>
    </row>
    <row r="537996" spans="8:8">
      <c r="H537996" s="12"/>
    </row>
    <row r="537997" spans="8:8">
      <c r="H537997" s="12"/>
    </row>
    <row r="537998" spans="8:8">
      <c r="H537998" s="12"/>
    </row>
    <row r="537999" spans="8:8">
      <c r="H537999" s="12"/>
    </row>
    <row r="538000" spans="8:8">
      <c r="H538000" s="12"/>
    </row>
    <row r="538001" spans="8:8">
      <c r="H538001" s="12"/>
    </row>
    <row r="538002" spans="8:8">
      <c r="H538002" s="12"/>
    </row>
    <row r="538003" spans="8:8">
      <c r="H538003" s="12"/>
    </row>
    <row r="538004" spans="8:8">
      <c r="H538004" s="12"/>
    </row>
    <row r="538005" spans="8:8">
      <c r="H538005" s="12"/>
    </row>
    <row r="538006" spans="8:8">
      <c r="H538006" s="12"/>
    </row>
    <row r="538007" spans="8:8">
      <c r="H538007" s="12"/>
    </row>
    <row r="538008" spans="8:8">
      <c r="H538008" s="12"/>
    </row>
    <row r="538009" spans="8:8">
      <c r="H538009" s="12"/>
    </row>
    <row r="538010" spans="8:8">
      <c r="H538010" s="12"/>
    </row>
    <row r="538011" spans="8:8">
      <c r="H538011" s="12"/>
    </row>
    <row r="538012" spans="8:8">
      <c r="H538012" s="12"/>
    </row>
    <row r="538013" spans="8:8">
      <c r="H538013" s="12"/>
    </row>
    <row r="538014" spans="8:8">
      <c r="H538014" s="12"/>
    </row>
    <row r="538015" spans="8:8">
      <c r="H538015" s="12"/>
    </row>
    <row r="538016" spans="8:8">
      <c r="H538016" s="12"/>
    </row>
    <row r="538017" spans="8:8">
      <c r="H538017" s="12"/>
    </row>
    <row r="538018" spans="8:8">
      <c r="H538018" s="12"/>
    </row>
    <row r="538019" spans="8:8">
      <c r="H538019" s="12"/>
    </row>
    <row r="538020" spans="8:8">
      <c r="H538020" s="12"/>
    </row>
    <row r="538021" spans="8:8">
      <c r="H538021" s="12"/>
    </row>
    <row r="538022" spans="8:8">
      <c r="H538022" s="12"/>
    </row>
    <row r="538023" spans="8:8">
      <c r="H538023" s="12"/>
    </row>
    <row r="538024" spans="8:8">
      <c r="H538024" s="12"/>
    </row>
    <row r="538025" spans="8:8">
      <c r="H538025" s="12"/>
    </row>
    <row r="538026" spans="8:8">
      <c r="H538026" s="12"/>
    </row>
    <row r="538027" spans="8:8">
      <c r="H538027" s="12"/>
    </row>
    <row r="538028" spans="8:8">
      <c r="H538028" s="12"/>
    </row>
    <row r="538029" spans="8:8">
      <c r="H538029" s="12"/>
    </row>
    <row r="538030" spans="8:8">
      <c r="H538030" s="12"/>
    </row>
    <row r="538031" spans="8:8">
      <c r="H538031" s="12"/>
    </row>
    <row r="538032" spans="8:8">
      <c r="H538032" s="12"/>
    </row>
    <row r="538033" spans="8:8">
      <c r="H538033" s="12"/>
    </row>
    <row r="538034" spans="8:8">
      <c r="H538034" s="12"/>
    </row>
    <row r="538035" spans="8:8">
      <c r="H538035" s="12"/>
    </row>
    <row r="538036" spans="8:8">
      <c r="H538036" s="12"/>
    </row>
    <row r="538037" spans="8:8">
      <c r="H538037" s="12"/>
    </row>
    <row r="538038" spans="8:8">
      <c r="H538038" s="12"/>
    </row>
    <row r="538039" spans="8:8">
      <c r="H538039" s="12"/>
    </row>
    <row r="538040" spans="8:8">
      <c r="H538040" s="12"/>
    </row>
    <row r="538041" spans="8:8">
      <c r="H538041" s="12"/>
    </row>
    <row r="538042" spans="8:8">
      <c r="H538042" s="12"/>
    </row>
    <row r="538043" spans="8:8">
      <c r="H538043" s="12"/>
    </row>
    <row r="538044" spans="8:8">
      <c r="H538044" s="12"/>
    </row>
    <row r="538045" spans="8:8">
      <c r="H538045" s="12"/>
    </row>
    <row r="538046" spans="8:8">
      <c r="H538046" s="12"/>
    </row>
    <row r="538047" spans="8:8">
      <c r="H538047" s="12"/>
    </row>
    <row r="538048" spans="8:8">
      <c r="H538048" s="12"/>
    </row>
    <row r="538049" spans="8:8">
      <c r="H538049" s="12"/>
    </row>
    <row r="538050" spans="8:8">
      <c r="H538050" s="12"/>
    </row>
    <row r="538051" spans="8:8">
      <c r="H538051" s="12"/>
    </row>
    <row r="538052" spans="8:8">
      <c r="H538052" s="12"/>
    </row>
    <row r="538053" spans="8:8">
      <c r="H538053" s="12"/>
    </row>
    <row r="538054" spans="8:8">
      <c r="H538054" s="12"/>
    </row>
    <row r="538055" spans="8:8">
      <c r="H538055" s="12"/>
    </row>
    <row r="538056" spans="8:8">
      <c r="H538056" s="12"/>
    </row>
    <row r="538057" spans="8:8">
      <c r="H538057" s="12"/>
    </row>
    <row r="538058" spans="8:8">
      <c r="H538058" s="12"/>
    </row>
    <row r="538059" spans="8:8">
      <c r="H538059" s="12"/>
    </row>
    <row r="538060" spans="8:8">
      <c r="H538060" s="12"/>
    </row>
    <row r="538061" spans="8:8">
      <c r="H538061" s="12"/>
    </row>
    <row r="538062" spans="8:8">
      <c r="H538062" s="12"/>
    </row>
    <row r="538063" spans="8:8">
      <c r="H538063" s="12"/>
    </row>
    <row r="538064" spans="8:8">
      <c r="H538064" s="12"/>
    </row>
    <row r="538065" spans="8:8">
      <c r="H538065" s="12"/>
    </row>
    <row r="538066" spans="8:8">
      <c r="H538066" s="12"/>
    </row>
    <row r="538067" spans="8:8">
      <c r="H538067" s="12"/>
    </row>
    <row r="538068" spans="8:8">
      <c r="H538068" s="12"/>
    </row>
    <row r="538069" spans="8:8">
      <c r="H538069" s="12"/>
    </row>
    <row r="538070" spans="8:8">
      <c r="H538070" s="12"/>
    </row>
    <row r="538071" spans="8:8">
      <c r="H538071" s="12"/>
    </row>
    <row r="538072" spans="8:8">
      <c r="H538072" s="12"/>
    </row>
    <row r="538073" spans="8:8">
      <c r="H538073" s="12"/>
    </row>
    <row r="538074" spans="8:8">
      <c r="H538074" s="12"/>
    </row>
    <row r="538075" spans="8:8">
      <c r="H538075" s="12"/>
    </row>
    <row r="538076" spans="8:8">
      <c r="H538076" s="12"/>
    </row>
    <row r="538077" spans="8:8">
      <c r="H538077" s="12"/>
    </row>
    <row r="538078" spans="8:8">
      <c r="H538078" s="12"/>
    </row>
    <row r="538079" spans="8:8">
      <c r="H538079" s="12"/>
    </row>
    <row r="538080" spans="8:8">
      <c r="H538080" s="12"/>
    </row>
    <row r="538081" spans="8:8">
      <c r="H538081" s="12"/>
    </row>
    <row r="538082" spans="8:8">
      <c r="H538082" s="12"/>
    </row>
    <row r="538083" spans="8:8">
      <c r="H538083" s="12"/>
    </row>
    <row r="538084" spans="8:8">
      <c r="H538084" s="12"/>
    </row>
    <row r="538085" spans="8:8">
      <c r="H538085" s="12"/>
    </row>
    <row r="538086" spans="8:8">
      <c r="H538086" s="12"/>
    </row>
    <row r="538087" spans="8:8">
      <c r="H538087" s="12"/>
    </row>
    <row r="538088" spans="8:8">
      <c r="H538088" s="12"/>
    </row>
    <row r="538089" spans="8:8">
      <c r="H538089" s="12"/>
    </row>
    <row r="538090" spans="8:8">
      <c r="H538090" s="12"/>
    </row>
    <row r="538091" spans="8:8">
      <c r="H538091" s="12"/>
    </row>
    <row r="538092" spans="8:8">
      <c r="H538092" s="12"/>
    </row>
    <row r="538093" spans="8:8">
      <c r="H538093" s="12"/>
    </row>
    <row r="538094" spans="8:8">
      <c r="H538094" s="12"/>
    </row>
    <row r="538095" spans="8:8">
      <c r="H538095" s="12"/>
    </row>
    <row r="538096" spans="8:8">
      <c r="H538096" s="12"/>
    </row>
    <row r="538097" spans="8:8">
      <c r="H538097" s="12"/>
    </row>
    <row r="538098" spans="8:8">
      <c r="H538098" s="12"/>
    </row>
    <row r="538099" spans="8:8">
      <c r="H538099" s="12"/>
    </row>
    <row r="538100" spans="8:8">
      <c r="H538100" s="12"/>
    </row>
    <row r="538101" spans="8:8">
      <c r="H538101" s="12"/>
    </row>
    <row r="538102" spans="8:8">
      <c r="H538102" s="12"/>
    </row>
    <row r="538103" spans="8:8">
      <c r="H538103" s="12"/>
    </row>
    <row r="538104" spans="8:8">
      <c r="H538104" s="12"/>
    </row>
    <row r="538105" spans="8:8">
      <c r="H538105" s="12"/>
    </row>
    <row r="538106" spans="8:8">
      <c r="H538106" s="12"/>
    </row>
    <row r="538107" spans="8:8">
      <c r="H538107" s="12"/>
    </row>
    <row r="538108" spans="8:8">
      <c r="H538108" s="12"/>
    </row>
    <row r="538109" spans="8:8">
      <c r="H538109" s="12"/>
    </row>
    <row r="538110" spans="8:8">
      <c r="H538110" s="12"/>
    </row>
    <row r="538111" spans="8:8">
      <c r="H538111" s="12"/>
    </row>
    <row r="538112" spans="8:8">
      <c r="H538112" s="12"/>
    </row>
    <row r="538113" spans="8:8">
      <c r="H538113" s="12"/>
    </row>
    <row r="538114" spans="8:8">
      <c r="H538114" s="12"/>
    </row>
    <row r="538115" spans="8:8">
      <c r="H538115" s="12"/>
    </row>
    <row r="538116" spans="8:8">
      <c r="H538116" s="12"/>
    </row>
    <row r="538117" spans="8:8">
      <c r="H538117" s="12"/>
    </row>
    <row r="538118" spans="8:8">
      <c r="H538118" s="12"/>
    </row>
    <row r="538119" spans="8:8">
      <c r="H538119" s="12"/>
    </row>
    <row r="538120" spans="8:8">
      <c r="H538120" s="12"/>
    </row>
    <row r="538121" spans="8:8">
      <c r="H538121" s="12"/>
    </row>
    <row r="538122" spans="8:8">
      <c r="H538122" s="12"/>
    </row>
    <row r="538123" spans="8:8">
      <c r="H538123" s="12"/>
    </row>
    <row r="538124" spans="8:8">
      <c r="H538124" s="12"/>
    </row>
    <row r="538125" spans="8:8">
      <c r="H538125" s="12"/>
    </row>
    <row r="538126" spans="8:8">
      <c r="H538126" s="12"/>
    </row>
    <row r="538127" spans="8:8">
      <c r="H538127" s="12"/>
    </row>
    <row r="538128" spans="8:8">
      <c r="H538128" s="12"/>
    </row>
    <row r="538129" spans="8:8">
      <c r="H538129" s="12"/>
    </row>
    <row r="538130" spans="8:8">
      <c r="H538130" s="12"/>
    </row>
    <row r="538131" spans="8:8">
      <c r="H538131" s="12"/>
    </row>
    <row r="538132" spans="8:8">
      <c r="H538132" s="12"/>
    </row>
    <row r="538133" spans="8:8">
      <c r="H538133" s="12"/>
    </row>
    <row r="538134" spans="8:8">
      <c r="H538134" s="12"/>
    </row>
    <row r="538135" spans="8:8">
      <c r="H538135" s="12"/>
    </row>
    <row r="538136" spans="8:8">
      <c r="H538136" s="12"/>
    </row>
    <row r="538137" spans="8:8">
      <c r="H538137" s="12"/>
    </row>
    <row r="538138" spans="8:8">
      <c r="H538138" s="12"/>
    </row>
    <row r="538139" spans="8:8">
      <c r="H538139" s="12"/>
    </row>
    <row r="538140" spans="8:8">
      <c r="H538140" s="12"/>
    </row>
    <row r="538141" spans="8:8">
      <c r="H538141" s="12"/>
    </row>
    <row r="538142" spans="8:8">
      <c r="H538142" s="12"/>
    </row>
    <row r="538143" spans="8:8">
      <c r="H538143" s="12"/>
    </row>
    <row r="538144" spans="8:8">
      <c r="H538144" s="12"/>
    </row>
    <row r="538145" spans="8:8">
      <c r="H538145" s="12"/>
    </row>
    <row r="538146" spans="8:8">
      <c r="H538146" s="12"/>
    </row>
    <row r="538147" spans="8:8">
      <c r="H538147" s="12"/>
    </row>
    <row r="538148" spans="8:8">
      <c r="H538148" s="12"/>
    </row>
    <row r="538149" spans="8:8">
      <c r="H538149" s="12"/>
    </row>
    <row r="538150" spans="8:8">
      <c r="H538150" s="12"/>
    </row>
    <row r="538151" spans="8:8">
      <c r="H538151" s="12"/>
    </row>
    <row r="538152" spans="8:8">
      <c r="H538152" s="12"/>
    </row>
    <row r="538153" spans="8:8">
      <c r="H538153" s="12"/>
    </row>
    <row r="538154" spans="8:8">
      <c r="H538154" s="12"/>
    </row>
    <row r="538155" spans="8:8">
      <c r="H538155" s="12"/>
    </row>
    <row r="538156" spans="8:8">
      <c r="H538156" s="12"/>
    </row>
    <row r="538157" spans="8:8">
      <c r="H538157" s="12"/>
    </row>
    <row r="538158" spans="8:8">
      <c r="H538158" s="12"/>
    </row>
    <row r="538159" spans="8:8">
      <c r="H538159" s="12"/>
    </row>
    <row r="538160" spans="8:8">
      <c r="H538160" s="12"/>
    </row>
    <row r="538161" spans="8:8">
      <c r="H538161" s="12"/>
    </row>
    <row r="538162" spans="8:8">
      <c r="H538162" s="12"/>
    </row>
    <row r="538163" spans="8:8">
      <c r="H538163" s="12"/>
    </row>
    <row r="538164" spans="8:8">
      <c r="H538164" s="12"/>
    </row>
    <row r="538165" spans="8:8">
      <c r="H538165" s="12"/>
    </row>
    <row r="538166" spans="8:8">
      <c r="H538166" s="12"/>
    </row>
    <row r="538167" spans="8:8">
      <c r="H538167" s="12"/>
    </row>
    <row r="538168" spans="8:8">
      <c r="H538168" s="12"/>
    </row>
    <row r="538169" spans="8:8">
      <c r="H538169" s="12"/>
    </row>
    <row r="538170" spans="8:8">
      <c r="H538170" s="12"/>
    </row>
    <row r="538171" spans="8:8">
      <c r="H538171" s="12"/>
    </row>
    <row r="538172" spans="8:8">
      <c r="H538172" s="12"/>
    </row>
    <row r="538173" spans="8:8">
      <c r="H538173" s="12"/>
    </row>
    <row r="538174" spans="8:8">
      <c r="H538174" s="12"/>
    </row>
    <row r="538175" spans="8:8">
      <c r="H538175" s="12"/>
    </row>
    <row r="538176" spans="8:8">
      <c r="H538176" s="12"/>
    </row>
    <row r="538177" spans="8:8">
      <c r="H538177" s="12"/>
    </row>
    <row r="538178" spans="8:8">
      <c r="H538178" s="12"/>
    </row>
    <row r="538179" spans="8:8">
      <c r="H538179" s="12"/>
    </row>
    <row r="538180" spans="8:8">
      <c r="H538180" s="12"/>
    </row>
    <row r="538181" spans="8:8">
      <c r="H538181" s="12"/>
    </row>
    <row r="538182" spans="8:8">
      <c r="H538182" s="12"/>
    </row>
    <row r="538183" spans="8:8">
      <c r="H538183" s="12"/>
    </row>
    <row r="538184" spans="8:8">
      <c r="H538184" s="12"/>
    </row>
    <row r="538185" spans="8:8">
      <c r="H538185" s="12"/>
    </row>
    <row r="538186" spans="8:8">
      <c r="H538186" s="12"/>
    </row>
    <row r="538187" spans="8:8">
      <c r="H538187" s="12"/>
    </row>
    <row r="538188" spans="8:8">
      <c r="H538188" s="12"/>
    </row>
    <row r="538189" spans="8:8">
      <c r="H538189" s="12"/>
    </row>
    <row r="538190" spans="8:8">
      <c r="H538190" s="12"/>
    </row>
    <row r="538191" spans="8:8">
      <c r="H538191" s="12"/>
    </row>
    <row r="538192" spans="8:8">
      <c r="H538192" s="12"/>
    </row>
    <row r="538193" spans="8:8">
      <c r="H538193" s="12"/>
    </row>
    <row r="538194" spans="8:8">
      <c r="H538194" s="12"/>
    </row>
    <row r="538195" spans="8:8">
      <c r="H538195" s="12"/>
    </row>
    <row r="538196" spans="8:8">
      <c r="H538196" s="12"/>
    </row>
    <row r="538197" spans="8:8">
      <c r="H538197" s="12"/>
    </row>
    <row r="538198" spans="8:8">
      <c r="H538198" s="12"/>
    </row>
    <row r="538199" spans="8:8">
      <c r="H538199" s="12"/>
    </row>
    <row r="538200" spans="8:8">
      <c r="H538200" s="12"/>
    </row>
    <row r="538201" spans="8:8">
      <c r="H538201" s="12"/>
    </row>
    <row r="538202" spans="8:8">
      <c r="H538202" s="12"/>
    </row>
    <row r="538203" spans="8:8">
      <c r="H538203" s="12"/>
    </row>
    <row r="538204" spans="8:8">
      <c r="H538204" s="12"/>
    </row>
    <row r="538205" spans="8:8">
      <c r="H538205" s="12"/>
    </row>
    <row r="538206" spans="8:8">
      <c r="H538206" s="12"/>
    </row>
    <row r="538207" spans="8:8">
      <c r="H538207" s="12"/>
    </row>
    <row r="538208" spans="8:8">
      <c r="H538208" s="12"/>
    </row>
    <row r="538209" spans="8:8">
      <c r="H538209" s="12"/>
    </row>
    <row r="538210" spans="8:8">
      <c r="H538210" s="12"/>
    </row>
    <row r="538211" spans="8:8">
      <c r="H538211" s="12"/>
    </row>
    <row r="538212" spans="8:8">
      <c r="H538212" s="12"/>
    </row>
    <row r="538213" spans="8:8">
      <c r="H538213" s="12"/>
    </row>
    <row r="538214" spans="8:8">
      <c r="H538214" s="12"/>
    </row>
    <row r="538215" spans="8:8">
      <c r="H538215" s="12"/>
    </row>
    <row r="538216" spans="8:8">
      <c r="H538216" s="12"/>
    </row>
    <row r="538217" spans="8:8">
      <c r="H538217" s="12"/>
    </row>
    <row r="538218" spans="8:8">
      <c r="H538218" s="12"/>
    </row>
    <row r="538219" spans="8:8">
      <c r="H538219" s="12"/>
    </row>
    <row r="538220" spans="8:8">
      <c r="H538220" s="12"/>
    </row>
    <row r="538221" spans="8:8">
      <c r="H538221" s="12"/>
    </row>
    <row r="538222" spans="8:8">
      <c r="H538222" s="12"/>
    </row>
    <row r="538223" spans="8:8">
      <c r="H538223" s="12"/>
    </row>
    <row r="538224" spans="8:8">
      <c r="H538224" s="12"/>
    </row>
    <row r="538225" spans="8:8">
      <c r="H538225" s="12"/>
    </row>
    <row r="538226" spans="8:8">
      <c r="H538226" s="12"/>
    </row>
    <row r="538227" spans="8:8">
      <c r="H538227" s="12"/>
    </row>
    <row r="538228" spans="8:8">
      <c r="H538228" s="12"/>
    </row>
    <row r="538229" spans="8:8">
      <c r="H538229" s="12"/>
    </row>
    <row r="538230" spans="8:8">
      <c r="H538230" s="12"/>
    </row>
    <row r="538231" spans="8:8">
      <c r="H538231" s="12"/>
    </row>
    <row r="538232" spans="8:8">
      <c r="H538232" s="12"/>
    </row>
    <row r="538233" spans="8:8">
      <c r="H538233" s="12"/>
    </row>
    <row r="538234" spans="8:8">
      <c r="H538234" s="12"/>
    </row>
    <row r="538235" spans="8:8">
      <c r="H538235" s="12"/>
    </row>
    <row r="538236" spans="8:8">
      <c r="H538236" s="12"/>
    </row>
    <row r="538237" spans="8:8">
      <c r="H538237" s="12"/>
    </row>
    <row r="538238" spans="8:8">
      <c r="H538238" s="12"/>
    </row>
    <row r="538239" spans="8:8">
      <c r="H538239" s="12"/>
    </row>
    <row r="538240" spans="8:8">
      <c r="H538240" s="12"/>
    </row>
    <row r="538241" spans="8:8">
      <c r="H538241" s="12"/>
    </row>
    <row r="538242" spans="8:8">
      <c r="H538242" s="12"/>
    </row>
    <row r="538243" spans="8:8">
      <c r="H538243" s="12"/>
    </row>
    <row r="538244" spans="8:8">
      <c r="H538244" s="12"/>
    </row>
    <row r="538245" spans="8:8">
      <c r="H538245" s="12"/>
    </row>
    <row r="538246" spans="8:8">
      <c r="H538246" s="12"/>
    </row>
    <row r="538247" spans="8:8">
      <c r="H538247" s="12"/>
    </row>
    <row r="538248" spans="8:8">
      <c r="H538248" s="12"/>
    </row>
    <row r="538249" spans="8:8">
      <c r="H538249" s="12"/>
    </row>
    <row r="538250" spans="8:8">
      <c r="H538250" s="12"/>
    </row>
    <row r="538251" spans="8:8">
      <c r="H538251" s="12"/>
    </row>
    <row r="538252" spans="8:8">
      <c r="H538252" s="12"/>
    </row>
    <row r="538253" spans="8:8">
      <c r="H538253" s="12"/>
    </row>
    <row r="538254" spans="8:8">
      <c r="H538254" s="12"/>
    </row>
    <row r="538255" spans="8:8">
      <c r="H538255" s="12"/>
    </row>
    <row r="538256" spans="8:8">
      <c r="H538256" s="12"/>
    </row>
    <row r="538257" spans="8:8">
      <c r="H538257" s="12"/>
    </row>
    <row r="538258" spans="8:8">
      <c r="H538258" s="12"/>
    </row>
    <row r="538259" spans="8:8">
      <c r="H538259" s="12"/>
    </row>
    <row r="538260" spans="8:8">
      <c r="H538260" s="12"/>
    </row>
    <row r="538261" spans="8:8">
      <c r="H538261" s="12"/>
    </row>
    <row r="538262" spans="8:8">
      <c r="H538262" s="12"/>
    </row>
    <row r="538263" spans="8:8">
      <c r="H538263" s="12"/>
    </row>
    <row r="538264" spans="8:8">
      <c r="H538264" s="12"/>
    </row>
    <row r="538265" spans="8:8">
      <c r="H538265" s="12"/>
    </row>
    <row r="538266" spans="8:8">
      <c r="H538266" s="12"/>
    </row>
    <row r="538267" spans="8:8">
      <c r="H538267" s="12"/>
    </row>
    <row r="538268" spans="8:8">
      <c r="H538268" s="12"/>
    </row>
    <row r="538269" spans="8:8">
      <c r="H538269" s="12"/>
    </row>
    <row r="538270" spans="8:8">
      <c r="H538270" s="12"/>
    </row>
    <row r="538271" spans="8:8">
      <c r="H538271" s="12"/>
    </row>
    <row r="538272" spans="8:8">
      <c r="H538272" s="12"/>
    </row>
    <row r="538273" spans="8:8">
      <c r="H538273" s="12"/>
    </row>
    <row r="538274" spans="8:8">
      <c r="H538274" s="12"/>
    </row>
    <row r="538275" spans="8:8">
      <c r="H538275" s="12"/>
    </row>
    <row r="538276" spans="8:8">
      <c r="H538276" s="12"/>
    </row>
    <row r="538277" spans="8:8">
      <c r="H538277" s="12"/>
    </row>
    <row r="538278" spans="8:8">
      <c r="H538278" s="12"/>
    </row>
    <row r="538279" spans="8:8">
      <c r="H538279" s="12"/>
    </row>
    <row r="538280" spans="8:8">
      <c r="H538280" s="12"/>
    </row>
    <row r="538281" spans="8:8">
      <c r="H538281" s="12"/>
    </row>
    <row r="538282" spans="8:8">
      <c r="H538282" s="12"/>
    </row>
    <row r="538283" spans="8:8">
      <c r="H538283" s="12"/>
    </row>
    <row r="538284" spans="8:8">
      <c r="H538284" s="12"/>
    </row>
    <row r="538285" spans="8:8">
      <c r="H538285" s="12"/>
    </row>
    <row r="538286" spans="8:8">
      <c r="H538286" s="12"/>
    </row>
    <row r="538287" spans="8:8">
      <c r="H538287" s="12"/>
    </row>
    <row r="538288" spans="8:8">
      <c r="H538288" s="12"/>
    </row>
    <row r="538289" spans="8:8">
      <c r="H538289" s="12"/>
    </row>
    <row r="538290" spans="8:8">
      <c r="H538290" s="12"/>
    </row>
    <row r="538291" spans="8:8">
      <c r="H538291" s="12"/>
    </row>
    <row r="538292" spans="8:8">
      <c r="H538292" s="12"/>
    </row>
    <row r="538293" spans="8:8">
      <c r="H538293" s="12"/>
    </row>
    <row r="538294" spans="8:8">
      <c r="H538294" s="12"/>
    </row>
    <row r="538295" spans="8:8">
      <c r="H538295" s="12"/>
    </row>
    <row r="538296" spans="8:8">
      <c r="H538296" s="12"/>
    </row>
    <row r="538297" spans="8:8">
      <c r="H538297" s="12"/>
    </row>
    <row r="538298" spans="8:8">
      <c r="H538298" s="12"/>
    </row>
    <row r="538299" spans="8:8">
      <c r="H538299" s="12"/>
    </row>
    <row r="538300" spans="8:8">
      <c r="H538300" s="12"/>
    </row>
    <row r="538301" spans="8:8">
      <c r="H538301" s="12"/>
    </row>
    <row r="538302" spans="8:8">
      <c r="H538302" s="12"/>
    </row>
    <row r="538303" spans="8:8">
      <c r="H538303" s="12"/>
    </row>
    <row r="538304" spans="8:8">
      <c r="H538304" s="12"/>
    </row>
    <row r="538305" spans="8:8">
      <c r="H538305" s="12"/>
    </row>
    <row r="538306" spans="8:8">
      <c r="H538306" s="12"/>
    </row>
    <row r="538307" spans="8:8">
      <c r="H538307" s="12"/>
    </row>
    <row r="538308" spans="8:8">
      <c r="H538308" s="12"/>
    </row>
    <row r="538309" spans="8:8">
      <c r="H538309" s="12"/>
    </row>
    <row r="538310" spans="8:8">
      <c r="H538310" s="12"/>
    </row>
    <row r="538311" spans="8:8">
      <c r="H538311" s="12"/>
    </row>
    <row r="538312" spans="8:8">
      <c r="H538312" s="12"/>
    </row>
    <row r="538313" spans="8:8">
      <c r="H538313" s="12"/>
    </row>
    <row r="538314" spans="8:8">
      <c r="H538314" s="12"/>
    </row>
    <row r="538315" spans="8:8">
      <c r="H538315" s="12"/>
    </row>
    <row r="538316" spans="8:8">
      <c r="H538316" s="12"/>
    </row>
    <row r="538317" spans="8:8">
      <c r="H538317" s="12"/>
    </row>
    <row r="538318" spans="8:8">
      <c r="H538318" s="12"/>
    </row>
    <row r="538319" spans="8:8">
      <c r="H538319" s="12"/>
    </row>
    <row r="538320" spans="8:8">
      <c r="H538320" s="12"/>
    </row>
    <row r="538321" spans="8:8">
      <c r="H538321" s="12"/>
    </row>
    <row r="538322" spans="8:8">
      <c r="H538322" s="12"/>
    </row>
    <row r="538323" spans="8:8">
      <c r="H538323" s="12"/>
    </row>
    <row r="538324" spans="8:8">
      <c r="H538324" s="12"/>
    </row>
    <row r="538325" spans="8:8">
      <c r="H538325" s="12"/>
    </row>
    <row r="538326" spans="8:8">
      <c r="H538326" s="12"/>
    </row>
    <row r="538327" spans="8:8">
      <c r="H538327" s="12"/>
    </row>
    <row r="538328" spans="8:8">
      <c r="H538328" s="12"/>
    </row>
    <row r="538329" spans="8:8">
      <c r="H538329" s="12"/>
    </row>
    <row r="538330" spans="8:8">
      <c r="H538330" s="12"/>
    </row>
    <row r="538331" spans="8:8">
      <c r="H538331" s="12"/>
    </row>
    <row r="538332" spans="8:8">
      <c r="H538332" s="12"/>
    </row>
    <row r="538333" spans="8:8">
      <c r="H538333" s="12"/>
    </row>
    <row r="538334" spans="8:8">
      <c r="H538334" s="12"/>
    </row>
    <row r="538335" spans="8:8">
      <c r="H538335" s="12"/>
    </row>
    <row r="538336" spans="8:8">
      <c r="H538336" s="12"/>
    </row>
    <row r="538337" spans="8:8">
      <c r="H538337" s="12"/>
    </row>
    <row r="538338" spans="8:8">
      <c r="H538338" s="12"/>
    </row>
    <row r="538339" spans="8:8">
      <c r="H538339" s="12"/>
    </row>
    <row r="538340" spans="8:8">
      <c r="H538340" s="12"/>
    </row>
    <row r="538341" spans="8:8">
      <c r="H538341" s="12"/>
    </row>
    <row r="538342" spans="8:8">
      <c r="H538342" s="12"/>
    </row>
    <row r="538343" spans="8:8">
      <c r="H538343" s="12"/>
    </row>
    <row r="538344" spans="8:8">
      <c r="H538344" s="12"/>
    </row>
    <row r="538345" spans="8:8">
      <c r="H538345" s="12"/>
    </row>
    <row r="538346" spans="8:8">
      <c r="H538346" s="12"/>
    </row>
    <row r="538347" spans="8:8">
      <c r="H538347" s="12"/>
    </row>
    <row r="538348" spans="8:8">
      <c r="H538348" s="12"/>
    </row>
    <row r="538349" spans="8:8">
      <c r="H538349" s="12"/>
    </row>
    <row r="538350" spans="8:8">
      <c r="H538350" s="12"/>
    </row>
    <row r="538351" spans="8:8">
      <c r="H538351" s="12"/>
    </row>
    <row r="538352" spans="8:8">
      <c r="H538352" s="12"/>
    </row>
    <row r="538353" spans="8:8">
      <c r="H538353" s="12"/>
    </row>
    <row r="538354" spans="8:8">
      <c r="H538354" s="12"/>
    </row>
    <row r="538355" spans="8:8">
      <c r="H538355" s="12"/>
    </row>
    <row r="538356" spans="8:8">
      <c r="H538356" s="12"/>
    </row>
    <row r="538357" spans="8:8">
      <c r="H538357" s="12"/>
    </row>
    <row r="538358" spans="8:8">
      <c r="H538358" s="12"/>
    </row>
    <row r="538359" spans="8:8">
      <c r="H538359" s="12"/>
    </row>
    <row r="538360" spans="8:8">
      <c r="H538360" s="12"/>
    </row>
    <row r="538361" spans="8:8">
      <c r="H538361" s="12"/>
    </row>
    <row r="538362" spans="8:8">
      <c r="H538362" s="12"/>
    </row>
    <row r="538363" spans="8:8">
      <c r="H538363" s="12"/>
    </row>
    <row r="538364" spans="8:8">
      <c r="H538364" s="12"/>
    </row>
    <row r="538365" spans="8:8">
      <c r="H538365" s="12"/>
    </row>
    <row r="538366" spans="8:8">
      <c r="H538366" s="12"/>
    </row>
    <row r="538367" spans="8:8">
      <c r="H538367" s="12"/>
    </row>
    <row r="538368" spans="8:8">
      <c r="H538368" s="12"/>
    </row>
    <row r="538369" spans="8:8">
      <c r="H538369" s="12"/>
    </row>
    <row r="538370" spans="8:8">
      <c r="H538370" s="12"/>
    </row>
    <row r="538371" spans="8:8">
      <c r="H538371" s="12"/>
    </row>
    <row r="538372" spans="8:8">
      <c r="H538372" s="12"/>
    </row>
    <row r="538373" spans="8:8">
      <c r="H538373" s="12"/>
    </row>
    <row r="538374" spans="8:8">
      <c r="H538374" s="12"/>
    </row>
    <row r="538375" spans="8:8">
      <c r="H538375" s="12"/>
    </row>
    <row r="538376" spans="8:8">
      <c r="H538376" s="12"/>
    </row>
    <row r="538377" spans="8:8">
      <c r="H538377" s="12"/>
    </row>
    <row r="538378" spans="8:8">
      <c r="H538378" s="12"/>
    </row>
    <row r="538379" spans="8:8">
      <c r="H538379" s="12"/>
    </row>
    <row r="538380" spans="8:8">
      <c r="H538380" s="12"/>
    </row>
    <row r="538381" spans="8:8">
      <c r="H538381" s="12"/>
    </row>
    <row r="538382" spans="8:8">
      <c r="H538382" s="12"/>
    </row>
    <row r="538383" spans="8:8">
      <c r="H538383" s="12"/>
    </row>
    <row r="538384" spans="8:8">
      <c r="H538384" s="12"/>
    </row>
    <row r="538385" spans="8:8">
      <c r="H538385" s="12"/>
    </row>
    <row r="538386" spans="8:8">
      <c r="H538386" s="12"/>
    </row>
    <row r="538387" spans="8:8">
      <c r="H538387" s="12"/>
    </row>
    <row r="538388" spans="8:8">
      <c r="H538388" s="12"/>
    </row>
    <row r="538389" spans="8:8">
      <c r="H538389" s="12"/>
    </row>
    <row r="538390" spans="8:8">
      <c r="H538390" s="12"/>
    </row>
    <row r="538391" spans="8:8">
      <c r="H538391" s="12"/>
    </row>
    <row r="538392" spans="8:8">
      <c r="H538392" s="12"/>
    </row>
    <row r="538393" spans="8:8">
      <c r="H538393" s="12"/>
    </row>
    <row r="538394" spans="8:8">
      <c r="H538394" s="12"/>
    </row>
    <row r="538395" spans="8:8">
      <c r="H538395" s="12"/>
    </row>
    <row r="538396" spans="8:8">
      <c r="H538396" s="12"/>
    </row>
    <row r="538397" spans="8:8">
      <c r="H538397" s="12"/>
    </row>
    <row r="538398" spans="8:8">
      <c r="H538398" s="12"/>
    </row>
    <row r="538399" spans="8:8">
      <c r="H538399" s="12"/>
    </row>
    <row r="538400" spans="8:8">
      <c r="H538400" s="12"/>
    </row>
    <row r="538401" spans="8:8">
      <c r="H538401" s="12"/>
    </row>
    <row r="538402" spans="8:8">
      <c r="H538402" s="12"/>
    </row>
    <row r="538403" spans="8:8">
      <c r="H538403" s="12"/>
    </row>
    <row r="538404" spans="8:8">
      <c r="H538404" s="12"/>
    </row>
    <row r="538405" spans="8:8">
      <c r="H538405" s="12"/>
    </row>
    <row r="538406" spans="8:8">
      <c r="H538406" s="12"/>
    </row>
    <row r="538407" spans="8:8">
      <c r="H538407" s="12"/>
    </row>
    <row r="538408" spans="8:8">
      <c r="H538408" s="12"/>
    </row>
    <row r="538409" spans="8:8">
      <c r="H538409" s="12"/>
    </row>
    <row r="538410" spans="8:8">
      <c r="H538410" s="12"/>
    </row>
    <row r="538411" spans="8:8">
      <c r="H538411" s="12"/>
    </row>
    <row r="538412" spans="8:8">
      <c r="H538412" s="12"/>
    </row>
    <row r="538413" spans="8:8">
      <c r="H538413" s="12"/>
    </row>
    <row r="538414" spans="8:8">
      <c r="H538414" s="12"/>
    </row>
    <row r="538415" spans="8:8">
      <c r="H538415" s="12"/>
    </row>
    <row r="538416" spans="8:8">
      <c r="H538416" s="12"/>
    </row>
    <row r="538417" spans="8:8">
      <c r="H538417" s="12"/>
    </row>
    <row r="538418" spans="8:8">
      <c r="H538418" s="12"/>
    </row>
    <row r="538419" spans="8:8">
      <c r="H538419" s="12"/>
    </row>
    <row r="538420" spans="8:8">
      <c r="H538420" s="12"/>
    </row>
    <row r="538421" spans="8:8">
      <c r="H538421" s="12"/>
    </row>
    <row r="538422" spans="8:8">
      <c r="H538422" s="12"/>
    </row>
    <row r="538423" spans="8:8">
      <c r="H538423" s="12"/>
    </row>
    <row r="538424" spans="8:8">
      <c r="H538424" s="12"/>
    </row>
    <row r="538425" spans="8:8">
      <c r="H538425" s="12"/>
    </row>
    <row r="538426" spans="8:8">
      <c r="H538426" s="12"/>
    </row>
    <row r="538427" spans="8:8">
      <c r="H538427" s="12"/>
    </row>
    <row r="538428" spans="8:8">
      <c r="H538428" s="12"/>
    </row>
    <row r="538429" spans="8:8">
      <c r="H538429" s="12"/>
    </row>
    <row r="538430" spans="8:8">
      <c r="H538430" s="12"/>
    </row>
    <row r="538431" spans="8:8">
      <c r="H538431" s="12"/>
    </row>
    <row r="538432" spans="8:8">
      <c r="H538432" s="12"/>
    </row>
    <row r="538433" spans="8:8">
      <c r="H538433" s="12"/>
    </row>
    <row r="538434" spans="8:8">
      <c r="H538434" s="12"/>
    </row>
    <row r="538435" spans="8:8">
      <c r="H538435" s="12"/>
    </row>
    <row r="538436" spans="8:8">
      <c r="H538436" s="12"/>
    </row>
    <row r="538437" spans="8:8">
      <c r="H538437" s="12"/>
    </row>
    <row r="538438" spans="8:8">
      <c r="H538438" s="12"/>
    </row>
    <row r="538439" spans="8:8">
      <c r="H538439" s="12"/>
    </row>
    <row r="538440" spans="8:8">
      <c r="H538440" s="12"/>
    </row>
    <row r="538441" spans="8:8">
      <c r="H538441" s="12"/>
    </row>
    <row r="538442" spans="8:8">
      <c r="H538442" s="12"/>
    </row>
    <row r="538443" spans="8:8">
      <c r="H538443" s="12"/>
    </row>
    <row r="538444" spans="8:8">
      <c r="H538444" s="12"/>
    </row>
    <row r="538445" spans="8:8">
      <c r="H538445" s="12"/>
    </row>
    <row r="538446" spans="8:8">
      <c r="H538446" s="12"/>
    </row>
    <row r="538447" spans="8:8">
      <c r="H538447" s="12"/>
    </row>
    <row r="538448" spans="8:8">
      <c r="H538448" s="12"/>
    </row>
    <row r="538449" spans="8:8">
      <c r="H538449" s="12"/>
    </row>
    <row r="538450" spans="8:8">
      <c r="H538450" s="12"/>
    </row>
    <row r="538451" spans="8:8">
      <c r="H538451" s="12"/>
    </row>
    <row r="538452" spans="8:8">
      <c r="H538452" s="12"/>
    </row>
    <row r="538453" spans="8:8">
      <c r="H538453" s="12"/>
    </row>
    <row r="538454" spans="8:8">
      <c r="H538454" s="12"/>
    </row>
    <row r="538455" spans="8:8">
      <c r="H538455" s="12"/>
    </row>
    <row r="538456" spans="8:8">
      <c r="H538456" s="12"/>
    </row>
    <row r="538457" spans="8:8">
      <c r="H538457" s="12"/>
    </row>
    <row r="538458" spans="8:8">
      <c r="H538458" s="12"/>
    </row>
    <row r="538459" spans="8:8">
      <c r="H538459" s="12"/>
    </row>
    <row r="538460" spans="8:8">
      <c r="H538460" s="12"/>
    </row>
    <row r="538461" spans="8:8">
      <c r="H538461" s="12"/>
    </row>
    <row r="538462" spans="8:8">
      <c r="H538462" s="12"/>
    </row>
    <row r="538463" spans="8:8">
      <c r="H538463" s="12"/>
    </row>
    <row r="538464" spans="8:8">
      <c r="H538464" s="12"/>
    </row>
    <row r="538465" spans="8:8">
      <c r="H538465" s="12"/>
    </row>
    <row r="538466" spans="8:8">
      <c r="H538466" s="12"/>
    </row>
    <row r="538467" spans="8:8">
      <c r="H538467" s="12"/>
    </row>
    <row r="538468" spans="8:8">
      <c r="H538468" s="12"/>
    </row>
    <row r="538469" spans="8:8">
      <c r="H538469" s="12"/>
    </row>
    <row r="538470" spans="8:8">
      <c r="H538470" s="12"/>
    </row>
    <row r="538471" spans="8:8">
      <c r="H538471" s="12"/>
    </row>
    <row r="538472" spans="8:8">
      <c r="H538472" s="12"/>
    </row>
    <row r="538473" spans="8:8">
      <c r="H538473" s="12"/>
    </row>
    <row r="538474" spans="8:8">
      <c r="H538474" s="12"/>
    </row>
    <row r="538475" spans="8:8">
      <c r="H538475" s="12"/>
    </row>
    <row r="538476" spans="8:8">
      <c r="H538476" s="12"/>
    </row>
    <row r="538477" spans="8:8">
      <c r="H538477" s="12"/>
    </row>
    <row r="538478" spans="8:8">
      <c r="H538478" s="12"/>
    </row>
    <row r="538479" spans="8:8">
      <c r="H538479" s="12"/>
    </row>
    <row r="538480" spans="8:8">
      <c r="H538480" s="12"/>
    </row>
    <row r="538481" spans="8:8">
      <c r="H538481" s="12"/>
    </row>
    <row r="538482" spans="8:8">
      <c r="H538482" s="12"/>
    </row>
    <row r="538483" spans="8:8">
      <c r="H538483" s="12"/>
    </row>
    <row r="538484" spans="8:8">
      <c r="H538484" s="12"/>
    </row>
    <row r="538485" spans="8:8">
      <c r="H538485" s="12"/>
    </row>
    <row r="538486" spans="8:8">
      <c r="H538486" s="12"/>
    </row>
    <row r="538487" spans="8:8">
      <c r="H538487" s="12"/>
    </row>
    <row r="538488" spans="8:8">
      <c r="H538488" s="12"/>
    </row>
    <row r="538489" spans="8:8">
      <c r="H538489" s="12"/>
    </row>
    <row r="538490" spans="8:8">
      <c r="H538490" s="12"/>
    </row>
    <row r="538491" spans="8:8">
      <c r="H538491" s="12"/>
    </row>
    <row r="538492" spans="8:8">
      <c r="H538492" s="12"/>
    </row>
    <row r="538493" spans="8:8">
      <c r="H538493" s="12"/>
    </row>
    <row r="538494" spans="8:8">
      <c r="H538494" s="12"/>
    </row>
    <row r="538495" spans="8:8">
      <c r="H538495" s="12"/>
    </row>
    <row r="538496" spans="8:8">
      <c r="H538496" s="12"/>
    </row>
    <row r="538497" spans="8:8">
      <c r="H538497" s="12"/>
    </row>
    <row r="538498" spans="8:8">
      <c r="H538498" s="12"/>
    </row>
    <row r="538499" spans="8:8">
      <c r="H538499" s="12"/>
    </row>
    <row r="538500" spans="8:8">
      <c r="H538500" s="12"/>
    </row>
    <row r="538501" spans="8:8">
      <c r="H538501" s="12"/>
    </row>
    <row r="538502" spans="8:8">
      <c r="H538502" s="12"/>
    </row>
    <row r="538503" spans="8:8">
      <c r="H538503" s="12"/>
    </row>
    <row r="538504" spans="8:8">
      <c r="H538504" s="12"/>
    </row>
    <row r="538505" spans="8:8">
      <c r="H538505" s="12"/>
    </row>
    <row r="538506" spans="8:8">
      <c r="H538506" s="12"/>
    </row>
    <row r="538507" spans="8:8">
      <c r="H538507" s="12"/>
    </row>
    <row r="538508" spans="8:8">
      <c r="H538508" s="12"/>
    </row>
    <row r="538509" spans="8:8">
      <c r="H538509" s="12"/>
    </row>
    <row r="538510" spans="8:8">
      <c r="H538510" s="12"/>
    </row>
    <row r="538511" spans="8:8">
      <c r="H538511" s="12"/>
    </row>
    <row r="538512" spans="8:8">
      <c r="H538512" s="12"/>
    </row>
    <row r="538513" spans="8:8">
      <c r="H538513" s="12"/>
    </row>
    <row r="538514" spans="8:8">
      <c r="H538514" s="12"/>
    </row>
    <row r="538515" spans="8:8">
      <c r="H538515" s="12"/>
    </row>
    <row r="538516" spans="8:8">
      <c r="H538516" s="12"/>
    </row>
    <row r="538517" spans="8:8">
      <c r="H538517" s="12"/>
    </row>
    <row r="538518" spans="8:8">
      <c r="H538518" s="12"/>
    </row>
    <row r="538519" spans="8:8">
      <c r="H538519" s="12"/>
    </row>
    <row r="538520" spans="8:8">
      <c r="H538520" s="12"/>
    </row>
    <row r="538521" spans="8:8">
      <c r="H538521" s="12"/>
    </row>
    <row r="538522" spans="8:8">
      <c r="H538522" s="12"/>
    </row>
    <row r="538523" spans="8:8">
      <c r="H538523" s="12"/>
    </row>
    <row r="538524" spans="8:8">
      <c r="H538524" s="12"/>
    </row>
    <row r="538525" spans="8:8">
      <c r="H538525" s="12"/>
    </row>
    <row r="538526" spans="8:8">
      <c r="H538526" s="12"/>
    </row>
    <row r="538527" spans="8:8">
      <c r="H538527" s="12"/>
    </row>
    <row r="538528" spans="8:8">
      <c r="H538528" s="12"/>
    </row>
    <row r="538529" spans="8:8">
      <c r="H538529" s="12"/>
    </row>
    <row r="538530" spans="8:8">
      <c r="H538530" s="12"/>
    </row>
    <row r="538531" spans="8:8">
      <c r="H538531" s="12"/>
    </row>
    <row r="538532" spans="8:8">
      <c r="H538532" s="12"/>
    </row>
    <row r="538533" spans="8:8">
      <c r="H538533" s="12"/>
    </row>
    <row r="538534" spans="8:8">
      <c r="H538534" s="12"/>
    </row>
    <row r="538535" spans="8:8">
      <c r="H538535" s="12"/>
    </row>
    <row r="538536" spans="8:8">
      <c r="H538536" s="12"/>
    </row>
    <row r="538537" spans="8:8">
      <c r="H538537" s="12"/>
    </row>
    <row r="538538" spans="8:8">
      <c r="H538538" s="12"/>
    </row>
    <row r="538539" spans="8:8">
      <c r="H538539" s="12"/>
    </row>
    <row r="538540" spans="8:8">
      <c r="H538540" s="12"/>
    </row>
    <row r="538541" spans="8:8">
      <c r="H538541" s="12"/>
    </row>
    <row r="538542" spans="8:8">
      <c r="H538542" s="12"/>
    </row>
    <row r="538543" spans="8:8">
      <c r="H538543" s="12"/>
    </row>
    <row r="538544" spans="8:8">
      <c r="H538544" s="12"/>
    </row>
    <row r="538545" spans="8:8">
      <c r="H538545" s="12"/>
    </row>
    <row r="538546" spans="8:8">
      <c r="H538546" s="12"/>
    </row>
    <row r="538547" spans="8:8">
      <c r="H538547" s="12"/>
    </row>
    <row r="538548" spans="8:8">
      <c r="H538548" s="12"/>
    </row>
    <row r="538549" spans="8:8">
      <c r="H538549" s="12"/>
    </row>
    <row r="538550" spans="8:8">
      <c r="H538550" s="12"/>
    </row>
    <row r="538551" spans="8:8">
      <c r="H538551" s="12"/>
    </row>
    <row r="538552" spans="8:8">
      <c r="H538552" s="12"/>
    </row>
    <row r="538553" spans="8:8">
      <c r="H538553" s="12"/>
    </row>
    <row r="538554" spans="8:8">
      <c r="H538554" s="12"/>
    </row>
    <row r="538555" spans="8:8">
      <c r="H538555" s="12"/>
    </row>
    <row r="538556" spans="8:8">
      <c r="H538556" s="12"/>
    </row>
    <row r="538557" spans="8:8">
      <c r="H538557" s="12"/>
    </row>
    <row r="538558" spans="8:8">
      <c r="H538558" s="12"/>
    </row>
    <row r="538559" spans="8:8">
      <c r="H538559" s="12"/>
    </row>
    <row r="538560" spans="8:8">
      <c r="H538560" s="12"/>
    </row>
    <row r="538561" spans="8:8">
      <c r="H538561" s="12"/>
    </row>
    <row r="538562" spans="8:8">
      <c r="H538562" s="12"/>
    </row>
    <row r="538563" spans="8:8">
      <c r="H538563" s="12"/>
    </row>
    <row r="538564" spans="8:8">
      <c r="H538564" s="12"/>
    </row>
    <row r="538565" spans="8:8">
      <c r="H538565" s="12"/>
    </row>
    <row r="538566" spans="8:8">
      <c r="H538566" s="12"/>
    </row>
    <row r="538567" spans="8:8">
      <c r="H538567" s="12"/>
    </row>
    <row r="538568" spans="8:8">
      <c r="H538568" s="12"/>
    </row>
    <row r="538569" spans="8:8">
      <c r="H538569" s="12"/>
    </row>
    <row r="538570" spans="8:8">
      <c r="H538570" s="12"/>
    </row>
    <row r="538571" spans="8:8">
      <c r="H538571" s="12"/>
    </row>
    <row r="538572" spans="8:8">
      <c r="H538572" s="12"/>
    </row>
    <row r="538573" spans="8:8">
      <c r="H538573" s="12"/>
    </row>
    <row r="538574" spans="8:8">
      <c r="H538574" s="12"/>
    </row>
    <row r="538575" spans="8:8">
      <c r="H538575" s="12"/>
    </row>
    <row r="538576" spans="8:8">
      <c r="H538576" s="12"/>
    </row>
    <row r="538577" spans="8:8">
      <c r="H538577" s="12"/>
    </row>
    <row r="538578" spans="8:8">
      <c r="H538578" s="12"/>
    </row>
    <row r="538579" spans="8:8">
      <c r="H538579" s="12"/>
    </row>
    <row r="538580" spans="8:8">
      <c r="H538580" s="12"/>
    </row>
    <row r="538581" spans="8:8">
      <c r="H538581" s="12"/>
    </row>
    <row r="538582" spans="8:8">
      <c r="H538582" s="12"/>
    </row>
    <row r="538583" spans="8:8">
      <c r="H538583" s="12"/>
    </row>
    <row r="538584" spans="8:8">
      <c r="H538584" s="12"/>
    </row>
    <row r="538585" spans="8:8">
      <c r="H538585" s="12"/>
    </row>
    <row r="538586" spans="8:8">
      <c r="H538586" s="12"/>
    </row>
    <row r="538587" spans="8:8">
      <c r="H538587" s="12"/>
    </row>
    <row r="538588" spans="8:8">
      <c r="H538588" s="12"/>
    </row>
    <row r="538589" spans="8:8">
      <c r="H538589" s="12"/>
    </row>
    <row r="538590" spans="8:8">
      <c r="H538590" s="12"/>
    </row>
    <row r="538591" spans="8:8">
      <c r="H538591" s="12"/>
    </row>
    <row r="538592" spans="8:8">
      <c r="H538592" s="12"/>
    </row>
    <row r="538593" spans="8:8">
      <c r="H538593" s="12"/>
    </row>
    <row r="538594" spans="8:8">
      <c r="H538594" s="12"/>
    </row>
    <row r="538595" spans="8:8">
      <c r="H538595" s="12"/>
    </row>
    <row r="538596" spans="8:8">
      <c r="H538596" s="12"/>
    </row>
    <row r="538597" spans="8:8">
      <c r="H538597" s="12"/>
    </row>
    <row r="538598" spans="8:8">
      <c r="H538598" s="12"/>
    </row>
    <row r="538599" spans="8:8">
      <c r="H538599" s="12"/>
    </row>
    <row r="538600" spans="8:8">
      <c r="H538600" s="12"/>
    </row>
    <row r="538601" spans="8:8">
      <c r="H538601" s="12"/>
    </row>
    <row r="538602" spans="8:8">
      <c r="H538602" s="12"/>
    </row>
    <row r="538603" spans="8:8">
      <c r="H538603" s="12"/>
    </row>
    <row r="538604" spans="8:8">
      <c r="H538604" s="12"/>
    </row>
    <row r="538605" spans="8:8">
      <c r="H538605" s="12"/>
    </row>
    <row r="538606" spans="8:8">
      <c r="H538606" s="12"/>
    </row>
    <row r="538607" spans="8:8">
      <c r="H538607" s="12"/>
    </row>
    <row r="538608" spans="8:8">
      <c r="H538608" s="12"/>
    </row>
    <row r="538609" spans="8:8">
      <c r="H538609" s="12"/>
    </row>
    <row r="538610" spans="8:8">
      <c r="H538610" s="12"/>
    </row>
    <row r="538611" spans="8:8">
      <c r="H538611" s="12"/>
    </row>
    <row r="538612" spans="8:8">
      <c r="H538612" s="12"/>
    </row>
    <row r="538613" spans="8:8">
      <c r="H538613" s="12"/>
    </row>
    <row r="538614" spans="8:8">
      <c r="H538614" s="12"/>
    </row>
    <row r="538615" spans="8:8">
      <c r="H538615" s="12"/>
    </row>
    <row r="538616" spans="8:8">
      <c r="H538616" s="12"/>
    </row>
    <row r="538617" spans="8:8">
      <c r="H538617" s="12"/>
    </row>
    <row r="538618" spans="8:8">
      <c r="H538618" s="12"/>
    </row>
    <row r="538619" spans="8:8">
      <c r="H538619" s="12"/>
    </row>
    <row r="538620" spans="8:8">
      <c r="H538620" s="12"/>
    </row>
    <row r="538621" spans="8:8">
      <c r="H538621" s="12"/>
    </row>
    <row r="538622" spans="8:8">
      <c r="H538622" s="12"/>
    </row>
    <row r="538623" spans="8:8">
      <c r="H538623" s="12"/>
    </row>
    <row r="538624" spans="8:8">
      <c r="H538624" s="12"/>
    </row>
    <row r="538625" spans="8:8">
      <c r="H538625" s="12"/>
    </row>
    <row r="538626" spans="8:8">
      <c r="H538626" s="12"/>
    </row>
    <row r="538627" spans="8:8">
      <c r="H538627" s="12"/>
    </row>
    <row r="538628" spans="8:8">
      <c r="H538628" s="12"/>
    </row>
    <row r="538629" spans="8:8">
      <c r="H538629" s="12"/>
    </row>
    <row r="538630" spans="8:8">
      <c r="H538630" s="12"/>
    </row>
    <row r="538631" spans="8:8">
      <c r="H538631" s="12"/>
    </row>
    <row r="538632" spans="8:8">
      <c r="H538632" s="12"/>
    </row>
    <row r="538633" spans="8:8">
      <c r="H538633" s="12"/>
    </row>
    <row r="538634" spans="8:8">
      <c r="H538634" s="12"/>
    </row>
    <row r="538635" spans="8:8">
      <c r="H538635" s="12"/>
    </row>
    <row r="538636" spans="8:8">
      <c r="H538636" s="12"/>
    </row>
    <row r="538637" spans="8:8">
      <c r="H538637" s="12"/>
    </row>
    <row r="538638" spans="8:8">
      <c r="H538638" s="12"/>
    </row>
    <row r="538639" spans="8:8">
      <c r="H538639" s="12"/>
    </row>
    <row r="538640" spans="8:8">
      <c r="H538640" s="12"/>
    </row>
    <row r="538641" spans="8:8">
      <c r="H538641" s="12"/>
    </row>
    <row r="538642" spans="8:8">
      <c r="H538642" s="12"/>
    </row>
    <row r="538643" spans="8:8">
      <c r="H538643" s="12"/>
    </row>
    <row r="538644" spans="8:8">
      <c r="H538644" s="12"/>
    </row>
    <row r="538645" spans="8:8">
      <c r="H538645" s="12"/>
    </row>
    <row r="538646" spans="8:8">
      <c r="H538646" s="12"/>
    </row>
    <row r="538647" spans="8:8">
      <c r="H538647" s="12"/>
    </row>
    <row r="538648" spans="8:8">
      <c r="H538648" s="12"/>
    </row>
    <row r="538649" spans="8:8">
      <c r="H538649" s="12"/>
    </row>
    <row r="538650" spans="8:8">
      <c r="H538650" s="12"/>
    </row>
    <row r="538651" spans="8:8">
      <c r="H538651" s="12"/>
    </row>
    <row r="538652" spans="8:8">
      <c r="H538652" s="12"/>
    </row>
    <row r="538653" spans="8:8">
      <c r="H538653" s="12"/>
    </row>
    <row r="538654" spans="8:8">
      <c r="H538654" s="12"/>
    </row>
    <row r="538655" spans="8:8">
      <c r="H538655" s="12"/>
    </row>
    <row r="538656" spans="8:8">
      <c r="H538656" s="12"/>
    </row>
    <row r="538657" spans="8:8">
      <c r="H538657" s="12"/>
    </row>
    <row r="538658" spans="8:8">
      <c r="H538658" s="12"/>
    </row>
    <row r="538659" spans="8:8">
      <c r="H538659" s="12"/>
    </row>
    <row r="538660" spans="8:8">
      <c r="H538660" s="12"/>
    </row>
    <row r="538661" spans="8:8">
      <c r="H538661" s="12"/>
    </row>
    <row r="538662" spans="8:8">
      <c r="H538662" s="12"/>
    </row>
    <row r="538663" spans="8:8">
      <c r="H538663" s="12"/>
    </row>
    <row r="538664" spans="8:8">
      <c r="H538664" s="12"/>
    </row>
    <row r="538665" spans="8:8">
      <c r="H538665" s="12"/>
    </row>
    <row r="538666" spans="8:8">
      <c r="H538666" s="12"/>
    </row>
    <row r="538667" spans="8:8">
      <c r="H538667" s="12"/>
    </row>
    <row r="538668" spans="8:8">
      <c r="H538668" s="12"/>
    </row>
    <row r="538669" spans="8:8">
      <c r="H538669" s="12"/>
    </row>
    <row r="538670" spans="8:8">
      <c r="H538670" s="12"/>
    </row>
    <row r="538671" spans="8:8">
      <c r="H538671" s="12"/>
    </row>
    <row r="538672" spans="8:8">
      <c r="H538672" s="12"/>
    </row>
    <row r="538673" spans="8:8">
      <c r="H538673" s="12"/>
    </row>
    <row r="538674" spans="8:8">
      <c r="H538674" s="12"/>
    </row>
    <row r="538675" spans="8:8">
      <c r="H538675" s="12"/>
    </row>
    <row r="538676" spans="8:8">
      <c r="H538676" s="12"/>
    </row>
    <row r="538677" spans="8:8">
      <c r="H538677" s="12"/>
    </row>
    <row r="538678" spans="8:8">
      <c r="H538678" s="12"/>
    </row>
    <row r="538679" spans="8:8">
      <c r="H538679" s="12"/>
    </row>
    <row r="538680" spans="8:8">
      <c r="H538680" s="12"/>
    </row>
    <row r="538681" spans="8:8">
      <c r="H538681" s="12"/>
    </row>
    <row r="538682" spans="8:8">
      <c r="H538682" s="12"/>
    </row>
    <row r="538683" spans="8:8">
      <c r="H538683" s="12"/>
    </row>
    <row r="538684" spans="8:8">
      <c r="H538684" s="12"/>
    </row>
    <row r="538685" spans="8:8">
      <c r="H538685" s="12"/>
    </row>
    <row r="538686" spans="8:8">
      <c r="H538686" s="12"/>
    </row>
    <row r="538687" spans="8:8">
      <c r="H538687" s="12"/>
    </row>
    <row r="538688" spans="8:8">
      <c r="H538688" s="12"/>
    </row>
    <row r="538689" spans="8:8">
      <c r="H538689" s="12"/>
    </row>
    <row r="538690" spans="8:8">
      <c r="H538690" s="12"/>
    </row>
    <row r="538691" spans="8:8">
      <c r="H538691" s="12"/>
    </row>
    <row r="538692" spans="8:8">
      <c r="H538692" s="12"/>
    </row>
    <row r="538693" spans="8:8">
      <c r="H538693" s="12"/>
    </row>
    <row r="538694" spans="8:8">
      <c r="H538694" s="12"/>
    </row>
    <row r="538695" spans="8:8">
      <c r="H538695" s="12"/>
    </row>
    <row r="538696" spans="8:8">
      <c r="H538696" s="12"/>
    </row>
    <row r="538697" spans="8:8">
      <c r="H538697" s="12"/>
    </row>
    <row r="538698" spans="8:8">
      <c r="H538698" s="12"/>
    </row>
    <row r="538699" spans="8:8">
      <c r="H538699" s="12"/>
    </row>
    <row r="538700" spans="8:8">
      <c r="H538700" s="12"/>
    </row>
    <row r="538701" spans="8:8">
      <c r="H538701" s="12"/>
    </row>
    <row r="538702" spans="8:8">
      <c r="H538702" s="12"/>
    </row>
    <row r="538703" spans="8:8">
      <c r="H538703" s="12"/>
    </row>
    <row r="538704" spans="8:8">
      <c r="H538704" s="12"/>
    </row>
    <row r="538705" spans="8:8">
      <c r="H538705" s="12"/>
    </row>
    <row r="538706" spans="8:8">
      <c r="H538706" s="12"/>
    </row>
    <row r="538707" spans="8:8">
      <c r="H538707" s="12"/>
    </row>
    <row r="538708" spans="8:8">
      <c r="H538708" s="12"/>
    </row>
    <row r="538709" spans="8:8">
      <c r="H538709" s="12"/>
    </row>
    <row r="538710" spans="8:8">
      <c r="H538710" s="12"/>
    </row>
    <row r="538711" spans="8:8">
      <c r="H538711" s="12"/>
    </row>
    <row r="538712" spans="8:8">
      <c r="H538712" s="12"/>
    </row>
    <row r="538713" spans="8:8">
      <c r="H538713" s="12"/>
    </row>
    <row r="538714" spans="8:8">
      <c r="H538714" s="12"/>
    </row>
    <row r="538715" spans="8:8">
      <c r="H538715" s="12"/>
    </row>
    <row r="538716" spans="8:8">
      <c r="H538716" s="12"/>
    </row>
    <row r="538717" spans="8:8">
      <c r="H538717" s="12"/>
    </row>
    <row r="538718" spans="8:8">
      <c r="H538718" s="12"/>
    </row>
    <row r="538719" spans="8:8">
      <c r="H538719" s="12"/>
    </row>
    <row r="538720" spans="8:8">
      <c r="H538720" s="12"/>
    </row>
    <row r="538721" spans="8:8">
      <c r="H538721" s="12"/>
    </row>
    <row r="538722" spans="8:8">
      <c r="H538722" s="12"/>
    </row>
    <row r="538723" spans="8:8">
      <c r="H538723" s="12"/>
    </row>
    <row r="538724" spans="8:8">
      <c r="H538724" s="12"/>
    </row>
    <row r="538725" spans="8:8">
      <c r="H538725" s="12"/>
    </row>
    <row r="538726" spans="8:8">
      <c r="H538726" s="12"/>
    </row>
    <row r="538727" spans="8:8">
      <c r="H538727" s="12"/>
    </row>
    <row r="538728" spans="8:8">
      <c r="H538728" s="12"/>
    </row>
    <row r="538729" spans="8:8">
      <c r="H538729" s="12"/>
    </row>
    <row r="538730" spans="8:8">
      <c r="H538730" s="12"/>
    </row>
    <row r="538731" spans="8:8">
      <c r="H538731" s="12"/>
    </row>
    <row r="538732" spans="8:8">
      <c r="H538732" s="12"/>
    </row>
    <row r="538733" spans="8:8">
      <c r="H538733" s="12"/>
    </row>
    <row r="538734" spans="8:8">
      <c r="H538734" s="12"/>
    </row>
    <row r="538735" spans="8:8">
      <c r="H538735" s="12"/>
    </row>
    <row r="538736" spans="8:8">
      <c r="H538736" s="12"/>
    </row>
    <row r="538737" spans="8:8">
      <c r="H538737" s="12"/>
    </row>
    <row r="538738" spans="8:8">
      <c r="H538738" s="12"/>
    </row>
    <row r="538739" spans="8:8">
      <c r="H538739" s="12"/>
    </row>
    <row r="538740" spans="8:8">
      <c r="H538740" s="12"/>
    </row>
    <row r="538741" spans="8:8">
      <c r="H538741" s="12"/>
    </row>
    <row r="538742" spans="8:8">
      <c r="H538742" s="12"/>
    </row>
    <row r="538743" spans="8:8">
      <c r="H538743" s="12"/>
    </row>
    <row r="538744" spans="8:8">
      <c r="H538744" s="12"/>
    </row>
    <row r="538745" spans="8:8">
      <c r="H538745" s="12"/>
    </row>
    <row r="538746" spans="8:8">
      <c r="H538746" s="12"/>
    </row>
    <row r="538747" spans="8:8">
      <c r="H538747" s="12"/>
    </row>
    <row r="538748" spans="8:8">
      <c r="H538748" s="12"/>
    </row>
    <row r="538749" spans="8:8">
      <c r="H538749" s="12"/>
    </row>
    <row r="538750" spans="8:8">
      <c r="H538750" s="12"/>
    </row>
    <row r="538751" spans="8:8">
      <c r="H538751" s="12"/>
    </row>
    <row r="538752" spans="8:8">
      <c r="H538752" s="12"/>
    </row>
    <row r="538753" spans="8:8">
      <c r="H538753" s="12"/>
    </row>
    <row r="538754" spans="8:8">
      <c r="H538754" s="12"/>
    </row>
    <row r="538755" spans="8:8">
      <c r="H538755" s="12"/>
    </row>
    <row r="538756" spans="8:8">
      <c r="H538756" s="12"/>
    </row>
    <row r="538757" spans="8:8">
      <c r="H538757" s="12"/>
    </row>
    <row r="538758" spans="8:8">
      <c r="H538758" s="12"/>
    </row>
    <row r="538759" spans="8:8">
      <c r="H538759" s="12"/>
    </row>
    <row r="538760" spans="8:8">
      <c r="H538760" s="12"/>
    </row>
    <row r="538761" spans="8:8">
      <c r="H538761" s="12"/>
    </row>
    <row r="538762" spans="8:8">
      <c r="H538762" s="12"/>
    </row>
    <row r="538763" spans="8:8">
      <c r="H538763" s="12"/>
    </row>
    <row r="538764" spans="8:8">
      <c r="H538764" s="12"/>
    </row>
    <row r="538765" spans="8:8">
      <c r="H538765" s="12"/>
    </row>
    <row r="538766" spans="8:8">
      <c r="H538766" s="12"/>
    </row>
    <row r="538767" spans="8:8">
      <c r="H538767" s="12"/>
    </row>
    <row r="538768" spans="8:8">
      <c r="H538768" s="12"/>
    </row>
    <row r="538769" spans="8:8">
      <c r="H538769" s="12"/>
    </row>
    <row r="538770" spans="8:8">
      <c r="H538770" s="12"/>
    </row>
    <row r="538771" spans="8:8">
      <c r="H538771" s="12"/>
    </row>
    <row r="538772" spans="8:8">
      <c r="H538772" s="12"/>
    </row>
    <row r="538773" spans="8:8">
      <c r="H538773" s="12"/>
    </row>
    <row r="538774" spans="8:8">
      <c r="H538774" s="12"/>
    </row>
    <row r="538775" spans="8:8">
      <c r="H538775" s="12"/>
    </row>
    <row r="538776" spans="8:8">
      <c r="H538776" s="12"/>
    </row>
    <row r="538777" spans="8:8">
      <c r="H538777" s="12"/>
    </row>
    <row r="538778" spans="8:8">
      <c r="H538778" s="12"/>
    </row>
    <row r="538779" spans="8:8">
      <c r="H538779" s="12"/>
    </row>
    <row r="538780" spans="8:8">
      <c r="H538780" s="12"/>
    </row>
    <row r="538781" spans="8:8">
      <c r="H538781" s="12"/>
    </row>
    <row r="538782" spans="8:8">
      <c r="H538782" s="12"/>
    </row>
    <row r="538783" spans="8:8">
      <c r="H538783" s="12"/>
    </row>
    <row r="538784" spans="8:8">
      <c r="H538784" s="12"/>
    </row>
    <row r="538785" spans="8:8">
      <c r="H538785" s="12"/>
    </row>
    <row r="538786" spans="8:8">
      <c r="H538786" s="12"/>
    </row>
    <row r="538787" spans="8:8">
      <c r="H538787" s="12"/>
    </row>
    <row r="538788" spans="8:8">
      <c r="H538788" s="12"/>
    </row>
    <row r="538789" spans="8:8">
      <c r="H538789" s="12"/>
    </row>
    <row r="538790" spans="8:8">
      <c r="H538790" s="12"/>
    </row>
    <row r="538791" spans="8:8">
      <c r="H538791" s="12"/>
    </row>
    <row r="538792" spans="8:8">
      <c r="H538792" s="12"/>
    </row>
    <row r="538793" spans="8:8">
      <c r="H538793" s="12"/>
    </row>
    <row r="538794" spans="8:8">
      <c r="H538794" s="12"/>
    </row>
    <row r="538795" spans="8:8">
      <c r="H538795" s="12"/>
    </row>
    <row r="538796" spans="8:8">
      <c r="H538796" s="12"/>
    </row>
    <row r="538797" spans="8:8">
      <c r="H538797" s="12"/>
    </row>
    <row r="538798" spans="8:8">
      <c r="H538798" s="12"/>
    </row>
    <row r="538799" spans="8:8">
      <c r="H538799" s="12"/>
    </row>
    <row r="538800" spans="8:8">
      <c r="H538800" s="12"/>
    </row>
    <row r="538801" spans="8:8">
      <c r="H538801" s="12"/>
    </row>
    <row r="538802" spans="8:8">
      <c r="H538802" s="12"/>
    </row>
    <row r="538803" spans="8:8">
      <c r="H538803" s="12"/>
    </row>
    <row r="538804" spans="8:8">
      <c r="H538804" s="12"/>
    </row>
    <row r="538805" spans="8:8">
      <c r="H538805" s="12"/>
    </row>
    <row r="538806" spans="8:8">
      <c r="H538806" s="12"/>
    </row>
    <row r="538807" spans="8:8">
      <c r="H538807" s="12"/>
    </row>
    <row r="538808" spans="8:8">
      <c r="H538808" s="12"/>
    </row>
    <row r="538809" spans="8:8">
      <c r="H538809" s="12"/>
    </row>
    <row r="538810" spans="8:8">
      <c r="H538810" s="12"/>
    </row>
    <row r="538811" spans="8:8">
      <c r="H538811" s="12"/>
    </row>
    <row r="538812" spans="8:8">
      <c r="H538812" s="12"/>
    </row>
    <row r="538813" spans="8:8">
      <c r="H538813" s="12"/>
    </row>
    <row r="538814" spans="8:8">
      <c r="H538814" s="12"/>
    </row>
    <row r="538815" spans="8:8">
      <c r="H538815" s="12"/>
    </row>
    <row r="538816" spans="8:8">
      <c r="H538816" s="12"/>
    </row>
    <row r="538817" spans="8:8">
      <c r="H538817" s="12"/>
    </row>
    <row r="538818" spans="8:8">
      <c r="H538818" s="12"/>
    </row>
    <row r="538819" spans="8:8">
      <c r="H538819" s="12"/>
    </row>
    <row r="538820" spans="8:8">
      <c r="H538820" s="12"/>
    </row>
    <row r="538821" spans="8:8">
      <c r="H538821" s="12"/>
    </row>
    <row r="538822" spans="8:8">
      <c r="H538822" s="12"/>
    </row>
    <row r="538823" spans="8:8">
      <c r="H538823" s="12"/>
    </row>
    <row r="538824" spans="8:8">
      <c r="H538824" s="12"/>
    </row>
    <row r="538825" spans="8:8">
      <c r="H538825" s="12"/>
    </row>
    <row r="538826" spans="8:8">
      <c r="H538826" s="12"/>
    </row>
    <row r="538827" spans="8:8">
      <c r="H538827" s="12"/>
    </row>
    <row r="538828" spans="8:8">
      <c r="H538828" s="12"/>
    </row>
    <row r="538829" spans="8:8">
      <c r="H538829" s="12"/>
    </row>
    <row r="538830" spans="8:8">
      <c r="H538830" s="12"/>
    </row>
    <row r="538831" spans="8:8">
      <c r="H538831" s="12"/>
    </row>
    <row r="538832" spans="8:8">
      <c r="H538832" s="12"/>
    </row>
    <row r="538833" spans="8:8">
      <c r="H538833" s="12"/>
    </row>
    <row r="538834" spans="8:8">
      <c r="H538834" s="12"/>
    </row>
    <row r="538835" spans="8:8">
      <c r="H538835" s="12"/>
    </row>
    <row r="538836" spans="8:8">
      <c r="H538836" s="12"/>
    </row>
    <row r="538837" spans="8:8">
      <c r="H538837" s="12"/>
    </row>
    <row r="538838" spans="8:8">
      <c r="H538838" s="12"/>
    </row>
    <row r="538839" spans="8:8">
      <c r="H538839" s="12"/>
    </row>
    <row r="538840" spans="8:8">
      <c r="H538840" s="12"/>
    </row>
    <row r="538841" spans="8:8">
      <c r="H538841" s="12"/>
    </row>
    <row r="538842" spans="8:8">
      <c r="H538842" s="12"/>
    </row>
    <row r="538843" spans="8:8">
      <c r="H538843" s="12"/>
    </row>
    <row r="538844" spans="8:8">
      <c r="H538844" s="12"/>
    </row>
    <row r="538845" spans="8:8">
      <c r="H538845" s="12"/>
    </row>
    <row r="538846" spans="8:8">
      <c r="H538846" s="12"/>
    </row>
    <row r="538847" spans="8:8">
      <c r="H538847" s="12"/>
    </row>
    <row r="538848" spans="8:8">
      <c r="H538848" s="12"/>
    </row>
    <row r="538849" spans="8:8">
      <c r="H538849" s="12"/>
    </row>
    <row r="538850" spans="8:8">
      <c r="H538850" s="12"/>
    </row>
    <row r="538851" spans="8:8">
      <c r="H538851" s="12"/>
    </row>
    <row r="538852" spans="8:8">
      <c r="H538852" s="12"/>
    </row>
    <row r="538853" spans="8:8">
      <c r="H538853" s="12"/>
    </row>
    <row r="538854" spans="8:8">
      <c r="H538854" s="12"/>
    </row>
    <row r="538855" spans="8:8">
      <c r="H538855" s="12"/>
    </row>
    <row r="538856" spans="8:8">
      <c r="H538856" s="12"/>
    </row>
    <row r="538857" spans="8:8">
      <c r="H538857" s="12"/>
    </row>
    <row r="538858" spans="8:8">
      <c r="H538858" s="12"/>
    </row>
    <row r="538859" spans="8:8">
      <c r="H538859" s="12"/>
    </row>
    <row r="538860" spans="8:8">
      <c r="H538860" s="12"/>
    </row>
    <row r="538861" spans="8:8">
      <c r="H538861" s="12"/>
    </row>
    <row r="538862" spans="8:8">
      <c r="H538862" s="12"/>
    </row>
    <row r="538863" spans="8:8">
      <c r="H538863" s="12"/>
    </row>
    <row r="538864" spans="8:8">
      <c r="H538864" s="12"/>
    </row>
    <row r="538865" spans="8:8">
      <c r="H538865" s="12"/>
    </row>
    <row r="538866" spans="8:8">
      <c r="H538866" s="12"/>
    </row>
    <row r="538867" spans="8:8">
      <c r="H538867" s="12"/>
    </row>
    <row r="538868" spans="8:8">
      <c r="H538868" s="12"/>
    </row>
    <row r="538869" spans="8:8">
      <c r="H538869" s="12"/>
    </row>
    <row r="538870" spans="8:8">
      <c r="H538870" s="12"/>
    </row>
    <row r="538871" spans="8:8">
      <c r="H538871" s="12"/>
    </row>
    <row r="538872" spans="8:8">
      <c r="H538872" s="12"/>
    </row>
    <row r="538873" spans="8:8">
      <c r="H538873" s="12"/>
    </row>
    <row r="538874" spans="8:8">
      <c r="H538874" s="12"/>
    </row>
    <row r="538875" spans="8:8">
      <c r="H538875" s="12"/>
    </row>
    <row r="538876" spans="8:8">
      <c r="H538876" s="12"/>
    </row>
    <row r="538877" spans="8:8">
      <c r="H538877" s="12"/>
    </row>
    <row r="538878" spans="8:8">
      <c r="H538878" s="12"/>
    </row>
    <row r="538879" spans="8:8">
      <c r="H538879" s="12"/>
    </row>
    <row r="538880" spans="8:8">
      <c r="H538880" s="12"/>
    </row>
    <row r="538881" spans="8:8">
      <c r="H538881" s="12"/>
    </row>
    <row r="538882" spans="8:8">
      <c r="H538882" s="12"/>
    </row>
    <row r="538883" spans="8:8">
      <c r="H538883" s="12"/>
    </row>
    <row r="538884" spans="8:8">
      <c r="H538884" s="12"/>
    </row>
    <row r="538885" spans="8:8">
      <c r="H538885" s="12"/>
    </row>
    <row r="538886" spans="8:8">
      <c r="H538886" s="12"/>
    </row>
    <row r="538887" spans="8:8">
      <c r="H538887" s="12"/>
    </row>
    <row r="538888" spans="8:8">
      <c r="H538888" s="12"/>
    </row>
    <row r="538889" spans="8:8">
      <c r="H538889" s="12"/>
    </row>
    <row r="538890" spans="8:8">
      <c r="H538890" s="12"/>
    </row>
    <row r="538891" spans="8:8">
      <c r="H538891" s="12"/>
    </row>
    <row r="538892" spans="8:8">
      <c r="H538892" s="12"/>
    </row>
    <row r="538893" spans="8:8">
      <c r="H538893" s="12"/>
    </row>
    <row r="538894" spans="8:8">
      <c r="H538894" s="12"/>
    </row>
    <row r="538895" spans="8:8">
      <c r="H538895" s="12"/>
    </row>
    <row r="538896" spans="8:8">
      <c r="H538896" s="12"/>
    </row>
    <row r="538897" spans="8:8">
      <c r="H538897" s="12"/>
    </row>
    <row r="538898" spans="8:8">
      <c r="H538898" s="12"/>
    </row>
    <row r="538899" spans="8:8">
      <c r="H538899" s="12"/>
    </row>
    <row r="538900" spans="8:8">
      <c r="H538900" s="12"/>
    </row>
    <row r="538901" spans="8:8">
      <c r="H538901" s="12"/>
    </row>
    <row r="538902" spans="8:8">
      <c r="H538902" s="12"/>
    </row>
    <row r="538903" spans="8:8">
      <c r="H538903" s="12"/>
    </row>
    <row r="538904" spans="8:8">
      <c r="H538904" s="12"/>
    </row>
    <row r="538905" spans="8:8">
      <c r="H538905" s="12"/>
    </row>
    <row r="538906" spans="8:8">
      <c r="H538906" s="12"/>
    </row>
    <row r="538907" spans="8:8">
      <c r="H538907" s="12"/>
    </row>
    <row r="538908" spans="8:8">
      <c r="H538908" s="12"/>
    </row>
    <row r="538909" spans="8:8">
      <c r="H538909" s="12"/>
    </row>
    <row r="538910" spans="8:8">
      <c r="H538910" s="12"/>
    </row>
    <row r="538911" spans="8:8">
      <c r="H538911" s="12"/>
    </row>
    <row r="538912" spans="8:8">
      <c r="H538912" s="12"/>
    </row>
    <row r="538913" spans="8:8">
      <c r="H538913" s="12"/>
    </row>
    <row r="538914" spans="8:8">
      <c r="H538914" s="12"/>
    </row>
    <row r="538915" spans="8:8">
      <c r="H538915" s="12"/>
    </row>
    <row r="538916" spans="8:8">
      <c r="H538916" s="12"/>
    </row>
    <row r="538917" spans="8:8">
      <c r="H538917" s="12"/>
    </row>
    <row r="538918" spans="8:8">
      <c r="H538918" s="12"/>
    </row>
    <row r="538919" spans="8:8">
      <c r="H538919" s="12"/>
    </row>
    <row r="538920" spans="8:8">
      <c r="H538920" s="12"/>
    </row>
    <row r="538921" spans="8:8">
      <c r="H538921" s="12"/>
    </row>
    <row r="538922" spans="8:8">
      <c r="H538922" s="12"/>
    </row>
    <row r="538923" spans="8:8">
      <c r="H538923" s="12"/>
    </row>
    <row r="538924" spans="8:8">
      <c r="H538924" s="12"/>
    </row>
    <row r="538925" spans="8:8">
      <c r="H538925" s="12"/>
    </row>
    <row r="538926" spans="8:8">
      <c r="H538926" s="12"/>
    </row>
    <row r="538927" spans="8:8">
      <c r="H538927" s="12"/>
    </row>
    <row r="538928" spans="8:8">
      <c r="H538928" s="12"/>
    </row>
    <row r="538929" spans="8:8">
      <c r="H538929" s="12"/>
    </row>
    <row r="538930" spans="8:8">
      <c r="H538930" s="12"/>
    </row>
    <row r="538931" spans="8:8">
      <c r="H538931" s="12"/>
    </row>
    <row r="538932" spans="8:8">
      <c r="H538932" s="12"/>
    </row>
    <row r="538933" spans="8:8">
      <c r="H538933" s="12"/>
    </row>
    <row r="538934" spans="8:8">
      <c r="H538934" s="12"/>
    </row>
    <row r="538935" spans="8:8">
      <c r="H538935" s="12"/>
    </row>
    <row r="538936" spans="8:8">
      <c r="H538936" s="12"/>
    </row>
    <row r="538937" spans="8:8">
      <c r="H538937" s="12"/>
    </row>
    <row r="538938" spans="8:8">
      <c r="H538938" s="12"/>
    </row>
    <row r="538939" spans="8:8">
      <c r="H538939" s="12"/>
    </row>
    <row r="538940" spans="8:8">
      <c r="H538940" s="12"/>
    </row>
    <row r="538941" spans="8:8">
      <c r="H538941" s="12"/>
    </row>
    <row r="538942" spans="8:8">
      <c r="H538942" s="12"/>
    </row>
    <row r="538943" spans="8:8">
      <c r="H538943" s="12"/>
    </row>
    <row r="538944" spans="8:8">
      <c r="H538944" s="12"/>
    </row>
    <row r="538945" spans="8:8">
      <c r="H538945" s="12"/>
    </row>
    <row r="538946" spans="8:8">
      <c r="H538946" s="12"/>
    </row>
    <row r="538947" spans="8:8">
      <c r="H538947" s="12"/>
    </row>
    <row r="538948" spans="8:8">
      <c r="H538948" s="12"/>
    </row>
    <row r="538949" spans="8:8">
      <c r="H538949" s="12"/>
    </row>
    <row r="538950" spans="8:8">
      <c r="H538950" s="12"/>
    </row>
    <row r="538951" spans="8:8">
      <c r="H538951" s="12"/>
    </row>
    <row r="538952" spans="8:8">
      <c r="H538952" s="12"/>
    </row>
    <row r="538953" spans="8:8">
      <c r="H538953" s="12"/>
    </row>
    <row r="538954" spans="8:8">
      <c r="H538954" s="12"/>
    </row>
    <row r="538955" spans="8:8">
      <c r="H538955" s="12"/>
    </row>
    <row r="538956" spans="8:8">
      <c r="H538956" s="12"/>
    </row>
    <row r="538957" spans="8:8">
      <c r="H538957" s="12"/>
    </row>
    <row r="538958" spans="8:8">
      <c r="H538958" s="12"/>
    </row>
    <row r="538959" spans="8:8">
      <c r="H538959" s="12"/>
    </row>
    <row r="538960" spans="8:8">
      <c r="H538960" s="12"/>
    </row>
    <row r="538961" spans="8:8">
      <c r="H538961" s="12"/>
    </row>
    <row r="538962" spans="8:8">
      <c r="H538962" s="12"/>
    </row>
    <row r="538963" spans="8:8">
      <c r="H538963" s="12"/>
    </row>
    <row r="538964" spans="8:8">
      <c r="H538964" s="12"/>
    </row>
    <row r="538965" spans="8:8">
      <c r="H538965" s="12"/>
    </row>
    <row r="538966" spans="8:8">
      <c r="H538966" s="12"/>
    </row>
    <row r="538967" spans="8:8">
      <c r="H538967" s="12"/>
    </row>
    <row r="538968" spans="8:8">
      <c r="H538968" s="12"/>
    </row>
    <row r="538969" spans="8:8">
      <c r="H538969" s="12"/>
    </row>
    <row r="538970" spans="8:8">
      <c r="H538970" s="12"/>
    </row>
    <row r="538971" spans="8:8">
      <c r="H538971" s="12"/>
    </row>
    <row r="538972" spans="8:8">
      <c r="H538972" s="12"/>
    </row>
    <row r="538973" spans="8:8">
      <c r="H538973" s="12"/>
    </row>
    <row r="538974" spans="8:8">
      <c r="H538974" s="12"/>
    </row>
    <row r="538975" spans="8:8">
      <c r="H538975" s="12"/>
    </row>
    <row r="538976" spans="8:8">
      <c r="H538976" s="12"/>
    </row>
    <row r="538977" spans="8:8">
      <c r="H538977" s="12"/>
    </row>
    <row r="538978" spans="8:8">
      <c r="H538978" s="12"/>
    </row>
    <row r="538979" spans="8:8">
      <c r="H538979" s="12"/>
    </row>
    <row r="538980" spans="8:8">
      <c r="H538980" s="12"/>
    </row>
    <row r="538981" spans="8:8">
      <c r="H538981" s="12"/>
    </row>
    <row r="538982" spans="8:8">
      <c r="H538982" s="12"/>
    </row>
    <row r="538983" spans="8:8">
      <c r="H538983" s="12"/>
    </row>
    <row r="538984" spans="8:8">
      <c r="H538984" s="12"/>
    </row>
    <row r="538985" spans="8:8">
      <c r="H538985" s="12"/>
    </row>
    <row r="538986" spans="8:8">
      <c r="H538986" s="12"/>
    </row>
    <row r="538987" spans="8:8">
      <c r="H538987" s="12"/>
    </row>
    <row r="538988" spans="8:8">
      <c r="H538988" s="12"/>
    </row>
    <row r="538989" spans="8:8">
      <c r="H538989" s="12"/>
    </row>
    <row r="538990" spans="8:8">
      <c r="H538990" s="12"/>
    </row>
    <row r="538991" spans="8:8">
      <c r="H538991" s="12"/>
    </row>
    <row r="538992" spans="8:8">
      <c r="H538992" s="12"/>
    </row>
    <row r="538993" spans="8:8">
      <c r="H538993" s="12"/>
    </row>
    <row r="538994" spans="8:8">
      <c r="H538994" s="12"/>
    </row>
    <row r="538995" spans="8:8">
      <c r="H538995" s="12"/>
    </row>
    <row r="538996" spans="8:8">
      <c r="H538996" s="12"/>
    </row>
    <row r="538997" spans="8:8">
      <c r="H538997" s="12"/>
    </row>
    <row r="538998" spans="8:8">
      <c r="H538998" s="12"/>
    </row>
    <row r="538999" spans="8:8">
      <c r="H538999" s="12"/>
    </row>
    <row r="539000" spans="8:8">
      <c r="H539000" s="12"/>
    </row>
    <row r="539001" spans="8:8">
      <c r="H539001" s="12"/>
    </row>
    <row r="539002" spans="8:8">
      <c r="H539002" s="12"/>
    </row>
    <row r="539003" spans="8:8">
      <c r="H539003" s="12"/>
    </row>
    <row r="539004" spans="8:8">
      <c r="H539004" s="12"/>
    </row>
    <row r="539005" spans="8:8">
      <c r="H539005" s="12"/>
    </row>
    <row r="539006" spans="8:8">
      <c r="H539006" s="12"/>
    </row>
    <row r="539007" spans="8:8">
      <c r="H539007" s="12"/>
    </row>
    <row r="539008" spans="8:8">
      <c r="H539008" s="12"/>
    </row>
    <row r="539009" spans="8:8">
      <c r="H539009" s="12"/>
    </row>
    <row r="539010" spans="8:8">
      <c r="H539010" s="12"/>
    </row>
    <row r="539011" spans="8:8">
      <c r="H539011" s="12"/>
    </row>
    <row r="539012" spans="8:8">
      <c r="H539012" s="12"/>
    </row>
    <row r="539013" spans="8:8">
      <c r="H539013" s="12"/>
    </row>
    <row r="539014" spans="8:8">
      <c r="H539014" s="12"/>
    </row>
    <row r="539015" spans="8:8">
      <c r="H539015" s="12"/>
    </row>
    <row r="539016" spans="8:8">
      <c r="H539016" s="12"/>
    </row>
    <row r="539017" spans="8:8">
      <c r="H539017" s="12"/>
    </row>
    <row r="539018" spans="8:8">
      <c r="H539018" s="12"/>
    </row>
    <row r="539019" spans="8:8">
      <c r="H539019" s="12"/>
    </row>
    <row r="539020" spans="8:8">
      <c r="H539020" s="12"/>
    </row>
    <row r="539021" spans="8:8">
      <c r="H539021" s="12"/>
    </row>
    <row r="539022" spans="8:8">
      <c r="H539022" s="12"/>
    </row>
    <row r="539023" spans="8:8">
      <c r="H539023" s="12"/>
    </row>
    <row r="539024" spans="8:8">
      <c r="H539024" s="12"/>
    </row>
    <row r="539025" spans="8:8">
      <c r="H539025" s="12"/>
    </row>
    <row r="539026" spans="8:8">
      <c r="H539026" s="12"/>
    </row>
    <row r="539027" spans="8:8">
      <c r="H539027" s="12"/>
    </row>
    <row r="539028" spans="8:8">
      <c r="H539028" s="12"/>
    </row>
    <row r="539029" spans="8:8">
      <c r="H539029" s="12"/>
    </row>
    <row r="539030" spans="8:8">
      <c r="H539030" s="12"/>
    </row>
    <row r="539031" spans="8:8">
      <c r="H539031" s="12"/>
    </row>
    <row r="539032" spans="8:8">
      <c r="H539032" s="12"/>
    </row>
    <row r="539033" spans="8:8">
      <c r="H539033" s="12"/>
    </row>
    <row r="539034" spans="8:8">
      <c r="H539034" s="12"/>
    </row>
    <row r="539035" spans="8:8">
      <c r="H539035" s="12"/>
    </row>
    <row r="539036" spans="8:8">
      <c r="H539036" s="12"/>
    </row>
    <row r="539037" spans="8:8">
      <c r="H539037" s="12"/>
    </row>
    <row r="539038" spans="8:8">
      <c r="H539038" s="12"/>
    </row>
    <row r="539039" spans="8:8">
      <c r="H539039" s="12"/>
    </row>
    <row r="539040" spans="8:8">
      <c r="H539040" s="12"/>
    </row>
    <row r="539041" spans="8:8">
      <c r="H539041" s="12"/>
    </row>
    <row r="539042" spans="8:8">
      <c r="H539042" s="12"/>
    </row>
    <row r="539043" spans="8:8">
      <c r="H539043" s="12"/>
    </row>
    <row r="539044" spans="8:8">
      <c r="H539044" s="12"/>
    </row>
    <row r="539045" spans="8:8">
      <c r="H539045" s="12"/>
    </row>
    <row r="539046" spans="8:8">
      <c r="H539046" s="12"/>
    </row>
    <row r="539047" spans="8:8">
      <c r="H539047" s="12"/>
    </row>
    <row r="539048" spans="8:8">
      <c r="H539048" s="12"/>
    </row>
    <row r="539049" spans="8:8">
      <c r="H539049" s="12"/>
    </row>
    <row r="539050" spans="8:8">
      <c r="H539050" s="12"/>
    </row>
    <row r="539051" spans="8:8">
      <c r="H539051" s="12"/>
    </row>
    <row r="539052" spans="8:8">
      <c r="H539052" s="12"/>
    </row>
    <row r="539053" spans="8:8">
      <c r="H539053" s="12"/>
    </row>
    <row r="539054" spans="8:8">
      <c r="H539054" s="12"/>
    </row>
    <row r="539055" spans="8:8">
      <c r="H539055" s="12"/>
    </row>
    <row r="539056" spans="8:8">
      <c r="H539056" s="12"/>
    </row>
    <row r="539057" spans="8:8">
      <c r="H539057" s="12"/>
    </row>
    <row r="539058" spans="8:8">
      <c r="H539058" s="12"/>
    </row>
    <row r="539059" spans="8:8">
      <c r="H539059" s="12"/>
    </row>
    <row r="539060" spans="8:8">
      <c r="H539060" s="12"/>
    </row>
    <row r="539061" spans="8:8">
      <c r="H539061" s="12"/>
    </row>
    <row r="539062" spans="8:8">
      <c r="H539062" s="12"/>
    </row>
    <row r="539063" spans="8:8">
      <c r="H539063" s="12"/>
    </row>
    <row r="539064" spans="8:8">
      <c r="H539064" s="12"/>
    </row>
    <row r="539065" spans="8:8">
      <c r="H539065" s="12"/>
    </row>
    <row r="539066" spans="8:8">
      <c r="H539066" s="12"/>
    </row>
    <row r="539067" spans="8:8">
      <c r="H539067" s="12"/>
    </row>
    <row r="539068" spans="8:8">
      <c r="H539068" s="12"/>
    </row>
    <row r="539069" spans="8:8">
      <c r="H539069" s="12"/>
    </row>
    <row r="539070" spans="8:8">
      <c r="H539070" s="12"/>
    </row>
    <row r="539071" spans="8:8">
      <c r="H539071" s="12"/>
    </row>
    <row r="539072" spans="8:8">
      <c r="H539072" s="12"/>
    </row>
    <row r="539073" spans="8:8">
      <c r="H539073" s="12"/>
    </row>
    <row r="539074" spans="8:8">
      <c r="H539074" s="12"/>
    </row>
    <row r="539075" spans="8:8">
      <c r="H539075" s="12"/>
    </row>
    <row r="539076" spans="8:8">
      <c r="H539076" s="12"/>
    </row>
    <row r="539077" spans="8:8">
      <c r="H539077" s="12"/>
    </row>
    <row r="539078" spans="8:8">
      <c r="H539078" s="12"/>
    </row>
    <row r="539079" spans="8:8">
      <c r="H539079" s="12"/>
    </row>
    <row r="539080" spans="8:8">
      <c r="H539080" s="12"/>
    </row>
    <row r="539081" spans="8:8">
      <c r="H539081" s="12"/>
    </row>
    <row r="539082" spans="8:8">
      <c r="H539082" s="12"/>
    </row>
    <row r="539083" spans="8:8">
      <c r="H539083" s="12"/>
    </row>
    <row r="539084" spans="8:8">
      <c r="H539084" s="12"/>
    </row>
    <row r="539085" spans="8:8">
      <c r="H539085" s="12"/>
    </row>
    <row r="539086" spans="8:8">
      <c r="H539086" s="12"/>
    </row>
    <row r="539087" spans="8:8">
      <c r="H539087" s="12"/>
    </row>
    <row r="539088" spans="8:8">
      <c r="H539088" s="12"/>
    </row>
    <row r="539089" spans="8:8">
      <c r="H539089" s="12"/>
    </row>
    <row r="539090" spans="8:8">
      <c r="H539090" s="12"/>
    </row>
    <row r="539091" spans="8:8">
      <c r="H539091" s="12"/>
    </row>
    <row r="539092" spans="8:8">
      <c r="H539092" s="12"/>
    </row>
    <row r="539093" spans="8:8">
      <c r="H539093" s="12"/>
    </row>
    <row r="539094" spans="8:8">
      <c r="H539094" s="12"/>
    </row>
    <row r="539095" spans="8:8">
      <c r="H539095" s="12"/>
    </row>
    <row r="539096" spans="8:8">
      <c r="H539096" s="12"/>
    </row>
    <row r="539097" spans="8:8">
      <c r="H539097" s="12"/>
    </row>
    <row r="539098" spans="8:8">
      <c r="H539098" s="12"/>
    </row>
    <row r="539099" spans="8:8">
      <c r="H539099" s="12"/>
    </row>
    <row r="539100" spans="8:8">
      <c r="H539100" s="12"/>
    </row>
    <row r="539101" spans="8:8">
      <c r="H539101" s="12"/>
    </row>
    <row r="539102" spans="8:8">
      <c r="H539102" s="12"/>
    </row>
    <row r="539103" spans="8:8">
      <c r="H539103" s="12"/>
    </row>
    <row r="539104" spans="8:8">
      <c r="H539104" s="12"/>
    </row>
    <row r="539105" spans="8:8">
      <c r="H539105" s="12"/>
    </row>
    <row r="539106" spans="8:8">
      <c r="H539106" s="12"/>
    </row>
    <row r="539107" spans="8:8">
      <c r="H539107" s="12"/>
    </row>
    <row r="539108" spans="8:8">
      <c r="H539108" s="12"/>
    </row>
    <row r="539109" spans="8:8">
      <c r="H539109" s="12"/>
    </row>
    <row r="539110" spans="8:8">
      <c r="H539110" s="12"/>
    </row>
    <row r="539111" spans="8:8">
      <c r="H539111" s="12"/>
    </row>
    <row r="539112" spans="8:8">
      <c r="H539112" s="12"/>
    </row>
    <row r="539113" spans="8:8">
      <c r="H539113" s="12"/>
    </row>
    <row r="539114" spans="8:8">
      <c r="H539114" s="12"/>
    </row>
    <row r="539115" spans="8:8">
      <c r="H539115" s="12"/>
    </row>
    <row r="539116" spans="8:8">
      <c r="H539116" s="12"/>
    </row>
    <row r="539117" spans="8:8">
      <c r="H539117" s="12"/>
    </row>
    <row r="539118" spans="8:8">
      <c r="H539118" s="12"/>
    </row>
    <row r="539119" spans="8:8">
      <c r="H539119" s="12"/>
    </row>
    <row r="539120" spans="8:8">
      <c r="H539120" s="12"/>
    </row>
    <row r="539121" spans="8:8">
      <c r="H539121" s="12"/>
    </row>
    <row r="539122" spans="8:8">
      <c r="H539122" s="12"/>
    </row>
    <row r="539123" spans="8:8">
      <c r="H539123" s="12"/>
    </row>
    <row r="539124" spans="8:8">
      <c r="H539124" s="12"/>
    </row>
    <row r="539125" spans="8:8">
      <c r="H539125" s="12"/>
    </row>
    <row r="539126" spans="8:8">
      <c r="H539126" s="12"/>
    </row>
    <row r="539127" spans="8:8">
      <c r="H539127" s="12"/>
    </row>
    <row r="539128" spans="8:8">
      <c r="H539128" s="12"/>
    </row>
    <row r="539129" spans="8:8">
      <c r="H539129" s="12"/>
    </row>
    <row r="539130" spans="8:8">
      <c r="H539130" s="12"/>
    </row>
    <row r="539131" spans="8:8">
      <c r="H539131" s="12"/>
    </row>
    <row r="539132" spans="8:8">
      <c r="H539132" s="12"/>
    </row>
    <row r="539133" spans="8:8">
      <c r="H539133" s="12"/>
    </row>
    <row r="539134" spans="8:8">
      <c r="H539134" s="12"/>
    </row>
    <row r="539135" spans="8:8">
      <c r="H539135" s="12"/>
    </row>
    <row r="539136" spans="8:8">
      <c r="H539136" s="12"/>
    </row>
    <row r="539137" spans="8:8">
      <c r="H539137" s="12"/>
    </row>
    <row r="539138" spans="8:8">
      <c r="H539138" s="12"/>
    </row>
    <row r="539139" spans="8:8">
      <c r="H539139" s="12"/>
    </row>
    <row r="539140" spans="8:8">
      <c r="H539140" s="12"/>
    </row>
    <row r="539141" spans="8:8">
      <c r="H539141" s="12"/>
    </row>
    <row r="539142" spans="8:8">
      <c r="H539142" s="12"/>
    </row>
    <row r="539143" spans="8:8">
      <c r="H539143" s="12"/>
    </row>
    <row r="539144" spans="8:8">
      <c r="H539144" s="12"/>
    </row>
    <row r="539145" spans="8:8">
      <c r="H539145" s="12"/>
    </row>
    <row r="539146" spans="8:8">
      <c r="H539146" s="12"/>
    </row>
    <row r="539147" spans="8:8">
      <c r="H539147" s="12"/>
    </row>
    <row r="539148" spans="8:8">
      <c r="H539148" s="12"/>
    </row>
    <row r="539149" spans="8:8">
      <c r="H539149" s="12"/>
    </row>
    <row r="539150" spans="8:8">
      <c r="H539150" s="12"/>
    </row>
    <row r="539151" spans="8:8">
      <c r="H539151" s="12"/>
    </row>
    <row r="539152" spans="8:8">
      <c r="H539152" s="12"/>
    </row>
    <row r="539153" spans="8:8">
      <c r="H539153" s="12"/>
    </row>
    <row r="539154" spans="8:8">
      <c r="H539154" s="12"/>
    </row>
    <row r="539155" spans="8:8">
      <c r="H539155" s="12"/>
    </row>
    <row r="539156" spans="8:8">
      <c r="H539156" s="12"/>
    </row>
    <row r="539157" spans="8:8">
      <c r="H539157" s="12"/>
    </row>
    <row r="539158" spans="8:8">
      <c r="H539158" s="12"/>
    </row>
    <row r="539159" spans="8:8">
      <c r="H539159" s="12"/>
    </row>
    <row r="539160" spans="8:8">
      <c r="H539160" s="12"/>
    </row>
    <row r="539161" spans="8:8">
      <c r="H539161" s="12"/>
    </row>
    <row r="539162" spans="8:8">
      <c r="H539162" s="12"/>
    </row>
    <row r="539163" spans="8:8">
      <c r="H539163" s="12"/>
    </row>
    <row r="539164" spans="8:8">
      <c r="H539164" s="12"/>
    </row>
    <row r="539165" spans="8:8">
      <c r="H539165" s="12"/>
    </row>
    <row r="539166" spans="8:8">
      <c r="H539166" s="12"/>
    </row>
    <row r="539167" spans="8:8">
      <c r="H539167" s="12"/>
    </row>
    <row r="539168" spans="8:8">
      <c r="H539168" s="12"/>
    </row>
    <row r="539169" spans="8:8">
      <c r="H539169" s="12"/>
    </row>
    <row r="539170" spans="8:8">
      <c r="H539170" s="12"/>
    </row>
    <row r="539171" spans="8:8">
      <c r="H539171" s="12"/>
    </row>
    <row r="539172" spans="8:8">
      <c r="H539172" s="12"/>
    </row>
    <row r="539173" spans="8:8">
      <c r="H539173" s="12"/>
    </row>
    <row r="539174" spans="8:8">
      <c r="H539174" s="12"/>
    </row>
    <row r="539175" spans="8:8">
      <c r="H539175" s="12"/>
    </row>
    <row r="539176" spans="8:8">
      <c r="H539176" s="12"/>
    </row>
    <row r="539177" spans="8:8">
      <c r="H539177" s="12"/>
    </row>
    <row r="539178" spans="8:8">
      <c r="H539178" s="12"/>
    </row>
    <row r="539179" spans="8:8">
      <c r="H539179" s="12"/>
    </row>
    <row r="539180" spans="8:8">
      <c r="H539180" s="12"/>
    </row>
    <row r="539181" spans="8:8">
      <c r="H539181" s="12"/>
    </row>
    <row r="539182" spans="8:8">
      <c r="H539182" s="12"/>
    </row>
    <row r="539183" spans="8:8">
      <c r="H539183" s="12"/>
    </row>
    <row r="539184" spans="8:8">
      <c r="H539184" s="12"/>
    </row>
    <row r="539185" spans="8:8">
      <c r="H539185" s="12"/>
    </row>
    <row r="539186" spans="8:8">
      <c r="H539186" s="12"/>
    </row>
    <row r="539187" spans="8:8">
      <c r="H539187" s="12"/>
    </row>
    <row r="539188" spans="8:8">
      <c r="H539188" s="12"/>
    </row>
    <row r="539189" spans="8:8">
      <c r="H539189" s="12"/>
    </row>
    <row r="539190" spans="8:8">
      <c r="H539190" s="12"/>
    </row>
    <row r="539191" spans="8:8">
      <c r="H539191" s="12"/>
    </row>
    <row r="539192" spans="8:8">
      <c r="H539192" s="12"/>
    </row>
    <row r="539193" spans="8:8">
      <c r="H539193" s="12"/>
    </row>
    <row r="539194" spans="8:8">
      <c r="H539194" s="12"/>
    </row>
    <row r="539195" spans="8:8">
      <c r="H539195" s="12"/>
    </row>
    <row r="539196" spans="8:8">
      <c r="H539196" s="12"/>
    </row>
    <row r="539197" spans="8:8">
      <c r="H539197" s="12"/>
    </row>
    <row r="539198" spans="8:8">
      <c r="H539198" s="12"/>
    </row>
    <row r="539199" spans="8:8">
      <c r="H539199" s="12"/>
    </row>
    <row r="539200" spans="8:8">
      <c r="H539200" s="12"/>
    </row>
    <row r="539201" spans="8:8">
      <c r="H539201" s="12"/>
    </row>
    <row r="539202" spans="8:8">
      <c r="H539202" s="12"/>
    </row>
    <row r="539203" spans="8:8">
      <c r="H539203" s="12"/>
    </row>
    <row r="539204" spans="8:8">
      <c r="H539204" s="12"/>
    </row>
    <row r="539205" spans="8:8">
      <c r="H539205" s="12"/>
    </row>
    <row r="539206" spans="8:8">
      <c r="H539206" s="12"/>
    </row>
    <row r="539207" spans="8:8">
      <c r="H539207" s="12"/>
    </row>
    <row r="539208" spans="8:8">
      <c r="H539208" s="12"/>
    </row>
    <row r="539209" spans="8:8">
      <c r="H539209" s="12"/>
    </row>
    <row r="539210" spans="8:8">
      <c r="H539210" s="12"/>
    </row>
    <row r="539211" spans="8:8">
      <c r="H539211" s="12"/>
    </row>
    <row r="539212" spans="8:8">
      <c r="H539212" s="12"/>
    </row>
    <row r="539213" spans="8:8">
      <c r="H539213" s="12"/>
    </row>
    <row r="539214" spans="8:8">
      <c r="H539214" s="12"/>
    </row>
    <row r="539215" spans="8:8">
      <c r="H539215" s="12"/>
    </row>
    <row r="539216" spans="8:8">
      <c r="H539216" s="12"/>
    </row>
    <row r="539217" spans="8:8">
      <c r="H539217" s="12"/>
    </row>
    <row r="539218" spans="8:8">
      <c r="H539218" s="12"/>
    </row>
    <row r="539219" spans="8:8">
      <c r="H539219" s="12"/>
    </row>
    <row r="539220" spans="8:8">
      <c r="H539220" s="12"/>
    </row>
    <row r="539221" spans="8:8">
      <c r="H539221" s="12"/>
    </row>
    <row r="539222" spans="8:8">
      <c r="H539222" s="12"/>
    </row>
    <row r="539223" spans="8:8">
      <c r="H539223" s="12"/>
    </row>
    <row r="539224" spans="8:8">
      <c r="H539224" s="12"/>
    </row>
    <row r="539225" spans="8:8">
      <c r="H539225" s="12"/>
    </row>
    <row r="539226" spans="8:8">
      <c r="H539226" s="12"/>
    </row>
    <row r="539227" spans="8:8">
      <c r="H539227" s="12"/>
    </row>
    <row r="539228" spans="8:8">
      <c r="H539228" s="12"/>
    </row>
    <row r="539229" spans="8:8">
      <c r="H539229" s="12"/>
    </row>
    <row r="539230" spans="8:8">
      <c r="H539230" s="12"/>
    </row>
    <row r="539231" spans="8:8">
      <c r="H539231" s="12"/>
    </row>
    <row r="539232" spans="8:8">
      <c r="H539232" s="12"/>
    </row>
    <row r="539233" spans="8:8">
      <c r="H539233" s="12"/>
    </row>
    <row r="539234" spans="8:8">
      <c r="H539234" s="12"/>
    </row>
    <row r="539235" spans="8:8">
      <c r="H539235" s="12"/>
    </row>
    <row r="539236" spans="8:8">
      <c r="H539236" s="12"/>
    </row>
    <row r="539237" spans="8:8">
      <c r="H539237" s="12"/>
    </row>
    <row r="539238" spans="8:8">
      <c r="H539238" s="12"/>
    </row>
    <row r="539239" spans="8:8">
      <c r="H539239" s="12"/>
    </row>
    <row r="539240" spans="8:8">
      <c r="H539240" s="12"/>
    </row>
    <row r="539241" spans="8:8">
      <c r="H539241" s="12"/>
    </row>
    <row r="539242" spans="8:8">
      <c r="H539242" s="12"/>
    </row>
    <row r="539243" spans="8:8">
      <c r="H539243" s="12"/>
    </row>
    <row r="539244" spans="8:8">
      <c r="H539244" s="12"/>
    </row>
    <row r="539245" spans="8:8">
      <c r="H539245" s="12"/>
    </row>
    <row r="539246" spans="8:8">
      <c r="H539246" s="12"/>
    </row>
    <row r="539247" spans="8:8">
      <c r="H539247" s="12"/>
    </row>
    <row r="539248" spans="8:8">
      <c r="H539248" s="12"/>
    </row>
    <row r="539249" spans="8:8">
      <c r="H539249" s="12"/>
    </row>
    <row r="539250" spans="8:8">
      <c r="H539250" s="12"/>
    </row>
    <row r="539251" spans="8:8">
      <c r="H539251" s="12"/>
    </row>
    <row r="539252" spans="8:8">
      <c r="H539252" s="12"/>
    </row>
    <row r="539253" spans="8:8">
      <c r="H539253" s="12"/>
    </row>
    <row r="539254" spans="8:8">
      <c r="H539254" s="12"/>
    </row>
    <row r="539255" spans="8:8">
      <c r="H539255" s="12"/>
    </row>
    <row r="539256" spans="8:8">
      <c r="H539256" s="12"/>
    </row>
    <row r="539257" spans="8:8">
      <c r="H539257" s="12"/>
    </row>
    <row r="539258" spans="8:8">
      <c r="H539258" s="12"/>
    </row>
    <row r="539259" spans="8:8">
      <c r="H539259" s="12"/>
    </row>
    <row r="539260" spans="8:8">
      <c r="H539260" s="12"/>
    </row>
    <row r="539261" spans="8:8">
      <c r="H539261" s="12"/>
    </row>
    <row r="539262" spans="8:8">
      <c r="H539262" s="12"/>
    </row>
    <row r="539263" spans="8:8">
      <c r="H539263" s="12"/>
    </row>
    <row r="539264" spans="8:8">
      <c r="H539264" s="12"/>
    </row>
    <row r="539265" spans="8:8">
      <c r="H539265" s="12"/>
    </row>
    <row r="539266" spans="8:8">
      <c r="H539266" s="12"/>
    </row>
    <row r="539267" spans="8:8">
      <c r="H539267" s="12"/>
    </row>
    <row r="539268" spans="8:8">
      <c r="H539268" s="12"/>
    </row>
    <row r="539269" spans="8:8">
      <c r="H539269" s="12"/>
    </row>
    <row r="539270" spans="8:8">
      <c r="H539270" s="12"/>
    </row>
    <row r="539271" spans="8:8">
      <c r="H539271" s="12"/>
    </row>
    <row r="539272" spans="8:8">
      <c r="H539272" s="12"/>
    </row>
    <row r="539273" spans="8:8">
      <c r="H539273" s="12"/>
    </row>
    <row r="539274" spans="8:8">
      <c r="H539274" s="12"/>
    </row>
    <row r="539275" spans="8:8">
      <c r="H539275" s="12"/>
    </row>
    <row r="539276" spans="8:8">
      <c r="H539276" s="12"/>
    </row>
    <row r="539277" spans="8:8">
      <c r="H539277" s="12"/>
    </row>
    <row r="539278" spans="8:8">
      <c r="H539278" s="12"/>
    </row>
    <row r="539279" spans="8:8">
      <c r="H539279" s="12"/>
    </row>
    <row r="539280" spans="8:8">
      <c r="H539280" s="12"/>
    </row>
    <row r="539281" spans="8:8">
      <c r="H539281" s="12"/>
    </row>
    <row r="539282" spans="8:8">
      <c r="H539282" s="12"/>
    </row>
    <row r="539283" spans="8:8">
      <c r="H539283" s="12"/>
    </row>
    <row r="539284" spans="8:8">
      <c r="H539284" s="12"/>
    </row>
    <row r="539285" spans="8:8">
      <c r="H539285" s="12"/>
    </row>
    <row r="539286" spans="8:8">
      <c r="H539286" s="12"/>
    </row>
    <row r="539287" spans="8:8">
      <c r="H539287" s="12"/>
    </row>
    <row r="539288" spans="8:8">
      <c r="H539288" s="12"/>
    </row>
    <row r="539289" spans="8:8">
      <c r="H539289" s="12"/>
    </row>
    <row r="539290" spans="8:8">
      <c r="H539290" s="12"/>
    </row>
    <row r="539291" spans="8:8">
      <c r="H539291" s="12"/>
    </row>
    <row r="539292" spans="8:8">
      <c r="H539292" s="12"/>
    </row>
    <row r="539293" spans="8:8">
      <c r="H539293" s="12"/>
    </row>
    <row r="539294" spans="8:8">
      <c r="H539294" s="12"/>
    </row>
    <row r="539295" spans="8:8">
      <c r="H539295" s="12"/>
    </row>
    <row r="539296" spans="8:8">
      <c r="H539296" s="12"/>
    </row>
    <row r="539297" spans="8:8">
      <c r="H539297" s="12"/>
    </row>
    <row r="539298" spans="8:8">
      <c r="H539298" s="12"/>
    </row>
    <row r="539299" spans="8:8">
      <c r="H539299" s="12"/>
    </row>
    <row r="539300" spans="8:8">
      <c r="H539300" s="12"/>
    </row>
    <row r="539301" spans="8:8">
      <c r="H539301" s="12"/>
    </row>
    <row r="539302" spans="8:8">
      <c r="H539302" s="12"/>
    </row>
    <row r="539303" spans="8:8">
      <c r="H539303" s="12"/>
    </row>
    <row r="539304" spans="8:8">
      <c r="H539304" s="12"/>
    </row>
    <row r="539305" spans="8:8">
      <c r="H539305" s="12"/>
    </row>
    <row r="539306" spans="8:8">
      <c r="H539306" s="12"/>
    </row>
    <row r="539307" spans="8:8">
      <c r="H539307" s="12"/>
    </row>
    <row r="539308" spans="8:8">
      <c r="H539308" s="12"/>
    </row>
    <row r="539309" spans="8:8">
      <c r="H539309" s="12"/>
    </row>
    <row r="539310" spans="8:8">
      <c r="H539310" s="12"/>
    </row>
    <row r="539311" spans="8:8">
      <c r="H539311" s="12"/>
    </row>
    <row r="539312" spans="8:8">
      <c r="H539312" s="12"/>
    </row>
    <row r="539313" spans="8:8">
      <c r="H539313" s="12"/>
    </row>
    <row r="539314" spans="8:8">
      <c r="H539314" s="12"/>
    </row>
    <row r="539315" spans="8:8">
      <c r="H539315" s="12"/>
    </row>
    <row r="539316" spans="8:8">
      <c r="H539316" s="12"/>
    </row>
    <row r="539317" spans="8:8">
      <c r="H539317" s="12"/>
    </row>
    <row r="539318" spans="8:8">
      <c r="H539318" s="12"/>
    </row>
    <row r="539319" spans="8:8">
      <c r="H539319" s="12"/>
    </row>
    <row r="539320" spans="8:8">
      <c r="H539320" s="12"/>
    </row>
    <row r="539321" spans="8:8">
      <c r="H539321" s="12"/>
    </row>
    <row r="539322" spans="8:8">
      <c r="H539322" s="12"/>
    </row>
    <row r="539323" spans="8:8">
      <c r="H539323" s="12"/>
    </row>
    <row r="539324" spans="8:8">
      <c r="H539324" s="12"/>
    </row>
    <row r="539325" spans="8:8">
      <c r="H539325" s="12"/>
    </row>
    <row r="539326" spans="8:8">
      <c r="H539326" s="12"/>
    </row>
    <row r="539327" spans="8:8">
      <c r="H539327" s="12"/>
    </row>
    <row r="539328" spans="8:8">
      <c r="H539328" s="12"/>
    </row>
    <row r="539329" spans="8:8">
      <c r="H539329" s="12"/>
    </row>
    <row r="539330" spans="8:8">
      <c r="H539330" s="12"/>
    </row>
    <row r="539331" spans="8:8">
      <c r="H539331" s="12"/>
    </row>
    <row r="539332" spans="8:8">
      <c r="H539332" s="12"/>
    </row>
    <row r="539333" spans="8:8">
      <c r="H539333" s="12"/>
    </row>
    <row r="539334" spans="8:8">
      <c r="H539334" s="12"/>
    </row>
    <row r="539335" spans="8:8">
      <c r="H539335" s="12"/>
    </row>
    <row r="539336" spans="8:8">
      <c r="H539336" s="12"/>
    </row>
    <row r="539337" spans="8:8">
      <c r="H539337" s="12"/>
    </row>
    <row r="539338" spans="8:8">
      <c r="H539338" s="12"/>
    </row>
    <row r="539339" spans="8:8">
      <c r="H539339" s="12"/>
    </row>
    <row r="539340" spans="8:8">
      <c r="H539340" s="12"/>
    </row>
    <row r="539341" spans="8:8">
      <c r="H539341" s="12"/>
    </row>
    <row r="539342" spans="8:8">
      <c r="H539342" s="12"/>
    </row>
    <row r="539343" spans="8:8">
      <c r="H539343" s="12"/>
    </row>
    <row r="539344" spans="8:8">
      <c r="H539344" s="12"/>
    </row>
    <row r="539345" spans="8:8">
      <c r="H539345" s="12"/>
    </row>
    <row r="539346" spans="8:8">
      <c r="H539346" s="12"/>
    </row>
    <row r="539347" spans="8:8">
      <c r="H539347" s="12"/>
    </row>
    <row r="539348" spans="8:8">
      <c r="H539348" s="12"/>
    </row>
    <row r="539349" spans="8:8">
      <c r="H539349" s="12"/>
    </row>
    <row r="539350" spans="8:8">
      <c r="H539350" s="12"/>
    </row>
    <row r="539351" spans="8:8">
      <c r="H539351" s="12"/>
    </row>
    <row r="539352" spans="8:8">
      <c r="H539352" s="12"/>
    </row>
    <row r="539353" spans="8:8">
      <c r="H539353" s="12"/>
    </row>
    <row r="539354" spans="8:8">
      <c r="H539354" s="12"/>
    </row>
    <row r="539355" spans="8:8">
      <c r="H539355" s="12"/>
    </row>
    <row r="539356" spans="8:8">
      <c r="H539356" s="12"/>
    </row>
    <row r="539357" spans="8:8">
      <c r="H539357" s="12"/>
    </row>
    <row r="539358" spans="8:8">
      <c r="H539358" s="12"/>
    </row>
    <row r="539359" spans="8:8">
      <c r="H539359" s="12"/>
    </row>
    <row r="539360" spans="8:8">
      <c r="H539360" s="12"/>
    </row>
    <row r="539361" spans="8:8">
      <c r="H539361" s="12"/>
    </row>
    <row r="539362" spans="8:8">
      <c r="H539362" s="12"/>
    </row>
    <row r="539363" spans="8:8">
      <c r="H539363" s="12"/>
    </row>
    <row r="539364" spans="8:8">
      <c r="H539364" s="12"/>
    </row>
    <row r="539365" spans="8:8">
      <c r="H539365" s="12"/>
    </row>
    <row r="539366" spans="8:8">
      <c r="H539366" s="12"/>
    </row>
    <row r="539367" spans="8:8">
      <c r="H539367" s="12"/>
    </row>
    <row r="539368" spans="8:8">
      <c r="H539368" s="12"/>
    </row>
    <row r="539369" spans="8:8">
      <c r="H539369" s="12"/>
    </row>
    <row r="539370" spans="8:8">
      <c r="H539370" s="12"/>
    </row>
    <row r="539371" spans="8:8">
      <c r="H539371" s="12"/>
    </row>
    <row r="539372" spans="8:8">
      <c r="H539372" s="12"/>
    </row>
    <row r="539373" spans="8:8">
      <c r="H539373" s="12"/>
    </row>
    <row r="539374" spans="8:8">
      <c r="H539374" s="12"/>
    </row>
    <row r="539375" spans="8:8">
      <c r="H539375" s="12"/>
    </row>
    <row r="539376" spans="8:8">
      <c r="H539376" s="12"/>
    </row>
    <row r="539377" spans="8:8">
      <c r="H539377" s="12"/>
    </row>
    <row r="539378" spans="8:8">
      <c r="H539378" s="12"/>
    </row>
    <row r="539379" spans="8:8">
      <c r="H539379" s="12"/>
    </row>
    <row r="539380" spans="8:8">
      <c r="H539380" s="12"/>
    </row>
    <row r="539381" spans="8:8">
      <c r="H539381" s="12"/>
    </row>
    <row r="539382" spans="8:8">
      <c r="H539382" s="12"/>
    </row>
    <row r="539383" spans="8:8">
      <c r="H539383" s="12"/>
    </row>
    <row r="539384" spans="8:8">
      <c r="H539384" s="12"/>
    </row>
    <row r="539385" spans="8:8">
      <c r="H539385" s="12"/>
    </row>
    <row r="539386" spans="8:8">
      <c r="H539386" s="12"/>
    </row>
    <row r="539387" spans="8:8">
      <c r="H539387" s="12"/>
    </row>
    <row r="539388" spans="8:8">
      <c r="H539388" s="12"/>
    </row>
    <row r="539389" spans="8:8">
      <c r="H539389" s="12"/>
    </row>
    <row r="539390" spans="8:8">
      <c r="H539390" s="12"/>
    </row>
    <row r="539391" spans="8:8">
      <c r="H539391" s="12"/>
    </row>
    <row r="539392" spans="8:8">
      <c r="H539392" s="12"/>
    </row>
    <row r="539393" spans="8:8">
      <c r="H539393" s="12"/>
    </row>
    <row r="539394" spans="8:8">
      <c r="H539394" s="12"/>
    </row>
    <row r="539395" spans="8:8">
      <c r="H539395" s="12"/>
    </row>
    <row r="539396" spans="8:8">
      <c r="H539396" s="12"/>
    </row>
    <row r="539397" spans="8:8">
      <c r="H539397" s="12"/>
    </row>
    <row r="539398" spans="8:8">
      <c r="H539398" s="12"/>
    </row>
    <row r="539399" spans="8:8">
      <c r="H539399" s="12"/>
    </row>
    <row r="539400" spans="8:8">
      <c r="H539400" s="12"/>
    </row>
    <row r="539401" spans="8:8">
      <c r="H539401" s="12"/>
    </row>
    <row r="539402" spans="8:8">
      <c r="H539402" s="12"/>
    </row>
    <row r="539403" spans="8:8">
      <c r="H539403" s="12"/>
    </row>
    <row r="539404" spans="8:8">
      <c r="H539404" s="12"/>
    </row>
    <row r="539405" spans="8:8">
      <c r="H539405" s="12"/>
    </row>
    <row r="539406" spans="8:8">
      <c r="H539406" s="12"/>
    </row>
    <row r="539407" spans="8:8">
      <c r="H539407" s="12"/>
    </row>
    <row r="539408" spans="8:8">
      <c r="H539408" s="12"/>
    </row>
    <row r="539409" spans="8:8">
      <c r="H539409" s="12"/>
    </row>
    <row r="539410" spans="8:8">
      <c r="H539410" s="12"/>
    </row>
    <row r="539411" spans="8:8">
      <c r="H539411" s="12"/>
    </row>
    <row r="539412" spans="8:8">
      <c r="H539412" s="12"/>
    </row>
    <row r="539413" spans="8:8">
      <c r="H539413" s="12"/>
    </row>
    <row r="539414" spans="8:8">
      <c r="H539414" s="12"/>
    </row>
    <row r="539415" spans="8:8">
      <c r="H539415" s="12"/>
    </row>
    <row r="539416" spans="8:8">
      <c r="H539416" s="12"/>
    </row>
    <row r="539417" spans="8:8">
      <c r="H539417" s="12"/>
    </row>
    <row r="539418" spans="8:8">
      <c r="H539418" s="12"/>
    </row>
    <row r="539419" spans="8:8">
      <c r="H539419" s="12"/>
    </row>
    <row r="539420" spans="8:8">
      <c r="H539420" s="12"/>
    </row>
    <row r="539421" spans="8:8">
      <c r="H539421" s="12"/>
    </row>
    <row r="539422" spans="8:8">
      <c r="H539422" s="12"/>
    </row>
    <row r="539423" spans="8:8">
      <c r="H539423" s="12"/>
    </row>
    <row r="539424" spans="8:8">
      <c r="H539424" s="12"/>
    </row>
    <row r="539425" spans="8:8">
      <c r="H539425" s="12"/>
    </row>
    <row r="539426" spans="8:8">
      <c r="H539426" s="12"/>
    </row>
    <row r="539427" spans="8:8">
      <c r="H539427" s="12"/>
    </row>
    <row r="539428" spans="8:8">
      <c r="H539428" s="12"/>
    </row>
    <row r="539429" spans="8:8">
      <c r="H539429" s="12"/>
    </row>
    <row r="539430" spans="8:8">
      <c r="H539430" s="12"/>
    </row>
    <row r="539431" spans="8:8">
      <c r="H539431" s="12"/>
    </row>
    <row r="539432" spans="8:8">
      <c r="H539432" s="12"/>
    </row>
    <row r="539433" spans="8:8">
      <c r="H539433" s="12"/>
    </row>
    <row r="539434" spans="8:8">
      <c r="H539434" s="12"/>
    </row>
    <row r="539435" spans="8:8">
      <c r="H539435" s="12"/>
    </row>
    <row r="539436" spans="8:8">
      <c r="H539436" s="12"/>
    </row>
    <row r="539437" spans="8:8">
      <c r="H539437" s="12"/>
    </row>
    <row r="539438" spans="8:8">
      <c r="H539438" s="12"/>
    </row>
    <row r="539439" spans="8:8">
      <c r="H539439" s="12"/>
    </row>
    <row r="539440" spans="8:8">
      <c r="H539440" s="12"/>
    </row>
    <row r="539441" spans="8:8">
      <c r="H539441" s="12"/>
    </row>
    <row r="539442" spans="8:8">
      <c r="H539442" s="12"/>
    </row>
    <row r="539443" spans="8:8">
      <c r="H539443" s="12"/>
    </row>
    <row r="539444" spans="8:8">
      <c r="H539444" s="12"/>
    </row>
    <row r="539445" spans="8:8">
      <c r="H539445" s="12"/>
    </row>
    <row r="539446" spans="8:8">
      <c r="H539446" s="12"/>
    </row>
    <row r="539447" spans="8:8">
      <c r="H539447" s="12"/>
    </row>
    <row r="539448" spans="8:8">
      <c r="H539448" s="12"/>
    </row>
    <row r="539449" spans="8:8">
      <c r="H539449" s="12"/>
    </row>
    <row r="539450" spans="8:8">
      <c r="H539450" s="12"/>
    </row>
    <row r="539451" spans="8:8">
      <c r="H539451" s="12"/>
    </row>
    <row r="539452" spans="8:8">
      <c r="H539452" s="12"/>
    </row>
    <row r="539453" spans="8:8">
      <c r="H539453" s="12"/>
    </row>
    <row r="539454" spans="8:8">
      <c r="H539454" s="12"/>
    </row>
    <row r="539455" spans="8:8">
      <c r="H539455" s="12"/>
    </row>
    <row r="539456" spans="8:8">
      <c r="H539456" s="12"/>
    </row>
    <row r="539457" spans="8:8">
      <c r="H539457" s="12"/>
    </row>
    <row r="539458" spans="8:8">
      <c r="H539458" s="12"/>
    </row>
    <row r="539459" spans="8:8">
      <c r="H539459" s="12"/>
    </row>
    <row r="539460" spans="8:8">
      <c r="H539460" s="12"/>
    </row>
    <row r="539461" spans="8:8">
      <c r="H539461" s="12"/>
    </row>
    <row r="539462" spans="8:8">
      <c r="H539462" s="12"/>
    </row>
    <row r="539463" spans="8:8">
      <c r="H539463" s="12"/>
    </row>
    <row r="539464" spans="8:8">
      <c r="H539464" s="12"/>
    </row>
    <row r="539465" spans="8:8">
      <c r="H539465" s="12"/>
    </row>
    <row r="539466" spans="8:8">
      <c r="H539466" s="12"/>
    </row>
    <row r="539467" spans="8:8">
      <c r="H539467" s="12"/>
    </row>
    <row r="539468" spans="8:8">
      <c r="H539468" s="12"/>
    </row>
    <row r="539469" spans="8:8">
      <c r="H539469" s="12"/>
    </row>
    <row r="539470" spans="8:8">
      <c r="H539470" s="12"/>
    </row>
    <row r="539471" spans="8:8">
      <c r="H539471" s="12"/>
    </row>
    <row r="539472" spans="8:8">
      <c r="H539472" s="12"/>
    </row>
    <row r="539473" spans="8:8">
      <c r="H539473" s="12"/>
    </row>
    <row r="539474" spans="8:8">
      <c r="H539474" s="12"/>
    </row>
    <row r="539475" spans="8:8">
      <c r="H539475" s="12"/>
    </row>
    <row r="539476" spans="8:8">
      <c r="H539476" s="12"/>
    </row>
    <row r="539477" spans="8:8">
      <c r="H539477" s="12"/>
    </row>
    <row r="539478" spans="8:8">
      <c r="H539478" s="12"/>
    </row>
    <row r="539479" spans="8:8">
      <c r="H539479" s="12"/>
    </row>
    <row r="539480" spans="8:8">
      <c r="H539480" s="12"/>
    </row>
    <row r="539481" spans="8:8">
      <c r="H539481" s="12"/>
    </row>
    <row r="539482" spans="8:8">
      <c r="H539482" s="12"/>
    </row>
    <row r="539483" spans="8:8">
      <c r="H539483" s="12"/>
    </row>
    <row r="539484" spans="8:8">
      <c r="H539484" s="12"/>
    </row>
    <row r="539485" spans="8:8">
      <c r="H539485" s="12"/>
    </row>
    <row r="539486" spans="8:8">
      <c r="H539486" s="12"/>
    </row>
    <row r="539487" spans="8:8">
      <c r="H539487" s="12"/>
    </row>
    <row r="539488" spans="8:8">
      <c r="H539488" s="12"/>
    </row>
    <row r="539489" spans="8:8">
      <c r="H539489" s="12"/>
    </row>
    <row r="539490" spans="8:8">
      <c r="H539490" s="12"/>
    </row>
    <row r="539491" spans="8:8">
      <c r="H539491" s="12"/>
    </row>
    <row r="539492" spans="8:8">
      <c r="H539492" s="12"/>
    </row>
    <row r="539493" spans="8:8">
      <c r="H539493" s="12"/>
    </row>
    <row r="539494" spans="8:8">
      <c r="H539494" s="12"/>
    </row>
    <row r="539495" spans="8:8">
      <c r="H539495" s="12"/>
    </row>
    <row r="539496" spans="8:8">
      <c r="H539496" s="12"/>
    </row>
    <row r="539497" spans="8:8">
      <c r="H539497" s="12"/>
    </row>
    <row r="539498" spans="8:8">
      <c r="H539498" s="12"/>
    </row>
    <row r="539499" spans="8:8">
      <c r="H539499" s="12"/>
    </row>
    <row r="539500" spans="8:8">
      <c r="H539500" s="12"/>
    </row>
    <row r="539501" spans="8:8">
      <c r="H539501" s="12"/>
    </row>
    <row r="539502" spans="8:8">
      <c r="H539502" s="12"/>
    </row>
    <row r="539503" spans="8:8">
      <c r="H539503" s="12"/>
    </row>
    <row r="539504" spans="8:8">
      <c r="H539504" s="12"/>
    </row>
    <row r="539505" spans="8:8">
      <c r="H539505" s="12"/>
    </row>
    <row r="539506" spans="8:8">
      <c r="H539506" s="12"/>
    </row>
    <row r="539507" spans="8:8">
      <c r="H539507" s="12"/>
    </row>
    <row r="539508" spans="8:8">
      <c r="H539508" s="12"/>
    </row>
    <row r="539509" spans="8:8">
      <c r="H539509" s="12"/>
    </row>
    <row r="539510" spans="8:8">
      <c r="H539510" s="12"/>
    </row>
    <row r="539511" spans="8:8">
      <c r="H539511" s="12"/>
    </row>
    <row r="539512" spans="8:8">
      <c r="H539512" s="12"/>
    </row>
    <row r="539513" spans="8:8">
      <c r="H539513" s="12"/>
    </row>
    <row r="539514" spans="8:8">
      <c r="H539514" s="12"/>
    </row>
    <row r="539515" spans="8:8">
      <c r="H539515" s="12"/>
    </row>
    <row r="539516" spans="8:8">
      <c r="H539516" s="12"/>
    </row>
    <row r="539517" spans="8:8">
      <c r="H539517" s="12"/>
    </row>
    <row r="539518" spans="8:8">
      <c r="H539518" s="12"/>
    </row>
    <row r="539519" spans="8:8">
      <c r="H539519" s="12"/>
    </row>
    <row r="539520" spans="8:8">
      <c r="H539520" s="12"/>
    </row>
    <row r="539521" spans="8:8">
      <c r="H539521" s="12"/>
    </row>
    <row r="539522" spans="8:8">
      <c r="H539522" s="12"/>
    </row>
    <row r="539523" spans="8:8">
      <c r="H539523" s="12"/>
    </row>
    <row r="539524" spans="8:8">
      <c r="H539524" s="12"/>
    </row>
    <row r="539525" spans="8:8">
      <c r="H539525" s="12"/>
    </row>
    <row r="539526" spans="8:8">
      <c r="H539526" s="12"/>
    </row>
    <row r="539527" spans="8:8">
      <c r="H539527" s="12"/>
    </row>
    <row r="539528" spans="8:8">
      <c r="H539528" s="12"/>
    </row>
    <row r="539529" spans="8:8">
      <c r="H539529" s="12"/>
    </row>
    <row r="539530" spans="8:8">
      <c r="H539530" s="12"/>
    </row>
    <row r="539531" spans="8:8">
      <c r="H539531" s="12"/>
    </row>
    <row r="539532" spans="8:8">
      <c r="H539532" s="12"/>
    </row>
    <row r="539533" spans="8:8">
      <c r="H539533" s="12"/>
    </row>
    <row r="539534" spans="8:8">
      <c r="H539534" s="12"/>
    </row>
    <row r="539535" spans="8:8">
      <c r="H539535" s="12"/>
    </row>
    <row r="539536" spans="8:8">
      <c r="H539536" s="12"/>
    </row>
    <row r="539537" spans="8:8">
      <c r="H539537" s="12"/>
    </row>
    <row r="539538" spans="8:8">
      <c r="H539538" s="12"/>
    </row>
    <row r="539539" spans="8:8">
      <c r="H539539" s="12"/>
    </row>
    <row r="539540" spans="8:8">
      <c r="H539540" s="12"/>
    </row>
    <row r="539541" spans="8:8">
      <c r="H539541" s="12"/>
    </row>
    <row r="539542" spans="8:8">
      <c r="H539542" s="12"/>
    </row>
    <row r="539543" spans="8:8">
      <c r="H539543" s="12"/>
    </row>
    <row r="539544" spans="8:8">
      <c r="H539544" s="12"/>
    </row>
    <row r="539545" spans="8:8">
      <c r="H539545" s="12"/>
    </row>
    <row r="539546" spans="8:8">
      <c r="H539546" s="12"/>
    </row>
    <row r="539547" spans="8:8">
      <c r="H539547" s="12"/>
    </row>
    <row r="539548" spans="8:8">
      <c r="H539548" s="12"/>
    </row>
    <row r="539549" spans="8:8">
      <c r="H539549" s="12"/>
    </row>
    <row r="539550" spans="8:8">
      <c r="H539550" s="12"/>
    </row>
    <row r="539551" spans="8:8">
      <c r="H539551" s="12"/>
    </row>
    <row r="539552" spans="8:8">
      <c r="H539552" s="12"/>
    </row>
    <row r="539553" spans="8:8">
      <c r="H539553" s="12"/>
    </row>
    <row r="539554" spans="8:8">
      <c r="H539554" s="12"/>
    </row>
    <row r="539555" spans="8:8">
      <c r="H539555" s="12"/>
    </row>
    <row r="539556" spans="8:8">
      <c r="H539556" s="12"/>
    </row>
    <row r="539557" spans="8:8">
      <c r="H539557" s="12"/>
    </row>
    <row r="539558" spans="8:8">
      <c r="H539558" s="12"/>
    </row>
    <row r="539559" spans="8:8">
      <c r="H539559" s="12"/>
    </row>
    <row r="539560" spans="8:8">
      <c r="H539560" s="12"/>
    </row>
    <row r="539561" spans="8:8">
      <c r="H539561" s="12"/>
    </row>
    <row r="539562" spans="8:8">
      <c r="H539562" s="12"/>
    </row>
    <row r="539563" spans="8:8">
      <c r="H539563" s="12"/>
    </row>
    <row r="539564" spans="8:8">
      <c r="H539564" s="12"/>
    </row>
    <row r="539565" spans="8:8">
      <c r="H539565" s="12"/>
    </row>
    <row r="539566" spans="8:8">
      <c r="H539566" s="12"/>
    </row>
    <row r="539567" spans="8:8">
      <c r="H539567" s="12"/>
    </row>
    <row r="539568" spans="8:8">
      <c r="H539568" s="12"/>
    </row>
    <row r="539569" spans="8:8">
      <c r="H539569" s="12"/>
    </row>
    <row r="539570" spans="8:8">
      <c r="H539570" s="12"/>
    </row>
    <row r="539571" spans="8:8">
      <c r="H539571" s="12"/>
    </row>
    <row r="539572" spans="8:8">
      <c r="H539572" s="12"/>
    </row>
    <row r="539573" spans="8:8">
      <c r="H539573" s="12"/>
    </row>
    <row r="539574" spans="8:8">
      <c r="H539574" s="12"/>
    </row>
    <row r="539575" spans="8:8">
      <c r="H539575" s="12"/>
    </row>
    <row r="539576" spans="8:8">
      <c r="H539576" s="12"/>
    </row>
    <row r="539577" spans="8:8">
      <c r="H539577" s="12"/>
    </row>
    <row r="539578" spans="8:8">
      <c r="H539578" s="12"/>
    </row>
    <row r="539579" spans="8:8">
      <c r="H539579" s="12"/>
    </row>
    <row r="539580" spans="8:8">
      <c r="H539580" s="12"/>
    </row>
    <row r="539581" spans="8:8">
      <c r="H539581" s="12"/>
    </row>
    <row r="539582" spans="8:8">
      <c r="H539582" s="12"/>
    </row>
    <row r="539583" spans="8:8">
      <c r="H539583" s="12"/>
    </row>
    <row r="539584" spans="8:8">
      <c r="H539584" s="12"/>
    </row>
    <row r="539585" spans="8:8">
      <c r="H539585" s="12"/>
    </row>
    <row r="539586" spans="8:8">
      <c r="H539586" s="12"/>
    </row>
    <row r="539587" spans="8:8">
      <c r="H539587" s="12"/>
    </row>
    <row r="539588" spans="8:8">
      <c r="H539588" s="12"/>
    </row>
    <row r="539589" spans="8:8">
      <c r="H539589" s="12"/>
    </row>
    <row r="539590" spans="8:8">
      <c r="H539590" s="12"/>
    </row>
    <row r="539591" spans="8:8">
      <c r="H539591" s="12"/>
    </row>
    <row r="539592" spans="8:8">
      <c r="H539592" s="12"/>
    </row>
    <row r="539593" spans="8:8">
      <c r="H539593" s="12"/>
    </row>
    <row r="539594" spans="8:8">
      <c r="H539594" s="12"/>
    </row>
    <row r="539595" spans="8:8">
      <c r="H539595" s="12"/>
    </row>
    <row r="539596" spans="8:8">
      <c r="H539596" s="12"/>
    </row>
    <row r="539597" spans="8:8">
      <c r="H539597" s="12"/>
    </row>
    <row r="539598" spans="8:8">
      <c r="H539598" s="12"/>
    </row>
    <row r="539599" spans="8:8">
      <c r="H539599" s="12"/>
    </row>
    <row r="539600" spans="8:8">
      <c r="H539600" s="12"/>
    </row>
    <row r="539601" spans="8:8">
      <c r="H539601" s="12"/>
    </row>
    <row r="539602" spans="8:8">
      <c r="H539602" s="12"/>
    </row>
    <row r="539603" spans="8:8">
      <c r="H539603" s="12"/>
    </row>
    <row r="539604" spans="8:8">
      <c r="H539604" s="12"/>
    </row>
    <row r="539605" spans="8:8">
      <c r="H539605" s="12"/>
    </row>
    <row r="539606" spans="8:8">
      <c r="H539606" s="12"/>
    </row>
    <row r="539607" spans="8:8">
      <c r="H539607" s="12"/>
    </row>
    <row r="539608" spans="8:8">
      <c r="H539608" s="12"/>
    </row>
    <row r="539609" spans="8:8">
      <c r="H539609" s="12"/>
    </row>
    <row r="539610" spans="8:8">
      <c r="H539610" s="12"/>
    </row>
    <row r="539611" spans="8:8">
      <c r="H539611" s="12"/>
    </row>
    <row r="539612" spans="8:8">
      <c r="H539612" s="12"/>
    </row>
    <row r="539613" spans="8:8">
      <c r="H539613" s="12"/>
    </row>
    <row r="539614" spans="8:8">
      <c r="H539614" s="12"/>
    </row>
    <row r="539615" spans="8:8">
      <c r="H539615" s="12"/>
    </row>
    <row r="539616" spans="8:8">
      <c r="H539616" s="12"/>
    </row>
    <row r="539617" spans="8:8">
      <c r="H539617" s="12"/>
    </row>
    <row r="539618" spans="8:8">
      <c r="H539618" s="12"/>
    </row>
    <row r="539619" spans="8:8">
      <c r="H539619" s="12"/>
    </row>
    <row r="539620" spans="8:8">
      <c r="H539620" s="12"/>
    </row>
    <row r="539621" spans="8:8">
      <c r="H539621" s="12"/>
    </row>
    <row r="539622" spans="8:8">
      <c r="H539622" s="12"/>
    </row>
    <row r="539623" spans="8:8">
      <c r="H539623" s="12"/>
    </row>
    <row r="539624" spans="8:8">
      <c r="H539624" s="12"/>
    </row>
    <row r="539625" spans="8:8">
      <c r="H539625" s="12"/>
    </row>
    <row r="539626" spans="8:8">
      <c r="H539626" s="12"/>
    </row>
    <row r="539627" spans="8:8">
      <c r="H539627" s="12"/>
    </row>
    <row r="539628" spans="8:8">
      <c r="H539628" s="12"/>
    </row>
    <row r="539629" spans="8:8">
      <c r="H539629" s="12"/>
    </row>
    <row r="539630" spans="8:8">
      <c r="H539630" s="12"/>
    </row>
    <row r="539631" spans="8:8">
      <c r="H539631" s="12"/>
    </row>
    <row r="539632" spans="8:8">
      <c r="H539632" s="12"/>
    </row>
    <row r="539633" spans="8:8">
      <c r="H539633" s="12"/>
    </row>
    <row r="539634" spans="8:8">
      <c r="H539634" s="12"/>
    </row>
    <row r="539635" spans="8:8">
      <c r="H539635" s="12"/>
    </row>
    <row r="539636" spans="8:8">
      <c r="H539636" s="12"/>
    </row>
    <row r="539637" spans="8:8">
      <c r="H539637" s="12"/>
    </row>
    <row r="539638" spans="8:8">
      <c r="H539638" s="12"/>
    </row>
    <row r="539639" spans="8:8">
      <c r="H539639" s="12"/>
    </row>
    <row r="539640" spans="8:8">
      <c r="H539640" s="12"/>
    </row>
    <row r="539641" spans="8:8">
      <c r="H539641" s="12"/>
    </row>
    <row r="539642" spans="8:8">
      <c r="H539642" s="12"/>
    </row>
    <row r="539643" spans="8:8">
      <c r="H539643" s="12"/>
    </row>
    <row r="539644" spans="8:8">
      <c r="H539644" s="12"/>
    </row>
    <row r="539645" spans="8:8">
      <c r="H539645" s="12"/>
    </row>
    <row r="539646" spans="8:8">
      <c r="H539646" s="12"/>
    </row>
    <row r="539647" spans="8:8">
      <c r="H539647" s="12"/>
    </row>
    <row r="539648" spans="8:8">
      <c r="H539648" s="12"/>
    </row>
    <row r="539649" spans="8:8">
      <c r="H539649" s="12"/>
    </row>
    <row r="539650" spans="8:8">
      <c r="H539650" s="12"/>
    </row>
    <row r="539651" spans="8:8">
      <c r="H539651" s="12"/>
    </row>
    <row r="539652" spans="8:8">
      <c r="H539652" s="12"/>
    </row>
    <row r="539653" spans="8:8">
      <c r="H539653" s="12"/>
    </row>
    <row r="539654" spans="8:8">
      <c r="H539654" s="12"/>
    </row>
    <row r="539655" spans="8:8">
      <c r="H539655" s="12"/>
    </row>
    <row r="539656" spans="8:8">
      <c r="H539656" s="12"/>
    </row>
    <row r="539657" spans="8:8">
      <c r="H539657" s="12"/>
    </row>
    <row r="539658" spans="8:8">
      <c r="H539658" s="12"/>
    </row>
    <row r="539659" spans="8:8">
      <c r="H539659" s="12"/>
    </row>
    <row r="539660" spans="8:8">
      <c r="H539660" s="12"/>
    </row>
    <row r="539661" spans="8:8">
      <c r="H539661" s="12"/>
    </row>
    <row r="539662" spans="8:8">
      <c r="H539662" s="12"/>
    </row>
    <row r="539663" spans="8:8">
      <c r="H539663" s="12"/>
    </row>
    <row r="539664" spans="8:8">
      <c r="H539664" s="12"/>
    </row>
    <row r="539665" spans="8:8">
      <c r="H539665" s="12"/>
    </row>
    <row r="539666" spans="8:8">
      <c r="H539666" s="12"/>
    </row>
    <row r="539667" spans="8:8">
      <c r="H539667" s="12"/>
    </row>
    <row r="539668" spans="8:8">
      <c r="H539668" s="12"/>
    </row>
    <row r="539669" spans="8:8">
      <c r="H539669" s="12"/>
    </row>
    <row r="539670" spans="8:8">
      <c r="H539670" s="12"/>
    </row>
    <row r="539671" spans="8:8">
      <c r="H539671" s="12"/>
    </row>
    <row r="539672" spans="8:8">
      <c r="H539672" s="12"/>
    </row>
    <row r="539673" spans="8:8">
      <c r="H539673" s="12"/>
    </row>
    <row r="539674" spans="8:8">
      <c r="H539674" s="12"/>
    </row>
    <row r="539675" spans="8:8">
      <c r="H539675" s="12"/>
    </row>
    <row r="539676" spans="8:8">
      <c r="H539676" s="12"/>
    </row>
    <row r="539677" spans="8:8">
      <c r="H539677" s="12"/>
    </row>
    <row r="539678" spans="8:8">
      <c r="H539678" s="12"/>
    </row>
    <row r="539679" spans="8:8">
      <c r="H539679" s="12"/>
    </row>
    <row r="539680" spans="8:8">
      <c r="H539680" s="12"/>
    </row>
    <row r="539681" spans="8:8">
      <c r="H539681" s="12"/>
    </row>
    <row r="539682" spans="8:8">
      <c r="H539682" s="12"/>
    </row>
    <row r="539683" spans="8:8">
      <c r="H539683" s="12"/>
    </row>
    <row r="539684" spans="8:8">
      <c r="H539684" s="12"/>
    </row>
    <row r="539685" spans="8:8">
      <c r="H539685" s="12"/>
    </row>
    <row r="539686" spans="8:8">
      <c r="H539686" s="12"/>
    </row>
    <row r="539687" spans="8:8">
      <c r="H539687" s="12"/>
    </row>
    <row r="539688" spans="8:8">
      <c r="H539688" s="12"/>
    </row>
    <row r="539689" spans="8:8">
      <c r="H539689" s="12"/>
    </row>
    <row r="539690" spans="8:8">
      <c r="H539690" s="12"/>
    </row>
    <row r="539691" spans="8:8">
      <c r="H539691" s="12"/>
    </row>
    <row r="539692" spans="8:8">
      <c r="H539692" s="12"/>
    </row>
    <row r="539693" spans="8:8">
      <c r="H539693" s="12"/>
    </row>
    <row r="539694" spans="8:8">
      <c r="H539694" s="12"/>
    </row>
    <row r="539695" spans="8:8">
      <c r="H539695" s="12"/>
    </row>
    <row r="539696" spans="8:8">
      <c r="H539696" s="12"/>
    </row>
    <row r="539697" spans="8:8">
      <c r="H539697" s="12"/>
    </row>
    <row r="539698" spans="8:8">
      <c r="H539698" s="12"/>
    </row>
    <row r="539699" spans="8:8">
      <c r="H539699" s="12"/>
    </row>
    <row r="539700" spans="8:8">
      <c r="H539700" s="12"/>
    </row>
    <row r="539701" spans="8:8">
      <c r="H539701" s="12"/>
    </row>
    <row r="539702" spans="8:8">
      <c r="H539702" s="12"/>
    </row>
    <row r="539703" spans="8:8">
      <c r="H539703" s="12"/>
    </row>
    <row r="539704" spans="8:8">
      <c r="H539704" s="12"/>
    </row>
    <row r="539705" spans="8:8">
      <c r="H539705" s="12"/>
    </row>
    <row r="539706" spans="8:8">
      <c r="H539706" s="12"/>
    </row>
    <row r="539707" spans="8:8">
      <c r="H539707" s="12"/>
    </row>
    <row r="539708" spans="8:8">
      <c r="H539708" s="12"/>
    </row>
    <row r="539709" spans="8:8">
      <c r="H539709" s="12"/>
    </row>
    <row r="539710" spans="8:8">
      <c r="H539710" s="12"/>
    </row>
    <row r="539711" spans="8:8">
      <c r="H539711" s="12"/>
    </row>
    <row r="539712" spans="8:8">
      <c r="H539712" s="12"/>
    </row>
    <row r="539713" spans="8:8">
      <c r="H539713" s="12"/>
    </row>
    <row r="539714" spans="8:8">
      <c r="H539714" s="12"/>
    </row>
    <row r="539715" spans="8:8">
      <c r="H539715" s="12"/>
    </row>
    <row r="539716" spans="8:8">
      <c r="H539716" s="12"/>
    </row>
    <row r="539717" spans="8:8">
      <c r="H539717" s="12"/>
    </row>
    <row r="539718" spans="8:8">
      <c r="H539718" s="12"/>
    </row>
    <row r="539719" spans="8:8">
      <c r="H539719" s="12"/>
    </row>
    <row r="539720" spans="8:8">
      <c r="H539720" s="12"/>
    </row>
    <row r="539721" spans="8:8">
      <c r="H539721" s="12"/>
    </row>
    <row r="539722" spans="8:8">
      <c r="H539722" s="12"/>
    </row>
    <row r="539723" spans="8:8">
      <c r="H539723" s="12"/>
    </row>
    <row r="539724" spans="8:8">
      <c r="H539724" s="12"/>
    </row>
    <row r="539725" spans="8:8">
      <c r="H539725" s="12"/>
    </row>
    <row r="539726" spans="8:8">
      <c r="H539726" s="12"/>
    </row>
    <row r="539727" spans="8:8">
      <c r="H539727" s="12"/>
    </row>
    <row r="539728" spans="8:8">
      <c r="H539728" s="12"/>
    </row>
    <row r="539729" spans="8:8">
      <c r="H539729" s="12"/>
    </row>
    <row r="539730" spans="8:8">
      <c r="H539730" s="12"/>
    </row>
    <row r="539731" spans="8:8">
      <c r="H539731" s="12"/>
    </row>
    <row r="539732" spans="8:8">
      <c r="H539732" s="12"/>
    </row>
    <row r="539733" spans="8:8">
      <c r="H539733" s="12"/>
    </row>
    <row r="539734" spans="8:8">
      <c r="H539734" s="12"/>
    </row>
    <row r="539735" spans="8:8">
      <c r="H539735" s="12"/>
    </row>
    <row r="539736" spans="8:8">
      <c r="H539736" s="12"/>
    </row>
    <row r="539737" spans="8:8">
      <c r="H539737" s="12"/>
    </row>
    <row r="539738" spans="8:8">
      <c r="H539738" s="12"/>
    </row>
    <row r="539739" spans="8:8">
      <c r="H539739" s="12"/>
    </row>
    <row r="539740" spans="8:8">
      <c r="H539740" s="12"/>
    </row>
    <row r="539741" spans="8:8">
      <c r="H539741" s="12"/>
    </row>
    <row r="539742" spans="8:8">
      <c r="H539742" s="12"/>
    </row>
    <row r="539743" spans="8:8">
      <c r="H539743" s="12"/>
    </row>
    <row r="539744" spans="8:8">
      <c r="H539744" s="12"/>
    </row>
    <row r="539745" spans="8:8">
      <c r="H539745" s="12"/>
    </row>
    <row r="539746" spans="8:8">
      <c r="H539746" s="12"/>
    </row>
    <row r="539747" spans="8:8">
      <c r="H539747" s="12"/>
    </row>
    <row r="539748" spans="8:8">
      <c r="H539748" s="12"/>
    </row>
    <row r="539749" spans="8:8">
      <c r="H539749" s="12"/>
    </row>
    <row r="539750" spans="8:8">
      <c r="H539750" s="12"/>
    </row>
    <row r="539751" spans="8:8">
      <c r="H539751" s="12"/>
    </row>
    <row r="539752" spans="8:8">
      <c r="H539752" s="12"/>
    </row>
    <row r="539753" spans="8:8">
      <c r="H539753" s="12"/>
    </row>
    <row r="539754" spans="8:8">
      <c r="H539754" s="12"/>
    </row>
    <row r="539755" spans="8:8">
      <c r="H539755" s="12"/>
    </row>
    <row r="539756" spans="8:8">
      <c r="H539756" s="12"/>
    </row>
    <row r="539757" spans="8:8">
      <c r="H539757" s="12"/>
    </row>
    <row r="539758" spans="8:8">
      <c r="H539758" s="12"/>
    </row>
    <row r="539759" spans="8:8">
      <c r="H539759" s="12"/>
    </row>
    <row r="539760" spans="8:8">
      <c r="H539760" s="12"/>
    </row>
    <row r="539761" spans="8:8">
      <c r="H539761" s="12"/>
    </row>
    <row r="539762" spans="8:8">
      <c r="H539762" s="12"/>
    </row>
    <row r="539763" spans="8:8">
      <c r="H539763" s="12"/>
    </row>
    <row r="539764" spans="8:8">
      <c r="H539764" s="12"/>
    </row>
    <row r="539765" spans="8:8">
      <c r="H539765" s="12"/>
    </row>
    <row r="539766" spans="8:8">
      <c r="H539766" s="12"/>
    </row>
    <row r="539767" spans="8:8">
      <c r="H539767" s="12"/>
    </row>
    <row r="539768" spans="8:8">
      <c r="H539768" s="12"/>
    </row>
    <row r="539769" spans="8:8">
      <c r="H539769" s="12"/>
    </row>
    <row r="539770" spans="8:8">
      <c r="H539770" s="12"/>
    </row>
    <row r="539771" spans="8:8">
      <c r="H539771" s="12"/>
    </row>
    <row r="539772" spans="8:8">
      <c r="H539772" s="12"/>
    </row>
    <row r="539773" spans="8:8">
      <c r="H539773" s="12"/>
    </row>
    <row r="539774" spans="8:8">
      <c r="H539774" s="12"/>
    </row>
    <row r="539775" spans="8:8">
      <c r="H539775" s="12"/>
    </row>
    <row r="539776" spans="8:8">
      <c r="H539776" s="12"/>
    </row>
    <row r="539777" spans="8:8">
      <c r="H539777" s="12"/>
    </row>
    <row r="539778" spans="8:8">
      <c r="H539778" s="12"/>
    </row>
    <row r="539779" spans="8:8">
      <c r="H539779" s="12"/>
    </row>
    <row r="539780" spans="8:8">
      <c r="H539780" s="12"/>
    </row>
    <row r="539781" spans="8:8">
      <c r="H539781" s="12"/>
    </row>
    <row r="539782" spans="8:8">
      <c r="H539782" s="12"/>
    </row>
    <row r="539783" spans="8:8">
      <c r="H539783" s="12"/>
    </row>
    <row r="539784" spans="8:8">
      <c r="H539784" s="12"/>
    </row>
    <row r="539785" spans="8:8">
      <c r="H539785" s="12"/>
    </row>
    <row r="539786" spans="8:8">
      <c r="H539786" s="12"/>
    </row>
    <row r="539787" spans="8:8">
      <c r="H539787" s="12"/>
    </row>
    <row r="539788" spans="8:8">
      <c r="H539788" s="12"/>
    </row>
    <row r="539789" spans="8:8">
      <c r="H539789" s="12"/>
    </row>
    <row r="539790" spans="8:8">
      <c r="H539790" s="12"/>
    </row>
    <row r="539791" spans="8:8">
      <c r="H539791" s="12"/>
    </row>
    <row r="539792" spans="8:8">
      <c r="H539792" s="12"/>
    </row>
    <row r="539793" spans="8:8">
      <c r="H539793" s="12"/>
    </row>
    <row r="539794" spans="8:8">
      <c r="H539794" s="12"/>
    </row>
    <row r="539795" spans="8:8">
      <c r="H539795" s="12"/>
    </row>
    <row r="539796" spans="8:8">
      <c r="H539796" s="12"/>
    </row>
    <row r="539797" spans="8:8">
      <c r="H539797" s="12"/>
    </row>
    <row r="539798" spans="8:8">
      <c r="H539798" s="12"/>
    </row>
    <row r="539799" spans="8:8">
      <c r="H539799" s="12"/>
    </row>
    <row r="539800" spans="8:8">
      <c r="H539800" s="12"/>
    </row>
    <row r="539801" spans="8:8">
      <c r="H539801" s="12"/>
    </row>
    <row r="539802" spans="8:8">
      <c r="H539802" s="12"/>
    </row>
    <row r="539803" spans="8:8">
      <c r="H539803" s="12"/>
    </row>
    <row r="539804" spans="8:8">
      <c r="H539804" s="12"/>
    </row>
    <row r="539805" spans="8:8">
      <c r="H539805" s="12"/>
    </row>
    <row r="539806" spans="8:8">
      <c r="H539806" s="12"/>
    </row>
    <row r="539807" spans="8:8">
      <c r="H539807" s="12"/>
    </row>
    <row r="539808" spans="8:8">
      <c r="H539808" s="12"/>
    </row>
    <row r="539809" spans="8:8">
      <c r="H539809" s="12"/>
    </row>
    <row r="539810" spans="8:8">
      <c r="H539810" s="12"/>
    </row>
    <row r="539811" spans="8:8">
      <c r="H539811" s="12"/>
    </row>
    <row r="539812" spans="8:8">
      <c r="H539812" s="12"/>
    </row>
    <row r="539813" spans="8:8">
      <c r="H539813" s="12"/>
    </row>
    <row r="539814" spans="8:8">
      <c r="H539814" s="12"/>
    </row>
    <row r="539815" spans="8:8">
      <c r="H539815" s="12"/>
    </row>
    <row r="539816" spans="8:8">
      <c r="H539816" s="12"/>
    </row>
    <row r="539817" spans="8:8">
      <c r="H539817" s="12"/>
    </row>
    <row r="539818" spans="8:8">
      <c r="H539818" s="12"/>
    </row>
    <row r="539819" spans="8:8">
      <c r="H539819" s="12"/>
    </row>
    <row r="539820" spans="8:8">
      <c r="H539820" s="12"/>
    </row>
    <row r="539821" spans="8:8">
      <c r="H539821" s="12"/>
    </row>
    <row r="539822" spans="8:8">
      <c r="H539822" s="12"/>
    </row>
    <row r="539823" spans="8:8">
      <c r="H539823" s="12"/>
    </row>
    <row r="539824" spans="8:8">
      <c r="H539824" s="12"/>
    </row>
    <row r="539825" spans="8:8">
      <c r="H539825" s="12"/>
    </row>
    <row r="539826" spans="8:8">
      <c r="H539826" s="12"/>
    </row>
    <row r="539827" spans="8:8">
      <c r="H539827" s="12"/>
    </row>
    <row r="539828" spans="8:8">
      <c r="H539828" s="12"/>
    </row>
    <row r="539829" spans="8:8">
      <c r="H539829" s="12"/>
    </row>
    <row r="539830" spans="8:8">
      <c r="H539830" s="12"/>
    </row>
    <row r="539831" spans="8:8">
      <c r="H539831" s="12"/>
    </row>
    <row r="539832" spans="8:8">
      <c r="H539832" s="12"/>
    </row>
    <row r="539833" spans="8:8">
      <c r="H539833" s="12"/>
    </row>
    <row r="539834" spans="8:8">
      <c r="H539834" s="12"/>
    </row>
    <row r="539835" spans="8:8">
      <c r="H539835" s="12"/>
    </row>
    <row r="539836" spans="8:8">
      <c r="H539836" s="12"/>
    </row>
    <row r="539837" spans="8:8">
      <c r="H539837" s="12"/>
    </row>
    <row r="539838" spans="8:8">
      <c r="H539838" s="12"/>
    </row>
    <row r="539839" spans="8:8">
      <c r="H539839" s="12"/>
    </row>
    <row r="539840" spans="8:8">
      <c r="H539840" s="12"/>
    </row>
    <row r="539841" spans="8:8">
      <c r="H539841" s="12"/>
    </row>
    <row r="539842" spans="8:8">
      <c r="H539842" s="12"/>
    </row>
    <row r="539843" spans="8:8">
      <c r="H539843" s="12"/>
    </row>
    <row r="539844" spans="8:8">
      <c r="H539844" s="12"/>
    </row>
    <row r="539845" spans="8:8">
      <c r="H539845" s="12"/>
    </row>
    <row r="539846" spans="8:8">
      <c r="H539846" s="12"/>
    </row>
    <row r="539847" spans="8:8">
      <c r="H539847" s="12"/>
    </row>
    <row r="539848" spans="8:8">
      <c r="H539848" s="12"/>
    </row>
    <row r="539849" spans="8:8">
      <c r="H539849" s="12"/>
    </row>
    <row r="539850" spans="8:8">
      <c r="H539850" s="12"/>
    </row>
    <row r="539851" spans="8:8">
      <c r="H539851" s="12"/>
    </row>
    <row r="539852" spans="8:8">
      <c r="H539852" s="12"/>
    </row>
    <row r="539853" spans="8:8">
      <c r="H539853" s="12"/>
    </row>
    <row r="539854" spans="8:8">
      <c r="H539854" s="12"/>
    </row>
    <row r="539855" spans="8:8">
      <c r="H539855" s="12"/>
    </row>
    <row r="539856" spans="8:8">
      <c r="H539856" s="12"/>
    </row>
    <row r="539857" spans="8:8">
      <c r="H539857" s="12"/>
    </row>
    <row r="539858" spans="8:8">
      <c r="H539858" s="12"/>
    </row>
    <row r="539859" spans="8:8">
      <c r="H539859" s="12"/>
    </row>
    <row r="539860" spans="8:8">
      <c r="H539860" s="12"/>
    </row>
    <row r="539861" spans="8:8">
      <c r="H539861" s="12"/>
    </row>
    <row r="539862" spans="8:8">
      <c r="H539862" s="12"/>
    </row>
    <row r="539863" spans="8:8">
      <c r="H539863" s="12"/>
    </row>
    <row r="539864" spans="8:8">
      <c r="H539864" s="12"/>
    </row>
    <row r="539865" spans="8:8">
      <c r="H539865" s="12"/>
    </row>
    <row r="539866" spans="8:8">
      <c r="H539866" s="12"/>
    </row>
    <row r="539867" spans="8:8">
      <c r="H539867" s="12"/>
    </row>
    <row r="539868" spans="8:8">
      <c r="H539868" s="12"/>
    </row>
    <row r="539869" spans="8:8">
      <c r="H539869" s="12"/>
    </row>
    <row r="539870" spans="8:8">
      <c r="H539870" s="12"/>
    </row>
    <row r="539871" spans="8:8">
      <c r="H539871" s="12"/>
    </row>
    <row r="539872" spans="8:8">
      <c r="H539872" s="12"/>
    </row>
    <row r="539873" spans="8:8">
      <c r="H539873" s="12"/>
    </row>
    <row r="539874" spans="8:8">
      <c r="H539874" s="12"/>
    </row>
    <row r="539875" spans="8:8">
      <c r="H539875" s="12"/>
    </row>
    <row r="539876" spans="8:8">
      <c r="H539876" s="12"/>
    </row>
    <row r="539877" spans="8:8">
      <c r="H539877" s="12"/>
    </row>
    <row r="539878" spans="8:8">
      <c r="H539878" s="12"/>
    </row>
    <row r="539879" spans="8:8">
      <c r="H539879" s="12"/>
    </row>
    <row r="539880" spans="8:8">
      <c r="H539880" s="12"/>
    </row>
    <row r="539881" spans="8:8">
      <c r="H539881" s="12"/>
    </row>
    <row r="539882" spans="8:8">
      <c r="H539882" s="12"/>
    </row>
    <row r="539883" spans="8:8">
      <c r="H539883" s="12"/>
    </row>
    <row r="539884" spans="8:8">
      <c r="H539884" s="12"/>
    </row>
    <row r="539885" spans="8:8">
      <c r="H539885" s="12"/>
    </row>
    <row r="539886" spans="8:8">
      <c r="H539886" s="12"/>
    </row>
    <row r="539887" spans="8:8">
      <c r="H539887" s="12"/>
    </row>
    <row r="539888" spans="8:8">
      <c r="H539888" s="12"/>
    </row>
    <row r="539889" spans="8:8">
      <c r="H539889" s="12"/>
    </row>
    <row r="539890" spans="8:8">
      <c r="H539890" s="12"/>
    </row>
    <row r="539891" spans="8:8">
      <c r="H539891" s="12"/>
    </row>
    <row r="539892" spans="8:8">
      <c r="H539892" s="12"/>
    </row>
    <row r="539893" spans="8:8">
      <c r="H539893" s="12"/>
    </row>
    <row r="539894" spans="8:8">
      <c r="H539894" s="12"/>
    </row>
    <row r="539895" spans="8:8">
      <c r="H539895" s="12"/>
    </row>
    <row r="539896" spans="8:8">
      <c r="H539896" s="12"/>
    </row>
    <row r="539897" spans="8:8">
      <c r="H539897" s="12"/>
    </row>
    <row r="539898" spans="8:8">
      <c r="H539898" s="12"/>
    </row>
    <row r="539899" spans="8:8">
      <c r="H539899" s="12"/>
    </row>
    <row r="539900" spans="8:8">
      <c r="H539900" s="12"/>
    </row>
    <row r="539901" spans="8:8">
      <c r="H539901" s="12"/>
    </row>
    <row r="539902" spans="8:8">
      <c r="H539902" s="12"/>
    </row>
    <row r="539903" spans="8:8">
      <c r="H539903" s="12"/>
    </row>
    <row r="539904" spans="8:8">
      <c r="H539904" s="12"/>
    </row>
    <row r="539905" spans="8:8">
      <c r="H539905" s="12"/>
    </row>
    <row r="539906" spans="8:8">
      <c r="H539906" s="12"/>
    </row>
    <row r="539907" spans="8:8">
      <c r="H539907" s="12"/>
    </row>
    <row r="539908" spans="8:8">
      <c r="H539908" s="12"/>
    </row>
    <row r="539909" spans="8:8">
      <c r="H539909" s="12"/>
    </row>
    <row r="539910" spans="8:8">
      <c r="H539910" s="12"/>
    </row>
    <row r="539911" spans="8:8">
      <c r="H539911" s="12"/>
    </row>
    <row r="539912" spans="8:8">
      <c r="H539912" s="12"/>
    </row>
    <row r="539913" spans="8:8">
      <c r="H539913" s="12"/>
    </row>
    <row r="539914" spans="8:8">
      <c r="H539914" s="12"/>
    </row>
    <row r="539915" spans="8:8">
      <c r="H539915" s="12"/>
    </row>
    <row r="539916" spans="8:8">
      <c r="H539916" s="12"/>
    </row>
    <row r="539917" spans="8:8">
      <c r="H539917" s="12"/>
    </row>
    <row r="539918" spans="8:8">
      <c r="H539918" s="12"/>
    </row>
    <row r="539919" spans="8:8">
      <c r="H539919" s="12"/>
    </row>
    <row r="539920" spans="8:8">
      <c r="H539920" s="12"/>
    </row>
    <row r="539921" spans="8:8">
      <c r="H539921" s="12"/>
    </row>
    <row r="539922" spans="8:8">
      <c r="H539922" s="12"/>
    </row>
    <row r="539923" spans="8:8">
      <c r="H539923" s="12"/>
    </row>
    <row r="539924" spans="8:8">
      <c r="H539924" s="12"/>
    </row>
    <row r="539925" spans="8:8">
      <c r="H539925" s="12"/>
    </row>
    <row r="539926" spans="8:8">
      <c r="H539926" s="12"/>
    </row>
    <row r="539927" spans="8:8">
      <c r="H539927" s="12"/>
    </row>
    <row r="539928" spans="8:8">
      <c r="H539928" s="12"/>
    </row>
    <row r="539929" spans="8:8">
      <c r="H539929" s="12"/>
    </row>
    <row r="539930" spans="8:8">
      <c r="H539930" s="12"/>
    </row>
    <row r="539931" spans="8:8">
      <c r="H539931" s="12"/>
    </row>
    <row r="539932" spans="8:8">
      <c r="H539932" s="12"/>
    </row>
    <row r="539933" spans="8:8">
      <c r="H539933" s="12"/>
    </row>
    <row r="539934" spans="8:8">
      <c r="H539934" s="12"/>
    </row>
    <row r="539935" spans="8:8">
      <c r="H539935" s="12"/>
    </row>
    <row r="539936" spans="8:8">
      <c r="H539936" s="12"/>
    </row>
    <row r="539937" spans="8:8">
      <c r="H539937" s="12"/>
    </row>
    <row r="539938" spans="8:8">
      <c r="H539938" s="12"/>
    </row>
    <row r="539939" spans="8:8">
      <c r="H539939" s="12"/>
    </row>
    <row r="539940" spans="8:8">
      <c r="H539940" s="12"/>
    </row>
    <row r="539941" spans="8:8">
      <c r="H539941" s="12"/>
    </row>
    <row r="539942" spans="8:8">
      <c r="H539942" s="12"/>
    </row>
    <row r="539943" spans="8:8">
      <c r="H539943" s="12"/>
    </row>
    <row r="539944" spans="8:8">
      <c r="H539944" s="12"/>
    </row>
    <row r="539945" spans="8:8">
      <c r="H539945" s="12"/>
    </row>
    <row r="539946" spans="8:8">
      <c r="H539946" s="12"/>
    </row>
    <row r="539947" spans="8:8">
      <c r="H539947" s="12"/>
    </row>
    <row r="539948" spans="8:8">
      <c r="H539948" s="12"/>
    </row>
    <row r="539949" spans="8:8">
      <c r="H539949" s="12"/>
    </row>
    <row r="539950" spans="8:8">
      <c r="H539950" s="12"/>
    </row>
    <row r="539951" spans="8:8">
      <c r="H539951" s="12"/>
    </row>
    <row r="539952" spans="8:8">
      <c r="H539952" s="12"/>
    </row>
    <row r="539953" spans="8:8">
      <c r="H539953" s="12"/>
    </row>
    <row r="539954" spans="8:8">
      <c r="H539954" s="12"/>
    </row>
    <row r="539955" spans="8:8">
      <c r="H539955" s="12"/>
    </row>
    <row r="539956" spans="8:8">
      <c r="H539956" s="12"/>
    </row>
    <row r="539957" spans="8:8">
      <c r="H539957" s="12"/>
    </row>
    <row r="539958" spans="8:8">
      <c r="H539958" s="12"/>
    </row>
    <row r="539959" spans="8:8">
      <c r="H539959" s="12"/>
    </row>
    <row r="539960" spans="8:8">
      <c r="H539960" s="12"/>
    </row>
    <row r="539961" spans="8:8">
      <c r="H539961" s="12"/>
    </row>
    <row r="539962" spans="8:8">
      <c r="H539962" s="12"/>
    </row>
    <row r="539963" spans="8:8">
      <c r="H539963" s="12"/>
    </row>
    <row r="539964" spans="8:8">
      <c r="H539964" s="12"/>
    </row>
    <row r="539965" spans="8:8">
      <c r="H539965" s="12"/>
    </row>
    <row r="539966" spans="8:8">
      <c r="H539966" s="12"/>
    </row>
    <row r="539967" spans="8:8">
      <c r="H539967" s="12"/>
    </row>
    <row r="539968" spans="8:8">
      <c r="H539968" s="12"/>
    </row>
    <row r="539969" spans="8:8">
      <c r="H539969" s="12"/>
    </row>
    <row r="539970" spans="8:8">
      <c r="H539970" s="12"/>
    </row>
    <row r="539971" spans="8:8">
      <c r="H539971" s="12"/>
    </row>
    <row r="539972" spans="8:8">
      <c r="H539972" s="12"/>
    </row>
    <row r="539973" spans="8:8">
      <c r="H539973" s="12"/>
    </row>
    <row r="539974" spans="8:8">
      <c r="H539974" s="12"/>
    </row>
    <row r="539975" spans="8:8">
      <c r="H539975" s="12"/>
    </row>
    <row r="539976" spans="8:8">
      <c r="H539976" s="12"/>
    </row>
    <row r="539977" spans="8:8">
      <c r="H539977" s="12"/>
    </row>
    <row r="539978" spans="8:8">
      <c r="H539978" s="12"/>
    </row>
    <row r="539979" spans="8:8">
      <c r="H539979" s="12"/>
    </row>
    <row r="539980" spans="8:8">
      <c r="H539980" s="12"/>
    </row>
    <row r="539981" spans="8:8">
      <c r="H539981" s="12"/>
    </row>
    <row r="539982" spans="8:8">
      <c r="H539982" s="12"/>
    </row>
    <row r="539983" spans="8:8">
      <c r="H539983" s="12"/>
    </row>
    <row r="539984" spans="8:8">
      <c r="H539984" s="12"/>
    </row>
    <row r="539985" spans="8:8">
      <c r="H539985" s="12"/>
    </row>
    <row r="539986" spans="8:8">
      <c r="H539986" s="12"/>
    </row>
    <row r="539987" spans="8:8">
      <c r="H539987" s="12"/>
    </row>
    <row r="539988" spans="8:8">
      <c r="H539988" s="12"/>
    </row>
    <row r="539989" spans="8:8">
      <c r="H539989" s="12"/>
    </row>
    <row r="539990" spans="8:8">
      <c r="H539990" s="12"/>
    </row>
    <row r="539991" spans="8:8">
      <c r="H539991" s="12"/>
    </row>
    <row r="539992" spans="8:8">
      <c r="H539992" s="12"/>
    </row>
    <row r="539993" spans="8:8">
      <c r="H539993" s="12"/>
    </row>
    <row r="539994" spans="8:8">
      <c r="H539994" s="12"/>
    </row>
    <row r="539995" spans="8:8">
      <c r="H539995" s="12"/>
    </row>
    <row r="539996" spans="8:8">
      <c r="H539996" s="12"/>
    </row>
    <row r="539997" spans="8:8">
      <c r="H539997" s="12"/>
    </row>
    <row r="539998" spans="8:8">
      <c r="H539998" s="12"/>
    </row>
    <row r="539999" spans="8:8">
      <c r="H539999" s="12"/>
    </row>
    <row r="540000" spans="8:8">
      <c r="H540000" s="12"/>
    </row>
    <row r="540001" spans="8:8">
      <c r="H540001" s="12"/>
    </row>
    <row r="540002" spans="8:8">
      <c r="H540002" s="12"/>
    </row>
    <row r="540003" spans="8:8">
      <c r="H540003" s="12"/>
    </row>
    <row r="540004" spans="8:8">
      <c r="H540004" s="12"/>
    </row>
    <row r="540005" spans="8:8">
      <c r="H540005" s="12"/>
    </row>
    <row r="540006" spans="8:8">
      <c r="H540006" s="12"/>
    </row>
    <row r="540007" spans="8:8">
      <c r="H540007" s="12"/>
    </row>
    <row r="540008" spans="8:8">
      <c r="H540008" s="12"/>
    </row>
    <row r="540009" spans="8:8">
      <c r="H540009" s="12"/>
    </row>
    <row r="540010" spans="8:8">
      <c r="H540010" s="12"/>
    </row>
    <row r="540011" spans="8:8">
      <c r="H540011" s="12"/>
    </row>
    <row r="540012" spans="8:8">
      <c r="H540012" s="12"/>
    </row>
    <row r="540013" spans="8:8">
      <c r="H540013" s="12"/>
    </row>
    <row r="540014" spans="8:8">
      <c r="H540014" s="12"/>
    </row>
    <row r="540015" spans="8:8">
      <c r="H540015" s="12"/>
    </row>
    <row r="540016" spans="8:8">
      <c r="H540016" s="12"/>
    </row>
    <row r="540017" spans="8:8">
      <c r="H540017" s="12"/>
    </row>
    <row r="540018" spans="8:8">
      <c r="H540018" s="12"/>
    </row>
    <row r="540019" spans="8:8">
      <c r="H540019" s="12"/>
    </row>
    <row r="540020" spans="8:8">
      <c r="H540020" s="12"/>
    </row>
    <row r="540021" spans="8:8">
      <c r="H540021" s="12"/>
    </row>
    <row r="540022" spans="8:8">
      <c r="H540022" s="12"/>
    </row>
    <row r="540023" spans="8:8">
      <c r="H540023" s="12"/>
    </row>
    <row r="540024" spans="8:8">
      <c r="H540024" s="12"/>
    </row>
    <row r="540025" spans="8:8">
      <c r="H540025" s="12"/>
    </row>
    <row r="540026" spans="8:8">
      <c r="H540026" s="12"/>
    </row>
    <row r="540027" spans="8:8">
      <c r="H540027" s="12"/>
    </row>
    <row r="540028" spans="8:8">
      <c r="H540028" s="12"/>
    </row>
    <row r="540029" spans="8:8">
      <c r="H540029" s="12"/>
    </row>
    <row r="540030" spans="8:8">
      <c r="H540030" s="12"/>
    </row>
    <row r="540031" spans="8:8">
      <c r="H540031" s="12"/>
    </row>
    <row r="540032" spans="8:8">
      <c r="H540032" s="12"/>
    </row>
    <row r="540033" spans="8:8">
      <c r="H540033" s="12"/>
    </row>
    <row r="540034" spans="8:8">
      <c r="H540034" s="12"/>
    </row>
    <row r="540035" spans="8:8">
      <c r="H540035" s="12"/>
    </row>
    <row r="540036" spans="8:8">
      <c r="H540036" s="12"/>
    </row>
    <row r="540037" spans="8:8">
      <c r="H540037" s="12"/>
    </row>
    <row r="540038" spans="8:8">
      <c r="H540038" s="12"/>
    </row>
    <row r="540039" spans="8:8">
      <c r="H540039" s="12"/>
    </row>
    <row r="540040" spans="8:8">
      <c r="H540040" s="12"/>
    </row>
    <row r="540041" spans="8:8">
      <c r="H540041" s="12"/>
    </row>
    <row r="540042" spans="8:8">
      <c r="H540042" s="12"/>
    </row>
    <row r="540043" spans="8:8">
      <c r="H540043" s="12"/>
    </row>
    <row r="540044" spans="8:8">
      <c r="H540044" s="12"/>
    </row>
    <row r="540045" spans="8:8">
      <c r="H540045" s="12"/>
    </row>
    <row r="540046" spans="8:8">
      <c r="H540046" s="12"/>
    </row>
    <row r="540047" spans="8:8">
      <c r="H540047" s="12"/>
    </row>
    <row r="540048" spans="8:8">
      <c r="H540048" s="12"/>
    </row>
    <row r="540049" spans="8:8">
      <c r="H540049" s="12"/>
    </row>
    <row r="540050" spans="8:8">
      <c r="H540050" s="12"/>
    </row>
    <row r="540051" spans="8:8">
      <c r="H540051" s="12"/>
    </row>
    <row r="540052" spans="8:8">
      <c r="H540052" s="12"/>
    </row>
    <row r="540053" spans="8:8">
      <c r="H540053" s="12"/>
    </row>
    <row r="540054" spans="8:8">
      <c r="H540054" s="12"/>
    </row>
    <row r="540055" spans="8:8">
      <c r="H540055" s="12"/>
    </row>
    <row r="540056" spans="8:8">
      <c r="H540056" s="12"/>
    </row>
    <row r="540057" spans="8:8">
      <c r="H540057" s="12"/>
    </row>
    <row r="540058" spans="8:8">
      <c r="H540058" s="12"/>
    </row>
    <row r="540059" spans="8:8">
      <c r="H540059" s="12"/>
    </row>
    <row r="540060" spans="8:8">
      <c r="H540060" s="12"/>
    </row>
    <row r="540061" spans="8:8">
      <c r="H540061" s="12"/>
    </row>
    <row r="540062" spans="8:8">
      <c r="H540062" s="12"/>
    </row>
    <row r="540063" spans="8:8">
      <c r="H540063" s="12"/>
    </row>
    <row r="540064" spans="8:8">
      <c r="H540064" s="12"/>
    </row>
    <row r="540065" spans="8:8">
      <c r="H540065" s="12"/>
    </row>
    <row r="540066" spans="8:8">
      <c r="H540066" s="12"/>
    </row>
    <row r="540067" spans="8:8">
      <c r="H540067" s="12"/>
    </row>
    <row r="540068" spans="8:8">
      <c r="H540068" s="12"/>
    </row>
    <row r="540069" spans="8:8">
      <c r="H540069" s="12"/>
    </row>
    <row r="540070" spans="8:8">
      <c r="H540070" s="12"/>
    </row>
    <row r="540071" spans="8:8">
      <c r="H540071" s="12"/>
    </row>
    <row r="540072" spans="8:8">
      <c r="H540072" s="12"/>
    </row>
    <row r="540073" spans="8:8">
      <c r="H540073" s="12"/>
    </row>
    <row r="540074" spans="8:8">
      <c r="H540074" s="12"/>
    </row>
    <row r="540075" spans="8:8">
      <c r="H540075" s="12"/>
    </row>
    <row r="540076" spans="8:8">
      <c r="H540076" s="12"/>
    </row>
    <row r="540077" spans="8:8">
      <c r="H540077" s="12"/>
    </row>
    <row r="540078" spans="8:8">
      <c r="H540078" s="12"/>
    </row>
    <row r="540079" spans="8:8">
      <c r="H540079" s="12"/>
    </row>
    <row r="540080" spans="8:8">
      <c r="H540080" s="12"/>
    </row>
    <row r="540081" spans="8:8">
      <c r="H540081" s="12"/>
    </row>
    <row r="540082" spans="8:8">
      <c r="H540082" s="12"/>
    </row>
    <row r="540083" spans="8:8">
      <c r="H540083" s="12"/>
    </row>
    <row r="540084" spans="8:8">
      <c r="H540084" s="12"/>
    </row>
    <row r="540085" spans="8:8">
      <c r="H540085" s="12"/>
    </row>
    <row r="540086" spans="8:8">
      <c r="H540086" s="12"/>
    </row>
    <row r="540087" spans="8:8">
      <c r="H540087" s="12"/>
    </row>
    <row r="540088" spans="8:8">
      <c r="H540088" s="12"/>
    </row>
    <row r="540089" spans="8:8">
      <c r="H540089" s="12"/>
    </row>
    <row r="540090" spans="8:8">
      <c r="H540090" s="12"/>
    </row>
    <row r="540091" spans="8:8">
      <c r="H540091" s="12"/>
    </row>
    <row r="540092" spans="8:8">
      <c r="H540092" s="12"/>
    </row>
    <row r="540093" spans="8:8">
      <c r="H540093" s="12"/>
    </row>
    <row r="540094" spans="8:8">
      <c r="H540094" s="12"/>
    </row>
    <row r="540095" spans="8:8">
      <c r="H540095" s="12"/>
    </row>
    <row r="540096" spans="8:8">
      <c r="H540096" s="12"/>
    </row>
    <row r="540097" spans="8:8">
      <c r="H540097" s="12"/>
    </row>
    <row r="540098" spans="8:8">
      <c r="H540098" s="12"/>
    </row>
    <row r="540099" spans="8:8">
      <c r="H540099" s="12"/>
    </row>
    <row r="540100" spans="8:8">
      <c r="H540100" s="12"/>
    </row>
    <row r="540101" spans="8:8">
      <c r="H540101" s="12"/>
    </row>
    <row r="540102" spans="8:8">
      <c r="H540102" s="12"/>
    </row>
    <row r="540103" spans="8:8">
      <c r="H540103" s="12"/>
    </row>
    <row r="540104" spans="8:8">
      <c r="H540104" s="12"/>
    </row>
    <row r="540105" spans="8:8">
      <c r="H540105" s="12"/>
    </row>
    <row r="540106" spans="8:8">
      <c r="H540106" s="12"/>
    </row>
    <row r="540107" spans="8:8">
      <c r="H540107" s="12"/>
    </row>
    <row r="540108" spans="8:8">
      <c r="H540108" s="12"/>
    </row>
    <row r="540109" spans="8:8">
      <c r="H540109" s="12"/>
    </row>
    <row r="540110" spans="8:8">
      <c r="H540110" s="12"/>
    </row>
    <row r="540111" spans="8:8">
      <c r="H540111" s="12"/>
    </row>
    <row r="540112" spans="8:8">
      <c r="H540112" s="12"/>
    </row>
    <row r="540113" spans="8:8">
      <c r="H540113" s="12"/>
    </row>
    <row r="540114" spans="8:8">
      <c r="H540114" s="12"/>
    </row>
    <row r="540115" spans="8:8">
      <c r="H540115" s="12"/>
    </row>
    <row r="540116" spans="8:8">
      <c r="H540116" s="12"/>
    </row>
    <row r="540117" spans="8:8">
      <c r="H540117" s="12"/>
    </row>
    <row r="540118" spans="8:8">
      <c r="H540118" s="12"/>
    </row>
    <row r="540119" spans="8:8">
      <c r="H540119" s="12"/>
    </row>
    <row r="540120" spans="8:8">
      <c r="H540120" s="12"/>
    </row>
    <row r="540121" spans="8:8">
      <c r="H540121" s="12"/>
    </row>
    <row r="540122" spans="8:8">
      <c r="H540122" s="12"/>
    </row>
    <row r="540123" spans="8:8">
      <c r="H540123" s="12"/>
    </row>
    <row r="540124" spans="8:8">
      <c r="H540124" s="12"/>
    </row>
    <row r="540125" spans="8:8">
      <c r="H540125" s="12"/>
    </row>
    <row r="540126" spans="8:8">
      <c r="H540126" s="12"/>
    </row>
    <row r="540127" spans="8:8">
      <c r="H540127" s="12"/>
    </row>
    <row r="540128" spans="8:8">
      <c r="H540128" s="12"/>
    </row>
    <row r="540129" spans="8:8">
      <c r="H540129" s="12"/>
    </row>
    <row r="540130" spans="8:8">
      <c r="H540130" s="12"/>
    </row>
    <row r="540131" spans="8:8">
      <c r="H540131" s="12"/>
    </row>
    <row r="540132" spans="8:8">
      <c r="H540132" s="12"/>
    </row>
    <row r="540133" spans="8:8">
      <c r="H540133" s="12"/>
    </row>
    <row r="540134" spans="8:8">
      <c r="H540134" s="12"/>
    </row>
    <row r="540135" spans="8:8">
      <c r="H540135" s="12"/>
    </row>
    <row r="540136" spans="8:8">
      <c r="H540136" s="12"/>
    </row>
    <row r="540137" spans="8:8">
      <c r="H540137" s="12"/>
    </row>
    <row r="540138" spans="8:8">
      <c r="H540138" s="12"/>
    </row>
    <row r="540139" spans="8:8">
      <c r="H540139" s="12"/>
    </row>
    <row r="540140" spans="8:8">
      <c r="H540140" s="12"/>
    </row>
    <row r="540141" spans="8:8">
      <c r="H540141" s="12"/>
    </row>
    <row r="540142" spans="8:8">
      <c r="H540142" s="12"/>
    </row>
    <row r="540143" spans="8:8">
      <c r="H540143" s="12"/>
    </row>
    <row r="540144" spans="8:8">
      <c r="H540144" s="12"/>
    </row>
    <row r="540145" spans="8:8">
      <c r="H540145" s="12"/>
    </row>
    <row r="540146" spans="8:8">
      <c r="H540146" s="12"/>
    </row>
    <row r="540147" spans="8:8">
      <c r="H540147" s="12"/>
    </row>
    <row r="540148" spans="8:8">
      <c r="H540148" s="12"/>
    </row>
    <row r="540149" spans="8:8">
      <c r="H540149" s="12"/>
    </row>
    <row r="540150" spans="8:8">
      <c r="H540150" s="12"/>
    </row>
    <row r="540151" spans="8:8">
      <c r="H540151" s="12"/>
    </row>
    <row r="540152" spans="8:8">
      <c r="H540152" s="12"/>
    </row>
    <row r="540153" spans="8:8">
      <c r="H540153" s="12"/>
    </row>
    <row r="540154" spans="8:8">
      <c r="H540154" s="12"/>
    </row>
    <row r="540155" spans="8:8">
      <c r="H540155" s="12"/>
    </row>
    <row r="540156" spans="8:8">
      <c r="H540156" s="12"/>
    </row>
    <row r="540157" spans="8:8">
      <c r="H540157" s="12"/>
    </row>
    <row r="540158" spans="8:8">
      <c r="H540158" s="12"/>
    </row>
    <row r="540159" spans="8:8">
      <c r="H540159" s="12"/>
    </row>
    <row r="540160" spans="8:8">
      <c r="H540160" s="12"/>
    </row>
    <row r="540161" spans="8:8">
      <c r="H540161" s="12"/>
    </row>
    <row r="540162" spans="8:8">
      <c r="H540162" s="12"/>
    </row>
    <row r="540163" spans="8:8">
      <c r="H540163" s="12"/>
    </row>
    <row r="540164" spans="8:8">
      <c r="H540164" s="12"/>
    </row>
    <row r="540165" spans="8:8">
      <c r="H540165" s="12"/>
    </row>
    <row r="540166" spans="8:8">
      <c r="H540166" s="12"/>
    </row>
    <row r="540167" spans="8:8">
      <c r="H540167" s="12"/>
    </row>
    <row r="540168" spans="8:8">
      <c r="H540168" s="12"/>
    </row>
    <row r="540169" spans="8:8">
      <c r="H540169" s="12"/>
    </row>
    <row r="540170" spans="8:8">
      <c r="H540170" s="12"/>
    </row>
    <row r="540171" spans="8:8">
      <c r="H540171" s="12"/>
    </row>
    <row r="540172" spans="8:8">
      <c r="H540172" s="12"/>
    </row>
    <row r="540173" spans="8:8">
      <c r="H540173" s="12"/>
    </row>
    <row r="540174" spans="8:8">
      <c r="H540174" s="12"/>
    </row>
    <row r="540175" spans="8:8">
      <c r="H540175" s="12"/>
    </row>
    <row r="540176" spans="8:8">
      <c r="H540176" s="12"/>
    </row>
    <row r="540177" spans="8:8">
      <c r="H540177" s="12"/>
    </row>
    <row r="540178" spans="8:8">
      <c r="H540178" s="12"/>
    </row>
    <row r="540179" spans="8:8">
      <c r="H540179" s="12"/>
    </row>
    <row r="540180" spans="8:8">
      <c r="H540180" s="12"/>
    </row>
    <row r="540181" spans="8:8">
      <c r="H540181" s="12"/>
    </row>
    <row r="540182" spans="8:8">
      <c r="H540182" s="12"/>
    </row>
    <row r="540183" spans="8:8">
      <c r="H540183" s="12"/>
    </row>
    <row r="540184" spans="8:8">
      <c r="H540184" s="12"/>
    </row>
    <row r="540185" spans="8:8">
      <c r="H540185" s="12"/>
    </row>
    <row r="540186" spans="8:8">
      <c r="H540186" s="12"/>
    </row>
    <row r="540187" spans="8:8">
      <c r="H540187" s="12"/>
    </row>
    <row r="540188" spans="8:8">
      <c r="H540188" s="12"/>
    </row>
    <row r="540189" spans="8:8">
      <c r="H540189" s="12"/>
    </row>
    <row r="540190" spans="8:8">
      <c r="H540190" s="12"/>
    </row>
    <row r="540191" spans="8:8">
      <c r="H540191" s="12"/>
    </row>
    <row r="540192" spans="8:8">
      <c r="H540192" s="12"/>
    </row>
    <row r="540193" spans="8:8">
      <c r="H540193" s="12"/>
    </row>
    <row r="540194" spans="8:8">
      <c r="H540194" s="12"/>
    </row>
    <row r="540195" spans="8:8">
      <c r="H540195" s="12"/>
    </row>
    <row r="540196" spans="8:8">
      <c r="H540196" s="12"/>
    </row>
    <row r="540197" spans="8:8">
      <c r="H540197" s="12"/>
    </row>
    <row r="540198" spans="8:8">
      <c r="H540198" s="12"/>
    </row>
    <row r="540199" spans="8:8">
      <c r="H540199" s="12"/>
    </row>
    <row r="540200" spans="8:8">
      <c r="H540200" s="12"/>
    </row>
    <row r="540201" spans="8:8">
      <c r="H540201" s="12"/>
    </row>
    <row r="540202" spans="8:8">
      <c r="H540202" s="12"/>
    </row>
    <row r="540203" spans="8:8">
      <c r="H540203" s="12"/>
    </row>
    <row r="540204" spans="8:8">
      <c r="H540204" s="12"/>
    </row>
    <row r="540205" spans="8:8">
      <c r="H540205" s="12"/>
    </row>
    <row r="540206" spans="8:8">
      <c r="H540206" s="12"/>
    </row>
    <row r="540207" spans="8:8">
      <c r="H540207" s="12"/>
    </row>
    <row r="540208" spans="8:8">
      <c r="H540208" s="12"/>
    </row>
    <row r="540209" spans="8:8">
      <c r="H540209" s="12"/>
    </row>
    <row r="540210" spans="8:8">
      <c r="H540210" s="12"/>
    </row>
    <row r="540211" spans="8:8">
      <c r="H540211" s="12"/>
    </row>
    <row r="540212" spans="8:8">
      <c r="H540212" s="12"/>
    </row>
    <row r="540213" spans="8:8">
      <c r="H540213" s="12"/>
    </row>
    <row r="540214" spans="8:8">
      <c r="H540214" s="12"/>
    </row>
    <row r="540215" spans="8:8">
      <c r="H540215" s="12"/>
    </row>
    <row r="540216" spans="8:8">
      <c r="H540216" s="12"/>
    </row>
    <row r="540217" spans="8:8">
      <c r="H540217" s="12"/>
    </row>
    <row r="540218" spans="8:8">
      <c r="H540218" s="12"/>
    </row>
    <row r="540219" spans="8:8">
      <c r="H540219" s="12"/>
    </row>
    <row r="540220" spans="8:8">
      <c r="H540220" s="12"/>
    </row>
    <row r="540221" spans="8:8">
      <c r="H540221" s="12"/>
    </row>
    <row r="540222" spans="8:8">
      <c r="H540222" s="12"/>
    </row>
    <row r="540223" spans="8:8">
      <c r="H540223" s="12"/>
    </row>
    <row r="540224" spans="8:8">
      <c r="H540224" s="12"/>
    </row>
    <row r="540225" spans="8:8">
      <c r="H540225" s="12"/>
    </row>
    <row r="540226" spans="8:8">
      <c r="H540226" s="12"/>
    </row>
    <row r="540227" spans="8:8">
      <c r="H540227" s="12"/>
    </row>
    <row r="540228" spans="8:8">
      <c r="H540228" s="12"/>
    </row>
    <row r="540229" spans="8:8">
      <c r="H540229" s="12"/>
    </row>
    <row r="540230" spans="8:8">
      <c r="H540230" s="12"/>
    </row>
    <row r="540231" spans="8:8">
      <c r="H540231" s="12"/>
    </row>
    <row r="540232" spans="8:8">
      <c r="H540232" s="12"/>
    </row>
    <row r="540233" spans="8:8">
      <c r="H540233" s="12"/>
    </row>
    <row r="540234" spans="8:8">
      <c r="H540234" s="12"/>
    </row>
    <row r="540235" spans="8:8">
      <c r="H540235" s="12"/>
    </row>
    <row r="540236" spans="8:8">
      <c r="H540236" s="12"/>
    </row>
    <row r="540237" spans="8:8">
      <c r="H540237" s="12"/>
    </row>
    <row r="540238" spans="8:8">
      <c r="H540238" s="12"/>
    </row>
    <row r="540239" spans="8:8">
      <c r="H540239" s="12"/>
    </row>
    <row r="540240" spans="8:8">
      <c r="H540240" s="12"/>
    </row>
    <row r="540241" spans="8:8">
      <c r="H540241" s="12"/>
    </row>
    <row r="540242" spans="8:8">
      <c r="H540242" s="12"/>
    </row>
    <row r="540243" spans="8:8">
      <c r="H540243" s="12"/>
    </row>
    <row r="540244" spans="8:8">
      <c r="H540244" s="12"/>
    </row>
    <row r="540245" spans="8:8">
      <c r="H540245" s="12"/>
    </row>
    <row r="540246" spans="8:8">
      <c r="H540246" s="12"/>
    </row>
    <row r="540247" spans="8:8">
      <c r="H540247" s="12"/>
    </row>
    <row r="540248" spans="8:8">
      <c r="H540248" s="12"/>
    </row>
    <row r="540249" spans="8:8">
      <c r="H540249" s="12"/>
    </row>
    <row r="540250" spans="8:8">
      <c r="H540250" s="12"/>
    </row>
    <row r="540251" spans="8:8">
      <c r="H540251" s="12"/>
    </row>
    <row r="540252" spans="8:8">
      <c r="H540252" s="12"/>
    </row>
    <row r="540253" spans="8:8">
      <c r="H540253" s="12"/>
    </row>
    <row r="540254" spans="8:8">
      <c r="H540254" s="12"/>
    </row>
    <row r="540255" spans="8:8">
      <c r="H540255" s="12"/>
    </row>
    <row r="540256" spans="8:8">
      <c r="H540256" s="12"/>
    </row>
    <row r="540257" spans="8:8">
      <c r="H540257" s="12"/>
    </row>
    <row r="540258" spans="8:8">
      <c r="H540258" s="12"/>
    </row>
    <row r="540259" spans="8:8">
      <c r="H540259" s="12"/>
    </row>
    <row r="540260" spans="8:8">
      <c r="H540260" s="12"/>
    </row>
    <row r="540261" spans="8:8">
      <c r="H540261" s="12"/>
    </row>
    <row r="540262" spans="8:8">
      <c r="H540262" s="12"/>
    </row>
    <row r="540263" spans="8:8">
      <c r="H540263" s="12"/>
    </row>
    <row r="540264" spans="8:8">
      <c r="H540264" s="12"/>
    </row>
    <row r="540265" spans="8:8">
      <c r="H540265" s="12"/>
    </row>
    <row r="540266" spans="8:8">
      <c r="H540266" s="12"/>
    </row>
    <row r="540267" spans="8:8">
      <c r="H540267" s="12"/>
    </row>
    <row r="540268" spans="8:8">
      <c r="H540268" s="12"/>
    </row>
    <row r="540269" spans="8:8">
      <c r="H540269" s="12"/>
    </row>
    <row r="540270" spans="8:8">
      <c r="H540270" s="12"/>
    </row>
    <row r="540271" spans="8:8">
      <c r="H540271" s="12"/>
    </row>
    <row r="540272" spans="8:8">
      <c r="H540272" s="12"/>
    </row>
    <row r="540273" spans="8:8">
      <c r="H540273" s="12"/>
    </row>
    <row r="540274" spans="8:8">
      <c r="H540274" s="12"/>
    </row>
    <row r="540275" spans="8:8">
      <c r="H540275" s="12"/>
    </row>
    <row r="540276" spans="8:8">
      <c r="H540276" s="12"/>
    </row>
    <row r="540277" spans="8:8">
      <c r="H540277" s="12"/>
    </row>
    <row r="540278" spans="8:8">
      <c r="H540278" s="12"/>
    </row>
    <row r="540279" spans="8:8">
      <c r="H540279" s="12"/>
    </row>
    <row r="540280" spans="8:8">
      <c r="H540280" s="12"/>
    </row>
    <row r="540281" spans="8:8">
      <c r="H540281" s="12"/>
    </row>
    <row r="540282" spans="8:8">
      <c r="H540282" s="12"/>
    </row>
    <row r="540283" spans="8:8">
      <c r="H540283" s="12"/>
    </row>
    <row r="540284" spans="8:8">
      <c r="H540284" s="12"/>
    </row>
    <row r="540285" spans="8:8">
      <c r="H540285" s="12"/>
    </row>
    <row r="540286" spans="8:8">
      <c r="H540286" s="12"/>
    </row>
    <row r="540287" spans="8:8">
      <c r="H540287" s="12"/>
    </row>
    <row r="540288" spans="8:8">
      <c r="H540288" s="12"/>
    </row>
    <row r="540289" spans="8:8">
      <c r="H540289" s="12"/>
    </row>
    <row r="540290" spans="8:8">
      <c r="H540290" s="12"/>
    </row>
    <row r="540291" spans="8:8">
      <c r="H540291" s="12"/>
    </row>
    <row r="540292" spans="8:8">
      <c r="H540292" s="12"/>
    </row>
    <row r="540293" spans="8:8">
      <c r="H540293" s="12"/>
    </row>
    <row r="540294" spans="8:8">
      <c r="H540294" s="12"/>
    </row>
    <row r="540295" spans="8:8">
      <c r="H540295" s="12"/>
    </row>
    <row r="540296" spans="8:8">
      <c r="H540296" s="12"/>
    </row>
    <row r="540297" spans="8:8">
      <c r="H540297" s="12"/>
    </row>
    <row r="540298" spans="8:8">
      <c r="H540298" s="12"/>
    </row>
    <row r="540299" spans="8:8">
      <c r="H540299" s="12"/>
    </row>
    <row r="540300" spans="8:8">
      <c r="H540300" s="12"/>
    </row>
    <row r="540301" spans="8:8">
      <c r="H540301" s="12"/>
    </row>
    <row r="540302" spans="8:8">
      <c r="H540302" s="12"/>
    </row>
    <row r="540303" spans="8:8">
      <c r="H540303" s="12"/>
    </row>
    <row r="540304" spans="8:8">
      <c r="H540304" s="12"/>
    </row>
    <row r="540305" spans="8:8">
      <c r="H540305" s="12"/>
    </row>
    <row r="540306" spans="8:8">
      <c r="H540306" s="12"/>
    </row>
    <row r="540307" spans="8:8">
      <c r="H540307" s="12"/>
    </row>
    <row r="540308" spans="8:8">
      <c r="H540308" s="12"/>
    </row>
    <row r="540309" spans="8:8">
      <c r="H540309" s="12"/>
    </row>
    <row r="540310" spans="8:8">
      <c r="H540310" s="12"/>
    </row>
    <row r="540311" spans="8:8">
      <c r="H540311" s="12"/>
    </row>
    <row r="540312" spans="8:8">
      <c r="H540312" s="12"/>
    </row>
    <row r="540313" spans="8:8">
      <c r="H540313" s="12"/>
    </row>
    <row r="540314" spans="8:8">
      <c r="H540314" s="12"/>
    </row>
    <row r="540315" spans="8:8">
      <c r="H540315" s="12"/>
    </row>
    <row r="540316" spans="8:8">
      <c r="H540316" s="12"/>
    </row>
    <row r="540317" spans="8:8">
      <c r="H540317" s="12"/>
    </row>
    <row r="540318" spans="8:8">
      <c r="H540318" s="12"/>
    </row>
    <row r="540319" spans="8:8">
      <c r="H540319" s="12"/>
    </row>
    <row r="540320" spans="8:8">
      <c r="H540320" s="12"/>
    </row>
    <row r="540321" spans="8:8">
      <c r="H540321" s="12"/>
    </row>
    <row r="540322" spans="8:8">
      <c r="H540322" s="12"/>
    </row>
    <row r="540323" spans="8:8">
      <c r="H540323" s="12"/>
    </row>
    <row r="540324" spans="8:8">
      <c r="H540324" s="12"/>
    </row>
    <row r="540325" spans="8:8">
      <c r="H540325" s="12"/>
    </row>
    <row r="540326" spans="8:8">
      <c r="H540326" s="12"/>
    </row>
    <row r="540327" spans="8:8">
      <c r="H540327" s="12"/>
    </row>
    <row r="540328" spans="8:8">
      <c r="H540328" s="12"/>
    </row>
    <row r="540329" spans="8:8">
      <c r="H540329" s="12"/>
    </row>
    <row r="540330" spans="8:8">
      <c r="H540330" s="12"/>
    </row>
    <row r="540331" spans="8:8">
      <c r="H540331" s="12"/>
    </row>
    <row r="540332" spans="8:8">
      <c r="H540332" s="12"/>
    </row>
    <row r="540333" spans="8:8">
      <c r="H540333" s="12"/>
    </row>
    <row r="540334" spans="8:8">
      <c r="H540334" s="12"/>
    </row>
    <row r="540335" spans="8:8">
      <c r="H540335" s="12"/>
    </row>
    <row r="540336" spans="8:8">
      <c r="H540336" s="12"/>
    </row>
    <row r="540337" spans="8:8">
      <c r="H540337" s="12"/>
    </row>
    <row r="540338" spans="8:8">
      <c r="H540338" s="12"/>
    </row>
    <row r="540339" spans="8:8">
      <c r="H540339" s="12"/>
    </row>
    <row r="540340" spans="8:8">
      <c r="H540340" s="12"/>
    </row>
    <row r="540341" spans="8:8">
      <c r="H540341" s="12"/>
    </row>
    <row r="540342" spans="8:8">
      <c r="H540342" s="12"/>
    </row>
    <row r="540343" spans="8:8">
      <c r="H540343" s="12"/>
    </row>
    <row r="540344" spans="8:8">
      <c r="H540344" s="12"/>
    </row>
    <row r="540345" spans="8:8">
      <c r="H540345" s="12"/>
    </row>
    <row r="540346" spans="8:8">
      <c r="H540346" s="12"/>
    </row>
    <row r="540347" spans="8:8">
      <c r="H540347" s="12"/>
    </row>
    <row r="540348" spans="8:8">
      <c r="H540348" s="12"/>
    </row>
    <row r="540349" spans="8:8">
      <c r="H540349" s="12"/>
    </row>
    <row r="540350" spans="8:8">
      <c r="H540350" s="12"/>
    </row>
    <row r="540351" spans="8:8">
      <c r="H540351" s="12"/>
    </row>
    <row r="540352" spans="8:8">
      <c r="H540352" s="12"/>
    </row>
    <row r="540353" spans="8:8">
      <c r="H540353" s="12"/>
    </row>
    <row r="540354" spans="8:8">
      <c r="H540354" s="12"/>
    </row>
    <row r="540355" spans="8:8">
      <c r="H540355" s="12"/>
    </row>
    <row r="540356" spans="8:8">
      <c r="H540356" s="12"/>
    </row>
    <row r="540357" spans="8:8">
      <c r="H540357" s="12"/>
    </row>
    <row r="540358" spans="8:8">
      <c r="H540358" s="12"/>
    </row>
    <row r="540359" spans="8:8">
      <c r="H540359" s="12"/>
    </row>
    <row r="540360" spans="8:8">
      <c r="H540360" s="12"/>
    </row>
    <row r="540361" spans="8:8">
      <c r="H540361" s="12"/>
    </row>
    <row r="540362" spans="8:8">
      <c r="H540362" s="12"/>
    </row>
    <row r="540363" spans="8:8">
      <c r="H540363" s="12"/>
    </row>
    <row r="540364" spans="8:8">
      <c r="H540364" s="12"/>
    </row>
    <row r="540365" spans="8:8">
      <c r="H540365" s="12"/>
    </row>
    <row r="540366" spans="8:8">
      <c r="H540366" s="12"/>
    </row>
    <row r="540367" spans="8:8">
      <c r="H540367" s="12"/>
    </row>
    <row r="540368" spans="8:8">
      <c r="H540368" s="12"/>
    </row>
    <row r="540369" spans="8:8">
      <c r="H540369" s="12"/>
    </row>
    <row r="540370" spans="8:8">
      <c r="H540370" s="12"/>
    </row>
    <row r="540371" spans="8:8">
      <c r="H540371" s="12"/>
    </row>
    <row r="540372" spans="8:8">
      <c r="H540372" s="12"/>
    </row>
    <row r="540373" spans="8:8">
      <c r="H540373" s="12"/>
    </row>
    <row r="540374" spans="8:8">
      <c r="H540374" s="12"/>
    </row>
    <row r="540375" spans="8:8">
      <c r="H540375" s="12"/>
    </row>
    <row r="540376" spans="8:8">
      <c r="H540376" s="12"/>
    </row>
    <row r="540377" spans="8:8">
      <c r="H540377" s="12"/>
    </row>
    <row r="540378" spans="8:8">
      <c r="H540378" s="12"/>
    </row>
    <row r="540379" spans="8:8">
      <c r="H540379" s="12"/>
    </row>
    <row r="540380" spans="8:8">
      <c r="H540380" s="12"/>
    </row>
    <row r="540381" spans="8:8">
      <c r="H540381" s="12"/>
    </row>
    <row r="540382" spans="8:8">
      <c r="H540382" s="12"/>
    </row>
    <row r="540383" spans="8:8">
      <c r="H540383" s="12"/>
    </row>
    <row r="540384" spans="8:8">
      <c r="H540384" s="12"/>
    </row>
    <row r="540385" spans="8:8">
      <c r="H540385" s="12"/>
    </row>
    <row r="540386" spans="8:8">
      <c r="H540386" s="12"/>
    </row>
    <row r="540387" spans="8:8">
      <c r="H540387" s="12"/>
    </row>
    <row r="540388" spans="8:8">
      <c r="H540388" s="12"/>
    </row>
    <row r="540389" spans="8:8">
      <c r="H540389" s="12"/>
    </row>
    <row r="540390" spans="8:8">
      <c r="H540390" s="12"/>
    </row>
    <row r="540391" spans="8:8">
      <c r="H540391" s="12"/>
    </row>
    <row r="540392" spans="8:8">
      <c r="H540392" s="12"/>
    </row>
    <row r="540393" spans="8:8">
      <c r="H540393" s="12"/>
    </row>
    <row r="540394" spans="8:8">
      <c r="H540394" s="12"/>
    </row>
    <row r="540395" spans="8:8">
      <c r="H540395" s="12"/>
    </row>
    <row r="540396" spans="8:8">
      <c r="H540396" s="12"/>
    </row>
    <row r="540397" spans="8:8">
      <c r="H540397" s="12"/>
    </row>
    <row r="540398" spans="8:8">
      <c r="H540398" s="12"/>
    </row>
    <row r="540399" spans="8:8">
      <c r="H540399" s="12"/>
    </row>
    <row r="540400" spans="8:8">
      <c r="H540400" s="12"/>
    </row>
    <row r="540401" spans="8:8">
      <c r="H540401" s="12"/>
    </row>
    <row r="540402" spans="8:8">
      <c r="H540402" s="12"/>
    </row>
    <row r="540403" spans="8:8">
      <c r="H540403" s="12"/>
    </row>
    <row r="540404" spans="8:8">
      <c r="H540404" s="12"/>
    </row>
    <row r="540405" spans="8:8">
      <c r="H540405" s="12"/>
    </row>
    <row r="540406" spans="8:8">
      <c r="H540406" s="12"/>
    </row>
    <row r="540407" spans="8:8">
      <c r="H540407" s="12"/>
    </row>
    <row r="540408" spans="8:8">
      <c r="H540408" s="12"/>
    </row>
    <row r="540409" spans="8:8">
      <c r="H540409" s="12"/>
    </row>
    <row r="540410" spans="8:8">
      <c r="H540410" s="12"/>
    </row>
    <row r="540411" spans="8:8">
      <c r="H540411" s="12"/>
    </row>
    <row r="540412" spans="8:8">
      <c r="H540412" s="12"/>
    </row>
    <row r="540413" spans="8:8">
      <c r="H540413" s="12"/>
    </row>
    <row r="540414" spans="8:8">
      <c r="H540414" s="12"/>
    </row>
    <row r="540415" spans="8:8">
      <c r="H540415" s="12"/>
    </row>
    <row r="540416" spans="8:8">
      <c r="H540416" s="12"/>
    </row>
    <row r="540417" spans="8:8">
      <c r="H540417" s="12"/>
    </row>
    <row r="540418" spans="8:8">
      <c r="H540418" s="12"/>
    </row>
    <row r="540419" spans="8:8">
      <c r="H540419" s="12"/>
    </row>
    <row r="540420" spans="8:8">
      <c r="H540420" s="12"/>
    </row>
    <row r="540421" spans="8:8">
      <c r="H540421" s="12"/>
    </row>
    <row r="540422" spans="8:8">
      <c r="H540422" s="12"/>
    </row>
    <row r="540423" spans="8:8">
      <c r="H540423" s="12"/>
    </row>
    <row r="540424" spans="8:8">
      <c r="H540424" s="12"/>
    </row>
    <row r="540425" spans="8:8">
      <c r="H540425" s="12"/>
    </row>
    <row r="540426" spans="8:8">
      <c r="H540426" s="12"/>
    </row>
    <row r="540427" spans="8:8">
      <c r="H540427" s="12"/>
    </row>
    <row r="540428" spans="8:8">
      <c r="H540428" s="12"/>
    </row>
    <row r="540429" spans="8:8">
      <c r="H540429" s="12"/>
    </row>
    <row r="540430" spans="8:8">
      <c r="H540430" s="12"/>
    </row>
    <row r="540431" spans="8:8">
      <c r="H540431" s="12"/>
    </row>
    <row r="540432" spans="8:8">
      <c r="H540432" s="12"/>
    </row>
    <row r="540433" spans="8:8">
      <c r="H540433" s="12"/>
    </row>
    <row r="540434" spans="8:8">
      <c r="H540434" s="12"/>
    </row>
    <row r="540435" spans="8:8">
      <c r="H540435" s="12"/>
    </row>
    <row r="540436" spans="8:8">
      <c r="H540436" s="12"/>
    </row>
    <row r="540437" spans="8:8">
      <c r="H540437" s="12"/>
    </row>
    <row r="540438" spans="8:8">
      <c r="H540438" s="12"/>
    </row>
    <row r="540439" spans="8:8">
      <c r="H540439" s="12"/>
    </row>
    <row r="540440" spans="8:8">
      <c r="H540440" s="12"/>
    </row>
    <row r="540441" spans="8:8">
      <c r="H540441" s="12"/>
    </row>
    <row r="540442" spans="8:8">
      <c r="H540442" s="12"/>
    </row>
    <row r="540443" spans="8:8">
      <c r="H540443" s="12"/>
    </row>
    <row r="540444" spans="8:8">
      <c r="H540444" s="12"/>
    </row>
    <row r="540445" spans="8:8">
      <c r="H540445" s="12"/>
    </row>
    <row r="540446" spans="8:8">
      <c r="H540446" s="12"/>
    </row>
    <row r="540447" spans="8:8">
      <c r="H540447" s="12"/>
    </row>
    <row r="540448" spans="8:8">
      <c r="H540448" s="12"/>
    </row>
    <row r="540449" spans="8:8">
      <c r="H540449" s="12"/>
    </row>
    <row r="540450" spans="8:8">
      <c r="H540450" s="12"/>
    </row>
    <row r="540451" spans="8:8">
      <c r="H540451" s="12"/>
    </row>
    <row r="540452" spans="8:8">
      <c r="H540452" s="12"/>
    </row>
    <row r="540453" spans="8:8">
      <c r="H540453" s="12"/>
    </row>
    <row r="540454" spans="8:8">
      <c r="H540454" s="12"/>
    </row>
    <row r="540455" spans="8:8">
      <c r="H540455" s="12"/>
    </row>
    <row r="540456" spans="8:8">
      <c r="H540456" s="12"/>
    </row>
    <row r="540457" spans="8:8">
      <c r="H540457" s="12"/>
    </row>
    <row r="540458" spans="8:8">
      <c r="H540458" s="12"/>
    </row>
    <row r="540459" spans="8:8">
      <c r="H540459" s="12"/>
    </row>
    <row r="540460" spans="8:8">
      <c r="H540460" s="12"/>
    </row>
    <row r="540461" spans="8:8">
      <c r="H540461" s="12"/>
    </row>
    <row r="540462" spans="8:8">
      <c r="H540462" s="12"/>
    </row>
    <row r="540463" spans="8:8">
      <c r="H540463" s="12"/>
    </row>
    <row r="540464" spans="8:8">
      <c r="H540464" s="12"/>
    </row>
    <row r="540465" spans="8:8">
      <c r="H540465" s="12"/>
    </row>
    <row r="540466" spans="8:8">
      <c r="H540466" s="12"/>
    </row>
    <row r="540467" spans="8:8">
      <c r="H540467" s="12"/>
    </row>
    <row r="540468" spans="8:8">
      <c r="H540468" s="12"/>
    </row>
    <row r="540469" spans="8:8">
      <c r="H540469" s="12"/>
    </row>
    <row r="540470" spans="8:8">
      <c r="H540470" s="12"/>
    </row>
    <row r="540471" spans="8:8">
      <c r="H540471" s="12"/>
    </row>
    <row r="540472" spans="8:8">
      <c r="H540472" s="12"/>
    </row>
    <row r="540473" spans="8:8">
      <c r="H540473" s="12"/>
    </row>
    <row r="540474" spans="8:8">
      <c r="H540474" s="12"/>
    </row>
    <row r="540475" spans="8:8">
      <c r="H540475" s="12"/>
    </row>
    <row r="540476" spans="8:8">
      <c r="H540476" s="12"/>
    </row>
    <row r="540477" spans="8:8">
      <c r="H540477" s="12"/>
    </row>
    <row r="540478" spans="8:8">
      <c r="H540478" s="12"/>
    </row>
    <row r="540479" spans="8:8">
      <c r="H540479" s="12"/>
    </row>
    <row r="540480" spans="8:8">
      <c r="H540480" s="12"/>
    </row>
    <row r="540481" spans="8:8">
      <c r="H540481" s="12"/>
    </row>
    <row r="540482" spans="8:8">
      <c r="H540482" s="12"/>
    </row>
    <row r="540483" spans="8:8">
      <c r="H540483" s="12"/>
    </row>
    <row r="540484" spans="8:8">
      <c r="H540484" s="12"/>
    </row>
    <row r="540485" spans="8:8">
      <c r="H540485" s="12"/>
    </row>
    <row r="540486" spans="8:8">
      <c r="H540486" s="12"/>
    </row>
    <row r="540487" spans="8:8">
      <c r="H540487" s="12"/>
    </row>
    <row r="540488" spans="8:8">
      <c r="H540488" s="12"/>
    </row>
    <row r="540489" spans="8:8">
      <c r="H540489" s="12"/>
    </row>
    <row r="540490" spans="8:8">
      <c r="H540490" s="12"/>
    </row>
    <row r="540491" spans="8:8">
      <c r="H540491" s="12"/>
    </row>
    <row r="540492" spans="8:8">
      <c r="H540492" s="12"/>
    </row>
    <row r="540493" spans="8:8">
      <c r="H540493" s="12"/>
    </row>
    <row r="540494" spans="8:8">
      <c r="H540494" s="12"/>
    </row>
    <row r="540495" spans="8:8">
      <c r="H540495" s="12"/>
    </row>
    <row r="540496" spans="8:8">
      <c r="H540496" s="12"/>
    </row>
    <row r="540497" spans="8:8">
      <c r="H540497" s="12"/>
    </row>
    <row r="540498" spans="8:8">
      <c r="H540498" s="12"/>
    </row>
    <row r="540499" spans="8:8">
      <c r="H540499" s="12"/>
    </row>
    <row r="540500" spans="8:8">
      <c r="H540500" s="12"/>
    </row>
    <row r="540501" spans="8:8">
      <c r="H540501" s="12"/>
    </row>
    <row r="540502" spans="8:8">
      <c r="H540502" s="12"/>
    </row>
    <row r="540503" spans="8:8">
      <c r="H540503" s="12"/>
    </row>
    <row r="540504" spans="8:8">
      <c r="H540504" s="12"/>
    </row>
    <row r="540505" spans="8:8">
      <c r="H540505" s="12"/>
    </row>
    <row r="540506" spans="8:8">
      <c r="H540506" s="12"/>
    </row>
    <row r="540507" spans="8:8">
      <c r="H540507" s="12"/>
    </row>
    <row r="540508" spans="8:8">
      <c r="H540508" s="12"/>
    </row>
    <row r="540509" spans="8:8">
      <c r="H540509" s="12"/>
    </row>
    <row r="540510" spans="8:8">
      <c r="H540510" s="12"/>
    </row>
    <row r="540511" spans="8:8">
      <c r="H540511" s="12"/>
    </row>
    <row r="540512" spans="8:8">
      <c r="H540512" s="12"/>
    </row>
    <row r="540513" spans="8:8">
      <c r="H540513" s="12"/>
    </row>
    <row r="540514" spans="8:8">
      <c r="H540514" s="12"/>
    </row>
    <row r="540515" spans="8:8">
      <c r="H540515" s="12"/>
    </row>
    <row r="540516" spans="8:8">
      <c r="H540516" s="12"/>
    </row>
    <row r="540517" spans="8:8">
      <c r="H540517" s="12"/>
    </row>
    <row r="540518" spans="8:8">
      <c r="H540518" s="12"/>
    </row>
    <row r="540519" spans="8:8">
      <c r="H540519" s="12"/>
    </row>
    <row r="540520" spans="8:8">
      <c r="H540520" s="12"/>
    </row>
    <row r="540521" spans="8:8">
      <c r="H540521" s="12"/>
    </row>
    <row r="540522" spans="8:8">
      <c r="H540522" s="12"/>
    </row>
    <row r="540523" spans="8:8">
      <c r="H540523" s="12"/>
    </row>
    <row r="540524" spans="8:8">
      <c r="H540524" s="12"/>
    </row>
    <row r="540525" spans="8:8">
      <c r="H540525" s="12"/>
    </row>
    <row r="540526" spans="8:8">
      <c r="H540526" s="12"/>
    </row>
    <row r="540527" spans="8:8">
      <c r="H540527" s="12"/>
    </row>
    <row r="540528" spans="8:8">
      <c r="H540528" s="12"/>
    </row>
    <row r="540529" spans="8:8">
      <c r="H540529" s="12"/>
    </row>
    <row r="540530" spans="8:8">
      <c r="H540530" s="12"/>
    </row>
    <row r="540531" spans="8:8">
      <c r="H540531" s="12"/>
    </row>
    <row r="540532" spans="8:8">
      <c r="H540532" s="12"/>
    </row>
    <row r="540533" spans="8:8">
      <c r="H540533" s="12"/>
    </row>
    <row r="540534" spans="8:8">
      <c r="H540534" s="12"/>
    </row>
    <row r="540535" spans="8:8">
      <c r="H540535" s="12"/>
    </row>
    <row r="540536" spans="8:8">
      <c r="H540536" s="12"/>
    </row>
    <row r="540537" spans="8:8">
      <c r="H540537" s="12"/>
    </row>
    <row r="540538" spans="8:8">
      <c r="H540538" s="12"/>
    </row>
    <row r="540539" spans="8:8">
      <c r="H540539" s="12"/>
    </row>
    <row r="540540" spans="8:8">
      <c r="H540540" s="12"/>
    </row>
    <row r="540541" spans="8:8">
      <c r="H540541" s="12"/>
    </row>
    <row r="540542" spans="8:8">
      <c r="H540542" s="12"/>
    </row>
    <row r="540543" spans="8:8">
      <c r="H540543" s="12"/>
    </row>
    <row r="540544" spans="8:8">
      <c r="H540544" s="12"/>
    </row>
    <row r="540545" spans="8:8">
      <c r="H540545" s="12"/>
    </row>
    <row r="540546" spans="8:8">
      <c r="H540546" s="12"/>
    </row>
    <row r="540547" spans="8:8">
      <c r="H540547" s="12"/>
    </row>
    <row r="540548" spans="8:8">
      <c r="H540548" s="12"/>
    </row>
    <row r="540549" spans="8:8">
      <c r="H540549" s="12"/>
    </row>
    <row r="540550" spans="8:8">
      <c r="H540550" s="12"/>
    </row>
    <row r="540551" spans="8:8">
      <c r="H540551" s="12"/>
    </row>
    <row r="540552" spans="8:8">
      <c r="H540552" s="12"/>
    </row>
    <row r="540553" spans="8:8">
      <c r="H540553" s="12"/>
    </row>
    <row r="540554" spans="8:8">
      <c r="H540554" s="12"/>
    </row>
    <row r="540555" spans="8:8">
      <c r="H540555" s="12"/>
    </row>
    <row r="540556" spans="8:8">
      <c r="H540556" s="12"/>
    </row>
    <row r="540557" spans="8:8">
      <c r="H540557" s="12"/>
    </row>
    <row r="540558" spans="8:8">
      <c r="H540558" s="12"/>
    </row>
    <row r="540559" spans="8:8">
      <c r="H540559" s="12"/>
    </row>
    <row r="540560" spans="8:8">
      <c r="H540560" s="12"/>
    </row>
    <row r="540561" spans="8:8">
      <c r="H540561" s="12"/>
    </row>
    <row r="540562" spans="8:8">
      <c r="H540562" s="12"/>
    </row>
    <row r="540563" spans="8:8">
      <c r="H540563" s="12"/>
    </row>
    <row r="540564" spans="8:8">
      <c r="H540564" s="12"/>
    </row>
    <row r="540565" spans="8:8">
      <c r="H540565" s="12"/>
    </row>
    <row r="540566" spans="8:8">
      <c r="H540566" s="12"/>
    </row>
    <row r="540567" spans="8:8">
      <c r="H540567" s="12"/>
    </row>
    <row r="540568" spans="8:8">
      <c r="H540568" s="12"/>
    </row>
    <row r="540569" spans="8:8">
      <c r="H540569" s="12"/>
    </row>
    <row r="540570" spans="8:8">
      <c r="H540570" s="12"/>
    </row>
    <row r="540571" spans="8:8">
      <c r="H540571" s="12"/>
    </row>
    <row r="540572" spans="8:8">
      <c r="H540572" s="12"/>
    </row>
    <row r="540573" spans="8:8">
      <c r="H540573" s="12"/>
    </row>
    <row r="540574" spans="8:8">
      <c r="H540574" s="12"/>
    </row>
    <row r="540575" spans="8:8">
      <c r="H540575" s="12"/>
    </row>
    <row r="540576" spans="8:8">
      <c r="H540576" s="12"/>
    </row>
    <row r="540577" spans="8:8">
      <c r="H540577" s="12"/>
    </row>
    <row r="540578" spans="8:8">
      <c r="H540578" s="12"/>
    </row>
    <row r="540579" spans="8:8">
      <c r="H540579" s="12"/>
    </row>
    <row r="540580" spans="8:8">
      <c r="H540580" s="12"/>
    </row>
    <row r="540581" spans="8:8">
      <c r="H540581" s="12"/>
    </row>
    <row r="540582" spans="8:8">
      <c r="H540582" s="12"/>
    </row>
    <row r="540583" spans="8:8">
      <c r="H540583" s="12"/>
    </row>
    <row r="540584" spans="8:8">
      <c r="H540584" s="12"/>
    </row>
    <row r="540585" spans="8:8">
      <c r="H540585" s="12"/>
    </row>
    <row r="540586" spans="8:8">
      <c r="H540586" s="12"/>
    </row>
    <row r="540587" spans="8:8">
      <c r="H540587" s="12"/>
    </row>
    <row r="540588" spans="8:8">
      <c r="H540588" s="12"/>
    </row>
    <row r="540589" spans="8:8">
      <c r="H540589" s="12"/>
    </row>
    <row r="540590" spans="8:8">
      <c r="H540590" s="12"/>
    </row>
    <row r="540591" spans="8:8">
      <c r="H540591" s="12"/>
    </row>
    <row r="540592" spans="8:8">
      <c r="H540592" s="12"/>
    </row>
    <row r="540593" spans="8:8">
      <c r="H540593" s="12"/>
    </row>
    <row r="540594" spans="8:8">
      <c r="H540594" s="12"/>
    </row>
    <row r="540595" spans="8:8">
      <c r="H540595" s="12"/>
    </row>
    <row r="540596" spans="8:8">
      <c r="H540596" s="12"/>
    </row>
    <row r="540597" spans="8:8">
      <c r="H540597" s="12"/>
    </row>
    <row r="540598" spans="8:8">
      <c r="H540598" s="12"/>
    </row>
    <row r="540599" spans="8:8">
      <c r="H540599" s="12"/>
    </row>
    <row r="540600" spans="8:8">
      <c r="H540600" s="12"/>
    </row>
    <row r="540601" spans="8:8">
      <c r="H540601" s="12"/>
    </row>
    <row r="540602" spans="8:8">
      <c r="H540602" s="12"/>
    </row>
    <row r="540603" spans="8:8">
      <c r="H540603" s="12"/>
    </row>
    <row r="540604" spans="8:8">
      <c r="H540604" s="12"/>
    </row>
    <row r="540605" spans="8:8">
      <c r="H540605" s="12"/>
    </row>
    <row r="540606" spans="8:8">
      <c r="H540606" s="12"/>
    </row>
    <row r="540607" spans="8:8">
      <c r="H540607" s="12"/>
    </row>
    <row r="540608" spans="8:8">
      <c r="H540608" s="12"/>
    </row>
    <row r="540609" spans="8:8">
      <c r="H540609" s="12"/>
    </row>
    <row r="540610" spans="8:8">
      <c r="H540610" s="12"/>
    </row>
    <row r="540611" spans="8:8">
      <c r="H540611" s="12"/>
    </row>
    <row r="540612" spans="8:8">
      <c r="H540612" s="12"/>
    </row>
    <row r="540613" spans="8:8">
      <c r="H540613" s="12"/>
    </row>
    <row r="540614" spans="8:8">
      <c r="H540614" s="12"/>
    </row>
    <row r="540615" spans="8:8">
      <c r="H540615" s="12"/>
    </row>
    <row r="540616" spans="8:8">
      <c r="H540616" s="12"/>
    </row>
    <row r="540617" spans="8:8">
      <c r="H540617" s="12"/>
    </row>
    <row r="540618" spans="8:8">
      <c r="H540618" s="12"/>
    </row>
    <row r="540619" spans="8:8">
      <c r="H540619" s="12"/>
    </row>
    <row r="540620" spans="8:8">
      <c r="H540620" s="12"/>
    </row>
    <row r="540621" spans="8:8">
      <c r="H540621" s="12"/>
    </row>
    <row r="540622" spans="8:8">
      <c r="H540622" s="12"/>
    </row>
    <row r="540623" spans="8:8">
      <c r="H540623" s="12"/>
    </row>
    <row r="540624" spans="8:8">
      <c r="H540624" s="12"/>
    </row>
    <row r="540625" spans="8:8">
      <c r="H540625" s="12"/>
    </row>
    <row r="540626" spans="8:8">
      <c r="H540626" s="12"/>
    </row>
    <row r="540627" spans="8:8">
      <c r="H540627" s="12"/>
    </row>
    <row r="540628" spans="8:8">
      <c r="H540628" s="12"/>
    </row>
    <row r="540629" spans="8:8">
      <c r="H540629" s="12"/>
    </row>
    <row r="540630" spans="8:8">
      <c r="H540630" s="12"/>
    </row>
    <row r="540631" spans="8:8">
      <c r="H540631" s="12"/>
    </row>
    <row r="540632" spans="8:8">
      <c r="H540632" s="12"/>
    </row>
    <row r="540633" spans="8:8">
      <c r="H540633" s="12"/>
    </row>
    <row r="540634" spans="8:8">
      <c r="H540634" s="12"/>
    </row>
    <row r="540635" spans="8:8">
      <c r="H540635" s="12"/>
    </row>
    <row r="540636" spans="8:8">
      <c r="H540636" s="12"/>
    </row>
    <row r="540637" spans="8:8">
      <c r="H540637" s="12"/>
    </row>
    <row r="540638" spans="8:8">
      <c r="H540638" s="12"/>
    </row>
    <row r="540639" spans="8:8">
      <c r="H540639" s="12"/>
    </row>
    <row r="540640" spans="8:8">
      <c r="H540640" s="12"/>
    </row>
    <row r="540641" spans="8:8">
      <c r="H540641" s="12"/>
    </row>
    <row r="540642" spans="8:8">
      <c r="H540642" s="12"/>
    </row>
    <row r="540643" spans="8:8">
      <c r="H540643" s="12"/>
    </row>
    <row r="540644" spans="8:8">
      <c r="H540644" s="12"/>
    </row>
    <row r="540645" spans="8:8">
      <c r="H540645" s="12"/>
    </row>
    <row r="540646" spans="8:8">
      <c r="H540646" s="12"/>
    </row>
    <row r="540647" spans="8:8">
      <c r="H540647" s="12"/>
    </row>
    <row r="540648" spans="8:8">
      <c r="H540648" s="12"/>
    </row>
    <row r="540649" spans="8:8">
      <c r="H540649" s="12"/>
    </row>
    <row r="540650" spans="8:8">
      <c r="H540650" s="12"/>
    </row>
    <row r="540651" spans="8:8">
      <c r="H540651" s="12"/>
    </row>
    <row r="540652" spans="8:8">
      <c r="H540652" s="12"/>
    </row>
    <row r="540653" spans="8:8">
      <c r="H540653" s="12"/>
    </row>
    <row r="540654" spans="8:8">
      <c r="H540654" s="12"/>
    </row>
    <row r="540655" spans="8:8">
      <c r="H540655" s="12"/>
    </row>
    <row r="540656" spans="8:8">
      <c r="H540656" s="12"/>
    </row>
    <row r="540657" spans="8:8">
      <c r="H540657" s="12"/>
    </row>
    <row r="540658" spans="8:8">
      <c r="H540658" s="12"/>
    </row>
    <row r="540659" spans="8:8">
      <c r="H540659" s="12"/>
    </row>
    <row r="540660" spans="8:8">
      <c r="H540660" s="12"/>
    </row>
    <row r="540661" spans="8:8">
      <c r="H540661" s="12"/>
    </row>
    <row r="540662" spans="8:8">
      <c r="H540662" s="12"/>
    </row>
    <row r="540663" spans="8:8">
      <c r="H540663" s="12"/>
    </row>
    <row r="540664" spans="8:8">
      <c r="H540664" s="12"/>
    </row>
    <row r="540665" spans="8:8">
      <c r="H540665" s="12"/>
    </row>
    <row r="540666" spans="8:8">
      <c r="H540666" s="12"/>
    </row>
    <row r="540667" spans="8:8">
      <c r="H540667" s="12"/>
    </row>
    <row r="540668" spans="8:8">
      <c r="H540668" s="12"/>
    </row>
    <row r="540669" spans="8:8">
      <c r="H540669" s="12"/>
    </row>
    <row r="540670" spans="8:8">
      <c r="H540670" s="12"/>
    </row>
    <row r="540671" spans="8:8">
      <c r="H540671" s="12"/>
    </row>
    <row r="540672" spans="8:8">
      <c r="H540672" s="12"/>
    </row>
    <row r="540673" spans="8:8">
      <c r="H540673" s="12"/>
    </row>
    <row r="540674" spans="8:8">
      <c r="H540674" s="12"/>
    </row>
    <row r="540675" spans="8:8">
      <c r="H540675" s="12"/>
    </row>
    <row r="540676" spans="8:8">
      <c r="H540676" s="12"/>
    </row>
    <row r="540677" spans="8:8">
      <c r="H540677" s="12"/>
    </row>
    <row r="540678" spans="8:8">
      <c r="H540678" s="12"/>
    </row>
    <row r="540679" spans="8:8">
      <c r="H540679" s="12"/>
    </row>
    <row r="540680" spans="8:8">
      <c r="H540680" s="12"/>
    </row>
    <row r="540681" spans="8:8">
      <c r="H540681" s="12"/>
    </row>
    <row r="540682" spans="8:8">
      <c r="H540682" s="12"/>
    </row>
    <row r="540683" spans="8:8">
      <c r="H540683" s="12"/>
    </row>
    <row r="540684" spans="8:8">
      <c r="H540684" s="12"/>
    </row>
    <row r="540685" spans="8:8">
      <c r="H540685" s="12"/>
    </row>
    <row r="540686" spans="8:8">
      <c r="H540686" s="12"/>
    </row>
    <row r="540687" spans="8:8">
      <c r="H540687" s="12"/>
    </row>
    <row r="540688" spans="8:8">
      <c r="H540688" s="12"/>
    </row>
    <row r="540689" spans="8:8">
      <c r="H540689" s="12"/>
    </row>
    <row r="540690" spans="8:8">
      <c r="H540690" s="12"/>
    </row>
    <row r="540691" spans="8:8">
      <c r="H540691" s="12"/>
    </row>
    <row r="540692" spans="8:8">
      <c r="H540692" s="12"/>
    </row>
    <row r="540693" spans="8:8">
      <c r="H540693" s="12"/>
    </row>
    <row r="540694" spans="8:8">
      <c r="H540694" s="12"/>
    </row>
    <row r="540695" spans="8:8">
      <c r="H540695" s="12"/>
    </row>
    <row r="540696" spans="8:8">
      <c r="H540696" s="12"/>
    </row>
    <row r="540697" spans="8:8">
      <c r="H540697" s="12"/>
    </row>
    <row r="540698" spans="8:8">
      <c r="H540698" s="12"/>
    </row>
    <row r="540699" spans="8:8">
      <c r="H540699" s="12"/>
    </row>
    <row r="540700" spans="8:8">
      <c r="H540700" s="12"/>
    </row>
    <row r="540701" spans="8:8">
      <c r="H540701" s="12"/>
    </row>
    <row r="540702" spans="8:8">
      <c r="H540702" s="12"/>
    </row>
    <row r="540703" spans="8:8">
      <c r="H540703" s="12"/>
    </row>
    <row r="540704" spans="8:8">
      <c r="H540704" s="12"/>
    </row>
    <row r="540705" spans="8:8">
      <c r="H540705" s="12"/>
    </row>
    <row r="540706" spans="8:8">
      <c r="H540706" s="12"/>
    </row>
    <row r="540707" spans="8:8">
      <c r="H540707" s="12"/>
    </row>
    <row r="540708" spans="8:8">
      <c r="H540708" s="12"/>
    </row>
    <row r="540709" spans="8:8">
      <c r="H540709" s="12"/>
    </row>
    <row r="540710" spans="8:8">
      <c r="H540710" s="12"/>
    </row>
    <row r="540711" spans="8:8">
      <c r="H540711" s="12"/>
    </row>
    <row r="540712" spans="8:8">
      <c r="H540712" s="12"/>
    </row>
    <row r="540713" spans="8:8">
      <c r="H540713" s="12"/>
    </row>
    <row r="540714" spans="8:8">
      <c r="H540714" s="12"/>
    </row>
    <row r="540715" spans="8:8">
      <c r="H540715" s="12"/>
    </row>
    <row r="540716" spans="8:8">
      <c r="H540716" s="12"/>
    </row>
    <row r="540717" spans="8:8">
      <c r="H540717" s="12"/>
    </row>
    <row r="540718" spans="8:8">
      <c r="H540718" s="12"/>
    </row>
    <row r="540719" spans="8:8">
      <c r="H540719" s="12"/>
    </row>
    <row r="540720" spans="8:8">
      <c r="H540720" s="12"/>
    </row>
    <row r="540721" spans="8:8">
      <c r="H540721" s="12"/>
    </row>
    <row r="540722" spans="8:8">
      <c r="H540722" s="12"/>
    </row>
    <row r="540723" spans="8:8">
      <c r="H540723" s="12"/>
    </row>
    <row r="540724" spans="8:8">
      <c r="H540724" s="12"/>
    </row>
    <row r="540725" spans="8:8">
      <c r="H540725" s="12"/>
    </row>
    <row r="540726" spans="8:8">
      <c r="H540726" s="12"/>
    </row>
    <row r="540727" spans="8:8">
      <c r="H540727" s="12"/>
    </row>
    <row r="540728" spans="8:8">
      <c r="H540728" s="12"/>
    </row>
    <row r="540729" spans="8:8">
      <c r="H540729" s="12"/>
    </row>
    <row r="540730" spans="8:8">
      <c r="H540730" s="12"/>
    </row>
    <row r="540731" spans="8:8">
      <c r="H540731" s="12"/>
    </row>
    <row r="540732" spans="8:8">
      <c r="H540732" s="12"/>
    </row>
    <row r="540733" spans="8:8">
      <c r="H540733" s="12"/>
    </row>
    <row r="540734" spans="8:8">
      <c r="H540734" s="12"/>
    </row>
    <row r="540735" spans="8:8">
      <c r="H540735" s="12"/>
    </row>
    <row r="540736" spans="8:8">
      <c r="H540736" s="12"/>
    </row>
    <row r="540737" spans="8:8">
      <c r="H540737" s="12"/>
    </row>
    <row r="540738" spans="8:8">
      <c r="H540738" s="12"/>
    </row>
    <row r="540739" spans="8:8">
      <c r="H540739" s="12"/>
    </row>
    <row r="540740" spans="8:8">
      <c r="H540740" s="12"/>
    </row>
    <row r="540741" spans="8:8">
      <c r="H540741" s="12"/>
    </row>
    <row r="540742" spans="8:8">
      <c r="H540742" s="12"/>
    </row>
    <row r="540743" spans="8:8">
      <c r="H540743" s="12"/>
    </row>
    <row r="540744" spans="8:8">
      <c r="H540744" s="12"/>
    </row>
    <row r="540745" spans="8:8">
      <c r="H540745" s="12"/>
    </row>
    <row r="540746" spans="8:8">
      <c r="H540746" s="12"/>
    </row>
    <row r="540747" spans="8:8">
      <c r="H540747" s="12"/>
    </row>
    <row r="540748" spans="8:8">
      <c r="H540748" s="12"/>
    </row>
    <row r="540749" spans="8:8">
      <c r="H540749" s="12"/>
    </row>
    <row r="540750" spans="8:8">
      <c r="H540750" s="12"/>
    </row>
    <row r="540751" spans="8:8">
      <c r="H540751" s="12"/>
    </row>
    <row r="540752" spans="8:8">
      <c r="H540752" s="12"/>
    </row>
    <row r="540753" spans="8:8">
      <c r="H540753" s="12"/>
    </row>
    <row r="540754" spans="8:8">
      <c r="H540754" s="12"/>
    </row>
    <row r="540755" spans="8:8">
      <c r="H540755" s="12"/>
    </row>
    <row r="540756" spans="8:8">
      <c r="H540756" s="12"/>
    </row>
    <row r="540757" spans="8:8">
      <c r="H540757" s="12"/>
    </row>
    <row r="540758" spans="8:8">
      <c r="H540758" s="12"/>
    </row>
    <row r="540759" spans="8:8">
      <c r="H540759" s="12"/>
    </row>
    <row r="540760" spans="8:8">
      <c r="H540760" s="12"/>
    </row>
    <row r="540761" spans="8:8">
      <c r="H540761" s="12"/>
    </row>
    <row r="540762" spans="8:8">
      <c r="H540762" s="12"/>
    </row>
    <row r="540763" spans="8:8">
      <c r="H540763" s="12"/>
    </row>
    <row r="540764" spans="8:8">
      <c r="H540764" s="12"/>
    </row>
    <row r="540765" spans="8:8">
      <c r="H540765" s="12"/>
    </row>
    <row r="540766" spans="8:8">
      <c r="H540766" s="12"/>
    </row>
    <row r="540767" spans="8:8">
      <c r="H540767" s="12"/>
    </row>
    <row r="540768" spans="8:8">
      <c r="H540768" s="12"/>
    </row>
    <row r="540769" spans="8:8">
      <c r="H540769" s="12"/>
    </row>
    <row r="540770" spans="8:8">
      <c r="H540770" s="12"/>
    </row>
    <row r="540771" spans="8:8">
      <c r="H540771" s="12"/>
    </row>
    <row r="540772" spans="8:8">
      <c r="H540772" s="12"/>
    </row>
    <row r="540773" spans="8:8">
      <c r="H540773" s="12"/>
    </row>
    <row r="540774" spans="8:8">
      <c r="H540774" s="12"/>
    </row>
    <row r="540775" spans="8:8">
      <c r="H540775" s="12"/>
    </row>
    <row r="540776" spans="8:8">
      <c r="H540776" s="12"/>
    </row>
    <row r="540777" spans="8:8">
      <c r="H540777" s="12"/>
    </row>
    <row r="540778" spans="8:8">
      <c r="H540778" s="12"/>
    </row>
    <row r="540779" spans="8:8">
      <c r="H540779" s="12"/>
    </row>
    <row r="540780" spans="8:8">
      <c r="H540780" s="12"/>
    </row>
    <row r="540781" spans="8:8">
      <c r="H540781" s="12"/>
    </row>
    <row r="540782" spans="8:8">
      <c r="H540782" s="12"/>
    </row>
    <row r="540783" spans="8:8">
      <c r="H540783" s="12"/>
    </row>
    <row r="540784" spans="8:8">
      <c r="H540784" s="12"/>
    </row>
    <row r="540785" spans="8:8">
      <c r="H540785" s="12"/>
    </row>
    <row r="540786" spans="8:8">
      <c r="H540786" s="12"/>
    </row>
    <row r="540787" spans="8:8">
      <c r="H540787" s="12"/>
    </row>
    <row r="540788" spans="8:8">
      <c r="H540788" s="12"/>
    </row>
    <row r="540789" spans="8:8">
      <c r="H540789" s="12"/>
    </row>
    <row r="540790" spans="8:8">
      <c r="H540790" s="12"/>
    </row>
    <row r="540791" spans="8:8">
      <c r="H540791" s="12"/>
    </row>
    <row r="540792" spans="8:8">
      <c r="H540792" s="12"/>
    </row>
    <row r="540793" spans="8:8">
      <c r="H540793" s="12"/>
    </row>
    <row r="540794" spans="8:8">
      <c r="H540794" s="12"/>
    </row>
    <row r="540795" spans="8:8">
      <c r="H540795" s="12"/>
    </row>
    <row r="540796" spans="8:8">
      <c r="H540796" s="12"/>
    </row>
    <row r="540797" spans="8:8">
      <c r="H540797" s="12"/>
    </row>
    <row r="540798" spans="8:8">
      <c r="H540798" s="12"/>
    </row>
    <row r="540799" spans="8:8">
      <c r="H540799" s="12"/>
    </row>
    <row r="540800" spans="8:8">
      <c r="H540800" s="12"/>
    </row>
    <row r="540801" spans="8:8">
      <c r="H540801" s="12"/>
    </row>
    <row r="540802" spans="8:8">
      <c r="H540802" s="12"/>
    </row>
    <row r="540803" spans="8:8">
      <c r="H540803" s="12"/>
    </row>
    <row r="540804" spans="8:8">
      <c r="H540804" s="12"/>
    </row>
    <row r="540805" spans="8:8">
      <c r="H540805" s="12"/>
    </row>
    <row r="540806" spans="8:8">
      <c r="H540806" s="12"/>
    </row>
    <row r="540807" spans="8:8">
      <c r="H540807" s="12"/>
    </row>
    <row r="540808" spans="8:8">
      <c r="H540808" s="12"/>
    </row>
    <row r="540809" spans="8:8">
      <c r="H540809" s="12"/>
    </row>
    <row r="540810" spans="8:8">
      <c r="H540810" s="12"/>
    </row>
    <row r="540811" spans="8:8">
      <c r="H540811" s="12"/>
    </row>
    <row r="540812" spans="8:8">
      <c r="H540812" s="12"/>
    </row>
    <row r="540813" spans="8:8">
      <c r="H540813" s="12"/>
    </row>
    <row r="540814" spans="8:8">
      <c r="H540814" s="12"/>
    </row>
    <row r="540815" spans="8:8">
      <c r="H540815" s="12"/>
    </row>
    <row r="540816" spans="8:8">
      <c r="H540816" s="12"/>
    </row>
    <row r="540817" spans="8:8">
      <c r="H540817" s="12"/>
    </row>
    <row r="540818" spans="8:8">
      <c r="H540818" s="12"/>
    </row>
    <row r="540819" spans="8:8">
      <c r="H540819" s="12"/>
    </row>
    <row r="540820" spans="8:8">
      <c r="H540820" s="12"/>
    </row>
    <row r="540821" spans="8:8">
      <c r="H540821" s="12"/>
    </row>
    <row r="540822" spans="8:8">
      <c r="H540822" s="12"/>
    </row>
    <row r="540823" spans="8:8">
      <c r="H540823" s="12"/>
    </row>
    <row r="540824" spans="8:8">
      <c r="H540824" s="12"/>
    </row>
    <row r="540825" spans="8:8">
      <c r="H540825" s="12"/>
    </row>
    <row r="540826" spans="8:8">
      <c r="H540826" s="12"/>
    </row>
    <row r="540827" spans="8:8">
      <c r="H540827" s="12"/>
    </row>
    <row r="540828" spans="8:8">
      <c r="H540828" s="12"/>
    </row>
    <row r="540829" spans="8:8">
      <c r="H540829" s="12"/>
    </row>
    <row r="540830" spans="8:8">
      <c r="H540830" s="12"/>
    </row>
    <row r="540831" spans="8:8">
      <c r="H540831" s="12"/>
    </row>
    <row r="540832" spans="8:8">
      <c r="H540832" s="12"/>
    </row>
    <row r="540833" spans="8:8">
      <c r="H540833" s="12"/>
    </row>
    <row r="540834" spans="8:8">
      <c r="H540834" s="12"/>
    </row>
    <row r="540835" spans="8:8">
      <c r="H540835" s="12"/>
    </row>
    <row r="540836" spans="8:8">
      <c r="H540836" s="12"/>
    </row>
    <row r="540837" spans="8:8">
      <c r="H540837" s="12"/>
    </row>
    <row r="540838" spans="8:8">
      <c r="H540838" s="12"/>
    </row>
    <row r="540839" spans="8:8">
      <c r="H540839" s="12"/>
    </row>
    <row r="540840" spans="8:8">
      <c r="H540840" s="12"/>
    </row>
    <row r="540841" spans="8:8">
      <c r="H540841" s="12"/>
    </row>
    <row r="540842" spans="8:8">
      <c r="H540842" s="12"/>
    </row>
    <row r="540843" spans="8:8">
      <c r="H540843" s="12"/>
    </row>
    <row r="540844" spans="8:8">
      <c r="H540844" s="12"/>
    </row>
    <row r="540845" spans="8:8">
      <c r="H540845" s="12"/>
    </row>
    <row r="540846" spans="8:8">
      <c r="H540846" s="12"/>
    </row>
    <row r="540847" spans="8:8">
      <c r="H540847" s="12"/>
    </row>
    <row r="540848" spans="8:8">
      <c r="H540848" s="12"/>
    </row>
    <row r="540849" spans="8:8">
      <c r="H540849" s="12"/>
    </row>
    <row r="540850" spans="8:8">
      <c r="H540850" s="12"/>
    </row>
    <row r="540851" spans="8:8">
      <c r="H540851" s="12"/>
    </row>
    <row r="540852" spans="8:8">
      <c r="H540852" s="12"/>
    </row>
    <row r="540853" spans="8:8">
      <c r="H540853" s="12"/>
    </row>
    <row r="540854" spans="8:8">
      <c r="H540854" s="12"/>
    </row>
    <row r="540855" spans="8:8">
      <c r="H540855" s="12"/>
    </row>
    <row r="540856" spans="8:8">
      <c r="H540856" s="12"/>
    </row>
    <row r="540857" spans="8:8">
      <c r="H540857" s="12"/>
    </row>
    <row r="540858" spans="8:8">
      <c r="H540858" s="12"/>
    </row>
    <row r="540859" spans="8:8">
      <c r="H540859" s="12"/>
    </row>
    <row r="540860" spans="8:8">
      <c r="H540860" s="12"/>
    </row>
    <row r="540861" spans="8:8">
      <c r="H540861" s="12"/>
    </row>
    <row r="540862" spans="8:8">
      <c r="H540862" s="12"/>
    </row>
    <row r="540863" spans="8:8">
      <c r="H540863" s="12"/>
    </row>
    <row r="540864" spans="8:8">
      <c r="H540864" s="12"/>
    </row>
    <row r="540865" spans="8:8">
      <c r="H540865" s="12"/>
    </row>
    <row r="540866" spans="8:8">
      <c r="H540866" s="12"/>
    </row>
    <row r="540867" spans="8:8">
      <c r="H540867" s="12"/>
    </row>
    <row r="540868" spans="8:8">
      <c r="H540868" s="12"/>
    </row>
    <row r="540869" spans="8:8">
      <c r="H540869" s="12"/>
    </row>
    <row r="540870" spans="8:8">
      <c r="H540870" s="12"/>
    </row>
    <row r="540871" spans="8:8">
      <c r="H540871" s="12"/>
    </row>
    <row r="540872" spans="8:8">
      <c r="H540872" s="12"/>
    </row>
    <row r="540873" spans="8:8">
      <c r="H540873" s="12"/>
    </row>
    <row r="540874" spans="8:8">
      <c r="H540874" s="12"/>
    </row>
    <row r="540875" spans="8:8">
      <c r="H540875" s="12"/>
    </row>
    <row r="540876" spans="8:8">
      <c r="H540876" s="12"/>
    </row>
    <row r="540877" spans="8:8">
      <c r="H540877" s="12"/>
    </row>
    <row r="540878" spans="8:8">
      <c r="H540878" s="12"/>
    </row>
    <row r="540879" spans="8:8">
      <c r="H540879" s="12"/>
    </row>
    <row r="540880" spans="8:8">
      <c r="H540880" s="12"/>
    </row>
    <row r="540881" spans="8:8">
      <c r="H540881" s="12"/>
    </row>
    <row r="540882" spans="8:8">
      <c r="H540882" s="12"/>
    </row>
    <row r="540883" spans="8:8">
      <c r="H540883" s="12"/>
    </row>
    <row r="540884" spans="8:8">
      <c r="H540884" s="12"/>
    </row>
    <row r="540885" spans="8:8">
      <c r="H540885" s="12"/>
    </row>
    <row r="540886" spans="8:8">
      <c r="H540886" s="12"/>
    </row>
    <row r="540887" spans="8:8">
      <c r="H540887" s="12"/>
    </row>
    <row r="540888" spans="8:8">
      <c r="H540888" s="12"/>
    </row>
    <row r="540889" spans="8:8">
      <c r="H540889" s="12"/>
    </row>
    <row r="540890" spans="8:8">
      <c r="H540890" s="12"/>
    </row>
    <row r="540891" spans="8:8">
      <c r="H540891" s="12"/>
    </row>
    <row r="540892" spans="8:8">
      <c r="H540892" s="12"/>
    </row>
    <row r="540893" spans="8:8">
      <c r="H540893" s="12"/>
    </row>
    <row r="540894" spans="8:8">
      <c r="H540894" s="12"/>
    </row>
    <row r="540895" spans="8:8">
      <c r="H540895" s="12"/>
    </row>
    <row r="540896" spans="8:8">
      <c r="H540896" s="12"/>
    </row>
    <row r="540897" spans="8:8">
      <c r="H540897" s="12"/>
    </row>
    <row r="540898" spans="8:8">
      <c r="H540898" s="12"/>
    </row>
    <row r="540899" spans="8:8">
      <c r="H540899" s="12"/>
    </row>
    <row r="540900" spans="8:8">
      <c r="H540900" s="12"/>
    </row>
    <row r="540901" spans="8:8">
      <c r="H540901" s="12"/>
    </row>
    <row r="540902" spans="8:8">
      <c r="H540902" s="12"/>
    </row>
    <row r="540903" spans="8:8">
      <c r="H540903" s="12"/>
    </row>
    <row r="540904" spans="8:8">
      <c r="H540904" s="12"/>
    </row>
    <row r="540905" spans="8:8">
      <c r="H540905" s="12"/>
    </row>
    <row r="540906" spans="8:8">
      <c r="H540906" s="12"/>
    </row>
    <row r="540907" spans="8:8">
      <c r="H540907" s="12"/>
    </row>
    <row r="540908" spans="8:8">
      <c r="H540908" s="12"/>
    </row>
    <row r="540909" spans="8:8">
      <c r="H540909" s="12"/>
    </row>
    <row r="540910" spans="8:8">
      <c r="H540910" s="12"/>
    </row>
    <row r="540911" spans="8:8">
      <c r="H540911" s="12"/>
    </row>
    <row r="540912" spans="8:8">
      <c r="H540912" s="12"/>
    </row>
    <row r="540913" spans="8:8">
      <c r="H540913" s="12"/>
    </row>
    <row r="540914" spans="8:8">
      <c r="H540914" s="12"/>
    </row>
    <row r="540915" spans="8:8">
      <c r="H540915" s="12"/>
    </row>
    <row r="540916" spans="8:8">
      <c r="H540916" s="12"/>
    </row>
    <row r="540917" spans="8:8">
      <c r="H540917" s="12"/>
    </row>
    <row r="540918" spans="8:8">
      <c r="H540918" s="12"/>
    </row>
    <row r="540919" spans="8:8">
      <c r="H540919" s="12"/>
    </row>
    <row r="540920" spans="8:8">
      <c r="H540920" s="12"/>
    </row>
    <row r="540921" spans="8:8">
      <c r="H540921" s="12"/>
    </row>
    <row r="540922" spans="8:8">
      <c r="H540922" s="12"/>
    </row>
    <row r="540923" spans="8:8">
      <c r="H540923" s="12"/>
    </row>
    <row r="540924" spans="8:8">
      <c r="H540924" s="12"/>
    </row>
    <row r="540925" spans="8:8">
      <c r="H540925" s="12"/>
    </row>
    <row r="540926" spans="8:8">
      <c r="H540926" s="12"/>
    </row>
    <row r="540927" spans="8:8">
      <c r="H540927" s="12"/>
    </row>
    <row r="540928" spans="8:8">
      <c r="H540928" s="12"/>
    </row>
    <row r="540929" spans="8:8">
      <c r="H540929" s="12"/>
    </row>
    <row r="540930" spans="8:8">
      <c r="H540930" s="12"/>
    </row>
    <row r="540931" spans="8:8">
      <c r="H540931" s="12"/>
    </row>
    <row r="540932" spans="8:8">
      <c r="H540932" s="12"/>
    </row>
    <row r="540933" spans="8:8">
      <c r="H540933" s="12"/>
    </row>
    <row r="540934" spans="8:8">
      <c r="H540934" s="12"/>
    </row>
    <row r="540935" spans="8:8">
      <c r="H540935" s="12"/>
    </row>
    <row r="540936" spans="8:8">
      <c r="H540936" s="12"/>
    </row>
    <row r="540937" spans="8:8">
      <c r="H540937" s="12"/>
    </row>
    <row r="540938" spans="8:8">
      <c r="H540938" s="12"/>
    </row>
    <row r="540939" spans="8:8">
      <c r="H540939" s="12"/>
    </row>
    <row r="540940" spans="8:8">
      <c r="H540940" s="12"/>
    </row>
    <row r="540941" spans="8:8">
      <c r="H540941" s="12"/>
    </row>
    <row r="540942" spans="8:8">
      <c r="H540942" s="12"/>
    </row>
    <row r="540943" spans="8:8">
      <c r="H540943" s="12"/>
    </row>
    <row r="540944" spans="8:8">
      <c r="H540944" s="12"/>
    </row>
    <row r="540945" spans="8:8">
      <c r="H540945" s="12"/>
    </row>
    <row r="540946" spans="8:8">
      <c r="H540946" s="12"/>
    </row>
    <row r="540947" spans="8:8">
      <c r="H540947" s="12"/>
    </row>
    <row r="540948" spans="8:8">
      <c r="H540948" s="12"/>
    </row>
    <row r="540949" spans="8:8">
      <c r="H540949" s="12"/>
    </row>
    <row r="540950" spans="8:8">
      <c r="H540950" s="12"/>
    </row>
    <row r="540951" spans="8:8">
      <c r="H540951" s="12"/>
    </row>
    <row r="540952" spans="8:8">
      <c r="H540952" s="12"/>
    </row>
    <row r="540953" spans="8:8">
      <c r="H540953" s="12"/>
    </row>
    <row r="540954" spans="8:8">
      <c r="H540954" s="12"/>
    </row>
    <row r="540955" spans="8:8">
      <c r="H540955" s="12"/>
    </row>
    <row r="540956" spans="8:8">
      <c r="H540956" s="12"/>
    </row>
    <row r="540957" spans="8:8">
      <c r="H540957" s="12"/>
    </row>
    <row r="540958" spans="8:8">
      <c r="H540958" s="12"/>
    </row>
    <row r="540959" spans="8:8">
      <c r="H540959" s="12"/>
    </row>
    <row r="540960" spans="8:8">
      <c r="H540960" s="12"/>
    </row>
    <row r="540961" spans="8:8">
      <c r="H540961" s="12"/>
    </row>
    <row r="540962" spans="8:8">
      <c r="H540962" s="12"/>
    </row>
    <row r="540963" spans="8:8">
      <c r="H540963" s="12"/>
    </row>
    <row r="540964" spans="8:8">
      <c r="H540964" s="12"/>
    </row>
    <row r="540965" spans="8:8">
      <c r="H540965" s="12"/>
    </row>
    <row r="540966" spans="8:8">
      <c r="H540966" s="12"/>
    </row>
    <row r="540967" spans="8:8">
      <c r="H540967" s="12"/>
    </row>
    <row r="540968" spans="8:8">
      <c r="H540968" s="12"/>
    </row>
    <row r="540969" spans="8:8">
      <c r="H540969" s="12"/>
    </row>
    <row r="540970" spans="8:8">
      <c r="H540970" s="12"/>
    </row>
    <row r="540971" spans="8:8">
      <c r="H540971" s="12"/>
    </row>
    <row r="540972" spans="8:8">
      <c r="H540972" s="12"/>
    </row>
    <row r="540973" spans="8:8">
      <c r="H540973" s="12"/>
    </row>
    <row r="540974" spans="8:8">
      <c r="H540974" s="12"/>
    </row>
    <row r="540975" spans="8:8">
      <c r="H540975" s="12"/>
    </row>
    <row r="540976" spans="8:8">
      <c r="H540976" s="12"/>
    </row>
    <row r="540977" spans="8:8">
      <c r="H540977" s="12"/>
    </row>
    <row r="540978" spans="8:8">
      <c r="H540978" s="12"/>
    </row>
    <row r="540979" spans="8:8">
      <c r="H540979" s="12"/>
    </row>
    <row r="540980" spans="8:8">
      <c r="H540980" s="12"/>
    </row>
    <row r="540981" spans="8:8">
      <c r="H540981" s="12"/>
    </row>
    <row r="540982" spans="8:8">
      <c r="H540982" s="12"/>
    </row>
    <row r="540983" spans="8:8">
      <c r="H540983" s="12"/>
    </row>
    <row r="540984" spans="8:8">
      <c r="H540984" s="12"/>
    </row>
    <row r="540985" spans="8:8">
      <c r="H540985" s="12"/>
    </row>
    <row r="540986" spans="8:8">
      <c r="H540986" s="12"/>
    </row>
    <row r="540987" spans="8:8">
      <c r="H540987" s="12"/>
    </row>
    <row r="540988" spans="8:8">
      <c r="H540988" s="12"/>
    </row>
    <row r="540989" spans="8:8">
      <c r="H540989" s="12"/>
    </row>
    <row r="540990" spans="8:8">
      <c r="H540990" s="12"/>
    </row>
    <row r="540991" spans="8:8">
      <c r="H540991" s="12"/>
    </row>
    <row r="540992" spans="8:8">
      <c r="H540992" s="12"/>
    </row>
    <row r="540993" spans="8:8">
      <c r="H540993" s="12"/>
    </row>
    <row r="540994" spans="8:8">
      <c r="H540994" s="12"/>
    </row>
    <row r="540995" spans="8:8">
      <c r="H540995" s="12"/>
    </row>
    <row r="540996" spans="8:8">
      <c r="H540996" s="12"/>
    </row>
    <row r="540997" spans="8:8">
      <c r="H540997" s="12"/>
    </row>
    <row r="540998" spans="8:8">
      <c r="H540998" s="12"/>
    </row>
    <row r="540999" spans="8:8">
      <c r="H540999" s="12"/>
    </row>
    <row r="541000" spans="8:8">
      <c r="H541000" s="12"/>
    </row>
    <row r="541001" spans="8:8">
      <c r="H541001" s="12"/>
    </row>
    <row r="541002" spans="8:8">
      <c r="H541002" s="12"/>
    </row>
    <row r="541003" spans="8:8">
      <c r="H541003" s="12"/>
    </row>
    <row r="541004" spans="8:8">
      <c r="H541004" s="12"/>
    </row>
    <row r="541005" spans="8:8">
      <c r="H541005" s="12"/>
    </row>
    <row r="541006" spans="8:8">
      <c r="H541006" s="12"/>
    </row>
    <row r="541007" spans="8:8">
      <c r="H541007" s="12"/>
    </row>
    <row r="541008" spans="8:8">
      <c r="H541008" s="12"/>
    </row>
    <row r="541009" spans="8:8">
      <c r="H541009" s="12"/>
    </row>
    <row r="541010" spans="8:8">
      <c r="H541010" s="12"/>
    </row>
    <row r="541011" spans="8:8">
      <c r="H541011" s="12"/>
    </row>
    <row r="541012" spans="8:8">
      <c r="H541012" s="12"/>
    </row>
    <row r="541013" spans="8:8">
      <c r="H541013" s="12"/>
    </row>
    <row r="541014" spans="8:8">
      <c r="H541014" s="12"/>
    </row>
    <row r="541015" spans="8:8">
      <c r="H541015" s="12"/>
    </row>
    <row r="541016" spans="8:8">
      <c r="H541016" s="12"/>
    </row>
    <row r="541017" spans="8:8">
      <c r="H541017" s="12"/>
    </row>
    <row r="541018" spans="8:8">
      <c r="H541018" s="12"/>
    </row>
    <row r="541019" spans="8:8">
      <c r="H541019" s="12"/>
    </row>
    <row r="541020" spans="8:8">
      <c r="H541020" s="12"/>
    </row>
    <row r="541021" spans="8:8">
      <c r="H541021" s="12"/>
    </row>
    <row r="541022" spans="8:8">
      <c r="H541022" s="12"/>
    </row>
    <row r="541023" spans="8:8">
      <c r="H541023" s="12"/>
    </row>
    <row r="541024" spans="8:8">
      <c r="H541024" s="12"/>
    </row>
    <row r="541025" spans="8:8">
      <c r="H541025" s="12"/>
    </row>
    <row r="541026" spans="8:8">
      <c r="H541026" s="12"/>
    </row>
    <row r="541027" spans="8:8">
      <c r="H541027" s="12"/>
    </row>
    <row r="541028" spans="8:8">
      <c r="H541028" s="12"/>
    </row>
    <row r="541029" spans="8:8">
      <c r="H541029" s="12"/>
    </row>
    <row r="541030" spans="8:8">
      <c r="H541030" s="12"/>
    </row>
    <row r="541031" spans="8:8">
      <c r="H541031" s="12"/>
    </row>
    <row r="541032" spans="8:8">
      <c r="H541032" s="12"/>
    </row>
    <row r="541033" spans="8:8">
      <c r="H541033" s="12"/>
    </row>
    <row r="541034" spans="8:8">
      <c r="H541034" s="12"/>
    </row>
    <row r="541035" spans="8:8">
      <c r="H541035" s="12"/>
    </row>
    <row r="541036" spans="8:8">
      <c r="H541036" s="12"/>
    </row>
    <row r="541037" spans="8:8">
      <c r="H541037" s="12"/>
    </row>
    <row r="541038" spans="8:8">
      <c r="H541038" s="12"/>
    </row>
    <row r="541039" spans="8:8">
      <c r="H541039" s="12"/>
    </row>
    <row r="541040" spans="8:8">
      <c r="H541040" s="12"/>
    </row>
    <row r="541041" spans="8:8">
      <c r="H541041" s="12"/>
    </row>
    <row r="541042" spans="8:8">
      <c r="H541042" s="12"/>
    </row>
    <row r="541043" spans="8:8">
      <c r="H541043" s="12"/>
    </row>
    <row r="541044" spans="8:8">
      <c r="H541044" s="12"/>
    </row>
    <row r="541045" spans="8:8">
      <c r="H541045" s="12"/>
    </row>
    <row r="541046" spans="8:8">
      <c r="H541046" s="12"/>
    </row>
    <row r="541047" spans="8:8">
      <c r="H541047" s="12"/>
    </row>
    <row r="541048" spans="8:8">
      <c r="H541048" s="12"/>
    </row>
    <row r="541049" spans="8:8">
      <c r="H541049" s="12"/>
    </row>
    <row r="541050" spans="8:8">
      <c r="H541050" s="12"/>
    </row>
    <row r="541051" spans="8:8">
      <c r="H541051" s="12"/>
    </row>
    <row r="541052" spans="8:8">
      <c r="H541052" s="12"/>
    </row>
    <row r="541053" spans="8:8">
      <c r="H541053" s="12"/>
    </row>
    <row r="541054" spans="8:8">
      <c r="H541054" s="12"/>
    </row>
    <row r="541055" spans="8:8">
      <c r="H541055" s="12"/>
    </row>
    <row r="541056" spans="8:8">
      <c r="H541056" s="12"/>
    </row>
    <row r="541057" spans="8:8">
      <c r="H541057" s="12"/>
    </row>
    <row r="541058" spans="8:8">
      <c r="H541058" s="12"/>
    </row>
    <row r="541059" spans="8:8">
      <c r="H541059" s="12"/>
    </row>
    <row r="541060" spans="8:8">
      <c r="H541060" s="12"/>
    </row>
    <row r="541061" spans="8:8">
      <c r="H541061" s="12"/>
    </row>
    <row r="541062" spans="8:8">
      <c r="H541062" s="12"/>
    </row>
    <row r="541063" spans="8:8">
      <c r="H541063" s="12"/>
    </row>
    <row r="541064" spans="8:8">
      <c r="H541064" s="12"/>
    </row>
    <row r="541065" spans="8:8">
      <c r="H541065" s="12"/>
    </row>
    <row r="541066" spans="8:8">
      <c r="H541066" s="12"/>
    </row>
    <row r="541067" spans="8:8">
      <c r="H541067" s="12"/>
    </row>
    <row r="541068" spans="8:8">
      <c r="H541068" s="12"/>
    </row>
    <row r="541069" spans="8:8">
      <c r="H541069" s="12"/>
    </row>
    <row r="541070" spans="8:8">
      <c r="H541070" s="12"/>
    </row>
    <row r="541071" spans="8:8">
      <c r="H541071" s="12"/>
    </row>
    <row r="541072" spans="8:8">
      <c r="H541072" s="12"/>
    </row>
    <row r="541073" spans="8:8">
      <c r="H541073" s="12"/>
    </row>
    <row r="541074" spans="8:8">
      <c r="H541074" s="12"/>
    </row>
    <row r="541075" spans="8:8">
      <c r="H541075" s="12"/>
    </row>
    <row r="541076" spans="8:8">
      <c r="H541076" s="12"/>
    </row>
    <row r="541077" spans="8:8">
      <c r="H541077" s="12"/>
    </row>
    <row r="541078" spans="8:8">
      <c r="H541078" s="12"/>
    </row>
    <row r="541079" spans="8:8">
      <c r="H541079" s="12"/>
    </row>
    <row r="541080" spans="8:8">
      <c r="H541080" s="12"/>
    </row>
    <row r="541081" spans="8:8">
      <c r="H541081" s="12"/>
    </row>
    <row r="541082" spans="8:8">
      <c r="H541082" s="12"/>
    </row>
    <row r="541083" spans="8:8">
      <c r="H541083" s="12"/>
    </row>
    <row r="541084" spans="8:8">
      <c r="H541084" s="12"/>
    </row>
    <row r="541085" spans="8:8">
      <c r="H541085" s="12"/>
    </row>
    <row r="541086" spans="8:8">
      <c r="H541086" s="12"/>
    </row>
    <row r="541087" spans="8:8">
      <c r="H541087" s="12"/>
    </row>
    <row r="541088" spans="8:8">
      <c r="H541088" s="12"/>
    </row>
    <row r="541089" spans="8:8">
      <c r="H541089" s="12"/>
    </row>
    <row r="541090" spans="8:8">
      <c r="H541090" s="12"/>
    </row>
    <row r="541091" spans="8:8">
      <c r="H541091" s="12"/>
    </row>
    <row r="541092" spans="8:8">
      <c r="H541092" s="12"/>
    </row>
    <row r="541093" spans="8:8">
      <c r="H541093" s="12"/>
    </row>
    <row r="541094" spans="8:8">
      <c r="H541094" s="12"/>
    </row>
    <row r="541095" spans="8:8">
      <c r="H541095" s="12"/>
    </row>
    <row r="541096" spans="8:8">
      <c r="H541096" s="12"/>
    </row>
    <row r="541097" spans="8:8">
      <c r="H541097" s="12"/>
    </row>
    <row r="541098" spans="8:8">
      <c r="H541098" s="12"/>
    </row>
    <row r="541099" spans="8:8">
      <c r="H541099" s="12"/>
    </row>
    <row r="541100" spans="8:8">
      <c r="H541100" s="12"/>
    </row>
    <row r="541101" spans="8:8">
      <c r="H541101" s="12"/>
    </row>
    <row r="541102" spans="8:8">
      <c r="H541102" s="12"/>
    </row>
    <row r="541103" spans="8:8">
      <c r="H541103" s="12"/>
    </row>
    <row r="541104" spans="8:8">
      <c r="H541104" s="12"/>
    </row>
    <row r="541105" spans="8:8">
      <c r="H541105" s="12"/>
    </row>
    <row r="541106" spans="8:8">
      <c r="H541106" s="12"/>
    </row>
    <row r="541107" spans="8:8">
      <c r="H541107" s="12"/>
    </row>
    <row r="541108" spans="8:8">
      <c r="H541108" s="12"/>
    </row>
    <row r="541109" spans="8:8">
      <c r="H541109" s="12"/>
    </row>
    <row r="541110" spans="8:8">
      <c r="H541110" s="12"/>
    </row>
    <row r="541111" spans="8:8">
      <c r="H541111" s="12"/>
    </row>
    <row r="541112" spans="8:8">
      <c r="H541112" s="12"/>
    </row>
    <row r="541113" spans="8:8">
      <c r="H541113" s="12"/>
    </row>
    <row r="541114" spans="8:8">
      <c r="H541114" s="12"/>
    </row>
    <row r="541115" spans="8:8">
      <c r="H541115" s="12"/>
    </row>
    <row r="541116" spans="8:8">
      <c r="H541116" s="12"/>
    </row>
    <row r="541117" spans="8:8">
      <c r="H541117" s="12"/>
    </row>
    <row r="541118" spans="8:8">
      <c r="H541118" s="12"/>
    </row>
    <row r="541119" spans="8:8">
      <c r="H541119" s="12"/>
    </row>
    <row r="541120" spans="8:8">
      <c r="H541120" s="12"/>
    </row>
    <row r="541121" spans="8:8">
      <c r="H541121" s="12"/>
    </row>
    <row r="541122" spans="8:8">
      <c r="H541122" s="12"/>
    </row>
    <row r="541123" spans="8:8">
      <c r="H541123" s="12"/>
    </row>
    <row r="541124" spans="8:8">
      <c r="H541124" s="12"/>
    </row>
    <row r="541125" spans="8:8">
      <c r="H541125" s="12"/>
    </row>
    <row r="541126" spans="8:8">
      <c r="H541126" s="12"/>
    </row>
    <row r="541127" spans="8:8">
      <c r="H541127" s="12"/>
    </row>
    <row r="541128" spans="8:8">
      <c r="H541128" s="12"/>
    </row>
    <row r="541129" spans="8:8">
      <c r="H541129" s="12"/>
    </row>
    <row r="541130" spans="8:8">
      <c r="H541130" s="12"/>
    </row>
    <row r="541131" spans="8:8">
      <c r="H541131" s="12"/>
    </row>
    <row r="541132" spans="8:8">
      <c r="H541132" s="12"/>
    </row>
    <row r="541133" spans="8:8">
      <c r="H541133" s="12"/>
    </row>
    <row r="541134" spans="8:8">
      <c r="H541134" s="12"/>
    </row>
    <row r="541135" spans="8:8">
      <c r="H541135" s="12"/>
    </row>
    <row r="541136" spans="8:8">
      <c r="H541136" s="12"/>
    </row>
    <row r="541137" spans="8:8">
      <c r="H541137" s="12"/>
    </row>
    <row r="541138" spans="8:8">
      <c r="H541138" s="12"/>
    </row>
    <row r="541139" spans="8:8">
      <c r="H541139" s="12"/>
    </row>
    <row r="541140" spans="8:8">
      <c r="H541140" s="12"/>
    </row>
    <row r="541141" spans="8:8">
      <c r="H541141" s="12"/>
    </row>
    <row r="541142" spans="8:8">
      <c r="H541142" s="12"/>
    </row>
    <row r="541143" spans="8:8">
      <c r="H541143" s="12"/>
    </row>
    <row r="541144" spans="8:8">
      <c r="H541144" s="12"/>
    </row>
    <row r="541145" spans="8:8">
      <c r="H541145" s="12"/>
    </row>
    <row r="541146" spans="8:8">
      <c r="H541146" s="12"/>
    </row>
    <row r="541147" spans="8:8">
      <c r="H541147" s="12"/>
    </row>
    <row r="541148" spans="8:8">
      <c r="H541148" s="12"/>
    </row>
    <row r="541149" spans="8:8">
      <c r="H541149" s="12"/>
    </row>
    <row r="541150" spans="8:8">
      <c r="H541150" s="12"/>
    </row>
    <row r="541151" spans="8:8">
      <c r="H541151" s="12"/>
    </row>
    <row r="541152" spans="8:8">
      <c r="H541152" s="12"/>
    </row>
    <row r="541153" spans="8:8">
      <c r="H541153" s="12"/>
    </row>
    <row r="541154" spans="8:8">
      <c r="H541154" s="12"/>
    </row>
    <row r="541155" spans="8:8">
      <c r="H541155" s="12"/>
    </row>
    <row r="541156" spans="8:8">
      <c r="H541156" s="12"/>
    </row>
    <row r="541157" spans="8:8">
      <c r="H541157" s="12"/>
    </row>
    <row r="541158" spans="8:8">
      <c r="H541158" s="12"/>
    </row>
    <row r="541159" spans="8:8">
      <c r="H541159" s="12"/>
    </row>
    <row r="541160" spans="8:8">
      <c r="H541160" s="12"/>
    </row>
    <row r="541161" spans="8:8">
      <c r="H541161" s="12"/>
    </row>
    <row r="541162" spans="8:8">
      <c r="H541162" s="12"/>
    </row>
    <row r="541163" spans="8:8">
      <c r="H541163" s="12"/>
    </row>
    <row r="541164" spans="8:8">
      <c r="H541164" s="12"/>
    </row>
    <row r="541165" spans="8:8">
      <c r="H541165" s="12"/>
    </row>
    <row r="541166" spans="8:8">
      <c r="H541166" s="12"/>
    </row>
    <row r="541167" spans="8:8">
      <c r="H541167" s="12"/>
    </row>
    <row r="541168" spans="8:8">
      <c r="H541168" s="12"/>
    </row>
    <row r="541169" spans="8:8">
      <c r="H541169" s="12"/>
    </row>
    <row r="541170" spans="8:8">
      <c r="H541170" s="12"/>
    </row>
    <row r="541171" spans="8:8">
      <c r="H541171" s="12"/>
    </row>
    <row r="541172" spans="8:8">
      <c r="H541172" s="12"/>
    </row>
    <row r="541173" spans="8:8">
      <c r="H541173" s="12"/>
    </row>
    <row r="541174" spans="8:8">
      <c r="H541174" s="12"/>
    </row>
    <row r="541175" spans="8:8">
      <c r="H541175" s="12"/>
    </row>
    <row r="541176" spans="8:8">
      <c r="H541176" s="12"/>
    </row>
    <row r="541177" spans="8:8">
      <c r="H541177" s="12"/>
    </row>
    <row r="541178" spans="8:8">
      <c r="H541178" s="12"/>
    </row>
    <row r="541179" spans="8:8">
      <c r="H541179" s="12"/>
    </row>
    <row r="541180" spans="8:8">
      <c r="H541180" s="12"/>
    </row>
    <row r="541181" spans="8:8">
      <c r="H541181" s="12"/>
    </row>
    <row r="541182" spans="8:8">
      <c r="H541182" s="12"/>
    </row>
    <row r="541183" spans="8:8">
      <c r="H541183" s="12"/>
    </row>
    <row r="541184" spans="8:8">
      <c r="H541184" s="12"/>
    </row>
    <row r="541185" spans="8:8">
      <c r="H541185" s="12"/>
    </row>
    <row r="541186" spans="8:8">
      <c r="H541186" s="12"/>
    </row>
    <row r="541187" spans="8:8">
      <c r="H541187" s="12"/>
    </row>
    <row r="541188" spans="8:8">
      <c r="H541188" s="12"/>
    </row>
    <row r="541189" spans="8:8">
      <c r="H541189" s="12"/>
    </row>
    <row r="541190" spans="8:8">
      <c r="H541190" s="12"/>
    </row>
    <row r="541191" spans="8:8">
      <c r="H541191" s="12"/>
    </row>
    <row r="541192" spans="8:8">
      <c r="H541192" s="12"/>
    </row>
    <row r="541193" spans="8:8">
      <c r="H541193" s="12"/>
    </row>
    <row r="541194" spans="8:8">
      <c r="H541194" s="12"/>
    </row>
    <row r="541195" spans="8:8">
      <c r="H541195" s="12"/>
    </row>
    <row r="541196" spans="8:8">
      <c r="H541196" s="12"/>
    </row>
    <row r="541197" spans="8:8">
      <c r="H541197" s="12"/>
    </row>
    <row r="541198" spans="8:8">
      <c r="H541198" s="12"/>
    </row>
    <row r="541199" spans="8:8">
      <c r="H541199" s="12"/>
    </row>
    <row r="541200" spans="8:8">
      <c r="H541200" s="12"/>
    </row>
    <row r="541201" spans="8:8">
      <c r="H541201" s="12"/>
    </row>
    <row r="541202" spans="8:8">
      <c r="H541202" s="12"/>
    </row>
    <row r="541203" spans="8:8">
      <c r="H541203" s="12"/>
    </row>
    <row r="541204" spans="8:8">
      <c r="H541204" s="12"/>
    </row>
    <row r="541205" spans="8:8">
      <c r="H541205" s="12"/>
    </row>
    <row r="541206" spans="8:8">
      <c r="H541206" s="12"/>
    </row>
    <row r="541207" spans="8:8">
      <c r="H541207" s="12"/>
    </row>
    <row r="541208" spans="8:8">
      <c r="H541208" s="12"/>
    </row>
    <row r="541209" spans="8:8">
      <c r="H541209" s="12"/>
    </row>
    <row r="541210" spans="8:8">
      <c r="H541210" s="12"/>
    </row>
    <row r="541211" spans="8:8">
      <c r="H541211" s="12"/>
    </row>
    <row r="541212" spans="8:8">
      <c r="H541212" s="12"/>
    </row>
    <row r="541213" spans="8:8">
      <c r="H541213" s="12"/>
    </row>
    <row r="541214" spans="8:8">
      <c r="H541214" s="12"/>
    </row>
    <row r="541215" spans="8:8">
      <c r="H541215" s="12"/>
    </row>
    <row r="541216" spans="8:8">
      <c r="H541216" s="12"/>
    </row>
    <row r="541217" spans="8:8">
      <c r="H541217" s="12"/>
    </row>
    <row r="541218" spans="8:8">
      <c r="H541218" s="12"/>
    </row>
    <row r="541219" spans="8:8">
      <c r="H541219" s="12"/>
    </row>
    <row r="541220" spans="8:8">
      <c r="H541220" s="12"/>
    </row>
    <row r="541221" spans="8:8">
      <c r="H541221" s="12"/>
    </row>
    <row r="541222" spans="8:8">
      <c r="H541222" s="12"/>
    </row>
    <row r="541223" spans="8:8">
      <c r="H541223" s="12"/>
    </row>
    <row r="541224" spans="8:8">
      <c r="H541224" s="12"/>
    </row>
    <row r="541225" spans="8:8">
      <c r="H541225" s="12"/>
    </row>
    <row r="541226" spans="8:8">
      <c r="H541226" s="12"/>
    </row>
    <row r="541227" spans="8:8">
      <c r="H541227" s="12"/>
    </row>
    <row r="541228" spans="8:8">
      <c r="H541228" s="12"/>
    </row>
    <row r="541229" spans="8:8">
      <c r="H541229" s="12"/>
    </row>
    <row r="541230" spans="8:8">
      <c r="H541230" s="12"/>
    </row>
    <row r="541231" spans="8:8">
      <c r="H541231" s="12"/>
    </row>
    <row r="541232" spans="8:8">
      <c r="H541232" s="12"/>
    </row>
    <row r="541233" spans="8:8">
      <c r="H541233" s="12"/>
    </row>
    <row r="541234" spans="8:8">
      <c r="H541234" s="12"/>
    </row>
    <row r="541235" spans="8:8">
      <c r="H541235" s="12"/>
    </row>
    <row r="541236" spans="8:8">
      <c r="H541236" s="12"/>
    </row>
    <row r="541237" spans="8:8">
      <c r="H541237" s="12"/>
    </row>
    <row r="541238" spans="8:8">
      <c r="H541238" s="12"/>
    </row>
    <row r="541239" spans="8:8">
      <c r="H541239" s="12"/>
    </row>
    <row r="541240" spans="8:8">
      <c r="H541240" s="12"/>
    </row>
    <row r="541241" spans="8:8">
      <c r="H541241" s="12"/>
    </row>
    <row r="541242" spans="8:8">
      <c r="H541242" s="12"/>
    </row>
    <row r="541243" spans="8:8">
      <c r="H541243" s="12"/>
    </row>
    <row r="541244" spans="8:8">
      <c r="H541244" s="12"/>
    </row>
    <row r="541245" spans="8:8">
      <c r="H541245" s="12"/>
    </row>
    <row r="541246" spans="8:8">
      <c r="H541246" s="12"/>
    </row>
    <row r="541247" spans="8:8">
      <c r="H541247" s="12"/>
    </row>
    <row r="541248" spans="8:8">
      <c r="H541248" s="12"/>
    </row>
    <row r="541249" spans="8:8">
      <c r="H541249" s="12"/>
    </row>
    <row r="541250" spans="8:8">
      <c r="H541250" s="12"/>
    </row>
    <row r="541251" spans="8:8">
      <c r="H541251" s="12"/>
    </row>
    <row r="541252" spans="8:8">
      <c r="H541252" s="12"/>
    </row>
    <row r="541253" spans="8:8">
      <c r="H541253" s="12"/>
    </row>
    <row r="541254" spans="8:8">
      <c r="H541254" s="12"/>
    </row>
    <row r="541255" spans="8:8">
      <c r="H541255" s="12"/>
    </row>
    <row r="541256" spans="8:8">
      <c r="H541256" s="12"/>
    </row>
    <row r="541257" spans="8:8">
      <c r="H541257" s="12"/>
    </row>
    <row r="541258" spans="8:8">
      <c r="H541258" s="12"/>
    </row>
    <row r="541259" spans="8:8">
      <c r="H541259" s="12"/>
    </row>
    <row r="541260" spans="8:8">
      <c r="H541260" s="12"/>
    </row>
    <row r="541261" spans="8:8">
      <c r="H541261" s="12"/>
    </row>
    <row r="541262" spans="8:8">
      <c r="H541262" s="12"/>
    </row>
    <row r="541263" spans="8:8">
      <c r="H541263" s="12"/>
    </row>
    <row r="541264" spans="8:8">
      <c r="H541264" s="12"/>
    </row>
    <row r="541265" spans="8:8">
      <c r="H541265" s="12"/>
    </row>
    <row r="541266" spans="8:8">
      <c r="H541266" s="12"/>
    </row>
    <row r="541267" spans="8:8">
      <c r="H541267" s="12"/>
    </row>
    <row r="541268" spans="8:8">
      <c r="H541268" s="12"/>
    </row>
    <row r="541269" spans="8:8">
      <c r="H541269" s="12"/>
    </row>
    <row r="541270" spans="8:8">
      <c r="H541270" s="12"/>
    </row>
    <row r="541271" spans="8:8">
      <c r="H541271" s="12"/>
    </row>
    <row r="541272" spans="8:8">
      <c r="H541272" s="12"/>
    </row>
    <row r="541273" spans="8:8">
      <c r="H541273" s="12"/>
    </row>
    <row r="541274" spans="8:8">
      <c r="H541274" s="12"/>
    </row>
    <row r="541275" spans="8:8">
      <c r="H541275" s="12"/>
    </row>
    <row r="541276" spans="8:8">
      <c r="H541276" s="12"/>
    </row>
    <row r="541277" spans="8:8">
      <c r="H541277" s="12"/>
    </row>
    <row r="541278" spans="8:8">
      <c r="H541278" s="12"/>
    </row>
    <row r="541279" spans="8:8">
      <c r="H541279" s="12"/>
    </row>
    <row r="541280" spans="8:8">
      <c r="H541280" s="12"/>
    </row>
    <row r="541281" spans="8:8">
      <c r="H541281" s="12"/>
    </row>
    <row r="541282" spans="8:8">
      <c r="H541282" s="12"/>
    </row>
    <row r="541283" spans="8:8">
      <c r="H541283" s="12"/>
    </row>
    <row r="541284" spans="8:8">
      <c r="H541284" s="12"/>
    </row>
    <row r="541285" spans="8:8">
      <c r="H541285" s="12"/>
    </row>
    <row r="541286" spans="8:8">
      <c r="H541286" s="12"/>
    </row>
    <row r="541287" spans="8:8">
      <c r="H541287" s="12"/>
    </row>
    <row r="541288" spans="8:8">
      <c r="H541288" s="12"/>
    </row>
    <row r="541289" spans="8:8">
      <c r="H541289" s="12"/>
    </row>
    <row r="541290" spans="8:8">
      <c r="H541290" s="12"/>
    </row>
    <row r="541291" spans="8:8">
      <c r="H541291" s="12"/>
    </row>
    <row r="541292" spans="8:8">
      <c r="H541292" s="12"/>
    </row>
    <row r="541293" spans="8:8">
      <c r="H541293" s="12"/>
    </row>
    <row r="541294" spans="8:8">
      <c r="H541294" s="12"/>
    </row>
    <row r="541295" spans="8:8">
      <c r="H541295" s="12"/>
    </row>
    <row r="541296" spans="8:8">
      <c r="H541296" s="12"/>
    </row>
    <row r="541297" spans="8:8">
      <c r="H541297" s="12"/>
    </row>
    <row r="541298" spans="8:8">
      <c r="H541298" s="12"/>
    </row>
    <row r="541299" spans="8:8">
      <c r="H541299" s="12"/>
    </row>
    <row r="541300" spans="8:8">
      <c r="H541300" s="12"/>
    </row>
    <row r="541301" spans="8:8">
      <c r="H541301" s="12"/>
    </row>
    <row r="541302" spans="8:8">
      <c r="H541302" s="12"/>
    </row>
    <row r="541303" spans="8:8">
      <c r="H541303" s="12"/>
    </row>
    <row r="541304" spans="8:8">
      <c r="H541304" s="12"/>
    </row>
    <row r="541305" spans="8:8">
      <c r="H541305" s="12"/>
    </row>
    <row r="541306" spans="8:8">
      <c r="H541306" s="12"/>
    </row>
    <row r="541307" spans="8:8">
      <c r="H541307" s="12"/>
    </row>
    <row r="541308" spans="8:8">
      <c r="H541308" s="12"/>
    </row>
    <row r="541309" spans="8:8">
      <c r="H541309" s="12"/>
    </row>
    <row r="541310" spans="8:8">
      <c r="H541310" s="12"/>
    </row>
    <row r="541311" spans="8:8">
      <c r="H541311" s="12"/>
    </row>
    <row r="541312" spans="8:8">
      <c r="H541312" s="12"/>
    </row>
    <row r="541313" spans="8:8">
      <c r="H541313" s="12"/>
    </row>
    <row r="541314" spans="8:8">
      <c r="H541314" s="12"/>
    </row>
    <row r="541315" spans="8:8">
      <c r="H541315" s="12"/>
    </row>
    <row r="541316" spans="8:8">
      <c r="H541316" s="12"/>
    </row>
    <row r="541317" spans="8:8">
      <c r="H541317" s="12"/>
    </row>
    <row r="541318" spans="8:8">
      <c r="H541318" s="12"/>
    </row>
    <row r="541319" spans="8:8">
      <c r="H541319" s="12"/>
    </row>
    <row r="541320" spans="8:8">
      <c r="H541320" s="12"/>
    </row>
    <row r="541321" spans="8:8">
      <c r="H541321" s="12"/>
    </row>
    <row r="541322" spans="8:8">
      <c r="H541322" s="12"/>
    </row>
    <row r="541323" spans="8:8">
      <c r="H541323" s="12"/>
    </row>
    <row r="541324" spans="8:8">
      <c r="H541324" s="12"/>
    </row>
    <row r="541325" spans="8:8">
      <c r="H541325" s="12"/>
    </row>
    <row r="541326" spans="8:8">
      <c r="H541326" s="12"/>
    </row>
    <row r="541327" spans="8:8">
      <c r="H541327" s="12"/>
    </row>
    <row r="541328" spans="8:8">
      <c r="H541328" s="12"/>
    </row>
    <row r="541329" spans="8:8">
      <c r="H541329" s="12"/>
    </row>
    <row r="541330" spans="8:8">
      <c r="H541330" s="12"/>
    </row>
    <row r="541331" spans="8:8">
      <c r="H541331" s="12"/>
    </row>
    <row r="541332" spans="8:8">
      <c r="H541332" s="12"/>
    </row>
    <row r="541333" spans="8:8">
      <c r="H541333" s="12"/>
    </row>
    <row r="541334" spans="8:8">
      <c r="H541334" s="12"/>
    </row>
    <row r="541335" spans="8:8">
      <c r="H541335" s="12"/>
    </row>
    <row r="541336" spans="8:8">
      <c r="H541336" s="12"/>
    </row>
    <row r="541337" spans="8:8">
      <c r="H541337" s="12"/>
    </row>
    <row r="541338" spans="8:8">
      <c r="H541338" s="12"/>
    </row>
    <row r="541339" spans="8:8">
      <c r="H541339" s="12"/>
    </row>
    <row r="541340" spans="8:8">
      <c r="H541340" s="12"/>
    </row>
    <row r="541341" spans="8:8">
      <c r="H541341" s="12"/>
    </row>
    <row r="541342" spans="8:8">
      <c r="H541342" s="12"/>
    </row>
    <row r="541343" spans="8:8">
      <c r="H541343" s="12"/>
    </row>
    <row r="541344" spans="8:8">
      <c r="H541344" s="12"/>
    </row>
    <row r="541345" spans="8:8">
      <c r="H541345" s="12"/>
    </row>
    <row r="541346" spans="8:8">
      <c r="H541346" s="12"/>
    </row>
    <row r="541347" spans="8:8">
      <c r="H541347" s="12"/>
    </row>
    <row r="541348" spans="8:8">
      <c r="H541348" s="12"/>
    </row>
    <row r="541349" spans="8:8">
      <c r="H541349" s="12"/>
    </row>
    <row r="541350" spans="8:8">
      <c r="H541350" s="12"/>
    </row>
    <row r="541351" spans="8:8">
      <c r="H541351" s="12"/>
    </row>
    <row r="541352" spans="8:8">
      <c r="H541352" s="12"/>
    </row>
    <row r="541353" spans="8:8">
      <c r="H541353" s="12"/>
    </row>
    <row r="541354" spans="8:8">
      <c r="H541354" s="12"/>
    </row>
    <row r="541355" spans="8:8">
      <c r="H541355" s="12"/>
    </row>
    <row r="541356" spans="8:8">
      <c r="H541356" s="12"/>
    </row>
    <row r="541357" spans="8:8">
      <c r="H541357" s="12"/>
    </row>
    <row r="541358" spans="8:8">
      <c r="H541358" s="12"/>
    </row>
    <row r="541359" spans="8:8">
      <c r="H541359" s="12"/>
    </row>
    <row r="541360" spans="8:8">
      <c r="H541360" s="12"/>
    </row>
    <row r="541361" spans="8:8">
      <c r="H541361" s="12"/>
    </row>
    <row r="541362" spans="8:8">
      <c r="H541362" s="12"/>
    </row>
    <row r="541363" spans="8:8">
      <c r="H541363" s="12"/>
    </row>
    <row r="541364" spans="8:8">
      <c r="H541364" s="12"/>
    </row>
    <row r="541365" spans="8:8">
      <c r="H541365" s="12"/>
    </row>
    <row r="541366" spans="8:8">
      <c r="H541366" s="12"/>
    </row>
    <row r="541367" spans="8:8">
      <c r="H541367" s="12"/>
    </row>
    <row r="541368" spans="8:8">
      <c r="H541368" s="12"/>
    </row>
    <row r="541369" spans="8:8">
      <c r="H541369" s="12"/>
    </row>
    <row r="541370" spans="8:8">
      <c r="H541370" s="12"/>
    </row>
    <row r="541371" spans="8:8">
      <c r="H541371" s="12"/>
    </row>
    <row r="541372" spans="8:8">
      <c r="H541372" s="12"/>
    </row>
    <row r="541373" spans="8:8">
      <c r="H541373" s="12"/>
    </row>
    <row r="541374" spans="8:8">
      <c r="H541374" s="12"/>
    </row>
    <row r="541375" spans="8:8">
      <c r="H541375" s="12"/>
    </row>
    <row r="541376" spans="8:8">
      <c r="H541376" s="12"/>
    </row>
    <row r="541377" spans="8:8">
      <c r="H541377" s="12"/>
    </row>
    <row r="541378" spans="8:8">
      <c r="H541378" s="12"/>
    </row>
    <row r="541379" spans="8:8">
      <c r="H541379" s="12"/>
    </row>
    <row r="541380" spans="8:8">
      <c r="H541380" s="12"/>
    </row>
    <row r="541381" spans="8:8">
      <c r="H541381" s="12"/>
    </row>
    <row r="541382" spans="8:8">
      <c r="H541382" s="12"/>
    </row>
    <row r="541383" spans="8:8">
      <c r="H541383" s="12"/>
    </row>
    <row r="541384" spans="8:8">
      <c r="H541384" s="12"/>
    </row>
    <row r="541385" spans="8:8">
      <c r="H541385" s="12"/>
    </row>
    <row r="541386" spans="8:8">
      <c r="H541386" s="12"/>
    </row>
    <row r="541387" spans="8:8">
      <c r="H541387" s="12"/>
    </row>
    <row r="541388" spans="8:8">
      <c r="H541388" s="12"/>
    </row>
    <row r="541389" spans="8:8">
      <c r="H541389" s="12"/>
    </row>
    <row r="541390" spans="8:8">
      <c r="H541390" s="12"/>
    </row>
    <row r="541391" spans="8:8">
      <c r="H541391" s="12"/>
    </row>
    <row r="541392" spans="8:8">
      <c r="H541392" s="12"/>
    </row>
    <row r="541393" spans="8:8">
      <c r="H541393" s="12"/>
    </row>
    <row r="541394" spans="8:8">
      <c r="H541394" s="12"/>
    </row>
    <row r="541395" spans="8:8">
      <c r="H541395" s="12"/>
    </row>
    <row r="541396" spans="8:8">
      <c r="H541396" s="12"/>
    </row>
    <row r="541397" spans="8:8">
      <c r="H541397" s="12"/>
    </row>
    <row r="541398" spans="8:8">
      <c r="H541398" s="12"/>
    </row>
    <row r="541399" spans="8:8">
      <c r="H541399" s="12"/>
    </row>
    <row r="541400" spans="8:8">
      <c r="H541400" s="12"/>
    </row>
    <row r="541401" spans="8:8">
      <c r="H541401" s="12"/>
    </row>
    <row r="541402" spans="8:8">
      <c r="H541402" s="12"/>
    </row>
    <row r="541403" spans="8:8">
      <c r="H541403" s="12"/>
    </row>
    <row r="541404" spans="8:8">
      <c r="H541404" s="12"/>
    </row>
    <row r="541405" spans="8:8">
      <c r="H541405" s="12"/>
    </row>
    <row r="541406" spans="8:8">
      <c r="H541406" s="12"/>
    </row>
    <row r="541407" spans="8:8">
      <c r="H541407" s="12"/>
    </row>
    <row r="541408" spans="8:8">
      <c r="H541408" s="12"/>
    </row>
    <row r="541409" spans="8:8">
      <c r="H541409" s="12"/>
    </row>
    <row r="541410" spans="8:8">
      <c r="H541410" s="12"/>
    </row>
    <row r="541411" spans="8:8">
      <c r="H541411" s="12"/>
    </row>
    <row r="541412" spans="8:8">
      <c r="H541412" s="12"/>
    </row>
    <row r="541413" spans="8:8">
      <c r="H541413" s="12"/>
    </row>
    <row r="541414" spans="8:8">
      <c r="H541414" s="12"/>
    </row>
    <row r="541415" spans="8:8">
      <c r="H541415" s="12"/>
    </row>
    <row r="541416" spans="8:8">
      <c r="H541416" s="12"/>
    </row>
    <row r="541417" spans="8:8">
      <c r="H541417" s="12"/>
    </row>
    <row r="541418" spans="8:8">
      <c r="H541418" s="12"/>
    </row>
    <row r="541419" spans="8:8">
      <c r="H541419" s="12"/>
    </row>
    <row r="541420" spans="8:8">
      <c r="H541420" s="12"/>
    </row>
    <row r="541421" spans="8:8">
      <c r="H541421" s="12"/>
    </row>
    <row r="541422" spans="8:8">
      <c r="H541422" s="12"/>
    </row>
    <row r="541423" spans="8:8">
      <c r="H541423" s="12"/>
    </row>
    <row r="541424" spans="8:8">
      <c r="H541424" s="12"/>
    </row>
    <row r="541425" spans="8:8">
      <c r="H541425" s="12"/>
    </row>
    <row r="541426" spans="8:8">
      <c r="H541426" s="12"/>
    </row>
    <row r="541427" spans="8:8">
      <c r="H541427" s="12"/>
    </row>
    <row r="541428" spans="8:8">
      <c r="H541428" s="12"/>
    </row>
    <row r="541429" spans="8:8">
      <c r="H541429" s="12"/>
    </row>
    <row r="541430" spans="8:8">
      <c r="H541430" s="12"/>
    </row>
    <row r="541431" spans="8:8">
      <c r="H541431" s="12"/>
    </row>
    <row r="541432" spans="8:8">
      <c r="H541432" s="12"/>
    </row>
    <row r="541433" spans="8:8">
      <c r="H541433" s="12"/>
    </row>
    <row r="541434" spans="8:8">
      <c r="H541434" s="12"/>
    </row>
    <row r="541435" spans="8:8">
      <c r="H541435" s="12"/>
    </row>
    <row r="541436" spans="8:8">
      <c r="H541436" s="12"/>
    </row>
    <row r="541437" spans="8:8">
      <c r="H541437" s="12"/>
    </row>
    <row r="541438" spans="8:8">
      <c r="H541438" s="12"/>
    </row>
    <row r="541439" spans="8:8">
      <c r="H541439" s="12"/>
    </row>
    <row r="541440" spans="8:8">
      <c r="H541440" s="12"/>
    </row>
    <row r="541441" spans="8:8">
      <c r="H541441" s="12"/>
    </row>
    <row r="541442" spans="8:8">
      <c r="H541442" s="12"/>
    </row>
    <row r="541443" spans="8:8">
      <c r="H541443" s="12"/>
    </row>
    <row r="541444" spans="8:8">
      <c r="H541444" s="12"/>
    </row>
    <row r="541445" spans="8:8">
      <c r="H541445" s="12"/>
    </row>
    <row r="541446" spans="8:8">
      <c r="H541446" s="12"/>
    </row>
    <row r="541447" spans="8:8">
      <c r="H541447" s="12"/>
    </row>
    <row r="541448" spans="8:8">
      <c r="H541448" s="12"/>
    </row>
    <row r="541449" spans="8:8">
      <c r="H541449" s="12"/>
    </row>
    <row r="541450" spans="8:8">
      <c r="H541450" s="12"/>
    </row>
    <row r="541451" spans="8:8">
      <c r="H541451" s="12"/>
    </row>
    <row r="541452" spans="8:8">
      <c r="H541452" s="12"/>
    </row>
    <row r="541453" spans="8:8">
      <c r="H541453" s="12"/>
    </row>
    <row r="541454" spans="8:8">
      <c r="H541454" s="12"/>
    </row>
    <row r="541455" spans="8:8">
      <c r="H541455" s="12"/>
    </row>
    <row r="541456" spans="8:8">
      <c r="H541456" s="12"/>
    </row>
    <row r="541457" spans="8:8">
      <c r="H541457" s="12"/>
    </row>
    <row r="541458" spans="8:8">
      <c r="H541458" s="12"/>
    </row>
    <row r="541459" spans="8:8">
      <c r="H541459" s="12"/>
    </row>
    <row r="541460" spans="8:8">
      <c r="H541460" s="12"/>
    </row>
    <row r="541461" spans="8:8">
      <c r="H541461" s="12"/>
    </row>
    <row r="541462" spans="8:8">
      <c r="H541462" s="12"/>
    </row>
    <row r="541463" spans="8:8">
      <c r="H541463" s="12"/>
    </row>
    <row r="541464" spans="8:8">
      <c r="H541464" s="12"/>
    </row>
    <row r="541465" spans="8:8">
      <c r="H541465" s="12"/>
    </row>
    <row r="541466" spans="8:8">
      <c r="H541466" s="12"/>
    </row>
    <row r="541467" spans="8:8">
      <c r="H541467" s="12"/>
    </row>
    <row r="541468" spans="8:8">
      <c r="H541468" s="12"/>
    </row>
    <row r="541469" spans="8:8">
      <c r="H541469" s="12"/>
    </row>
    <row r="541470" spans="8:8">
      <c r="H541470" s="12"/>
    </row>
    <row r="541471" spans="8:8">
      <c r="H541471" s="12"/>
    </row>
    <row r="541472" spans="8:8">
      <c r="H541472" s="12"/>
    </row>
    <row r="541473" spans="8:8">
      <c r="H541473" s="12"/>
    </row>
    <row r="541474" spans="8:8">
      <c r="H541474" s="12"/>
    </row>
    <row r="541475" spans="8:8">
      <c r="H541475" s="12"/>
    </row>
    <row r="541476" spans="8:8">
      <c r="H541476" s="12"/>
    </row>
    <row r="541477" spans="8:8">
      <c r="H541477" s="12"/>
    </row>
    <row r="541478" spans="8:8">
      <c r="H541478" s="12"/>
    </row>
    <row r="541479" spans="8:8">
      <c r="H541479" s="12"/>
    </row>
    <row r="541480" spans="8:8">
      <c r="H541480" s="12"/>
    </row>
    <row r="541481" spans="8:8">
      <c r="H541481" s="12"/>
    </row>
    <row r="541482" spans="8:8">
      <c r="H541482" s="12"/>
    </row>
    <row r="541483" spans="8:8">
      <c r="H541483" s="12"/>
    </row>
    <row r="541484" spans="8:8">
      <c r="H541484" s="12"/>
    </row>
    <row r="541485" spans="8:8">
      <c r="H541485" s="12"/>
    </row>
    <row r="541486" spans="8:8">
      <c r="H541486" s="12"/>
    </row>
    <row r="541487" spans="8:8">
      <c r="H541487" s="12"/>
    </row>
    <row r="541488" spans="8:8">
      <c r="H541488" s="12"/>
    </row>
    <row r="541489" spans="8:8">
      <c r="H541489" s="12"/>
    </row>
    <row r="541490" spans="8:8">
      <c r="H541490" s="12"/>
    </row>
    <row r="541491" spans="8:8">
      <c r="H541491" s="12"/>
    </row>
    <row r="541492" spans="8:8">
      <c r="H541492" s="12"/>
    </row>
    <row r="541493" spans="8:8">
      <c r="H541493" s="12"/>
    </row>
    <row r="541494" spans="8:8">
      <c r="H541494" s="12"/>
    </row>
    <row r="541495" spans="8:8">
      <c r="H541495" s="12"/>
    </row>
    <row r="541496" spans="8:8">
      <c r="H541496" s="12"/>
    </row>
    <row r="541497" spans="8:8">
      <c r="H541497" s="12"/>
    </row>
    <row r="541498" spans="8:8">
      <c r="H541498" s="12"/>
    </row>
    <row r="541499" spans="8:8">
      <c r="H541499" s="12"/>
    </row>
    <row r="541500" spans="8:8">
      <c r="H541500" s="12"/>
    </row>
    <row r="541501" spans="8:8">
      <c r="H541501" s="12"/>
    </row>
    <row r="541502" spans="8:8">
      <c r="H541502" s="12"/>
    </row>
    <row r="541503" spans="8:8">
      <c r="H541503" s="12"/>
    </row>
    <row r="541504" spans="8:8">
      <c r="H541504" s="12"/>
    </row>
    <row r="541505" spans="8:8">
      <c r="H541505" s="12"/>
    </row>
    <row r="541506" spans="8:8">
      <c r="H541506" s="12"/>
    </row>
    <row r="541507" spans="8:8">
      <c r="H541507" s="12"/>
    </row>
    <row r="541508" spans="8:8">
      <c r="H541508" s="12"/>
    </row>
    <row r="541509" spans="8:8">
      <c r="H541509" s="12"/>
    </row>
    <row r="541510" spans="8:8">
      <c r="H541510" s="12"/>
    </row>
    <row r="541511" spans="8:8">
      <c r="H541511" s="12"/>
    </row>
    <row r="541512" spans="8:8">
      <c r="H541512" s="12"/>
    </row>
    <row r="541513" spans="8:8">
      <c r="H541513" s="12"/>
    </row>
    <row r="541514" spans="8:8">
      <c r="H541514" s="12"/>
    </row>
    <row r="541515" spans="8:8">
      <c r="H541515" s="12"/>
    </row>
    <row r="541516" spans="8:8">
      <c r="H541516" s="12"/>
    </row>
    <row r="541517" spans="8:8">
      <c r="H541517" s="12"/>
    </row>
    <row r="541518" spans="8:8">
      <c r="H541518" s="12"/>
    </row>
    <row r="541519" spans="8:8">
      <c r="H541519" s="12"/>
    </row>
    <row r="541520" spans="8:8">
      <c r="H541520" s="12"/>
    </row>
    <row r="541521" spans="8:8">
      <c r="H541521" s="12"/>
    </row>
    <row r="541522" spans="8:8">
      <c r="H541522" s="12"/>
    </row>
    <row r="541523" spans="8:8">
      <c r="H541523" s="12"/>
    </row>
    <row r="541524" spans="8:8">
      <c r="H541524" s="12"/>
    </row>
    <row r="541525" spans="8:8">
      <c r="H541525" s="12"/>
    </row>
    <row r="541526" spans="8:8">
      <c r="H541526" s="12"/>
    </row>
    <row r="541527" spans="8:8">
      <c r="H541527" s="12"/>
    </row>
    <row r="541528" spans="8:8">
      <c r="H541528" s="12"/>
    </row>
    <row r="541529" spans="8:8">
      <c r="H541529" s="12"/>
    </row>
    <row r="541530" spans="8:8">
      <c r="H541530" s="12"/>
    </row>
    <row r="541531" spans="8:8">
      <c r="H541531" s="12"/>
    </row>
    <row r="541532" spans="8:8">
      <c r="H541532" s="12"/>
    </row>
    <row r="541533" spans="8:8">
      <c r="H541533" s="12"/>
    </row>
    <row r="541534" spans="8:8">
      <c r="H541534" s="12"/>
    </row>
    <row r="541535" spans="8:8">
      <c r="H541535" s="12"/>
    </row>
    <row r="541536" spans="8:8">
      <c r="H541536" s="12"/>
    </row>
    <row r="541537" spans="8:8">
      <c r="H541537" s="12"/>
    </row>
    <row r="541538" spans="8:8">
      <c r="H541538" s="12"/>
    </row>
    <row r="541539" spans="8:8">
      <c r="H541539" s="12"/>
    </row>
    <row r="541540" spans="8:8">
      <c r="H541540" s="12"/>
    </row>
    <row r="541541" spans="8:8">
      <c r="H541541" s="12"/>
    </row>
    <row r="541542" spans="8:8">
      <c r="H541542" s="12"/>
    </row>
    <row r="541543" spans="8:8">
      <c r="H541543" s="12"/>
    </row>
    <row r="541544" spans="8:8">
      <c r="H541544" s="12"/>
    </row>
    <row r="541545" spans="8:8">
      <c r="H541545" s="12"/>
    </row>
    <row r="541546" spans="8:8">
      <c r="H541546" s="12"/>
    </row>
    <row r="541547" spans="8:8">
      <c r="H541547" s="12"/>
    </row>
    <row r="541548" spans="8:8">
      <c r="H541548" s="12"/>
    </row>
    <row r="541549" spans="8:8">
      <c r="H541549" s="12"/>
    </row>
    <row r="541550" spans="8:8">
      <c r="H541550" s="12"/>
    </row>
    <row r="541551" spans="8:8">
      <c r="H541551" s="12"/>
    </row>
    <row r="541552" spans="8:8">
      <c r="H541552" s="12"/>
    </row>
    <row r="541553" spans="8:8">
      <c r="H541553" s="12"/>
    </row>
    <row r="541554" spans="8:8">
      <c r="H541554" s="12"/>
    </row>
    <row r="541555" spans="8:8">
      <c r="H541555" s="12"/>
    </row>
    <row r="541556" spans="8:8">
      <c r="H541556" s="12"/>
    </row>
    <row r="541557" spans="8:8">
      <c r="H541557" s="12"/>
    </row>
    <row r="541558" spans="8:8">
      <c r="H541558" s="12"/>
    </row>
    <row r="541559" spans="8:8">
      <c r="H541559" s="12"/>
    </row>
    <row r="541560" spans="8:8">
      <c r="H541560" s="12"/>
    </row>
    <row r="541561" spans="8:8">
      <c r="H541561" s="12"/>
    </row>
    <row r="541562" spans="8:8">
      <c r="H541562" s="12"/>
    </row>
    <row r="541563" spans="8:8">
      <c r="H541563" s="12"/>
    </row>
    <row r="541564" spans="8:8">
      <c r="H541564" s="12"/>
    </row>
    <row r="541565" spans="8:8">
      <c r="H541565" s="12"/>
    </row>
    <row r="541566" spans="8:8">
      <c r="H541566" s="12"/>
    </row>
    <row r="541567" spans="8:8">
      <c r="H541567" s="12"/>
    </row>
    <row r="541568" spans="8:8">
      <c r="H541568" s="12"/>
    </row>
    <row r="541569" spans="8:8">
      <c r="H541569" s="12"/>
    </row>
    <row r="541570" spans="8:8">
      <c r="H541570" s="12"/>
    </row>
    <row r="541571" spans="8:8">
      <c r="H541571" s="12"/>
    </row>
    <row r="541572" spans="8:8">
      <c r="H541572" s="12"/>
    </row>
    <row r="541573" spans="8:8">
      <c r="H541573" s="12"/>
    </row>
    <row r="541574" spans="8:8">
      <c r="H541574" s="12"/>
    </row>
    <row r="541575" spans="8:8">
      <c r="H541575" s="12"/>
    </row>
    <row r="541576" spans="8:8">
      <c r="H541576" s="12"/>
    </row>
    <row r="541577" spans="8:8">
      <c r="H541577" s="12"/>
    </row>
    <row r="541578" spans="8:8">
      <c r="H541578" s="12"/>
    </row>
    <row r="541579" spans="8:8">
      <c r="H541579" s="12"/>
    </row>
    <row r="541580" spans="8:8">
      <c r="H541580" s="12"/>
    </row>
    <row r="541581" spans="8:8">
      <c r="H541581" s="12"/>
    </row>
    <row r="541582" spans="8:8">
      <c r="H541582" s="12"/>
    </row>
    <row r="541583" spans="8:8">
      <c r="H541583" s="12"/>
    </row>
    <row r="541584" spans="8:8">
      <c r="H541584" s="12"/>
    </row>
    <row r="541585" spans="8:8">
      <c r="H541585" s="12"/>
    </row>
    <row r="541586" spans="8:8">
      <c r="H541586" s="12"/>
    </row>
    <row r="541587" spans="8:8">
      <c r="H541587" s="12"/>
    </row>
    <row r="541588" spans="8:8">
      <c r="H541588" s="12"/>
    </row>
    <row r="541589" spans="8:8">
      <c r="H541589" s="12"/>
    </row>
    <row r="541590" spans="8:8">
      <c r="H541590" s="12"/>
    </row>
    <row r="541591" spans="8:8">
      <c r="H541591" s="12"/>
    </row>
    <row r="541592" spans="8:8">
      <c r="H541592" s="12"/>
    </row>
    <row r="541593" spans="8:8">
      <c r="H541593" s="12"/>
    </row>
    <row r="541594" spans="8:8">
      <c r="H541594" s="12"/>
    </row>
    <row r="541595" spans="8:8">
      <c r="H541595" s="12"/>
    </row>
    <row r="541596" spans="8:8">
      <c r="H541596" s="12"/>
    </row>
    <row r="541597" spans="8:8">
      <c r="H541597" s="12"/>
    </row>
    <row r="541598" spans="8:8">
      <c r="H541598" s="12"/>
    </row>
    <row r="541599" spans="8:8">
      <c r="H541599" s="12"/>
    </row>
    <row r="541600" spans="8:8">
      <c r="H541600" s="12"/>
    </row>
    <row r="541601" spans="8:8">
      <c r="H541601" s="12"/>
    </row>
    <row r="541602" spans="8:8">
      <c r="H541602" s="12"/>
    </row>
    <row r="541603" spans="8:8">
      <c r="H541603" s="12"/>
    </row>
    <row r="541604" spans="8:8">
      <c r="H541604" s="12"/>
    </row>
    <row r="541605" spans="8:8">
      <c r="H541605" s="12"/>
    </row>
    <row r="541606" spans="8:8">
      <c r="H541606" s="12"/>
    </row>
    <row r="541607" spans="8:8">
      <c r="H541607" s="12"/>
    </row>
    <row r="541608" spans="8:8">
      <c r="H541608" s="12"/>
    </row>
    <row r="541609" spans="8:8">
      <c r="H541609" s="12"/>
    </row>
    <row r="541610" spans="8:8">
      <c r="H541610" s="12"/>
    </row>
    <row r="541611" spans="8:8">
      <c r="H541611" s="12"/>
    </row>
    <row r="541612" spans="8:8">
      <c r="H541612" s="12"/>
    </row>
    <row r="541613" spans="8:8">
      <c r="H541613" s="12"/>
    </row>
    <row r="541614" spans="8:8">
      <c r="H541614" s="12"/>
    </row>
    <row r="541615" spans="8:8">
      <c r="H541615" s="12"/>
    </row>
    <row r="541616" spans="8:8">
      <c r="H541616" s="12"/>
    </row>
    <row r="541617" spans="8:8">
      <c r="H541617" s="12"/>
    </row>
    <row r="541618" spans="8:8">
      <c r="H541618" s="12"/>
    </row>
    <row r="541619" spans="8:8">
      <c r="H541619" s="12"/>
    </row>
    <row r="541620" spans="8:8">
      <c r="H541620" s="12"/>
    </row>
    <row r="541621" spans="8:8">
      <c r="H541621" s="12"/>
    </row>
    <row r="541622" spans="8:8">
      <c r="H541622" s="12"/>
    </row>
    <row r="541623" spans="8:8">
      <c r="H541623" s="12"/>
    </row>
    <row r="541624" spans="8:8">
      <c r="H541624" s="12"/>
    </row>
    <row r="541625" spans="8:8">
      <c r="H541625" s="12"/>
    </row>
    <row r="541626" spans="8:8">
      <c r="H541626" s="12"/>
    </row>
    <row r="541627" spans="8:8">
      <c r="H541627" s="12"/>
    </row>
    <row r="541628" spans="8:8">
      <c r="H541628" s="12"/>
    </row>
    <row r="541629" spans="8:8">
      <c r="H541629" s="12"/>
    </row>
    <row r="541630" spans="8:8">
      <c r="H541630" s="12"/>
    </row>
    <row r="541631" spans="8:8">
      <c r="H541631" s="12"/>
    </row>
    <row r="541632" spans="8:8">
      <c r="H541632" s="12"/>
    </row>
    <row r="541633" spans="8:8">
      <c r="H541633" s="12"/>
    </row>
    <row r="541634" spans="8:8">
      <c r="H541634" s="12"/>
    </row>
    <row r="541635" spans="8:8">
      <c r="H541635" s="12"/>
    </row>
    <row r="541636" spans="8:8">
      <c r="H541636" s="12"/>
    </row>
    <row r="541637" spans="8:8">
      <c r="H541637" s="12"/>
    </row>
    <row r="541638" spans="8:8">
      <c r="H541638" s="12"/>
    </row>
    <row r="541639" spans="8:8">
      <c r="H541639" s="12"/>
    </row>
    <row r="541640" spans="8:8">
      <c r="H541640" s="12"/>
    </row>
    <row r="541641" spans="8:8">
      <c r="H541641" s="12"/>
    </row>
    <row r="541642" spans="8:8">
      <c r="H541642" s="12"/>
    </row>
    <row r="541643" spans="8:8">
      <c r="H541643" s="12"/>
    </row>
    <row r="541644" spans="8:8">
      <c r="H541644" s="12"/>
    </row>
    <row r="541645" spans="8:8">
      <c r="H541645" s="12"/>
    </row>
    <row r="541646" spans="8:8">
      <c r="H541646" s="12"/>
    </row>
    <row r="541647" spans="8:8">
      <c r="H541647" s="12"/>
    </row>
    <row r="541648" spans="8:8">
      <c r="H541648" s="12"/>
    </row>
    <row r="541649" spans="8:8">
      <c r="H541649" s="12"/>
    </row>
    <row r="541650" spans="8:8">
      <c r="H541650" s="12"/>
    </row>
    <row r="541651" spans="8:8">
      <c r="H541651" s="12"/>
    </row>
    <row r="541652" spans="8:8">
      <c r="H541652" s="12"/>
    </row>
    <row r="541653" spans="8:8">
      <c r="H541653" s="12"/>
    </row>
    <row r="541654" spans="8:8">
      <c r="H541654" s="12"/>
    </row>
    <row r="541655" spans="8:8">
      <c r="H541655" s="12"/>
    </row>
    <row r="541656" spans="8:8">
      <c r="H541656" s="12"/>
    </row>
    <row r="541657" spans="8:8">
      <c r="H541657" s="12"/>
    </row>
    <row r="541658" spans="8:8">
      <c r="H541658" s="12"/>
    </row>
    <row r="541659" spans="8:8">
      <c r="H541659" s="12"/>
    </row>
    <row r="541660" spans="8:8">
      <c r="H541660" s="12"/>
    </row>
    <row r="541661" spans="8:8">
      <c r="H541661" s="12"/>
    </row>
    <row r="541662" spans="8:8">
      <c r="H541662" s="12"/>
    </row>
    <row r="541663" spans="8:8">
      <c r="H541663" s="12"/>
    </row>
    <row r="541664" spans="8:8">
      <c r="H541664" s="12"/>
    </row>
    <row r="541665" spans="8:8">
      <c r="H541665" s="12"/>
    </row>
    <row r="541666" spans="8:8">
      <c r="H541666" s="12"/>
    </row>
    <row r="541667" spans="8:8">
      <c r="H541667" s="12"/>
    </row>
    <row r="541668" spans="8:8">
      <c r="H541668" s="12"/>
    </row>
    <row r="541669" spans="8:8">
      <c r="H541669" s="12"/>
    </row>
    <row r="541670" spans="8:8">
      <c r="H541670" s="12"/>
    </row>
    <row r="541671" spans="8:8">
      <c r="H541671" s="12"/>
    </row>
    <row r="541672" spans="8:8">
      <c r="H541672" s="12"/>
    </row>
    <row r="541673" spans="8:8">
      <c r="H541673" s="12"/>
    </row>
    <row r="541674" spans="8:8">
      <c r="H541674" s="12"/>
    </row>
    <row r="541675" spans="8:8">
      <c r="H541675" s="12"/>
    </row>
    <row r="541676" spans="8:8">
      <c r="H541676" s="12"/>
    </row>
    <row r="541677" spans="8:8">
      <c r="H541677" s="12"/>
    </row>
    <row r="541678" spans="8:8">
      <c r="H541678" s="12"/>
    </row>
    <row r="541679" spans="8:8">
      <c r="H541679" s="12"/>
    </row>
    <row r="541680" spans="8:8">
      <c r="H541680" s="12"/>
    </row>
    <row r="541681" spans="8:8">
      <c r="H541681" s="12"/>
    </row>
    <row r="541682" spans="8:8">
      <c r="H541682" s="12"/>
    </row>
    <row r="541683" spans="8:8">
      <c r="H541683" s="12"/>
    </row>
    <row r="541684" spans="8:8">
      <c r="H541684" s="12"/>
    </row>
    <row r="541685" spans="8:8">
      <c r="H541685" s="12"/>
    </row>
    <row r="541686" spans="8:8">
      <c r="H541686" s="12"/>
    </row>
    <row r="541687" spans="8:8">
      <c r="H541687" s="12"/>
    </row>
    <row r="541688" spans="8:8">
      <c r="H541688" s="12"/>
    </row>
    <row r="541689" spans="8:8">
      <c r="H541689" s="12"/>
    </row>
    <row r="541690" spans="8:8">
      <c r="H541690" s="12"/>
    </row>
    <row r="541691" spans="8:8">
      <c r="H541691" s="12"/>
    </row>
    <row r="541692" spans="8:8">
      <c r="H541692" s="12"/>
    </row>
    <row r="541693" spans="8:8">
      <c r="H541693" s="12"/>
    </row>
    <row r="541694" spans="8:8">
      <c r="H541694" s="12"/>
    </row>
    <row r="541695" spans="8:8">
      <c r="H541695" s="12"/>
    </row>
    <row r="541696" spans="8:8">
      <c r="H541696" s="12"/>
    </row>
    <row r="541697" spans="8:8">
      <c r="H541697" s="12"/>
    </row>
    <row r="541698" spans="8:8">
      <c r="H541698" s="12"/>
    </row>
    <row r="541699" spans="8:8">
      <c r="H541699" s="12"/>
    </row>
    <row r="541700" spans="8:8">
      <c r="H541700" s="12"/>
    </row>
    <row r="541701" spans="8:8">
      <c r="H541701" s="12"/>
    </row>
    <row r="541702" spans="8:8">
      <c r="H541702" s="12"/>
    </row>
    <row r="541703" spans="8:8">
      <c r="H541703" s="12"/>
    </row>
    <row r="541704" spans="8:8">
      <c r="H541704" s="12"/>
    </row>
    <row r="541705" spans="8:8">
      <c r="H541705" s="12"/>
    </row>
    <row r="541706" spans="8:8">
      <c r="H541706" s="12"/>
    </row>
    <row r="541707" spans="8:8">
      <c r="H541707" s="12"/>
    </row>
    <row r="541708" spans="8:8">
      <c r="H541708" s="12"/>
    </row>
    <row r="541709" spans="8:8">
      <c r="H541709" s="12"/>
    </row>
    <row r="541710" spans="8:8">
      <c r="H541710" s="12"/>
    </row>
    <row r="541711" spans="8:8">
      <c r="H541711" s="12"/>
    </row>
    <row r="541712" spans="8:8">
      <c r="H541712" s="12"/>
    </row>
    <row r="541713" spans="8:8">
      <c r="H541713" s="12"/>
    </row>
    <row r="541714" spans="8:8">
      <c r="H541714" s="12"/>
    </row>
    <row r="541715" spans="8:8">
      <c r="H541715" s="12"/>
    </row>
    <row r="541716" spans="8:8">
      <c r="H541716" s="12"/>
    </row>
    <row r="541717" spans="8:8">
      <c r="H541717" s="12"/>
    </row>
    <row r="541718" spans="8:8">
      <c r="H541718" s="12"/>
    </row>
    <row r="541719" spans="8:8">
      <c r="H541719" s="12"/>
    </row>
    <row r="541720" spans="8:8">
      <c r="H541720" s="12"/>
    </row>
    <row r="541721" spans="8:8">
      <c r="H541721" s="12"/>
    </row>
    <row r="541722" spans="8:8">
      <c r="H541722" s="12"/>
    </row>
    <row r="541723" spans="8:8">
      <c r="H541723" s="12"/>
    </row>
    <row r="541724" spans="8:8">
      <c r="H541724" s="12"/>
    </row>
    <row r="541725" spans="8:8">
      <c r="H541725" s="12"/>
    </row>
    <row r="541726" spans="8:8">
      <c r="H541726" s="12"/>
    </row>
    <row r="541727" spans="8:8">
      <c r="H541727" s="12"/>
    </row>
    <row r="541728" spans="8:8">
      <c r="H541728" s="12"/>
    </row>
    <row r="541729" spans="8:8">
      <c r="H541729" s="12"/>
    </row>
    <row r="541730" spans="8:8">
      <c r="H541730" s="12"/>
    </row>
    <row r="541731" spans="8:8">
      <c r="H541731" s="12"/>
    </row>
    <row r="541732" spans="8:8">
      <c r="H541732" s="12"/>
    </row>
    <row r="541733" spans="8:8">
      <c r="H541733" s="12"/>
    </row>
    <row r="541734" spans="8:8">
      <c r="H541734" s="12"/>
    </row>
    <row r="541735" spans="8:8">
      <c r="H541735" s="12"/>
    </row>
    <row r="541736" spans="8:8">
      <c r="H541736" s="12"/>
    </row>
    <row r="541737" spans="8:8">
      <c r="H541737" s="12"/>
    </row>
    <row r="541738" spans="8:8">
      <c r="H541738" s="12"/>
    </row>
    <row r="541739" spans="8:8">
      <c r="H541739" s="12"/>
    </row>
    <row r="541740" spans="8:8">
      <c r="H541740" s="12"/>
    </row>
    <row r="541741" spans="8:8">
      <c r="H541741" s="12"/>
    </row>
    <row r="541742" spans="8:8">
      <c r="H541742" s="12"/>
    </row>
    <row r="541743" spans="8:8">
      <c r="H541743" s="12"/>
    </row>
    <row r="541744" spans="8:8">
      <c r="H541744" s="12"/>
    </row>
    <row r="541745" spans="8:8">
      <c r="H541745" s="12"/>
    </row>
    <row r="541746" spans="8:8">
      <c r="H541746" s="12"/>
    </row>
    <row r="541747" spans="8:8">
      <c r="H541747" s="12"/>
    </row>
    <row r="541748" spans="8:8">
      <c r="H541748" s="12"/>
    </row>
    <row r="541749" spans="8:8">
      <c r="H541749" s="12"/>
    </row>
    <row r="541750" spans="8:8">
      <c r="H541750" s="12"/>
    </row>
    <row r="541751" spans="8:8">
      <c r="H541751" s="12"/>
    </row>
    <row r="541752" spans="8:8">
      <c r="H541752" s="12"/>
    </row>
    <row r="541753" spans="8:8">
      <c r="H541753" s="12"/>
    </row>
    <row r="541754" spans="8:8">
      <c r="H541754" s="12"/>
    </row>
    <row r="541755" spans="8:8">
      <c r="H541755" s="12"/>
    </row>
    <row r="541756" spans="8:8">
      <c r="H541756" s="12"/>
    </row>
    <row r="541757" spans="8:8">
      <c r="H541757" s="12"/>
    </row>
    <row r="541758" spans="8:8">
      <c r="H541758" s="12"/>
    </row>
    <row r="541759" spans="8:8">
      <c r="H541759" s="12"/>
    </row>
    <row r="541760" spans="8:8">
      <c r="H541760" s="12"/>
    </row>
    <row r="541761" spans="8:8">
      <c r="H541761" s="12"/>
    </row>
    <row r="541762" spans="8:8">
      <c r="H541762" s="12"/>
    </row>
    <row r="541763" spans="8:8">
      <c r="H541763" s="12"/>
    </row>
    <row r="541764" spans="8:8">
      <c r="H541764" s="12"/>
    </row>
    <row r="541765" spans="8:8">
      <c r="H541765" s="12"/>
    </row>
    <row r="541766" spans="8:8">
      <c r="H541766" s="12"/>
    </row>
    <row r="541767" spans="8:8">
      <c r="H541767" s="12"/>
    </row>
    <row r="541768" spans="8:8">
      <c r="H541768" s="12"/>
    </row>
    <row r="541769" spans="8:8">
      <c r="H541769" s="12"/>
    </row>
    <row r="541770" spans="8:8">
      <c r="H541770" s="12"/>
    </row>
    <row r="541771" spans="8:8">
      <c r="H541771" s="12"/>
    </row>
    <row r="541772" spans="8:8">
      <c r="H541772" s="12"/>
    </row>
    <row r="541773" spans="8:8">
      <c r="H541773" s="12"/>
    </row>
    <row r="541774" spans="8:8">
      <c r="H541774" s="12"/>
    </row>
    <row r="541775" spans="8:8">
      <c r="H541775" s="12"/>
    </row>
    <row r="541776" spans="8:8">
      <c r="H541776" s="12"/>
    </row>
    <row r="541777" spans="8:8">
      <c r="H541777" s="12"/>
    </row>
    <row r="541778" spans="8:8">
      <c r="H541778" s="12"/>
    </row>
    <row r="541779" spans="8:8">
      <c r="H541779" s="12"/>
    </row>
    <row r="541780" spans="8:8">
      <c r="H541780" s="12"/>
    </row>
    <row r="541781" spans="8:8">
      <c r="H541781" s="12"/>
    </row>
    <row r="541782" spans="8:8">
      <c r="H541782" s="12"/>
    </row>
    <row r="541783" spans="8:8">
      <c r="H541783" s="12"/>
    </row>
    <row r="541784" spans="8:8">
      <c r="H541784" s="12"/>
    </row>
    <row r="541785" spans="8:8">
      <c r="H541785" s="12"/>
    </row>
    <row r="541786" spans="8:8">
      <c r="H541786" s="12"/>
    </row>
    <row r="541787" spans="8:8">
      <c r="H541787" s="12"/>
    </row>
    <row r="541788" spans="8:8">
      <c r="H541788" s="12"/>
    </row>
    <row r="541789" spans="8:8">
      <c r="H541789" s="12"/>
    </row>
    <row r="541790" spans="8:8">
      <c r="H541790" s="12"/>
    </row>
    <row r="541791" spans="8:8">
      <c r="H541791" s="12"/>
    </row>
    <row r="541792" spans="8:8">
      <c r="H541792" s="12"/>
    </row>
    <row r="541793" spans="8:8">
      <c r="H541793" s="12"/>
    </row>
    <row r="541794" spans="8:8">
      <c r="H541794" s="12"/>
    </row>
    <row r="541795" spans="8:8">
      <c r="H541795" s="12"/>
    </row>
    <row r="541796" spans="8:8">
      <c r="H541796" s="12"/>
    </row>
    <row r="541797" spans="8:8">
      <c r="H541797" s="12"/>
    </row>
    <row r="541798" spans="8:8">
      <c r="H541798" s="12"/>
    </row>
    <row r="541799" spans="8:8">
      <c r="H541799" s="12"/>
    </row>
    <row r="541800" spans="8:8">
      <c r="H541800" s="12"/>
    </row>
    <row r="541801" spans="8:8">
      <c r="H541801" s="12"/>
    </row>
    <row r="541802" spans="8:8">
      <c r="H541802" s="12"/>
    </row>
    <row r="541803" spans="8:8">
      <c r="H541803" s="12"/>
    </row>
    <row r="541804" spans="8:8">
      <c r="H541804" s="12"/>
    </row>
    <row r="541805" spans="8:8">
      <c r="H541805" s="12"/>
    </row>
    <row r="541806" spans="8:8">
      <c r="H541806" s="12"/>
    </row>
    <row r="541807" spans="8:8">
      <c r="H541807" s="12"/>
    </row>
    <row r="541808" spans="8:8">
      <c r="H541808" s="12"/>
    </row>
    <row r="541809" spans="8:8">
      <c r="H541809" s="12"/>
    </row>
    <row r="541810" spans="8:8">
      <c r="H541810" s="12"/>
    </row>
    <row r="541811" spans="8:8">
      <c r="H541811" s="12"/>
    </row>
    <row r="541812" spans="8:8">
      <c r="H541812" s="12"/>
    </row>
    <row r="541813" spans="8:8">
      <c r="H541813" s="12"/>
    </row>
    <row r="541814" spans="8:8">
      <c r="H541814" s="12"/>
    </row>
    <row r="541815" spans="8:8">
      <c r="H541815" s="12"/>
    </row>
    <row r="541816" spans="8:8">
      <c r="H541816" s="12"/>
    </row>
    <row r="541817" spans="8:8">
      <c r="H541817" s="12"/>
    </row>
    <row r="541818" spans="8:8">
      <c r="H541818" s="12"/>
    </row>
    <row r="541819" spans="8:8">
      <c r="H541819" s="12"/>
    </row>
    <row r="541820" spans="8:8">
      <c r="H541820" s="12"/>
    </row>
    <row r="541821" spans="8:8">
      <c r="H541821" s="12"/>
    </row>
    <row r="541822" spans="8:8">
      <c r="H541822" s="12"/>
    </row>
    <row r="541823" spans="8:8">
      <c r="H541823" s="12"/>
    </row>
    <row r="541824" spans="8:8">
      <c r="H541824" s="12"/>
    </row>
    <row r="541825" spans="8:8">
      <c r="H541825" s="12"/>
    </row>
    <row r="541826" spans="8:8">
      <c r="H541826" s="12"/>
    </row>
    <row r="541827" spans="8:8">
      <c r="H541827" s="12"/>
    </row>
    <row r="541828" spans="8:8">
      <c r="H541828" s="12"/>
    </row>
    <row r="541829" spans="8:8">
      <c r="H541829" s="12"/>
    </row>
    <row r="541830" spans="8:8">
      <c r="H541830" s="12"/>
    </row>
    <row r="541831" spans="8:8">
      <c r="H541831" s="12"/>
    </row>
    <row r="541832" spans="8:8">
      <c r="H541832" s="12"/>
    </row>
    <row r="541833" spans="8:8">
      <c r="H541833" s="12"/>
    </row>
    <row r="541834" spans="8:8">
      <c r="H541834" s="12"/>
    </row>
    <row r="541835" spans="8:8">
      <c r="H541835" s="12"/>
    </row>
    <row r="541836" spans="8:8">
      <c r="H541836" s="12"/>
    </row>
    <row r="541837" spans="8:8">
      <c r="H541837" s="12"/>
    </row>
    <row r="541838" spans="8:8">
      <c r="H541838" s="12"/>
    </row>
    <row r="541839" spans="8:8">
      <c r="H541839" s="12"/>
    </row>
    <row r="541840" spans="8:8">
      <c r="H541840" s="12"/>
    </row>
    <row r="541841" spans="8:8">
      <c r="H541841" s="12"/>
    </row>
    <row r="541842" spans="8:8">
      <c r="H541842" s="12"/>
    </row>
    <row r="541843" spans="8:8">
      <c r="H541843" s="12"/>
    </row>
    <row r="541844" spans="8:8">
      <c r="H541844" s="12"/>
    </row>
    <row r="541845" spans="8:8">
      <c r="H541845" s="12"/>
    </row>
    <row r="541846" spans="8:8">
      <c r="H541846" s="12"/>
    </row>
    <row r="541847" spans="8:8">
      <c r="H541847" s="12"/>
    </row>
    <row r="541848" spans="8:8">
      <c r="H541848" s="12"/>
    </row>
    <row r="541849" spans="8:8">
      <c r="H541849" s="12"/>
    </row>
    <row r="541850" spans="8:8">
      <c r="H541850" s="12"/>
    </row>
    <row r="541851" spans="8:8">
      <c r="H541851" s="12"/>
    </row>
    <row r="541852" spans="8:8">
      <c r="H541852" s="12"/>
    </row>
    <row r="541853" spans="8:8">
      <c r="H541853" s="12"/>
    </row>
    <row r="541854" spans="8:8">
      <c r="H541854" s="12"/>
    </row>
    <row r="541855" spans="8:8">
      <c r="H541855" s="12"/>
    </row>
    <row r="541856" spans="8:8">
      <c r="H541856" s="12"/>
    </row>
    <row r="541857" spans="8:8">
      <c r="H541857" s="12"/>
    </row>
    <row r="541858" spans="8:8">
      <c r="H541858" s="12"/>
    </row>
    <row r="541859" spans="8:8">
      <c r="H541859" s="12"/>
    </row>
    <row r="541860" spans="8:8">
      <c r="H541860" s="12"/>
    </row>
    <row r="541861" spans="8:8">
      <c r="H541861" s="12"/>
    </row>
    <row r="541862" spans="8:8">
      <c r="H541862" s="12"/>
    </row>
    <row r="541863" spans="8:8">
      <c r="H541863" s="12"/>
    </row>
    <row r="541864" spans="8:8">
      <c r="H541864" s="12"/>
    </row>
    <row r="541865" spans="8:8">
      <c r="H541865" s="12"/>
    </row>
    <row r="541866" spans="8:8">
      <c r="H541866" s="12"/>
    </row>
    <row r="541867" spans="8:8">
      <c r="H541867" s="12"/>
    </row>
    <row r="541868" spans="8:8">
      <c r="H541868" s="12"/>
    </row>
    <row r="541869" spans="8:8">
      <c r="H541869" s="12"/>
    </row>
    <row r="541870" spans="8:8">
      <c r="H541870" s="12"/>
    </row>
    <row r="541871" spans="8:8">
      <c r="H541871" s="12"/>
    </row>
    <row r="541872" spans="8:8">
      <c r="H541872" s="12"/>
    </row>
    <row r="541873" spans="8:8">
      <c r="H541873" s="12"/>
    </row>
    <row r="541874" spans="8:8">
      <c r="H541874" s="12"/>
    </row>
    <row r="541875" spans="8:8">
      <c r="H541875" s="12"/>
    </row>
    <row r="541876" spans="8:8">
      <c r="H541876" s="12"/>
    </row>
    <row r="541877" spans="8:8">
      <c r="H541877" s="12"/>
    </row>
    <row r="541878" spans="8:8">
      <c r="H541878" s="12"/>
    </row>
    <row r="541879" spans="8:8">
      <c r="H541879" s="12"/>
    </row>
    <row r="541880" spans="8:8">
      <c r="H541880" s="12"/>
    </row>
    <row r="541881" spans="8:8">
      <c r="H541881" s="12"/>
    </row>
    <row r="541882" spans="8:8">
      <c r="H541882" s="12"/>
    </row>
    <row r="541883" spans="8:8">
      <c r="H541883" s="12"/>
    </row>
    <row r="541884" spans="8:8">
      <c r="H541884" s="12"/>
    </row>
    <row r="541885" spans="8:8">
      <c r="H541885" s="12"/>
    </row>
    <row r="541886" spans="8:8">
      <c r="H541886" s="12"/>
    </row>
    <row r="541887" spans="8:8">
      <c r="H541887" s="12"/>
    </row>
    <row r="541888" spans="8:8">
      <c r="H541888" s="12"/>
    </row>
    <row r="541889" spans="8:8">
      <c r="H541889" s="12"/>
    </row>
    <row r="541890" spans="8:8">
      <c r="H541890" s="12"/>
    </row>
    <row r="541891" spans="8:8">
      <c r="H541891" s="12"/>
    </row>
    <row r="541892" spans="8:8">
      <c r="H541892" s="12"/>
    </row>
    <row r="541893" spans="8:8">
      <c r="H541893" s="12"/>
    </row>
    <row r="541894" spans="8:8">
      <c r="H541894" s="12"/>
    </row>
    <row r="541895" spans="8:8">
      <c r="H541895" s="12"/>
    </row>
    <row r="541896" spans="8:8">
      <c r="H541896" s="12"/>
    </row>
    <row r="541897" spans="8:8">
      <c r="H541897" s="12"/>
    </row>
    <row r="541898" spans="8:8">
      <c r="H541898" s="12"/>
    </row>
    <row r="541899" spans="8:8">
      <c r="H541899" s="12"/>
    </row>
    <row r="541900" spans="8:8">
      <c r="H541900" s="12"/>
    </row>
    <row r="541901" spans="8:8">
      <c r="H541901" s="12"/>
    </row>
    <row r="541902" spans="8:8">
      <c r="H541902" s="12"/>
    </row>
    <row r="541903" spans="8:8">
      <c r="H541903" s="12"/>
    </row>
    <row r="541904" spans="8:8">
      <c r="H541904" s="12"/>
    </row>
    <row r="541905" spans="8:8">
      <c r="H541905" s="12"/>
    </row>
    <row r="541906" spans="8:8">
      <c r="H541906" s="12"/>
    </row>
    <row r="541907" spans="8:8">
      <c r="H541907" s="12"/>
    </row>
    <row r="541908" spans="8:8">
      <c r="H541908" s="12"/>
    </row>
    <row r="541909" spans="8:8">
      <c r="H541909" s="12"/>
    </row>
    <row r="541910" spans="8:8">
      <c r="H541910" s="12"/>
    </row>
    <row r="541911" spans="8:8">
      <c r="H541911" s="12"/>
    </row>
    <row r="541912" spans="8:8">
      <c r="H541912" s="12"/>
    </row>
    <row r="541913" spans="8:8">
      <c r="H541913" s="12"/>
    </row>
    <row r="541914" spans="8:8">
      <c r="H541914" s="12"/>
    </row>
    <row r="541915" spans="8:8">
      <c r="H541915" s="12"/>
    </row>
    <row r="541916" spans="8:8">
      <c r="H541916" s="12"/>
    </row>
    <row r="541917" spans="8:8">
      <c r="H541917" s="12"/>
    </row>
    <row r="541918" spans="8:8">
      <c r="H541918" s="12"/>
    </row>
    <row r="541919" spans="8:8">
      <c r="H541919" s="12"/>
    </row>
    <row r="541920" spans="8:8">
      <c r="H541920" s="12"/>
    </row>
    <row r="541921" spans="8:8">
      <c r="H541921" s="12"/>
    </row>
    <row r="541922" spans="8:8">
      <c r="H541922" s="12"/>
    </row>
    <row r="541923" spans="8:8">
      <c r="H541923" s="12"/>
    </row>
    <row r="541924" spans="8:8">
      <c r="H541924" s="12"/>
    </row>
    <row r="541925" spans="8:8">
      <c r="H541925" s="12"/>
    </row>
    <row r="541926" spans="8:8">
      <c r="H541926" s="12"/>
    </row>
    <row r="541927" spans="8:8">
      <c r="H541927" s="12"/>
    </row>
    <row r="541928" spans="8:8">
      <c r="H541928" s="12"/>
    </row>
    <row r="541929" spans="8:8">
      <c r="H541929" s="12"/>
    </row>
    <row r="541930" spans="8:8">
      <c r="H541930" s="12"/>
    </row>
    <row r="541931" spans="8:8">
      <c r="H541931" s="12"/>
    </row>
    <row r="541932" spans="8:8">
      <c r="H541932" s="12"/>
    </row>
    <row r="541933" spans="8:8">
      <c r="H541933" s="12"/>
    </row>
    <row r="541934" spans="8:8">
      <c r="H541934" s="12"/>
    </row>
    <row r="541935" spans="8:8">
      <c r="H541935" s="12"/>
    </row>
    <row r="541936" spans="8:8">
      <c r="H541936" s="12"/>
    </row>
    <row r="541937" spans="8:8">
      <c r="H541937" s="12"/>
    </row>
    <row r="541938" spans="8:8">
      <c r="H541938" s="12"/>
    </row>
    <row r="541939" spans="8:8">
      <c r="H541939" s="12"/>
    </row>
    <row r="541940" spans="8:8">
      <c r="H541940" s="12"/>
    </row>
    <row r="541941" spans="8:8">
      <c r="H541941" s="12"/>
    </row>
    <row r="541942" spans="8:8">
      <c r="H541942" s="12"/>
    </row>
    <row r="541943" spans="8:8">
      <c r="H541943" s="12"/>
    </row>
    <row r="541944" spans="8:8">
      <c r="H541944" s="12"/>
    </row>
    <row r="541945" spans="8:8">
      <c r="H541945" s="12"/>
    </row>
    <row r="541946" spans="8:8">
      <c r="H541946" s="12"/>
    </row>
    <row r="541947" spans="8:8">
      <c r="H541947" s="12"/>
    </row>
    <row r="541948" spans="8:8">
      <c r="H541948" s="12"/>
    </row>
    <row r="541949" spans="8:8">
      <c r="H541949" s="12"/>
    </row>
    <row r="541950" spans="8:8">
      <c r="H541950" s="12"/>
    </row>
    <row r="541951" spans="8:8">
      <c r="H541951" s="12"/>
    </row>
    <row r="541952" spans="8:8">
      <c r="H541952" s="12"/>
    </row>
    <row r="541953" spans="8:8">
      <c r="H541953" s="12"/>
    </row>
    <row r="541954" spans="8:8">
      <c r="H541954" s="12"/>
    </row>
    <row r="541955" spans="8:8">
      <c r="H541955" s="12"/>
    </row>
    <row r="541956" spans="8:8">
      <c r="H541956" s="12"/>
    </row>
    <row r="541957" spans="8:8">
      <c r="H541957" s="12"/>
    </row>
    <row r="541958" spans="8:8">
      <c r="H541958" s="12"/>
    </row>
    <row r="541959" spans="8:8">
      <c r="H541959" s="12"/>
    </row>
    <row r="541960" spans="8:8">
      <c r="H541960" s="12"/>
    </row>
    <row r="541961" spans="8:8">
      <c r="H541961" s="12"/>
    </row>
    <row r="541962" spans="8:8">
      <c r="H541962" s="12"/>
    </row>
    <row r="541963" spans="8:8">
      <c r="H541963" s="12"/>
    </row>
    <row r="541964" spans="8:8">
      <c r="H541964" s="12"/>
    </row>
    <row r="541965" spans="8:8">
      <c r="H541965" s="12"/>
    </row>
    <row r="541966" spans="8:8">
      <c r="H541966" s="12"/>
    </row>
    <row r="541967" spans="8:8">
      <c r="H541967" s="12"/>
    </row>
    <row r="541968" spans="8:8">
      <c r="H541968" s="12"/>
    </row>
    <row r="541969" spans="8:8">
      <c r="H541969" s="12"/>
    </row>
    <row r="541970" spans="8:8">
      <c r="H541970" s="12"/>
    </row>
    <row r="541971" spans="8:8">
      <c r="H541971" s="12"/>
    </row>
    <row r="541972" spans="8:8">
      <c r="H541972" s="12"/>
    </row>
    <row r="541973" spans="8:8">
      <c r="H541973" s="12"/>
    </row>
    <row r="541974" spans="8:8">
      <c r="H541974" s="12"/>
    </row>
    <row r="541975" spans="8:8">
      <c r="H541975" s="12"/>
    </row>
    <row r="541976" spans="8:8">
      <c r="H541976" s="12"/>
    </row>
    <row r="541977" spans="8:8">
      <c r="H541977" s="12"/>
    </row>
    <row r="541978" spans="8:8">
      <c r="H541978" s="12"/>
    </row>
    <row r="541979" spans="8:8">
      <c r="H541979" s="12"/>
    </row>
    <row r="541980" spans="8:8">
      <c r="H541980" s="12"/>
    </row>
    <row r="541981" spans="8:8">
      <c r="H541981" s="12"/>
    </row>
    <row r="541982" spans="8:8">
      <c r="H541982" s="12"/>
    </row>
    <row r="541983" spans="8:8">
      <c r="H541983" s="12"/>
    </row>
    <row r="541984" spans="8:8">
      <c r="H541984" s="12"/>
    </row>
    <row r="541985" spans="8:8">
      <c r="H541985" s="12"/>
    </row>
    <row r="541986" spans="8:8">
      <c r="H541986" s="12"/>
    </row>
    <row r="541987" spans="8:8">
      <c r="H541987" s="12"/>
    </row>
    <row r="541988" spans="8:8">
      <c r="H541988" s="12"/>
    </row>
    <row r="541989" spans="8:8">
      <c r="H541989" s="12"/>
    </row>
    <row r="541990" spans="8:8">
      <c r="H541990" s="12"/>
    </row>
    <row r="541991" spans="8:8">
      <c r="H541991" s="12"/>
    </row>
    <row r="541992" spans="8:8">
      <c r="H541992" s="12"/>
    </row>
    <row r="541993" spans="8:8">
      <c r="H541993" s="12"/>
    </row>
    <row r="541994" spans="8:8">
      <c r="H541994" s="12"/>
    </row>
    <row r="541995" spans="8:8">
      <c r="H541995" s="12"/>
    </row>
    <row r="541996" spans="8:8">
      <c r="H541996" s="12"/>
    </row>
    <row r="541997" spans="8:8">
      <c r="H541997" s="12"/>
    </row>
    <row r="541998" spans="8:8">
      <c r="H541998" s="12"/>
    </row>
    <row r="541999" spans="8:8">
      <c r="H541999" s="12"/>
    </row>
    <row r="542000" spans="8:8">
      <c r="H542000" s="12"/>
    </row>
    <row r="542001" spans="8:8">
      <c r="H542001" s="12"/>
    </row>
    <row r="542002" spans="8:8">
      <c r="H542002" s="12"/>
    </row>
    <row r="542003" spans="8:8">
      <c r="H542003" s="12"/>
    </row>
    <row r="542004" spans="8:8">
      <c r="H542004" s="12"/>
    </row>
    <row r="542005" spans="8:8">
      <c r="H542005" s="12"/>
    </row>
    <row r="542006" spans="8:8">
      <c r="H542006" s="12"/>
    </row>
    <row r="542007" spans="8:8">
      <c r="H542007" s="12"/>
    </row>
    <row r="542008" spans="8:8">
      <c r="H542008" s="12"/>
    </row>
    <row r="542009" spans="8:8">
      <c r="H542009" s="12"/>
    </row>
    <row r="542010" spans="8:8">
      <c r="H542010" s="12"/>
    </row>
    <row r="542011" spans="8:8">
      <c r="H542011" s="12"/>
    </row>
    <row r="542012" spans="8:8">
      <c r="H542012" s="12"/>
    </row>
    <row r="542013" spans="8:8">
      <c r="H542013" s="12"/>
    </row>
    <row r="542014" spans="8:8">
      <c r="H542014" s="12"/>
    </row>
    <row r="542015" spans="8:8">
      <c r="H542015" s="12"/>
    </row>
    <row r="542016" spans="8:8">
      <c r="H542016" s="12"/>
    </row>
    <row r="542017" spans="8:8">
      <c r="H542017" s="12"/>
    </row>
    <row r="542018" spans="8:8">
      <c r="H542018" s="12"/>
    </row>
    <row r="542019" spans="8:8">
      <c r="H542019" s="12"/>
    </row>
    <row r="542020" spans="8:8">
      <c r="H542020" s="12"/>
    </row>
    <row r="542021" spans="8:8">
      <c r="H542021" s="12"/>
    </row>
    <row r="542022" spans="8:8">
      <c r="H542022" s="12"/>
    </row>
    <row r="542023" spans="8:8">
      <c r="H542023" s="12"/>
    </row>
    <row r="542024" spans="8:8">
      <c r="H542024" s="12"/>
    </row>
    <row r="542025" spans="8:8">
      <c r="H542025" s="12"/>
    </row>
    <row r="542026" spans="8:8">
      <c r="H542026" s="12"/>
    </row>
    <row r="542027" spans="8:8">
      <c r="H542027" s="12"/>
    </row>
    <row r="542028" spans="8:8">
      <c r="H542028" s="12"/>
    </row>
    <row r="542029" spans="8:8">
      <c r="H542029" s="12"/>
    </row>
    <row r="542030" spans="8:8">
      <c r="H542030" s="12"/>
    </row>
    <row r="542031" spans="8:8">
      <c r="H542031" s="12"/>
    </row>
    <row r="542032" spans="8:8">
      <c r="H542032" s="12"/>
    </row>
    <row r="542033" spans="8:8">
      <c r="H542033" s="12"/>
    </row>
    <row r="542034" spans="8:8">
      <c r="H542034" s="12"/>
    </row>
    <row r="542035" spans="8:8">
      <c r="H542035" s="12"/>
    </row>
    <row r="542036" spans="8:8">
      <c r="H542036" s="12"/>
    </row>
    <row r="542037" spans="8:8">
      <c r="H542037" s="12"/>
    </row>
    <row r="542038" spans="8:8">
      <c r="H542038" s="12"/>
    </row>
    <row r="542039" spans="8:8">
      <c r="H542039" s="12"/>
    </row>
    <row r="542040" spans="8:8">
      <c r="H542040" s="12"/>
    </row>
    <row r="542041" spans="8:8">
      <c r="H542041" s="12"/>
    </row>
    <row r="542042" spans="8:8">
      <c r="H542042" s="12"/>
    </row>
    <row r="542043" spans="8:8">
      <c r="H542043" s="12"/>
    </row>
    <row r="542044" spans="8:8">
      <c r="H542044" s="12"/>
    </row>
    <row r="542045" spans="8:8">
      <c r="H542045" s="12"/>
    </row>
    <row r="542046" spans="8:8">
      <c r="H542046" s="12"/>
    </row>
    <row r="542047" spans="8:8">
      <c r="H542047" s="12"/>
    </row>
    <row r="542048" spans="8:8">
      <c r="H542048" s="12"/>
    </row>
    <row r="542049" spans="8:8">
      <c r="H542049" s="12"/>
    </row>
    <row r="542050" spans="8:8">
      <c r="H542050" s="12"/>
    </row>
    <row r="542051" spans="8:8">
      <c r="H542051" s="12"/>
    </row>
    <row r="542052" spans="8:8">
      <c r="H542052" s="12"/>
    </row>
    <row r="542053" spans="8:8">
      <c r="H542053" s="12"/>
    </row>
    <row r="542054" spans="8:8">
      <c r="H542054" s="12"/>
    </row>
    <row r="542055" spans="8:8">
      <c r="H542055" s="12"/>
    </row>
    <row r="542056" spans="8:8">
      <c r="H542056" s="12"/>
    </row>
    <row r="542057" spans="8:8">
      <c r="H542057" s="12"/>
    </row>
    <row r="542058" spans="8:8">
      <c r="H542058" s="12"/>
    </row>
    <row r="542059" spans="8:8">
      <c r="H542059" s="12"/>
    </row>
    <row r="542060" spans="8:8">
      <c r="H542060" s="12"/>
    </row>
    <row r="542061" spans="8:8">
      <c r="H542061" s="12"/>
    </row>
    <row r="542062" spans="8:8">
      <c r="H542062" s="12"/>
    </row>
    <row r="542063" spans="8:8">
      <c r="H542063" s="12"/>
    </row>
    <row r="542064" spans="8:8">
      <c r="H542064" s="12"/>
    </row>
    <row r="542065" spans="8:8">
      <c r="H542065" s="12"/>
    </row>
    <row r="542066" spans="8:8">
      <c r="H542066" s="12"/>
    </row>
    <row r="542067" spans="8:8">
      <c r="H542067" s="12"/>
    </row>
    <row r="542068" spans="8:8">
      <c r="H542068" s="12"/>
    </row>
    <row r="542069" spans="8:8">
      <c r="H542069" s="12"/>
    </row>
    <row r="542070" spans="8:8">
      <c r="H542070" s="12"/>
    </row>
    <row r="542071" spans="8:8">
      <c r="H542071" s="12"/>
    </row>
    <row r="542072" spans="8:8">
      <c r="H542072" s="12"/>
    </row>
    <row r="542073" spans="8:8">
      <c r="H542073" s="12"/>
    </row>
    <row r="542074" spans="8:8">
      <c r="H542074" s="12"/>
    </row>
    <row r="542075" spans="8:8">
      <c r="H542075" s="12"/>
    </row>
    <row r="542076" spans="8:8">
      <c r="H542076" s="12"/>
    </row>
    <row r="542077" spans="8:8">
      <c r="H542077" s="12"/>
    </row>
    <row r="542078" spans="8:8">
      <c r="H542078" s="12"/>
    </row>
    <row r="542079" spans="8:8">
      <c r="H542079" s="12"/>
    </row>
    <row r="542080" spans="8:8">
      <c r="H542080" s="12"/>
    </row>
    <row r="542081" spans="8:8">
      <c r="H542081" s="12"/>
    </row>
    <row r="542082" spans="8:8">
      <c r="H542082" s="12"/>
    </row>
    <row r="542083" spans="8:8">
      <c r="H542083" s="12"/>
    </row>
    <row r="542084" spans="8:8">
      <c r="H542084" s="12"/>
    </row>
    <row r="542085" spans="8:8">
      <c r="H542085" s="12"/>
    </row>
    <row r="542086" spans="8:8">
      <c r="H542086" s="12"/>
    </row>
    <row r="542087" spans="8:8">
      <c r="H542087" s="12"/>
    </row>
    <row r="542088" spans="8:8">
      <c r="H542088" s="12"/>
    </row>
    <row r="542089" spans="8:8">
      <c r="H542089" s="12"/>
    </row>
    <row r="542090" spans="8:8">
      <c r="H542090" s="12"/>
    </row>
    <row r="542091" spans="8:8">
      <c r="H542091" s="12"/>
    </row>
    <row r="542092" spans="8:8">
      <c r="H542092" s="12"/>
    </row>
    <row r="542093" spans="8:8">
      <c r="H542093" s="12"/>
    </row>
    <row r="542094" spans="8:8">
      <c r="H542094" s="12"/>
    </row>
    <row r="542095" spans="8:8">
      <c r="H542095" s="12"/>
    </row>
    <row r="542096" spans="8:8">
      <c r="H542096" s="12"/>
    </row>
    <row r="542097" spans="8:8">
      <c r="H542097" s="12"/>
    </row>
    <row r="542098" spans="8:8">
      <c r="H542098" s="12"/>
    </row>
    <row r="542099" spans="8:8">
      <c r="H542099" s="12"/>
    </row>
    <row r="542100" spans="8:8">
      <c r="H542100" s="12"/>
    </row>
    <row r="542101" spans="8:8">
      <c r="H542101" s="12"/>
    </row>
    <row r="542102" spans="8:8">
      <c r="H542102" s="12"/>
    </row>
    <row r="542103" spans="8:8">
      <c r="H542103" s="12"/>
    </row>
    <row r="542104" spans="8:8">
      <c r="H542104" s="12"/>
    </row>
    <row r="542105" spans="8:8">
      <c r="H542105" s="12"/>
    </row>
    <row r="542106" spans="8:8">
      <c r="H542106" s="12"/>
    </row>
    <row r="542107" spans="8:8">
      <c r="H542107" s="12"/>
    </row>
    <row r="542108" spans="8:8">
      <c r="H542108" s="12"/>
    </row>
    <row r="542109" spans="8:8">
      <c r="H542109" s="12"/>
    </row>
    <row r="542110" spans="8:8">
      <c r="H542110" s="12"/>
    </row>
    <row r="542111" spans="8:8">
      <c r="H542111" s="12"/>
    </row>
    <row r="542112" spans="8:8">
      <c r="H542112" s="12"/>
    </row>
    <row r="542113" spans="8:8">
      <c r="H542113" s="12"/>
    </row>
    <row r="542114" spans="8:8">
      <c r="H542114" s="12"/>
    </row>
    <row r="542115" spans="8:8">
      <c r="H542115" s="12"/>
    </row>
    <row r="542116" spans="8:8">
      <c r="H542116" s="12"/>
    </row>
    <row r="542117" spans="8:8">
      <c r="H542117" s="12"/>
    </row>
    <row r="542118" spans="8:8">
      <c r="H542118" s="12"/>
    </row>
    <row r="542119" spans="8:8">
      <c r="H542119" s="12"/>
    </row>
    <row r="542120" spans="8:8">
      <c r="H542120" s="12"/>
    </row>
    <row r="542121" spans="8:8">
      <c r="H542121" s="12"/>
    </row>
    <row r="542122" spans="8:8">
      <c r="H542122" s="12"/>
    </row>
    <row r="542123" spans="8:8">
      <c r="H542123" s="12"/>
    </row>
    <row r="542124" spans="8:8">
      <c r="H542124" s="12"/>
    </row>
    <row r="542125" spans="8:8">
      <c r="H542125" s="12"/>
    </row>
    <row r="542126" spans="8:8">
      <c r="H542126" s="12"/>
    </row>
    <row r="542127" spans="8:8">
      <c r="H542127" s="12"/>
    </row>
    <row r="542128" spans="8:8">
      <c r="H542128" s="12"/>
    </row>
    <row r="542129" spans="8:8">
      <c r="H542129" s="12"/>
    </row>
    <row r="542130" spans="8:8">
      <c r="H542130" s="12"/>
    </row>
    <row r="542131" spans="8:8">
      <c r="H542131" s="12"/>
    </row>
    <row r="542132" spans="8:8">
      <c r="H542132" s="12"/>
    </row>
    <row r="542133" spans="8:8">
      <c r="H542133" s="12"/>
    </row>
    <row r="542134" spans="8:8">
      <c r="H542134" s="12"/>
    </row>
    <row r="542135" spans="8:8">
      <c r="H542135" s="12"/>
    </row>
    <row r="542136" spans="8:8">
      <c r="H542136" s="12"/>
    </row>
    <row r="542137" spans="8:8">
      <c r="H542137" s="12"/>
    </row>
    <row r="542138" spans="8:8">
      <c r="H542138" s="12"/>
    </row>
    <row r="542139" spans="8:8">
      <c r="H542139" s="12"/>
    </row>
    <row r="542140" spans="8:8">
      <c r="H542140" s="12"/>
    </row>
    <row r="542141" spans="8:8">
      <c r="H542141" s="12"/>
    </row>
    <row r="542142" spans="8:8">
      <c r="H542142" s="12"/>
    </row>
    <row r="542143" spans="8:8">
      <c r="H542143" s="12"/>
    </row>
    <row r="542144" spans="8:8">
      <c r="H542144" s="12"/>
    </row>
    <row r="542145" spans="8:8">
      <c r="H542145" s="12"/>
    </row>
    <row r="542146" spans="8:8">
      <c r="H542146" s="12"/>
    </row>
    <row r="542147" spans="8:8">
      <c r="H542147" s="12"/>
    </row>
    <row r="542148" spans="8:8">
      <c r="H542148" s="12"/>
    </row>
    <row r="542149" spans="8:8">
      <c r="H542149" s="12"/>
    </row>
    <row r="542150" spans="8:8">
      <c r="H542150" s="12"/>
    </row>
    <row r="542151" spans="8:8">
      <c r="H542151" s="12"/>
    </row>
    <row r="542152" spans="8:8">
      <c r="H542152" s="12"/>
    </row>
    <row r="542153" spans="8:8">
      <c r="H542153" s="12"/>
    </row>
    <row r="542154" spans="8:8">
      <c r="H542154" s="12"/>
    </row>
    <row r="542155" spans="8:8">
      <c r="H542155" s="12"/>
    </row>
    <row r="542156" spans="8:8">
      <c r="H542156" s="12"/>
    </row>
    <row r="542157" spans="8:8">
      <c r="H542157" s="12"/>
    </row>
    <row r="542158" spans="8:8">
      <c r="H542158" s="12"/>
    </row>
    <row r="542159" spans="8:8">
      <c r="H542159" s="12"/>
    </row>
    <row r="542160" spans="8:8">
      <c r="H542160" s="12"/>
    </row>
    <row r="542161" spans="8:8">
      <c r="H542161" s="12"/>
    </row>
    <row r="542162" spans="8:8">
      <c r="H542162" s="12"/>
    </row>
    <row r="542163" spans="8:8">
      <c r="H542163" s="12"/>
    </row>
    <row r="542164" spans="8:8">
      <c r="H542164" s="12"/>
    </row>
    <row r="542165" spans="8:8">
      <c r="H542165" s="12"/>
    </row>
    <row r="542166" spans="8:8">
      <c r="H542166" s="12"/>
    </row>
    <row r="542167" spans="8:8">
      <c r="H542167" s="12"/>
    </row>
    <row r="542168" spans="8:8">
      <c r="H542168" s="12"/>
    </row>
    <row r="542169" spans="8:8">
      <c r="H542169" s="12"/>
    </row>
    <row r="542170" spans="8:8">
      <c r="H542170" s="12"/>
    </row>
    <row r="542171" spans="8:8">
      <c r="H542171" s="12"/>
    </row>
    <row r="542172" spans="8:8">
      <c r="H542172" s="12"/>
    </row>
    <row r="542173" spans="8:8">
      <c r="H542173" s="12"/>
    </row>
    <row r="542174" spans="8:8">
      <c r="H542174" s="12"/>
    </row>
    <row r="542175" spans="8:8">
      <c r="H542175" s="12"/>
    </row>
    <row r="542176" spans="8:8">
      <c r="H542176" s="12"/>
    </row>
    <row r="542177" spans="8:8">
      <c r="H542177" s="12"/>
    </row>
    <row r="542178" spans="8:8">
      <c r="H542178" s="12"/>
    </row>
    <row r="542179" spans="8:8">
      <c r="H542179" s="12"/>
    </row>
    <row r="542180" spans="8:8">
      <c r="H542180" s="12"/>
    </row>
    <row r="542181" spans="8:8">
      <c r="H542181" s="12"/>
    </row>
    <row r="542182" spans="8:8">
      <c r="H542182" s="12"/>
    </row>
    <row r="542183" spans="8:8">
      <c r="H542183" s="12"/>
    </row>
    <row r="542184" spans="8:8">
      <c r="H542184" s="12"/>
    </row>
    <row r="542185" spans="8:8">
      <c r="H542185" s="12"/>
    </row>
    <row r="542186" spans="8:8">
      <c r="H542186" s="12"/>
    </row>
    <row r="542187" spans="8:8">
      <c r="H542187" s="12"/>
    </row>
    <row r="542188" spans="8:8">
      <c r="H542188" s="12"/>
    </row>
    <row r="542189" spans="8:8">
      <c r="H542189" s="12"/>
    </row>
    <row r="542190" spans="8:8">
      <c r="H542190" s="12"/>
    </row>
    <row r="542191" spans="8:8">
      <c r="H542191" s="12"/>
    </row>
    <row r="542192" spans="8:8">
      <c r="H542192" s="12"/>
    </row>
    <row r="542193" spans="8:8">
      <c r="H542193" s="12"/>
    </row>
    <row r="542194" spans="8:8">
      <c r="H542194" s="12"/>
    </row>
    <row r="542195" spans="8:8">
      <c r="H542195" s="12"/>
    </row>
    <row r="542196" spans="8:8">
      <c r="H542196" s="12"/>
    </row>
    <row r="542197" spans="8:8">
      <c r="H542197" s="12"/>
    </row>
    <row r="542198" spans="8:8">
      <c r="H542198" s="12"/>
    </row>
    <row r="542199" spans="8:8">
      <c r="H542199" s="12"/>
    </row>
    <row r="542200" spans="8:8">
      <c r="H542200" s="12"/>
    </row>
    <row r="542201" spans="8:8">
      <c r="H542201" s="12"/>
    </row>
    <row r="542202" spans="8:8">
      <c r="H542202" s="12"/>
    </row>
    <row r="542203" spans="8:8">
      <c r="H542203" s="12"/>
    </row>
    <row r="542204" spans="8:8">
      <c r="H542204" s="12"/>
    </row>
    <row r="542205" spans="8:8">
      <c r="H542205" s="12"/>
    </row>
    <row r="542206" spans="8:8">
      <c r="H542206" s="12"/>
    </row>
    <row r="542207" spans="8:8">
      <c r="H542207" s="12"/>
    </row>
    <row r="542208" spans="8:8">
      <c r="H542208" s="12"/>
    </row>
    <row r="542209" spans="8:8">
      <c r="H542209" s="12"/>
    </row>
    <row r="542210" spans="8:8">
      <c r="H542210" s="12"/>
    </row>
    <row r="542211" spans="8:8">
      <c r="H542211" s="12"/>
    </row>
    <row r="542212" spans="8:8">
      <c r="H542212" s="12"/>
    </row>
    <row r="542213" spans="8:8">
      <c r="H542213" s="12"/>
    </row>
    <row r="542214" spans="8:8">
      <c r="H542214" s="12"/>
    </row>
    <row r="542215" spans="8:8">
      <c r="H542215" s="12"/>
    </row>
    <row r="542216" spans="8:8">
      <c r="H542216" s="12"/>
    </row>
    <row r="542217" spans="8:8">
      <c r="H542217" s="12"/>
    </row>
    <row r="542218" spans="8:8">
      <c r="H542218" s="12"/>
    </row>
    <row r="542219" spans="8:8">
      <c r="H542219" s="12"/>
    </row>
    <row r="542220" spans="8:8">
      <c r="H542220" s="12"/>
    </row>
    <row r="542221" spans="8:8">
      <c r="H542221" s="12"/>
    </row>
    <row r="542222" spans="8:8">
      <c r="H542222" s="12"/>
    </row>
    <row r="542223" spans="8:8">
      <c r="H542223" s="12"/>
    </row>
    <row r="542224" spans="8:8">
      <c r="H542224" s="12"/>
    </row>
    <row r="542225" spans="8:8">
      <c r="H542225" s="12"/>
    </row>
    <row r="542226" spans="8:8">
      <c r="H542226" s="12"/>
    </row>
    <row r="542227" spans="8:8">
      <c r="H542227" s="12"/>
    </row>
    <row r="542228" spans="8:8">
      <c r="H542228" s="12"/>
    </row>
    <row r="542229" spans="8:8">
      <c r="H542229" s="12"/>
    </row>
    <row r="542230" spans="8:8">
      <c r="H542230" s="12"/>
    </row>
    <row r="542231" spans="8:8">
      <c r="H542231" s="12"/>
    </row>
    <row r="542232" spans="8:8">
      <c r="H542232" s="12"/>
    </row>
    <row r="542233" spans="8:8">
      <c r="H542233" s="12"/>
    </row>
    <row r="542234" spans="8:8">
      <c r="H542234" s="12"/>
    </row>
    <row r="542235" spans="8:8">
      <c r="H542235" s="12"/>
    </row>
    <row r="542236" spans="8:8">
      <c r="H542236" s="12"/>
    </row>
    <row r="542237" spans="8:8">
      <c r="H542237" s="12"/>
    </row>
    <row r="542238" spans="8:8">
      <c r="H542238" s="12"/>
    </row>
    <row r="542239" spans="8:8">
      <c r="H542239" s="12"/>
    </row>
    <row r="542240" spans="8:8">
      <c r="H542240" s="12"/>
    </row>
    <row r="542241" spans="8:8">
      <c r="H542241" s="12"/>
    </row>
    <row r="542242" spans="8:8">
      <c r="H542242" s="12"/>
    </row>
    <row r="542243" spans="8:8">
      <c r="H542243" s="12"/>
    </row>
    <row r="542244" spans="8:8">
      <c r="H542244" s="12"/>
    </row>
    <row r="542245" spans="8:8">
      <c r="H542245" s="12"/>
    </row>
    <row r="542246" spans="8:8">
      <c r="H542246" s="12"/>
    </row>
    <row r="542247" spans="8:8">
      <c r="H542247" s="12"/>
    </row>
    <row r="542248" spans="8:8">
      <c r="H542248" s="12"/>
    </row>
    <row r="542249" spans="8:8">
      <c r="H542249" s="12"/>
    </row>
    <row r="542250" spans="8:8">
      <c r="H542250" s="12"/>
    </row>
    <row r="542251" spans="8:8">
      <c r="H542251" s="12"/>
    </row>
    <row r="542252" spans="8:8">
      <c r="H542252" s="12"/>
    </row>
    <row r="542253" spans="8:8">
      <c r="H542253" s="12"/>
    </row>
    <row r="542254" spans="8:8">
      <c r="H542254" s="12"/>
    </row>
    <row r="542255" spans="8:8">
      <c r="H542255" s="12"/>
    </row>
    <row r="542256" spans="8:8">
      <c r="H542256" s="12"/>
    </row>
    <row r="542257" spans="8:8">
      <c r="H542257" s="12"/>
    </row>
    <row r="542258" spans="8:8">
      <c r="H542258" s="12"/>
    </row>
    <row r="542259" spans="8:8">
      <c r="H542259" s="12"/>
    </row>
    <row r="542260" spans="8:8">
      <c r="H542260" s="12"/>
    </row>
    <row r="542261" spans="8:8">
      <c r="H542261" s="12"/>
    </row>
    <row r="542262" spans="8:8">
      <c r="H542262" s="12"/>
    </row>
    <row r="542263" spans="8:8">
      <c r="H542263" s="12"/>
    </row>
    <row r="542264" spans="8:8">
      <c r="H542264" s="12"/>
    </row>
    <row r="542265" spans="8:8">
      <c r="H542265" s="12"/>
    </row>
    <row r="542266" spans="8:8">
      <c r="H542266" s="12"/>
    </row>
    <row r="542267" spans="8:8">
      <c r="H542267" s="12"/>
    </row>
    <row r="542268" spans="8:8">
      <c r="H542268" s="12"/>
    </row>
    <row r="542269" spans="8:8">
      <c r="H542269" s="12"/>
    </row>
    <row r="542270" spans="8:8">
      <c r="H542270" s="12"/>
    </row>
    <row r="542271" spans="8:8">
      <c r="H542271" s="12"/>
    </row>
    <row r="542272" spans="8:8">
      <c r="H542272" s="12"/>
    </row>
    <row r="542273" spans="8:8">
      <c r="H542273" s="12"/>
    </row>
    <row r="542274" spans="8:8">
      <c r="H542274" s="12"/>
    </row>
    <row r="542275" spans="8:8">
      <c r="H542275" s="12"/>
    </row>
    <row r="542276" spans="8:8">
      <c r="H542276" s="12"/>
    </row>
    <row r="542277" spans="8:8">
      <c r="H542277" s="12"/>
    </row>
    <row r="542278" spans="8:8">
      <c r="H542278" s="12"/>
    </row>
    <row r="542279" spans="8:8">
      <c r="H542279" s="12"/>
    </row>
    <row r="542280" spans="8:8">
      <c r="H542280" s="12"/>
    </row>
    <row r="542281" spans="8:8">
      <c r="H542281" s="12"/>
    </row>
    <row r="542282" spans="8:8">
      <c r="H542282" s="12"/>
    </row>
    <row r="542283" spans="8:8">
      <c r="H542283" s="12"/>
    </row>
    <row r="542284" spans="8:8">
      <c r="H542284" s="12"/>
    </row>
    <row r="542285" spans="8:8">
      <c r="H542285" s="12"/>
    </row>
    <row r="542286" spans="8:8">
      <c r="H542286" s="12"/>
    </row>
    <row r="542287" spans="8:8">
      <c r="H542287" s="12"/>
    </row>
    <row r="542288" spans="8:8">
      <c r="H542288" s="12"/>
    </row>
    <row r="542289" spans="8:8">
      <c r="H542289" s="12"/>
    </row>
    <row r="542290" spans="8:8">
      <c r="H542290" s="12"/>
    </row>
    <row r="542291" spans="8:8">
      <c r="H542291" s="12"/>
    </row>
    <row r="542292" spans="8:8">
      <c r="H542292" s="12"/>
    </row>
    <row r="542293" spans="8:8">
      <c r="H542293" s="12"/>
    </row>
    <row r="542294" spans="8:8">
      <c r="H542294" s="12"/>
    </row>
    <row r="542295" spans="8:8">
      <c r="H542295" s="12"/>
    </row>
    <row r="542296" spans="8:8">
      <c r="H542296" s="12"/>
    </row>
    <row r="542297" spans="8:8">
      <c r="H542297" s="12"/>
    </row>
    <row r="542298" spans="8:8">
      <c r="H542298" s="12"/>
    </row>
    <row r="542299" spans="8:8">
      <c r="H542299" s="12"/>
    </row>
    <row r="542300" spans="8:8">
      <c r="H542300" s="12"/>
    </row>
    <row r="542301" spans="8:8">
      <c r="H542301" s="12"/>
    </row>
    <row r="542302" spans="8:8">
      <c r="H542302" s="12"/>
    </row>
    <row r="542303" spans="8:8">
      <c r="H542303" s="12"/>
    </row>
    <row r="542304" spans="8:8">
      <c r="H542304" s="12"/>
    </row>
    <row r="542305" spans="8:8">
      <c r="H542305" s="12"/>
    </row>
    <row r="542306" spans="8:8">
      <c r="H542306" s="12"/>
    </row>
    <row r="542307" spans="8:8">
      <c r="H542307" s="12"/>
    </row>
    <row r="542308" spans="8:8">
      <c r="H542308" s="12"/>
    </row>
    <row r="542309" spans="8:8">
      <c r="H542309" s="12"/>
    </row>
    <row r="542310" spans="8:8">
      <c r="H542310" s="12"/>
    </row>
    <row r="542311" spans="8:8">
      <c r="H542311" s="12"/>
    </row>
    <row r="542312" spans="8:8">
      <c r="H542312" s="12"/>
    </row>
    <row r="542313" spans="8:8">
      <c r="H542313" s="12"/>
    </row>
    <row r="542314" spans="8:8">
      <c r="H542314" s="12"/>
    </row>
    <row r="542315" spans="8:8">
      <c r="H542315" s="12"/>
    </row>
    <row r="542316" spans="8:8">
      <c r="H542316" s="12"/>
    </row>
    <row r="542317" spans="8:8">
      <c r="H542317" s="12"/>
    </row>
    <row r="542318" spans="8:8">
      <c r="H542318" s="12"/>
    </row>
    <row r="542319" spans="8:8">
      <c r="H542319" s="12"/>
    </row>
    <row r="542320" spans="8:8">
      <c r="H542320" s="12"/>
    </row>
    <row r="542321" spans="8:8">
      <c r="H542321" s="12"/>
    </row>
    <row r="542322" spans="8:8">
      <c r="H542322" s="12"/>
    </row>
    <row r="542323" spans="8:8">
      <c r="H542323" s="12"/>
    </row>
    <row r="542324" spans="8:8">
      <c r="H542324" s="12"/>
    </row>
    <row r="542325" spans="8:8">
      <c r="H542325" s="12"/>
    </row>
    <row r="542326" spans="8:8">
      <c r="H542326" s="12"/>
    </row>
    <row r="542327" spans="8:8">
      <c r="H542327" s="12"/>
    </row>
    <row r="542328" spans="8:8">
      <c r="H542328" s="12"/>
    </row>
    <row r="542329" spans="8:8">
      <c r="H542329" s="12"/>
    </row>
    <row r="542330" spans="8:8">
      <c r="H542330" s="12"/>
    </row>
    <row r="542331" spans="8:8">
      <c r="H542331" s="12"/>
    </row>
    <row r="542332" spans="8:8">
      <c r="H542332" s="12"/>
    </row>
    <row r="542333" spans="8:8">
      <c r="H542333" s="12"/>
    </row>
    <row r="542334" spans="8:8">
      <c r="H542334" s="12"/>
    </row>
    <row r="542335" spans="8:8">
      <c r="H542335" s="12"/>
    </row>
    <row r="542336" spans="8:8">
      <c r="H542336" s="12"/>
    </row>
    <row r="542337" spans="8:8">
      <c r="H542337" s="12"/>
    </row>
    <row r="542338" spans="8:8">
      <c r="H542338" s="12"/>
    </row>
    <row r="542339" spans="8:8">
      <c r="H542339" s="12"/>
    </row>
    <row r="542340" spans="8:8">
      <c r="H542340" s="12"/>
    </row>
    <row r="542341" spans="8:8">
      <c r="H542341" s="12"/>
    </row>
    <row r="542342" spans="8:8">
      <c r="H542342" s="12"/>
    </row>
    <row r="542343" spans="8:8">
      <c r="H542343" s="12"/>
    </row>
    <row r="542344" spans="8:8">
      <c r="H542344" s="12"/>
    </row>
    <row r="542345" spans="8:8">
      <c r="H542345" s="12"/>
    </row>
    <row r="542346" spans="8:8">
      <c r="H542346" s="12"/>
    </row>
    <row r="542347" spans="8:8">
      <c r="H542347" s="12"/>
    </row>
    <row r="542348" spans="8:8">
      <c r="H542348" s="12"/>
    </row>
    <row r="542349" spans="8:8">
      <c r="H542349" s="12"/>
    </row>
    <row r="542350" spans="8:8">
      <c r="H542350" s="12"/>
    </row>
    <row r="542351" spans="8:8">
      <c r="H542351" s="12"/>
    </row>
    <row r="542352" spans="8:8">
      <c r="H542352" s="12"/>
    </row>
    <row r="542353" spans="8:8">
      <c r="H542353" s="12"/>
    </row>
    <row r="542354" spans="8:8">
      <c r="H542354" s="12"/>
    </row>
    <row r="542355" spans="8:8">
      <c r="H542355" s="12"/>
    </row>
    <row r="542356" spans="8:8">
      <c r="H542356" s="12"/>
    </row>
    <row r="542357" spans="8:8">
      <c r="H542357" s="12"/>
    </row>
    <row r="542358" spans="8:8">
      <c r="H542358" s="12"/>
    </row>
    <row r="542359" spans="8:8">
      <c r="H542359" s="12"/>
    </row>
    <row r="542360" spans="8:8">
      <c r="H542360" s="12"/>
    </row>
    <row r="542361" spans="8:8">
      <c r="H542361" s="12"/>
    </row>
    <row r="542362" spans="8:8">
      <c r="H542362" s="12"/>
    </row>
    <row r="542363" spans="8:8">
      <c r="H542363" s="12"/>
    </row>
    <row r="542364" spans="8:8">
      <c r="H542364" s="12"/>
    </row>
    <row r="542365" spans="8:8">
      <c r="H542365" s="12"/>
    </row>
    <row r="542366" spans="8:8">
      <c r="H542366" s="12"/>
    </row>
    <row r="542367" spans="8:8">
      <c r="H542367" s="12"/>
    </row>
    <row r="542368" spans="8:8">
      <c r="H542368" s="12"/>
    </row>
    <row r="542369" spans="8:8">
      <c r="H542369" s="12"/>
    </row>
    <row r="542370" spans="8:8">
      <c r="H542370" s="12"/>
    </row>
    <row r="542371" spans="8:8">
      <c r="H542371" s="12"/>
    </row>
    <row r="542372" spans="8:8">
      <c r="H542372" s="12"/>
    </row>
    <row r="542373" spans="8:8">
      <c r="H542373" s="12"/>
    </row>
    <row r="542374" spans="8:8">
      <c r="H542374" s="12"/>
    </row>
    <row r="542375" spans="8:8">
      <c r="H542375" s="12"/>
    </row>
    <row r="542376" spans="8:8">
      <c r="H542376" s="12"/>
    </row>
    <row r="542377" spans="8:8">
      <c r="H542377" s="12"/>
    </row>
    <row r="542378" spans="8:8">
      <c r="H542378" s="12"/>
    </row>
    <row r="542379" spans="8:8">
      <c r="H542379" s="12"/>
    </row>
    <row r="542380" spans="8:8">
      <c r="H542380" s="12"/>
    </row>
    <row r="542381" spans="8:8">
      <c r="H542381" s="12"/>
    </row>
    <row r="542382" spans="8:8">
      <c r="H542382" s="12"/>
    </row>
    <row r="542383" spans="8:8">
      <c r="H542383" s="12"/>
    </row>
    <row r="542384" spans="8:8">
      <c r="H542384" s="12"/>
    </row>
    <row r="542385" spans="8:8">
      <c r="H542385" s="12"/>
    </row>
    <row r="542386" spans="8:8">
      <c r="H542386" s="12"/>
    </row>
    <row r="542387" spans="8:8">
      <c r="H542387" s="12"/>
    </row>
    <row r="542388" spans="8:8">
      <c r="H542388" s="12"/>
    </row>
    <row r="542389" spans="8:8">
      <c r="H542389" s="12"/>
    </row>
    <row r="542390" spans="8:8">
      <c r="H542390" s="12"/>
    </row>
    <row r="542391" spans="8:8">
      <c r="H542391" s="12"/>
    </row>
    <row r="542392" spans="8:8">
      <c r="H542392" s="12"/>
    </row>
    <row r="542393" spans="8:8">
      <c r="H542393" s="12"/>
    </row>
    <row r="542394" spans="8:8">
      <c r="H542394" s="12"/>
    </row>
    <row r="542395" spans="8:8">
      <c r="H542395" s="12"/>
    </row>
    <row r="542396" spans="8:8">
      <c r="H542396" s="12"/>
    </row>
    <row r="542397" spans="8:8">
      <c r="H542397" s="12"/>
    </row>
    <row r="542398" spans="8:8">
      <c r="H542398" s="12"/>
    </row>
    <row r="542399" spans="8:8">
      <c r="H542399" s="12"/>
    </row>
    <row r="542400" spans="8:8">
      <c r="H542400" s="12"/>
    </row>
    <row r="542401" spans="8:8">
      <c r="H542401" s="12"/>
    </row>
    <row r="542402" spans="8:8">
      <c r="H542402" s="12"/>
    </row>
    <row r="542403" spans="8:8">
      <c r="H542403" s="12"/>
    </row>
    <row r="542404" spans="8:8">
      <c r="H542404" s="12"/>
    </row>
    <row r="542405" spans="8:8">
      <c r="H542405" s="12"/>
    </row>
    <row r="542406" spans="8:8">
      <c r="H542406" s="12"/>
    </row>
    <row r="542407" spans="8:8">
      <c r="H542407" s="12"/>
    </row>
    <row r="542408" spans="8:8">
      <c r="H542408" s="12"/>
    </row>
    <row r="542409" spans="8:8">
      <c r="H542409" s="12"/>
    </row>
    <row r="542410" spans="8:8">
      <c r="H542410" s="12"/>
    </row>
    <row r="542411" spans="8:8">
      <c r="H542411" s="12"/>
    </row>
    <row r="542412" spans="8:8">
      <c r="H542412" s="12"/>
    </row>
    <row r="542413" spans="8:8">
      <c r="H542413" s="12"/>
    </row>
    <row r="542414" spans="8:8">
      <c r="H542414" s="12"/>
    </row>
    <row r="542415" spans="8:8">
      <c r="H542415" s="12"/>
    </row>
    <row r="542416" spans="8:8">
      <c r="H542416" s="12"/>
    </row>
    <row r="542417" spans="8:8">
      <c r="H542417" s="12"/>
    </row>
    <row r="542418" spans="8:8">
      <c r="H542418" s="12"/>
    </row>
    <row r="542419" spans="8:8">
      <c r="H542419" s="12"/>
    </row>
    <row r="542420" spans="8:8">
      <c r="H542420" s="12"/>
    </row>
    <row r="542421" spans="8:8">
      <c r="H542421" s="12"/>
    </row>
    <row r="542422" spans="8:8">
      <c r="H542422" s="12"/>
    </row>
    <row r="542423" spans="8:8">
      <c r="H542423" s="12"/>
    </row>
    <row r="542424" spans="8:8">
      <c r="H542424" s="12"/>
    </row>
    <row r="542425" spans="8:8">
      <c r="H542425" s="12"/>
    </row>
    <row r="542426" spans="8:8">
      <c r="H542426" s="12"/>
    </row>
    <row r="542427" spans="8:8">
      <c r="H542427" s="12"/>
    </row>
    <row r="542428" spans="8:8">
      <c r="H542428" s="12"/>
    </row>
    <row r="542429" spans="8:8">
      <c r="H542429" s="12"/>
    </row>
    <row r="542430" spans="8:8">
      <c r="H542430" s="12"/>
    </row>
    <row r="542431" spans="8:8">
      <c r="H542431" s="12"/>
    </row>
    <row r="542432" spans="8:8">
      <c r="H542432" s="12"/>
    </row>
    <row r="542433" spans="8:8">
      <c r="H542433" s="12"/>
    </row>
    <row r="542434" spans="8:8">
      <c r="H542434" s="12"/>
    </row>
    <row r="542435" spans="8:8">
      <c r="H542435" s="12"/>
    </row>
    <row r="542436" spans="8:8">
      <c r="H542436" s="12"/>
    </row>
    <row r="542437" spans="8:8">
      <c r="H542437" s="12"/>
    </row>
    <row r="542438" spans="8:8">
      <c r="H542438" s="12"/>
    </row>
    <row r="542439" spans="8:8">
      <c r="H542439" s="12"/>
    </row>
    <row r="542440" spans="8:8">
      <c r="H542440" s="12"/>
    </row>
    <row r="542441" spans="8:8">
      <c r="H542441" s="12"/>
    </row>
    <row r="542442" spans="8:8">
      <c r="H542442" s="12"/>
    </row>
    <row r="542443" spans="8:8">
      <c r="H542443" s="12"/>
    </row>
    <row r="542444" spans="8:8">
      <c r="H542444" s="12"/>
    </row>
    <row r="542445" spans="8:8">
      <c r="H542445" s="12"/>
    </row>
    <row r="542446" spans="8:8">
      <c r="H542446" s="12"/>
    </row>
    <row r="542447" spans="8:8">
      <c r="H542447" s="12"/>
    </row>
    <row r="542448" spans="8:8">
      <c r="H542448" s="12"/>
    </row>
    <row r="542449" spans="8:8">
      <c r="H542449" s="12"/>
    </row>
    <row r="542450" spans="8:8">
      <c r="H542450" s="12"/>
    </row>
    <row r="542451" spans="8:8">
      <c r="H542451" s="12"/>
    </row>
    <row r="542452" spans="8:8">
      <c r="H542452" s="12"/>
    </row>
    <row r="542453" spans="8:8">
      <c r="H542453" s="12"/>
    </row>
    <row r="542454" spans="8:8">
      <c r="H542454" s="12"/>
    </row>
    <row r="542455" spans="8:8">
      <c r="H542455" s="12"/>
    </row>
    <row r="542456" spans="8:8">
      <c r="H542456" s="12"/>
    </row>
    <row r="542457" spans="8:8">
      <c r="H542457" s="12"/>
    </row>
    <row r="542458" spans="8:8">
      <c r="H542458" s="12"/>
    </row>
    <row r="542459" spans="8:8">
      <c r="H542459" s="12"/>
    </row>
    <row r="542460" spans="8:8">
      <c r="H542460" s="12"/>
    </row>
    <row r="542461" spans="8:8">
      <c r="H542461" s="12"/>
    </row>
    <row r="542462" spans="8:8">
      <c r="H542462" s="12"/>
    </row>
    <row r="542463" spans="8:8">
      <c r="H542463" s="12"/>
    </row>
    <row r="542464" spans="8:8">
      <c r="H542464" s="12"/>
    </row>
    <row r="542465" spans="8:8">
      <c r="H542465" s="12"/>
    </row>
    <row r="542466" spans="8:8">
      <c r="H542466" s="12"/>
    </row>
    <row r="542467" spans="8:8">
      <c r="H542467" s="12"/>
    </row>
    <row r="542468" spans="8:8">
      <c r="H542468" s="12"/>
    </row>
    <row r="542469" spans="8:8">
      <c r="H542469" s="12"/>
    </row>
    <row r="542470" spans="8:8">
      <c r="H542470" s="12"/>
    </row>
    <row r="542471" spans="8:8">
      <c r="H542471" s="12"/>
    </row>
    <row r="542472" spans="8:8">
      <c r="H542472" s="12"/>
    </row>
    <row r="542473" spans="8:8">
      <c r="H542473" s="12"/>
    </row>
    <row r="542474" spans="8:8">
      <c r="H542474" s="12"/>
    </row>
    <row r="542475" spans="8:8">
      <c r="H542475" s="12"/>
    </row>
    <row r="542476" spans="8:8">
      <c r="H542476" s="12"/>
    </row>
    <row r="542477" spans="8:8">
      <c r="H542477" s="12"/>
    </row>
    <row r="542478" spans="8:8">
      <c r="H542478" s="12"/>
    </row>
    <row r="542479" spans="8:8">
      <c r="H542479" s="12"/>
    </row>
    <row r="542480" spans="8:8">
      <c r="H542480" s="12"/>
    </row>
    <row r="542481" spans="8:8">
      <c r="H542481" s="12"/>
    </row>
    <row r="542482" spans="8:8">
      <c r="H542482" s="12"/>
    </row>
    <row r="542483" spans="8:8">
      <c r="H542483" s="12"/>
    </row>
    <row r="542484" spans="8:8">
      <c r="H542484" s="12"/>
    </row>
    <row r="542485" spans="8:8">
      <c r="H542485" s="12"/>
    </row>
    <row r="542486" spans="8:8">
      <c r="H542486" s="12"/>
    </row>
    <row r="542487" spans="8:8">
      <c r="H542487" s="12"/>
    </row>
    <row r="542488" spans="8:8">
      <c r="H542488" s="12"/>
    </row>
    <row r="542489" spans="8:8">
      <c r="H542489" s="12"/>
    </row>
    <row r="542490" spans="8:8">
      <c r="H542490" s="12"/>
    </row>
    <row r="542491" spans="8:8">
      <c r="H542491" s="12"/>
    </row>
    <row r="542492" spans="8:8">
      <c r="H542492" s="12"/>
    </row>
    <row r="542493" spans="8:8">
      <c r="H542493" s="12"/>
    </row>
    <row r="542494" spans="8:8">
      <c r="H542494" s="12"/>
    </row>
    <row r="542495" spans="8:8">
      <c r="H542495" s="12"/>
    </row>
    <row r="542496" spans="8:8">
      <c r="H542496" s="12"/>
    </row>
    <row r="542497" spans="8:8">
      <c r="H542497" s="12"/>
    </row>
    <row r="542498" spans="8:8">
      <c r="H542498" s="12"/>
    </row>
    <row r="542499" spans="8:8">
      <c r="H542499" s="12"/>
    </row>
    <row r="542500" spans="8:8">
      <c r="H542500" s="12"/>
    </row>
    <row r="542501" spans="8:8">
      <c r="H542501" s="12"/>
    </row>
    <row r="542502" spans="8:8">
      <c r="H542502" s="12"/>
    </row>
    <row r="542503" spans="8:8">
      <c r="H542503" s="12"/>
    </row>
    <row r="542504" spans="8:8">
      <c r="H542504" s="12"/>
    </row>
    <row r="542505" spans="8:8">
      <c r="H542505" s="12"/>
    </row>
    <row r="542506" spans="8:8">
      <c r="H542506" s="12"/>
    </row>
    <row r="542507" spans="8:8">
      <c r="H542507" s="12"/>
    </row>
    <row r="542508" spans="8:8">
      <c r="H542508" s="12"/>
    </row>
    <row r="542509" spans="8:8">
      <c r="H542509" s="12"/>
    </row>
    <row r="542510" spans="8:8">
      <c r="H542510" s="12"/>
    </row>
    <row r="542511" spans="8:8">
      <c r="H542511" s="12"/>
    </row>
    <row r="542512" spans="8:8">
      <c r="H542512" s="12"/>
    </row>
    <row r="542513" spans="8:8">
      <c r="H542513" s="12"/>
    </row>
    <row r="542514" spans="8:8">
      <c r="H542514" s="12"/>
    </row>
    <row r="542515" spans="8:8">
      <c r="H542515" s="12"/>
    </row>
    <row r="542516" spans="8:8">
      <c r="H542516" s="12"/>
    </row>
    <row r="542517" spans="8:8">
      <c r="H542517" s="12"/>
    </row>
    <row r="542518" spans="8:8">
      <c r="H542518" s="12"/>
    </row>
    <row r="542519" spans="8:8">
      <c r="H542519" s="12"/>
    </row>
    <row r="542520" spans="8:8">
      <c r="H542520" s="12"/>
    </row>
    <row r="542521" spans="8:8">
      <c r="H542521" s="12"/>
    </row>
    <row r="542522" spans="8:8">
      <c r="H542522" s="12"/>
    </row>
    <row r="542523" spans="8:8">
      <c r="H542523" s="12"/>
    </row>
    <row r="542524" spans="8:8">
      <c r="H542524" s="12"/>
    </row>
    <row r="542525" spans="8:8">
      <c r="H542525" s="12"/>
    </row>
    <row r="542526" spans="8:8">
      <c r="H542526" s="12"/>
    </row>
    <row r="542527" spans="8:8">
      <c r="H542527" s="12"/>
    </row>
    <row r="542528" spans="8:8">
      <c r="H542528" s="12"/>
    </row>
    <row r="542529" spans="8:8">
      <c r="H542529" s="12"/>
    </row>
    <row r="542530" spans="8:8">
      <c r="H542530" s="12"/>
    </row>
    <row r="542531" spans="8:8">
      <c r="H542531" s="12"/>
    </row>
    <row r="542532" spans="8:8">
      <c r="H542532" s="12"/>
    </row>
    <row r="542533" spans="8:8">
      <c r="H542533" s="12"/>
    </row>
    <row r="542534" spans="8:8">
      <c r="H542534" s="12"/>
    </row>
    <row r="542535" spans="8:8">
      <c r="H542535" s="12"/>
    </row>
    <row r="542536" spans="8:8">
      <c r="H542536" s="12"/>
    </row>
    <row r="542537" spans="8:8">
      <c r="H542537" s="12"/>
    </row>
    <row r="542538" spans="8:8">
      <c r="H542538" s="12"/>
    </row>
    <row r="542539" spans="8:8">
      <c r="H542539" s="12"/>
    </row>
    <row r="542540" spans="8:8">
      <c r="H542540" s="12"/>
    </row>
    <row r="542541" spans="8:8">
      <c r="H542541" s="12"/>
    </row>
    <row r="542542" spans="8:8">
      <c r="H542542" s="12"/>
    </row>
    <row r="542543" spans="8:8">
      <c r="H542543" s="12"/>
    </row>
    <row r="542544" spans="8:8">
      <c r="H542544" s="12"/>
    </row>
    <row r="542545" spans="8:8">
      <c r="H542545" s="12"/>
    </row>
    <row r="542546" spans="8:8">
      <c r="H542546" s="12"/>
    </row>
    <row r="542547" spans="8:8">
      <c r="H542547" s="12"/>
    </row>
    <row r="542548" spans="8:8">
      <c r="H542548" s="12"/>
    </row>
    <row r="542549" spans="8:8">
      <c r="H542549" s="12"/>
    </row>
    <row r="542550" spans="8:8">
      <c r="H542550" s="12"/>
    </row>
    <row r="542551" spans="8:8">
      <c r="H542551" s="12"/>
    </row>
    <row r="542552" spans="8:8">
      <c r="H542552" s="12"/>
    </row>
    <row r="542553" spans="8:8">
      <c r="H542553" s="12"/>
    </row>
    <row r="542554" spans="8:8">
      <c r="H542554" s="12"/>
    </row>
    <row r="542555" spans="8:8">
      <c r="H542555" s="12"/>
    </row>
    <row r="542556" spans="8:8">
      <c r="H542556" s="12"/>
    </row>
    <row r="542557" spans="8:8">
      <c r="H542557" s="12"/>
    </row>
    <row r="542558" spans="8:8">
      <c r="H542558" s="12"/>
    </row>
    <row r="542559" spans="8:8">
      <c r="H542559" s="12"/>
    </row>
    <row r="542560" spans="8:8">
      <c r="H542560" s="12"/>
    </row>
    <row r="542561" spans="8:8">
      <c r="H542561" s="12"/>
    </row>
    <row r="542562" spans="8:8">
      <c r="H542562" s="12"/>
    </row>
    <row r="542563" spans="8:8">
      <c r="H542563" s="12"/>
    </row>
    <row r="542564" spans="8:8">
      <c r="H542564" s="12"/>
    </row>
    <row r="542565" spans="8:8">
      <c r="H542565" s="12"/>
    </row>
    <row r="542566" spans="8:8">
      <c r="H542566" s="12"/>
    </row>
    <row r="542567" spans="8:8">
      <c r="H542567" s="12"/>
    </row>
    <row r="542568" spans="8:8">
      <c r="H542568" s="12"/>
    </row>
    <row r="542569" spans="8:8">
      <c r="H542569" s="12"/>
    </row>
    <row r="542570" spans="8:8">
      <c r="H542570" s="12"/>
    </row>
    <row r="542571" spans="8:8">
      <c r="H542571" s="12"/>
    </row>
    <row r="542572" spans="8:8">
      <c r="H542572" s="12"/>
    </row>
    <row r="542573" spans="8:8">
      <c r="H542573" s="12"/>
    </row>
    <row r="542574" spans="8:8">
      <c r="H542574" s="12"/>
    </row>
    <row r="542575" spans="8:8">
      <c r="H542575" s="12"/>
    </row>
    <row r="542576" spans="8:8">
      <c r="H542576" s="12"/>
    </row>
    <row r="542577" spans="8:8">
      <c r="H542577" s="12"/>
    </row>
    <row r="542578" spans="8:8">
      <c r="H542578" s="12"/>
    </row>
    <row r="542579" spans="8:8">
      <c r="H542579" s="12"/>
    </row>
    <row r="542580" spans="8:8">
      <c r="H542580" s="12"/>
    </row>
    <row r="542581" spans="8:8">
      <c r="H542581" s="12"/>
    </row>
    <row r="542582" spans="8:8">
      <c r="H542582" s="12"/>
    </row>
    <row r="542583" spans="8:8">
      <c r="H542583" s="12"/>
    </row>
    <row r="542584" spans="8:8">
      <c r="H542584" s="12"/>
    </row>
    <row r="542585" spans="8:8">
      <c r="H542585" s="12"/>
    </row>
    <row r="542586" spans="8:8">
      <c r="H542586" s="12"/>
    </row>
    <row r="542587" spans="8:8">
      <c r="H542587" s="12"/>
    </row>
    <row r="542588" spans="8:8">
      <c r="H542588" s="12"/>
    </row>
    <row r="542589" spans="8:8">
      <c r="H542589" s="12"/>
    </row>
    <row r="542590" spans="8:8">
      <c r="H542590" s="12"/>
    </row>
    <row r="542591" spans="8:8">
      <c r="H542591" s="12"/>
    </row>
    <row r="542592" spans="8:8">
      <c r="H542592" s="12"/>
    </row>
    <row r="542593" spans="8:8">
      <c r="H542593" s="12"/>
    </row>
    <row r="542594" spans="8:8">
      <c r="H542594" s="12"/>
    </row>
    <row r="542595" spans="8:8">
      <c r="H542595" s="12"/>
    </row>
    <row r="542596" spans="8:8">
      <c r="H542596" s="12"/>
    </row>
    <row r="542597" spans="8:8">
      <c r="H542597" s="12"/>
    </row>
    <row r="542598" spans="8:8">
      <c r="H542598" s="12"/>
    </row>
    <row r="542599" spans="8:8">
      <c r="H542599" s="12"/>
    </row>
    <row r="542600" spans="8:8">
      <c r="H542600" s="12"/>
    </row>
    <row r="542601" spans="8:8">
      <c r="H542601" s="12"/>
    </row>
    <row r="542602" spans="8:8">
      <c r="H542602" s="12"/>
    </row>
    <row r="542603" spans="8:8">
      <c r="H542603" s="12"/>
    </row>
    <row r="542604" spans="8:8">
      <c r="H542604" s="12"/>
    </row>
    <row r="542605" spans="8:8">
      <c r="H542605" s="12"/>
    </row>
    <row r="542606" spans="8:8">
      <c r="H542606" s="12"/>
    </row>
    <row r="542607" spans="8:8">
      <c r="H542607" s="12"/>
    </row>
    <row r="542608" spans="8:8">
      <c r="H542608" s="12"/>
    </row>
    <row r="542609" spans="8:8">
      <c r="H542609" s="12"/>
    </row>
    <row r="542610" spans="8:8">
      <c r="H542610" s="12"/>
    </row>
    <row r="542611" spans="8:8">
      <c r="H542611" s="12"/>
    </row>
    <row r="542612" spans="8:8">
      <c r="H542612" s="12"/>
    </row>
    <row r="542613" spans="8:8">
      <c r="H542613" s="12"/>
    </row>
    <row r="542614" spans="8:8">
      <c r="H542614" s="12"/>
    </row>
    <row r="542615" spans="8:8">
      <c r="H542615" s="12"/>
    </row>
    <row r="542616" spans="8:8">
      <c r="H542616" s="12"/>
    </row>
    <row r="542617" spans="8:8">
      <c r="H542617" s="12"/>
    </row>
    <row r="542618" spans="8:8">
      <c r="H542618" s="12"/>
    </row>
    <row r="542619" spans="8:8">
      <c r="H542619" s="12"/>
    </row>
    <row r="542620" spans="8:8">
      <c r="H542620" s="12"/>
    </row>
    <row r="542621" spans="8:8">
      <c r="H542621" s="12"/>
    </row>
    <row r="542622" spans="8:8">
      <c r="H542622" s="12"/>
    </row>
    <row r="542623" spans="8:8">
      <c r="H542623" s="12"/>
    </row>
    <row r="542624" spans="8:8">
      <c r="H542624" s="12"/>
    </row>
    <row r="542625" spans="8:8">
      <c r="H542625" s="12"/>
    </row>
    <row r="542626" spans="8:8">
      <c r="H542626" s="12"/>
    </row>
    <row r="542627" spans="8:8">
      <c r="H542627" s="12"/>
    </row>
    <row r="542628" spans="8:8">
      <c r="H542628" s="12"/>
    </row>
    <row r="542629" spans="8:8">
      <c r="H542629" s="12"/>
    </row>
    <row r="542630" spans="8:8">
      <c r="H542630" s="12"/>
    </row>
    <row r="542631" spans="8:8">
      <c r="H542631" s="12"/>
    </row>
    <row r="542632" spans="8:8">
      <c r="H542632" s="12"/>
    </row>
    <row r="542633" spans="8:8">
      <c r="H542633" s="12"/>
    </row>
    <row r="542634" spans="8:8">
      <c r="H542634" s="12"/>
    </row>
    <row r="542635" spans="8:8">
      <c r="H542635" s="12"/>
    </row>
    <row r="542636" spans="8:8">
      <c r="H542636" s="12"/>
    </row>
    <row r="542637" spans="8:8">
      <c r="H542637" s="12"/>
    </row>
    <row r="542638" spans="8:8">
      <c r="H542638" s="12"/>
    </row>
    <row r="542639" spans="8:8">
      <c r="H542639" s="12"/>
    </row>
    <row r="542640" spans="8:8">
      <c r="H542640" s="12"/>
    </row>
    <row r="542641" spans="8:8">
      <c r="H542641" s="12"/>
    </row>
    <row r="542642" spans="8:8">
      <c r="H542642" s="12"/>
    </row>
    <row r="542643" spans="8:8">
      <c r="H542643" s="12"/>
    </row>
    <row r="542644" spans="8:8">
      <c r="H542644" s="12"/>
    </row>
    <row r="542645" spans="8:8">
      <c r="H542645" s="12"/>
    </row>
    <row r="542646" spans="8:8">
      <c r="H542646" s="12"/>
    </row>
    <row r="542647" spans="8:8">
      <c r="H542647" s="12"/>
    </row>
    <row r="542648" spans="8:8">
      <c r="H542648" s="12"/>
    </row>
    <row r="542649" spans="8:8">
      <c r="H542649" s="12"/>
    </row>
    <row r="542650" spans="8:8">
      <c r="H542650" s="12"/>
    </row>
    <row r="542651" spans="8:8">
      <c r="H542651" s="12"/>
    </row>
    <row r="542652" spans="8:8">
      <c r="H542652" s="12"/>
    </row>
    <row r="542653" spans="8:8">
      <c r="H542653" s="12"/>
    </row>
    <row r="542654" spans="8:8">
      <c r="H542654" s="12"/>
    </row>
    <row r="542655" spans="8:8">
      <c r="H542655" s="12"/>
    </row>
    <row r="542656" spans="8:8">
      <c r="H542656" s="12"/>
    </row>
    <row r="542657" spans="8:8">
      <c r="H542657" s="12"/>
    </row>
    <row r="542658" spans="8:8">
      <c r="H542658" s="12"/>
    </row>
    <row r="542659" spans="8:8">
      <c r="H542659" s="12"/>
    </row>
    <row r="542660" spans="8:8">
      <c r="H542660" s="12"/>
    </row>
    <row r="542661" spans="8:8">
      <c r="H542661" s="12"/>
    </row>
    <row r="542662" spans="8:8">
      <c r="H542662" s="12"/>
    </row>
    <row r="542663" spans="8:8">
      <c r="H542663" s="12"/>
    </row>
    <row r="542664" spans="8:8">
      <c r="H542664" s="12"/>
    </row>
    <row r="542665" spans="8:8">
      <c r="H542665" s="12"/>
    </row>
    <row r="542666" spans="8:8">
      <c r="H542666" s="12"/>
    </row>
    <row r="542667" spans="8:8">
      <c r="H542667" s="12"/>
    </row>
    <row r="542668" spans="8:8">
      <c r="H542668" s="12"/>
    </row>
    <row r="542669" spans="8:8">
      <c r="H542669" s="12"/>
    </row>
    <row r="542670" spans="8:8">
      <c r="H542670" s="12"/>
    </row>
    <row r="542671" spans="8:8">
      <c r="H542671" s="12"/>
    </row>
    <row r="542672" spans="8:8">
      <c r="H542672" s="12"/>
    </row>
    <row r="542673" spans="8:8">
      <c r="H542673" s="12"/>
    </row>
    <row r="542674" spans="8:8">
      <c r="H542674" s="12"/>
    </row>
    <row r="542675" spans="8:8">
      <c r="H542675" s="12"/>
    </row>
    <row r="542676" spans="8:8">
      <c r="H542676" s="12"/>
    </row>
    <row r="542677" spans="8:8">
      <c r="H542677" s="12"/>
    </row>
    <row r="542678" spans="8:8">
      <c r="H542678" s="12"/>
    </row>
    <row r="542679" spans="8:8">
      <c r="H542679" s="12"/>
    </row>
    <row r="542680" spans="8:8">
      <c r="H542680" s="12"/>
    </row>
    <row r="542681" spans="8:8">
      <c r="H542681" s="12"/>
    </row>
    <row r="542682" spans="8:8">
      <c r="H542682" s="12"/>
    </row>
    <row r="542683" spans="8:8">
      <c r="H542683" s="12"/>
    </row>
    <row r="542684" spans="8:8">
      <c r="H542684" s="12"/>
    </row>
    <row r="542685" spans="8:8">
      <c r="H542685" s="12"/>
    </row>
    <row r="542686" spans="8:8">
      <c r="H542686" s="12"/>
    </row>
    <row r="542687" spans="8:8">
      <c r="H542687" s="12"/>
    </row>
    <row r="542688" spans="8:8">
      <c r="H542688" s="12"/>
    </row>
    <row r="542689" spans="8:8">
      <c r="H542689" s="12"/>
    </row>
    <row r="542690" spans="8:8">
      <c r="H542690" s="12"/>
    </row>
    <row r="542691" spans="8:8">
      <c r="H542691" s="12"/>
    </row>
    <row r="542692" spans="8:8">
      <c r="H542692" s="12"/>
    </row>
    <row r="542693" spans="8:8">
      <c r="H542693" s="12"/>
    </row>
    <row r="542694" spans="8:8">
      <c r="H542694" s="12"/>
    </row>
    <row r="542695" spans="8:8">
      <c r="H542695" s="12"/>
    </row>
    <row r="542696" spans="8:8">
      <c r="H542696" s="12"/>
    </row>
    <row r="542697" spans="8:8">
      <c r="H542697" s="12"/>
    </row>
    <row r="542698" spans="8:8">
      <c r="H542698" s="12"/>
    </row>
    <row r="542699" spans="8:8">
      <c r="H542699" s="12"/>
    </row>
    <row r="542700" spans="8:8">
      <c r="H542700" s="12"/>
    </row>
    <row r="542701" spans="8:8">
      <c r="H542701" s="12"/>
    </row>
    <row r="542702" spans="8:8">
      <c r="H542702" s="12"/>
    </row>
    <row r="542703" spans="8:8">
      <c r="H542703" s="12"/>
    </row>
    <row r="542704" spans="8:8">
      <c r="H542704" s="12"/>
    </row>
    <row r="542705" spans="8:8">
      <c r="H542705" s="12"/>
    </row>
    <row r="542706" spans="8:8">
      <c r="H542706" s="12"/>
    </row>
    <row r="542707" spans="8:8">
      <c r="H542707" s="12"/>
    </row>
    <row r="542708" spans="8:8">
      <c r="H542708" s="12"/>
    </row>
    <row r="542709" spans="8:8">
      <c r="H542709" s="12"/>
    </row>
    <row r="542710" spans="8:8">
      <c r="H542710" s="12"/>
    </row>
    <row r="542711" spans="8:8">
      <c r="H542711" s="12"/>
    </row>
    <row r="542712" spans="8:8">
      <c r="H542712" s="12"/>
    </row>
    <row r="542713" spans="8:8">
      <c r="H542713" s="12"/>
    </row>
    <row r="542714" spans="8:8">
      <c r="H542714" s="12"/>
    </row>
    <row r="542715" spans="8:8">
      <c r="H542715" s="12"/>
    </row>
    <row r="542716" spans="8:8">
      <c r="H542716" s="12"/>
    </row>
    <row r="542717" spans="8:8">
      <c r="H542717" s="12"/>
    </row>
    <row r="542718" spans="8:8">
      <c r="H542718" s="12"/>
    </row>
    <row r="542719" spans="8:8">
      <c r="H542719" s="12"/>
    </row>
    <row r="542720" spans="8:8">
      <c r="H542720" s="12"/>
    </row>
    <row r="542721" spans="8:8">
      <c r="H542721" s="12"/>
    </row>
    <row r="542722" spans="8:8">
      <c r="H542722" s="12"/>
    </row>
    <row r="542723" spans="8:8">
      <c r="H542723" s="12"/>
    </row>
    <row r="542724" spans="8:8">
      <c r="H542724" s="12"/>
    </row>
    <row r="542725" spans="8:8">
      <c r="H542725" s="12"/>
    </row>
    <row r="542726" spans="8:8">
      <c r="H542726" s="12"/>
    </row>
    <row r="542727" spans="8:8">
      <c r="H542727" s="12"/>
    </row>
    <row r="542728" spans="8:8">
      <c r="H542728" s="12"/>
    </row>
    <row r="542729" spans="8:8">
      <c r="H542729" s="12"/>
    </row>
    <row r="542730" spans="8:8">
      <c r="H542730" s="12"/>
    </row>
    <row r="542731" spans="8:8">
      <c r="H542731" s="12"/>
    </row>
    <row r="542732" spans="8:8">
      <c r="H542732" s="12"/>
    </row>
    <row r="542733" spans="8:8">
      <c r="H542733" s="12"/>
    </row>
    <row r="542734" spans="8:8">
      <c r="H542734" s="12"/>
    </row>
    <row r="542735" spans="8:8">
      <c r="H542735" s="12"/>
    </row>
    <row r="542736" spans="8:8">
      <c r="H542736" s="12"/>
    </row>
    <row r="542737" spans="8:8">
      <c r="H542737" s="12"/>
    </row>
    <row r="542738" spans="8:8">
      <c r="H542738" s="12"/>
    </row>
    <row r="542739" spans="8:8">
      <c r="H542739" s="12"/>
    </row>
    <row r="542740" spans="8:8">
      <c r="H542740" s="12"/>
    </row>
    <row r="542741" spans="8:8">
      <c r="H542741" s="12"/>
    </row>
    <row r="542742" spans="8:8">
      <c r="H542742" s="12"/>
    </row>
    <row r="542743" spans="8:8">
      <c r="H542743" s="12"/>
    </row>
    <row r="542744" spans="8:8">
      <c r="H542744" s="12"/>
    </row>
    <row r="542745" spans="8:8">
      <c r="H542745" s="12"/>
    </row>
    <row r="542746" spans="8:8">
      <c r="H542746" s="12"/>
    </row>
    <row r="542747" spans="8:8">
      <c r="H542747" s="12"/>
    </row>
    <row r="542748" spans="8:8">
      <c r="H542748" s="12"/>
    </row>
    <row r="542749" spans="8:8">
      <c r="H542749" s="12"/>
    </row>
    <row r="542750" spans="8:8">
      <c r="H542750" s="12"/>
    </row>
    <row r="542751" spans="8:8">
      <c r="H542751" s="12"/>
    </row>
    <row r="542752" spans="8:8">
      <c r="H542752" s="12"/>
    </row>
    <row r="542753" spans="8:8">
      <c r="H542753" s="12"/>
    </row>
    <row r="542754" spans="8:8">
      <c r="H542754" s="12"/>
    </row>
    <row r="542755" spans="8:8">
      <c r="H542755" s="12"/>
    </row>
    <row r="542756" spans="8:8">
      <c r="H542756" s="12"/>
    </row>
    <row r="542757" spans="8:8">
      <c r="H542757" s="12"/>
    </row>
    <row r="542758" spans="8:8">
      <c r="H542758" s="12"/>
    </row>
    <row r="542759" spans="8:8">
      <c r="H542759" s="12"/>
    </row>
    <row r="542760" spans="8:8">
      <c r="H542760" s="12"/>
    </row>
    <row r="542761" spans="8:8">
      <c r="H542761" s="12"/>
    </row>
    <row r="542762" spans="8:8">
      <c r="H542762" s="12"/>
    </row>
    <row r="542763" spans="8:8">
      <c r="H542763" s="12"/>
    </row>
    <row r="542764" spans="8:8">
      <c r="H542764" s="12"/>
    </row>
    <row r="542765" spans="8:8">
      <c r="H542765" s="12"/>
    </row>
    <row r="542766" spans="8:8">
      <c r="H542766" s="12"/>
    </row>
    <row r="542767" spans="8:8">
      <c r="H542767" s="12"/>
    </row>
    <row r="542768" spans="8:8">
      <c r="H542768" s="12"/>
    </row>
    <row r="542769" spans="8:8">
      <c r="H542769" s="12"/>
    </row>
    <row r="542770" spans="8:8">
      <c r="H542770" s="12"/>
    </row>
    <row r="542771" spans="8:8">
      <c r="H542771" s="12"/>
    </row>
    <row r="542772" spans="8:8">
      <c r="H542772" s="12"/>
    </row>
    <row r="542773" spans="8:8">
      <c r="H542773" s="12"/>
    </row>
    <row r="542774" spans="8:8">
      <c r="H542774" s="12"/>
    </row>
    <row r="542775" spans="8:8">
      <c r="H542775" s="12"/>
    </row>
    <row r="542776" spans="8:8">
      <c r="H542776" s="12"/>
    </row>
    <row r="542777" spans="8:8">
      <c r="H542777" s="12"/>
    </row>
    <row r="542778" spans="8:8">
      <c r="H542778" s="12"/>
    </row>
    <row r="542779" spans="8:8">
      <c r="H542779" s="12"/>
    </row>
    <row r="542780" spans="8:8">
      <c r="H542780" s="12"/>
    </row>
    <row r="542781" spans="8:8">
      <c r="H542781" s="12"/>
    </row>
    <row r="542782" spans="8:8">
      <c r="H542782" s="12"/>
    </row>
    <row r="542783" spans="8:8">
      <c r="H542783" s="12"/>
    </row>
    <row r="542784" spans="8:8">
      <c r="H542784" s="12"/>
    </row>
    <row r="542785" spans="8:8">
      <c r="H542785" s="12"/>
    </row>
    <row r="542786" spans="8:8">
      <c r="H542786" s="12"/>
    </row>
    <row r="542787" spans="8:8">
      <c r="H542787" s="12"/>
    </row>
    <row r="542788" spans="8:8">
      <c r="H542788" s="12"/>
    </row>
    <row r="542789" spans="8:8">
      <c r="H542789" s="12"/>
    </row>
    <row r="542790" spans="8:8">
      <c r="H542790" s="12"/>
    </row>
    <row r="542791" spans="8:8">
      <c r="H542791" s="12"/>
    </row>
    <row r="542792" spans="8:8">
      <c r="H542792" s="12"/>
    </row>
    <row r="542793" spans="8:8">
      <c r="H542793" s="12"/>
    </row>
    <row r="542794" spans="8:8">
      <c r="H542794" s="12"/>
    </row>
    <row r="542795" spans="8:8">
      <c r="H542795" s="12"/>
    </row>
    <row r="542796" spans="8:8">
      <c r="H542796" s="12"/>
    </row>
    <row r="542797" spans="8:8">
      <c r="H542797" s="12"/>
    </row>
    <row r="542798" spans="8:8">
      <c r="H542798" s="12"/>
    </row>
    <row r="542799" spans="8:8">
      <c r="H542799" s="12"/>
    </row>
    <row r="542800" spans="8:8">
      <c r="H542800" s="12"/>
    </row>
    <row r="542801" spans="8:8">
      <c r="H542801" s="12"/>
    </row>
    <row r="542802" spans="8:8">
      <c r="H542802" s="12"/>
    </row>
    <row r="542803" spans="8:8">
      <c r="H542803" s="12"/>
    </row>
    <row r="542804" spans="8:8">
      <c r="H542804" s="12"/>
    </row>
    <row r="542805" spans="8:8">
      <c r="H542805" s="12"/>
    </row>
    <row r="542806" spans="8:8">
      <c r="H542806" s="12"/>
    </row>
    <row r="542807" spans="8:8">
      <c r="H542807" s="12"/>
    </row>
    <row r="542808" spans="8:8">
      <c r="H542808" s="12"/>
    </row>
    <row r="542809" spans="8:8">
      <c r="H542809" s="12"/>
    </row>
    <row r="542810" spans="8:8">
      <c r="H542810" s="12"/>
    </row>
    <row r="542811" spans="8:8">
      <c r="H542811" s="12"/>
    </row>
    <row r="542812" spans="8:8">
      <c r="H542812" s="12"/>
    </row>
    <row r="542813" spans="8:8">
      <c r="H542813" s="12"/>
    </row>
    <row r="542814" spans="8:8">
      <c r="H542814" s="12"/>
    </row>
    <row r="542815" spans="8:8">
      <c r="H542815" s="12"/>
    </row>
    <row r="542816" spans="8:8">
      <c r="H542816" s="12"/>
    </row>
    <row r="542817" spans="8:8">
      <c r="H542817" s="12"/>
    </row>
    <row r="542818" spans="8:8">
      <c r="H542818" s="12"/>
    </row>
    <row r="542819" spans="8:8">
      <c r="H542819" s="12"/>
    </row>
    <row r="542820" spans="8:8">
      <c r="H542820" s="12"/>
    </row>
    <row r="542821" spans="8:8">
      <c r="H542821" s="12"/>
    </row>
    <row r="542822" spans="8:8">
      <c r="H542822" s="12"/>
    </row>
    <row r="542823" spans="8:8">
      <c r="H542823" s="12"/>
    </row>
    <row r="542824" spans="8:8">
      <c r="H542824" s="12"/>
    </row>
    <row r="542825" spans="8:8">
      <c r="H542825" s="12"/>
    </row>
    <row r="542826" spans="8:8">
      <c r="H542826" s="12"/>
    </row>
    <row r="542827" spans="8:8">
      <c r="H542827" s="12"/>
    </row>
    <row r="542828" spans="8:8">
      <c r="H542828" s="12"/>
    </row>
    <row r="542829" spans="8:8">
      <c r="H542829" s="12"/>
    </row>
    <row r="542830" spans="8:8">
      <c r="H542830" s="12"/>
    </row>
    <row r="542831" spans="8:8">
      <c r="H542831" s="12"/>
    </row>
    <row r="542832" spans="8:8">
      <c r="H542832" s="12"/>
    </row>
    <row r="542833" spans="8:8">
      <c r="H542833" s="12"/>
    </row>
    <row r="542834" spans="8:8">
      <c r="H542834" s="12"/>
    </row>
    <row r="542835" spans="8:8">
      <c r="H542835" s="12"/>
    </row>
    <row r="542836" spans="8:8">
      <c r="H542836" s="12"/>
    </row>
    <row r="542837" spans="8:8">
      <c r="H542837" s="12"/>
    </row>
    <row r="542838" spans="8:8">
      <c r="H542838" s="12"/>
    </row>
    <row r="542839" spans="8:8">
      <c r="H542839" s="12"/>
    </row>
    <row r="542840" spans="8:8">
      <c r="H542840" s="12"/>
    </row>
    <row r="542841" spans="8:8">
      <c r="H542841" s="12"/>
    </row>
    <row r="542842" spans="8:8">
      <c r="H542842" s="12"/>
    </row>
    <row r="542843" spans="8:8">
      <c r="H542843" s="12"/>
    </row>
    <row r="542844" spans="8:8">
      <c r="H542844" s="12"/>
    </row>
    <row r="542845" spans="8:8">
      <c r="H542845" s="12"/>
    </row>
    <row r="542846" spans="8:8">
      <c r="H542846" s="12"/>
    </row>
    <row r="542847" spans="8:8">
      <c r="H542847" s="12"/>
    </row>
    <row r="542848" spans="8:8">
      <c r="H542848" s="12"/>
    </row>
    <row r="542849" spans="8:8">
      <c r="H542849" s="12"/>
    </row>
    <row r="542850" spans="8:8">
      <c r="H542850" s="12"/>
    </row>
    <row r="542851" spans="8:8">
      <c r="H542851" s="12"/>
    </row>
    <row r="542852" spans="8:8">
      <c r="H542852" s="12"/>
    </row>
    <row r="542853" spans="8:8">
      <c r="H542853" s="12"/>
    </row>
    <row r="542854" spans="8:8">
      <c r="H542854" s="12"/>
    </row>
    <row r="542855" spans="8:8">
      <c r="H542855" s="12"/>
    </row>
    <row r="542856" spans="8:8">
      <c r="H542856" s="12"/>
    </row>
    <row r="542857" spans="8:8">
      <c r="H542857" s="12"/>
    </row>
    <row r="542858" spans="8:8">
      <c r="H542858" s="12"/>
    </row>
    <row r="542859" spans="8:8">
      <c r="H542859" s="12"/>
    </row>
    <row r="542860" spans="8:8">
      <c r="H542860" s="12"/>
    </row>
    <row r="542861" spans="8:8">
      <c r="H542861" s="12"/>
    </row>
    <row r="542862" spans="8:8">
      <c r="H542862" s="12"/>
    </row>
    <row r="542863" spans="8:8">
      <c r="H542863" s="12"/>
    </row>
    <row r="542864" spans="8:8">
      <c r="H542864" s="12"/>
    </row>
    <row r="542865" spans="8:8">
      <c r="H542865" s="12"/>
    </row>
    <row r="542866" spans="8:8">
      <c r="H542866" s="12"/>
    </row>
    <row r="542867" spans="8:8">
      <c r="H542867" s="12"/>
    </row>
    <row r="542868" spans="8:8">
      <c r="H542868" s="12"/>
    </row>
    <row r="542869" spans="8:8">
      <c r="H542869" s="12"/>
    </row>
    <row r="542870" spans="8:8">
      <c r="H542870" s="12"/>
    </row>
    <row r="542871" spans="8:8">
      <c r="H542871" s="12"/>
    </row>
    <row r="542872" spans="8:8">
      <c r="H542872" s="12"/>
    </row>
    <row r="542873" spans="8:8">
      <c r="H542873" s="12"/>
    </row>
    <row r="542874" spans="8:8">
      <c r="H542874" s="12"/>
    </row>
    <row r="542875" spans="8:8">
      <c r="H542875" s="12"/>
    </row>
    <row r="542876" spans="8:8">
      <c r="H542876" s="12"/>
    </row>
    <row r="542877" spans="8:8">
      <c r="H542877" s="12"/>
    </row>
    <row r="542878" spans="8:8">
      <c r="H542878" s="12"/>
    </row>
    <row r="542879" spans="8:8">
      <c r="H542879" s="12"/>
    </row>
    <row r="542880" spans="8:8">
      <c r="H542880" s="12"/>
    </row>
    <row r="542881" spans="8:8">
      <c r="H542881" s="12"/>
    </row>
    <row r="542882" spans="8:8">
      <c r="H542882" s="12"/>
    </row>
    <row r="542883" spans="8:8">
      <c r="H542883" s="12"/>
    </row>
    <row r="542884" spans="8:8">
      <c r="H542884" s="12"/>
    </row>
    <row r="542885" spans="8:8">
      <c r="H542885" s="12"/>
    </row>
    <row r="542886" spans="8:8">
      <c r="H542886" s="12"/>
    </row>
    <row r="542887" spans="8:8">
      <c r="H542887" s="12"/>
    </row>
    <row r="542888" spans="8:8">
      <c r="H542888" s="12"/>
    </row>
    <row r="542889" spans="8:8">
      <c r="H542889" s="12"/>
    </row>
    <row r="542890" spans="8:8">
      <c r="H542890" s="12"/>
    </row>
    <row r="542891" spans="8:8">
      <c r="H542891" s="12"/>
    </row>
    <row r="542892" spans="8:8">
      <c r="H542892" s="12"/>
    </row>
    <row r="542893" spans="8:8">
      <c r="H542893" s="12"/>
    </row>
    <row r="542894" spans="8:8">
      <c r="H542894" s="12"/>
    </row>
    <row r="542895" spans="8:8">
      <c r="H542895" s="12"/>
    </row>
    <row r="542896" spans="8:8">
      <c r="H542896" s="12"/>
    </row>
    <row r="542897" spans="8:8">
      <c r="H542897" s="12"/>
    </row>
    <row r="542898" spans="8:8">
      <c r="H542898" s="12"/>
    </row>
    <row r="542899" spans="8:8">
      <c r="H542899" s="12"/>
    </row>
    <row r="542900" spans="8:8">
      <c r="H542900" s="12"/>
    </row>
    <row r="542901" spans="8:8">
      <c r="H542901" s="12"/>
    </row>
    <row r="542902" spans="8:8">
      <c r="H542902" s="12"/>
    </row>
    <row r="542903" spans="8:8">
      <c r="H542903" s="12"/>
    </row>
    <row r="542904" spans="8:8">
      <c r="H542904" s="12"/>
    </row>
    <row r="542905" spans="8:8">
      <c r="H542905" s="12"/>
    </row>
    <row r="542906" spans="8:8">
      <c r="H542906" s="12"/>
    </row>
    <row r="542907" spans="8:8">
      <c r="H542907" s="12"/>
    </row>
    <row r="542908" spans="8:8">
      <c r="H542908" s="12"/>
    </row>
    <row r="542909" spans="8:8">
      <c r="H542909" s="12"/>
    </row>
    <row r="542910" spans="8:8">
      <c r="H542910" s="12"/>
    </row>
    <row r="542911" spans="8:8">
      <c r="H542911" s="12"/>
    </row>
    <row r="542912" spans="8:8">
      <c r="H542912" s="12"/>
    </row>
    <row r="542913" spans="8:8">
      <c r="H542913" s="12"/>
    </row>
    <row r="542914" spans="8:8">
      <c r="H542914" s="12"/>
    </row>
    <row r="542915" spans="8:8">
      <c r="H542915" s="12"/>
    </row>
    <row r="542916" spans="8:8">
      <c r="H542916" s="12"/>
    </row>
    <row r="542917" spans="8:8">
      <c r="H542917" s="12"/>
    </row>
    <row r="542918" spans="8:8">
      <c r="H542918" s="12"/>
    </row>
    <row r="542919" spans="8:8">
      <c r="H542919" s="12"/>
    </row>
    <row r="542920" spans="8:8">
      <c r="H542920" s="12"/>
    </row>
    <row r="542921" spans="8:8">
      <c r="H542921" s="12"/>
    </row>
    <row r="542922" spans="8:8">
      <c r="H542922" s="12"/>
    </row>
    <row r="542923" spans="8:8">
      <c r="H542923" s="12"/>
    </row>
    <row r="542924" spans="8:8">
      <c r="H542924" s="12"/>
    </row>
    <row r="542925" spans="8:8">
      <c r="H542925" s="12"/>
    </row>
    <row r="542926" spans="8:8">
      <c r="H542926" s="12"/>
    </row>
    <row r="542927" spans="8:8">
      <c r="H542927" s="12"/>
    </row>
    <row r="542928" spans="8:8">
      <c r="H542928" s="12"/>
    </row>
    <row r="542929" spans="8:8">
      <c r="H542929" s="12"/>
    </row>
    <row r="542930" spans="8:8">
      <c r="H542930" s="12"/>
    </row>
    <row r="542931" spans="8:8">
      <c r="H542931" s="12"/>
    </row>
    <row r="542932" spans="8:8">
      <c r="H542932" s="12"/>
    </row>
    <row r="542933" spans="8:8">
      <c r="H542933" s="12"/>
    </row>
    <row r="542934" spans="8:8">
      <c r="H542934" s="12"/>
    </row>
    <row r="542935" spans="8:8">
      <c r="H542935" s="12"/>
    </row>
    <row r="542936" spans="8:8">
      <c r="H542936" s="12"/>
    </row>
    <row r="542937" spans="8:8">
      <c r="H542937" s="12"/>
    </row>
    <row r="542938" spans="8:8">
      <c r="H542938" s="12"/>
    </row>
    <row r="542939" spans="8:8">
      <c r="H542939" s="12"/>
    </row>
    <row r="542940" spans="8:8">
      <c r="H542940" s="12"/>
    </row>
    <row r="542941" spans="8:8">
      <c r="H542941" s="12"/>
    </row>
    <row r="542942" spans="8:8">
      <c r="H542942" s="12"/>
    </row>
    <row r="542943" spans="8:8">
      <c r="H542943" s="12"/>
    </row>
    <row r="542944" spans="8:8">
      <c r="H542944" s="12"/>
    </row>
    <row r="542945" spans="8:8">
      <c r="H542945" s="12"/>
    </row>
    <row r="542946" spans="8:8">
      <c r="H542946" s="12"/>
    </row>
    <row r="542947" spans="8:8">
      <c r="H542947" s="12"/>
    </row>
    <row r="542948" spans="8:8">
      <c r="H542948" s="12"/>
    </row>
    <row r="542949" spans="8:8">
      <c r="H542949" s="12"/>
    </row>
    <row r="542950" spans="8:8">
      <c r="H542950" s="12"/>
    </row>
    <row r="542951" spans="8:8">
      <c r="H542951" s="12"/>
    </row>
    <row r="542952" spans="8:8">
      <c r="H542952" s="12"/>
    </row>
    <row r="542953" spans="8:8">
      <c r="H542953" s="12"/>
    </row>
    <row r="542954" spans="8:8">
      <c r="H542954" s="12"/>
    </row>
    <row r="542955" spans="8:8">
      <c r="H542955" s="12"/>
    </row>
    <row r="542956" spans="8:8">
      <c r="H542956" s="12"/>
    </row>
    <row r="542957" spans="8:8">
      <c r="H542957" s="12"/>
    </row>
    <row r="542958" spans="8:8">
      <c r="H542958" s="12"/>
    </row>
    <row r="542959" spans="8:8">
      <c r="H542959" s="12"/>
    </row>
    <row r="542960" spans="8:8">
      <c r="H542960" s="12"/>
    </row>
    <row r="542961" spans="8:8">
      <c r="H542961" s="12"/>
    </row>
    <row r="542962" spans="8:8">
      <c r="H542962" s="12"/>
    </row>
    <row r="542963" spans="8:8">
      <c r="H542963" s="12"/>
    </row>
    <row r="542964" spans="8:8">
      <c r="H542964" s="12"/>
    </row>
    <row r="542965" spans="8:8">
      <c r="H542965" s="12"/>
    </row>
    <row r="542966" spans="8:8">
      <c r="H542966" s="12"/>
    </row>
    <row r="542967" spans="8:8">
      <c r="H542967" s="12"/>
    </row>
    <row r="542968" spans="8:8">
      <c r="H542968" s="12"/>
    </row>
    <row r="542969" spans="8:8">
      <c r="H542969" s="12"/>
    </row>
    <row r="542970" spans="8:8">
      <c r="H542970" s="12"/>
    </row>
    <row r="542971" spans="8:8">
      <c r="H542971" s="12"/>
    </row>
    <row r="542972" spans="8:8">
      <c r="H542972" s="12"/>
    </row>
    <row r="542973" spans="8:8">
      <c r="H542973" s="12"/>
    </row>
    <row r="542974" spans="8:8">
      <c r="H542974" s="12"/>
    </row>
    <row r="542975" spans="8:8">
      <c r="H542975" s="12"/>
    </row>
    <row r="542976" spans="8:8">
      <c r="H542976" s="12"/>
    </row>
    <row r="542977" spans="8:8">
      <c r="H542977" s="12"/>
    </row>
    <row r="542978" spans="8:8">
      <c r="H542978" s="12"/>
    </row>
    <row r="542979" spans="8:8">
      <c r="H542979" s="12"/>
    </row>
    <row r="542980" spans="8:8">
      <c r="H542980" s="12"/>
    </row>
    <row r="542981" spans="8:8">
      <c r="H542981" s="12"/>
    </row>
    <row r="542982" spans="8:8">
      <c r="H542982" s="12"/>
    </row>
    <row r="542983" spans="8:8">
      <c r="H542983" s="12"/>
    </row>
    <row r="542984" spans="8:8">
      <c r="H542984" s="12"/>
    </row>
    <row r="542985" spans="8:8">
      <c r="H542985" s="12"/>
    </row>
    <row r="542986" spans="8:8">
      <c r="H542986" s="12"/>
    </row>
    <row r="542987" spans="8:8">
      <c r="H542987" s="12"/>
    </row>
    <row r="542988" spans="8:8">
      <c r="H542988" s="12"/>
    </row>
    <row r="542989" spans="8:8">
      <c r="H542989" s="12"/>
    </row>
    <row r="542990" spans="8:8">
      <c r="H542990" s="12"/>
    </row>
    <row r="542991" spans="8:8">
      <c r="H542991" s="12"/>
    </row>
    <row r="542992" spans="8:8">
      <c r="H542992" s="12"/>
    </row>
    <row r="542993" spans="8:8">
      <c r="H542993" s="12"/>
    </row>
    <row r="542994" spans="8:8">
      <c r="H542994" s="12"/>
    </row>
    <row r="542995" spans="8:8">
      <c r="H542995" s="12"/>
    </row>
    <row r="542996" spans="8:8">
      <c r="H542996" s="12"/>
    </row>
    <row r="542997" spans="8:8">
      <c r="H542997" s="12"/>
    </row>
    <row r="542998" spans="8:8">
      <c r="H542998" s="12"/>
    </row>
    <row r="542999" spans="8:8">
      <c r="H542999" s="12"/>
    </row>
    <row r="543000" spans="8:8">
      <c r="H543000" s="12"/>
    </row>
    <row r="543001" spans="8:8">
      <c r="H543001" s="12"/>
    </row>
    <row r="543002" spans="8:8">
      <c r="H543002" s="12"/>
    </row>
    <row r="543003" spans="8:8">
      <c r="H543003" s="12"/>
    </row>
    <row r="543004" spans="8:8">
      <c r="H543004" s="12"/>
    </row>
    <row r="543005" spans="8:8">
      <c r="H543005" s="12"/>
    </row>
    <row r="543006" spans="8:8">
      <c r="H543006" s="12"/>
    </row>
    <row r="543007" spans="8:8">
      <c r="H543007" s="12"/>
    </row>
    <row r="543008" spans="8:8">
      <c r="H543008" s="12"/>
    </row>
    <row r="543009" spans="8:8">
      <c r="H543009" s="12"/>
    </row>
    <row r="543010" spans="8:8">
      <c r="H543010" s="12"/>
    </row>
    <row r="543011" spans="8:8">
      <c r="H543011" s="12"/>
    </row>
    <row r="543012" spans="8:8">
      <c r="H543012" s="12"/>
    </row>
    <row r="543013" spans="8:8">
      <c r="H543013" s="12"/>
    </row>
    <row r="543014" spans="8:8">
      <c r="H543014" s="12"/>
    </row>
    <row r="543015" spans="8:8">
      <c r="H543015" s="12"/>
    </row>
    <row r="543016" spans="8:8">
      <c r="H543016" s="12"/>
    </row>
    <row r="543017" spans="8:8">
      <c r="H543017" s="12"/>
    </row>
    <row r="543018" spans="8:8">
      <c r="H543018" s="12"/>
    </row>
    <row r="543019" spans="8:8">
      <c r="H543019" s="12"/>
    </row>
    <row r="543020" spans="8:8">
      <c r="H543020" s="12"/>
    </row>
    <row r="543021" spans="8:8">
      <c r="H543021" s="12"/>
    </row>
    <row r="543022" spans="8:8">
      <c r="H543022" s="12"/>
    </row>
    <row r="543023" spans="8:8">
      <c r="H543023" s="12"/>
    </row>
    <row r="543024" spans="8:8">
      <c r="H543024" s="12"/>
    </row>
    <row r="543025" spans="8:8">
      <c r="H543025" s="12"/>
    </row>
    <row r="543026" spans="8:8">
      <c r="H543026" s="12"/>
    </row>
    <row r="543027" spans="8:8">
      <c r="H543027" s="12"/>
    </row>
    <row r="543028" spans="8:8">
      <c r="H543028" s="12"/>
    </row>
    <row r="543029" spans="8:8">
      <c r="H543029" s="12"/>
    </row>
    <row r="543030" spans="8:8">
      <c r="H543030" s="12"/>
    </row>
    <row r="543031" spans="8:8">
      <c r="H543031" s="12"/>
    </row>
    <row r="543032" spans="8:8">
      <c r="H543032" s="12"/>
    </row>
    <row r="543033" spans="8:8">
      <c r="H543033" s="12"/>
    </row>
    <row r="543034" spans="8:8">
      <c r="H543034" s="12"/>
    </row>
    <row r="543035" spans="8:8">
      <c r="H543035" s="12"/>
    </row>
    <row r="543036" spans="8:8">
      <c r="H543036" s="12"/>
    </row>
    <row r="543037" spans="8:8">
      <c r="H543037" s="12"/>
    </row>
    <row r="543038" spans="8:8">
      <c r="H543038" s="12"/>
    </row>
    <row r="543039" spans="8:8">
      <c r="H543039" s="12"/>
    </row>
    <row r="543040" spans="8:8">
      <c r="H543040" s="12"/>
    </row>
    <row r="543041" spans="8:8">
      <c r="H543041" s="12"/>
    </row>
    <row r="543042" spans="8:8">
      <c r="H543042" s="12"/>
    </row>
    <row r="543043" spans="8:8">
      <c r="H543043" s="12"/>
    </row>
    <row r="543044" spans="8:8">
      <c r="H543044" s="12"/>
    </row>
    <row r="543045" spans="8:8">
      <c r="H543045" s="12"/>
    </row>
    <row r="543046" spans="8:8">
      <c r="H543046" s="12"/>
    </row>
    <row r="543047" spans="8:8">
      <c r="H543047" s="12"/>
    </row>
    <row r="543048" spans="8:8">
      <c r="H543048" s="12"/>
    </row>
    <row r="543049" spans="8:8">
      <c r="H543049" s="12"/>
    </row>
    <row r="543050" spans="8:8">
      <c r="H543050" s="12"/>
    </row>
    <row r="543051" spans="8:8">
      <c r="H543051" s="12"/>
    </row>
    <row r="543052" spans="8:8">
      <c r="H543052" s="12"/>
    </row>
    <row r="543053" spans="8:8">
      <c r="H543053" s="12"/>
    </row>
    <row r="543054" spans="8:8">
      <c r="H543054" s="12"/>
    </row>
    <row r="543055" spans="8:8">
      <c r="H543055" s="12"/>
    </row>
    <row r="543056" spans="8:8">
      <c r="H543056" s="12"/>
    </row>
    <row r="543057" spans="8:8">
      <c r="H543057" s="12"/>
    </row>
    <row r="543058" spans="8:8">
      <c r="H543058" s="12"/>
    </row>
    <row r="543059" spans="8:8">
      <c r="H543059" s="12"/>
    </row>
    <row r="543060" spans="8:8">
      <c r="H543060" s="12"/>
    </row>
    <row r="543061" spans="8:8">
      <c r="H543061" s="12"/>
    </row>
    <row r="543062" spans="8:8">
      <c r="H543062" s="12"/>
    </row>
    <row r="543063" spans="8:8">
      <c r="H543063" s="12"/>
    </row>
    <row r="543064" spans="8:8">
      <c r="H543064" s="12"/>
    </row>
    <row r="543065" spans="8:8">
      <c r="H543065" s="12"/>
    </row>
    <row r="543066" spans="8:8">
      <c r="H543066" s="12"/>
    </row>
    <row r="543067" spans="8:8">
      <c r="H543067" s="12"/>
    </row>
    <row r="543068" spans="8:8">
      <c r="H543068" s="12"/>
    </row>
    <row r="543069" spans="8:8">
      <c r="H543069" s="12"/>
    </row>
    <row r="543070" spans="8:8">
      <c r="H543070" s="12"/>
    </row>
    <row r="543071" spans="8:8">
      <c r="H543071" s="12"/>
    </row>
    <row r="543072" spans="8:8">
      <c r="H543072" s="12"/>
    </row>
    <row r="543073" spans="8:8">
      <c r="H543073" s="12"/>
    </row>
    <row r="543074" spans="8:8">
      <c r="H543074" s="12"/>
    </row>
    <row r="543075" spans="8:8">
      <c r="H543075" s="12"/>
    </row>
    <row r="543076" spans="8:8">
      <c r="H543076" s="12"/>
    </row>
    <row r="543077" spans="8:8">
      <c r="H543077" s="12"/>
    </row>
    <row r="543078" spans="8:8">
      <c r="H543078" s="12"/>
    </row>
    <row r="543079" spans="8:8">
      <c r="H543079" s="12"/>
    </row>
    <row r="543080" spans="8:8">
      <c r="H543080" s="12"/>
    </row>
    <row r="543081" spans="8:8">
      <c r="H543081" s="12"/>
    </row>
    <row r="543082" spans="8:8">
      <c r="H543082" s="12"/>
    </row>
    <row r="543083" spans="8:8">
      <c r="H543083" s="12"/>
    </row>
    <row r="543084" spans="8:8">
      <c r="H543084" s="12"/>
    </row>
    <row r="543085" spans="8:8">
      <c r="H543085" s="12"/>
    </row>
    <row r="543086" spans="8:8">
      <c r="H543086" s="12"/>
    </row>
    <row r="543087" spans="8:8">
      <c r="H543087" s="12"/>
    </row>
    <row r="543088" spans="8:8">
      <c r="H543088" s="12"/>
    </row>
    <row r="543089" spans="8:8">
      <c r="H543089" s="12"/>
    </row>
    <row r="543090" spans="8:8">
      <c r="H543090" s="12"/>
    </row>
    <row r="543091" spans="8:8">
      <c r="H543091" s="12"/>
    </row>
    <row r="543092" spans="8:8">
      <c r="H543092" s="12"/>
    </row>
    <row r="543093" spans="8:8">
      <c r="H543093" s="12"/>
    </row>
    <row r="543094" spans="8:8">
      <c r="H543094" s="12"/>
    </row>
    <row r="543095" spans="8:8">
      <c r="H543095" s="12"/>
    </row>
    <row r="543096" spans="8:8">
      <c r="H543096" s="12"/>
    </row>
    <row r="543097" spans="8:8">
      <c r="H543097" s="12"/>
    </row>
    <row r="543098" spans="8:8">
      <c r="H543098" s="12"/>
    </row>
    <row r="543099" spans="8:8">
      <c r="H543099" s="12"/>
    </row>
    <row r="543100" spans="8:8">
      <c r="H543100" s="12"/>
    </row>
    <row r="543101" spans="8:8">
      <c r="H543101" s="12"/>
    </row>
    <row r="543102" spans="8:8">
      <c r="H543102" s="12"/>
    </row>
    <row r="543103" spans="8:8">
      <c r="H543103" s="12"/>
    </row>
    <row r="543104" spans="8:8">
      <c r="H543104" s="12"/>
    </row>
    <row r="543105" spans="8:8">
      <c r="H543105" s="12"/>
    </row>
    <row r="543106" spans="8:8">
      <c r="H543106" s="12"/>
    </row>
    <row r="543107" spans="8:8">
      <c r="H543107" s="12"/>
    </row>
    <row r="543108" spans="8:8">
      <c r="H543108" s="12"/>
    </row>
    <row r="543109" spans="8:8">
      <c r="H543109" s="12"/>
    </row>
    <row r="543110" spans="8:8">
      <c r="H543110" s="12"/>
    </row>
    <row r="543111" spans="8:8">
      <c r="H543111" s="12"/>
    </row>
    <row r="543112" spans="8:8">
      <c r="H543112" s="12"/>
    </row>
    <row r="543113" spans="8:8">
      <c r="H543113" s="12"/>
    </row>
    <row r="543114" spans="8:8">
      <c r="H543114" s="12"/>
    </row>
    <row r="543115" spans="8:8">
      <c r="H543115" s="12"/>
    </row>
    <row r="543116" spans="8:8">
      <c r="H543116" s="12"/>
    </row>
    <row r="543117" spans="8:8">
      <c r="H543117" s="12"/>
    </row>
    <row r="543118" spans="8:8">
      <c r="H543118" s="12"/>
    </row>
    <row r="543119" spans="8:8">
      <c r="H543119" s="12"/>
    </row>
    <row r="543120" spans="8:8">
      <c r="H543120" s="12"/>
    </row>
    <row r="543121" spans="8:8">
      <c r="H543121" s="12"/>
    </row>
    <row r="543122" spans="8:8">
      <c r="H543122" s="12"/>
    </row>
    <row r="543123" spans="8:8">
      <c r="H543123" s="12"/>
    </row>
    <row r="543124" spans="8:8">
      <c r="H543124" s="12"/>
    </row>
    <row r="543125" spans="8:8">
      <c r="H543125" s="12"/>
    </row>
    <row r="543126" spans="8:8">
      <c r="H543126" s="12"/>
    </row>
    <row r="543127" spans="8:8">
      <c r="H543127" s="12"/>
    </row>
    <row r="543128" spans="8:8">
      <c r="H543128" s="12"/>
    </row>
    <row r="543129" spans="8:8">
      <c r="H543129" s="12"/>
    </row>
    <row r="543130" spans="8:8">
      <c r="H543130" s="12"/>
    </row>
    <row r="543131" spans="8:8">
      <c r="H543131" s="12"/>
    </row>
    <row r="543132" spans="8:8">
      <c r="H543132" s="12"/>
    </row>
    <row r="543133" spans="8:8">
      <c r="H543133" s="12"/>
    </row>
    <row r="543134" spans="8:8">
      <c r="H543134" s="12"/>
    </row>
    <row r="543135" spans="8:8">
      <c r="H543135" s="12"/>
    </row>
    <row r="543136" spans="8:8">
      <c r="H543136" s="12"/>
    </row>
    <row r="543137" spans="8:8">
      <c r="H543137" s="12"/>
    </row>
    <row r="543138" spans="8:8">
      <c r="H543138" s="12"/>
    </row>
    <row r="543139" spans="8:8">
      <c r="H543139" s="12"/>
    </row>
    <row r="543140" spans="8:8">
      <c r="H543140" s="12"/>
    </row>
    <row r="543141" spans="8:8">
      <c r="H543141" s="12"/>
    </row>
    <row r="543142" spans="8:8">
      <c r="H543142" s="12"/>
    </row>
    <row r="543143" spans="8:8">
      <c r="H543143" s="12"/>
    </row>
    <row r="543144" spans="8:8">
      <c r="H543144" s="12"/>
    </row>
    <row r="543145" spans="8:8">
      <c r="H543145" s="12"/>
    </row>
    <row r="543146" spans="8:8">
      <c r="H543146" s="12"/>
    </row>
    <row r="543147" spans="8:8">
      <c r="H543147" s="12"/>
    </row>
    <row r="543148" spans="8:8">
      <c r="H543148" s="12"/>
    </row>
    <row r="543149" spans="8:8">
      <c r="H543149" s="12"/>
    </row>
    <row r="543150" spans="8:8">
      <c r="H543150" s="12"/>
    </row>
    <row r="543151" spans="8:8">
      <c r="H543151" s="12"/>
    </row>
    <row r="543152" spans="8:8">
      <c r="H543152" s="12"/>
    </row>
    <row r="543153" spans="8:8">
      <c r="H543153" s="12"/>
    </row>
    <row r="543154" spans="8:8">
      <c r="H543154" s="12"/>
    </row>
    <row r="543155" spans="8:8">
      <c r="H543155" s="12"/>
    </row>
    <row r="543156" spans="8:8">
      <c r="H543156" s="12"/>
    </row>
    <row r="543157" spans="8:8">
      <c r="H543157" s="12"/>
    </row>
    <row r="543158" spans="8:8">
      <c r="H543158" s="12"/>
    </row>
    <row r="543159" spans="8:8">
      <c r="H543159" s="12"/>
    </row>
    <row r="543160" spans="8:8">
      <c r="H543160" s="12"/>
    </row>
    <row r="543161" spans="8:8">
      <c r="H543161" s="12"/>
    </row>
    <row r="543162" spans="8:8">
      <c r="H543162" s="12"/>
    </row>
    <row r="543163" spans="8:8">
      <c r="H543163" s="12"/>
    </row>
    <row r="543164" spans="8:8">
      <c r="H543164" s="12"/>
    </row>
    <row r="543165" spans="8:8">
      <c r="H543165" s="12"/>
    </row>
    <row r="543166" spans="8:8">
      <c r="H543166" s="12"/>
    </row>
    <row r="543167" spans="8:8">
      <c r="H543167" s="12"/>
    </row>
    <row r="543168" spans="8:8">
      <c r="H543168" s="12"/>
    </row>
    <row r="543169" spans="8:8">
      <c r="H543169" s="12"/>
    </row>
    <row r="543170" spans="8:8">
      <c r="H543170" s="12"/>
    </row>
    <row r="543171" spans="8:8">
      <c r="H543171" s="12"/>
    </row>
    <row r="543172" spans="8:8">
      <c r="H543172" s="12"/>
    </row>
    <row r="543173" spans="8:8">
      <c r="H543173" s="12"/>
    </row>
    <row r="543174" spans="8:8">
      <c r="H543174" s="12"/>
    </row>
    <row r="543175" spans="8:8">
      <c r="H543175" s="12"/>
    </row>
    <row r="543176" spans="8:8">
      <c r="H543176" s="12"/>
    </row>
    <row r="543177" spans="8:8">
      <c r="H543177" s="12"/>
    </row>
    <row r="543178" spans="8:8">
      <c r="H543178" s="12"/>
    </row>
    <row r="543179" spans="8:8">
      <c r="H543179" s="12"/>
    </row>
    <row r="543180" spans="8:8">
      <c r="H543180" s="12"/>
    </row>
    <row r="543181" spans="8:8">
      <c r="H543181" s="12"/>
    </row>
    <row r="543182" spans="8:8">
      <c r="H543182" s="12"/>
    </row>
    <row r="543183" spans="8:8">
      <c r="H543183" s="12"/>
    </row>
    <row r="543184" spans="8:8">
      <c r="H543184" s="12"/>
    </row>
    <row r="543185" spans="8:8">
      <c r="H543185" s="12"/>
    </row>
    <row r="543186" spans="8:8">
      <c r="H543186" s="12"/>
    </row>
    <row r="543187" spans="8:8">
      <c r="H543187" s="12"/>
    </row>
    <row r="543188" spans="8:8">
      <c r="H543188" s="12"/>
    </row>
    <row r="543189" spans="8:8">
      <c r="H543189" s="12"/>
    </row>
    <row r="543190" spans="8:8">
      <c r="H543190" s="12"/>
    </row>
    <row r="543191" spans="8:8">
      <c r="H543191" s="12"/>
    </row>
    <row r="543192" spans="8:8">
      <c r="H543192" s="12"/>
    </row>
    <row r="543193" spans="8:8">
      <c r="H543193" s="12"/>
    </row>
    <row r="543194" spans="8:8">
      <c r="H543194" s="12"/>
    </row>
    <row r="543195" spans="8:8">
      <c r="H543195" s="12"/>
    </row>
    <row r="543196" spans="8:8">
      <c r="H543196" s="12"/>
    </row>
    <row r="543197" spans="8:8">
      <c r="H543197" s="12"/>
    </row>
    <row r="543198" spans="8:8">
      <c r="H543198" s="12"/>
    </row>
    <row r="543199" spans="8:8">
      <c r="H543199" s="12"/>
    </row>
    <row r="543200" spans="8:8">
      <c r="H543200" s="12"/>
    </row>
    <row r="543201" spans="8:8">
      <c r="H543201" s="12"/>
    </row>
    <row r="543202" spans="8:8">
      <c r="H543202" s="12"/>
    </row>
    <row r="543203" spans="8:8">
      <c r="H543203" s="12"/>
    </row>
    <row r="543204" spans="8:8">
      <c r="H543204" s="12"/>
    </row>
    <row r="543205" spans="8:8">
      <c r="H543205" s="12"/>
    </row>
    <row r="543206" spans="8:8">
      <c r="H543206" s="12"/>
    </row>
    <row r="543207" spans="8:8">
      <c r="H543207" s="12"/>
    </row>
    <row r="543208" spans="8:8">
      <c r="H543208" s="12"/>
    </row>
    <row r="543209" spans="8:8">
      <c r="H543209" s="12"/>
    </row>
    <row r="543210" spans="8:8">
      <c r="H543210" s="12"/>
    </row>
    <row r="543211" spans="8:8">
      <c r="H543211" s="12"/>
    </row>
    <row r="543212" spans="8:8">
      <c r="H543212" s="12"/>
    </row>
    <row r="543213" spans="8:8">
      <c r="H543213" s="12"/>
    </row>
    <row r="543214" spans="8:8">
      <c r="H543214" s="12"/>
    </row>
    <row r="543215" spans="8:8">
      <c r="H543215" s="12"/>
    </row>
    <row r="543216" spans="8:8">
      <c r="H543216" s="12"/>
    </row>
    <row r="543217" spans="8:8">
      <c r="H543217" s="12"/>
    </row>
    <row r="543218" spans="8:8">
      <c r="H543218" s="12"/>
    </row>
    <row r="543219" spans="8:8">
      <c r="H543219" s="12"/>
    </row>
    <row r="543220" spans="8:8">
      <c r="H543220" s="12"/>
    </row>
    <row r="543221" spans="8:8">
      <c r="H543221" s="12"/>
    </row>
    <row r="543222" spans="8:8">
      <c r="H543222" s="12"/>
    </row>
    <row r="543223" spans="8:8">
      <c r="H543223" s="12"/>
    </row>
    <row r="543224" spans="8:8">
      <c r="H543224" s="12"/>
    </row>
    <row r="543225" spans="8:8">
      <c r="H543225" s="12"/>
    </row>
    <row r="543226" spans="8:8">
      <c r="H543226" s="12"/>
    </row>
    <row r="543227" spans="8:8">
      <c r="H543227" s="12"/>
    </row>
    <row r="543228" spans="8:8">
      <c r="H543228" s="12"/>
    </row>
    <row r="543229" spans="8:8">
      <c r="H543229" s="12"/>
    </row>
    <row r="543230" spans="8:8">
      <c r="H543230" s="12"/>
    </row>
    <row r="543231" spans="8:8">
      <c r="H543231" s="12"/>
    </row>
    <row r="543232" spans="8:8">
      <c r="H543232" s="12"/>
    </row>
    <row r="543233" spans="8:8">
      <c r="H543233" s="12"/>
    </row>
    <row r="543234" spans="8:8">
      <c r="H543234" s="12"/>
    </row>
    <row r="543235" spans="8:8">
      <c r="H543235" s="12"/>
    </row>
    <row r="543236" spans="8:8">
      <c r="H543236" s="12"/>
    </row>
    <row r="543237" spans="8:8">
      <c r="H543237" s="12"/>
    </row>
    <row r="543238" spans="8:8">
      <c r="H543238" s="12"/>
    </row>
    <row r="543239" spans="8:8">
      <c r="H543239" s="12"/>
    </row>
    <row r="543240" spans="8:8">
      <c r="H543240" s="12"/>
    </row>
    <row r="543241" spans="8:8">
      <c r="H543241" s="12"/>
    </row>
    <row r="543242" spans="8:8">
      <c r="H543242" s="12"/>
    </row>
    <row r="543243" spans="8:8">
      <c r="H543243" s="12"/>
    </row>
    <row r="543244" spans="8:8">
      <c r="H543244" s="12"/>
    </row>
    <row r="543245" spans="8:8">
      <c r="H543245" s="12"/>
    </row>
    <row r="543246" spans="8:8">
      <c r="H543246" s="12"/>
    </row>
    <row r="543247" spans="8:8">
      <c r="H543247" s="12"/>
    </row>
    <row r="543248" spans="8:8">
      <c r="H543248" s="12"/>
    </row>
    <row r="543249" spans="8:8">
      <c r="H543249" s="12"/>
    </row>
    <row r="543250" spans="8:8">
      <c r="H543250" s="12"/>
    </row>
    <row r="543251" spans="8:8">
      <c r="H543251" s="12"/>
    </row>
    <row r="543252" spans="8:8">
      <c r="H543252" s="12"/>
    </row>
    <row r="543253" spans="8:8">
      <c r="H543253" s="12"/>
    </row>
    <row r="543254" spans="8:8">
      <c r="H543254" s="12"/>
    </row>
    <row r="543255" spans="8:8">
      <c r="H543255" s="12"/>
    </row>
    <row r="543256" spans="8:8">
      <c r="H543256" s="12"/>
    </row>
    <row r="543257" spans="8:8">
      <c r="H543257" s="12"/>
    </row>
    <row r="543258" spans="8:8">
      <c r="H543258" s="12"/>
    </row>
    <row r="543259" spans="8:8">
      <c r="H543259" s="12"/>
    </row>
    <row r="543260" spans="8:8">
      <c r="H543260" s="12"/>
    </row>
    <row r="543261" spans="8:8">
      <c r="H543261" s="12"/>
    </row>
    <row r="543262" spans="8:8">
      <c r="H543262" s="12"/>
    </row>
    <row r="543263" spans="8:8">
      <c r="H543263" s="12"/>
    </row>
    <row r="543264" spans="8:8">
      <c r="H543264" s="12"/>
    </row>
    <row r="543265" spans="8:8">
      <c r="H543265" s="12"/>
    </row>
    <row r="543266" spans="8:8">
      <c r="H543266" s="12"/>
    </row>
    <row r="543267" spans="8:8">
      <c r="H543267" s="12"/>
    </row>
    <row r="543268" spans="8:8">
      <c r="H543268" s="12"/>
    </row>
    <row r="543269" spans="8:8">
      <c r="H543269" s="12"/>
    </row>
    <row r="543270" spans="8:8">
      <c r="H543270" s="12"/>
    </row>
    <row r="543271" spans="8:8">
      <c r="H543271" s="12"/>
    </row>
    <row r="543272" spans="8:8">
      <c r="H543272" s="12"/>
    </row>
    <row r="543273" spans="8:8">
      <c r="H543273" s="12"/>
    </row>
    <row r="543274" spans="8:8">
      <c r="H543274" s="12"/>
    </row>
    <row r="543275" spans="8:8">
      <c r="H543275" s="12"/>
    </row>
    <row r="543276" spans="8:8">
      <c r="H543276" s="12"/>
    </row>
    <row r="543277" spans="8:8">
      <c r="H543277" s="12"/>
    </row>
    <row r="543278" spans="8:8">
      <c r="H543278" s="12"/>
    </row>
    <row r="543279" spans="8:8">
      <c r="H543279" s="12"/>
    </row>
    <row r="543280" spans="8:8">
      <c r="H543280" s="12"/>
    </row>
    <row r="543281" spans="8:8">
      <c r="H543281" s="12"/>
    </row>
    <row r="543282" spans="8:8">
      <c r="H543282" s="12"/>
    </row>
    <row r="543283" spans="8:8">
      <c r="H543283" s="12"/>
    </row>
    <row r="543284" spans="8:8">
      <c r="H543284" s="12"/>
    </row>
    <row r="543285" spans="8:8">
      <c r="H543285" s="12"/>
    </row>
    <row r="543286" spans="8:8">
      <c r="H543286" s="12"/>
    </row>
    <row r="543287" spans="8:8">
      <c r="H543287" s="12"/>
    </row>
    <row r="543288" spans="8:8">
      <c r="H543288" s="12"/>
    </row>
    <row r="543289" spans="8:8">
      <c r="H543289" s="12"/>
    </row>
    <row r="543290" spans="8:8">
      <c r="H543290" s="12"/>
    </row>
    <row r="543291" spans="8:8">
      <c r="H543291" s="12"/>
    </row>
    <row r="543292" spans="8:8">
      <c r="H543292" s="12"/>
    </row>
    <row r="543293" spans="8:8">
      <c r="H543293" s="12"/>
    </row>
    <row r="543294" spans="8:8">
      <c r="H543294" s="12"/>
    </row>
    <row r="543295" spans="8:8">
      <c r="H543295" s="12"/>
    </row>
    <row r="543296" spans="8:8">
      <c r="H543296" s="12"/>
    </row>
    <row r="543297" spans="8:8">
      <c r="H543297" s="12"/>
    </row>
    <row r="543298" spans="8:8">
      <c r="H543298" s="12"/>
    </row>
    <row r="543299" spans="8:8">
      <c r="H543299" s="12"/>
    </row>
    <row r="543300" spans="8:8">
      <c r="H543300" s="12"/>
    </row>
    <row r="543301" spans="8:8">
      <c r="H543301" s="12"/>
    </row>
    <row r="543302" spans="8:8">
      <c r="H543302" s="12"/>
    </row>
    <row r="543303" spans="8:8">
      <c r="H543303" s="12"/>
    </row>
    <row r="543304" spans="8:8">
      <c r="H543304" s="12"/>
    </row>
    <row r="543305" spans="8:8">
      <c r="H543305" s="12"/>
    </row>
    <row r="543306" spans="8:8">
      <c r="H543306" s="12"/>
    </row>
    <row r="543307" spans="8:8">
      <c r="H543307" s="12"/>
    </row>
    <row r="543308" spans="8:8">
      <c r="H543308" s="12"/>
    </row>
    <row r="543309" spans="8:8">
      <c r="H543309" s="12"/>
    </row>
    <row r="543310" spans="8:8">
      <c r="H543310" s="12"/>
    </row>
    <row r="543311" spans="8:8">
      <c r="H543311" s="12"/>
    </row>
    <row r="543312" spans="8:8">
      <c r="H543312" s="12"/>
    </row>
    <row r="543313" spans="8:8">
      <c r="H543313" s="12"/>
    </row>
    <row r="543314" spans="8:8">
      <c r="H543314" s="12"/>
    </row>
    <row r="543315" spans="8:8">
      <c r="H543315" s="12"/>
    </row>
    <row r="543316" spans="8:8">
      <c r="H543316" s="12"/>
    </row>
    <row r="543317" spans="8:8">
      <c r="H543317" s="12"/>
    </row>
    <row r="543318" spans="8:8">
      <c r="H543318" s="12"/>
    </row>
    <row r="543319" spans="8:8">
      <c r="H543319" s="12"/>
    </row>
    <row r="543320" spans="8:8">
      <c r="H543320" s="12"/>
    </row>
    <row r="543321" spans="8:8">
      <c r="H543321" s="12"/>
    </row>
    <row r="543322" spans="8:8">
      <c r="H543322" s="12"/>
    </row>
    <row r="543323" spans="8:8">
      <c r="H543323" s="12"/>
    </row>
    <row r="543324" spans="8:8">
      <c r="H543324" s="12"/>
    </row>
    <row r="543325" spans="8:8">
      <c r="H543325" s="12"/>
    </row>
    <row r="543326" spans="8:8">
      <c r="H543326" s="12"/>
    </row>
    <row r="543327" spans="8:8">
      <c r="H543327" s="12"/>
    </row>
    <row r="543328" spans="8:8">
      <c r="H543328" s="12"/>
    </row>
    <row r="543329" spans="8:8">
      <c r="H543329" s="12"/>
    </row>
    <row r="543330" spans="8:8">
      <c r="H543330" s="12"/>
    </row>
    <row r="543331" spans="8:8">
      <c r="H543331" s="12"/>
    </row>
    <row r="543332" spans="8:8">
      <c r="H543332" s="12"/>
    </row>
    <row r="543333" spans="8:8">
      <c r="H543333" s="12"/>
    </row>
    <row r="543334" spans="8:8">
      <c r="H543334" s="12"/>
    </row>
    <row r="543335" spans="8:8">
      <c r="H543335" s="12"/>
    </row>
    <row r="543336" spans="8:8">
      <c r="H543336" s="12"/>
    </row>
    <row r="543337" spans="8:8">
      <c r="H543337" s="12"/>
    </row>
    <row r="543338" spans="8:8">
      <c r="H543338" s="12"/>
    </row>
    <row r="543339" spans="8:8">
      <c r="H543339" s="12"/>
    </row>
    <row r="543340" spans="8:8">
      <c r="H543340" s="12"/>
    </row>
    <row r="543341" spans="8:8">
      <c r="H543341" s="12"/>
    </row>
    <row r="543342" spans="8:8">
      <c r="H543342" s="12"/>
    </row>
    <row r="543343" spans="8:8">
      <c r="H543343" s="12"/>
    </row>
    <row r="543344" spans="8:8">
      <c r="H543344" s="12"/>
    </row>
    <row r="543345" spans="8:8">
      <c r="H543345" s="12"/>
    </row>
    <row r="543346" spans="8:8">
      <c r="H543346" s="12"/>
    </row>
    <row r="543347" spans="8:8">
      <c r="H543347" s="12"/>
    </row>
    <row r="543348" spans="8:8">
      <c r="H543348" s="12"/>
    </row>
    <row r="543349" spans="8:8">
      <c r="H543349" s="12"/>
    </row>
    <row r="543350" spans="8:8">
      <c r="H543350" s="12"/>
    </row>
    <row r="543351" spans="8:8">
      <c r="H543351" s="12"/>
    </row>
    <row r="543352" spans="8:8">
      <c r="H543352" s="12"/>
    </row>
    <row r="543353" spans="8:8">
      <c r="H543353" s="12"/>
    </row>
    <row r="543354" spans="8:8">
      <c r="H543354" s="12"/>
    </row>
    <row r="543355" spans="8:8">
      <c r="H543355" s="12"/>
    </row>
    <row r="543356" spans="8:8">
      <c r="H543356" s="12"/>
    </row>
    <row r="543357" spans="8:8">
      <c r="H543357" s="12"/>
    </row>
    <row r="543358" spans="8:8">
      <c r="H543358" s="12"/>
    </row>
    <row r="543359" spans="8:8">
      <c r="H543359" s="12"/>
    </row>
    <row r="543360" spans="8:8">
      <c r="H543360" s="12"/>
    </row>
    <row r="543361" spans="8:8">
      <c r="H543361" s="12"/>
    </row>
    <row r="543362" spans="8:8">
      <c r="H543362" s="12"/>
    </row>
    <row r="543363" spans="8:8">
      <c r="H543363" s="12"/>
    </row>
    <row r="543364" spans="8:8">
      <c r="H543364" s="12"/>
    </row>
    <row r="543365" spans="8:8">
      <c r="H543365" s="12"/>
    </row>
    <row r="543366" spans="8:8">
      <c r="H543366" s="12"/>
    </row>
    <row r="543367" spans="8:8">
      <c r="H543367" s="12"/>
    </row>
    <row r="543368" spans="8:8">
      <c r="H543368" s="12"/>
    </row>
    <row r="543369" spans="8:8">
      <c r="H543369" s="12"/>
    </row>
    <row r="543370" spans="8:8">
      <c r="H543370" s="12"/>
    </row>
    <row r="543371" spans="8:8">
      <c r="H543371" s="12"/>
    </row>
    <row r="543372" spans="8:8">
      <c r="H543372" s="12"/>
    </row>
    <row r="543373" spans="8:8">
      <c r="H543373" s="12"/>
    </row>
    <row r="543374" spans="8:8">
      <c r="H543374" s="12"/>
    </row>
    <row r="543375" spans="8:8">
      <c r="H543375" s="12"/>
    </row>
    <row r="543376" spans="8:8">
      <c r="H543376" s="12"/>
    </row>
    <row r="543377" spans="8:8">
      <c r="H543377" s="12"/>
    </row>
    <row r="543378" spans="8:8">
      <c r="H543378" s="12"/>
    </row>
    <row r="543379" spans="8:8">
      <c r="H543379" s="12"/>
    </row>
    <row r="543380" spans="8:8">
      <c r="H543380" s="12"/>
    </row>
    <row r="543381" spans="8:8">
      <c r="H543381" s="12"/>
    </row>
    <row r="543382" spans="8:8">
      <c r="H543382" s="12"/>
    </row>
    <row r="543383" spans="8:8">
      <c r="H543383" s="12"/>
    </row>
    <row r="543384" spans="8:8">
      <c r="H543384" s="12"/>
    </row>
    <row r="543385" spans="8:8">
      <c r="H543385" s="12"/>
    </row>
    <row r="543386" spans="8:8">
      <c r="H543386" s="12"/>
    </row>
    <row r="543387" spans="8:8">
      <c r="H543387" s="12"/>
    </row>
    <row r="543388" spans="8:8">
      <c r="H543388" s="12"/>
    </row>
    <row r="543389" spans="8:8">
      <c r="H543389" s="12"/>
    </row>
    <row r="543390" spans="8:8">
      <c r="H543390" s="12"/>
    </row>
    <row r="543391" spans="8:8">
      <c r="H543391" s="12"/>
    </row>
    <row r="543392" spans="8:8">
      <c r="H543392" s="12"/>
    </row>
    <row r="543393" spans="8:8">
      <c r="H543393" s="12"/>
    </row>
    <row r="543394" spans="8:8">
      <c r="H543394" s="12"/>
    </row>
    <row r="543395" spans="8:8">
      <c r="H543395" s="12"/>
    </row>
    <row r="543396" spans="8:8">
      <c r="H543396" s="12"/>
    </row>
    <row r="543397" spans="8:8">
      <c r="H543397" s="12"/>
    </row>
    <row r="543398" spans="8:8">
      <c r="H543398" s="12"/>
    </row>
    <row r="543399" spans="8:8">
      <c r="H543399" s="12"/>
    </row>
    <row r="543400" spans="8:8">
      <c r="H543400" s="12"/>
    </row>
    <row r="543401" spans="8:8">
      <c r="H543401" s="12"/>
    </row>
    <row r="543402" spans="8:8">
      <c r="H543402" s="12"/>
    </row>
    <row r="543403" spans="8:8">
      <c r="H543403" s="12"/>
    </row>
    <row r="543404" spans="8:8">
      <c r="H543404" s="12"/>
    </row>
    <row r="543405" spans="8:8">
      <c r="H543405" s="12"/>
    </row>
    <row r="543406" spans="8:8">
      <c r="H543406" s="12"/>
    </row>
    <row r="543407" spans="8:8">
      <c r="H543407" s="12"/>
    </row>
    <row r="543408" spans="8:8">
      <c r="H543408" s="12"/>
    </row>
    <row r="543409" spans="8:8">
      <c r="H543409" s="12"/>
    </row>
    <row r="543410" spans="8:8">
      <c r="H543410" s="12"/>
    </row>
    <row r="543411" spans="8:8">
      <c r="H543411" s="12"/>
    </row>
    <row r="543412" spans="8:8">
      <c r="H543412" s="12"/>
    </row>
    <row r="543413" spans="8:8">
      <c r="H543413" s="12"/>
    </row>
    <row r="543414" spans="8:8">
      <c r="H543414" s="12"/>
    </row>
    <row r="543415" spans="8:8">
      <c r="H543415" s="12"/>
    </row>
    <row r="543416" spans="8:8">
      <c r="H543416" s="12"/>
    </row>
    <row r="543417" spans="8:8">
      <c r="H543417" s="12"/>
    </row>
    <row r="543418" spans="8:8">
      <c r="H543418" s="12"/>
    </row>
    <row r="543419" spans="8:8">
      <c r="H543419" s="12"/>
    </row>
    <row r="543420" spans="8:8">
      <c r="H543420" s="12"/>
    </row>
    <row r="543421" spans="8:8">
      <c r="H543421" s="12"/>
    </row>
    <row r="543422" spans="8:8">
      <c r="H543422" s="12"/>
    </row>
    <row r="543423" spans="8:8">
      <c r="H543423" s="12"/>
    </row>
    <row r="543424" spans="8:8">
      <c r="H543424" s="12"/>
    </row>
    <row r="543425" spans="8:8">
      <c r="H543425" s="12"/>
    </row>
    <row r="543426" spans="8:8">
      <c r="H543426" s="12"/>
    </row>
    <row r="543427" spans="8:8">
      <c r="H543427" s="12"/>
    </row>
    <row r="543428" spans="8:8">
      <c r="H543428" s="12"/>
    </row>
    <row r="543429" spans="8:8">
      <c r="H543429" s="12"/>
    </row>
    <row r="543430" spans="8:8">
      <c r="H543430" s="12"/>
    </row>
    <row r="543431" spans="8:8">
      <c r="H543431" s="12"/>
    </row>
    <row r="543432" spans="8:8">
      <c r="H543432" s="12"/>
    </row>
    <row r="543433" spans="8:8">
      <c r="H543433" s="12"/>
    </row>
    <row r="543434" spans="8:8">
      <c r="H543434" s="12"/>
    </row>
    <row r="543435" spans="8:8">
      <c r="H543435" s="12"/>
    </row>
    <row r="543436" spans="8:8">
      <c r="H543436" s="12"/>
    </row>
    <row r="543437" spans="8:8">
      <c r="H543437" s="12"/>
    </row>
    <row r="543438" spans="8:8">
      <c r="H543438" s="12"/>
    </row>
    <row r="543439" spans="8:8">
      <c r="H543439" s="12"/>
    </row>
    <row r="543440" spans="8:8">
      <c r="H543440" s="12"/>
    </row>
    <row r="543441" spans="8:8">
      <c r="H543441" s="12"/>
    </row>
    <row r="543442" spans="8:8">
      <c r="H543442" s="12"/>
    </row>
    <row r="543443" spans="8:8">
      <c r="H543443" s="12"/>
    </row>
    <row r="543444" spans="8:8">
      <c r="H543444" s="12"/>
    </row>
    <row r="543445" spans="8:8">
      <c r="H543445" s="12"/>
    </row>
    <row r="543446" spans="8:8">
      <c r="H543446" s="12"/>
    </row>
    <row r="543447" spans="8:8">
      <c r="H543447" s="12"/>
    </row>
    <row r="543448" spans="8:8">
      <c r="H543448" s="12"/>
    </row>
    <row r="543449" spans="8:8">
      <c r="H543449" s="12"/>
    </row>
    <row r="543450" spans="8:8">
      <c r="H543450" s="12"/>
    </row>
    <row r="543451" spans="8:8">
      <c r="H543451" s="12"/>
    </row>
    <row r="543452" spans="8:8">
      <c r="H543452" s="12"/>
    </row>
    <row r="543453" spans="8:8">
      <c r="H543453" s="12"/>
    </row>
    <row r="543454" spans="8:8">
      <c r="H543454" s="12"/>
    </row>
    <row r="543455" spans="8:8">
      <c r="H543455" s="12"/>
    </row>
    <row r="543456" spans="8:8">
      <c r="H543456" s="12"/>
    </row>
    <row r="543457" spans="8:8">
      <c r="H543457" s="12"/>
    </row>
    <row r="543458" spans="8:8">
      <c r="H543458" s="12"/>
    </row>
    <row r="543459" spans="8:8">
      <c r="H543459" s="12"/>
    </row>
    <row r="543460" spans="8:8">
      <c r="H543460" s="12"/>
    </row>
    <row r="543461" spans="8:8">
      <c r="H543461" s="12"/>
    </row>
    <row r="543462" spans="8:8">
      <c r="H543462" s="12"/>
    </row>
    <row r="543463" spans="8:8">
      <c r="H543463" s="12"/>
    </row>
    <row r="543464" spans="8:8">
      <c r="H543464" s="12"/>
    </row>
    <row r="543465" spans="8:8">
      <c r="H543465" s="12"/>
    </row>
    <row r="543466" spans="8:8">
      <c r="H543466" s="12"/>
    </row>
    <row r="543467" spans="8:8">
      <c r="H543467" s="12"/>
    </row>
    <row r="543468" spans="8:8">
      <c r="H543468" s="12"/>
    </row>
    <row r="543469" spans="8:8">
      <c r="H543469" s="12"/>
    </row>
    <row r="543470" spans="8:8">
      <c r="H543470" s="12"/>
    </row>
    <row r="543471" spans="8:8">
      <c r="H543471" s="12"/>
    </row>
    <row r="543472" spans="8:8">
      <c r="H543472" s="12"/>
    </row>
    <row r="543473" spans="8:8">
      <c r="H543473" s="12"/>
    </row>
    <row r="543474" spans="8:8">
      <c r="H543474" s="12"/>
    </row>
    <row r="543475" spans="8:8">
      <c r="H543475" s="12"/>
    </row>
    <row r="543476" spans="8:8">
      <c r="H543476" s="12"/>
    </row>
    <row r="543477" spans="8:8">
      <c r="H543477" s="12"/>
    </row>
    <row r="543478" spans="8:8">
      <c r="H543478" s="12"/>
    </row>
    <row r="543479" spans="8:8">
      <c r="H543479" s="12"/>
    </row>
    <row r="543480" spans="8:8">
      <c r="H543480" s="12"/>
    </row>
    <row r="543481" spans="8:8">
      <c r="H543481" s="12"/>
    </row>
    <row r="543482" spans="8:8">
      <c r="H543482" s="12"/>
    </row>
    <row r="543483" spans="8:8">
      <c r="H543483" s="12"/>
    </row>
    <row r="543484" spans="8:8">
      <c r="H543484" s="12"/>
    </row>
    <row r="543485" spans="8:8">
      <c r="H543485" s="12"/>
    </row>
    <row r="543486" spans="8:8">
      <c r="H543486" s="12"/>
    </row>
    <row r="543487" spans="8:8">
      <c r="H543487" s="12"/>
    </row>
    <row r="543488" spans="8:8">
      <c r="H543488" s="12"/>
    </row>
    <row r="543489" spans="8:8">
      <c r="H543489" s="12"/>
    </row>
    <row r="543490" spans="8:8">
      <c r="H543490" s="12"/>
    </row>
    <row r="543491" spans="8:8">
      <c r="H543491" s="12"/>
    </row>
    <row r="543492" spans="8:8">
      <c r="H543492" s="12"/>
    </row>
    <row r="543493" spans="8:8">
      <c r="H543493" s="12"/>
    </row>
    <row r="543494" spans="8:8">
      <c r="H543494" s="12"/>
    </row>
    <row r="543495" spans="8:8">
      <c r="H543495" s="12"/>
    </row>
    <row r="543496" spans="8:8">
      <c r="H543496" s="12"/>
    </row>
    <row r="543497" spans="8:8">
      <c r="H543497" s="12"/>
    </row>
    <row r="543498" spans="8:8">
      <c r="H543498" s="12"/>
    </row>
    <row r="543499" spans="8:8">
      <c r="H543499" s="12"/>
    </row>
    <row r="543500" spans="8:8">
      <c r="H543500" s="12"/>
    </row>
    <row r="543501" spans="8:8">
      <c r="H543501" s="12"/>
    </row>
    <row r="543502" spans="8:8">
      <c r="H543502" s="12"/>
    </row>
    <row r="543503" spans="8:8">
      <c r="H543503" s="12"/>
    </row>
    <row r="543504" spans="8:8">
      <c r="H543504" s="12"/>
    </row>
    <row r="543505" spans="8:8">
      <c r="H543505" s="12"/>
    </row>
    <row r="543506" spans="8:8">
      <c r="H543506" s="12"/>
    </row>
    <row r="543507" spans="8:8">
      <c r="H543507" s="12"/>
    </row>
    <row r="543508" spans="8:8">
      <c r="H543508" s="12"/>
    </row>
    <row r="543509" spans="8:8">
      <c r="H543509" s="12"/>
    </row>
    <row r="543510" spans="8:8">
      <c r="H543510" s="12"/>
    </row>
    <row r="543511" spans="8:8">
      <c r="H543511" s="12"/>
    </row>
    <row r="543512" spans="8:8">
      <c r="H543512" s="12"/>
    </row>
    <row r="543513" spans="8:8">
      <c r="H543513" s="12"/>
    </row>
    <row r="543514" spans="8:8">
      <c r="H543514" s="12"/>
    </row>
    <row r="543515" spans="8:8">
      <c r="H543515" s="12"/>
    </row>
    <row r="543516" spans="8:8">
      <c r="H543516" s="12"/>
    </row>
    <row r="543517" spans="8:8">
      <c r="H543517" s="12"/>
    </row>
    <row r="543518" spans="8:8">
      <c r="H543518" s="12"/>
    </row>
    <row r="543519" spans="8:8">
      <c r="H543519" s="12"/>
    </row>
    <row r="543520" spans="8:8">
      <c r="H543520" s="12"/>
    </row>
    <row r="543521" spans="8:8">
      <c r="H543521" s="12"/>
    </row>
    <row r="543522" spans="8:8">
      <c r="H543522" s="12"/>
    </row>
    <row r="543523" spans="8:8">
      <c r="H543523" s="12"/>
    </row>
    <row r="543524" spans="8:8">
      <c r="H543524" s="12"/>
    </row>
    <row r="543525" spans="8:8">
      <c r="H543525" s="12"/>
    </row>
    <row r="543526" spans="8:8">
      <c r="H543526" s="12"/>
    </row>
    <row r="543527" spans="8:8">
      <c r="H543527" s="12"/>
    </row>
    <row r="543528" spans="8:8">
      <c r="H543528" s="12"/>
    </row>
    <row r="543529" spans="8:8">
      <c r="H543529" s="12"/>
    </row>
    <row r="543530" spans="8:8">
      <c r="H543530" s="12"/>
    </row>
    <row r="543531" spans="8:8">
      <c r="H543531" s="12"/>
    </row>
    <row r="543532" spans="8:8">
      <c r="H543532" s="12"/>
    </row>
    <row r="543533" spans="8:8">
      <c r="H543533" s="12"/>
    </row>
    <row r="543534" spans="8:8">
      <c r="H543534" s="12"/>
    </row>
    <row r="543535" spans="8:8">
      <c r="H543535" s="12"/>
    </row>
    <row r="543536" spans="8:8">
      <c r="H543536" s="12"/>
    </row>
    <row r="543537" spans="8:8">
      <c r="H543537" s="12"/>
    </row>
    <row r="543538" spans="8:8">
      <c r="H543538" s="12"/>
    </row>
    <row r="543539" spans="8:8">
      <c r="H543539" s="12"/>
    </row>
    <row r="543540" spans="8:8">
      <c r="H543540" s="12"/>
    </row>
    <row r="543541" spans="8:8">
      <c r="H543541" s="12"/>
    </row>
    <row r="543542" spans="8:8">
      <c r="H543542" s="12"/>
    </row>
    <row r="543543" spans="8:8">
      <c r="H543543" s="12"/>
    </row>
    <row r="543544" spans="8:8">
      <c r="H543544" s="12"/>
    </row>
    <row r="543545" spans="8:8">
      <c r="H543545" s="12"/>
    </row>
    <row r="543546" spans="8:8">
      <c r="H543546" s="12"/>
    </row>
    <row r="543547" spans="8:8">
      <c r="H543547" s="12"/>
    </row>
    <row r="543548" spans="8:8">
      <c r="H543548" s="12"/>
    </row>
    <row r="543549" spans="8:8">
      <c r="H543549" s="12"/>
    </row>
    <row r="543550" spans="8:8">
      <c r="H543550" s="12"/>
    </row>
    <row r="543551" spans="8:8">
      <c r="H543551" s="12"/>
    </row>
    <row r="543552" spans="8:8">
      <c r="H543552" s="12"/>
    </row>
    <row r="543553" spans="8:8">
      <c r="H543553" s="12"/>
    </row>
    <row r="543554" spans="8:8">
      <c r="H543554" s="12"/>
    </row>
    <row r="543555" spans="8:8">
      <c r="H543555" s="12"/>
    </row>
    <row r="543556" spans="8:8">
      <c r="H543556" s="12"/>
    </row>
    <row r="543557" spans="8:8">
      <c r="H543557" s="12"/>
    </row>
    <row r="543558" spans="8:8">
      <c r="H543558" s="12"/>
    </row>
    <row r="543559" spans="8:8">
      <c r="H543559" s="12"/>
    </row>
    <row r="543560" spans="8:8">
      <c r="H543560" s="12"/>
    </row>
    <row r="543561" spans="8:8">
      <c r="H543561" s="12"/>
    </row>
    <row r="543562" spans="8:8">
      <c r="H543562" s="12"/>
    </row>
    <row r="543563" spans="8:8">
      <c r="H543563" s="12"/>
    </row>
    <row r="543564" spans="8:8">
      <c r="H543564" s="12"/>
    </row>
    <row r="543565" spans="8:8">
      <c r="H543565" s="12"/>
    </row>
    <row r="543566" spans="8:8">
      <c r="H543566" s="12"/>
    </row>
    <row r="543567" spans="8:8">
      <c r="H543567" s="12"/>
    </row>
    <row r="543568" spans="8:8">
      <c r="H543568" s="12"/>
    </row>
    <row r="543569" spans="8:8">
      <c r="H543569" s="12"/>
    </row>
    <row r="543570" spans="8:8">
      <c r="H543570" s="12"/>
    </row>
    <row r="543571" spans="8:8">
      <c r="H543571" s="12"/>
    </row>
    <row r="543572" spans="8:8">
      <c r="H543572" s="12"/>
    </row>
    <row r="543573" spans="8:8">
      <c r="H543573" s="12"/>
    </row>
    <row r="543574" spans="8:8">
      <c r="H543574" s="12"/>
    </row>
    <row r="543575" spans="8:8">
      <c r="H543575" s="12"/>
    </row>
    <row r="543576" spans="8:8">
      <c r="H543576" s="12"/>
    </row>
    <row r="543577" spans="8:8">
      <c r="H543577" s="12"/>
    </row>
    <row r="543578" spans="8:8">
      <c r="H543578" s="12"/>
    </row>
    <row r="543579" spans="8:8">
      <c r="H543579" s="12"/>
    </row>
    <row r="543580" spans="8:8">
      <c r="H543580" s="12"/>
    </row>
    <row r="543581" spans="8:8">
      <c r="H543581" s="12"/>
    </row>
    <row r="543582" spans="8:8">
      <c r="H543582" s="12"/>
    </row>
    <row r="543583" spans="8:8">
      <c r="H543583" s="12"/>
    </row>
    <row r="543584" spans="8:8">
      <c r="H543584" s="12"/>
    </row>
    <row r="543585" spans="8:8">
      <c r="H543585" s="12"/>
    </row>
    <row r="543586" spans="8:8">
      <c r="H543586" s="12"/>
    </row>
    <row r="543587" spans="8:8">
      <c r="H543587" s="12"/>
    </row>
    <row r="543588" spans="8:8">
      <c r="H543588" s="12"/>
    </row>
    <row r="543589" spans="8:8">
      <c r="H543589" s="12"/>
    </row>
    <row r="543590" spans="8:8">
      <c r="H543590" s="12"/>
    </row>
    <row r="543591" spans="8:8">
      <c r="H543591" s="12"/>
    </row>
    <row r="543592" spans="8:8">
      <c r="H543592" s="12"/>
    </row>
    <row r="543593" spans="8:8">
      <c r="H543593" s="12"/>
    </row>
    <row r="543594" spans="8:8">
      <c r="H543594" s="12"/>
    </row>
    <row r="543595" spans="8:8">
      <c r="H543595" s="12"/>
    </row>
    <row r="543596" spans="8:8">
      <c r="H543596" s="12"/>
    </row>
    <row r="543597" spans="8:8">
      <c r="H543597" s="12"/>
    </row>
    <row r="543598" spans="8:8">
      <c r="H543598" s="12"/>
    </row>
    <row r="543599" spans="8:8">
      <c r="H543599" s="12"/>
    </row>
    <row r="543600" spans="8:8">
      <c r="H543600" s="12"/>
    </row>
    <row r="543601" spans="8:8">
      <c r="H543601" s="12"/>
    </row>
    <row r="543602" spans="8:8">
      <c r="H543602" s="12"/>
    </row>
    <row r="543603" spans="8:8">
      <c r="H543603" s="12"/>
    </row>
    <row r="543604" spans="8:8">
      <c r="H543604" s="12"/>
    </row>
    <row r="543605" spans="8:8">
      <c r="H543605" s="12"/>
    </row>
    <row r="543606" spans="8:8">
      <c r="H543606" s="12"/>
    </row>
    <row r="543607" spans="8:8">
      <c r="H543607" s="12"/>
    </row>
    <row r="543608" spans="8:8">
      <c r="H543608" s="12"/>
    </row>
    <row r="543609" spans="8:8">
      <c r="H543609" s="12"/>
    </row>
    <row r="543610" spans="8:8">
      <c r="H543610" s="12"/>
    </row>
    <row r="543611" spans="8:8">
      <c r="H543611" s="12"/>
    </row>
    <row r="543612" spans="8:8">
      <c r="H543612" s="12"/>
    </row>
    <row r="543613" spans="8:8">
      <c r="H543613" s="12"/>
    </row>
    <row r="543614" spans="8:8">
      <c r="H543614" s="12"/>
    </row>
    <row r="543615" spans="8:8">
      <c r="H543615" s="12"/>
    </row>
    <row r="543616" spans="8:8">
      <c r="H543616" s="12"/>
    </row>
    <row r="543617" spans="8:8">
      <c r="H543617" s="12"/>
    </row>
    <row r="543618" spans="8:8">
      <c r="H543618" s="12"/>
    </row>
    <row r="543619" spans="8:8">
      <c r="H543619" s="12"/>
    </row>
    <row r="543620" spans="8:8">
      <c r="H543620" s="12"/>
    </row>
    <row r="543621" spans="8:8">
      <c r="H543621" s="12"/>
    </row>
    <row r="543622" spans="8:8">
      <c r="H543622" s="12"/>
    </row>
    <row r="543623" spans="8:8">
      <c r="H543623" s="12"/>
    </row>
    <row r="543624" spans="8:8">
      <c r="H543624" s="12"/>
    </row>
    <row r="543625" spans="8:8">
      <c r="H543625" s="12"/>
    </row>
    <row r="543626" spans="8:8">
      <c r="H543626" s="12"/>
    </row>
    <row r="543627" spans="8:8">
      <c r="H543627" s="12"/>
    </row>
    <row r="543628" spans="8:8">
      <c r="H543628" s="12"/>
    </row>
    <row r="543629" spans="8:8">
      <c r="H543629" s="12"/>
    </row>
    <row r="543630" spans="8:8">
      <c r="H543630" s="12"/>
    </row>
    <row r="543631" spans="8:8">
      <c r="H543631" s="12"/>
    </row>
    <row r="543632" spans="8:8">
      <c r="H543632" s="12"/>
    </row>
    <row r="543633" spans="8:8">
      <c r="H543633" s="12"/>
    </row>
    <row r="543634" spans="8:8">
      <c r="H543634" s="12"/>
    </row>
    <row r="543635" spans="8:8">
      <c r="H543635" s="12"/>
    </row>
    <row r="543636" spans="8:8">
      <c r="H543636" s="12"/>
    </row>
    <row r="543637" spans="8:8">
      <c r="H543637" s="12"/>
    </row>
    <row r="543638" spans="8:8">
      <c r="H543638" s="12"/>
    </row>
    <row r="543639" spans="8:8">
      <c r="H543639" s="12"/>
    </row>
    <row r="543640" spans="8:8">
      <c r="H543640" s="12"/>
    </row>
    <row r="543641" spans="8:8">
      <c r="H543641" s="12"/>
    </row>
    <row r="543642" spans="8:8">
      <c r="H543642" s="12"/>
    </row>
    <row r="543643" spans="8:8">
      <c r="H543643" s="12"/>
    </row>
    <row r="543644" spans="8:8">
      <c r="H543644" s="12"/>
    </row>
    <row r="543645" spans="8:8">
      <c r="H543645" s="12"/>
    </row>
    <row r="543646" spans="8:8">
      <c r="H543646" s="12"/>
    </row>
    <row r="543647" spans="8:8">
      <c r="H543647" s="12"/>
    </row>
    <row r="543648" spans="8:8">
      <c r="H543648" s="12"/>
    </row>
    <row r="543649" spans="8:8">
      <c r="H543649" s="12"/>
    </row>
    <row r="543650" spans="8:8">
      <c r="H543650" s="12"/>
    </row>
    <row r="543651" spans="8:8">
      <c r="H543651" s="12"/>
    </row>
    <row r="543652" spans="8:8">
      <c r="H543652" s="12"/>
    </row>
    <row r="543653" spans="8:8">
      <c r="H543653" s="12"/>
    </row>
    <row r="543654" spans="8:8">
      <c r="H543654" s="12"/>
    </row>
    <row r="543655" spans="8:8">
      <c r="H543655" s="12"/>
    </row>
    <row r="543656" spans="8:8">
      <c r="H543656" s="12"/>
    </row>
    <row r="543657" spans="8:8">
      <c r="H543657" s="12"/>
    </row>
    <row r="543658" spans="8:8">
      <c r="H543658" s="12"/>
    </row>
    <row r="543659" spans="8:8">
      <c r="H543659" s="12"/>
    </row>
    <row r="543660" spans="8:8">
      <c r="H543660" s="12"/>
    </row>
    <row r="543661" spans="8:8">
      <c r="H543661" s="12"/>
    </row>
    <row r="543662" spans="8:8">
      <c r="H543662" s="12"/>
    </row>
    <row r="543663" spans="8:8">
      <c r="H543663" s="12"/>
    </row>
    <row r="543664" spans="8:8">
      <c r="H543664" s="12"/>
    </row>
    <row r="543665" spans="8:8">
      <c r="H543665" s="12"/>
    </row>
    <row r="543666" spans="8:8">
      <c r="H543666" s="12"/>
    </row>
    <row r="543667" spans="8:8">
      <c r="H543667" s="12"/>
    </row>
    <row r="543668" spans="8:8">
      <c r="H543668" s="12"/>
    </row>
    <row r="543669" spans="8:8">
      <c r="H543669" s="12"/>
    </row>
    <row r="543670" spans="8:8">
      <c r="H543670" s="12"/>
    </row>
    <row r="543671" spans="8:8">
      <c r="H543671" s="12"/>
    </row>
    <row r="543672" spans="8:8">
      <c r="H543672" s="12"/>
    </row>
    <row r="543673" spans="8:8">
      <c r="H543673" s="12"/>
    </row>
    <row r="543674" spans="8:8">
      <c r="H543674" s="12"/>
    </row>
    <row r="543675" spans="8:8">
      <c r="H543675" s="12"/>
    </row>
    <row r="543676" spans="8:8">
      <c r="H543676" s="12"/>
    </row>
    <row r="543677" spans="8:8">
      <c r="H543677" s="12"/>
    </row>
    <row r="543678" spans="8:8">
      <c r="H543678" s="12"/>
    </row>
    <row r="543679" spans="8:8">
      <c r="H543679" s="12"/>
    </row>
    <row r="543680" spans="8:8">
      <c r="H543680" s="12"/>
    </row>
    <row r="543681" spans="8:8">
      <c r="H543681" s="12"/>
    </row>
    <row r="543682" spans="8:8">
      <c r="H543682" s="12"/>
    </row>
    <row r="543683" spans="8:8">
      <c r="H543683" s="12"/>
    </row>
    <row r="543684" spans="8:8">
      <c r="H543684" s="12"/>
    </row>
    <row r="543685" spans="8:8">
      <c r="H543685" s="12"/>
    </row>
    <row r="543686" spans="8:8">
      <c r="H543686" s="12"/>
    </row>
    <row r="543687" spans="8:8">
      <c r="H543687" s="12"/>
    </row>
    <row r="543688" spans="8:8">
      <c r="H543688" s="12"/>
    </row>
    <row r="543689" spans="8:8">
      <c r="H543689" s="12"/>
    </row>
    <row r="543690" spans="8:8">
      <c r="H543690" s="12"/>
    </row>
    <row r="543691" spans="8:8">
      <c r="H543691" s="12"/>
    </row>
    <row r="543692" spans="8:8">
      <c r="H543692" s="12"/>
    </row>
    <row r="543693" spans="8:8">
      <c r="H543693" s="12"/>
    </row>
    <row r="543694" spans="8:8">
      <c r="H543694" s="12"/>
    </row>
    <row r="543695" spans="8:8">
      <c r="H543695" s="12"/>
    </row>
    <row r="543696" spans="8:8">
      <c r="H543696" s="12"/>
    </row>
    <row r="543697" spans="8:8">
      <c r="H543697" s="12"/>
    </row>
    <row r="543698" spans="8:8">
      <c r="H543698" s="12"/>
    </row>
    <row r="543699" spans="8:8">
      <c r="H543699" s="12"/>
    </row>
    <row r="543700" spans="8:8">
      <c r="H543700" s="12"/>
    </row>
    <row r="543701" spans="8:8">
      <c r="H543701" s="12"/>
    </row>
    <row r="543702" spans="8:8">
      <c r="H543702" s="12"/>
    </row>
    <row r="543703" spans="8:8">
      <c r="H543703" s="12"/>
    </row>
    <row r="543704" spans="8:8">
      <c r="H543704" s="12"/>
    </row>
    <row r="543705" spans="8:8">
      <c r="H543705" s="12"/>
    </row>
    <row r="543706" spans="8:8">
      <c r="H543706" s="12"/>
    </row>
    <row r="543707" spans="8:8">
      <c r="H543707" s="12"/>
    </row>
    <row r="543708" spans="8:8">
      <c r="H543708" s="12"/>
    </row>
    <row r="543709" spans="8:8">
      <c r="H543709" s="12"/>
    </row>
    <row r="543710" spans="8:8">
      <c r="H543710" s="12"/>
    </row>
    <row r="543711" spans="8:8">
      <c r="H543711" s="12"/>
    </row>
    <row r="543712" spans="8:8">
      <c r="H543712" s="12"/>
    </row>
    <row r="543713" spans="8:8">
      <c r="H543713" s="12"/>
    </row>
    <row r="543714" spans="8:8">
      <c r="H543714" s="12"/>
    </row>
    <row r="543715" spans="8:8">
      <c r="H543715" s="12"/>
    </row>
    <row r="543716" spans="8:8">
      <c r="H543716" s="12"/>
    </row>
    <row r="543717" spans="8:8">
      <c r="H543717" s="12"/>
    </row>
    <row r="543718" spans="8:8">
      <c r="H543718" s="12"/>
    </row>
    <row r="543719" spans="8:8">
      <c r="H543719" s="12"/>
    </row>
    <row r="543720" spans="8:8">
      <c r="H543720" s="12"/>
    </row>
    <row r="543721" spans="8:8">
      <c r="H543721" s="12"/>
    </row>
    <row r="543722" spans="8:8">
      <c r="H543722" s="12"/>
    </row>
    <row r="543723" spans="8:8">
      <c r="H543723" s="12"/>
    </row>
    <row r="543724" spans="8:8">
      <c r="H543724" s="12"/>
    </row>
    <row r="543725" spans="8:8">
      <c r="H543725" s="12"/>
    </row>
    <row r="543726" spans="8:8">
      <c r="H543726" s="12"/>
    </row>
    <row r="543727" spans="8:8">
      <c r="H543727" s="12"/>
    </row>
    <row r="543728" spans="8:8">
      <c r="H543728" s="12"/>
    </row>
    <row r="543729" spans="8:8">
      <c r="H543729" s="12"/>
    </row>
    <row r="543730" spans="8:8">
      <c r="H543730" s="12"/>
    </row>
    <row r="543731" spans="8:8">
      <c r="H543731" s="12"/>
    </row>
    <row r="543732" spans="8:8">
      <c r="H543732" s="12"/>
    </row>
    <row r="543733" spans="8:8">
      <c r="H543733" s="12"/>
    </row>
    <row r="543734" spans="8:8">
      <c r="H543734" s="12"/>
    </row>
    <row r="543735" spans="8:8">
      <c r="H543735" s="12"/>
    </row>
    <row r="543736" spans="8:8">
      <c r="H543736" s="12"/>
    </row>
    <row r="543737" spans="8:8">
      <c r="H543737" s="12"/>
    </row>
    <row r="543738" spans="8:8">
      <c r="H543738" s="12"/>
    </row>
    <row r="543739" spans="8:8">
      <c r="H543739" s="12"/>
    </row>
    <row r="543740" spans="8:8">
      <c r="H543740" s="12"/>
    </row>
    <row r="543741" spans="8:8">
      <c r="H543741" s="12"/>
    </row>
    <row r="543742" spans="8:8">
      <c r="H543742" s="12"/>
    </row>
    <row r="543743" spans="8:8">
      <c r="H543743" s="12"/>
    </row>
    <row r="543744" spans="8:8">
      <c r="H543744" s="12"/>
    </row>
    <row r="543745" spans="8:8">
      <c r="H543745" s="12"/>
    </row>
    <row r="543746" spans="8:8">
      <c r="H543746" s="12"/>
    </row>
    <row r="543747" spans="8:8">
      <c r="H543747" s="12"/>
    </row>
    <row r="543748" spans="8:8">
      <c r="H543748" s="12"/>
    </row>
    <row r="543749" spans="8:8">
      <c r="H543749" s="12"/>
    </row>
    <row r="543750" spans="8:8">
      <c r="H543750" s="12"/>
    </row>
    <row r="543751" spans="8:8">
      <c r="H543751" s="12"/>
    </row>
    <row r="543752" spans="8:8">
      <c r="H543752" s="12"/>
    </row>
    <row r="543753" spans="8:8">
      <c r="H543753" s="12"/>
    </row>
    <row r="543754" spans="8:8">
      <c r="H543754" s="12"/>
    </row>
    <row r="543755" spans="8:8">
      <c r="H543755" s="12"/>
    </row>
    <row r="543756" spans="8:8">
      <c r="H543756" s="12"/>
    </row>
    <row r="543757" spans="8:8">
      <c r="H543757" s="12"/>
    </row>
    <row r="543758" spans="8:8">
      <c r="H543758" s="12"/>
    </row>
    <row r="543759" spans="8:8">
      <c r="H543759" s="12"/>
    </row>
    <row r="543760" spans="8:8">
      <c r="H543760" s="12"/>
    </row>
    <row r="543761" spans="8:8">
      <c r="H543761" s="12"/>
    </row>
    <row r="543762" spans="8:8">
      <c r="H543762" s="12"/>
    </row>
    <row r="543763" spans="8:8">
      <c r="H543763" s="12"/>
    </row>
    <row r="543764" spans="8:8">
      <c r="H543764" s="12"/>
    </row>
    <row r="543765" spans="8:8">
      <c r="H543765" s="12"/>
    </row>
    <row r="543766" spans="8:8">
      <c r="H543766" s="12"/>
    </row>
    <row r="543767" spans="8:8">
      <c r="H543767" s="12"/>
    </row>
    <row r="543768" spans="8:8">
      <c r="H543768" s="12"/>
    </row>
    <row r="543769" spans="8:8">
      <c r="H543769" s="12"/>
    </row>
    <row r="543770" spans="8:8">
      <c r="H543770" s="12"/>
    </row>
    <row r="543771" spans="8:8">
      <c r="H543771" s="12"/>
    </row>
    <row r="543772" spans="8:8">
      <c r="H543772" s="12"/>
    </row>
    <row r="543773" spans="8:8">
      <c r="H543773" s="12"/>
    </row>
    <row r="543774" spans="8:8">
      <c r="H543774" s="12"/>
    </row>
    <row r="543775" spans="8:8">
      <c r="H543775" s="12"/>
    </row>
    <row r="543776" spans="8:8">
      <c r="H543776" s="12"/>
    </row>
    <row r="543777" spans="8:8">
      <c r="H543777" s="12"/>
    </row>
    <row r="543778" spans="8:8">
      <c r="H543778" s="12"/>
    </row>
    <row r="543779" spans="8:8">
      <c r="H543779" s="12"/>
    </row>
    <row r="543780" spans="8:8">
      <c r="H543780" s="12"/>
    </row>
    <row r="543781" spans="8:8">
      <c r="H543781" s="12"/>
    </row>
    <row r="543782" spans="8:8">
      <c r="H543782" s="12"/>
    </row>
    <row r="543783" spans="8:8">
      <c r="H543783" s="12"/>
    </row>
    <row r="543784" spans="8:8">
      <c r="H543784" s="12"/>
    </row>
    <row r="543785" spans="8:8">
      <c r="H543785" s="12"/>
    </row>
    <row r="543786" spans="8:8">
      <c r="H543786" s="12"/>
    </row>
    <row r="543787" spans="8:8">
      <c r="H543787" s="12"/>
    </row>
    <row r="543788" spans="8:8">
      <c r="H543788" s="12"/>
    </row>
    <row r="543789" spans="8:8">
      <c r="H543789" s="12"/>
    </row>
    <row r="543790" spans="8:8">
      <c r="H543790" s="12"/>
    </row>
    <row r="543791" spans="8:8">
      <c r="H543791" s="12"/>
    </row>
    <row r="543792" spans="8:8">
      <c r="H543792" s="12"/>
    </row>
    <row r="543793" spans="8:8">
      <c r="H543793" s="12"/>
    </row>
    <row r="543794" spans="8:8">
      <c r="H543794" s="12"/>
    </row>
    <row r="543795" spans="8:8">
      <c r="H543795" s="12"/>
    </row>
    <row r="543796" spans="8:8">
      <c r="H543796" s="12"/>
    </row>
    <row r="543797" spans="8:8">
      <c r="H543797" s="12"/>
    </row>
    <row r="543798" spans="8:8">
      <c r="H543798" s="12"/>
    </row>
    <row r="543799" spans="8:8">
      <c r="H543799" s="12"/>
    </row>
    <row r="543800" spans="8:8">
      <c r="H543800" s="12"/>
    </row>
    <row r="543801" spans="8:8">
      <c r="H543801" s="12"/>
    </row>
    <row r="543802" spans="8:8">
      <c r="H543802" s="12"/>
    </row>
    <row r="543803" spans="8:8">
      <c r="H543803" s="12"/>
    </row>
    <row r="543804" spans="8:8">
      <c r="H543804" s="12"/>
    </row>
    <row r="543805" spans="8:8">
      <c r="H543805" s="12"/>
    </row>
    <row r="543806" spans="8:8">
      <c r="H543806" s="12"/>
    </row>
    <row r="543807" spans="8:8">
      <c r="H543807" s="12"/>
    </row>
    <row r="543808" spans="8:8">
      <c r="H543808" s="12"/>
    </row>
    <row r="543809" spans="8:8">
      <c r="H543809" s="12"/>
    </row>
    <row r="543810" spans="8:8">
      <c r="H543810" s="12"/>
    </row>
    <row r="543811" spans="8:8">
      <c r="H543811" s="12"/>
    </row>
    <row r="543812" spans="8:8">
      <c r="H543812" s="12"/>
    </row>
    <row r="543813" spans="8:8">
      <c r="H543813" s="12"/>
    </row>
    <row r="543814" spans="8:8">
      <c r="H543814" s="12"/>
    </row>
    <row r="543815" spans="8:8">
      <c r="H543815" s="12"/>
    </row>
    <row r="543816" spans="8:8">
      <c r="H543816" s="12"/>
    </row>
    <row r="543817" spans="8:8">
      <c r="H543817" s="12"/>
    </row>
    <row r="543818" spans="8:8">
      <c r="H543818" s="12"/>
    </row>
    <row r="543819" spans="8:8">
      <c r="H543819" s="12"/>
    </row>
    <row r="543820" spans="8:8">
      <c r="H543820" s="12"/>
    </row>
    <row r="543821" spans="8:8">
      <c r="H543821" s="12"/>
    </row>
    <row r="543822" spans="8:8">
      <c r="H543822" s="12"/>
    </row>
    <row r="543823" spans="8:8">
      <c r="H543823" s="12"/>
    </row>
    <row r="543824" spans="8:8">
      <c r="H543824" s="12"/>
    </row>
    <row r="543825" spans="8:8">
      <c r="H543825" s="12"/>
    </row>
    <row r="543826" spans="8:8">
      <c r="H543826" s="12"/>
    </row>
    <row r="543827" spans="8:8">
      <c r="H543827" s="12"/>
    </row>
    <row r="543828" spans="8:8">
      <c r="H543828" s="12"/>
    </row>
    <row r="543829" spans="8:8">
      <c r="H543829" s="12"/>
    </row>
    <row r="543830" spans="8:8">
      <c r="H543830" s="12"/>
    </row>
    <row r="543831" spans="8:8">
      <c r="H543831" s="12"/>
    </row>
    <row r="543832" spans="8:8">
      <c r="H543832" s="12"/>
    </row>
    <row r="543833" spans="8:8">
      <c r="H543833" s="12"/>
    </row>
    <row r="543834" spans="8:8">
      <c r="H543834" s="12"/>
    </row>
    <row r="543835" spans="8:8">
      <c r="H543835" s="12"/>
    </row>
    <row r="543836" spans="8:8">
      <c r="H543836" s="12"/>
    </row>
    <row r="543837" spans="8:8">
      <c r="H543837" s="12"/>
    </row>
    <row r="543838" spans="8:8">
      <c r="H543838" s="12"/>
    </row>
    <row r="543839" spans="8:8">
      <c r="H543839" s="12"/>
    </row>
    <row r="543840" spans="8:8">
      <c r="H543840" s="12"/>
    </row>
    <row r="543841" spans="8:8">
      <c r="H543841" s="12"/>
    </row>
    <row r="543842" spans="8:8">
      <c r="H543842" s="12"/>
    </row>
    <row r="543843" spans="8:8">
      <c r="H543843" s="12"/>
    </row>
    <row r="543844" spans="8:8">
      <c r="H543844" s="12"/>
    </row>
    <row r="543845" spans="8:8">
      <c r="H543845" s="12"/>
    </row>
    <row r="543846" spans="8:8">
      <c r="H543846" s="12"/>
    </row>
    <row r="543847" spans="8:8">
      <c r="H543847" s="12"/>
    </row>
    <row r="543848" spans="8:8">
      <c r="H543848" s="12"/>
    </row>
    <row r="543849" spans="8:8">
      <c r="H543849" s="12"/>
    </row>
    <row r="543850" spans="8:8">
      <c r="H543850" s="12"/>
    </row>
    <row r="543851" spans="8:8">
      <c r="H543851" s="12"/>
    </row>
    <row r="543852" spans="8:8">
      <c r="H543852" s="12"/>
    </row>
    <row r="543853" spans="8:8">
      <c r="H543853" s="12"/>
    </row>
    <row r="543854" spans="8:8">
      <c r="H543854" s="12"/>
    </row>
    <row r="543855" spans="8:8">
      <c r="H543855" s="12"/>
    </row>
    <row r="543856" spans="8:8">
      <c r="H543856" s="12"/>
    </row>
    <row r="543857" spans="8:8">
      <c r="H543857" s="12"/>
    </row>
    <row r="543858" spans="8:8">
      <c r="H543858" s="12"/>
    </row>
    <row r="543859" spans="8:8">
      <c r="H543859" s="12"/>
    </row>
    <row r="543860" spans="8:8">
      <c r="H543860" s="12"/>
    </row>
    <row r="543861" spans="8:8">
      <c r="H543861" s="12"/>
    </row>
    <row r="543862" spans="8:8">
      <c r="H543862" s="12"/>
    </row>
    <row r="543863" spans="8:8">
      <c r="H543863" s="12"/>
    </row>
    <row r="543864" spans="8:8">
      <c r="H543864" s="12"/>
    </row>
    <row r="543865" spans="8:8">
      <c r="H543865" s="12"/>
    </row>
    <row r="543866" spans="8:8">
      <c r="H543866" s="12"/>
    </row>
    <row r="543867" spans="8:8">
      <c r="H543867" s="12"/>
    </row>
    <row r="543868" spans="8:8">
      <c r="H543868" s="12"/>
    </row>
    <row r="543869" spans="8:8">
      <c r="H543869" s="12"/>
    </row>
    <row r="543870" spans="8:8">
      <c r="H543870" s="12"/>
    </row>
    <row r="543871" spans="8:8">
      <c r="H543871" s="12"/>
    </row>
    <row r="543872" spans="8:8">
      <c r="H543872" s="12"/>
    </row>
    <row r="543873" spans="8:8">
      <c r="H543873" s="12"/>
    </row>
    <row r="543874" spans="8:8">
      <c r="H543874" s="12"/>
    </row>
    <row r="543875" spans="8:8">
      <c r="H543875" s="12"/>
    </row>
    <row r="543876" spans="8:8">
      <c r="H543876" s="12"/>
    </row>
    <row r="543877" spans="8:8">
      <c r="H543877" s="12"/>
    </row>
    <row r="543878" spans="8:8">
      <c r="H543878" s="12"/>
    </row>
    <row r="543879" spans="8:8">
      <c r="H543879" s="12"/>
    </row>
    <row r="543880" spans="8:8">
      <c r="H543880" s="12"/>
    </row>
    <row r="543881" spans="8:8">
      <c r="H543881" s="12"/>
    </row>
    <row r="543882" spans="8:8">
      <c r="H543882" s="12"/>
    </row>
    <row r="543883" spans="8:8">
      <c r="H543883" s="12"/>
    </row>
    <row r="543884" spans="8:8">
      <c r="H543884" s="12"/>
    </row>
    <row r="543885" spans="8:8">
      <c r="H543885" s="12"/>
    </row>
    <row r="543886" spans="8:8">
      <c r="H543886" s="12"/>
    </row>
    <row r="543887" spans="8:8">
      <c r="H543887" s="12"/>
    </row>
    <row r="543888" spans="8:8">
      <c r="H543888" s="12"/>
    </row>
    <row r="543889" spans="8:8">
      <c r="H543889" s="12"/>
    </row>
    <row r="543890" spans="8:8">
      <c r="H543890" s="12"/>
    </row>
    <row r="543891" spans="8:8">
      <c r="H543891" s="12"/>
    </row>
    <row r="543892" spans="8:8">
      <c r="H543892" s="12"/>
    </row>
    <row r="543893" spans="8:8">
      <c r="H543893" s="12"/>
    </row>
    <row r="543894" spans="8:8">
      <c r="H543894" s="12"/>
    </row>
    <row r="543895" spans="8:8">
      <c r="H543895" s="12"/>
    </row>
    <row r="543896" spans="8:8">
      <c r="H543896" s="12"/>
    </row>
    <row r="543897" spans="8:8">
      <c r="H543897" s="12"/>
    </row>
    <row r="543898" spans="8:8">
      <c r="H543898" s="12"/>
    </row>
    <row r="543899" spans="8:8">
      <c r="H543899" s="12"/>
    </row>
    <row r="543900" spans="8:8">
      <c r="H543900" s="12"/>
    </row>
    <row r="543901" spans="8:8">
      <c r="H543901" s="12"/>
    </row>
    <row r="543902" spans="8:8">
      <c r="H543902" s="12"/>
    </row>
    <row r="543903" spans="8:8">
      <c r="H543903" s="12"/>
    </row>
    <row r="543904" spans="8:8">
      <c r="H543904" s="12"/>
    </row>
    <row r="543905" spans="8:8">
      <c r="H543905" s="12"/>
    </row>
    <row r="543906" spans="8:8">
      <c r="H543906" s="12"/>
    </row>
    <row r="543907" spans="8:8">
      <c r="H543907" s="12"/>
    </row>
    <row r="543908" spans="8:8">
      <c r="H543908" s="12"/>
    </row>
    <row r="543909" spans="8:8">
      <c r="H543909" s="12"/>
    </row>
    <row r="543910" spans="8:8">
      <c r="H543910" s="12"/>
    </row>
    <row r="543911" spans="8:8">
      <c r="H543911" s="12"/>
    </row>
    <row r="543912" spans="8:8">
      <c r="H543912" s="12"/>
    </row>
    <row r="543913" spans="8:8">
      <c r="H543913" s="12"/>
    </row>
    <row r="543914" spans="8:8">
      <c r="H543914" s="12"/>
    </row>
    <row r="543915" spans="8:8">
      <c r="H543915" s="12"/>
    </row>
    <row r="543916" spans="8:8">
      <c r="H543916" s="12"/>
    </row>
    <row r="543917" spans="8:8">
      <c r="H543917" s="12"/>
    </row>
    <row r="543918" spans="8:8">
      <c r="H543918" s="12"/>
    </row>
    <row r="543919" spans="8:8">
      <c r="H543919" s="12"/>
    </row>
    <row r="543920" spans="8:8">
      <c r="H543920" s="12"/>
    </row>
    <row r="543921" spans="8:8">
      <c r="H543921" s="12"/>
    </row>
    <row r="543922" spans="8:8">
      <c r="H543922" s="12"/>
    </row>
    <row r="543923" spans="8:8">
      <c r="H543923" s="12"/>
    </row>
    <row r="543924" spans="8:8">
      <c r="H543924" s="12"/>
    </row>
    <row r="543925" spans="8:8">
      <c r="H543925" s="12"/>
    </row>
    <row r="543926" spans="8:8">
      <c r="H543926" s="12"/>
    </row>
    <row r="543927" spans="8:8">
      <c r="H543927" s="12"/>
    </row>
    <row r="543928" spans="8:8">
      <c r="H543928" s="12"/>
    </row>
    <row r="543929" spans="8:8">
      <c r="H543929" s="12"/>
    </row>
    <row r="543930" spans="8:8">
      <c r="H543930" s="12"/>
    </row>
    <row r="543931" spans="8:8">
      <c r="H543931" s="12"/>
    </row>
    <row r="543932" spans="8:8">
      <c r="H543932" s="12"/>
    </row>
    <row r="543933" spans="8:8">
      <c r="H543933" s="12"/>
    </row>
    <row r="543934" spans="8:8">
      <c r="H543934" s="12"/>
    </row>
    <row r="543935" spans="8:8">
      <c r="H543935" s="12"/>
    </row>
    <row r="543936" spans="8:8">
      <c r="H543936" s="12"/>
    </row>
    <row r="543937" spans="8:8">
      <c r="H543937" s="12"/>
    </row>
    <row r="543938" spans="8:8">
      <c r="H543938" s="12"/>
    </row>
    <row r="543939" spans="8:8">
      <c r="H543939" s="12"/>
    </row>
    <row r="543940" spans="8:8">
      <c r="H543940" s="12"/>
    </row>
    <row r="543941" spans="8:8">
      <c r="H543941" s="12"/>
    </row>
    <row r="543942" spans="8:8">
      <c r="H543942" s="12"/>
    </row>
    <row r="543943" spans="8:8">
      <c r="H543943" s="12"/>
    </row>
    <row r="543944" spans="8:8">
      <c r="H543944" s="12"/>
    </row>
    <row r="543945" spans="8:8">
      <c r="H543945" s="12"/>
    </row>
    <row r="543946" spans="8:8">
      <c r="H543946" s="12"/>
    </row>
    <row r="543947" spans="8:8">
      <c r="H543947" s="12"/>
    </row>
    <row r="543948" spans="8:8">
      <c r="H543948" s="12"/>
    </row>
    <row r="543949" spans="8:8">
      <c r="H543949" s="12"/>
    </row>
    <row r="543950" spans="8:8">
      <c r="H543950" s="12"/>
    </row>
    <row r="543951" spans="8:8">
      <c r="H543951" s="12"/>
    </row>
    <row r="543952" spans="8:8">
      <c r="H543952" s="12"/>
    </row>
    <row r="543953" spans="8:8">
      <c r="H543953" s="12"/>
    </row>
    <row r="543954" spans="8:8">
      <c r="H543954" s="12"/>
    </row>
    <row r="543955" spans="8:8">
      <c r="H543955" s="12"/>
    </row>
    <row r="543956" spans="8:8">
      <c r="H543956" s="12"/>
    </row>
    <row r="543957" spans="8:8">
      <c r="H543957" s="12"/>
    </row>
    <row r="543958" spans="8:8">
      <c r="H543958" s="12"/>
    </row>
    <row r="543959" spans="8:8">
      <c r="H543959" s="12"/>
    </row>
    <row r="543960" spans="8:8">
      <c r="H543960" s="12"/>
    </row>
    <row r="543961" spans="8:8">
      <c r="H543961" s="12"/>
    </row>
    <row r="543962" spans="8:8">
      <c r="H543962" s="12"/>
    </row>
    <row r="543963" spans="8:8">
      <c r="H543963" s="12"/>
    </row>
    <row r="543964" spans="8:8">
      <c r="H543964" s="12"/>
    </row>
    <row r="543965" spans="8:8">
      <c r="H543965" s="12"/>
    </row>
    <row r="543966" spans="8:8">
      <c r="H543966" s="12"/>
    </row>
    <row r="543967" spans="8:8">
      <c r="H543967" s="12"/>
    </row>
    <row r="543968" spans="8:8">
      <c r="H543968" s="12"/>
    </row>
    <row r="543969" spans="8:8">
      <c r="H543969" s="12"/>
    </row>
    <row r="543970" spans="8:8">
      <c r="H543970" s="12"/>
    </row>
    <row r="543971" spans="8:8">
      <c r="H543971" s="12"/>
    </row>
    <row r="543972" spans="8:8">
      <c r="H543972" s="12"/>
    </row>
    <row r="543973" spans="8:8">
      <c r="H543973" s="12"/>
    </row>
    <row r="543974" spans="8:8">
      <c r="H543974" s="12"/>
    </row>
    <row r="543975" spans="8:8">
      <c r="H543975" s="12"/>
    </row>
    <row r="543976" spans="8:8">
      <c r="H543976" s="12"/>
    </row>
    <row r="543977" spans="8:8">
      <c r="H543977" s="12"/>
    </row>
    <row r="543978" spans="8:8">
      <c r="H543978" s="12"/>
    </row>
    <row r="543979" spans="8:8">
      <c r="H543979" s="12"/>
    </row>
    <row r="543980" spans="8:8">
      <c r="H543980" s="12"/>
    </row>
    <row r="543981" spans="8:8">
      <c r="H543981" s="12"/>
    </row>
    <row r="543982" spans="8:8">
      <c r="H543982" s="12"/>
    </row>
    <row r="543983" spans="8:8">
      <c r="H543983" s="12"/>
    </row>
    <row r="543984" spans="8:8">
      <c r="H543984" s="12"/>
    </row>
    <row r="543985" spans="8:8">
      <c r="H543985" s="12"/>
    </row>
    <row r="543986" spans="8:8">
      <c r="H543986" s="12"/>
    </row>
    <row r="543987" spans="8:8">
      <c r="H543987" s="12"/>
    </row>
    <row r="543988" spans="8:8">
      <c r="H543988" s="12"/>
    </row>
    <row r="543989" spans="8:8">
      <c r="H543989" s="12"/>
    </row>
    <row r="543990" spans="8:8">
      <c r="H543990" s="12"/>
    </row>
    <row r="543991" spans="8:8">
      <c r="H543991" s="12"/>
    </row>
    <row r="543992" spans="8:8">
      <c r="H543992" s="12"/>
    </row>
    <row r="543993" spans="8:8">
      <c r="H543993" s="12"/>
    </row>
    <row r="543994" spans="8:8">
      <c r="H543994" s="12"/>
    </row>
    <row r="543995" spans="8:8">
      <c r="H543995" s="12"/>
    </row>
    <row r="543996" spans="8:8">
      <c r="H543996" s="12"/>
    </row>
    <row r="543997" spans="8:8">
      <c r="H543997" s="12"/>
    </row>
    <row r="543998" spans="8:8">
      <c r="H543998" s="12"/>
    </row>
    <row r="543999" spans="8:8">
      <c r="H543999" s="12"/>
    </row>
    <row r="544000" spans="8:8">
      <c r="H544000" s="12"/>
    </row>
    <row r="544001" spans="8:8">
      <c r="H544001" s="12"/>
    </row>
    <row r="544002" spans="8:8">
      <c r="H544002" s="12"/>
    </row>
    <row r="544003" spans="8:8">
      <c r="H544003" s="12"/>
    </row>
    <row r="544004" spans="8:8">
      <c r="H544004" s="12"/>
    </row>
    <row r="544005" spans="8:8">
      <c r="H544005" s="12"/>
    </row>
    <row r="544006" spans="8:8">
      <c r="H544006" s="12"/>
    </row>
    <row r="544007" spans="8:8">
      <c r="H544007" s="12"/>
    </row>
    <row r="544008" spans="8:8">
      <c r="H544008" s="12"/>
    </row>
    <row r="544009" spans="8:8">
      <c r="H544009" s="12"/>
    </row>
    <row r="544010" spans="8:8">
      <c r="H544010" s="12"/>
    </row>
    <row r="544011" spans="8:8">
      <c r="H544011" s="12"/>
    </row>
    <row r="544012" spans="8:8">
      <c r="H544012" s="12"/>
    </row>
    <row r="544013" spans="8:8">
      <c r="H544013" s="12"/>
    </row>
    <row r="544014" spans="8:8">
      <c r="H544014" s="12"/>
    </row>
    <row r="544015" spans="8:8">
      <c r="H544015" s="12"/>
    </row>
    <row r="544016" spans="8:8">
      <c r="H544016" s="12"/>
    </row>
    <row r="544017" spans="8:8">
      <c r="H544017" s="12"/>
    </row>
    <row r="544018" spans="8:8">
      <c r="H544018" s="12"/>
    </row>
    <row r="544019" spans="8:8">
      <c r="H544019" s="12"/>
    </row>
    <row r="544020" spans="8:8">
      <c r="H544020" s="12"/>
    </row>
    <row r="544021" spans="8:8">
      <c r="H544021" s="12"/>
    </row>
    <row r="544022" spans="8:8">
      <c r="H544022" s="12"/>
    </row>
    <row r="544023" spans="8:8">
      <c r="H544023" s="12"/>
    </row>
    <row r="544024" spans="8:8">
      <c r="H544024" s="12"/>
    </row>
    <row r="544025" spans="8:8">
      <c r="H544025" s="12"/>
    </row>
    <row r="544026" spans="8:8">
      <c r="H544026" s="12"/>
    </row>
    <row r="544027" spans="8:8">
      <c r="H544027" s="12"/>
    </row>
    <row r="544028" spans="8:8">
      <c r="H544028" s="12"/>
    </row>
    <row r="544029" spans="8:8">
      <c r="H544029" s="12"/>
    </row>
    <row r="544030" spans="8:8">
      <c r="H544030" s="12"/>
    </row>
    <row r="544031" spans="8:8">
      <c r="H544031" s="12"/>
    </row>
    <row r="544032" spans="8:8">
      <c r="H544032" s="12"/>
    </row>
    <row r="544033" spans="8:8">
      <c r="H544033" s="12"/>
    </row>
    <row r="544034" spans="8:8">
      <c r="H544034" s="12"/>
    </row>
    <row r="544035" spans="8:8">
      <c r="H544035" s="12"/>
    </row>
    <row r="544036" spans="8:8">
      <c r="H544036" s="12"/>
    </row>
    <row r="544037" spans="8:8">
      <c r="H544037" s="12"/>
    </row>
    <row r="544038" spans="8:8">
      <c r="H544038" s="12"/>
    </row>
    <row r="544039" spans="8:8">
      <c r="H544039" s="12"/>
    </row>
    <row r="544040" spans="8:8">
      <c r="H544040" s="12"/>
    </row>
    <row r="544041" spans="8:8">
      <c r="H544041" s="12"/>
    </row>
    <row r="544042" spans="8:8">
      <c r="H544042" s="12"/>
    </row>
    <row r="544043" spans="8:8">
      <c r="H544043" s="12"/>
    </row>
    <row r="544044" spans="8:8">
      <c r="H544044" s="12"/>
    </row>
    <row r="544045" spans="8:8">
      <c r="H544045" s="12"/>
    </row>
    <row r="544046" spans="8:8">
      <c r="H544046" s="12"/>
    </row>
    <row r="544047" spans="8:8">
      <c r="H544047" s="12"/>
    </row>
    <row r="544048" spans="8:8">
      <c r="H544048" s="12"/>
    </row>
    <row r="544049" spans="8:8">
      <c r="H544049" s="12"/>
    </row>
    <row r="544050" spans="8:8">
      <c r="H544050" s="12"/>
    </row>
    <row r="544051" spans="8:8">
      <c r="H544051" s="12"/>
    </row>
    <row r="544052" spans="8:8">
      <c r="H544052" s="12"/>
    </row>
    <row r="544053" spans="8:8">
      <c r="H544053" s="12"/>
    </row>
    <row r="544054" spans="8:8">
      <c r="H544054" s="12"/>
    </row>
    <row r="544055" spans="8:8">
      <c r="H544055" s="12"/>
    </row>
    <row r="544056" spans="8:8">
      <c r="H544056" s="12"/>
    </row>
    <row r="544057" spans="8:8">
      <c r="H544057" s="12"/>
    </row>
    <row r="544058" spans="8:8">
      <c r="H544058" s="12"/>
    </row>
    <row r="544059" spans="8:8">
      <c r="H544059" s="12"/>
    </row>
    <row r="544060" spans="8:8">
      <c r="H544060" s="12"/>
    </row>
    <row r="544061" spans="8:8">
      <c r="H544061" s="12"/>
    </row>
    <row r="544062" spans="8:8">
      <c r="H544062" s="12"/>
    </row>
    <row r="544063" spans="8:8">
      <c r="H544063" s="12"/>
    </row>
    <row r="544064" spans="8:8">
      <c r="H544064" s="12"/>
    </row>
    <row r="544065" spans="8:8">
      <c r="H544065" s="12"/>
    </row>
    <row r="544066" spans="8:8">
      <c r="H544066" s="12"/>
    </row>
    <row r="544067" spans="8:8">
      <c r="H544067" s="12"/>
    </row>
    <row r="544068" spans="8:8">
      <c r="H544068" s="12"/>
    </row>
    <row r="544069" spans="8:8">
      <c r="H544069" s="12"/>
    </row>
    <row r="544070" spans="8:8">
      <c r="H544070" s="12"/>
    </row>
    <row r="544071" spans="8:8">
      <c r="H544071" s="12"/>
    </row>
    <row r="544072" spans="8:8">
      <c r="H544072" s="12"/>
    </row>
    <row r="544073" spans="8:8">
      <c r="H544073" s="12"/>
    </row>
    <row r="544074" spans="8:8">
      <c r="H544074" s="12"/>
    </row>
    <row r="544075" spans="8:8">
      <c r="H544075" s="12"/>
    </row>
    <row r="544076" spans="8:8">
      <c r="H544076" s="12"/>
    </row>
    <row r="544077" spans="8:8">
      <c r="H544077" s="12"/>
    </row>
    <row r="544078" spans="8:8">
      <c r="H544078" s="12"/>
    </row>
    <row r="544079" spans="8:8">
      <c r="H544079" s="12"/>
    </row>
    <row r="544080" spans="8:8">
      <c r="H544080" s="12"/>
    </row>
    <row r="544081" spans="8:8">
      <c r="H544081" s="12"/>
    </row>
    <row r="544082" spans="8:8">
      <c r="H544082" s="12"/>
    </row>
    <row r="544083" spans="8:8">
      <c r="H544083" s="12"/>
    </row>
    <row r="544084" spans="8:8">
      <c r="H544084" s="12"/>
    </row>
    <row r="544085" spans="8:8">
      <c r="H544085" s="12"/>
    </row>
    <row r="544086" spans="8:8">
      <c r="H544086" s="12"/>
    </row>
    <row r="544087" spans="8:8">
      <c r="H544087" s="12"/>
    </row>
    <row r="544088" spans="8:8">
      <c r="H544088" s="12"/>
    </row>
    <row r="544089" spans="8:8">
      <c r="H544089" s="12"/>
    </row>
    <row r="544090" spans="8:8">
      <c r="H544090" s="12"/>
    </row>
    <row r="544091" spans="8:8">
      <c r="H544091" s="12"/>
    </row>
    <row r="544092" spans="8:8">
      <c r="H544092" s="12"/>
    </row>
    <row r="544093" spans="8:8">
      <c r="H544093" s="12"/>
    </row>
    <row r="544094" spans="8:8">
      <c r="H544094" s="12"/>
    </row>
    <row r="544095" spans="8:8">
      <c r="H544095" s="12"/>
    </row>
    <row r="544096" spans="8:8">
      <c r="H544096" s="12"/>
    </row>
    <row r="544097" spans="8:8">
      <c r="H544097" s="12"/>
    </row>
    <row r="544098" spans="8:8">
      <c r="H544098" s="12"/>
    </row>
    <row r="544099" spans="8:8">
      <c r="H544099" s="12"/>
    </row>
    <row r="544100" spans="8:8">
      <c r="H544100" s="12"/>
    </row>
    <row r="544101" spans="8:8">
      <c r="H544101" s="12"/>
    </row>
    <row r="544102" spans="8:8">
      <c r="H544102" s="12"/>
    </row>
    <row r="544103" spans="8:8">
      <c r="H544103" s="12"/>
    </row>
    <row r="544104" spans="8:8">
      <c r="H544104" s="12"/>
    </row>
    <row r="544105" spans="8:8">
      <c r="H544105" s="12"/>
    </row>
    <row r="544106" spans="8:8">
      <c r="H544106" s="12"/>
    </row>
    <row r="544107" spans="8:8">
      <c r="H544107" s="12"/>
    </row>
    <row r="544108" spans="8:8">
      <c r="H544108" s="12"/>
    </row>
    <row r="544109" spans="8:8">
      <c r="H544109" s="12"/>
    </row>
    <row r="544110" spans="8:8">
      <c r="H544110" s="12"/>
    </row>
    <row r="544111" spans="8:8">
      <c r="H544111" s="12"/>
    </row>
    <row r="544112" spans="8:8">
      <c r="H544112" s="12"/>
    </row>
    <row r="544113" spans="8:8">
      <c r="H544113" s="12"/>
    </row>
    <row r="544114" spans="8:8">
      <c r="H544114" s="12"/>
    </row>
    <row r="544115" spans="8:8">
      <c r="H544115" s="12"/>
    </row>
    <row r="544116" spans="8:8">
      <c r="H544116" s="12"/>
    </row>
    <row r="544117" spans="8:8">
      <c r="H544117" s="12"/>
    </row>
    <row r="544118" spans="8:8">
      <c r="H544118" s="12"/>
    </row>
    <row r="544119" spans="8:8">
      <c r="H544119" s="12"/>
    </row>
    <row r="544120" spans="8:8">
      <c r="H544120" s="12"/>
    </row>
    <row r="544121" spans="8:8">
      <c r="H544121" s="12"/>
    </row>
    <row r="544122" spans="8:8">
      <c r="H544122" s="12"/>
    </row>
    <row r="544123" spans="8:8">
      <c r="H544123" s="12"/>
    </row>
    <row r="544124" spans="8:8">
      <c r="H544124" s="12"/>
    </row>
    <row r="544125" spans="8:8">
      <c r="H544125" s="12"/>
    </row>
    <row r="544126" spans="8:8">
      <c r="H544126" s="12"/>
    </row>
    <row r="544127" spans="8:8">
      <c r="H544127" s="12"/>
    </row>
    <row r="544128" spans="8:8">
      <c r="H544128" s="12"/>
    </row>
    <row r="544129" spans="8:8">
      <c r="H544129" s="12"/>
    </row>
    <row r="544130" spans="8:8">
      <c r="H544130" s="12"/>
    </row>
    <row r="544131" spans="8:8">
      <c r="H544131" s="12"/>
    </row>
    <row r="544132" spans="8:8">
      <c r="H544132" s="12"/>
    </row>
    <row r="544133" spans="8:8">
      <c r="H544133" s="12"/>
    </row>
    <row r="544134" spans="8:8">
      <c r="H544134" s="12"/>
    </row>
    <row r="544135" spans="8:8">
      <c r="H544135" s="12"/>
    </row>
    <row r="544136" spans="8:8">
      <c r="H544136" s="12"/>
    </row>
    <row r="544137" spans="8:8">
      <c r="H544137" s="12"/>
    </row>
    <row r="544138" spans="8:8">
      <c r="H544138" s="12"/>
    </row>
    <row r="544139" spans="8:8">
      <c r="H544139" s="12"/>
    </row>
    <row r="544140" spans="8:8">
      <c r="H544140" s="12"/>
    </row>
    <row r="544141" spans="8:8">
      <c r="H544141" s="12"/>
    </row>
    <row r="544142" spans="8:8">
      <c r="H544142" s="12"/>
    </row>
    <row r="544143" spans="8:8">
      <c r="H544143" s="12"/>
    </row>
    <row r="544144" spans="8:8">
      <c r="H544144" s="12"/>
    </row>
    <row r="544145" spans="8:8">
      <c r="H544145" s="12"/>
    </row>
    <row r="544146" spans="8:8">
      <c r="H544146" s="12"/>
    </row>
    <row r="544147" spans="8:8">
      <c r="H544147" s="12"/>
    </row>
    <row r="544148" spans="8:8">
      <c r="H544148" s="12"/>
    </row>
    <row r="544149" spans="8:8">
      <c r="H544149" s="12"/>
    </row>
    <row r="544150" spans="8:8">
      <c r="H544150" s="12"/>
    </row>
    <row r="544151" spans="8:8">
      <c r="H544151" s="12"/>
    </row>
    <row r="544152" spans="8:8">
      <c r="H544152" s="12"/>
    </row>
    <row r="544153" spans="8:8">
      <c r="H544153" s="12"/>
    </row>
    <row r="544154" spans="8:8">
      <c r="H544154" s="12"/>
    </row>
    <row r="544155" spans="8:8">
      <c r="H544155" s="12"/>
    </row>
    <row r="544156" spans="8:8">
      <c r="H544156" s="12"/>
    </row>
    <row r="544157" spans="8:8">
      <c r="H544157" s="12"/>
    </row>
    <row r="544158" spans="8:8">
      <c r="H544158" s="12"/>
    </row>
    <row r="544159" spans="8:8">
      <c r="H544159" s="12"/>
    </row>
    <row r="544160" spans="8:8">
      <c r="H544160" s="12"/>
    </row>
    <row r="544161" spans="8:8">
      <c r="H544161" s="12"/>
    </row>
    <row r="544162" spans="8:8">
      <c r="H544162" s="12"/>
    </row>
    <row r="544163" spans="8:8">
      <c r="H544163" s="12"/>
    </row>
    <row r="544164" spans="8:8">
      <c r="H544164" s="12"/>
    </row>
    <row r="544165" spans="8:8">
      <c r="H544165" s="12"/>
    </row>
    <row r="544166" spans="8:8">
      <c r="H544166" s="12"/>
    </row>
    <row r="544167" spans="8:8">
      <c r="H544167" s="12"/>
    </row>
    <row r="544168" spans="8:8">
      <c r="H544168" s="12"/>
    </row>
    <row r="544169" spans="8:8">
      <c r="H544169" s="12"/>
    </row>
    <row r="544170" spans="8:8">
      <c r="H544170" s="12"/>
    </row>
    <row r="544171" spans="8:8">
      <c r="H544171" s="12"/>
    </row>
    <row r="544172" spans="8:8">
      <c r="H544172" s="12"/>
    </row>
    <row r="544173" spans="8:8">
      <c r="H544173" s="12"/>
    </row>
    <row r="544174" spans="8:8">
      <c r="H544174" s="12"/>
    </row>
    <row r="544175" spans="8:8">
      <c r="H544175" s="12"/>
    </row>
    <row r="544176" spans="8:8">
      <c r="H544176" s="12"/>
    </row>
    <row r="544177" spans="8:8">
      <c r="H544177" s="12"/>
    </row>
    <row r="544178" spans="8:8">
      <c r="H544178" s="12"/>
    </row>
    <row r="544179" spans="8:8">
      <c r="H544179" s="12"/>
    </row>
    <row r="544180" spans="8:8">
      <c r="H544180" s="12"/>
    </row>
    <row r="544181" spans="8:8">
      <c r="H544181" s="12"/>
    </row>
    <row r="544182" spans="8:8">
      <c r="H544182" s="12"/>
    </row>
    <row r="544183" spans="8:8">
      <c r="H544183" s="12"/>
    </row>
    <row r="544184" spans="8:8">
      <c r="H544184" s="12"/>
    </row>
    <row r="544185" spans="8:8">
      <c r="H544185" s="12"/>
    </row>
    <row r="544186" spans="8:8">
      <c r="H544186" s="12"/>
    </row>
    <row r="544187" spans="8:8">
      <c r="H544187" s="12"/>
    </row>
    <row r="544188" spans="8:8">
      <c r="H544188" s="12"/>
    </row>
    <row r="544189" spans="8:8">
      <c r="H544189" s="12"/>
    </row>
    <row r="544190" spans="8:8">
      <c r="H544190" s="12"/>
    </row>
    <row r="544191" spans="8:8">
      <c r="H544191" s="12"/>
    </row>
    <row r="544192" spans="8:8">
      <c r="H544192" s="12"/>
    </row>
    <row r="544193" spans="8:8">
      <c r="H544193" s="12"/>
    </row>
    <row r="544194" spans="8:8">
      <c r="H544194" s="12"/>
    </row>
    <row r="544195" spans="8:8">
      <c r="H544195" s="12"/>
    </row>
    <row r="544196" spans="8:8">
      <c r="H544196" s="12"/>
    </row>
    <row r="544197" spans="8:8">
      <c r="H544197" s="12"/>
    </row>
    <row r="544198" spans="8:8">
      <c r="H544198" s="12"/>
    </row>
    <row r="544199" spans="8:8">
      <c r="H544199" s="12"/>
    </row>
    <row r="544200" spans="8:8">
      <c r="H544200" s="12"/>
    </row>
    <row r="544201" spans="8:8">
      <c r="H544201" s="12"/>
    </row>
    <row r="544202" spans="8:8">
      <c r="H544202" s="12"/>
    </row>
    <row r="544203" spans="8:8">
      <c r="H544203" s="12"/>
    </row>
    <row r="544204" spans="8:8">
      <c r="H544204" s="12"/>
    </row>
    <row r="544205" spans="8:8">
      <c r="H544205" s="12"/>
    </row>
    <row r="544206" spans="8:8">
      <c r="H544206" s="12"/>
    </row>
    <row r="544207" spans="8:8">
      <c r="H544207" s="12"/>
    </row>
    <row r="544208" spans="8:8">
      <c r="H544208" s="12"/>
    </row>
    <row r="544209" spans="8:8">
      <c r="H544209" s="12"/>
    </row>
    <row r="544210" spans="8:8">
      <c r="H544210" s="12"/>
    </row>
    <row r="544211" spans="8:8">
      <c r="H544211" s="12"/>
    </row>
    <row r="544212" spans="8:8">
      <c r="H544212" s="12"/>
    </row>
    <row r="544213" spans="8:8">
      <c r="H544213" s="12"/>
    </row>
    <row r="544214" spans="8:8">
      <c r="H544214" s="12"/>
    </row>
    <row r="544215" spans="8:8">
      <c r="H544215" s="12"/>
    </row>
    <row r="544216" spans="8:8">
      <c r="H544216" s="12"/>
    </row>
    <row r="544217" spans="8:8">
      <c r="H544217" s="12"/>
    </row>
    <row r="544218" spans="8:8">
      <c r="H544218" s="12"/>
    </row>
    <row r="544219" spans="8:8">
      <c r="H544219" s="12"/>
    </row>
    <row r="544220" spans="8:8">
      <c r="H544220" s="12"/>
    </row>
    <row r="544221" spans="8:8">
      <c r="H544221" s="12"/>
    </row>
    <row r="544222" spans="8:8">
      <c r="H544222" s="12"/>
    </row>
    <row r="544223" spans="8:8">
      <c r="H544223" s="12"/>
    </row>
    <row r="544224" spans="8:8">
      <c r="H544224" s="12"/>
    </row>
    <row r="544225" spans="8:8">
      <c r="H544225" s="12"/>
    </row>
    <row r="544226" spans="8:8">
      <c r="H544226" s="12"/>
    </row>
    <row r="544227" spans="8:8">
      <c r="H544227" s="12"/>
    </row>
    <row r="544228" spans="8:8">
      <c r="H544228" s="12"/>
    </row>
    <row r="544229" spans="8:8">
      <c r="H544229" s="12"/>
    </row>
    <row r="544230" spans="8:8">
      <c r="H544230" s="12"/>
    </row>
    <row r="544231" spans="8:8">
      <c r="H544231" s="12"/>
    </row>
    <row r="544232" spans="8:8">
      <c r="H544232" s="12"/>
    </row>
    <row r="544233" spans="8:8">
      <c r="H544233" s="12"/>
    </row>
    <row r="544234" spans="8:8">
      <c r="H544234" s="12"/>
    </row>
    <row r="544235" spans="8:8">
      <c r="H544235" s="12"/>
    </row>
    <row r="544236" spans="8:8">
      <c r="H544236" s="12"/>
    </row>
    <row r="544237" spans="8:8">
      <c r="H544237" s="12"/>
    </row>
    <row r="544238" spans="8:8">
      <c r="H544238" s="12"/>
    </row>
    <row r="544239" spans="8:8">
      <c r="H544239" s="12"/>
    </row>
    <row r="544240" spans="8:8">
      <c r="H544240" s="12"/>
    </row>
    <row r="544241" spans="8:8">
      <c r="H544241" s="12"/>
    </row>
    <row r="544242" spans="8:8">
      <c r="H544242" s="12"/>
    </row>
    <row r="544243" spans="8:8">
      <c r="H544243" s="12"/>
    </row>
    <row r="544244" spans="8:8">
      <c r="H544244" s="12"/>
    </row>
    <row r="544245" spans="8:8">
      <c r="H544245" s="12"/>
    </row>
    <row r="544246" spans="8:8">
      <c r="H544246" s="12"/>
    </row>
    <row r="544247" spans="8:8">
      <c r="H544247" s="12"/>
    </row>
    <row r="544248" spans="8:8">
      <c r="H544248" s="12"/>
    </row>
    <row r="544249" spans="8:8">
      <c r="H544249" s="12"/>
    </row>
    <row r="544250" spans="8:8">
      <c r="H544250" s="12"/>
    </row>
    <row r="544251" spans="8:8">
      <c r="H544251" s="12"/>
    </row>
    <row r="544252" spans="8:8">
      <c r="H544252" s="12"/>
    </row>
    <row r="544253" spans="8:8">
      <c r="H544253" s="12"/>
    </row>
    <row r="544254" spans="8:8">
      <c r="H544254" s="12"/>
    </row>
    <row r="544255" spans="8:8">
      <c r="H544255" s="12"/>
    </row>
    <row r="544256" spans="8:8">
      <c r="H544256" s="12"/>
    </row>
    <row r="544257" spans="8:8">
      <c r="H544257" s="12"/>
    </row>
    <row r="544258" spans="8:8">
      <c r="H544258" s="12"/>
    </row>
    <row r="544259" spans="8:8">
      <c r="H544259" s="12"/>
    </row>
    <row r="544260" spans="8:8">
      <c r="H544260" s="12"/>
    </row>
    <row r="544261" spans="8:8">
      <c r="H544261" s="12"/>
    </row>
    <row r="544262" spans="8:8">
      <c r="H544262" s="12"/>
    </row>
    <row r="544263" spans="8:8">
      <c r="H544263" s="12"/>
    </row>
    <row r="544264" spans="8:8">
      <c r="H544264" s="12"/>
    </row>
    <row r="544265" spans="8:8">
      <c r="H544265" s="12"/>
    </row>
    <row r="544266" spans="8:8">
      <c r="H544266" s="12"/>
    </row>
    <row r="544267" spans="8:8">
      <c r="H544267" s="12"/>
    </row>
    <row r="544268" spans="8:8">
      <c r="H544268" s="12"/>
    </row>
    <row r="544269" spans="8:8">
      <c r="H544269" s="12"/>
    </row>
    <row r="544270" spans="8:8">
      <c r="H544270" s="12"/>
    </row>
    <row r="544271" spans="8:8">
      <c r="H544271" s="12"/>
    </row>
    <row r="544272" spans="8:8">
      <c r="H544272" s="12"/>
    </row>
    <row r="544273" spans="8:8">
      <c r="H544273" s="12"/>
    </row>
    <row r="544274" spans="8:8">
      <c r="H544274" s="12"/>
    </row>
    <row r="544275" spans="8:8">
      <c r="H544275" s="12"/>
    </row>
    <row r="544276" spans="8:8">
      <c r="H544276" s="12"/>
    </row>
    <row r="544277" spans="8:8">
      <c r="H544277" s="12"/>
    </row>
    <row r="544278" spans="8:8">
      <c r="H544278" s="12"/>
    </row>
    <row r="544279" spans="8:8">
      <c r="H544279" s="12"/>
    </row>
    <row r="544280" spans="8:8">
      <c r="H544280" s="12"/>
    </row>
    <row r="544281" spans="8:8">
      <c r="H544281" s="12"/>
    </row>
    <row r="544282" spans="8:8">
      <c r="H544282" s="12"/>
    </row>
    <row r="544283" spans="8:8">
      <c r="H544283" s="12"/>
    </row>
    <row r="544284" spans="8:8">
      <c r="H544284" s="12"/>
    </row>
    <row r="544285" spans="8:8">
      <c r="H544285" s="12"/>
    </row>
    <row r="544286" spans="8:8">
      <c r="H544286" s="12"/>
    </row>
    <row r="544287" spans="8:8">
      <c r="H544287" s="12"/>
    </row>
    <row r="544288" spans="8:8">
      <c r="H544288" s="12"/>
    </row>
    <row r="544289" spans="8:8">
      <c r="H544289" s="12"/>
    </row>
    <row r="544290" spans="8:8">
      <c r="H544290" s="12"/>
    </row>
    <row r="544291" spans="8:8">
      <c r="H544291" s="12"/>
    </row>
    <row r="544292" spans="8:8">
      <c r="H544292" s="12"/>
    </row>
    <row r="544293" spans="8:8">
      <c r="H544293" s="12"/>
    </row>
    <row r="544294" spans="8:8">
      <c r="H544294" s="12"/>
    </row>
    <row r="544295" spans="8:8">
      <c r="H544295" s="12"/>
    </row>
    <row r="544296" spans="8:8">
      <c r="H544296" s="12"/>
    </row>
    <row r="544297" spans="8:8">
      <c r="H544297" s="12"/>
    </row>
    <row r="544298" spans="8:8">
      <c r="H544298" s="12"/>
    </row>
    <row r="544299" spans="8:8">
      <c r="H544299" s="12"/>
    </row>
    <row r="544300" spans="8:8">
      <c r="H544300" s="12"/>
    </row>
    <row r="544301" spans="8:8">
      <c r="H544301" s="12"/>
    </row>
    <row r="544302" spans="8:8">
      <c r="H544302" s="12"/>
    </row>
    <row r="544303" spans="8:8">
      <c r="H544303" s="12"/>
    </row>
    <row r="544304" spans="8:8">
      <c r="H544304" s="12"/>
    </row>
    <row r="544305" spans="8:8">
      <c r="H544305" s="12"/>
    </row>
    <row r="544306" spans="8:8">
      <c r="H544306" s="12"/>
    </row>
    <row r="544307" spans="8:8">
      <c r="H544307" s="12"/>
    </row>
    <row r="544308" spans="8:8">
      <c r="H544308" s="12"/>
    </row>
    <row r="544309" spans="8:8">
      <c r="H544309" s="12"/>
    </row>
    <row r="544310" spans="8:8">
      <c r="H544310" s="12"/>
    </row>
    <row r="544311" spans="8:8">
      <c r="H544311" s="12"/>
    </row>
    <row r="544312" spans="8:8">
      <c r="H544312" s="12"/>
    </row>
    <row r="544313" spans="8:8">
      <c r="H544313" s="12"/>
    </row>
    <row r="544314" spans="8:8">
      <c r="H544314" s="12"/>
    </row>
    <row r="544315" spans="8:8">
      <c r="H544315" s="12"/>
    </row>
    <row r="544316" spans="8:8">
      <c r="H544316" s="12"/>
    </row>
    <row r="544317" spans="8:8">
      <c r="H544317" s="12"/>
    </row>
    <row r="544318" spans="8:8">
      <c r="H544318" s="12"/>
    </row>
    <row r="544319" spans="8:8">
      <c r="H544319" s="12"/>
    </row>
    <row r="544320" spans="8:8">
      <c r="H544320" s="12"/>
    </row>
    <row r="544321" spans="8:8">
      <c r="H544321" s="12"/>
    </row>
    <row r="544322" spans="8:8">
      <c r="H544322" s="12"/>
    </row>
    <row r="544323" spans="8:8">
      <c r="H544323" s="12"/>
    </row>
    <row r="544324" spans="8:8">
      <c r="H544324" s="12"/>
    </row>
    <row r="544325" spans="8:8">
      <c r="H544325" s="12"/>
    </row>
    <row r="544326" spans="8:8">
      <c r="H544326" s="12"/>
    </row>
    <row r="544327" spans="8:8">
      <c r="H544327" s="12"/>
    </row>
    <row r="544328" spans="8:8">
      <c r="H544328" s="12"/>
    </row>
    <row r="544329" spans="8:8">
      <c r="H544329" s="12"/>
    </row>
    <row r="544330" spans="8:8">
      <c r="H544330" s="12"/>
    </row>
    <row r="544331" spans="8:8">
      <c r="H544331" s="12"/>
    </row>
    <row r="544332" spans="8:8">
      <c r="H544332" s="12"/>
    </row>
    <row r="544333" spans="8:8">
      <c r="H544333" s="12"/>
    </row>
    <row r="544334" spans="8:8">
      <c r="H544334" s="12"/>
    </row>
    <row r="544335" spans="8:8">
      <c r="H544335" s="12"/>
    </row>
    <row r="544336" spans="8:8">
      <c r="H544336" s="12"/>
    </row>
    <row r="544337" spans="8:8">
      <c r="H544337" s="12"/>
    </row>
    <row r="544338" spans="8:8">
      <c r="H544338" s="12"/>
    </row>
    <row r="544339" spans="8:8">
      <c r="H544339" s="12"/>
    </row>
    <row r="544340" spans="8:8">
      <c r="H544340" s="12"/>
    </row>
    <row r="544341" spans="8:8">
      <c r="H544341" s="12"/>
    </row>
    <row r="544342" spans="8:8">
      <c r="H544342" s="12"/>
    </row>
    <row r="544343" spans="8:8">
      <c r="H544343" s="12"/>
    </row>
    <row r="544344" spans="8:8">
      <c r="H544344" s="12"/>
    </row>
    <row r="544345" spans="8:8">
      <c r="H544345" s="12"/>
    </row>
    <row r="544346" spans="8:8">
      <c r="H544346" s="12"/>
    </row>
    <row r="544347" spans="8:8">
      <c r="H544347" s="12"/>
    </row>
    <row r="544348" spans="8:8">
      <c r="H544348" s="12"/>
    </row>
    <row r="544349" spans="8:8">
      <c r="H544349" s="12"/>
    </row>
    <row r="544350" spans="8:8">
      <c r="H544350" s="12"/>
    </row>
    <row r="544351" spans="8:8">
      <c r="H544351" s="12"/>
    </row>
    <row r="544352" spans="8:8">
      <c r="H544352" s="12"/>
    </row>
    <row r="544353" spans="8:8">
      <c r="H544353" s="12"/>
    </row>
    <row r="544354" spans="8:8">
      <c r="H544354" s="12"/>
    </row>
    <row r="544355" spans="8:8">
      <c r="H544355" s="12"/>
    </row>
    <row r="544356" spans="8:8">
      <c r="H544356" s="12"/>
    </row>
    <row r="544357" spans="8:8">
      <c r="H544357" s="12"/>
    </row>
    <row r="544358" spans="8:8">
      <c r="H544358" s="12"/>
    </row>
    <row r="544359" spans="8:8">
      <c r="H544359" s="12"/>
    </row>
    <row r="544360" spans="8:8">
      <c r="H544360" s="12"/>
    </row>
    <row r="544361" spans="8:8">
      <c r="H544361" s="12"/>
    </row>
    <row r="544362" spans="8:8">
      <c r="H544362" s="12"/>
    </row>
    <row r="544363" spans="8:8">
      <c r="H544363" s="12"/>
    </row>
    <row r="544364" spans="8:8">
      <c r="H544364" s="12"/>
    </row>
    <row r="544365" spans="8:8">
      <c r="H544365" s="12"/>
    </row>
    <row r="544366" spans="8:8">
      <c r="H544366" s="12"/>
    </row>
    <row r="544367" spans="8:8">
      <c r="H544367" s="12"/>
    </row>
    <row r="544368" spans="8:8">
      <c r="H544368" s="12"/>
    </row>
    <row r="544369" spans="8:8">
      <c r="H544369" s="12"/>
    </row>
    <row r="544370" spans="8:8">
      <c r="H544370" s="12"/>
    </row>
    <row r="544371" spans="8:8">
      <c r="H544371" s="12"/>
    </row>
    <row r="544372" spans="8:8">
      <c r="H544372" s="12"/>
    </row>
    <row r="544373" spans="8:8">
      <c r="H544373" s="12"/>
    </row>
    <row r="544374" spans="8:8">
      <c r="H544374" s="12"/>
    </row>
    <row r="544375" spans="8:8">
      <c r="H544375" s="12"/>
    </row>
    <row r="544376" spans="8:8">
      <c r="H544376" s="12"/>
    </row>
    <row r="544377" spans="8:8">
      <c r="H544377" s="12"/>
    </row>
    <row r="544378" spans="8:8">
      <c r="H544378" s="12"/>
    </row>
    <row r="544379" spans="8:8">
      <c r="H544379" s="12"/>
    </row>
    <row r="544380" spans="8:8">
      <c r="H544380" s="12"/>
    </row>
    <row r="544381" spans="8:8">
      <c r="H544381" s="12"/>
    </row>
    <row r="544382" spans="8:8">
      <c r="H544382" s="12"/>
    </row>
    <row r="544383" spans="8:8">
      <c r="H544383" s="12"/>
    </row>
    <row r="544384" spans="8:8">
      <c r="H544384" s="12"/>
    </row>
    <row r="544385" spans="8:8">
      <c r="H544385" s="12"/>
    </row>
    <row r="544386" spans="8:8">
      <c r="H544386" s="12"/>
    </row>
    <row r="544387" spans="8:8">
      <c r="H544387" s="12"/>
    </row>
    <row r="544388" spans="8:8">
      <c r="H544388" s="12"/>
    </row>
    <row r="544389" spans="8:8">
      <c r="H544389" s="12"/>
    </row>
    <row r="544390" spans="8:8">
      <c r="H544390" s="12"/>
    </row>
    <row r="544391" spans="8:8">
      <c r="H544391" s="12"/>
    </row>
    <row r="544392" spans="8:8">
      <c r="H544392" s="12"/>
    </row>
    <row r="544393" spans="8:8">
      <c r="H544393" s="12"/>
    </row>
    <row r="544394" spans="8:8">
      <c r="H544394" s="12"/>
    </row>
    <row r="544395" spans="8:8">
      <c r="H544395" s="12"/>
    </row>
    <row r="544396" spans="8:8">
      <c r="H544396" s="12"/>
    </row>
    <row r="544397" spans="8:8">
      <c r="H544397" s="12"/>
    </row>
    <row r="544398" spans="8:8">
      <c r="H544398" s="12"/>
    </row>
    <row r="544399" spans="8:8">
      <c r="H544399" s="12"/>
    </row>
    <row r="544400" spans="8:8">
      <c r="H544400" s="12"/>
    </row>
    <row r="544401" spans="8:8">
      <c r="H544401" s="12"/>
    </row>
    <row r="544402" spans="8:8">
      <c r="H544402" s="12"/>
    </row>
    <row r="544403" spans="8:8">
      <c r="H544403" s="12"/>
    </row>
    <row r="544404" spans="8:8">
      <c r="H544404" s="12"/>
    </row>
    <row r="544405" spans="8:8">
      <c r="H544405" s="12"/>
    </row>
    <row r="544406" spans="8:8">
      <c r="H544406" s="12"/>
    </row>
    <row r="544407" spans="8:8">
      <c r="H544407" s="12"/>
    </row>
    <row r="544408" spans="8:8">
      <c r="H544408" s="12"/>
    </row>
    <row r="544409" spans="8:8">
      <c r="H544409" s="12"/>
    </row>
    <row r="544410" spans="8:8">
      <c r="H544410" s="12"/>
    </row>
    <row r="544411" spans="8:8">
      <c r="H544411" s="12"/>
    </row>
    <row r="544412" spans="8:8">
      <c r="H544412" s="12"/>
    </row>
    <row r="544413" spans="8:8">
      <c r="H544413" s="12"/>
    </row>
    <row r="544414" spans="8:8">
      <c r="H544414" s="12"/>
    </row>
    <row r="544415" spans="8:8">
      <c r="H544415" s="12"/>
    </row>
    <row r="544416" spans="8:8">
      <c r="H544416" s="12"/>
    </row>
    <row r="544417" spans="8:8">
      <c r="H544417" s="12"/>
    </row>
    <row r="544418" spans="8:8">
      <c r="H544418" s="12"/>
    </row>
    <row r="544419" spans="8:8">
      <c r="H544419" s="12"/>
    </row>
    <row r="544420" spans="8:8">
      <c r="H544420" s="12"/>
    </row>
    <row r="544421" spans="8:8">
      <c r="H544421" s="12"/>
    </row>
    <row r="544422" spans="8:8">
      <c r="H544422" s="12"/>
    </row>
    <row r="544423" spans="8:8">
      <c r="H544423" s="12"/>
    </row>
    <row r="544424" spans="8:8">
      <c r="H544424" s="12"/>
    </row>
    <row r="544425" spans="8:8">
      <c r="H544425" s="12"/>
    </row>
    <row r="544426" spans="8:8">
      <c r="H544426" s="12"/>
    </row>
    <row r="544427" spans="8:8">
      <c r="H544427" s="12"/>
    </row>
    <row r="544428" spans="8:8">
      <c r="H544428" s="12"/>
    </row>
    <row r="544429" spans="8:8">
      <c r="H544429" s="12"/>
    </row>
    <row r="544430" spans="8:8">
      <c r="H544430" s="12"/>
    </row>
    <row r="544431" spans="8:8">
      <c r="H544431" s="12"/>
    </row>
    <row r="544432" spans="8:8">
      <c r="H544432" s="12"/>
    </row>
    <row r="544433" spans="8:8">
      <c r="H544433" s="12"/>
    </row>
    <row r="544434" spans="8:8">
      <c r="H544434" s="12"/>
    </row>
    <row r="544435" spans="8:8">
      <c r="H544435" s="12"/>
    </row>
    <row r="544436" spans="8:8">
      <c r="H544436" s="12"/>
    </row>
    <row r="544437" spans="8:8">
      <c r="H544437" s="12"/>
    </row>
    <row r="544438" spans="8:8">
      <c r="H544438" s="12"/>
    </row>
    <row r="544439" spans="8:8">
      <c r="H544439" s="12"/>
    </row>
    <row r="544440" spans="8:8">
      <c r="H544440" s="12"/>
    </row>
    <row r="544441" spans="8:8">
      <c r="H544441" s="12"/>
    </row>
    <row r="544442" spans="8:8">
      <c r="H544442" s="12"/>
    </row>
    <row r="544443" spans="8:8">
      <c r="H544443" s="12"/>
    </row>
    <row r="544444" spans="8:8">
      <c r="H544444" s="12"/>
    </row>
    <row r="544445" spans="8:8">
      <c r="H544445" s="12"/>
    </row>
    <row r="544446" spans="8:8">
      <c r="H544446" s="12"/>
    </row>
    <row r="544447" spans="8:8">
      <c r="H544447" s="12"/>
    </row>
    <row r="544448" spans="8:8">
      <c r="H544448" s="12"/>
    </row>
    <row r="544449" spans="8:8">
      <c r="H544449" s="12"/>
    </row>
    <row r="544450" spans="8:8">
      <c r="H544450" s="12"/>
    </row>
    <row r="544451" spans="8:8">
      <c r="H544451" s="12"/>
    </row>
    <row r="544452" spans="8:8">
      <c r="H544452" s="12"/>
    </row>
    <row r="544453" spans="8:8">
      <c r="H544453" s="12"/>
    </row>
    <row r="544454" spans="8:8">
      <c r="H544454" s="12"/>
    </row>
    <row r="544455" spans="8:8">
      <c r="H544455" s="12"/>
    </row>
    <row r="544456" spans="8:8">
      <c r="H544456" s="12"/>
    </row>
    <row r="544457" spans="8:8">
      <c r="H544457" s="12"/>
    </row>
    <row r="544458" spans="8:8">
      <c r="H544458" s="12"/>
    </row>
    <row r="544459" spans="8:8">
      <c r="H544459" s="12"/>
    </row>
    <row r="544460" spans="8:8">
      <c r="H544460" s="12"/>
    </row>
    <row r="544461" spans="8:8">
      <c r="H544461" s="12"/>
    </row>
    <row r="544462" spans="8:8">
      <c r="H544462" s="12"/>
    </row>
    <row r="544463" spans="8:8">
      <c r="H544463" s="12"/>
    </row>
    <row r="544464" spans="8:8">
      <c r="H544464" s="12"/>
    </row>
    <row r="544465" spans="8:8">
      <c r="H544465" s="12"/>
    </row>
    <row r="544466" spans="8:8">
      <c r="H544466" s="12"/>
    </row>
    <row r="544467" spans="8:8">
      <c r="H544467" s="12"/>
    </row>
    <row r="544468" spans="8:8">
      <c r="H544468" s="12"/>
    </row>
    <row r="544469" spans="8:8">
      <c r="H544469" s="12"/>
    </row>
    <row r="544470" spans="8:8">
      <c r="H544470" s="12"/>
    </row>
    <row r="544471" spans="8:8">
      <c r="H544471" s="12"/>
    </row>
    <row r="544472" spans="8:8">
      <c r="H544472" s="12"/>
    </row>
    <row r="544473" spans="8:8">
      <c r="H544473" s="12"/>
    </row>
    <row r="544474" spans="8:8">
      <c r="H544474" s="12"/>
    </row>
    <row r="544475" spans="8:8">
      <c r="H544475" s="12"/>
    </row>
    <row r="544476" spans="8:8">
      <c r="H544476" s="12"/>
    </row>
    <row r="544477" spans="8:8">
      <c r="H544477" s="12"/>
    </row>
    <row r="544478" spans="8:8">
      <c r="H544478" s="12"/>
    </row>
    <row r="544479" spans="8:8">
      <c r="H544479" s="12"/>
    </row>
    <row r="544480" spans="8:8">
      <c r="H544480" s="12"/>
    </row>
    <row r="544481" spans="8:8">
      <c r="H544481" s="12"/>
    </row>
    <row r="544482" spans="8:8">
      <c r="H544482" s="12"/>
    </row>
    <row r="544483" spans="8:8">
      <c r="H544483" s="12"/>
    </row>
    <row r="544484" spans="8:8">
      <c r="H544484" s="12"/>
    </row>
    <row r="544485" spans="8:8">
      <c r="H544485" s="12"/>
    </row>
    <row r="544486" spans="8:8">
      <c r="H544486" s="12"/>
    </row>
    <row r="544487" spans="8:8">
      <c r="H544487" s="12"/>
    </row>
    <row r="544488" spans="8:8">
      <c r="H544488" s="12"/>
    </row>
    <row r="544489" spans="8:8">
      <c r="H544489" s="12"/>
    </row>
    <row r="544490" spans="8:8">
      <c r="H544490" s="12"/>
    </row>
    <row r="544491" spans="8:8">
      <c r="H544491" s="12"/>
    </row>
    <row r="544492" spans="8:8">
      <c r="H544492" s="12"/>
    </row>
    <row r="544493" spans="8:8">
      <c r="H544493" s="12"/>
    </row>
    <row r="544494" spans="8:8">
      <c r="H544494" s="12"/>
    </row>
    <row r="544495" spans="8:8">
      <c r="H544495" s="12"/>
    </row>
    <row r="544496" spans="8:8">
      <c r="H544496" s="12"/>
    </row>
    <row r="544497" spans="8:8">
      <c r="H544497" s="12"/>
    </row>
    <row r="544498" spans="8:8">
      <c r="H544498" s="12"/>
    </row>
    <row r="544499" spans="8:8">
      <c r="H544499" s="12"/>
    </row>
    <row r="544500" spans="8:8">
      <c r="H544500" s="12"/>
    </row>
    <row r="544501" spans="8:8">
      <c r="H544501" s="12"/>
    </row>
    <row r="544502" spans="8:8">
      <c r="H544502" s="12"/>
    </row>
    <row r="544503" spans="8:8">
      <c r="H544503" s="12"/>
    </row>
    <row r="544504" spans="8:8">
      <c r="H544504" s="12"/>
    </row>
    <row r="544505" spans="8:8">
      <c r="H544505" s="12"/>
    </row>
    <row r="544506" spans="8:8">
      <c r="H544506" s="12"/>
    </row>
    <row r="544507" spans="8:8">
      <c r="H544507" s="12"/>
    </row>
    <row r="544508" spans="8:8">
      <c r="H544508" s="12"/>
    </row>
    <row r="544509" spans="8:8">
      <c r="H544509" s="12"/>
    </row>
    <row r="544510" spans="8:8">
      <c r="H544510" s="12"/>
    </row>
    <row r="544511" spans="8:8">
      <c r="H544511" s="12"/>
    </row>
    <row r="544512" spans="8:8">
      <c r="H544512" s="12"/>
    </row>
    <row r="544513" spans="8:8">
      <c r="H544513" s="12"/>
    </row>
    <row r="544514" spans="8:8">
      <c r="H544514" s="12"/>
    </row>
    <row r="544515" spans="8:8">
      <c r="H544515" s="12"/>
    </row>
    <row r="544516" spans="8:8">
      <c r="H544516" s="12"/>
    </row>
    <row r="544517" spans="8:8">
      <c r="H544517" s="12"/>
    </row>
    <row r="544518" spans="8:8">
      <c r="H544518" s="12"/>
    </row>
    <row r="544519" spans="8:8">
      <c r="H544519" s="12"/>
    </row>
    <row r="544520" spans="8:8">
      <c r="H544520" s="12"/>
    </row>
    <row r="544521" spans="8:8">
      <c r="H544521" s="12"/>
    </row>
    <row r="544522" spans="8:8">
      <c r="H544522" s="12"/>
    </row>
    <row r="544523" spans="8:8">
      <c r="H544523" s="12"/>
    </row>
    <row r="544524" spans="8:8">
      <c r="H544524" s="12"/>
    </row>
    <row r="544525" spans="8:8">
      <c r="H544525" s="12"/>
    </row>
    <row r="544526" spans="8:8">
      <c r="H544526" s="12"/>
    </row>
    <row r="544527" spans="8:8">
      <c r="H544527" s="12"/>
    </row>
    <row r="544528" spans="8:8">
      <c r="H544528" s="12"/>
    </row>
    <row r="544529" spans="8:8">
      <c r="H544529" s="12"/>
    </row>
    <row r="544530" spans="8:8">
      <c r="H544530" s="12"/>
    </row>
    <row r="544531" spans="8:8">
      <c r="H544531" s="12"/>
    </row>
    <row r="544532" spans="8:8">
      <c r="H544532" s="12"/>
    </row>
    <row r="544533" spans="8:8">
      <c r="H544533" s="12"/>
    </row>
    <row r="544534" spans="8:8">
      <c r="H544534" s="12"/>
    </row>
    <row r="544535" spans="8:8">
      <c r="H544535" s="12"/>
    </row>
    <row r="544536" spans="8:8">
      <c r="H544536" s="12"/>
    </row>
    <row r="544537" spans="8:8">
      <c r="H544537" s="12"/>
    </row>
    <row r="544538" spans="8:8">
      <c r="H544538" s="12"/>
    </row>
    <row r="544539" spans="8:8">
      <c r="H544539" s="12"/>
    </row>
    <row r="544540" spans="8:8">
      <c r="H544540" s="12"/>
    </row>
    <row r="544541" spans="8:8">
      <c r="H544541" s="12"/>
    </row>
    <row r="544542" spans="8:8">
      <c r="H544542" s="12"/>
    </row>
    <row r="544543" spans="8:8">
      <c r="H544543" s="12"/>
    </row>
    <row r="544544" spans="8:8">
      <c r="H544544" s="12"/>
    </row>
    <row r="544545" spans="8:8">
      <c r="H544545" s="12"/>
    </row>
    <row r="544546" spans="8:8">
      <c r="H544546" s="12"/>
    </row>
    <row r="544547" spans="8:8">
      <c r="H544547" s="12"/>
    </row>
    <row r="544548" spans="8:8">
      <c r="H544548" s="12"/>
    </row>
    <row r="544549" spans="8:8">
      <c r="H544549" s="12"/>
    </row>
    <row r="544550" spans="8:8">
      <c r="H544550" s="12"/>
    </row>
    <row r="544551" spans="8:8">
      <c r="H544551" s="12"/>
    </row>
    <row r="544552" spans="8:8">
      <c r="H544552" s="12"/>
    </row>
    <row r="544553" spans="8:8">
      <c r="H544553" s="12"/>
    </row>
    <row r="544554" spans="8:8">
      <c r="H544554" s="12"/>
    </row>
    <row r="544555" spans="8:8">
      <c r="H544555" s="12"/>
    </row>
    <row r="544556" spans="8:8">
      <c r="H544556" s="12"/>
    </row>
    <row r="544557" spans="8:8">
      <c r="H544557" s="12"/>
    </row>
    <row r="544558" spans="8:8">
      <c r="H544558" s="12"/>
    </row>
    <row r="544559" spans="8:8">
      <c r="H544559" s="12"/>
    </row>
    <row r="544560" spans="8:8">
      <c r="H544560" s="12"/>
    </row>
    <row r="544561" spans="8:8">
      <c r="H544561" s="12"/>
    </row>
    <row r="544562" spans="8:8">
      <c r="H544562" s="12"/>
    </row>
    <row r="544563" spans="8:8">
      <c r="H544563" s="12"/>
    </row>
    <row r="544564" spans="8:8">
      <c r="H544564" s="12"/>
    </row>
    <row r="544565" spans="8:8">
      <c r="H544565" s="12"/>
    </row>
    <row r="544566" spans="8:8">
      <c r="H544566" s="12"/>
    </row>
    <row r="544567" spans="8:8">
      <c r="H544567" s="12"/>
    </row>
    <row r="544568" spans="8:8">
      <c r="H544568" s="12"/>
    </row>
    <row r="544569" spans="8:8">
      <c r="H544569" s="12"/>
    </row>
    <row r="544570" spans="8:8">
      <c r="H544570" s="12"/>
    </row>
    <row r="544571" spans="8:8">
      <c r="H544571" s="12"/>
    </row>
    <row r="544572" spans="8:8">
      <c r="H544572" s="12"/>
    </row>
    <row r="544573" spans="8:8">
      <c r="H544573" s="12"/>
    </row>
    <row r="544574" spans="8:8">
      <c r="H544574" s="12"/>
    </row>
    <row r="544575" spans="8:8">
      <c r="H544575" s="12"/>
    </row>
    <row r="544576" spans="8:8">
      <c r="H544576" s="12"/>
    </row>
    <row r="544577" spans="8:8">
      <c r="H544577" s="12"/>
    </row>
    <row r="544578" spans="8:8">
      <c r="H544578" s="12"/>
    </row>
    <row r="544579" spans="8:8">
      <c r="H544579" s="12"/>
    </row>
    <row r="544580" spans="8:8">
      <c r="H544580" s="12"/>
    </row>
    <row r="544581" spans="8:8">
      <c r="H544581" s="12"/>
    </row>
    <row r="544582" spans="8:8">
      <c r="H544582" s="12"/>
    </row>
    <row r="544583" spans="8:8">
      <c r="H544583" s="12"/>
    </row>
    <row r="544584" spans="8:8">
      <c r="H544584" s="12"/>
    </row>
    <row r="544585" spans="8:8">
      <c r="H544585" s="12"/>
    </row>
    <row r="544586" spans="8:8">
      <c r="H544586" s="12"/>
    </row>
    <row r="544587" spans="8:8">
      <c r="H544587" s="12"/>
    </row>
    <row r="544588" spans="8:8">
      <c r="H544588" s="12"/>
    </row>
    <row r="544589" spans="8:8">
      <c r="H544589" s="12"/>
    </row>
    <row r="544590" spans="8:8">
      <c r="H544590" s="12"/>
    </row>
    <row r="544591" spans="8:8">
      <c r="H544591" s="12"/>
    </row>
    <row r="544592" spans="8:8">
      <c r="H544592" s="12"/>
    </row>
    <row r="544593" spans="8:8">
      <c r="H544593" s="12"/>
    </row>
    <row r="544594" spans="8:8">
      <c r="H544594" s="12"/>
    </row>
    <row r="544595" spans="8:8">
      <c r="H544595" s="12"/>
    </row>
    <row r="544596" spans="8:8">
      <c r="H544596" s="12"/>
    </row>
    <row r="544597" spans="8:8">
      <c r="H544597" s="12"/>
    </row>
    <row r="544598" spans="8:8">
      <c r="H544598" s="12"/>
    </row>
    <row r="544599" spans="8:8">
      <c r="H544599" s="12"/>
    </row>
    <row r="544600" spans="8:8">
      <c r="H544600" s="12"/>
    </row>
    <row r="544601" spans="8:8">
      <c r="H544601" s="12"/>
    </row>
    <row r="544602" spans="8:8">
      <c r="H544602" s="12"/>
    </row>
    <row r="544603" spans="8:8">
      <c r="H544603" s="12"/>
    </row>
    <row r="544604" spans="8:8">
      <c r="H544604" s="12"/>
    </row>
    <row r="544605" spans="8:8">
      <c r="H544605" s="12"/>
    </row>
    <row r="544606" spans="8:8">
      <c r="H544606" s="12"/>
    </row>
    <row r="544607" spans="8:8">
      <c r="H544607" s="12"/>
    </row>
    <row r="544608" spans="8:8">
      <c r="H544608" s="12"/>
    </row>
    <row r="544609" spans="8:8">
      <c r="H544609" s="12"/>
    </row>
    <row r="544610" spans="8:8">
      <c r="H544610" s="12"/>
    </row>
    <row r="544611" spans="8:8">
      <c r="H544611" s="12"/>
    </row>
    <row r="544612" spans="8:8">
      <c r="H544612" s="12"/>
    </row>
    <row r="544613" spans="8:8">
      <c r="H544613" s="12"/>
    </row>
    <row r="544614" spans="8:8">
      <c r="H544614" s="12"/>
    </row>
    <row r="544615" spans="8:8">
      <c r="H544615" s="12"/>
    </row>
    <row r="544616" spans="8:8">
      <c r="H544616" s="12"/>
    </row>
    <row r="544617" spans="8:8">
      <c r="H544617" s="12"/>
    </row>
    <row r="544618" spans="8:8">
      <c r="H544618" s="12"/>
    </row>
    <row r="544619" spans="8:8">
      <c r="H544619" s="12"/>
    </row>
    <row r="544620" spans="8:8">
      <c r="H544620" s="12"/>
    </row>
    <row r="544621" spans="8:8">
      <c r="H544621" s="12"/>
    </row>
    <row r="544622" spans="8:8">
      <c r="H544622" s="12"/>
    </row>
    <row r="544623" spans="8:8">
      <c r="H544623" s="12"/>
    </row>
    <row r="544624" spans="8:8">
      <c r="H544624" s="12"/>
    </row>
    <row r="544625" spans="8:8">
      <c r="H544625" s="12"/>
    </row>
    <row r="544626" spans="8:8">
      <c r="H544626" s="12"/>
    </row>
    <row r="544627" spans="8:8">
      <c r="H544627" s="12"/>
    </row>
    <row r="544628" spans="8:8">
      <c r="H544628" s="12"/>
    </row>
    <row r="544629" spans="8:8">
      <c r="H544629" s="12"/>
    </row>
    <row r="544630" spans="8:8">
      <c r="H544630" s="12"/>
    </row>
    <row r="544631" spans="8:8">
      <c r="H544631" s="12"/>
    </row>
    <row r="544632" spans="8:8">
      <c r="H544632" s="12"/>
    </row>
    <row r="544633" spans="8:8">
      <c r="H544633" s="12"/>
    </row>
    <row r="544634" spans="8:8">
      <c r="H544634" s="12"/>
    </row>
    <row r="544635" spans="8:8">
      <c r="H544635" s="12"/>
    </row>
    <row r="544636" spans="8:8">
      <c r="H544636" s="12"/>
    </row>
    <row r="544637" spans="8:8">
      <c r="H544637" s="12"/>
    </row>
    <row r="544638" spans="8:8">
      <c r="H544638" s="12"/>
    </row>
    <row r="544639" spans="8:8">
      <c r="H544639" s="12"/>
    </row>
    <row r="544640" spans="8:8">
      <c r="H544640" s="12"/>
    </row>
    <row r="544641" spans="8:8">
      <c r="H544641" s="12"/>
    </row>
    <row r="544642" spans="8:8">
      <c r="H544642" s="12"/>
    </row>
    <row r="544643" spans="8:8">
      <c r="H544643" s="12"/>
    </row>
    <row r="544644" spans="8:8">
      <c r="H544644" s="12"/>
    </row>
    <row r="544645" spans="8:8">
      <c r="H544645" s="12"/>
    </row>
    <row r="544646" spans="8:8">
      <c r="H544646" s="12"/>
    </row>
    <row r="544647" spans="8:8">
      <c r="H544647" s="12"/>
    </row>
    <row r="544648" spans="8:8">
      <c r="H544648" s="12"/>
    </row>
    <row r="544649" spans="8:8">
      <c r="H544649" s="12"/>
    </row>
    <row r="544650" spans="8:8">
      <c r="H544650" s="12"/>
    </row>
    <row r="544651" spans="8:8">
      <c r="H544651" s="12"/>
    </row>
    <row r="544652" spans="8:8">
      <c r="H544652" s="12"/>
    </row>
    <row r="544653" spans="8:8">
      <c r="H544653" s="12"/>
    </row>
    <row r="544654" spans="8:8">
      <c r="H544654" s="12"/>
    </row>
    <row r="544655" spans="8:8">
      <c r="H544655" s="12"/>
    </row>
    <row r="544656" spans="8:8">
      <c r="H544656" s="12"/>
    </row>
    <row r="544657" spans="8:8">
      <c r="H544657" s="12"/>
    </row>
    <row r="544658" spans="8:8">
      <c r="H544658" s="12"/>
    </row>
    <row r="544659" spans="8:8">
      <c r="H544659" s="12"/>
    </row>
    <row r="544660" spans="8:8">
      <c r="H544660" s="12"/>
    </row>
    <row r="544661" spans="8:8">
      <c r="H544661" s="12"/>
    </row>
    <row r="544662" spans="8:8">
      <c r="H544662" s="12"/>
    </row>
    <row r="544663" spans="8:8">
      <c r="H544663" s="12"/>
    </row>
    <row r="544664" spans="8:8">
      <c r="H544664" s="12"/>
    </row>
    <row r="544665" spans="8:8">
      <c r="H544665" s="12"/>
    </row>
    <row r="544666" spans="8:8">
      <c r="H544666" s="12"/>
    </row>
    <row r="544667" spans="8:8">
      <c r="H544667" s="12"/>
    </row>
    <row r="544668" spans="8:8">
      <c r="H544668" s="12"/>
    </row>
    <row r="544669" spans="8:8">
      <c r="H544669" s="12"/>
    </row>
    <row r="544670" spans="8:8">
      <c r="H544670" s="12"/>
    </row>
    <row r="544671" spans="8:8">
      <c r="H544671" s="12"/>
    </row>
    <row r="544672" spans="8:8">
      <c r="H544672" s="12"/>
    </row>
    <row r="544673" spans="8:8">
      <c r="H544673" s="12"/>
    </row>
    <row r="544674" spans="8:8">
      <c r="H544674" s="12"/>
    </row>
    <row r="544675" spans="8:8">
      <c r="H544675" s="12"/>
    </row>
    <row r="544676" spans="8:8">
      <c r="H544676" s="12"/>
    </row>
    <row r="544677" spans="8:8">
      <c r="H544677" s="12"/>
    </row>
    <row r="544678" spans="8:8">
      <c r="H544678" s="12"/>
    </row>
    <row r="544679" spans="8:8">
      <c r="H544679" s="12"/>
    </row>
    <row r="544680" spans="8:8">
      <c r="H544680" s="12"/>
    </row>
    <row r="544681" spans="8:8">
      <c r="H544681" s="12"/>
    </row>
    <row r="544682" spans="8:8">
      <c r="H544682" s="12"/>
    </row>
    <row r="544683" spans="8:8">
      <c r="H544683" s="12"/>
    </row>
    <row r="544684" spans="8:8">
      <c r="H544684" s="12"/>
    </row>
    <row r="544685" spans="8:8">
      <c r="H544685" s="12"/>
    </row>
    <row r="544686" spans="8:8">
      <c r="H544686" s="12"/>
    </row>
    <row r="544687" spans="8:8">
      <c r="H544687" s="12"/>
    </row>
    <row r="544688" spans="8:8">
      <c r="H544688" s="12"/>
    </row>
    <row r="544689" spans="8:8">
      <c r="H544689" s="12"/>
    </row>
    <row r="544690" spans="8:8">
      <c r="H544690" s="12"/>
    </row>
    <row r="544691" spans="8:8">
      <c r="H544691" s="12"/>
    </row>
    <row r="544692" spans="8:8">
      <c r="H544692" s="12"/>
    </row>
    <row r="544693" spans="8:8">
      <c r="H544693" s="12"/>
    </row>
    <row r="544694" spans="8:8">
      <c r="H544694" s="12"/>
    </row>
    <row r="544695" spans="8:8">
      <c r="H544695" s="12"/>
    </row>
    <row r="544696" spans="8:8">
      <c r="H544696" s="12"/>
    </row>
    <row r="544697" spans="8:8">
      <c r="H544697" s="12"/>
    </row>
    <row r="544698" spans="8:8">
      <c r="H544698" s="12"/>
    </row>
    <row r="544699" spans="8:8">
      <c r="H544699" s="12"/>
    </row>
    <row r="544700" spans="8:8">
      <c r="H544700" s="12"/>
    </row>
    <row r="544701" spans="8:8">
      <c r="H544701" s="12"/>
    </row>
    <row r="544702" spans="8:8">
      <c r="H544702" s="12"/>
    </row>
    <row r="544703" spans="8:8">
      <c r="H544703" s="12"/>
    </row>
    <row r="544704" spans="8:8">
      <c r="H544704" s="12"/>
    </row>
    <row r="544705" spans="8:8">
      <c r="H544705" s="12"/>
    </row>
    <row r="544706" spans="8:8">
      <c r="H544706" s="12"/>
    </row>
    <row r="544707" spans="8:8">
      <c r="H544707" s="12"/>
    </row>
    <row r="544708" spans="8:8">
      <c r="H544708" s="12"/>
    </row>
    <row r="544709" spans="8:8">
      <c r="H544709" s="12"/>
    </row>
    <row r="544710" spans="8:8">
      <c r="H544710" s="12"/>
    </row>
    <row r="544711" spans="8:8">
      <c r="H544711" s="12"/>
    </row>
    <row r="544712" spans="8:8">
      <c r="H544712" s="12"/>
    </row>
    <row r="544713" spans="8:8">
      <c r="H544713" s="12"/>
    </row>
    <row r="544714" spans="8:8">
      <c r="H544714" s="12"/>
    </row>
    <row r="544715" spans="8:8">
      <c r="H544715" s="12"/>
    </row>
    <row r="544716" spans="8:8">
      <c r="H544716" s="12"/>
    </row>
    <row r="544717" spans="8:8">
      <c r="H544717" s="12"/>
    </row>
    <row r="544718" spans="8:8">
      <c r="H544718" s="12"/>
    </row>
    <row r="544719" spans="8:8">
      <c r="H544719" s="12"/>
    </row>
    <row r="544720" spans="8:8">
      <c r="H544720" s="12"/>
    </row>
    <row r="544721" spans="8:8">
      <c r="H544721" s="12"/>
    </row>
    <row r="544722" spans="8:8">
      <c r="H544722" s="12"/>
    </row>
    <row r="544723" spans="8:8">
      <c r="H544723" s="12"/>
    </row>
    <row r="544724" spans="8:8">
      <c r="H544724" s="12"/>
    </row>
    <row r="544725" spans="8:8">
      <c r="H544725" s="12"/>
    </row>
    <row r="544726" spans="8:8">
      <c r="H544726" s="12"/>
    </row>
    <row r="544727" spans="8:8">
      <c r="H544727" s="12"/>
    </row>
    <row r="544728" spans="8:8">
      <c r="H544728" s="12"/>
    </row>
    <row r="544729" spans="8:8">
      <c r="H544729" s="12"/>
    </row>
    <row r="544730" spans="8:8">
      <c r="H544730" s="12"/>
    </row>
    <row r="544731" spans="8:8">
      <c r="H544731" s="12"/>
    </row>
    <row r="544732" spans="8:8">
      <c r="H544732" s="12"/>
    </row>
    <row r="544733" spans="8:8">
      <c r="H544733" s="12"/>
    </row>
    <row r="544734" spans="8:8">
      <c r="H544734" s="12"/>
    </row>
    <row r="544735" spans="8:8">
      <c r="H544735" s="12"/>
    </row>
    <row r="544736" spans="8:8">
      <c r="H544736" s="12"/>
    </row>
    <row r="544737" spans="8:8">
      <c r="H544737" s="12"/>
    </row>
    <row r="544738" spans="8:8">
      <c r="H544738" s="12"/>
    </row>
    <row r="544739" spans="8:8">
      <c r="H544739" s="12"/>
    </row>
    <row r="544740" spans="8:8">
      <c r="H544740" s="12"/>
    </row>
    <row r="544741" spans="8:8">
      <c r="H544741" s="12"/>
    </row>
    <row r="544742" spans="8:8">
      <c r="H544742" s="12"/>
    </row>
    <row r="544743" spans="8:8">
      <c r="H544743" s="12"/>
    </row>
    <row r="544744" spans="8:8">
      <c r="H544744" s="12"/>
    </row>
    <row r="544745" spans="8:8">
      <c r="H544745" s="12"/>
    </row>
    <row r="544746" spans="8:8">
      <c r="H544746" s="12"/>
    </row>
    <row r="544747" spans="8:8">
      <c r="H544747" s="12"/>
    </row>
    <row r="544748" spans="8:8">
      <c r="H544748" s="12"/>
    </row>
    <row r="544749" spans="8:8">
      <c r="H544749" s="12"/>
    </row>
    <row r="544750" spans="8:8">
      <c r="H544750" s="12"/>
    </row>
    <row r="544751" spans="8:8">
      <c r="H544751" s="12"/>
    </row>
    <row r="544752" spans="8:8">
      <c r="H544752" s="12"/>
    </row>
    <row r="544753" spans="8:8">
      <c r="H544753" s="12"/>
    </row>
    <row r="544754" spans="8:8">
      <c r="H544754" s="12"/>
    </row>
    <row r="544755" spans="8:8">
      <c r="H544755" s="12"/>
    </row>
    <row r="544756" spans="8:8">
      <c r="H544756" s="12"/>
    </row>
    <row r="544757" spans="8:8">
      <c r="H544757" s="12"/>
    </row>
    <row r="544758" spans="8:8">
      <c r="H544758" s="12"/>
    </row>
    <row r="544759" spans="8:8">
      <c r="H544759" s="12"/>
    </row>
    <row r="544760" spans="8:8">
      <c r="H544760" s="12"/>
    </row>
    <row r="544761" spans="8:8">
      <c r="H544761" s="12"/>
    </row>
    <row r="544762" spans="8:8">
      <c r="H544762" s="12"/>
    </row>
    <row r="544763" spans="8:8">
      <c r="H544763" s="12"/>
    </row>
    <row r="544764" spans="8:8">
      <c r="H544764" s="12"/>
    </row>
    <row r="544765" spans="8:8">
      <c r="H544765" s="12"/>
    </row>
    <row r="544766" spans="8:8">
      <c r="H544766" s="12"/>
    </row>
    <row r="544767" spans="8:8">
      <c r="H544767" s="12"/>
    </row>
    <row r="544768" spans="8:8">
      <c r="H544768" s="12"/>
    </row>
    <row r="544769" spans="8:8">
      <c r="H544769" s="12"/>
    </row>
    <row r="544770" spans="8:8">
      <c r="H544770" s="12"/>
    </row>
    <row r="544771" spans="8:8">
      <c r="H544771" s="12"/>
    </row>
    <row r="544772" spans="8:8">
      <c r="H544772" s="12"/>
    </row>
    <row r="544773" spans="8:8">
      <c r="H544773" s="12"/>
    </row>
    <row r="544774" spans="8:8">
      <c r="H544774" s="12"/>
    </row>
    <row r="544775" spans="8:8">
      <c r="H544775" s="12"/>
    </row>
    <row r="544776" spans="8:8">
      <c r="H544776" s="12"/>
    </row>
    <row r="544777" spans="8:8">
      <c r="H544777" s="12"/>
    </row>
    <row r="544778" spans="8:8">
      <c r="H544778" s="12"/>
    </row>
    <row r="544779" spans="8:8">
      <c r="H544779" s="12"/>
    </row>
    <row r="544780" spans="8:8">
      <c r="H544780" s="12"/>
    </row>
    <row r="544781" spans="8:8">
      <c r="H544781" s="12"/>
    </row>
    <row r="544782" spans="8:8">
      <c r="H544782" s="12"/>
    </row>
    <row r="544783" spans="8:8">
      <c r="H544783" s="12"/>
    </row>
    <row r="544784" spans="8:8">
      <c r="H544784" s="12"/>
    </row>
    <row r="544785" spans="8:8">
      <c r="H544785" s="12"/>
    </row>
    <row r="544786" spans="8:8">
      <c r="H544786" s="12"/>
    </row>
    <row r="544787" spans="8:8">
      <c r="H544787" s="12"/>
    </row>
    <row r="544788" spans="8:8">
      <c r="H544788" s="12"/>
    </row>
    <row r="544789" spans="8:8">
      <c r="H544789" s="12"/>
    </row>
    <row r="544790" spans="8:8">
      <c r="H544790" s="12"/>
    </row>
    <row r="544791" spans="8:8">
      <c r="H544791" s="12"/>
    </row>
    <row r="544792" spans="8:8">
      <c r="H544792" s="12"/>
    </row>
    <row r="544793" spans="8:8">
      <c r="H544793" s="12"/>
    </row>
    <row r="544794" spans="8:8">
      <c r="H544794" s="12"/>
    </row>
    <row r="544795" spans="8:8">
      <c r="H544795" s="12"/>
    </row>
    <row r="544796" spans="8:8">
      <c r="H544796" s="12"/>
    </row>
    <row r="544797" spans="8:8">
      <c r="H544797" s="12"/>
    </row>
    <row r="544798" spans="8:8">
      <c r="H544798" s="12"/>
    </row>
    <row r="544799" spans="8:8">
      <c r="H544799" s="12"/>
    </row>
    <row r="544800" spans="8:8">
      <c r="H544800" s="12"/>
    </row>
    <row r="544801" spans="8:8">
      <c r="H544801" s="12"/>
    </row>
    <row r="544802" spans="8:8">
      <c r="H544802" s="12"/>
    </row>
    <row r="544803" spans="8:8">
      <c r="H544803" s="12"/>
    </row>
    <row r="544804" spans="8:8">
      <c r="H544804" s="12"/>
    </row>
    <row r="544805" spans="8:8">
      <c r="H544805" s="12"/>
    </row>
    <row r="544806" spans="8:8">
      <c r="H544806" s="12"/>
    </row>
    <row r="544807" spans="8:8">
      <c r="H544807" s="12"/>
    </row>
    <row r="544808" spans="8:8">
      <c r="H544808" s="12"/>
    </row>
    <row r="544809" spans="8:8">
      <c r="H544809" s="12"/>
    </row>
    <row r="544810" spans="8:8">
      <c r="H544810" s="12"/>
    </row>
    <row r="544811" spans="8:8">
      <c r="H544811" s="12"/>
    </row>
    <row r="544812" spans="8:8">
      <c r="H544812" s="12"/>
    </row>
    <row r="544813" spans="8:8">
      <c r="H544813" s="12"/>
    </row>
    <row r="544814" spans="8:8">
      <c r="H544814" s="12"/>
    </row>
    <row r="544815" spans="8:8">
      <c r="H544815" s="12"/>
    </row>
    <row r="544816" spans="8:8">
      <c r="H544816" s="12"/>
    </row>
    <row r="544817" spans="8:8">
      <c r="H544817" s="12"/>
    </row>
    <row r="544818" spans="8:8">
      <c r="H544818" s="12"/>
    </row>
    <row r="544819" spans="8:8">
      <c r="H544819" s="12"/>
    </row>
    <row r="544820" spans="8:8">
      <c r="H544820" s="12"/>
    </row>
    <row r="544821" spans="8:8">
      <c r="H544821" s="12"/>
    </row>
    <row r="544822" spans="8:8">
      <c r="H544822" s="12"/>
    </row>
    <row r="544823" spans="8:8">
      <c r="H544823" s="12"/>
    </row>
    <row r="544824" spans="8:8">
      <c r="H544824" s="12"/>
    </row>
    <row r="544825" spans="8:8">
      <c r="H544825" s="12"/>
    </row>
    <row r="544826" spans="8:8">
      <c r="H544826" s="12"/>
    </row>
    <row r="544827" spans="8:8">
      <c r="H544827" s="12"/>
    </row>
    <row r="544828" spans="8:8">
      <c r="H544828" s="12"/>
    </row>
    <row r="544829" spans="8:8">
      <c r="H544829" s="12"/>
    </row>
    <row r="544830" spans="8:8">
      <c r="H544830" s="12"/>
    </row>
    <row r="544831" spans="8:8">
      <c r="H544831" s="12"/>
    </row>
    <row r="544832" spans="8:8">
      <c r="H544832" s="12"/>
    </row>
    <row r="544833" spans="8:8">
      <c r="H544833" s="12"/>
    </row>
    <row r="544834" spans="8:8">
      <c r="H544834" s="12"/>
    </row>
    <row r="544835" spans="8:8">
      <c r="H544835" s="12"/>
    </row>
    <row r="544836" spans="8:8">
      <c r="H544836" s="12"/>
    </row>
    <row r="544837" spans="8:8">
      <c r="H544837" s="12"/>
    </row>
    <row r="544838" spans="8:8">
      <c r="H544838" s="12"/>
    </row>
    <row r="544839" spans="8:8">
      <c r="H544839" s="12"/>
    </row>
    <row r="544840" spans="8:8">
      <c r="H544840" s="12"/>
    </row>
    <row r="544841" spans="8:8">
      <c r="H544841" s="12"/>
    </row>
    <row r="544842" spans="8:8">
      <c r="H544842" s="12"/>
    </row>
    <row r="544843" spans="8:8">
      <c r="H544843" s="12"/>
    </row>
    <row r="544844" spans="8:8">
      <c r="H544844" s="12"/>
    </row>
    <row r="544845" spans="8:8">
      <c r="H544845" s="12"/>
    </row>
    <row r="544846" spans="8:8">
      <c r="H544846" s="12"/>
    </row>
    <row r="544847" spans="8:8">
      <c r="H544847" s="12"/>
    </row>
    <row r="544848" spans="8:8">
      <c r="H544848" s="12"/>
    </row>
    <row r="544849" spans="8:8">
      <c r="H544849" s="12"/>
    </row>
    <row r="544850" spans="8:8">
      <c r="H544850" s="12"/>
    </row>
    <row r="544851" spans="8:8">
      <c r="H544851" s="12"/>
    </row>
    <row r="544852" spans="8:8">
      <c r="H544852" s="12"/>
    </row>
    <row r="544853" spans="8:8">
      <c r="H544853" s="12"/>
    </row>
    <row r="544854" spans="8:8">
      <c r="H544854" s="12"/>
    </row>
    <row r="544855" spans="8:8">
      <c r="H544855" s="12"/>
    </row>
    <row r="544856" spans="8:8">
      <c r="H544856" s="12"/>
    </row>
    <row r="544857" spans="8:8">
      <c r="H544857" s="12"/>
    </row>
    <row r="544858" spans="8:8">
      <c r="H544858" s="12"/>
    </row>
    <row r="544859" spans="8:8">
      <c r="H544859" s="12"/>
    </row>
    <row r="544860" spans="8:8">
      <c r="H544860" s="12"/>
    </row>
    <row r="544861" spans="8:8">
      <c r="H544861" s="12"/>
    </row>
    <row r="544862" spans="8:8">
      <c r="H544862" s="12"/>
    </row>
    <row r="544863" spans="8:8">
      <c r="H544863" s="12"/>
    </row>
    <row r="544864" spans="8:8">
      <c r="H544864" s="12"/>
    </row>
    <row r="544865" spans="8:8">
      <c r="H544865" s="12"/>
    </row>
    <row r="544866" spans="8:8">
      <c r="H544866" s="12"/>
    </row>
    <row r="544867" spans="8:8">
      <c r="H544867" s="12"/>
    </row>
    <row r="544868" spans="8:8">
      <c r="H544868" s="12"/>
    </row>
    <row r="544869" spans="8:8">
      <c r="H544869" s="12"/>
    </row>
    <row r="544870" spans="8:8">
      <c r="H544870" s="12"/>
    </row>
    <row r="544871" spans="8:8">
      <c r="H544871" s="12"/>
    </row>
    <row r="544872" spans="8:8">
      <c r="H544872" s="12"/>
    </row>
    <row r="544873" spans="8:8">
      <c r="H544873" s="12"/>
    </row>
    <row r="544874" spans="8:8">
      <c r="H544874" s="12"/>
    </row>
    <row r="544875" spans="8:8">
      <c r="H544875" s="12"/>
    </row>
    <row r="544876" spans="8:8">
      <c r="H544876" s="12"/>
    </row>
    <row r="544877" spans="8:8">
      <c r="H544877" s="12"/>
    </row>
    <row r="544878" spans="8:8">
      <c r="H544878" s="12"/>
    </row>
    <row r="544879" spans="8:8">
      <c r="H544879" s="12"/>
    </row>
    <row r="544880" spans="8:8">
      <c r="H544880" s="12"/>
    </row>
    <row r="544881" spans="8:8">
      <c r="H544881" s="12"/>
    </row>
    <row r="544882" spans="8:8">
      <c r="H544882" s="12"/>
    </row>
    <row r="544883" spans="8:8">
      <c r="H544883" s="12"/>
    </row>
    <row r="544884" spans="8:8">
      <c r="H544884" s="12"/>
    </row>
    <row r="544885" spans="8:8">
      <c r="H544885" s="12"/>
    </row>
    <row r="544886" spans="8:8">
      <c r="H544886" s="12"/>
    </row>
    <row r="544887" spans="8:8">
      <c r="H544887" s="12"/>
    </row>
    <row r="544888" spans="8:8">
      <c r="H544888" s="12"/>
    </row>
    <row r="544889" spans="8:8">
      <c r="H544889" s="12"/>
    </row>
    <row r="544890" spans="8:8">
      <c r="H544890" s="12"/>
    </row>
    <row r="544891" spans="8:8">
      <c r="H544891" s="12"/>
    </row>
    <row r="544892" spans="8:8">
      <c r="H544892" s="12"/>
    </row>
    <row r="544893" spans="8:8">
      <c r="H544893" s="12"/>
    </row>
    <row r="544894" spans="8:8">
      <c r="H544894" s="12"/>
    </row>
    <row r="544895" spans="8:8">
      <c r="H544895" s="12"/>
    </row>
    <row r="544896" spans="8:8">
      <c r="H544896" s="12"/>
    </row>
    <row r="544897" spans="8:8">
      <c r="H544897" s="12"/>
    </row>
    <row r="544898" spans="8:8">
      <c r="H544898" s="12"/>
    </row>
    <row r="544899" spans="8:8">
      <c r="H544899" s="12"/>
    </row>
    <row r="544900" spans="8:8">
      <c r="H544900" s="12"/>
    </row>
    <row r="544901" spans="8:8">
      <c r="H544901" s="12"/>
    </row>
    <row r="544902" spans="8:8">
      <c r="H544902" s="12"/>
    </row>
    <row r="544903" spans="8:8">
      <c r="H544903" s="12"/>
    </row>
    <row r="544904" spans="8:8">
      <c r="H544904" s="12"/>
    </row>
    <row r="544905" spans="8:8">
      <c r="H544905" s="12"/>
    </row>
    <row r="544906" spans="8:8">
      <c r="H544906" s="12"/>
    </row>
    <row r="544907" spans="8:8">
      <c r="H544907" s="12"/>
    </row>
    <row r="544908" spans="8:8">
      <c r="H544908" s="12"/>
    </row>
    <row r="544909" spans="8:8">
      <c r="H544909" s="12"/>
    </row>
    <row r="544910" spans="8:8">
      <c r="H544910" s="12"/>
    </row>
    <row r="544911" spans="8:8">
      <c r="H544911" s="12"/>
    </row>
    <row r="544912" spans="8:8">
      <c r="H544912" s="12"/>
    </row>
    <row r="544913" spans="8:8">
      <c r="H544913" s="12"/>
    </row>
    <row r="544914" spans="8:8">
      <c r="H544914" s="12"/>
    </row>
    <row r="544915" spans="8:8">
      <c r="H544915" s="12"/>
    </row>
    <row r="544916" spans="8:8">
      <c r="H544916" s="12"/>
    </row>
    <row r="544917" spans="8:8">
      <c r="H544917" s="12"/>
    </row>
    <row r="544918" spans="8:8">
      <c r="H544918" s="12"/>
    </row>
    <row r="544919" spans="8:8">
      <c r="H544919" s="12"/>
    </row>
    <row r="544920" spans="8:8">
      <c r="H544920" s="12"/>
    </row>
    <row r="544921" spans="8:8">
      <c r="H544921" s="12"/>
    </row>
    <row r="544922" spans="8:8">
      <c r="H544922" s="12"/>
    </row>
    <row r="544923" spans="8:8">
      <c r="H544923" s="12"/>
    </row>
    <row r="544924" spans="8:8">
      <c r="H544924" s="12"/>
    </row>
    <row r="544925" spans="8:8">
      <c r="H544925" s="12"/>
    </row>
    <row r="544926" spans="8:8">
      <c r="H544926" s="12"/>
    </row>
    <row r="544927" spans="8:8">
      <c r="H544927" s="12"/>
    </row>
    <row r="544928" spans="8:8">
      <c r="H544928" s="12"/>
    </row>
    <row r="544929" spans="8:8">
      <c r="H544929" s="12"/>
    </row>
    <row r="544930" spans="8:8">
      <c r="H544930" s="12"/>
    </row>
    <row r="544931" spans="8:8">
      <c r="H544931" s="12"/>
    </row>
    <row r="544932" spans="8:8">
      <c r="H544932" s="12"/>
    </row>
    <row r="544933" spans="8:8">
      <c r="H544933" s="12"/>
    </row>
    <row r="544934" spans="8:8">
      <c r="H544934" s="12"/>
    </row>
    <row r="544935" spans="8:8">
      <c r="H544935" s="12"/>
    </row>
    <row r="544936" spans="8:8">
      <c r="H544936" s="12"/>
    </row>
    <row r="544937" spans="8:8">
      <c r="H544937" s="12"/>
    </row>
    <row r="544938" spans="8:8">
      <c r="H544938" s="12"/>
    </row>
    <row r="544939" spans="8:8">
      <c r="H544939" s="12"/>
    </row>
    <row r="544940" spans="8:8">
      <c r="H544940" s="12"/>
    </row>
    <row r="544941" spans="8:8">
      <c r="H544941" s="12"/>
    </row>
    <row r="544942" spans="8:8">
      <c r="H544942" s="12"/>
    </row>
    <row r="544943" spans="8:8">
      <c r="H544943" s="12"/>
    </row>
    <row r="544944" spans="8:8">
      <c r="H544944" s="12"/>
    </row>
    <row r="544945" spans="8:8">
      <c r="H544945" s="12"/>
    </row>
    <row r="544946" spans="8:8">
      <c r="H544946" s="12"/>
    </row>
    <row r="544947" spans="8:8">
      <c r="H544947" s="12"/>
    </row>
    <row r="544948" spans="8:8">
      <c r="H544948" s="12"/>
    </row>
    <row r="544949" spans="8:8">
      <c r="H544949" s="12"/>
    </row>
    <row r="544950" spans="8:8">
      <c r="H544950" s="12"/>
    </row>
    <row r="544951" spans="8:8">
      <c r="H544951" s="12"/>
    </row>
    <row r="544952" spans="8:8">
      <c r="H544952" s="12"/>
    </row>
    <row r="544953" spans="8:8">
      <c r="H544953" s="12"/>
    </row>
    <row r="544954" spans="8:8">
      <c r="H544954" s="12"/>
    </row>
    <row r="544955" spans="8:8">
      <c r="H544955" s="12"/>
    </row>
    <row r="544956" spans="8:8">
      <c r="H544956" s="12"/>
    </row>
    <row r="544957" spans="8:8">
      <c r="H544957" s="12"/>
    </row>
    <row r="544958" spans="8:8">
      <c r="H544958" s="12"/>
    </row>
    <row r="544959" spans="8:8">
      <c r="H544959" s="12"/>
    </row>
    <row r="544960" spans="8:8">
      <c r="H544960" s="12"/>
    </row>
    <row r="544961" spans="8:8">
      <c r="H544961" s="12"/>
    </row>
    <row r="544962" spans="8:8">
      <c r="H544962" s="12"/>
    </row>
    <row r="544963" spans="8:8">
      <c r="H544963" s="12"/>
    </row>
    <row r="544964" spans="8:8">
      <c r="H544964" s="12"/>
    </row>
    <row r="544965" spans="8:8">
      <c r="H544965" s="12"/>
    </row>
    <row r="544966" spans="8:8">
      <c r="H544966" s="12"/>
    </row>
    <row r="544967" spans="8:8">
      <c r="H544967" s="12"/>
    </row>
    <row r="544968" spans="8:8">
      <c r="H544968" s="12"/>
    </row>
    <row r="544969" spans="8:8">
      <c r="H544969" s="12"/>
    </row>
    <row r="544970" spans="8:8">
      <c r="H544970" s="12"/>
    </row>
    <row r="544971" spans="8:8">
      <c r="H544971" s="12"/>
    </row>
    <row r="544972" spans="8:8">
      <c r="H544972" s="12"/>
    </row>
    <row r="544973" spans="8:8">
      <c r="H544973" s="12"/>
    </row>
    <row r="544974" spans="8:8">
      <c r="H544974" s="12"/>
    </row>
    <row r="544975" spans="8:8">
      <c r="H544975" s="12"/>
    </row>
    <row r="544976" spans="8:8">
      <c r="H544976" s="12"/>
    </row>
    <row r="544977" spans="8:8">
      <c r="H544977" s="12"/>
    </row>
    <row r="544978" spans="8:8">
      <c r="H544978" s="12"/>
    </row>
    <row r="544979" spans="8:8">
      <c r="H544979" s="12"/>
    </row>
    <row r="544980" spans="8:8">
      <c r="H544980" s="12"/>
    </row>
    <row r="544981" spans="8:8">
      <c r="H544981" s="12"/>
    </row>
    <row r="544982" spans="8:8">
      <c r="H544982" s="12"/>
    </row>
    <row r="544983" spans="8:8">
      <c r="H544983" s="12"/>
    </row>
    <row r="544984" spans="8:8">
      <c r="H544984" s="12"/>
    </row>
    <row r="544985" spans="8:8">
      <c r="H544985" s="12"/>
    </row>
    <row r="544986" spans="8:8">
      <c r="H544986" s="12"/>
    </row>
    <row r="544987" spans="8:8">
      <c r="H544987" s="12"/>
    </row>
    <row r="544988" spans="8:8">
      <c r="H544988" s="12"/>
    </row>
    <row r="544989" spans="8:8">
      <c r="H544989" s="12"/>
    </row>
    <row r="544990" spans="8:8">
      <c r="H544990" s="12"/>
    </row>
    <row r="544991" spans="8:8">
      <c r="H544991" s="12"/>
    </row>
    <row r="544992" spans="8:8">
      <c r="H544992" s="12"/>
    </row>
    <row r="544993" spans="8:8">
      <c r="H544993" s="12"/>
    </row>
    <row r="544994" spans="8:8">
      <c r="H544994" s="12"/>
    </row>
    <row r="544995" spans="8:8">
      <c r="H544995" s="12"/>
    </row>
    <row r="544996" spans="8:8">
      <c r="H544996" s="12"/>
    </row>
    <row r="544997" spans="8:8">
      <c r="H544997" s="12"/>
    </row>
    <row r="544998" spans="8:8">
      <c r="H544998" s="12"/>
    </row>
    <row r="544999" spans="8:8">
      <c r="H544999" s="12"/>
    </row>
    <row r="545000" spans="8:8">
      <c r="H545000" s="12"/>
    </row>
    <row r="545001" spans="8:8">
      <c r="H545001" s="12"/>
    </row>
    <row r="545002" spans="8:8">
      <c r="H545002" s="12"/>
    </row>
    <row r="545003" spans="8:8">
      <c r="H545003" s="12"/>
    </row>
    <row r="545004" spans="8:8">
      <c r="H545004" s="12"/>
    </row>
    <row r="545005" spans="8:8">
      <c r="H545005" s="12"/>
    </row>
    <row r="545006" spans="8:8">
      <c r="H545006" s="12"/>
    </row>
    <row r="545007" spans="8:8">
      <c r="H545007" s="12"/>
    </row>
    <row r="545008" spans="8:8">
      <c r="H545008" s="12"/>
    </row>
    <row r="545009" spans="8:8">
      <c r="H545009" s="12"/>
    </row>
    <row r="545010" spans="8:8">
      <c r="H545010" s="12"/>
    </row>
    <row r="545011" spans="8:8">
      <c r="H545011" s="12"/>
    </row>
    <row r="545012" spans="8:8">
      <c r="H545012" s="12"/>
    </row>
    <row r="545013" spans="8:8">
      <c r="H545013" s="12"/>
    </row>
    <row r="545014" spans="8:8">
      <c r="H545014" s="12"/>
    </row>
    <row r="545015" spans="8:8">
      <c r="H545015" s="12"/>
    </row>
    <row r="545016" spans="8:8">
      <c r="H545016" s="12"/>
    </row>
    <row r="545017" spans="8:8">
      <c r="H545017" s="12"/>
    </row>
    <row r="545018" spans="8:8">
      <c r="H545018" s="12"/>
    </row>
    <row r="545019" spans="8:8">
      <c r="H545019" s="12"/>
    </row>
    <row r="545020" spans="8:8">
      <c r="H545020" s="12"/>
    </row>
    <row r="545021" spans="8:8">
      <c r="H545021" s="12"/>
    </row>
    <row r="545022" spans="8:8">
      <c r="H545022" s="12"/>
    </row>
    <row r="545023" spans="8:8">
      <c r="H545023" s="12"/>
    </row>
    <row r="545024" spans="8:8">
      <c r="H545024" s="12"/>
    </row>
    <row r="545025" spans="8:8">
      <c r="H545025" s="12"/>
    </row>
    <row r="545026" spans="8:8">
      <c r="H545026" s="12"/>
    </row>
    <row r="545027" spans="8:8">
      <c r="H545027" s="12"/>
    </row>
    <row r="545028" spans="8:8">
      <c r="H545028" s="12"/>
    </row>
    <row r="545029" spans="8:8">
      <c r="H545029" s="12"/>
    </row>
    <row r="545030" spans="8:8">
      <c r="H545030" s="12"/>
    </row>
    <row r="545031" spans="8:8">
      <c r="H545031" s="12"/>
    </row>
    <row r="545032" spans="8:8">
      <c r="H545032" s="12"/>
    </row>
    <row r="545033" spans="8:8">
      <c r="H545033" s="12"/>
    </row>
    <row r="545034" spans="8:8">
      <c r="H545034" s="12"/>
    </row>
    <row r="545035" spans="8:8">
      <c r="H545035" s="12"/>
    </row>
    <row r="545036" spans="8:8">
      <c r="H545036" s="12"/>
    </row>
    <row r="545037" spans="8:8">
      <c r="H545037" s="12"/>
    </row>
    <row r="545038" spans="8:8">
      <c r="H545038" s="12"/>
    </row>
    <row r="545039" spans="8:8">
      <c r="H545039" s="12"/>
    </row>
    <row r="545040" spans="8:8">
      <c r="H545040" s="12"/>
    </row>
    <row r="545041" spans="8:8">
      <c r="H545041" s="12"/>
    </row>
    <row r="545042" spans="8:8">
      <c r="H545042" s="12"/>
    </row>
    <row r="545043" spans="8:8">
      <c r="H545043" s="12"/>
    </row>
    <row r="545044" spans="8:8">
      <c r="H545044" s="12"/>
    </row>
    <row r="545045" spans="8:8">
      <c r="H545045" s="12"/>
    </row>
    <row r="545046" spans="8:8">
      <c r="H545046" s="12"/>
    </row>
    <row r="545047" spans="8:8">
      <c r="H545047" s="12"/>
    </row>
    <row r="545048" spans="8:8">
      <c r="H545048" s="12"/>
    </row>
    <row r="545049" spans="8:8">
      <c r="H545049" s="12"/>
    </row>
    <row r="545050" spans="8:8">
      <c r="H545050" s="12"/>
    </row>
    <row r="545051" spans="8:8">
      <c r="H545051" s="12"/>
    </row>
    <row r="545052" spans="8:8">
      <c r="H545052" s="12"/>
    </row>
    <row r="545053" spans="8:8">
      <c r="H545053" s="12"/>
    </row>
    <row r="545054" spans="8:8">
      <c r="H545054" s="12"/>
    </row>
    <row r="545055" spans="8:8">
      <c r="H545055" s="12"/>
    </row>
    <row r="545056" spans="8:8">
      <c r="H545056" s="12"/>
    </row>
    <row r="545057" spans="8:8">
      <c r="H545057" s="12"/>
    </row>
    <row r="545058" spans="8:8">
      <c r="H545058" s="12"/>
    </row>
    <row r="545059" spans="8:8">
      <c r="H545059" s="12"/>
    </row>
    <row r="545060" spans="8:8">
      <c r="H545060" s="12"/>
    </row>
    <row r="545061" spans="8:8">
      <c r="H545061" s="12"/>
    </row>
    <row r="545062" spans="8:8">
      <c r="H545062" s="12"/>
    </row>
    <row r="545063" spans="8:8">
      <c r="H545063" s="12"/>
    </row>
    <row r="545064" spans="8:8">
      <c r="H545064" s="12"/>
    </row>
    <row r="545065" spans="8:8">
      <c r="H545065" s="12"/>
    </row>
    <row r="545066" spans="8:8">
      <c r="H545066" s="12"/>
    </row>
    <row r="545067" spans="8:8">
      <c r="H545067" s="12"/>
    </row>
    <row r="545068" spans="8:8">
      <c r="H545068" s="12"/>
    </row>
    <row r="545069" spans="8:8">
      <c r="H545069" s="12"/>
    </row>
    <row r="545070" spans="8:8">
      <c r="H545070" s="12"/>
    </row>
    <row r="545071" spans="8:8">
      <c r="H545071" s="12"/>
    </row>
    <row r="545072" spans="8:8">
      <c r="H545072" s="12"/>
    </row>
    <row r="545073" spans="8:8">
      <c r="H545073" s="12"/>
    </row>
    <row r="545074" spans="8:8">
      <c r="H545074" s="12"/>
    </row>
    <row r="545075" spans="8:8">
      <c r="H545075" s="12"/>
    </row>
    <row r="545076" spans="8:8">
      <c r="H545076" s="12"/>
    </row>
    <row r="545077" spans="8:8">
      <c r="H545077" s="12"/>
    </row>
    <row r="545078" spans="8:8">
      <c r="H545078" s="12"/>
    </row>
    <row r="545079" spans="8:8">
      <c r="H545079" s="12"/>
    </row>
    <row r="545080" spans="8:8">
      <c r="H545080" s="12"/>
    </row>
    <row r="545081" spans="8:8">
      <c r="H545081" s="12"/>
    </row>
    <row r="545082" spans="8:8">
      <c r="H545082" s="12"/>
    </row>
    <row r="545083" spans="8:8">
      <c r="H545083" s="12"/>
    </row>
    <row r="545084" spans="8:8">
      <c r="H545084" s="12"/>
    </row>
    <row r="545085" spans="8:8">
      <c r="H545085" s="12"/>
    </row>
    <row r="545086" spans="8:8">
      <c r="H545086" s="12"/>
    </row>
    <row r="545087" spans="8:8">
      <c r="H545087" s="12"/>
    </row>
    <row r="545088" spans="8:8">
      <c r="H545088" s="12"/>
    </row>
    <row r="545089" spans="8:8">
      <c r="H545089" s="12"/>
    </row>
    <row r="545090" spans="8:8">
      <c r="H545090" s="12"/>
    </row>
    <row r="545091" spans="8:8">
      <c r="H545091" s="12"/>
    </row>
    <row r="545092" spans="8:8">
      <c r="H545092" s="12"/>
    </row>
    <row r="545093" spans="8:8">
      <c r="H545093" s="12"/>
    </row>
    <row r="545094" spans="8:8">
      <c r="H545094" s="12"/>
    </row>
    <row r="545095" spans="8:8">
      <c r="H545095" s="12"/>
    </row>
    <row r="545096" spans="8:8">
      <c r="H545096" s="12"/>
    </row>
    <row r="545097" spans="8:8">
      <c r="H545097" s="12"/>
    </row>
    <row r="545098" spans="8:8">
      <c r="H545098" s="12"/>
    </row>
    <row r="545099" spans="8:8">
      <c r="H545099" s="12"/>
    </row>
    <row r="545100" spans="8:8">
      <c r="H545100" s="12"/>
    </row>
    <row r="545101" spans="8:8">
      <c r="H545101" s="12"/>
    </row>
    <row r="545102" spans="8:8">
      <c r="H545102" s="12"/>
    </row>
    <row r="545103" spans="8:8">
      <c r="H545103" s="12"/>
    </row>
    <row r="545104" spans="8:8">
      <c r="H545104" s="12"/>
    </row>
    <row r="545105" spans="8:8">
      <c r="H545105" s="12"/>
    </row>
    <row r="545106" spans="8:8">
      <c r="H545106" s="12"/>
    </row>
    <row r="545107" spans="8:8">
      <c r="H545107" s="12"/>
    </row>
    <row r="545108" spans="8:8">
      <c r="H545108" s="12"/>
    </row>
    <row r="545109" spans="8:8">
      <c r="H545109" s="12"/>
    </row>
    <row r="545110" spans="8:8">
      <c r="H545110" s="12"/>
    </row>
    <row r="545111" spans="8:8">
      <c r="H545111" s="12"/>
    </row>
    <row r="545112" spans="8:8">
      <c r="H545112" s="12"/>
    </row>
    <row r="545113" spans="8:8">
      <c r="H545113" s="12"/>
    </row>
    <row r="545114" spans="8:8">
      <c r="H545114" s="12"/>
    </row>
    <row r="545115" spans="8:8">
      <c r="H545115" s="12"/>
    </row>
    <row r="545116" spans="8:8">
      <c r="H545116" s="12"/>
    </row>
    <row r="545117" spans="8:8">
      <c r="H545117" s="12"/>
    </row>
    <row r="545118" spans="8:8">
      <c r="H545118" s="12"/>
    </row>
    <row r="545119" spans="8:8">
      <c r="H545119" s="12"/>
    </row>
    <row r="545120" spans="8:8">
      <c r="H545120" s="12"/>
    </row>
    <row r="545121" spans="8:8">
      <c r="H545121" s="12"/>
    </row>
    <row r="545122" spans="8:8">
      <c r="H545122" s="12"/>
    </row>
    <row r="545123" spans="8:8">
      <c r="H545123" s="12"/>
    </row>
    <row r="545124" spans="8:8">
      <c r="H545124" s="12"/>
    </row>
    <row r="545125" spans="8:8">
      <c r="H545125" s="12"/>
    </row>
    <row r="545126" spans="8:8">
      <c r="H545126" s="12"/>
    </row>
    <row r="545127" spans="8:8">
      <c r="H545127" s="12"/>
    </row>
    <row r="545128" spans="8:8">
      <c r="H545128" s="12"/>
    </row>
    <row r="545129" spans="8:8">
      <c r="H545129" s="12"/>
    </row>
    <row r="545130" spans="8:8">
      <c r="H545130" s="12"/>
    </row>
    <row r="545131" spans="8:8">
      <c r="H545131" s="12"/>
    </row>
    <row r="545132" spans="8:8">
      <c r="H545132" s="12"/>
    </row>
    <row r="545133" spans="8:8">
      <c r="H545133" s="12"/>
    </row>
    <row r="545134" spans="8:8">
      <c r="H545134" s="12"/>
    </row>
    <row r="545135" spans="8:8">
      <c r="H545135" s="12"/>
    </row>
    <row r="545136" spans="8:8">
      <c r="H545136" s="12"/>
    </row>
    <row r="545137" spans="8:8">
      <c r="H545137" s="12"/>
    </row>
    <row r="545138" spans="8:8">
      <c r="H545138" s="12"/>
    </row>
    <row r="545139" spans="8:8">
      <c r="H545139" s="12"/>
    </row>
    <row r="545140" spans="8:8">
      <c r="H545140" s="12"/>
    </row>
    <row r="545141" spans="8:8">
      <c r="H545141" s="12"/>
    </row>
    <row r="545142" spans="8:8">
      <c r="H545142" s="12"/>
    </row>
    <row r="545143" spans="8:8">
      <c r="H545143" s="12"/>
    </row>
    <row r="545144" spans="8:8">
      <c r="H545144" s="12"/>
    </row>
    <row r="545145" spans="8:8">
      <c r="H545145" s="12"/>
    </row>
    <row r="545146" spans="8:8">
      <c r="H545146" s="12"/>
    </row>
    <row r="545147" spans="8:8">
      <c r="H545147" s="12"/>
    </row>
    <row r="545148" spans="8:8">
      <c r="H545148" s="12"/>
    </row>
    <row r="545149" spans="8:8">
      <c r="H545149" s="12"/>
    </row>
    <row r="545150" spans="8:8">
      <c r="H545150" s="12"/>
    </row>
    <row r="545151" spans="8:8">
      <c r="H545151" s="12"/>
    </row>
    <row r="545152" spans="8:8">
      <c r="H545152" s="12"/>
    </row>
    <row r="545153" spans="8:8">
      <c r="H545153" s="12"/>
    </row>
    <row r="545154" spans="8:8">
      <c r="H545154" s="12"/>
    </row>
    <row r="545155" spans="8:8">
      <c r="H545155" s="12"/>
    </row>
    <row r="545156" spans="8:8">
      <c r="H545156" s="12"/>
    </row>
    <row r="545157" spans="8:8">
      <c r="H545157" s="12"/>
    </row>
    <row r="545158" spans="8:8">
      <c r="H545158" s="12"/>
    </row>
    <row r="545159" spans="8:8">
      <c r="H545159" s="12"/>
    </row>
    <row r="545160" spans="8:8">
      <c r="H545160" s="12"/>
    </row>
    <row r="545161" spans="8:8">
      <c r="H545161" s="12"/>
    </row>
    <row r="545162" spans="8:8">
      <c r="H545162" s="12"/>
    </row>
    <row r="545163" spans="8:8">
      <c r="H545163" s="12"/>
    </row>
    <row r="545164" spans="8:8">
      <c r="H545164" s="12"/>
    </row>
    <row r="545165" spans="8:8">
      <c r="H545165" s="12"/>
    </row>
    <row r="545166" spans="8:8">
      <c r="H545166" s="12"/>
    </row>
    <row r="545167" spans="8:8">
      <c r="H545167" s="12"/>
    </row>
    <row r="545168" spans="8:8">
      <c r="H545168" s="12"/>
    </row>
    <row r="545169" spans="8:8">
      <c r="H545169" s="12"/>
    </row>
    <row r="545170" spans="8:8">
      <c r="H545170" s="12"/>
    </row>
    <row r="545171" spans="8:8">
      <c r="H545171" s="12"/>
    </row>
    <row r="545172" spans="8:8">
      <c r="H545172" s="12"/>
    </row>
    <row r="545173" spans="8:8">
      <c r="H545173" s="12"/>
    </row>
    <row r="545174" spans="8:8">
      <c r="H545174" s="12"/>
    </row>
    <row r="545175" spans="8:8">
      <c r="H545175" s="12"/>
    </row>
    <row r="545176" spans="8:8">
      <c r="H545176" s="12"/>
    </row>
    <row r="545177" spans="8:8">
      <c r="H545177" s="12"/>
    </row>
    <row r="545178" spans="8:8">
      <c r="H545178" s="12"/>
    </row>
    <row r="545179" spans="8:8">
      <c r="H545179" s="12"/>
    </row>
    <row r="545180" spans="8:8">
      <c r="H545180" s="12"/>
    </row>
    <row r="545181" spans="8:8">
      <c r="H545181" s="12"/>
    </row>
    <row r="545182" spans="8:8">
      <c r="H545182" s="12"/>
    </row>
    <row r="545183" spans="8:8">
      <c r="H545183" s="12"/>
    </row>
    <row r="545184" spans="8:8">
      <c r="H545184" s="12"/>
    </row>
    <row r="545185" spans="8:8">
      <c r="H545185" s="12"/>
    </row>
    <row r="545186" spans="8:8">
      <c r="H545186" s="12"/>
    </row>
    <row r="545187" spans="8:8">
      <c r="H545187" s="12"/>
    </row>
    <row r="545188" spans="8:8">
      <c r="H545188" s="12"/>
    </row>
    <row r="545189" spans="8:8">
      <c r="H545189" s="12"/>
    </row>
    <row r="545190" spans="8:8">
      <c r="H545190" s="12"/>
    </row>
    <row r="545191" spans="8:8">
      <c r="H545191" s="12"/>
    </row>
    <row r="545192" spans="8:8">
      <c r="H545192" s="12"/>
    </row>
    <row r="545193" spans="8:8">
      <c r="H545193" s="12"/>
    </row>
    <row r="545194" spans="8:8">
      <c r="H545194" s="12"/>
    </row>
    <row r="545195" spans="8:8">
      <c r="H545195" s="12"/>
    </row>
    <row r="545196" spans="8:8">
      <c r="H545196" s="12"/>
    </row>
    <row r="545197" spans="8:8">
      <c r="H545197" s="12"/>
    </row>
    <row r="545198" spans="8:8">
      <c r="H545198" s="12"/>
    </row>
    <row r="545199" spans="8:8">
      <c r="H545199" s="12"/>
    </row>
    <row r="545200" spans="8:8">
      <c r="H545200" s="12"/>
    </row>
    <row r="545201" spans="8:8">
      <c r="H545201" s="12"/>
    </row>
    <row r="545202" spans="8:8">
      <c r="H545202" s="12"/>
    </row>
    <row r="545203" spans="8:8">
      <c r="H545203" s="12"/>
    </row>
    <row r="545204" spans="8:8">
      <c r="H545204" s="12"/>
    </row>
    <row r="545205" spans="8:8">
      <c r="H545205" s="12"/>
    </row>
    <row r="545206" spans="8:8">
      <c r="H545206" s="12"/>
    </row>
    <row r="545207" spans="8:8">
      <c r="H545207" s="12"/>
    </row>
    <row r="545208" spans="8:8">
      <c r="H545208" s="12"/>
    </row>
    <row r="545209" spans="8:8">
      <c r="H545209" s="12"/>
    </row>
    <row r="545210" spans="8:8">
      <c r="H545210" s="12"/>
    </row>
    <row r="545211" spans="8:8">
      <c r="H545211" s="12"/>
    </row>
    <row r="545212" spans="8:8">
      <c r="H545212" s="12"/>
    </row>
    <row r="545213" spans="8:8">
      <c r="H545213" s="12"/>
    </row>
    <row r="545214" spans="8:8">
      <c r="H545214" s="12"/>
    </row>
    <row r="545215" spans="8:8">
      <c r="H545215" s="12"/>
    </row>
    <row r="545216" spans="8:8">
      <c r="H545216" s="12"/>
    </row>
    <row r="545217" spans="8:8">
      <c r="H545217" s="12"/>
    </row>
    <row r="545218" spans="8:8">
      <c r="H545218" s="12"/>
    </row>
    <row r="545219" spans="8:8">
      <c r="H545219" s="12"/>
    </row>
    <row r="545220" spans="8:8">
      <c r="H545220" s="12"/>
    </row>
    <row r="545221" spans="8:8">
      <c r="H545221" s="12"/>
    </row>
    <row r="545222" spans="8:8">
      <c r="H545222" s="12"/>
    </row>
    <row r="545223" spans="8:8">
      <c r="H545223" s="12"/>
    </row>
    <row r="545224" spans="8:8">
      <c r="H545224" s="12"/>
    </row>
    <row r="545225" spans="8:8">
      <c r="H545225" s="12"/>
    </row>
    <row r="545226" spans="8:8">
      <c r="H545226" s="12"/>
    </row>
    <row r="545227" spans="8:8">
      <c r="H545227" s="12"/>
    </row>
    <row r="545228" spans="8:8">
      <c r="H545228" s="12"/>
    </row>
    <row r="545229" spans="8:8">
      <c r="H545229" s="12"/>
    </row>
    <row r="545230" spans="8:8">
      <c r="H545230" s="12"/>
    </row>
    <row r="545231" spans="8:8">
      <c r="H545231" s="12"/>
    </row>
    <row r="545232" spans="8:8">
      <c r="H545232" s="12"/>
    </row>
    <row r="545233" spans="8:8">
      <c r="H545233" s="12"/>
    </row>
    <row r="545234" spans="8:8">
      <c r="H545234" s="12"/>
    </row>
    <row r="545235" spans="8:8">
      <c r="H545235" s="12"/>
    </row>
    <row r="545236" spans="8:8">
      <c r="H545236" s="12"/>
    </row>
    <row r="545237" spans="8:8">
      <c r="H545237" s="12"/>
    </row>
    <row r="545238" spans="8:8">
      <c r="H545238" s="12"/>
    </row>
    <row r="545239" spans="8:8">
      <c r="H545239" s="12"/>
    </row>
    <row r="545240" spans="8:8">
      <c r="H545240" s="12"/>
    </row>
    <row r="545241" spans="8:8">
      <c r="H545241" s="12"/>
    </row>
    <row r="545242" spans="8:8">
      <c r="H545242" s="12"/>
    </row>
    <row r="545243" spans="8:8">
      <c r="H545243" s="12"/>
    </row>
    <row r="545244" spans="8:8">
      <c r="H545244" s="12"/>
    </row>
    <row r="545245" spans="8:8">
      <c r="H545245" s="12"/>
    </row>
    <row r="545246" spans="8:8">
      <c r="H545246" s="12"/>
    </row>
    <row r="545247" spans="8:8">
      <c r="H545247" s="12"/>
    </row>
    <row r="545248" spans="8:8">
      <c r="H545248" s="12"/>
    </row>
    <row r="545249" spans="8:8">
      <c r="H545249" s="12"/>
    </row>
    <row r="545250" spans="8:8">
      <c r="H545250" s="12"/>
    </row>
    <row r="545251" spans="8:8">
      <c r="H545251" s="12"/>
    </row>
    <row r="545252" spans="8:8">
      <c r="H545252" s="12"/>
    </row>
    <row r="545253" spans="8:8">
      <c r="H545253" s="12"/>
    </row>
    <row r="545254" spans="8:8">
      <c r="H545254" s="12"/>
    </row>
    <row r="545255" spans="8:8">
      <c r="H545255" s="12"/>
    </row>
    <row r="545256" spans="8:8">
      <c r="H545256" s="12"/>
    </row>
    <row r="545257" spans="8:8">
      <c r="H545257" s="12"/>
    </row>
    <row r="545258" spans="8:8">
      <c r="H545258" s="12"/>
    </row>
    <row r="545259" spans="8:8">
      <c r="H545259" s="12"/>
    </row>
    <row r="545260" spans="8:8">
      <c r="H545260" s="12"/>
    </row>
    <row r="545261" spans="8:8">
      <c r="H545261" s="12"/>
    </row>
    <row r="545262" spans="8:8">
      <c r="H545262" s="12"/>
    </row>
    <row r="545263" spans="8:8">
      <c r="H545263" s="12"/>
    </row>
    <row r="545264" spans="8:8">
      <c r="H545264" s="12"/>
    </row>
    <row r="545265" spans="8:8">
      <c r="H545265" s="12"/>
    </row>
    <row r="545266" spans="8:8">
      <c r="H545266" s="12"/>
    </row>
    <row r="545267" spans="8:8">
      <c r="H545267" s="12"/>
    </row>
    <row r="545268" spans="8:8">
      <c r="H545268" s="12"/>
    </row>
    <row r="545269" spans="8:8">
      <c r="H545269" s="12"/>
    </row>
    <row r="545270" spans="8:8">
      <c r="H545270" s="12"/>
    </row>
    <row r="545271" spans="8:8">
      <c r="H545271" s="12"/>
    </row>
    <row r="545272" spans="8:8">
      <c r="H545272" s="12"/>
    </row>
    <row r="545273" spans="8:8">
      <c r="H545273" s="12"/>
    </row>
    <row r="545274" spans="8:8">
      <c r="H545274" s="12"/>
    </row>
    <row r="545275" spans="8:8">
      <c r="H545275" s="12"/>
    </row>
    <row r="545276" spans="8:8">
      <c r="H545276" s="12"/>
    </row>
    <row r="545277" spans="8:8">
      <c r="H545277" s="12"/>
    </row>
    <row r="545278" spans="8:8">
      <c r="H545278" s="12"/>
    </row>
    <row r="545279" spans="8:8">
      <c r="H545279" s="12"/>
    </row>
    <row r="545280" spans="8:8">
      <c r="H545280" s="12"/>
    </row>
    <row r="545281" spans="8:8">
      <c r="H545281" s="12"/>
    </row>
    <row r="545282" spans="8:8">
      <c r="H545282" s="12"/>
    </row>
    <row r="545283" spans="8:8">
      <c r="H545283" s="12"/>
    </row>
    <row r="545284" spans="8:8">
      <c r="H545284" s="12"/>
    </row>
    <row r="545285" spans="8:8">
      <c r="H545285" s="12"/>
    </row>
    <row r="545286" spans="8:8">
      <c r="H545286" s="12"/>
    </row>
    <row r="545287" spans="8:8">
      <c r="H545287" s="12"/>
    </row>
    <row r="545288" spans="8:8">
      <c r="H545288" s="12"/>
    </row>
    <row r="545289" spans="8:8">
      <c r="H545289" s="12"/>
    </row>
    <row r="545290" spans="8:8">
      <c r="H545290" s="12"/>
    </row>
    <row r="545291" spans="8:8">
      <c r="H545291" s="12"/>
    </row>
    <row r="545292" spans="8:8">
      <c r="H545292" s="12"/>
    </row>
    <row r="545293" spans="8:8">
      <c r="H545293" s="12"/>
    </row>
    <row r="545294" spans="8:8">
      <c r="H545294" s="12"/>
    </row>
    <row r="545295" spans="8:8">
      <c r="H545295" s="12"/>
    </row>
    <row r="545296" spans="8:8">
      <c r="H545296" s="12"/>
    </row>
    <row r="545297" spans="8:8">
      <c r="H545297" s="12"/>
    </row>
    <row r="545298" spans="8:8">
      <c r="H545298" s="12"/>
    </row>
    <row r="545299" spans="8:8">
      <c r="H545299" s="12"/>
    </row>
    <row r="545300" spans="8:8">
      <c r="H545300" s="12"/>
    </row>
    <row r="545301" spans="8:8">
      <c r="H545301" s="12"/>
    </row>
    <row r="545302" spans="8:8">
      <c r="H545302" s="12"/>
    </row>
    <row r="545303" spans="8:8">
      <c r="H545303" s="12"/>
    </row>
    <row r="545304" spans="8:8">
      <c r="H545304" s="12"/>
    </row>
    <row r="545305" spans="8:8">
      <c r="H545305" s="12"/>
    </row>
    <row r="545306" spans="8:8">
      <c r="H545306" s="12"/>
    </row>
    <row r="545307" spans="8:8">
      <c r="H545307" s="12"/>
    </row>
    <row r="545308" spans="8:8">
      <c r="H545308" s="12"/>
    </row>
    <row r="545309" spans="8:8">
      <c r="H545309" s="12"/>
    </row>
    <row r="545310" spans="8:8">
      <c r="H545310" s="12"/>
    </row>
    <row r="545311" spans="8:8">
      <c r="H545311" s="12"/>
    </row>
    <row r="545312" spans="8:8">
      <c r="H545312" s="12"/>
    </row>
    <row r="545313" spans="8:8">
      <c r="H545313" s="12"/>
    </row>
    <row r="545314" spans="8:8">
      <c r="H545314" s="12"/>
    </row>
    <row r="545315" spans="8:8">
      <c r="H545315" s="12"/>
    </row>
    <row r="545316" spans="8:8">
      <c r="H545316" s="12"/>
    </row>
    <row r="545317" spans="8:8">
      <c r="H545317" s="12"/>
    </row>
    <row r="545318" spans="8:8">
      <c r="H545318" s="12"/>
    </row>
    <row r="545319" spans="8:8">
      <c r="H545319" s="12"/>
    </row>
    <row r="545320" spans="8:8">
      <c r="H545320" s="12"/>
    </row>
    <row r="545321" spans="8:8">
      <c r="H545321" s="12"/>
    </row>
    <row r="545322" spans="8:8">
      <c r="H545322" s="12"/>
    </row>
    <row r="545323" spans="8:8">
      <c r="H545323" s="12"/>
    </row>
    <row r="545324" spans="8:8">
      <c r="H545324" s="12"/>
    </row>
    <row r="545325" spans="8:8">
      <c r="H545325" s="12"/>
    </row>
    <row r="545326" spans="8:8">
      <c r="H545326" s="12"/>
    </row>
    <row r="545327" spans="8:8">
      <c r="H545327" s="12"/>
    </row>
    <row r="545328" spans="8:8">
      <c r="H545328" s="12"/>
    </row>
    <row r="545329" spans="8:8">
      <c r="H545329" s="12"/>
    </row>
    <row r="545330" spans="8:8">
      <c r="H545330" s="12"/>
    </row>
    <row r="545331" spans="8:8">
      <c r="H545331" s="12"/>
    </row>
    <row r="545332" spans="8:8">
      <c r="H545332" s="12"/>
    </row>
    <row r="545333" spans="8:8">
      <c r="H545333" s="12"/>
    </row>
    <row r="545334" spans="8:8">
      <c r="H545334" s="12"/>
    </row>
    <row r="545335" spans="8:8">
      <c r="H545335" s="12"/>
    </row>
    <row r="545336" spans="8:8">
      <c r="H545336" s="12"/>
    </row>
    <row r="545337" spans="8:8">
      <c r="H545337" s="12"/>
    </row>
    <row r="545338" spans="8:8">
      <c r="H545338" s="12"/>
    </row>
    <row r="545339" spans="8:8">
      <c r="H545339" s="12"/>
    </row>
    <row r="545340" spans="8:8">
      <c r="H545340" s="12"/>
    </row>
    <row r="545341" spans="8:8">
      <c r="H545341" s="12"/>
    </row>
    <row r="545342" spans="8:8">
      <c r="H545342" s="12"/>
    </row>
    <row r="545343" spans="8:8">
      <c r="H545343" s="12"/>
    </row>
    <row r="545344" spans="8:8">
      <c r="H545344" s="12"/>
    </row>
    <row r="545345" spans="8:8">
      <c r="H545345" s="12"/>
    </row>
    <row r="545346" spans="8:8">
      <c r="H545346" s="12"/>
    </row>
    <row r="545347" spans="8:8">
      <c r="H545347" s="12"/>
    </row>
    <row r="545348" spans="8:8">
      <c r="H545348" s="12"/>
    </row>
    <row r="545349" spans="8:8">
      <c r="H545349" s="12"/>
    </row>
    <row r="545350" spans="8:8">
      <c r="H545350" s="12"/>
    </row>
    <row r="545351" spans="8:8">
      <c r="H545351" s="12"/>
    </row>
    <row r="545352" spans="8:8">
      <c r="H545352" s="12"/>
    </row>
    <row r="545353" spans="8:8">
      <c r="H545353" s="12"/>
    </row>
    <row r="545354" spans="8:8">
      <c r="H545354" s="12"/>
    </row>
    <row r="545355" spans="8:8">
      <c r="H545355" s="12"/>
    </row>
    <row r="545356" spans="8:8">
      <c r="H545356" s="12"/>
    </row>
    <row r="545357" spans="8:8">
      <c r="H545357" s="12"/>
    </row>
    <row r="545358" spans="8:8">
      <c r="H545358" s="12"/>
    </row>
    <row r="545359" spans="8:8">
      <c r="H545359" s="12"/>
    </row>
    <row r="545360" spans="8:8">
      <c r="H545360" s="12"/>
    </row>
    <row r="545361" spans="8:8">
      <c r="H545361" s="12"/>
    </row>
    <row r="545362" spans="8:8">
      <c r="H545362" s="12"/>
    </row>
    <row r="545363" spans="8:8">
      <c r="H545363" s="12"/>
    </row>
    <row r="545364" spans="8:8">
      <c r="H545364" s="12"/>
    </row>
    <row r="545365" spans="8:8">
      <c r="H545365" s="12"/>
    </row>
    <row r="545366" spans="8:8">
      <c r="H545366" s="12"/>
    </row>
    <row r="545367" spans="8:8">
      <c r="H545367" s="12"/>
    </row>
    <row r="545368" spans="8:8">
      <c r="H545368" s="12"/>
    </row>
    <row r="545369" spans="8:8">
      <c r="H545369" s="12"/>
    </row>
    <row r="545370" spans="8:8">
      <c r="H545370" s="12"/>
    </row>
    <row r="545371" spans="8:8">
      <c r="H545371" s="12"/>
    </row>
    <row r="545372" spans="8:8">
      <c r="H545372" s="12"/>
    </row>
    <row r="545373" spans="8:8">
      <c r="H545373" s="12"/>
    </row>
    <row r="545374" spans="8:8">
      <c r="H545374" s="12"/>
    </row>
    <row r="545375" spans="8:8">
      <c r="H545375" s="12"/>
    </row>
    <row r="545376" spans="8:8">
      <c r="H545376" s="12"/>
    </row>
    <row r="545377" spans="8:8">
      <c r="H545377" s="12"/>
    </row>
    <row r="545378" spans="8:8">
      <c r="H545378" s="12"/>
    </row>
    <row r="545379" spans="8:8">
      <c r="H545379" s="12"/>
    </row>
    <row r="545380" spans="8:8">
      <c r="H545380" s="12"/>
    </row>
    <row r="545381" spans="8:8">
      <c r="H545381" s="12"/>
    </row>
    <row r="545382" spans="8:8">
      <c r="H545382" s="12"/>
    </row>
    <row r="545383" spans="8:8">
      <c r="H545383" s="12"/>
    </row>
    <row r="545384" spans="8:8">
      <c r="H545384" s="12"/>
    </row>
    <row r="545385" spans="8:8">
      <c r="H545385" s="12"/>
    </row>
    <row r="545386" spans="8:8">
      <c r="H545386" s="12"/>
    </row>
    <row r="545387" spans="8:8">
      <c r="H545387" s="12"/>
    </row>
    <row r="545388" spans="8:8">
      <c r="H545388" s="12"/>
    </row>
    <row r="545389" spans="8:8">
      <c r="H545389" s="12"/>
    </row>
    <row r="545390" spans="8:8">
      <c r="H545390" s="12"/>
    </row>
    <row r="545391" spans="8:8">
      <c r="H545391" s="12"/>
    </row>
    <row r="545392" spans="8:8">
      <c r="H545392" s="12"/>
    </row>
    <row r="545393" spans="8:8">
      <c r="H545393" s="12"/>
    </row>
    <row r="545394" spans="8:8">
      <c r="H545394" s="12"/>
    </row>
    <row r="545395" spans="8:8">
      <c r="H545395" s="12"/>
    </row>
    <row r="545396" spans="8:8">
      <c r="H545396" s="12"/>
    </row>
    <row r="545397" spans="8:8">
      <c r="H545397" s="12"/>
    </row>
    <row r="545398" spans="8:8">
      <c r="H545398" s="12"/>
    </row>
    <row r="545399" spans="8:8">
      <c r="H545399" s="12"/>
    </row>
    <row r="545400" spans="8:8">
      <c r="H545400" s="12"/>
    </row>
    <row r="545401" spans="8:8">
      <c r="H545401" s="12"/>
    </row>
    <row r="545402" spans="8:8">
      <c r="H545402" s="12"/>
    </row>
    <row r="545403" spans="8:8">
      <c r="H545403" s="12"/>
    </row>
    <row r="545404" spans="8:8">
      <c r="H545404" s="12"/>
    </row>
    <row r="545405" spans="8:8">
      <c r="H545405" s="12"/>
    </row>
    <row r="545406" spans="8:8">
      <c r="H545406" s="12"/>
    </row>
    <row r="545407" spans="8:8">
      <c r="H545407" s="12"/>
    </row>
    <row r="545408" spans="8:8">
      <c r="H545408" s="12"/>
    </row>
    <row r="545409" spans="8:8">
      <c r="H545409" s="12"/>
    </row>
    <row r="545410" spans="8:8">
      <c r="H545410" s="12"/>
    </row>
    <row r="545411" spans="8:8">
      <c r="H545411" s="12"/>
    </row>
    <row r="545412" spans="8:8">
      <c r="H545412" s="12"/>
    </row>
    <row r="545413" spans="8:8">
      <c r="H545413" s="12"/>
    </row>
    <row r="545414" spans="8:8">
      <c r="H545414" s="12"/>
    </row>
    <row r="545415" spans="8:8">
      <c r="H545415" s="12"/>
    </row>
    <row r="545416" spans="8:8">
      <c r="H545416" s="12"/>
    </row>
    <row r="545417" spans="8:8">
      <c r="H545417" s="12"/>
    </row>
    <row r="545418" spans="8:8">
      <c r="H545418" s="12"/>
    </row>
    <row r="545419" spans="8:8">
      <c r="H545419" s="12"/>
    </row>
    <row r="545420" spans="8:8">
      <c r="H545420" s="12"/>
    </row>
    <row r="545421" spans="8:8">
      <c r="H545421" s="12"/>
    </row>
    <row r="545422" spans="8:8">
      <c r="H545422" s="12"/>
    </row>
    <row r="545423" spans="8:8">
      <c r="H545423" s="12"/>
    </row>
    <row r="545424" spans="8:8">
      <c r="H545424" s="12"/>
    </row>
    <row r="545425" spans="8:8">
      <c r="H545425" s="12"/>
    </row>
    <row r="545426" spans="8:8">
      <c r="H545426" s="12"/>
    </row>
    <row r="545427" spans="8:8">
      <c r="H545427" s="12"/>
    </row>
    <row r="545428" spans="8:8">
      <c r="H545428" s="12"/>
    </row>
    <row r="545429" spans="8:8">
      <c r="H545429" s="12"/>
    </row>
    <row r="545430" spans="8:8">
      <c r="H545430" s="12"/>
    </row>
    <row r="545431" spans="8:8">
      <c r="H545431" s="12"/>
    </row>
    <row r="545432" spans="8:8">
      <c r="H545432" s="12"/>
    </row>
    <row r="545433" spans="8:8">
      <c r="H545433" s="12"/>
    </row>
    <row r="545434" spans="8:8">
      <c r="H545434" s="12"/>
    </row>
    <row r="545435" spans="8:8">
      <c r="H545435" s="12"/>
    </row>
    <row r="545436" spans="8:8">
      <c r="H545436" s="12"/>
    </row>
    <row r="545437" spans="8:8">
      <c r="H545437" s="12"/>
    </row>
    <row r="545438" spans="8:8">
      <c r="H545438" s="12"/>
    </row>
    <row r="545439" spans="8:8">
      <c r="H545439" s="12"/>
    </row>
    <row r="545440" spans="8:8">
      <c r="H545440" s="12"/>
    </row>
    <row r="545441" spans="8:8">
      <c r="H545441" s="12"/>
    </row>
    <row r="545442" spans="8:8">
      <c r="H545442" s="12"/>
    </row>
    <row r="545443" spans="8:8">
      <c r="H545443" s="12"/>
    </row>
    <row r="545444" spans="8:8">
      <c r="H545444" s="12"/>
    </row>
    <row r="545445" spans="8:8">
      <c r="H545445" s="12"/>
    </row>
    <row r="545446" spans="8:8">
      <c r="H545446" s="12"/>
    </row>
    <row r="545447" spans="8:8">
      <c r="H545447" s="12"/>
    </row>
    <row r="545448" spans="8:8">
      <c r="H545448" s="12"/>
    </row>
    <row r="545449" spans="8:8">
      <c r="H545449" s="12"/>
    </row>
    <row r="545450" spans="8:8">
      <c r="H545450" s="12"/>
    </row>
    <row r="545451" spans="8:8">
      <c r="H545451" s="12"/>
    </row>
    <row r="545452" spans="8:8">
      <c r="H545452" s="12"/>
    </row>
    <row r="545453" spans="8:8">
      <c r="H545453" s="12"/>
    </row>
    <row r="545454" spans="8:8">
      <c r="H545454" s="12"/>
    </row>
    <row r="545455" spans="8:8">
      <c r="H545455" s="12"/>
    </row>
    <row r="545456" spans="8:8">
      <c r="H545456" s="12"/>
    </row>
    <row r="545457" spans="8:8">
      <c r="H545457" s="12"/>
    </row>
    <row r="545458" spans="8:8">
      <c r="H545458" s="12"/>
    </row>
    <row r="545459" spans="8:8">
      <c r="H545459" s="12"/>
    </row>
    <row r="545460" spans="8:8">
      <c r="H545460" s="12"/>
    </row>
    <row r="545461" spans="8:8">
      <c r="H545461" s="12"/>
    </row>
    <row r="545462" spans="8:8">
      <c r="H545462" s="12"/>
    </row>
    <row r="545463" spans="8:8">
      <c r="H545463" s="12"/>
    </row>
    <row r="545464" spans="8:8">
      <c r="H545464" s="12"/>
    </row>
    <row r="545465" spans="8:8">
      <c r="H545465" s="12"/>
    </row>
    <row r="545466" spans="8:8">
      <c r="H545466" s="12"/>
    </row>
    <row r="545467" spans="8:8">
      <c r="H545467" s="12"/>
    </row>
    <row r="545468" spans="8:8">
      <c r="H545468" s="12"/>
    </row>
    <row r="545469" spans="8:8">
      <c r="H545469" s="12"/>
    </row>
    <row r="545470" spans="8:8">
      <c r="H545470" s="12"/>
    </row>
    <row r="545471" spans="8:8">
      <c r="H545471" s="12"/>
    </row>
    <row r="545472" spans="8:8">
      <c r="H545472" s="12"/>
    </row>
    <row r="545473" spans="8:8">
      <c r="H545473" s="12"/>
    </row>
    <row r="545474" spans="8:8">
      <c r="H545474" s="12"/>
    </row>
    <row r="545475" spans="8:8">
      <c r="H545475" s="12"/>
    </row>
    <row r="545476" spans="8:8">
      <c r="H545476" s="12"/>
    </row>
    <row r="545477" spans="8:8">
      <c r="H545477" s="12"/>
    </row>
    <row r="545478" spans="8:8">
      <c r="H545478" s="12"/>
    </row>
    <row r="545479" spans="8:8">
      <c r="H545479" s="12"/>
    </row>
    <row r="545480" spans="8:8">
      <c r="H545480" s="12"/>
    </row>
    <row r="545481" spans="8:8">
      <c r="H545481" s="12"/>
    </row>
    <row r="545482" spans="8:8">
      <c r="H545482" s="12"/>
    </row>
    <row r="545483" spans="8:8">
      <c r="H545483" s="12"/>
    </row>
    <row r="545484" spans="8:8">
      <c r="H545484" s="12"/>
    </row>
    <row r="545485" spans="8:8">
      <c r="H545485" s="12"/>
    </row>
    <row r="545486" spans="8:8">
      <c r="H545486" s="12"/>
    </row>
    <row r="545487" spans="8:8">
      <c r="H545487" s="12"/>
    </row>
    <row r="545488" spans="8:8">
      <c r="H545488" s="12"/>
    </row>
    <row r="545489" spans="8:8">
      <c r="H545489" s="12"/>
    </row>
    <row r="545490" spans="8:8">
      <c r="H545490" s="12"/>
    </row>
    <row r="545491" spans="8:8">
      <c r="H545491" s="12"/>
    </row>
    <row r="545492" spans="8:8">
      <c r="H545492" s="12"/>
    </row>
    <row r="545493" spans="8:8">
      <c r="H545493" s="12"/>
    </row>
    <row r="545494" spans="8:8">
      <c r="H545494" s="12"/>
    </row>
    <row r="545495" spans="8:8">
      <c r="H545495" s="12"/>
    </row>
    <row r="545496" spans="8:8">
      <c r="H545496" s="12"/>
    </row>
    <row r="545497" spans="8:8">
      <c r="H545497" s="12"/>
    </row>
    <row r="545498" spans="8:8">
      <c r="H545498" s="12"/>
    </row>
    <row r="545499" spans="8:8">
      <c r="H545499" s="12"/>
    </row>
    <row r="545500" spans="8:8">
      <c r="H545500" s="12"/>
    </row>
    <row r="545501" spans="8:8">
      <c r="H545501" s="12"/>
    </row>
    <row r="545502" spans="8:8">
      <c r="H545502" s="12"/>
    </row>
    <row r="545503" spans="8:8">
      <c r="H545503" s="12"/>
    </row>
    <row r="545504" spans="8:8">
      <c r="H545504" s="12"/>
    </row>
    <row r="545505" spans="8:8">
      <c r="H545505" s="12"/>
    </row>
    <row r="545506" spans="8:8">
      <c r="H545506" s="12"/>
    </row>
    <row r="545507" spans="8:8">
      <c r="H545507" s="12"/>
    </row>
    <row r="545508" spans="8:8">
      <c r="H545508" s="12"/>
    </row>
    <row r="545509" spans="8:8">
      <c r="H545509" s="12"/>
    </row>
    <row r="545510" spans="8:8">
      <c r="H545510" s="12"/>
    </row>
    <row r="545511" spans="8:8">
      <c r="H545511" s="12"/>
    </row>
    <row r="545512" spans="8:8">
      <c r="H545512" s="12"/>
    </row>
    <row r="545513" spans="8:8">
      <c r="H545513" s="12"/>
    </row>
    <row r="545514" spans="8:8">
      <c r="H545514" s="12"/>
    </row>
    <row r="545515" spans="8:8">
      <c r="H545515" s="12"/>
    </row>
    <row r="545516" spans="8:8">
      <c r="H545516" s="12"/>
    </row>
    <row r="545517" spans="8:8">
      <c r="H545517" s="12"/>
    </row>
    <row r="545518" spans="8:8">
      <c r="H545518" s="12"/>
    </row>
    <row r="545519" spans="8:8">
      <c r="H545519" s="12"/>
    </row>
    <row r="545520" spans="8:8">
      <c r="H545520" s="12"/>
    </row>
    <row r="545521" spans="8:8">
      <c r="H545521" s="12"/>
    </row>
    <row r="545522" spans="8:8">
      <c r="H545522" s="12"/>
    </row>
    <row r="545523" spans="8:8">
      <c r="H545523" s="12"/>
    </row>
    <row r="545524" spans="8:8">
      <c r="H545524" s="12"/>
    </row>
    <row r="545525" spans="8:8">
      <c r="H545525" s="12"/>
    </row>
    <row r="545526" spans="8:8">
      <c r="H545526" s="12"/>
    </row>
    <row r="545527" spans="8:8">
      <c r="H545527" s="12"/>
    </row>
    <row r="545528" spans="8:8">
      <c r="H545528" s="12"/>
    </row>
    <row r="545529" spans="8:8">
      <c r="H545529" s="12"/>
    </row>
    <row r="545530" spans="8:8">
      <c r="H545530" s="12"/>
    </row>
    <row r="545531" spans="8:8">
      <c r="H545531" s="12"/>
    </row>
    <row r="545532" spans="8:8">
      <c r="H545532" s="12"/>
    </row>
    <row r="545533" spans="8:8">
      <c r="H545533" s="12"/>
    </row>
    <row r="545534" spans="8:8">
      <c r="H545534" s="12"/>
    </row>
    <row r="545535" spans="8:8">
      <c r="H545535" s="12"/>
    </row>
    <row r="545536" spans="8:8">
      <c r="H545536" s="12"/>
    </row>
    <row r="545537" spans="8:8">
      <c r="H545537" s="12"/>
    </row>
    <row r="545538" spans="8:8">
      <c r="H545538" s="12"/>
    </row>
    <row r="545539" spans="8:8">
      <c r="H545539" s="12"/>
    </row>
    <row r="545540" spans="8:8">
      <c r="H545540" s="12"/>
    </row>
    <row r="545541" spans="8:8">
      <c r="H545541" s="12"/>
    </row>
    <row r="545542" spans="8:8">
      <c r="H545542" s="12"/>
    </row>
    <row r="545543" spans="8:8">
      <c r="H545543" s="12"/>
    </row>
    <row r="545544" spans="8:8">
      <c r="H545544" s="12"/>
    </row>
    <row r="545545" spans="8:8">
      <c r="H545545" s="12"/>
    </row>
    <row r="545546" spans="8:8">
      <c r="H545546" s="12"/>
    </row>
    <row r="545547" spans="8:8">
      <c r="H545547" s="12"/>
    </row>
    <row r="545548" spans="8:8">
      <c r="H545548" s="12"/>
    </row>
    <row r="545549" spans="8:8">
      <c r="H545549" s="12"/>
    </row>
    <row r="545550" spans="8:8">
      <c r="H545550" s="12"/>
    </row>
    <row r="545551" spans="8:8">
      <c r="H545551" s="12"/>
    </row>
    <row r="545552" spans="8:8">
      <c r="H545552" s="12"/>
    </row>
    <row r="545553" spans="8:8">
      <c r="H545553" s="12"/>
    </row>
    <row r="545554" spans="8:8">
      <c r="H545554" s="12"/>
    </row>
    <row r="545555" spans="8:8">
      <c r="H545555" s="12"/>
    </row>
    <row r="545556" spans="8:8">
      <c r="H545556" s="12"/>
    </row>
    <row r="545557" spans="8:8">
      <c r="H545557" s="12"/>
    </row>
    <row r="545558" spans="8:8">
      <c r="H545558" s="12"/>
    </row>
    <row r="545559" spans="8:8">
      <c r="H545559" s="12"/>
    </row>
    <row r="545560" spans="8:8">
      <c r="H545560" s="12"/>
    </row>
    <row r="545561" spans="8:8">
      <c r="H545561" s="12"/>
    </row>
    <row r="545562" spans="8:8">
      <c r="H545562" s="12"/>
    </row>
    <row r="545563" spans="8:8">
      <c r="H545563" s="12"/>
    </row>
    <row r="545564" spans="8:8">
      <c r="H545564" s="12"/>
    </row>
    <row r="545565" spans="8:8">
      <c r="H545565" s="12"/>
    </row>
    <row r="545566" spans="8:8">
      <c r="H545566" s="12"/>
    </row>
    <row r="545567" spans="8:8">
      <c r="H545567" s="12"/>
    </row>
    <row r="545568" spans="8:8">
      <c r="H545568" s="12"/>
    </row>
    <row r="545569" spans="8:8">
      <c r="H545569" s="12"/>
    </row>
    <row r="545570" spans="8:8">
      <c r="H545570" s="12"/>
    </row>
    <row r="545571" spans="8:8">
      <c r="H545571" s="12"/>
    </row>
    <row r="545572" spans="8:8">
      <c r="H545572" s="12"/>
    </row>
    <row r="545573" spans="8:8">
      <c r="H545573" s="12"/>
    </row>
    <row r="545574" spans="8:8">
      <c r="H545574" s="12"/>
    </row>
    <row r="545575" spans="8:8">
      <c r="H545575" s="12"/>
    </row>
    <row r="545576" spans="8:8">
      <c r="H545576" s="12"/>
    </row>
    <row r="545577" spans="8:8">
      <c r="H545577" s="12"/>
    </row>
    <row r="545578" spans="8:8">
      <c r="H545578" s="12"/>
    </row>
    <row r="545579" spans="8:8">
      <c r="H545579" s="12"/>
    </row>
    <row r="545580" spans="8:8">
      <c r="H545580" s="12"/>
    </row>
    <row r="545581" spans="8:8">
      <c r="H545581" s="12"/>
    </row>
    <row r="545582" spans="8:8">
      <c r="H545582" s="12"/>
    </row>
    <row r="545583" spans="8:8">
      <c r="H545583" s="12"/>
    </row>
    <row r="545584" spans="8:8">
      <c r="H545584" s="12"/>
    </row>
    <row r="545585" spans="8:8">
      <c r="H545585" s="12"/>
    </row>
    <row r="545586" spans="8:8">
      <c r="H545586" s="12"/>
    </row>
    <row r="545587" spans="8:8">
      <c r="H545587" s="12"/>
    </row>
    <row r="545588" spans="8:8">
      <c r="H545588" s="12"/>
    </row>
    <row r="545589" spans="8:8">
      <c r="H545589" s="12"/>
    </row>
    <row r="545590" spans="8:8">
      <c r="H545590" s="12"/>
    </row>
    <row r="545591" spans="8:8">
      <c r="H545591" s="12"/>
    </row>
    <row r="545592" spans="8:8">
      <c r="H545592" s="12"/>
    </row>
    <row r="545593" spans="8:8">
      <c r="H545593" s="12"/>
    </row>
    <row r="545594" spans="8:8">
      <c r="H545594" s="12"/>
    </row>
    <row r="545595" spans="8:8">
      <c r="H545595" s="12"/>
    </row>
    <row r="545596" spans="8:8">
      <c r="H545596" s="12"/>
    </row>
    <row r="545597" spans="8:8">
      <c r="H545597" s="12"/>
    </row>
    <row r="545598" spans="8:8">
      <c r="H545598" s="12"/>
    </row>
    <row r="545599" spans="8:8">
      <c r="H545599" s="12"/>
    </row>
    <row r="545600" spans="8:8">
      <c r="H545600" s="12"/>
    </row>
    <row r="545601" spans="8:8">
      <c r="H545601" s="12"/>
    </row>
    <row r="545602" spans="8:8">
      <c r="H545602" s="12"/>
    </row>
    <row r="545603" spans="8:8">
      <c r="H545603" s="12"/>
    </row>
    <row r="545604" spans="8:8">
      <c r="H545604" s="12"/>
    </row>
    <row r="545605" spans="8:8">
      <c r="H545605" s="12"/>
    </row>
    <row r="545606" spans="8:8">
      <c r="H545606" s="12"/>
    </row>
    <row r="545607" spans="8:8">
      <c r="H545607" s="12"/>
    </row>
    <row r="545608" spans="8:8">
      <c r="H545608" s="12"/>
    </row>
    <row r="545609" spans="8:8">
      <c r="H545609" s="12"/>
    </row>
    <row r="545610" spans="8:8">
      <c r="H545610" s="12"/>
    </row>
    <row r="545611" spans="8:8">
      <c r="H545611" s="12"/>
    </row>
    <row r="545612" spans="8:8">
      <c r="H545612" s="12"/>
    </row>
    <row r="545613" spans="8:8">
      <c r="H545613" s="12"/>
    </row>
    <row r="545614" spans="8:8">
      <c r="H545614" s="12"/>
    </row>
    <row r="545615" spans="8:8">
      <c r="H545615" s="12"/>
    </row>
    <row r="545616" spans="8:8">
      <c r="H545616" s="12"/>
    </row>
    <row r="545617" spans="8:8">
      <c r="H545617" s="12"/>
    </row>
    <row r="545618" spans="8:8">
      <c r="H545618" s="12"/>
    </row>
    <row r="545619" spans="8:8">
      <c r="H545619" s="12"/>
    </row>
    <row r="545620" spans="8:8">
      <c r="H545620" s="12"/>
    </row>
    <row r="545621" spans="8:8">
      <c r="H545621" s="12"/>
    </row>
    <row r="545622" spans="8:8">
      <c r="H545622" s="12"/>
    </row>
    <row r="545623" spans="8:8">
      <c r="H545623" s="12"/>
    </row>
    <row r="545624" spans="8:8">
      <c r="H545624" s="12"/>
    </row>
    <row r="545625" spans="8:8">
      <c r="H545625" s="12"/>
    </row>
    <row r="545626" spans="8:8">
      <c r="H545626" s="12"/>
    </row>
    <row r="545627" spans="8:8">
      <c r="H545627" s="12"/>
    </row>
    <row r="545628" spans="8:8">
      <c r="H545628" s="12"/>
    </row>
    <row r="545629" spans="8:8">
      <c r="H545629" s="12"/>
    </row>
    <row r="545630" spans="8:8">
      <c r="H545630" s="12"/>
    </row>
    <row r="545631" spans="8:8">
      <c r="H545631" s="12"/>
    </row>
    <row r="545632" spans="8:8">
      <c r="H545632" s="12"/>
    </row>
    <row r="545633" spans="8:8">
      <c r="H545633" s="12"/>
    </row>
    <row r="545634" spans="8:8">
      <c r="H545634" s="12"/>
    </row>
    <row r="545635" spans="8:8">
      <c r="H545635" s="12"/>
    </row>
    <row r="545636" spans="8:8">
      <c r="H545636" s="12"/>
    </row>
    <row r="545637" spans="8:8">
      <c r="H545637" s="12"/>
    </row>
    <row r="545638" spans="8:8">
      <c r="H545638" s="12"/>
    </row>
    <row r="545639" spans="8:8">
      <c r="H545639" s="12"/>
    </row>
    <row r="545640" spans="8:8">
      <c r="H545640" s="12"/>
    </row>
    <row r="545641" spans="8:8">
      <c r="H545641" s="12"/>
    </row>
    <row r="545642" spans="8:8">
      <c r="H545642" s="12"/>
    </row>
    <row r="545643" spans="8:8">
      <c r="H545643" s="12"/>
    </row>
    <row r="545644" spans="8:8">
      <c r="H545644" s="12"/>
    </row>
    <row r="545645" spans="8:8">
      <c r="H545645" s="12"/>
    </row>
    <row r="545646" spans="8:8">
      <c r="H545646" s="12"/>
    </row>
    <row r="545647" spans="8:8">
      <c r="H545647" s="12"/>
    </row>
    <row r="545648" spans="8:8">
      <c r="H545648" s="12"/>
    </row>
    <row r="545649" spans="8:8">
      <c r="H545649" s="12"/>
    </row>
    <row r="545650" spans="8:8">
      <c r="H545650" s="12"/>
    </row>
    <row r="545651" spans="8:8">
      <c r="H545651" s="12"/>
    </row>
    <row r="545652" spans="8:8">
      <c r="H545652" s="12"/>
    </row>
    <row r="545653" spans="8:8">
      <c r="H545653" s="12"/>
    </row>
    <row r="545654" spans="8:8">
      <c r="H545654" s="12"/>
    </row>
    <row r="545655" spans="8:8">
      <c r="H545655" s="12"/>
    </row>
    <row r="545656" spans="8:8">
      <c r="H545656" s="12"/>
    </row>
    <row r="545657" spans="8:8">
      <c r="H545657" s="12"/>
    </row>
    <row r="545658" spans="8:8">
      <c r="H545658" s="12"/>
    </row>
    <row r="545659" spans="8:8">
      <c r="H545659" s="12"/>
    </row>
    <row r="545660" spans="8:8">
      <c r="H545660" s="12"/>
    </row>
    <row r="545661" spans="8:8">
      <c r="H545661" s="12"/>
    </row>
    <row r="545662" spans="8:8">
      <c r="H545662" s="12"/>
    </row>
    <row r="545663" spans="8:8">
      <c r="H545663" s="12"/>
    </row>
    <row r="545664" spans="8:8">
      <c r="H545664" s="12"/>
    </row>
    <row r="545665" spans="8:8">
      <c r="H545665" s="12"/>
    </row>
    <row r="545666" spans="8:8">
      <c r="H545666" s="12"/>
    </row>
    <row r="545667" spans="8:8">
      <c r="H545667" s="12"/>
    </row>
    <row r="545668" spans="8:8">
      <c r="H545668" s="12"/>
    </row>
    <row r="545669" spans="8:8">
      <c r="H545669" s="12"/>
    </row>
    <row r="545670" spans="8:8">
      <c r="H545670" s="12"/>
    </row>
    <row r="545671" spans="8:8">
      <c r="H545671" s="12"/>
    </row>
    <row r="545672" spans="8:8">
      <c r="H545672" s="12"/>
    </row>
    <row r="545673" spans="8:8">
      <c r="H545673" s="12"/>
    </row>
    <row r="545674" spans="8:8">
      <c r="H545674" s="12"/>
    </row>
    <row r="545675" spans="8:8">
      <c r="H545675" s="12"/>
    </row>
    <row r="545676" spans="8:8">
      <c r="H545676" s="12"/>
    </row>
    <row r="545677" spans="8:8">
      <c r="H545677" s="12"/>
    </row>
    <row r="545678" spans="8:8">
      <c r="H545678" s="12"/>
    </row>
    <row r="545679" spans="8:8">
      <c r="H545679" s="12"/>
    </row>
    <row r="545680" spans="8:8">
      <c r="H545680" s="12"/>
    </row>
    <row r="545681" spans="8:8">
      <c r="H545681" s="12"/>
    </row>
    <row r="545682" spans="8:8">
      <c r="H545682" s="12"/>
    </row>
    <row r="545683" spans="8:8">
      <c r="H545683" s="12"/>
    </row>
    <row r="545684" spans="8:8">
      <c r="H545684" s="12"/>
    </row>
    <row r="545685" spans="8:8">
      <c r="H545685" s="12"/>
    </row>
    <row r="545686" spans="8:8">
      <c r="H545686" s="12"/>
    </row>
    <row r="545687" spans="8:8">
      <c r="H545687" s="12"/>
    </row>
    <row r="545688" spans="8:8">
      <c r="H545688" s="12"/>
    </row>
    <row r="545689" spans="8:8">
      <c r="H545689" s="12"/>
    </row>
    <row r="545690" spans="8:8">
      <c r="H545690" s="12"/>
    </row>
    <row r="545691" spans="8:8">
      <c r="H545691" s="12"/>
    </row>
    <row r="545692" spans="8:8">
      <c r="H545692" s="12"/>
    </row>
    <row r="545693" spans="8:8">
      <c r="H545693" s="12"/>
    </row>
    <row r="545694" spans="8:8">
      <c r="H545694" s="12"/>
    </row>
    <row r="545695" spans="8:8">
      <c r="H545695" s="12"/>
    </row>
    <row r="545696" spans="8:8">
      <c r="H545696" s="12"/>
    </row>
    <row r="545697" spans="8:8">
      <c r="H545697" s="12"/>
    </row>
    <row r="545698" spans="8:8">
      <c r="H545698" s="12"/>
    </row>
    <row r="545699" spans="8:8">
      <c r="H545699" s="12"/>
    </row>
    <row r="545700" spans="8:8">
      <c r="H545700" s="12"/>
    </row>
    <row r="545701" spans="8:8">
      <c r="H545701" s="12"/>
    </row>
    <row r="545702" spans="8:8">
      <c r="H545702" s="12"/>
    </row>
    <row r="545703" spans="8:8">
      <c r="H545703" s="12"/>
    </row>
    <row r="545704" spans="8:8">
      <c r="H545704" s="12"/>
    </row>
    <row r="545705" spans="8:8">
      <c r="H545705" s="12"/>
    </row>
    <row r="545706" spans="8:8">
      <c r="H545706" s="12"/>
    </row>
    <row r="545707" spans="8:8">
      <c r="H545707" s="12"/>
    </row>
    <row r="545708" spans="8:8">
      <c r="H545708" s="12"/>
    </row>
    <row r="545709" spans="8:8">
      <c r="H545709" s="12"/>
    </row>
    <row r="545710" spans="8:8">
      <c r="H545710" s="12"/>
    </row>
    <row r="545711" spans="8:8">
      <c r="H545711" s="12"/>
    </row>
    <row r="545712" spans="8:8">
      <c r="H545712" s="12"/>
    </row>
    <row r="545713" spans="8:8">
      <c r="H545713" s="12"/>
    </row>
    <row r="545714" spans="8:8">
      <c r="H545714" s="12"/>
    </row>
    <row r="545715" spans="8:8">
      <c r="H545715" s="12"/>
    </row>
    <row r="545716" spans="8:8">
      <c r="H545716" s="12"/>
    </row>
    <row r="545717" spans="8:8">
      <c r="H545717" s="12"/>
    </row>
    <row r="545718" spans="8:8">
      <c r="H545718" s="12"/>
    </row>
    <row r="545719" spans="8:8">
      <c r="H545719" s="12"/>
    </row>
    <row r="545720" spans="8:8">
      <c r="H545720" s="12"/>
    </row>
    <row r="545721" spans="8:8">
      <c r="H545721" s="12"/>
    </row>
    <row r="545722" spans="8:8">
      <c r="H545722" s="12"/>
    </row>
    <row r="545723" spans="8:8">
      <c r="H545723" s="12"/>
    </row>
    <row r="545724" spans="8:8">
      <c r="H545724" s="12"/>
    </row>
    <row r="545725" spans="8:8">
      <c r="H545725" s="12"/>
    </row>
    <row r="545726" spans="8:8">
      <c r="H545726" s="12"/>
    </row>
    <row r="545727" spans="8:8">
      <c r="H545727" s="12"/>
    </row>
    <row r="545728" spans="8:8">
      <c r="H545728" s="12"/>
    </row>
    <row r="545729" spans="8:8">
      <c r="H545729" s="12"/>
    </row>
    <row r="545730" spans="8:8">
      <c r="H545730" s="12"/>
    </row>
    <row r="545731" spans="8:8">
      <c r="H545731" s="12"/>
    </row>
    <row r="545732" spans="8:8">
      <c r="H545732" s="12"/>
    </row>
    <row r="545733" spans="8:8">
      <c r="H545733" s="12"/>
    </row>
    <row r="545734" spans="8:8">
      <c r="H545734" s="12"/>
    </row>
    <row r="545735" spans="8:8">
      <c r="H545735" s="12"/>
    </row>
    <row r="545736" spans="8:8">
      <c r="H545736" s="12"/>
    </row>
    <row r="545737" spans="8:8">
      <c r="H545737" s="12"/>
    </row>
    <row r="545738" spans="8:8">
      <c r="H545738" s="12"/>
    </row>
    <row r="545739" spans="8:8">
      <c r="H545739" s="12"/>
    </row>
    <row r="545740" spans="8:8">
      <c r="H545740" s="12"/>
    </row>
    <row r="545741" spans="8:8">
      <c r="H545741" s="12"/>
    </row>
    <row r="545742" spans="8:8">
      <c r="H545742" s="12"/>
    </row>
    <row r="545743" spans="8:8">
      <c r="H545743" s="12"/>
    </row>
    <row r="545744" spans="8:8">
      <c r="H545744" s="12"/>
    </row>
    <row r="545745" spans="8:8">
      <c r="H545745" s="12"/>
    </row>
    <row r="545746" spans="8:8">
      <c r="H545746" s="12"/>
    </row>
    <row r="545747" spans="8:8">
      <c r="H545747" s="12"/>
    </row>
    <row r="545748" spans="8:8">
      <c r="H545748" s="12"/>
    </row>
    <row r="545749" spans="8:8">
      <c r="H545749" s="12"/>
    </row>
    <row r="545750" spans="8:8">
      <c r="H545750" s="12"/>
    </row>
    <row r="545751" spans="8:8">
      <c r="H545751" s="12"/>
    </row>
    <row r="545752" spans="8:8">
      <c r="H545752" s="12"/>
    </row>
    <row r="545753" spans="8:8">
      <c r="H545753" s="12"/>
    </row>
    <row r="545754" spans="8:8">
      <c r="H545754" s="12"/>
    </row>
    <row r="545755" spans="8:8">
      <c r="H545755" s="12"/>
    </row>
    <row r="545756" spans="8:8">
      <c r="H545756" s="12"/>
    </row>
    <row r="545757" spans="8:8">
      <c r="H545757" s="12"/>
    </row>
    <row r="545758" spans="8:8">
      <c r="H545758" s="12"/>
    </row>
    <row r="545759" spans="8:8">
      <c r="H545759" s="12"/>
    </row>
    <row r="545760" spans="8:8">
      <c r="H545760" s="12"/>
    </row>
    <row r="545761" spans="8:8">
      <c r="H545761" s="12"/>
    </row>
    <row r="545762" spans="8:8">
      <c r="H545762" s="12"/>
    </row>
    <row r="545763" spans="8:8">
      <c r="H545763" s="12"/>
    </row>
    <row r="545764" spans="8:8">
      <c r="H545764" s="12"/>
    </row>
    <row r="545765" spans="8:8">
      <c r="H545765" s="12"/>
    </row>
    <row r="545766" spans="8:8">
      <c r="H545766" s="12"/>
    </row>
    <row r="545767" spans="8:8">
      <c r="H545767" s="12"/>
    </row>
    <row r="545768" spans="8:8">
      <c r="H545768" s="12"/>
    </row>
    <row r="545769" spans="8:8">
      <c r="H545769" s="12"/>
    </row>
    <row r="545770" spans="8:8">
      <c r="H545770" s="12"/>
    </row>
    <row r="545771" spans="8:8">
      <c r="H545771" s="12"/>
    </row>
    <row r="545772" spans="8:8">
      <c r="H545772" s="12"/>
    </row>
    <row r="545773" spans="8:8">
      <c r="H545773" s="12"/>
    </row>
    <row r="545774" spans="8:8">
      <c r="H545774" s="12"/>
    </row>
    <row r="545775" spans="8:8">
      <c r="H545775" s="12"/>
    </row>
    <row r="545776" spans="8:8">
      <c r="H545776" s="12"/>
    </row>
    <row r="545777" spans="8:8">
      <c r="H545777" s="12"/>
    </row>
    <row r="545778" spans="8:8">
      <c r="H545778" s="12"/>
    </row>
    <row r="545779" spans="8:8">
      <c r="H545779" s="12"/>
    </row>
    <row r="545780" spans="8:8">
      <c r="H545780" s="12"/>
    </row>
    <row r="545781" spans="8:8">
      <c r="H545781" s="12"/>
    </row>
    <row r="545782" spans="8:8">
      <c r="H545782" s="12"/>
    </row>
    <row r="545783" spans="8:8">
      <c r="H545783" s="12"/>
    </row>
    <row r="545784" spans="8:8">
      <c r="H545784" s="12"/>
    </row>
    <row r="545785" spans="8:8">
      <c r="H545785" s="12"/>
    </row>
    <row r="545786" spans="8:8">
      <c r="H545786" s="12"/>
    </row>
    <row r="545787" spans="8:8">
      <c r="H545787" s="12"/>
    </row>
    <row r="545788" spans="8:8">
      <c r="H545788" s="12"/>
    </row>
    <row r="545789" spans="8:8">
      <c r="H545789" s="12"/>
    </row>
    <row r="545790" spans="8:8">
      <c r="H545790" s="12"/>
    </row>
    <row r="545791" spans="8:8">
      <c r="H545791" s="12"/>
    </row>
    <row r="545792" spans="8:8">
      <c r="H545792" s="12"/>
    </row>
    <row r="545793" spans="8:8">
      <c r="H545793" s="12"/>
    </row>
    <row r="545794" spans="8:8">
      <c r="H545794" s="12"/>
    </row>
    <row r="545795" spans="8:8">
      <c r="H545795" s="12"/>
    </row>
    <row r="545796" spans="8:8">
      <c r="H545796" s="12"/>
    </row>
    <row r="545797" spans="8:8">
      <c r="H545797" s="12"/>
    </row>
    <row r="545798" spans="8:8">
      <c r="H545798" s="12"/>
    </row>
    <row r="545799" spans="8:8">
      <c r="H545799" s="12"/>
    </row>
    <row r="545800" spans="8:8">
      <c r="H545800" s="12"/>
    </row>
    <row r="545801" spans="8:8">
      <c r="H545801" s="12"/>
    </row>
    <row r="545802" spans="8:8">
      <c r="H545802" s="12"/>
    </row>
    <row r="545803" spans="8:8">
      <c r="H545803" s="12"/>
    </row>
    <row r="545804" spans="8:8">
      <c r="H545804" s="12"/>
    </row>
    <row r="545805" spans="8:8">
      <c r="H545805" s="12"/>
    </row>
    <row r="545806" spans="8:8">
      <c r="H545806" s="12"/>
    </row>
    <row r="545807" spans="8:8">
      <c r="H545807" s="12"/>
    </row>
    <row r="545808" spans="8:8">
      <c r="H545808" s="12"/>
    </row>
    <row r="545809" spans="8:8">
      <c r="H545809" s="12"/>
    </row>
    <row r="545810" spans="8:8">
      <c r="H545810" s="12"/>
    </row>
    <row r="545811" spans="8:8">
      <c r="H545811" s="12"/>
    </row>
    <row r="545812" spans="8:8">
      <c r="H545812" s="12"/>
    </row>
    <row r="545813" spans="8:8">
      <c r="H545813" s="12"/>
    </row>
    <row r="545814" spans="8:8">
      <c r="H545814" s="12"/>
    </row>
    <row r="545815" spans="8:8">
      <c r="H545815" s="12"/>
    </row>
    <row r="545816" spans="8:8">
      <c r="H545816" s="12"/>
    </row>
    <row r="545817" spans="8:8">
      <c r="H545817" s="12"/>
    </row>
    <row r="545818" spans="8:8">
      <c r="H545818" s="12"/>
    </row>
    <row r="545819" spans="8:8">
      <c r="H545819" s="12"/>
    </row>
    <row r="545820" spans="8:8">
      <c r="H545820" s="12"/>
    </row>
    <row r="545821" spans="8:8">
      <c r="H545821" s="12"/>
    </row>
    <row r="545822" spans="8:8">
      <c r="H545822" s="12"/>
    </row>
    <row r="545823" spans="8:8">
      <c r="H545823" s="12"/>
    </row>
    <row r="545824" spans="8:8">
      <c r="H545824" s="12"/>
    </row>
    <row r="545825" spans="8:8">
      <c r="H545825" s="12"/>
    </row>
    <row r="545826" spans="8:8">
      <c r="H545826" s="12"/>
    </row>
    <row r="545827" spans="8:8">
      <c r="H545827" s="12"/>
    </row>
    <row r="545828" spans="8:8">
      <c r="H545828" s="12"/>
    </row>
    <row r="545829" spans="8:8">
      <c r="H545829" s="12"/>
    </row>
    <row r="545830" spans="8:8">
      <c r="H545830" s="12"/>
    </row>
    <row r="545831" spans="8:8">
      <c r="H545831" s="12"/>
    </row>
    <row r="545832" spans="8:8">
      <c r="H545832" s="12"/>
    </row>
    <row r="545833" spans="8:8">
      <c r="H545833" s="12"/>
    </row>
    <row r="545834" spans="8:8">
      <c r="H545834" s="12"/>
    </row>
    <row r="545835" spans="8:8">
      <c r="H545835" s="12"/>
    </row>
    <row r="545836" spans="8:8">
      <c r="H545836" s="12"/>
    </row>
    <row r="545837" spans="8:8">
      <c r="H545837" s="12"/>
    </row>
    <row r="545838" spans="8:8">
      <c r="H545838" s="12"/>
    </row>
    <row r="545839" spans="8:8">
      <c r="H545839" s="12"/>
    </row>
    <row r="545840" spans="8:8">
      <c r="H545840" s="12"/>
    </row>
    <row r="545841" spans="8:8">
      <c r="H545841" s="12"/>
    </row>
    <row r="545842" spans="8:8">
      <c r="H545842" s="12"/>
    </row>
    <row r="545843" spans="8:8">
      <c r="H545843" s="12"/>
    </row>
    <row r="545844" spans="8:8">
      <c r="H545844" s="12"/>
    </row>
    <row r="545845" spans="8:8">
      <c r="H545845" s="12"/>
    </row>
    <row r="545846" spans="8:8">
      <c r="H545846" s="12"/>
    </row>
    <row r="545847" spans="8:8">
      <c r="H545847" s="12"/>
    </row>
    <row r="545848" spans="8:8">
      <c r="H545848" s="12"/>
    </row>
    <row r="545849" spans="8:8">
      <c r="H545849" s="12"/>
    </row>
    <row r="545850" spans="8:8">
      <c r="H545850" s="12"/>
    </row>
    <row r="545851" spans="8:8">
      <c r="H545851" s="12"/>
    </row>
    <row r="545852" spans="8:8">
      <c r="H545852" s="12"/>
    </row>
    <row r="545853" spans="8:8">
      <c r="H545853" s="12"/>
    </row>
    <row r="545854" spans="8:8">
      <c r="H545854" s="12"/>
    </row>
    <row r="545855" spans="8:8">
      <c r="H545855" s="12"/>
    </row>
    <row r="545856" spans="8:8">
      <c r="H545856" s="12"/>
    </row>
    <row r="545857" spans="8:8">
      <c r="H545857" s="12"/>
    </row>
    <row r="545858" spans="8:8">
      <c r="H545858" s="12"/>
    </row>
    <row r="545859" spans="8:8">
      <c r="H545859" s="12"/>
    </row>
    <row r="545860" spans="8:8">
      <c r="H545860" s="12"/>
    </row>
    <row r="545861" spans="8:8">
      <c r="H545861" s="12"/>
    </row>
    <row r="545862" spans="8:8">
      <c r="H545862" s="12"/>
    </row>
    <row r="545863" spans="8:8">
      <c r="H545863" s="12"/>
    </row>
    <row r="545864" spans="8:8">
      <c r="H545864" s="12"/>
    </row>
    <row r="545865" spans="8:8">
      <c r="H545865" s="12"/>
    </row>
    <row r="545866" spans="8:8">
      <c r="H545866" s="12"/>
    </row>
    <row r="545867" spans="8:8">
      <c r="H545867" s="12"/>
    </row>
    <row r="545868" spans="8:8">
      <c r="H545868" s="12"/>
    </row>
    <row r="545869" spans="8:8">
      <c r="H545869" s="12"/>
    </row>
    <row r="545870" spans="8:8">
      <c r="H545870" s="12"/>
    </row>
    <row r="545871" spans="8:8">
      <c r="H545871" s="12"/>
    </row>
    <row r="545872" spans="8:8">
      <c r="H545872" s="12"/>
    </row>
    <row r="545873" spans="8:8">
      <c r="H545873" s="12"/>
    </row>
    <row r="545874" spans="8:8">
      <c r="H545874" s="12"/>
    </row>
    <row r="545875" spans="8:8">
      <c r="H545875" s="12"/>
    </row>
    <row r="545876" spans="8:8">
      <c r="H545876" s="12"/>
    </row>
    <row r="545877" spans="8:8">
      <c r="H545877" s="12"/>
    </row>
    <row r="545878" spans="8:8">
      <c r="H545878" s="12"/>
    </row>
    <row r="545879" spans="8:8">
      <c r="H545879" s="12"/>
    </row>
    <row r="545880" spans="8:8">
      <c r="H545880" s="12"/>
    </row>
    <row r="545881" spans="8:8">
      <c r="H545881" s="12"/>
    </row>
    <row r="545882" spans="8:8">
      <c r="H545882" s="12"/>
    </row>
    <row r="545883" spans="8:8">
      <c r="H545883" s="12"/>
    </row>
    <row r="545884" spans="8:8">
      <c r="H545884" s="12"/>
    </row>
    <row r="545885" spans="8:8">
      <c r="H545885" s="12"/>
    </row>
    <row r="545886" spans="8:8">
      <c r="H545886" s="12"/>
    </row>
    <row r="545887" spans="8:8">
      <c r="H545887" s="12"/>
    </row>
    <row r="545888" spans="8:8">
      <c r="H545888" s="12"/>
    </row>
    <row r="545889" spans="8:8">
      <c r="H545889" s="12"/>
    </row>
    <row r="545890" spans="8:8">
      <c r="H545890" s="12"/>
    </row>
    <row r="545891" spans="8:8">
      <c r="H545891" s="12"/>
    </row>
    <row r="545892" spans="8:8">
      <c r="H545892" s="12"/>
    </row>
    <row r="545893" spans="8:8">
      <c r="H545893" s="12"/>
    </row>
    <row r="545894" spans="8:8">
      <c r="H545894" s="12"/>
    </row>
    <row r="545895" spans="8:8">
      <c r="H545895" s="12"/>
    </row>
    <row r="545896" spans="8:8">
      <c r="H545896" s="12"/>
    </row>
    <row r="545897" spans="8:8">
      <c r="H545897" s="12"/>
    </row>
    <row r="545898" spans="8:8">
      <c r="H545898" s="12"/>
    </row>
    <row r="545899" spans="8:8">
      <c r="H545899" s="12"/>
    </row>
    <row r="545900" spans="8:8">
      <c r="H545900" s="12"/>
    </row>
    <row r="545901" spans="8:8">
      <c r="H545901" s="12"/>
    </row>
    <row r="545902" spans="8:8">
      <c r="H545902" s="12"/>
    </row>
    <row r="545903" spans="8:8">
      <c r="H545903" s="12"/>
    </row>
    <row r="545904" spans="8:8">
      <c r="H545904" s="12"/>
    </row>
    <row r="545905" spans="8:8">
      <c r="H545905" s="12"/>
    </row>
    <row r="545906" spans="8:8">
      <c r="H545906" s="12"/>
    </row>
    <row r="545907" spans="8:8">
      <c r="H545907" s="12"/>
    </row>
    <row r="545908" spans="8:8">
      <c r="H545908" s="12"/>
    </row>
    <row r="545909" spans="8:8">
      <c r="H545909" s="12"/>
    </row>
    <row r="545910" spans="8:8">
      <c r="H545910" s="12"/>
    </row>
    <row r="545911" spans="8:8">
      <c r="H545911" s="12"/>
    </row>
    <row r="545912" spans="8:8">
      <c r="H545912" s="12"/>
    </row>
    <row r="545913" spans="8:8">
      <c r="H545913" s="12"/>
    </row>
    <row r="545914" spans="8:8">
      <c r="H545914" s="12"/>
    </row>
    <row r="545915" spans="8:8">
      <c r="H545915" s="12"/>
    </row>
    <row r="545916" spans="8:8">
      <c r="H545916" s="12"/>
    </row>
    <row r="545917" spans="8:8">
      <c r="H545917" s="12"/>
    </row>
    <row r="545918" spans="8:8">
      <c r="H545918" s="12"/>
    </row>
    <row r="545919" spans="8:8">
      <c r="H545919" s="12"/>
    </row>
    <row r="545920" spans="8:8">
      <c r="H545920" s="12"/>
    </row>
    <row r="545921" spans="8:8">
      <c r="H545921" s="12"/>
    </row>
    <row r="545922" spans="8:8">
      <c r="H545922" s="12"/>
    </row>
    <row r="545923" spans="8:8">
      <c r="H545923" s="12"/>
    </row>
    <row r="545924" spans="8:8">
      <c r="H545924" s="12"/>
    </row>
    <row r="545925" spans="8:8">
      <c r="H545925" s="12"/>
    </row>
    <row r="545926" spans="8:8">
      <c r="H545926" s="12"/>
    </row>
    <row r="545927" spans="8:8">
      <c r="H545927" s="12"/>
    </row>
    <row r="545928" spans="8:8">
      <c r="H545928" s="12"/>
    </row>
    <row r="545929" spans="8:8">
      <c r="H545929" s="12"/>
    </row>
    <row r="545930" spans="8:8">
      <c r="H545930" s="12"/>
    </row>
    <row r="545931" spans="8:8">
      <c r="H545931" s="12"/>
    </row>
    <row r="545932" spans="8:8">
      <c r="H545932" s="12"/>
    </row>
    <row r="545933" spans="8:8">
      <c r="H545933" s="12"/>
    </row>
    <row r="545934" spans="8:8">
      <c r="H545934" s="12"/>
    </row>
    <row r="545935" spans="8:8">
      <c r="H545935" s="12"/>
    </row>
    <row r="545936" spans="8:8">
      <c r="H545936" s="12"/>
    </row>
    <row r="545937" spans="8:8">
      <c r="H545937" s="12"/>
    </row>
    <row r="545938" spans="8:8">
      <c r="H545938" s="12"/>
    </row>
    <row r="545939" spans="8:8">
      <c r="H545939" s="12"/>
    </row>
    <row r="545940" spans="8:8">
      <c r="H545940" s="12"/>
    </row>
    <row r="545941" spans="8:8">
      <c r="H545941" s="12"/>
    </row>
    <row r="545942" spans="8:8">
      <c r="H545942" s="12"/>
    </row>
    <row r="545943" spans="8:8">
      <c r="H545943" s="12"/>
    </row>
    <row r="545944" spans="8:8">
      <c r="H545944" s="12"/>
    </row>
    <row r="545945" spans="8:8">
      <c r="H545945" s="12"/>
    </row>
    <row r="545946" spans="8:8">
      <c r="H545946" s="12"/>
    </row>
    <row r="545947" spans="8:8">
      <c r="H545947" s="12"/>
    </row>
    <row r="545948" spans="8:8">
      <c r="H545948" s="12"/>
    </row>
    <row r="545949" spans="8:8">
      <c r="H545949" s="12"/>
    </row>
    <row r="545950" spans="8:8">
      <c r="H545950" s="12"/>
    </row>
    <row r="545951" spans="8:8">
      <c r="H545951" s="12"/>
    </row>
    <row r="545952" spans="8:8">
      <c r="H545952" s="12"/>
    </row>
    <row r="545953" spans="8:8">
      <c r="H545953" s="12"/>
    </row>
    <row r="545954" spans="8:8">
      <c r="H545954" s="12"/>
    </row>
    <row r="545955" spans="8:8">
      <c r="H545955" s="12"/>
    </row>
    <row r="545956" spans="8:8">
      <c r="H545956" s="12"/>
    </row>
    <row r="545957" spans="8:8">
      <c r="H545957" s="12"/>
    </row>
    <row r="545958" spans="8:8">
      <c r="H545958" s="12"/>
    </row>
    <row r="545959" spans="8:8">
      <c r="H545959" s="12"/>
    </row>
    <row r="545960" spans="8:8">
      <c r="H545960" s="12"/>
    </row>
    <row r="545961" spans="8:8">
      <c r="H545961" s="12"/>
    </row>
    <row r="545962" spans="8:8">
      <c r="H545962" s="12"/>
    </row>
    <row r="545963" spans="8:8">
      <c r="H545963" s="12"/>
    </row>
    <row r="545964" spans="8:8">
      <c r="H545964" s="12"/>
    </row>
    <row r="545965" spans="8:8">
      <c r="H545965" s="12"/>
    </row>
    <row r="545966" spans="8:8">
      <c r="H545966" s="12"/>
    </row>
    <row r="545967" spans="8:8">
      <c r="H545967" s="12"/>
    </row>
    <row r="545968" spans="8:8">
      <c r="H545968" s="12"/>
    </row>
    <row r="545969" spans="8:8">
      <c r="H545969" s="12"/>
    </row>
    <row r="545970" spans="8:8">
      <c r="H545970" s="12"/>
    </row>
    <row r="545971" spans="8:8">
      <c r="H545971" s="12"/>
    </row>
    <row r="545972" spans="8:8">
      <c r="H545972" s="12"/>
    </row>
    <row r="545973" spans="8:8">
      <c r="H545973" s="12"/>
    </row>
    <row r="545974" spans="8:8">
      <c r="H545974" s="12"/>
    </row>
    <row r="545975" spans="8:8">
      <c r="H545975" s="12"/>
    </row>
    <row r="545976" spans="8:8">
      <c r="H545976" s="12"/>
    </row>
    <row r="545977" spans="8:8">
      <c r="H545977" s="12"/>
    </row>
    <row r="545978" spans="8:8">
      <c r="H545978" s="12"/>
    </row>
    <row r="545979" spans="8:8">
      <c r="H545979" s="12"/>
    </row>
    <row r="545980" spans="8:8">
      <c r="H545980" s="12"/>
    </row>
    <row r="545981" spans="8:8">
      <c r="H545981" s="12"/>
    </row>
    <row r="545982" spans="8:8">
      <c r="H545982" s="12"/>
    </row>
    <row r="545983" spans="8:8">
      <c r="H545983" s="12"/>
    </row>
    <row r="545984" spans="8:8">
      <c r="H545984" s="12"/>
    </row>
    <row r="545985" spans="8:8">
      <c r="H545985" s="12"/>
    </row>
    <row r="545986" spans="8:8">
      <c r="H545986" s="12"/>
    </row>
    <row r="545987" spans="8:8">
      <c r="H545987" s="12"/>
    </row>
    <row r="545988" spans="8:8">
      <c r="H545988" s="12"/>
    </row>
    <row r="545989" spans="8:8">
      <c r="H545989" s="12"/>
    </row>
    <row r="545990" spans="8:8">
      <c r="H545990" s="12"/>
    </row>
    <row r="545991" spans="8:8">
      <c r="H545991" s="12"/>
    </row>
    <row r="545992" spans="8:8">
      <c r="H545992" s="12"/>
    </row>
    <row r="545993" spans="8:8">
      <c r="H545993" s="12"/>
    </row>
    <row r="545994" spans="8:8">
      <c r="H545994" s="12"/>
    </row>
    <row r="545995" spans="8:8">
      <c r="H545995" s="12"/>
    </row>
    <row r="545996" spans="8:8">
      <c r="H545996" s="12"/>
    </row>
    <row r="545997" spans="8:8">
      <c r="H545997" s="12"/>
    </row>
    <row r="545998" spans="8:8">
      <c r="H545998" s="12"/>
    </row>
    <row r="545999" spans="8:8">
      <c r="H545999" s="12"/>
    </row>
    <row r="546000" spans="8:8">
      <c r="H546000" s="12"/>
    </row>
    <row r="546001" spans="8:8">
      <c r="H546001" s="12"/>
    </row>
    <row r="546002" spans="8:8">
      <c r="H546002" s="12"/>
    </row>
    <row r="546003" spans="8:8">
      <c r="H546003" s="12"/>
    </row>
    <row r="546004" spans="8:8">
      <c r="H546004" s="12"/>
    </row>
    <row r="546005" spans="8:8">
      <c r="H546005" s="12"/>
    </row>
    <row r="546006" spans="8:8">
      <c r="H546006" s="12"/>
    </row>
    <row r="546007" spans="8:8">
      <c r="H546007" s="12"/>
    </row>
    <row r="546008" spans="8:8">
      <c r="H546008" s="12"/>
    </row>
    <row r="546009" spans="8:8">
      <c r="H546009" s="12"/>
    </row>
    <row r="546010" spans="8:8">
      <c r="H546010" s="12"/>
    </row>
    <row r="546011" spans="8:8">
      <c r="H546011" s="12"/>
    </row>
    <row r="546012" spans="8:8">
      <c r="H546012" s="12"/>
    </row>
    <row r="546013" spans="8:8">
      <c r="H546013" s="12"/>
    </row>
    <row r="546014" spans="8:8">
      <c r="H546014" s="12"/>
    </row>
    <row r="546015" spans="8:8">
      <c r="H546015" s="12"/>
    </row>
    <row r="546016" spans="8:8">
      <c r="H546016" s="12"/>
    </row>
    <row r="546017" spans="8:8">
      <c r="H546017" s="12"/>
    </row>
    <row r="546018" spans="8:8">
      <c r="H546018" s="12"/>
    </row>
    <row r="546019" spans="8:8">
      <c r="H546019" s="12"/>
    </row>
    <row r="546020" spans="8:8">
      <c r="H546020" s="12"/>
    </row>
    <row r="546021" spans="8:8">
      <c r="H546021" s="12"/>
    </row>
    <row r="546022" spans="8:8">
      <c r="H546022" s="12"/>
    </row>
    <row r="546023" spans="8:8">
      <c r="H546023" s="12"/>
    </row>
    <row r="546024" spans="8:8">
      <c r="H546024" s="12"/>
    </row>
    <row r="546025" spans="8:8">
      <c r="H546025" s="12"/>
    </row>
    <row r="546026" spans="8:8">
      <c r="H546026" s="12"/>
    </row>
    <row r="546027" spans="8:8">
      <c r="H546027" s="12"/>
    </row>
    <row r="546028" spans="8:8">
      <c r="H546028" s="12"/>
    </row>
    <row r="546029" spans="8:8">
      <c r="H546029" s="12"/>
    </row>
    <row r="546030" spans="8:8">
      <c r="H546030" s="12"/>
    </row>
    <row r="546031" spans="8:8">
      <c r="H546031" s="12"/>
    </row>
    <row r="546032" spans="8:8">
      <c r="H546032" s="12"/>
    </row>
    <row r="546033" spans="8:8">
      <c r="H546033" s="12"/>
    </row>
    <row r="546034" spans="8:8">
      <c r="H546034" s="12"/>
    </row>
    <row r="546035" spans="8:8">
      <c r="H546035" s="12"/>
    </row>
    <row r="546036" spans="8:8">
      <c r="H546036" s="12"/>
    </row>
    <row r="546037" spans="8:8">
      <c r="H546037" s="12"/>
    </row>
    <row r="546038" spans="8:8">
      <c r="H546038" s="12"/>
    </row>
    <row r="546039" spans="8:8">
      <c r="H546039" s="12"/>
    </row>
    <row r="546040" spans="8:8">
      <c r="H546040" s="12"/>
    </row>
    <row r="546041" spans="8:8">
      <c r="H546041" s="12"/>
    </row>
    <row r="546042" spans="8:8">
      <c r="H546042" s="12"/>
    </row>
    <row r="546043" spans="8:8">
      <c r="H546043" s="12"/>
    </row>
    <row r="546044" spans="8:8">
      <c r="H546044" s="12"/>
    </row>
    <row r="546045" spans="8:8">
      <c r="H546045" s="12"/>
    </row>
    <row r="546046" spans="8:8">
      <c r="H546046" s="12"/>
    </row>
    <row r="546047" spans="8:8">
      <c r="H546047" s="12"/>
    </row>
    <row r="546048" spans="8:8">
      <c r="H546048" s="12"/>
    </row>
    <row r="546049" spans="8:8">
      <c r="H546049" s="12"/>
    </row>
    <row r="546050" spans="8:8">
      <c r="H546050" s="12"/>
    </row>
    <row r="546051" spans="8:8">
      <c r="H546051" s="12"/>
    </row>
    <row r="546052" spans="8:8">
      <c r="H546052" s="12"/>
    </row>
    <row r="546053" spans="8:8">
      <c r="H546053" s="12"/>
    </row>
    <row r="546054" spans="8:8">
      <c r="H546054" s="12"/>
    </row>
    <row r="546055" spans="8:8">
      <c r="H546055" s="12"/>
    </row>
    <row r="546056" spans="8:8">
      <c r="H546056" s="12"/>
    </row>
    <row r="546057" spans="8:8">
      <c r="H546057" s="12"/>
    </row>
    <row r="546058" spans="8:8">
      <c r="H546058" s="12"/>
    </row>
    <row r="546059" spans="8:8">
      <c r="H546059" s="12"/>
    </row>
    <row r="546060" spans="8:8">
      <c r="H546060" s="12"/>
    </row>
    <row r="546061" spans="8:8">
      <c r="H546061" s="12"/>
    </row>
    <row r="546062" spans="8:8">
      <c r="H546062" s="12"/>
    </row>
    <row r="546063" spans="8:8">
      <c r="H546063" s="12"/>
    </row>
    <row r="546064" spans="8:8">
      <c r="H546064" s="12"/>
    </row>
    <row r="546065" spans="8:8">
      <c r="H546065" s="12"/>
    </row>
    <row r="546066" spans="8:8">
      <c r="H546066" s="12"/>
    </row>
    <row r="546067" spans="8:8">
      <c r="H546067" s="12"/>
    </row>
    <row r="546068" spans="8:8">
      <c r="H546068" s="12"/>
    </row>
    <row r="546069" spans="8:8">
      <c r="H546069" s="12"/>
    </row>
    <row r="546070" spans="8:8">
      <c r="H546070" s="12"/>
    </row>
    <row r="546071" spans="8:8">
      <c r="H546071" s="12"/>
    </row>
    <row r="546072" spans="8:8">
      <c r="H546072" s="12"/>
    </row>
    <row r="546073" spans="8:8">
      <c r="H546073" s="12"/>
    </row>
    <row r="546074" spans="8:8">
      <c r="H546074" s="12"/>
    </row>
    <row r="546075" spans="8:8">
      <c r="H546075" s="12"/>
    </row>
    <row r="546076" spans="8:8">
      <c r="H546076" s="12"/>
    </row>
    <row r="546077" spans="8:8">
      <c r="H546077" s="12"/>
    </row>
    <row r="546078" spans="8:8">
      <c r="H546078" s="12"/>
    </row>
    <row r="546079" spans="8:8">
      <c r="H546079" s="12"/>
    </row>
    <row r="546080" spans="8:8">
      <c r="H546080" s="12"/>
    </row>
    <row r="546081" spans="8:8">
      <c r="H546081" s="12"/>
    </row>
    <row r="546082" spans="8:8">
      <c r="H546082" s="12"/>
    </row>
    <row r="546083" spans="8:8">
      <c r="H546083" s="12"/>
    </row>
    <row r="546084" spans="8:8">
      <c r="H546084" s="12"/>
    </row>
    <row r="546085" spans="8:8">
      <c r="H546085" s="12"/>
    </row>
    <row r="546086" spans="8:8">
      <c r="H546086" s="12"/>
    </row>
    <row r="546087" spans="8:8">
      <c r="H546087" s="12"/>
    </row>
    <row r="546088" spans="8:8">
      <c r="H546088" s="12"/>
    </row>
    <row r="546089" spans="8:8">
      <c r="H546089" s="12"/>
    </row>
    <row r="546090" spans="8:8">
      <c r="H546090" s="12"/>
    </row>
    <row r="546091" spans="8:8">
      <c r="H546091" s="12"/>
    </row>
    <row r="546092" spans="8:8">
      <c r="H546092" s="12"/>
    </row>
    <row r="546093" spans="8:8">
      <c r="H546093" s="12"/>
    </row>
    <row r="546094" spans="8:8">
      <c r="H546094" s="12"/>
    </row>
    <row r="546095" spans="8:8">
      <c r="H546095" s="12"/>
    </row>
    <row r="546096" spans="8:8">
      <c r="H546096" s="12"/>
    </row>
    <row r="546097" spans="8:8">
      <c r="H546097" s="12"/>
    </row>
    <row r="546098" spans="8:8">
      <c r="H546098" s="12"/>
    </row>
    <row r="546099" spans="8:8">
      <c r="H546099" s="12"/>
    </row>
    <row r="546100" spans="8:8">
      <c r="H546100" s="12"/>
    </row>
    <row r="546101" spans="8:8">
      <c r="H546101" s="12"/>
    </row>
    <row r="546102" spans="8:8">
      <c r="H546102" s="12"/>
    </row>
    <row r="546103" spans="8:8">
      <c r="H546103" s="12"/>
    </row>
    <row r="546104" spans="8:8">
      <c r="H546104" s="12"/>
    </row>
    <row r="546105" spans="8:8">
      <c r="H546105" s="12"/>
    </row>
    <row r="546106" spans="8:8">
      <c r="H546106" s="12"/>
    </row>
    <row r="546107" spans="8:8">
      <c r="H546107" s="12"/>
    </row>
    <row r="546108" spans="8:8">
      <c r="H546108" s="12"/>
    </row>
    <row r="546109" spans="8:8">
      <c r="H546109" s="12"/>
    </row>
    <row r="546110" spans="8:8">
      <c r="H546110" s="12"/>
    </row>
    <row r="546111" spans="8:8">
      <c r="H546111" s="12"/>
    </row>
    <row r="546112" spans="8:8">
      <c r="H546112" s="12"/>
    </row>
    <row r="546113" spans="8:8">
      <c r="H546113" s="12"/>
    </row>
    <row r="546114" spans="8:8">
      <c r="H546114" s="12"/>
    </row>
    <row r="546115" spans="8:8">
      <c r="H546115" s="12"/>
    </row>
    <row r="546116" spans="8:8">
      <c r="H546116" s="12"/>
    </row>
    <row r="546117" spans="8:8">
      <c r="H546117" s="12"/>
    </row>
    <row r="546118" spans="8:8">
      <c r="H546118" s="12"/>
    </row>
    <row r="546119" spans="8:8">
      <c r="H546119" s="12"/>
    </row>
    <row r="546120" spans="8:8">
      <c r="H546120" s="12"/>
    </row>
    <row r="546121" spans="8:8">
      <c r="H546121" s="12"/>
    </row>
    <row r="546122" spans="8:8">
      <c r="H546122" s="12"/>
    </row>
    <row r="546123" spans="8:8">
      <c r="H546123" s="12"/>
    </row>
    <row r="546124" spans="8:8">
      <c r="H546124" s="12"/>
    </row>
    <row r="546125" spans="8:8">
      <c r="H546125" s="12"/>
    </row>
    <row r="546126" spans="8:8">
      <c r="H546126" s="12"/>
    </row>
    <row r="546127" spans="8:8">
      <c r="H546127" s="12"/>
    </row>
    <row r="546128" spans="8:8">
      <c r="H546128" s="12"/>
    </row>
    <row r="546129" spans="8:8">
      <c r="H546129" s="12"/>
    </row>
    <row r="546130" spans="8:8">
      <c r="H546130" s="12"/>
    </row>
    <row r="546131" spans="8:8">
      <c r="H546131" s="12"/>
    </row>
    <row r="546132" spans="8:8">
      <c r="H546132" s="12"/>
    </row>
    <row r="546133" spans="8:8">
      <c r="H546133" s="12"/>
    </row>
    <row r="546134" spans="8:8">
      <c r="H546134" s="12"/>
    </row>
    <row r="546135" spans="8:8">
      <c r="H546135" s="12"/>
    </row>
    <row r="546136" spans="8:8">
      <c r="H546136" s="12"/>
    </row>
    <row r="546137" spans="8:8">
      <c r="H546137" s="12"/>
    </row>
    <row r="546138" spans="8:8">
      <c r="H546138" s="12"/>
    </row>
    <row r="546139" spans="8:8">
      <c r="H546139" s="12"/>
    </row>
    <row r="546140" spans="8:8">
      <c r="H546140" s="12"/>
    </row>
    <row r="546141" spans="8:8">
      <c r="H546141" s="12"/>
    </row>
    <row r="546142" spans="8:8">
      <c r="H546142" s="12"/>
    </row>
    <row r="546143" spans="8:8">
      <c r="H546143" s="12"/>
    </row>
    <row r="546144" spans="8:8">
      <c r="H546144" s="12"/>
    </row>
    <row r="546145" spans="8:8">
      <c r="H546145" s="12"/>
    </row>
    <row r="546146" spans="8:8">
      <c r="H546146" s="12"/>
    </row>
    <row r="546147" spans="8:8">
      <c r="H546147" s="12"/>
    </row>
    <row r="546148" spans="8:8">
      <c r="H546148" s="12"/>
    </row>
    <row r="546149" spans="8:8">
      <c r="H546149" s="12"/>
    </row>
    <row r="546150" spans="8:8">
      <c r="H546150" s="12"/>
    </row>
    <row r="546151" spans="8:8">
      <c r="H546151" s="12"/>
    </row>
    <row r="546152" spans="8:8">
      <c r="H546152" s="12"/>
    </row>
    <row r="546153" spans="8:8">
      <c r="H546153" s="12"/>
    </row>
    <row r="546154" spans="8:8">
      <c r="H546154" s="12"/>
    </row>
    <row r="546155" spans="8:8">
      <c r="H546155" s="12"/>
    </row>
    <row r="546156" spans="8:8">
      <c r="H546156" s="12"/>
    </row>
    <row r="546157" spans="8:8">
      <c r="H546157" s="12"/>
    </row>
    <row r="546158" spans="8:8">
      <c r="H546158" s="12"/>
    </row>
    <row r="546159" spans="8:8">
      <c r="H546159" s="12"/>
    </row>
    <row r="546160" spans="8:8">
      <c r="H546160" s="12"/>
    </row>
    <row r="546161" spans="8:8">
      <c r="H546161" s="12"/>
    </row>
    <row r="546162" spans="8:8">
      <c r="H546162" s="12"/>
    </row>
    <row r="546163" spans="8:8">
      <c r="H546163" s="12"/>
    </row>
    <row r="546164" spans="8:8">
      <c r="H546164" s="12"/>
    </row>
    <row r="546165" spans="8:8">
      <c r="H546165" s="12"/>
    </row>
    <row r="546166" spans="8:8">
      <c r="H546166" s="12"/>
    </row>
    <row r="546167" spans="8:8">
      <c r="H546167" s="12"/>
    </row>
    <row r="546168" spans="8:8">
      <c r="H546168" s="12"/>
    </row>
    <row r="546169" spans="8:8">
      <c r="H546169" s="12"/>
    </row>
    <row r="546170" spans="8:8">
      <c r="H546170" s="12"/>
    </row>
    <row r="546171" spans="8:8">
      <c r="H546171" s="12"/>
    </row>
    <row r="546172" spans="8:8">
      <c r="H546172" s="12"/>
    </row>
    <row r="546173" spans="8:8">
      <c r="H546173" s="12"/>
    </row>
    <row r="546174" spans="8:8">
      <c r="H546174" s="12"/>
    </row>
    <row r="546175" spans="8:8">
      <c r="H546175" s="12"/>
    </row>
    <row r="546176" spans="8:8">
      <c r="H546176" s="12"/>
    </row>
    <row r="546177" spans="8:8">
      <c r="H546177" s="12"/>
    </row>
    <row r="546178" spans="8:8">
      <c r="H546178" s="12"/>
    </row>
    <row r="546179" spans="8:8">
      <c r="H546179" s="12"/>
    </row>
    <row r="546180" spans="8:8">
      <c r="H546180" s="12"/>
    </row>
    <row r="546181" spans="8:8">
      <c r="H546181" s="12"/>
    </row>
    <row r="546182" spans="8:8">
      <c r="H546182" s="12"/>
    </row>
    <row r="546183" spans="8:8">
      <c r="H546183" s="12"/>
    </row>
    <row r="546184" spans="8:8">
      <c r="H546184" s="12"/>
    </row>
    <row r="546185" spans="8:8">
      <c r="H546185" s="12"/>
    </row>
    <row r="546186" spans="8:8">
      <c r="H546186" s="12"/>
    </row>
    <row r="546187" spans="8:8">
      <c r="H546187" s="12"/>
    </row>
    <row r="546188" spans="8:8">
      <c r="H546188" s="12"/>
    </row>
    <row r="546189" spans="8:8">
      <c r="H546189" s="12"/>
    </row>
    <row r="546190" spans="8:8">
      <c r="H546190" s="12"/>
    </row>
    <row r="546191" spans="8:8">
      <c r="H546191" s="12"/>
    </row>
    <row r="546192" spans="8:8">
      <c r="H546192" s="12"/>
    </row>
    <row r="546193" spans="8:8">
      <c r="H546193" s="12"/>
    </row>
    <row r="546194" spans="8:8">
      <c r="H546194" s="12"/>
    </row>
    <row r="546195" spans="8:8">
      <c r="H546195" s="12"/>
    </row>
    <row r="546196" spans="8:8">
      <c r="H546196" s="12"/>
    </row>
    <row r="546197" spans="8:8">
      <c r="H546197" s="12"/>
    </row>
    <row r="546198" spans="8:8">
      <c r="H546198" s="12"/>
    </row>
    <row r="546199" spans="8:8">
      <c r="H546199" s="12"/>
    </row>
    <row r="546200" spans="8:8">
      <c r="H546200" s="12"/>
    </row>
    <row r="546201" spans="8:8">
      <c r="H546201" s="12"/>
    </row>
    <row r="546202" spans="8:8">
      <c r="H546202" s="12"/>
    </row>
    <row r="546203" spans="8:8">
      <c r="H546203" s="12"/>
    </row>
    <row r="546204" spans="8:8">
      <c r="H546204" s="12"/>
    </row>
    <row r="546205" spans="8:8">
      <c r="H546205" s="12"/>
    </row>
    <row r="546206" spans="8:8">
      <c r="H546206" s="12"/>
    </row>
    <row r="546207" spans="8:8">
      <c r="H546207" s="12"/>
    </row>
    <row r="546208" spans="8:8">
      <c r="H546208" s="12"/>
    </row>
    <row r="546209" spans="8:8">
      <c r="H546209" s="12"/>
    </row>
    <row r="546210" spans="8:8">
      <c r="H546210" s="12"/>
    </row>
    <row r="546211" spans="8:8">
      <c r="H546211" s="12"/>
    </row>
    <row r="546212" spans="8:8">
      <c r="H546212" s="12"/>
    </row>
    <row r="546213" spans="8:8">
      <c r="H546213" s="12"/>
    </row>
    <row r="546214" spans="8:8">
      <c r="H546214" s="12"/>
    </row>
    <row r="546215" spans="8:8">
      <c r="H546215" s="12"/>
    </row>
    <row r="546216" spans="8:8">
      <c r="H546216" s="12"/>
    </row>
    <row r="546217" spans="8:8">
      <c r="H546217" s="12"/>
    </row>
    <row r="546218" spans="8:8">
      <c r="H546218" s="12"/>
    </row>
    <row r="546219" spans="8:8">
      <c r="H546219" s="12"/>
    </row>
    <row r="546220" spans="8:8">
      <c r="H546220" s="12"/>
    </row>
    <row r="546221" spans="8:8">
      <c r="H546221" s="12"/>
    </row>
    <row r="546222" spans="8:8">
      <c r="H546222" s="12"/>
    </row>
    <row r="546223" spans="8:8">
      <c r="H546223" s="12"/>
    </row>
    <row r="546224" spans="8:8">
      <c r="H546224" s="12"/>
    </row>
    <row r="546225" spans="8:8">
      <c r="H546225" s="12"/>
    </row>
    <row r="546226" spans="8:8">
      <c r="H546226" s="12"/>
    </row>
    <row r="546227" spans="8:8">
      <c r="H546227" s="12"/>
    </row>
    <row r="546228" spans="8:8">
      <c r="H546228" s="12"/>
    </row>
    <row r="546229" spans="8:8">
      <c r="H546229" s="12"/>
    </row>
    <row r="546230" spans="8:8">
      <c r="H546230" s="12"/>
    </row>
    <row r="546231" spans="8:8">
      <c r="H546231" s="12"/>
    </row>
    <row r="546232" spans="8:8">
      <c r="H546232" s="12"/>
    </row>
    <row r="546233" spans="8:8">
      <c r="H546233" s="12"/>
    </row>
    <row r="546234" spans="8:8">
      <c r="H546234" s="12"/>
    </row>
    <row r="546235" spans="8:8">
      <c r="H546235" s="12"/>
    </row>
    <row r="546236" spans="8:8">
      <c r="H546236" s="12"/>
    </row>
    <row r="546237" spans="8:8">
      <c r="H546237" s="12"/>
    </row>
    <row r="546238" spans="8:8">
      <c r="H546238" s="12"/>
    </row>
    <row r="546239" spans="8:8">
      <c r="H546239" s="12"/>
    </row>
    <row r="546240" spans="8:8">
      <c r="H546240" s="12"/>
    </row>
    <row r="546241" spans="8:8">
      <c r="H546241" s="12"/>
    </row>
    <row r="546242" spans="8:8">
      <c r="H546242" s="12"/>
    </row>
    <row r="546243" spans="8:8">
      <c r="H546243" s="12"/>
    </row>
    <row r="546244" spans="8:8">
      <c r="H546244" s="12"/>
    </row>
    <row r="546245" spans="8:8">
      <c r="H546245" s="12"/>
    </row>
    <row r="546246" spans="8:8">
      <c r="H546246" s="12"/>
    </row>
    <row r="546247" spans="8:8">
      <c r="H546247" s="12"/>
    </row>
    <row r="546248" spans="8:8">
      <c r="H546248" s="12"/>
    </row>
    <row r="546249" spans="8:8">
      <c r="H546249" s="12"/>
    </row>
    <row r="546250" spans="8:8">
      <c r="H546250" s="12"/>
    </row>
    <row r="546251" spans="8:8">
      <c r="H546251" s="12"/>
    </row>
    <row r="546252" spans="8:8">
      <c r="H546252" s="12"/>
    </row>
    <row r="546253" spans="8:8">
      <c r="H546253" s="12"/>
    </row>
    <row r="546254" spans="8:8">
      <c r="H546254" s="12"/>
    </row>
    <row r="546255" spans="8:8">
      <c r="H546255" s="12"/>
    </row>
    <row r="546256" spans="8:8">
      <c r="H546256" s="12"/>
    </row>
    <row r="546257" spans="8:8">
      <c r="H546257" s="12"/>
    </row>
    <row r="546258" spans="8:8">
      <c r="H546258" s="12"/>
    </row>
    <row r="546259" spans="8:8">
      <c r="H546259" s="12"/>
    </row>
    <row r="546260" spans="8:8">
      <c r="H546260" s="12"/>
    </row>
    <row r="546261" spans="8:8">
      <c r="H546261" s="12"/>
    </row>
    <row r="546262" spans="8:8">
      <c r="H546262" s="12"/>
    </row>
    <row r="546263" spans="8:8">
      <c r="H546263" s="12"/>
    </row>
    <row r="546264" spans="8:8">
      <c r="H546264" s="12"/>
    </row>
    <row r="546265" spans="8:8">
      <c r="H546265" s="12"/>
    </row>
    <row r="546266" spans="8:8">
      <c r="H546266" s="12"/>
    </row>
    <row r="546267" spans="8:8">
      <c r="H546267" s="12"/>
    </row>
    <row r="546268" spans="8:8">
      <c r="H546268" s="12"/>
    </row>
    <row r="546269" spans="8:8">
      <c r="H546269" s="12"/>
    </row>
    <row r="546270" spans="8:8">
      <c r="H546270" s="12"/>
    </row>
    <row r="546271" spans="8:8">
      <c r="H546271" s="12"/>
    </row>
    <row r="546272" spans="8:8">
      <c r="H546272" s="12"/>
    </row>
    <row r="546273" spans="8:8">
      <c r="H546273" s="12"/>
    </row>
    <row r="546274" spans="8:8">
      <c r="H546274" s="12"/>
    </row>
    <row r="546275" spans="8:8">
      <c r="H546275" s="12"/>
    </row>
    <row r="546276" spans="8:8">
      <c r="H546276" s="12"/>
    </row>
    <row r="546277" spans="8:8">
      <c r="H546277" s="12"/>
    </row>
    <row r="546278" spans="8:8">
      <c r="H546278" s="12"/>
    </row>
    <row r="546279" spans="8:8">
      <c r="H546279" s="12"/>
    </row>
    <row r="546280" spans="8:8">
      <c r="H546280" s="12"/>
    </row>
    <row r="546281" spans="8:8">
      <c r="H546281" s="12"/>
    </row>
    <row r="546282" spans="8:8">
      <c r="H546282" s="12"/>
    </row>
    <row r="546283" spans="8:8">
      <c r="H546283" s="12"/>
    </row>
    <row r="546284" spans="8:8">
      <c r="H546284" s="12"/>
    </row>
    <row r="546285" spans="8:8">
      <c r="H546285" s="12"/>
    </row>
    <row r="546286" spans="8:8">
      <c r="H546286" s="12"/>
    </row>
    <row r="546287" spans="8:8">
      <c r="H546287" s="12"/>
    </row>
    <row r="546288" spans="8:8">
      <c r="H546288" s="12"/>
    </row>
    <row r="546289" spans="8:8">
      <c r="H546289" s="12"/>
    </row>
    <row r="546290" spans="8:8">
      <c r="H546290" s="12"/>
    </row>
    <row r="546291" spans="8:8">
      <c r="H546291" s="12"/>
    </row>
    <row r="546292" spans="8:8">
      <c r="H546292" s="12"/>
    </row>
    <row r="546293" spans="8:8">
      <c r="H546293" s="12"/>
    </row>
    <row r="546294" spans="8:8">
      <c r="H546294" s="12"/>
    </row>
    <row r="546295" spans="8:8">
      <c r="H546295" s="12"/>
    </row>
    <row r="546296" spans="8:8">
      <c r="H546296" s="12"/>
    </row>
    <row r="546297" spans="8:8">
      <c r="H546297" s="12"/>
    </row>
    <row r="546298" spans="8:8">
      <c r="H546298" s="12"/>
    </row>
    <row r="546299" spans="8:8">
      <c r="H546299" s="12"/>
    </row>
    <row r="546300" spans="8:8">
      <c r="H546300" s="12"/>
    </row>
    <row r="546301" spans="8:8">
      <c r="H546301" s="12"/>
    </row>
    <row r="546302" spans="8:8">
      <c r="H546302" s="12"/>
    </row>
    <row r="546303" spans="8:8">
      <c r="H546303" s="12"/>
    </row>
    <row r="546304" spans="8:8">
      <c r="H546304" s="12"/>
    </row>
    <row r="546305" spans="8:8">
      <c r="H546305" s="12"/>
    </row>
    <row r="546306" spans="8:8">
      <c r="H546306" s="12"/>
    </row>
    <row r="546307" spans="8:8">
      <c r="H546307" s="12"/>
    </row>
    <row r="546308" spans="8:8">
      <c r="H546308" s="12"/>
    </row>
    <row r="546309" spans="8:8">
      <c r="H546309" s="12"/>
    </row>
    <row r="546310" spans="8:8">
      <c r="H546310" s="12"/>
    </row>
    <row r="546311" spans="8:8">
      <c r="H546311" s="12"/>
    </row>
    <row r="546312" spans="8:8">
      <c r="H546312" s="12"/>
    </row>
    <row r="546313" spans="8:8">
      <c r="H546313" s="12"/>
    </row>
    <row r="546314" spans="8:8">
      <c r="H546314" s="12"/>
    </row>
    <row r="546315" spans="8:8">
      <c r="H546315" s="12"/>
    </row>
    <row r="546316" spans="8:8">
      <c r="H546316" s="12"/>
    </row>
    <row r="546317" spans="8:8">
      <c r="H546317" s="12"/>
    </row>
    <row r="546318" spans="8:8">
      <c r="H546318" s="12"/>
    </row>
    <row r="546319" spans="8:8">
      <c r="H546319" s="12"/>
    </row>
    <row r="546320" spans="8:8">
      <c r="H546320" s="12"/>
    </row>
    <row r="546321" spans="8:8">
      <c r="H546321" s="12"/>
    </row>
    <row r="546322" spans="8:8">
      <c r="H546322" s="12"/>
    </row>
    <row r="546323" spans="8:8">
      <c r="H546323" s="12"/>
    </row>
    <row r="546324" spans="8:8">
      <c r="H546324" s="12"/>
    </row>
    <row r="546325" spans="8:8">
      <c r="H546325" s="12"/>
    </row>
    <row r="546326" spans="8:8">
      <c r="H546326" s="12"/>
    </row>
    <row r="546327" spans="8:8">
      <c r="H546327" s="12"/>
    </row>
    <row r="546328" spans="8:8">
      <c r="H546328" s="12"/>
    </row>
    <row r="546329" spans="8:8">
      <c r="H546329" s="12"/>
    </row>
    <row r="546330" spans="8:8">
      <c r="H546330" s="12"/>
    </row>
    <row r="546331" spans="8:8">
      <c r="H546331" s="12"/>
    </row>
    <row r="546332" spans="8:8">
      <c r="H546332" s="12"/>
    </row>
    <row r="546333" spans="8:8">
      <c r="H546333" s="12"/>
    </row>
    <row r="546334" spans="8:8">
      <c r="H546334" s="12"/>
    </row>
    <row r="546335" spans="8:8">
      <c r="H546335" s="12"/>
    </row>
    <row r="546336" spans="8:8">
      <c r="H546336" s="12"/>
    </row>
    <row r="546337" spans="8:8">
      <c r="H546337" s="12"/>
    </row>
    <row r="546338" spans="8:8">
      <c r="H546338" s="12"/>
    </row>
    <row r="546339" spans="8:8">
      <c r="H546339" s="12"/>
    </row>
    <row r="546340" spans="8:8">
      <c r="H546340" s="12"/>
    </row>
    <row r="546341" spans="8:8">
      <c r="H546341" s="12"/>
    </row>
    <row r="546342" spans="8:8">
      <c r="H546342" s="12"/>
    </row>
    <row r="546343" spans="8:8">
      <c r="H546343" s="12"/>
    </row>
    <row r="546344" spans="8:8">
      <c r="H546344" s="12"/>
    </row>
    <row r="546345" spans="8:8">
      <c r="H546345" s="12"/>
    </row>
    <row r="546346" spans="8:8">
      <c r="H546346" s="12"/>
    </row>
    <row r="546347" spans="8:8">
      <c r="H546347" s="12"/>
    </row>
    <row r="546348" spans="8:8">
      <c r="H546348" s="12"/>
    </row>
    <row r="546349" spans="8:8">
      <c r="H546349" s="12"/>
    </row>
    <row r="546350" spans="8:8">
      <c r="H546350" s="12"/>
    </row>
    <row r="546351" spans="8:8">
      <c r="H546351" s="12"/>
    </row>
    <row r="546352" spans="8:8">
      <c r="H546352" s="12"/>
    </row>
    <row r="546353" spans="8:8">
      <c r="H546353" s="12"/>
    </row>
    <row r="546354" spans="8:8">
      <c r="H546354" s="12"/>
    </row>
    <row r="546355" spans="8:8">
      <c r="H546355" s="12"/>
    </row>
    <row r="546356" spans="8:8">
      <c r="H546356" s="12"/>
    </row>
    <row r="546357" spans="8:8">
      <c r="H546357" s="12"/>
    </row>
    <row r="546358" spans="8:8">
      <c r="H546358" s="12"/>
    </row>
    <row r="546359" spans="8:8">
      <c r="H546359" s="12"/>
    </row>
    <row r="546360" spans="8:8">
      <c r="H546360" s="12"/>
    </row>
    <row r="546361" spans="8:8">
      <c r="H546361" s="12"/>
    </row>
    <row r="546362" spans="8:8">
      <c r="H546362" s="12"/>
    </row>
    <row r="546363" spans="8:8">
      <c r="H546363" s="12"/>
    </row>
    <row r="546364" spans="8:8">
      <c r="H546364" s="12"/>
    </row>
    <row r="546365" spans="8:8">
      <c r="H546365" s="12"/>
    </row>
    <row r="546366" spans="8:8">
      <c r="H546366" s="12"/>
    </row>
    <row r="546367" spans="8:8">
      <c r="H546367" s="12"/>
    </row>
    <row r="546368" spans="8:8">
      <c r="H546368" s="12"/>
    </row>
    <row r="546369" spans="8:8">
      <c r="H546369" s="12"/>
    </row>
    <row r="546370" spans="8:8">
      <c r="H546370" s="12"/>
    </row>
    <row r="546371" spans="8:8">
      <c r="H546371" s="12"/>
    </row>
    <row r="546372" spans="8:8">
      <c r="H546372" s="12"/>
    </row>
    <row r="546373" spans="8:8">
      <c r="H546373" s="12"/>
    </row>
    <row r="546374" spans="8:8">
      <c r="H546374" s="12"/>
    </row>
    <row r="546375" spans="8:8">
      <c r="H546375" s="12"/>
    </row>
    <row r="546376" spans="8:8">
      <c r="H546376" s="12"/>
    </row>
    <row r="546377" spans="8:8">
      <c r="H546377" s="12"/>
    </row>
    <row r="546378" spans="8:8">
      <c r="H546378" s="12"/>
    </row>
    <row r="546379" spans="8:8">
      <c r="H546379" s="12"/>
    </row>
    <row r="546380" spans="8:8">
      <c r="H546380" s="12"/>
    </row>
    <row r="546381" spans="8:8">
      <c r="H546381" s="12"/>
    </row>
    <row r="546382" spans="8:8">
      <c r="H546382" s="12"/>
    </row>
    <row r="546383" spans="8:8">
      <c r="H546383" s="12"/>
    </row>
    <row r="546384" spans="8:8">
      <c r="H546384" s="12"/>
    </row>
    <row r="546385" spans="8:8">
      <c r="H546385" s="12"/>
    </row>
    <row r="546386" spans="8:8">
      <c r="H546386" s="12"/>
    </row>
    <row r="546387" spans="8:8">
      <c r="H546387" s="12"/>
    </row>
    <row r="546388" spans="8:8">
      <c r="H546388" s="12"/>
    </row>
    <row r="546389" spans="8:8">
      <c r="H546389" s="12"/>
    </row>
    <row r="546390" spans="8:8">
      <c r="H546390" s="12"/>
    </row>
    <row r="546391" spans="8:8">
      <c r="H546391" s="12"/>
    </row>
    <row r="546392" spans="8:8">
      <c r="H546392" s="12"/>
    </row>
    <row r="546393" spans="8:8">
      <c r="H546393" s="12"/>
    </row>
    <row r="546394" spans="8:8">
      <c r="H546394" s="12"/>
    </row>
    <row r="546395" spans="8:8">
      <c r="H546395" s="12"/>
    </row>
    <row r="546396" spans="8:8">
      <c r="H546396" s="12"/>
    </row>
    <row r="546397" spans="8:8">
      <c r="H546397" s="12"/>
    </row>
    <row r="546398" spans="8:8">
      <c r="H546398" s="12"/>
    </row>
    <row r="546399" spans="8:8">
      <c r="H546399" s="12"/>
    </row>
    <row r="546400" spans="8:8">
      <c r="H546400" s="12"/>
    </row>
    <row r="546401" spans="8:8">
      <c r="H546401" s="12"/>
    </row>
    <row r="546402" spans="8:8">
      <c r="H546402" s="12"/>
    </row>
    <row r="546403" spans="8:8">
      <c r="H546403" s="12"/>
    </row>
    <row r="546404" spans="8:8">
      <c r="H546404" s="12"/>
    </row>
    <row r="546405" spans="8:8">
      <c r="H546405" s="12"/>
    </row>
    <row r="546406" spans="8:8">
      <c r="H546406" s="12"/>
    </row>
    <row r="546407" spans="8:8">
      <c r="H546407" s="12"/>
    </row>
    <row r="546408" spans="8:8">
      <c r="H546408" s="12"/>
    </row>
    <row r="546409" spans="8:8">
      <c r="H546409" s="12"/>
    </row>
    <row r="546410" spans="8:8">
      <c r="H546410" s="12"/>
    </row>
    <row r="546411" spans="8:8">
      <c r="H546411" s="12"/>
    </row>
    <row r="546412" spans="8:8">
      <c r="H546412" s="12"/>
    </row>
    <row r="546413" spans="8:8">
      <c r="H546413" s="12"/>
    </row>
    <row r="546414" spans="8:8">
      <c r="H546414" s="12"/>
    </row>
    <row r="546415" spans="8:8">
      <c r="H546415" s="12"/>
    </row>
    <row r="546416" spans="8:8">
      <c r="H546416" s="12"/>
    </row>
    <row r="546417" spans="8:8">
      <c r="H546417" s="12"/>
    </row>
    <row r="546418" spans="8:8">
      <c r="H546418" s="12"/>
    </row>
    <row r="546419" spans="8:8">
      <c r="H546419" s="12"/>
    </row>
    <row r="546420" spans="8:8">
      <c r="H546420" s="12"/>
    </row>
    <row r="546421" spans="8:8">
      <c r="H546421" s="12"/>
    </row>
    <row r="546422" spans="8:8">
      <c r="H546422" s="12"/>
    </row>
    <row r="546423" spans="8:8">
      <c r="H546423" s="12"/>
    </row>
    <row r="546424" spans="8:8">
      <c r="H546424" s="12"/>
    </row>
    <row r="546425" spans="8:8">
      <c r="H546425" s="12"/>
    </row>
    <row r="546426" spans="8:8">
      <c r="H546426" s="12"/>
    </row>
    <row r="546427" spans="8:8">
      <c r="H546427" s="12"/>
    </row>
    <row r="546428" spans="8:8">
      <c r="H546428" s="12"/>
    </row>
    <row r="546429" spans="8:8">
      <c r="H546429" s="12"/>
    </row>
    <row r="546430" spans="8:8">
      <c r="H546430" s="12"/>
    </row>
    <row r="546431" spans="8:8">
      <c r="H546431" s="12"/>
    </row>
    <row r="546432" spans="8:8">
      <c r="H546432" s="12"/>
    </row>
    <row r="546433" spans="8:8">
      <c r="H546433" s="12"/>
    </row>
    <row r="546434" spans="8:8">
      <c r="H546434" s="12"/>
    </row>
    <row r="546435" spans="8:8">
      <c r="H546435" s="12"/>
    </row>
    <row r="546436" spans="8:8">
      <c r="H546436" s="12"/>
    </row>
    <row r="546437" spans="8:8">
      <c r="H546437" s="12"/>
    </row>
    <row r="546438" spans="8:8">
      <c r="H546438" s="12"/>
    </row>
    <row r="546439" spans="8:8">
      <c r="H546439" s="12"/>
    </row>
    <row r="546440" spans="8:8">
      <c r="H546440" s="12"/>
    </row>
    <row r="546441" spans="8:8">
      <c r="H546441" s="12"/>
    </row>
    <row r="546442" spans="8:8">
      <c r="H546442" s="12"/>
    </row>
    <row r="546443" spans="8:8">
      <c r="H546443" s="12"/>
    </row>
    <row r="546444" spans="8:8">
      <c r="H546444" s="12"/>
    </row>
    <row r="546445" spans="8:8">
      <c r="H546445" s="12"/>
    </row>
    <row r="546446" spans="8:8">
      <c r="H546446" s="12"/>
    </row>
    <row r="546447" spans="8:8">
      <c r="H546447" s="12"/>
    </row>
    <row r="546448" spans="8:8">
      <c r="H546448" s="12"/>
    </row>
    <row r="546449" spans="8:8">
      <c r="H546449" s="12"/>
    </row>
    <row r="546450" spans="8:8">
      <c r="H546450" s="12"/>
    </row>
    <row r="546451" spans="8:8">
      <c r="H546451" s="12"/>
    </row>
    <row r="546452" spans="8:8">
      <c r="H546452" s="12"/>
    </row>
    <row r="546453" spans="8:8">
      <c r="H546453" s="12"/>
    </row>
    <row r="546454" spans="8:8">
      <c r="H546454" s="12"/>
    </row>
    <row r="546455" spans="8:8">
      <c r="H546455" s="12"/>
    </row>
    <row r="546456" spans="8:8">
      <c r="H546456" s="12"/>
    </row>
    <row r="546457" spans="8:8">
      <c r="H546457" s="12"/>
    </row>
    <row r="546458" spans="8:8">
      <c r="H546458" s="12"/>
    </row>
    <row r="546459" spans="8:8">
      <c r="H546459" s="12"/>
    </row>
    <row r="546460" spans="8:8">
      <c r="H546460" s="12"/>
    </row>
    <row r="546461" spans="8:8">
      <c r="H546461" s="12"/>
    </row>
    <row r="546462" spans="8:8">
      <c r="H546462" s="12"/>
    </row>
    <row r="546463" spans="8:8">
      <c r="H546463" s="12"/>
    </row>
    <row r="546464" spans="8:8">
      <c r="H546464" s="12"/>
    </row>
    <row r="546465" spans="8:8">
      <c r="H546465" s="12"/>
    </row>
    <row r="546466" spans="8:8">
      <c r="H546466" s="12"/>
    </row>
    <row r="546467" spans="8:8">
      <c r="H546467" s="12"/>
    </row>
    <row r="546468" spans="8:8">
      <c r="H546468" s="12"/>
    </row>
    <row r="546469" spans="8:8">
      <c r="H546469" s="12"/>
    </row>
    <row r="546470" spans="8:8">
      <c r="H546470" s="12"/>
    </row>
    <row r="546471" spans="8:8">
      <c r="H546471" s="12"/>
    </row>
    <row r="546472" spans="8:8">
      <c r="H546472" s="12"/>
    </row>
    <row r="546473" spans="8:8">
      <c r="H546473" s="12"/>
    </row>
    <row r="546474" spans="8:8">
      <c r="H546474" s="12"/>
    </row>
    <row r="546475" spans="8:8">
      <c r="H546475" s="12"/>
    </row>
    <row r="546476" spans="8:8">
      <c r="H546476" s="12"/>
    </row>
    <row r="546477" spans="8:8">
      <c r="H546477" s="12"/>
    </row>
    <row r="546478" spans="8:8">
      <c r="H546478" s="12"/>
    </row>
    <row r="546479" spans="8:8">
      <c r="H546479" s="12"/>
    </row>
    <row r="546480" spans="8:8">
      <c r="H546480" s="12"/>
    </row>
    <row r="546481" spans="8:8">
      <c r="H546481" s="12"/>
    </row>
    <row r="546482" spans="8:8">
      <c r="H546482" s="12"/>
    </row>
    <row r="546483" spans="8:8">
      <c r="H546483" s="12"/>
    </row>
    <row r="546484" spans="8:8">
      <c r="H546484" s="12"/>
    </row>
    <row r="546485" spans="8:8">
      <c r="H546485" s="12"/>
    </row>
    <row r="546486" spans="8:8">
      <c r="H546486" s="12"/>
    </row>
    <row r="546487" spans="8:8">
      <c r="H546487" s="12"/>
    </row>
    <row r="546488" spans="8:8">
      <c r="H546488" s="12"/>
    </row>
    <row r="546489" spans="8:8">
      <c r="H546489" s="12"/>
    </row>
    <row r="546490" spans="8:8">
      <c r="H546490" s="12"/>
    </row>
    <row r="546491" spans="8:8">
      <c r="H546491" s="12"/>
    </row>
    <row r="546492" spans="8:8">
      <c r="H546492" s="12"/>
    </row>
    <row r="546493" spans="8:8">
      <c r="H546493" s="12"/>
    </row>
    <row r="546494" spans="8:8">
      <c r="H546494" s="12"/>
    </row>
    <row r="546495" spans="8:8">
      <c r="H546495" s="12"/>
    </row>
    <row r="546496" spans="8:8">
      <c r="H546496" s="12"/>
    </row>
    <row r="546497" spans="8:8">
      <c r="H546497" s="12"/>
    </row>
    <row r="546498" spans="8:8">
      <c r="H546498" s="12"/>
    </row>
    <row r="546499" spans="8:8">
      <c r="H546499" s="12"/>
    </row>
    <row r="546500" spans="8:8">
      <c r="H546500" s="12"/>
    </row>
    <row r="546501" spans="8:8">
      <c r="H546501" s="12"/>
    </row>
    <row r="546502" spans="8:8">
      <c r="H546502" s="12"/>
    </row>
    <row r="546503" spans="8:8">
      <c r="H546503" s="12"/>
    </row>
    <row r="546504" spans="8:8">
      <c r="H546504" s="12"/>
    </row>
    <row r="546505" spans="8:8">
      <c r="H546505" s="12"/>
    </row>
    <row r="546506" spans="8:8">
      <c r="H546506" s="12"/>
    </row>
    <row r="546507" spans="8:8">
      <c r="H546507" s="12"/>
    </row>
    <row r="546508" spans="8:8">
      <c r="H546508" s="12"/>
    </row>
    <row r="546509" spans="8:8">
      <c r="H546509" s="12"/>
    </row>
    <row r="546510" spans="8:8">
      <c r="H546510" s="12"/>
    </row>
    <row r="546511" spans="8:8">
      <c r="H546511" s="12"/>
    </row>
    <row r="546512" spans="8:8">
      <c r="H546512" s="12"/>
    </row>
    <row r="546513" spans="8:8">
      <c r="H546513" s="12"/>
    </row>
    <row r="546514" spans="8:8">
      <c r="H546514" s="12"/>
    </row>
    <row r="546515" spans="8:8">
      <c r="H546515" s="12"/>
    </row>
    <row r="546516" spans="8:8">
      <c r="H546516" s="12"/>
    </row>
    <row r="546517" spans="8:8">
      <c r="H546517" s="12"/>
    </row>
    <row r="546518" spans="8:8">
      <c r="H546518" s="12"/>
    </row>
    <row r="546519" spans="8:8">
      <c r="H546519" s="12"/>
    </row>
    <row r="546520" spans="8:8">
      <c r="H546520" s="12"/>
    </row>
    <row r="546521" spans="8:8">
      <c r="H546521" s="12"/>
    </row>
    <row r="546522" spans="8:8">
      <c r="H546522" s="12"/>
    </row>
    <row r="546523" spans="8:8">
      <c r="H546523" s="12"/>
    </row>
    <row r="546524" spans="8:8">
      <c r="H546524" s="12"/>
    </row>
    <row r="546525" spans="8:8">
      <c r="H546525" s="12"/>
    </row>
    <row r="546526" spans="8:8">
      <c r="H546526" s="12"/>
    </row>
    <row r="546527" spans="8:8">
      <c r="H546527" s="12"/>
    </row>
    <row r="546528" spans="8:8">
      <c r="H546528" s="12"/>
    </row>
    <row r="546529" spans="8:8">
      <c r="H546529" s="12"/>
    </row>
    <row r="546530" spans="8:8">
      <c r="H546530" s="12"/>
    </row>
    <row r="546531" spans="8:8">
      <c r="H546531" s="12"/>
    </row>
    <row r="546532" spans="8:8">
      <c r="H546532" s="12"/>
    </row>
    <row r="546533" spans="8:8">
      <c r="H546533" s="12"/>
    </row>
    <row r="546534" spans="8:8">
      <c r="H546534" s="12"/>
    </row>
    <row r="546535" spans="8:8">
      <c r="H546535" s="12"/>
    </row>
    <row r="546536" spans="8:8">
      <c r="H546536" s="12"/>
    </row>
    <row r="546537" spans="8:8">
      <c r="H546537" s="12"/>
    </row>
    <row r="546538" spans="8:8">
      <c r="H546538" s="12"/>
    </row>
    <row r="546539" spans="8:8">
      <c r="H546539" s="12"/>
    </row>
    <row r="546540" spans="8:8">
      <c r="H546540" s="12"/>
    </row>
    <row r="546541" spans="8:8">
      <c r="H546541" s="12"/>
    </row>
    <row r="546542" spans="8:8">
      <c r="H546542" s="12"/>
    </row>
    <row r="546543" spans="8:8">
      <c r="H546543" s="12"/>
    </row>
    <row r="546544" spans="8:8">
      <c r="H546544" s="12"/>
    </row>
    <row r="546545" spans="8:8">
      <c r="H546545" s="12"/>
    </row>
    <row r="546546" spans="8:8">
      <c r="H546546" s="12"/>
    </row>
    <row r="546547" spans="8:8">
      <c r="H546547" s="12"/>
    </row>
    <row r="546548" spans="8:8">
      <c r="H546548" s="12"/>
    </row>
    <row r="546549" spans="8:8">
      <c r="H546549" s="12"/>
    </row>
    <row r="546550" spans="8:8">
      <c r="H546550" s="12"/>
    </row>
    <row r="546551" spans="8:8">
      <c r="H546551" s="12"/>
    </row>
    <row r="546552" spans="8:8">
      <c r="H546552" s="12"/>
    </row>
    <row r="546553" spans="8:8">
      <c r="H546553" s="12"/>
    </row>
    <row r="546554" spans="8:8">
      <c r="H546554" s="12"/>
    </row>
    <row r="546555" spans="8:8">
      <c r="H546555" s="12"/>
    </row>
    <row r="546556" spans="8:8">
      <c r="H546556" s="12"/>
    </row>
    <row r="546557" spans="8:8">
      <c r="H546557" s="12"/>
    </row>
    <row r="546558" spans="8:8">
      <c r="H546558" s="12"/>
    </row>
    <row r="546559" spans="8:8">
      <c r="H546559" s="12"/>
    </row>
    <row r="546560" spans="8:8">
      <c r="H546560" s="12"/>
    </row>
    <row r="546561" spans="8:8">
      <c r="H546561" s="12"/>
    </row>
    <row r="546562" spans="8:8">
      <c r="H546562" s="12"/>
    </row>
    <row r="546563" spans="8:8">
      <c r="H546563" s="12"/>
    </row>
    <row r="546564" spans="8:8">
      <c r="H546564" s="12"/>
    </row>
    <row r="546565" spans="8:8">
      <c r="H546565" s="12"/>
    </row>
    <row r="546566" spans="8:8">
      <c r="H546566" s="12"/>
    </row>
    <row r="546567" spans="8:8">
      <c r="H546567" s="12"/>
    </row>
    <row r="546568" spans="8:8">
      <c r="H546568" s="12"/>
    </row>
    <row r="546569" spans="8:8">
      <c r="H546569" s="12"/>
    </row>
    <row r="546570" spans="8:8">
      <c r="H546570" s="12"/>
    </row>
    <row r="546571" spans="8:8">
      <c r="H546571" s="12"/>
    </row>
    <row r="546572" spans="8:8">
      <c r="H546572" s="12"/>
    </row>
    <row r="546573" spans="8:8">
      <c r="H546573" s="12"/>
    </row>
    <row r="546574" spans="8:8">
      <c r="H546574" s="12"/>
    </row>
    <row r="546575" spans="8:8">
      <c r="H546575" s="12"/>
    </row>
    <row r="546576" spans="8:8">
      <c r="H546576" s="12"/>
    </row>
    <row r="546577" spans="8:8">
      <c r="H546577" s="12"/>
    </row>
    <row r="546578" spans="8:8">
      <c r="H546578" s="12"/>
    </row>
    <row r="546579" spans="8:8">
      <c r="H546579" s="12"/>
    </row>
    <row r="546580" spans="8:8">
      <c r="H546580" s="12"/>
    </row>
    <row r="546581" spans="8:8">
      <c r="H546581" s="12"/>
    </row>
    <row r="546582" spans="8:8">
      <c r="H546582" s="12"/>
    </row>
    <row r="546583" spans="8:8">
      <c r="H546583" s="12"/>
    </row>
    <row r="546584" spans="8:8">
      <c r="H546584" s="12"/>
    </row>
    <row r="546585" spans="8:8">
      <c r="H546585" s="12"/>
    </row>
    <row r="546586" spans="8:8">
      <c r="H546586" s="12"/>
    </row>
    <row r="546587" spans="8:8">
      <c r="H546587" s="12"/>
    </row>
    <row r="546588" spans="8:8">
      <c r="H546588" s="12"/>
    </row>
    <row r="546589" spans="8:8">
      <c r="H546589" s="12"/>
    </row>
    <row r="546590" spans="8:8">
      <c r="H546590" s="12"/>
    </row>
    <row r="546591" spans="8:8">
      <c r="H546591" s="12"/>
    </row>
    <row r="546592" spans="8:8">
      <c r="H546592" s="12"/>
    </row>
    <row r="546593" spans="8:8">
      <c r="H546593" s="12"/>
    </row>
    <row r="546594" spans="8:8">
      <c r="H546594" s="12"/>
    </row>
    <row r="546595" spans="8:8">
      <c r="H546595" s="12"/>
    </row>
    <row r="546596" spans="8:8">
      <c r="H546596" s="12"/>
    </row>
    <row r="546597" spans="8:8">
      <c r="H546597" s="12"/>
    </row>
    <row r="546598" spans="8:8">
      <c r="H546598" s="12"/>
    </row>
    <row r="546599" spans="8:8">
      <c r="H546599" s="12"/>
    </row>
    <row r="546600" spans="8:8">
      <c r="H546600" s="12"/>
    </row>
    <row r="546601" spans="8:8">
      <c r="H546601" s="12"/>
    </row>
    <row r="546602" spans="8:8">
      <c r="H546602" s="12"/>
    </row>
    <row r="546603" spans="8:8">
      <c r="H546603" s="12"/>
    </row>
    <row r="546604" spans="8:8">
      <c r="H546604" s="12"/>
    </row>
    <row r="546605" spans="8:8">
      <c r="H546605" s="12"/>
    </row>
    <row r="546606" spans="8:8">
      <c r="H546606" s="12"/>
    </row>
    <row r="546607" spans="8:8">
      <c r="H546607" s="12"/>
    </row>
    <row r="546608" spans="8:8">
      <c r="H546608" s="12"/>
    </row>
    <row r="546609" spans="8:8">
      <c r="H546609" s="12"/>
    </row>
    <row r="546610" spans="8:8">
      <c r="H546610" s="12"/>
    </row>
    <row r="546611" spans="8:8">
      <c r="H546611" s="12"/>
    </row>
    <row r="546612" spans="8:8">
      <c r="H546612" s="12"/>
    </row>
    <row r="546613" spans="8:8">
      <c r="H546613" s="12"/>
    </row>
    <row r="546614" spans="8:8">
      <c r="H546614" s="12"/>
    </row>
    <row r="546615" spans="8:8">
      <c r="H546615" s="12"/>
    </row>
    <row r="546616" spans="8:8">
      <c r="H546616" s="12"/>
    </row>
    <row r="546617" spans="8:8">
      <c r="H546617" s="12"/>
    </row>
    <row r="546618" spans="8:8">
      <c r="H546618" s="12"/>
    </row>
    <row r="546619" spans="8:8">
      <c r="H546619" s="12"/>
    </row>
    <row r="546620" spans="8:8">
      <c r="H546620" s="12"/>
    </row>
    <row r="546621" spans="8:8">
      <c r="H546621" s="12"/>
    </row>
    <row r="546622" spans="8:8">
      <c r="H546622" s="12"/>
    </row>
    <row r="546623" spans="8:8">
      <c r="H546623" s="12"/>
    </row>
    <row r="546624" spans="8:8">
      <c r="H546624" s="12"/>
    </row>
    <row r="546625" spans="8:8">
      <c r="H546625" s="12"/>
    </row>
    <row r="546626" spans="8:8">
      <c r="H546626" s="12"/>
    </row>
    <row r="546627" spans="8:8">
      <c r="H546627" s="12"/>
    </row>
    <row r="546628" spans="8:8">
      <c r="H546628" s="12"/>
    </row>
    <row r="546629" spans="8:8">
      <c r="H546629" s="12"/>
    </row>
    <row r="546630" spans="8:8">
      <c r="H546630" s="12"/>
    </row>
    <row r="546631" spans="8:8">
      <c r="H546631" s="12"/>
    </row>
    <row r="546632" spans="8:8">
      <c r="H546632" s="12"/>
    </row>
    <row r="546633" spans="8:8">
      <c r="H546633" s="12"/>
    </row>
    <row r="546634" spans="8:8">
      <c r="H546634" s="12"/>
    </row>
    <row r="546635" spans="8:8">
      <c r="H546635" s="12"/>
    </row>
    <row r="546636" spans="8:8">
      <c r="H546636" s="12"/>
    </row>
    <row r="546637" spans="8:8">
      <c r="H546637" s="12"/>
    </row>
    <row r="546638" spans="8:8">
      <c r="H546638" s="12"/>
    </row>
    <row r="546639" spans="8:8">
      <c r="H546639" s="12"/>
    </row>
    <row r="546640" spans="8:8">
      <c r="H546640" s="12"/>
    </row>
    <row r="546641" spans="8:8">
      <c r="H546641" s="12"/>
    </row>
    <row r="546642" spans="8:8">
      <c r="H546642" s="12"/>
    </row>
    <row r="546643" spans="8:8">
      <c r="H546643" s="12"/>
    </row>
    <row r="546644" spans="8:8">
      <c r="H546644" s="12"/>
    </row>
    <row r="546645" spans="8:8">
      <c r="H546645" s="12"/>
    </row>
    <row r="546646" spans="8:8">
      <c r="H546646" s="12"/>
    </row>
    <row r="546647" spans="8:8">
      <c r="H546647" s="12"/>
    </row>
    <row r="546648" spans="8:8">
      <c r="H546648" s="12"/>
    </row>
    <row r="546649" spans="8:8">
      <c r="H546649" s="12"/>
    </row>
    <row r="546650" spans="8:8">
      <c r="H546650" s="12"/>
    </row>
    <row r="546651" spans="8:8">
      <c r="H546651" s="12"/>
    </row>
    <row r="546652" spans="8:8">
      <c r="H546652" s="12"/>
    </row>
    <row r="546653" spans="8:8">
      <c r="H546653" s="12"/>
    </row>
    <row r="546654" spans="8:8">
      <c r="H546654" s="12"/>
    </row>
    <row r="546655" spans="8:8">
      <c r="H546655" s="12"/>
    </row>
    <row r="546656" spans="8:8">
      <c r="H546656" s="12"/>
    </row>
    <row r="546657" spans="8:8">
      <c r="H546657" s="12"/>
    </row>
    <row r="546658" spans="8:8">
      <c r="H546658" s="12"/>
    </row>
    <row r="546659" spans="8:8">
      <c r="H546659" s="12"/>
    </row>
    <row r="546660" spans="8:8">
      <c r="H546660" s="12"/>
    </row>
    <row r="546661" spans="8:8">
      <c r="H546661" s="12"/>
    </row>
    <row r="546662" spans="8:8">
      <c r="H546662" s="12"/>
    </row>
    <row r="546663" spans="8:8">
      <c r="H546663" s="12"/>
    </row>
    <row r="546664" spans="8:8">
      <c r="H546664" s="12"/>
    </row>
    <row r="546665" spans="8:8">
      <c r="H546665" s="12"/>
    </row>
    <row r="546666" spans="8:8">
      <c r="H546666" s="12"/>
    </row>
    <row r="546667" spans="8:8">
      <c r="H546667" s="12"/>
    </row>
    <row r="546668" spans="8:8">
      <c r="H546668" s="12"/>
    </row>
    <row r="546669" spans="8:8">
      <c r="H546669" s="12"/>
    </row>
    <row r="546670" spans="8:8">
      <c r="H546670" s="12"/>
    </row>
    <row r="546671" spans="8:8">
      <c r="H546671" s="12"/>
    </row>
    <row r="546672" spans="8:8">
      <c r="H546672" s="12"/>
    </row>
    <row r="546673" spans="8:8">
      <c r="H546673" s="12"/>
    </row>
    <row r="546674" spans="8:8">
      <c r="H546674" s="12"/>
    </row>
    <row r="546675" spans="8:8">
      <c r="H546675" s="12"/>
    </row>
    <row r="546676" spans="8:8">
      <c r="H546676" s="12"/>
    </row>
    <row r="546677" spans="8:8">
      <c r="H546677" s="12"/>
    </row>
    <row r="546678" spans="8:8">
      <c r="H546678" s="12"/>
    </row>
    <row r="546679" spans="8:8">
      <c r="H546679" s="12"/>
    </row>
    <row r="546680" spans="8:8">
      <c r="H546680" s="12"/>
    </row>
    <row r="546681" spans="8:8">
      <c r="H546681" s="12"/>
    </row>
    <row r="546682" spans="8:8">
      <c r="H546682" s="12"/>
    </row>
    <row r="546683" spans="8:8">
      <c r="H546683" s="12"/>
    </row>
    <row r="546684" spans="8:8">
      <c r="H546684" s="12"/>
    </row>
    <row r="546685" spans="8:8">
      <c r="H546685" s="12"/>
    </row>
    <row r="546686" spans="8:8">
      <c r="H546686" s="12"/>
    </row>
    <row r="546687" spans="8:8">
      <c r="H546687" s="12"/>
    </row>
    <row r="546688" spans="8:8">
      <c r="H546688" s="12"/>
    </row>
    <row r="546689" spans="8:8">
      <c r="H546689" s="12"/>
    </row>
    <row r="546690" spans="8:8">
      <c r="H546690" s="12"/>
    </row>
    <row r="546691" spans="8:8">
      <c r="H546691" s="12"/>
    </row>
    <row r="546692" spans="8:8">
      <c r="H546692" s="12"/>
    </row>
    <row r="546693" spans="8:8">
      <c r="H546693" s="12"/>
    </row>
    <row r="546694" spans="8:8">
      <c r="H546694" s="12"/>
    </row>
    <row r="546695" spans="8:8">
      <c r="H546695" s="12"/>
    </row>
    <row r="546696" spans="8:8">
      <c r="H546696" s="12"/>
    </row>
    <row r="546697" spans="8:8">
      <c r="H546697" s="12"/>
    </row>
    <row r="546698" spans="8:8">
      <c r="H546698" s="12"/>
    </row>
    <row r="546699" spans="8:8">
      <c r="H546699" s="12"/>
    </row>
    <row r="546700" spans="8:8">
      <c r="H546700" s="12"/>
    </row>
    <row r="546701" spans="8:8">
      <c r="H546701" s="12"/>
    </row>
    <row r="546702" spans="8:8">
      <c r="H546702" s="12"/>
    </row>
    <row r="546703" spans="8:8">
      <c r="H546703" s="12"/>
    </row>
    <row r="546704" spans="8:8">
      <c r="H546704" s="12"/>
    </row>
    <row r="546705" spans="8:8">
      <c r="H546705" s="12"/>
    </row>
    <row r="546706" spans="8:8">
      <c r="H546706" s="12"/>
    </row>
    <row r="546707" spans="8:8">
      <c r="H546707" s="12"/>
    </row>
    <row r="546708" spans="8:8">
      <c r="H546708" s="12"/>
    </row>
    <row r="546709" spans="8:8">
      <c r="H546709" s="12"/>
    </row>
    <row r="546710" spans="8:8">
      <c r="H546710" s="12"/>
    </row>
    <row r="546711" spans="8:8">
      <c r="H546711" s="12"/>
    </row>
    <row r="546712" spans="8:8">
      <c r="H546712" s="12"/>
    </row>
    <row r="546713" spans="8:8">
      <c r="H546713" s="12"/>
    </row>
    <row r="546714" spans="8:8">
      <c r="H546714" s="12"/>
    </row>
    <row r="546715" spans="8:8">
      <c r="H546715" s="12"/>
    </row>
    <row r="546716" spans="8:8">
      <c r="H546716" s="12"/>
    </row>
    <row r="546717" spans="8:8">
      <c r="H546717" s="12"/>
    </row>
    <row r="546718" spans="8:8">
      <c r="H546718" s="12"/>
    </row>
    <row r="546719" spans="8:8">
      <c r="H546719" s="12"/>
    </row>
    <row r="546720" spans="8:8">
      <c r="H546720" s="12"/>
    </row>
    <row r="546721" spans="8:8">
      <c r="H546721" s="12"/>
    </row>
    <row r="546722" spans="8:8">
      <c r="H546722" s="12"/>
    </row>
    <row r="546723" spans="8:8">
      <c r="H546723" s="12"/>
    </row>
    <row r="546724" spans="8:8">
      <c r="H546724" s="12"/>
    </row>
    <row r="546725" spans="8:8">
      <c r="H546725" s="12"/>
    </row>
    <row r="546726" spans="8:8">
      <c r="H546726" s="12"/>
    </row>
    <row r="546727" spans="8:8">
      <c r="H546727" s="12"/>
    </row>
    <row r="546728" spans="8:8">
      <c r="H546728" s="12"/>
    </row>
    <row r="546729" spans="8:8">
      <c r="H546729" s="12"/>
    </row>
    <row r="546730" spans="8:8">
      <c r="H546730" s="12"/>
    </row>
    <row r="546731" spans="8:8">
      <c r="H546731" s="12"/>
    </row>
    <row r="546732" spans="8:8">
      <c r="H546732" s="12"/>
    </row>
    <row r="546733" spans="8:8">
      <c r="H546733" s="12"/>
    </row>
    <row r="546734" spans="8:8">
      <c r="H546734" s="12"/>
    </row>
    <row r="546735" spans="8:8">
      <c r="H546735" s="12"/>
    </row>
    <row r="546736" spans="8:8">
      <c r="H546736" s="12"/>
    </row>
    <row r="546737" spans="8:8">
      <c r="H546737" s="12"/>
    </row>
    <row r="546738" spans="8:8">
      <c r="H546738" s="12"/>
    </row>
    <row r="546739" spans="8:8">
      <c r="H546739" s="12"/>
    </row>
    <row r="546740" spans="8:8">
      <c r="H546740" s="12"/>
    </row>
    <row r="546741" spans="8:8">
      <c r="H546741" s="12"/>
    </row>
    <row r="546742" spans="8:8">
      <c r="H546742" s="12"/>
    </row>
    <row r="546743" spans="8:8">
      <c r="H546743" s="12"/>
    </row>
    <row r="546744" spans="8:8">
      <c r="H546744" s="12"/>
    </row>
    <row r="546745" spans="8:8">
      <c r="H546745" s="12"/>
    </row>
    <row r="546746" spans="8:8">
      <c r="H546746" s="12"/>
    </row>
    <row r="546747" spans="8:8">
      <c r="H546747" s="12"/>
    </row>
    <row r="546748" spans="8:8">
      <c r="H546748" s="12"/>
    </row>
    <row r="546749" spans="8:8">
      <c r="H546749" s="12"/>
    </row>
    <row r="546750" spans="8:8">
      <c r="H546750" s="12"/>
    </row>
    <row r="546751" spans="8:8">
      <c r="H546751" s="12"/>
    </row>
    <row r="546752" spans="8:8">
      <c r="H546752" s="12"/>
    </row>
    <row r="546753" spans="8:8">
      <c r="H546753" s="12"/>
    </row>
    <row r="546754" spans="8:8">
      <c r="H546754" s="12"/>
    </row>
    <row r="546755" spans="8:8">
      <c r="H546755" s="12"/>
    </row>
    <row r="546756" spans="8:8">
      <c r="H546756" s="12"/>
    </row>
    <row r="546757" spans="8:8">
      <c r="H546757" s="12"/>
    </row>
    <row r="546758" spans="8:8">
      <c r="H546758" s="12"/>
    </row>
    <row r="546759" spans="8:8">
      <c r="H546759" s="12"/>
    </row>
    <row r="546760" spans="8:8">
      <c r="H546760" s="12"/>
    </row>
    <row r="546761" spans="8:8">
      <c r="H546761" s="12"/>
    </row>
    <row r="546762" spans="8:8">
      <c r="H546762" s="12"/>
    </row>
    <row r="546763" spans="8:8">
      <c r="H546763" s="12"/>
    </row>
    <row r="546764" spans="8:8">
      <c r="H546764" s="12"/>
    </row>
    <row r="546765" spans="8:8">
      <c r="H546765" s="12"/>
    </row>
    <row r="546766" spans="8:8">
      <c r="H546766" s="12"/>
    </row>
    <row r="546767" spans="8:8">
      <c r="H546767" s="12"/>
    </row>
    <row r="546768" spans="8:8">
      <c r="H546768" s="12"/>
    </row>
    <row r="546769" spans="8:8">
      <c r="H546769" s="12"/>
    </row>
    <row r="546770" spans="8:8">
      <c r="H546770" s="12"/>
    </row>
    <row r="546771" spans="8:8">
      <c r="H546771" s="12"/>
    </row>
    <row r="546772" spans="8:8">
      <c r="H546772" s="12"/>
    </row>
    <row r="546773" spans="8:8">
      <c r="H546773" s="12"/>
    </row>
    <row r="546774" spans="8:8">
      <c r="H546774" s="12"/>
    </row>
    <row r="546775" spans="8:8">
      <c r="H546775" s="12"/>
    </row>
    <row r="546776" spans="8:8">
      <c r="H546776" s="12"/>
    </row>
    <row r="546777" spans="8:8">
      <c r="H546777" s="12"/>
    </row>
    <row r="546778" spans="8:8">
      <c r="H546778" s="12"/>
    </row>
    <row r="546779" spans="8:8">
      <c r="H546779" s="12"/>
    </row>
    <row r="546780" spans="8:8">
      <c r="H546780" s="12"/>
    </row>
    <row r="546781" spans="8:8">
      <c r="H546781" s="12"/>
    </row>
    <row r="546782" spans="8:8">
      <c r="H546782" s="12"/>
    </row>
    <row r="546783" spans="8:8">
      <c r="H546783" s="12"/>
    </row>
    <row r="546784" spans="8:8">
      <c r="H546784" s="12"/>
    </row>
    <row r="546785" spans="8:8">
      <c r="H546785" s="12"/>
    </row>
    <row r="546786" spans="8:8">
      <c r="H546786" s="12"/>
    </row>
    <row r="546787" spans="8:8">
      <c r="H546787" s="12"/>
    </row>
    <row r="546788" spans="8:8">
      <c r="H546788" s="12"/>
    </row>
    <row r="546789" spans="8:8">
      <c r="H546789" s="12"/>
    </row>
    <row r="546790" spans="8:8">
      <c r="H546790" s="12"/>
    </row>
    <row r="546791" spans="8:8">
      <c r="H546791" s="12"/>
    </row>
    <row r="546792" spans="8:8">
      <c r="H546792" s="12"/>
    </row>
    <row r="546793" spans="8:8">
      <c r="H546793" s="12"/>
    </row>
    <row r="546794" spans="8:8">
      <c r="H546794" s="12"/>
    </row>
    <row r="546795" spans="8:8">
      <c r="H546795" s="12"/>
    </row>
    <row r="546796" spans="8:8">
      <c r="H546796" s="12"/>
    </row>
    <row r="546797" spans="8:8">
      <c r="H546797" s="12"/>
    </row>
    <row r="546798" spans="8:8">
      <c r="H546798" s="12"/>
    </row>
    <row r="546799" spans="8:8">
      <c r="H546799" s="12"/>
    </row>
    <row r="546800" spans="8:8">
      <c r="H546800" s="12"/>
    </row>
    <row r="546801" spans="8:8">
      <c r="H546801" s="12"/>
    </row>
    <row r="546802" spans="8:8">
      <c r="H546802" s="12"/>
    </row>
    <row r="546803" spans="8:8">
      <c r="H546803" s="12"/>
    </row>
    <row r="546804" spans="8:8">
      <c r="H546804" s="12"/>
    </row>
    <row r="546805" spans="8:8">
      <c r="H546805" s="12"/>
    </row>
    <row r="546806" spans="8:8">
      <c r="H546806" s="12"/>
    </row>
    <row r="546807" spans="8:8">
      <c r="H546807" s="12"/>
    </row>
    <row r="546808" spans="8:8">
      <c r="H546808" s="12"/>
    </row>
    <row r="546809" spans="8:8">
      <c r="H546809" s="12"/>
    </row>
    <row r="546810" spans="8:8">
      <c r="H546810" s="12"/>
    </row>
    <row r="546811" spans="8:8">
      <c r="H546811" s="12"/>
    </row>
    <row r="546812" spans="8:8">
      <c r="H546812" s="12"/>
    </row>
    <row r="546813" spans="8:8">
      <c r="H546813" s="12"/>
    </row>
    <row r="546814" spans="8:8">
      <c r="H546814" s="12"/>
    </row>
    <row r="546815" spans="8:8">
      <c r="H546815" s="12"/>
    </row>
    <row r="546816" spans="8:8">
      <c r="H546816" s="12"/>
    </row>
    <row r="546817" spans="8:8">
      <c r="H546817" s="12"/>
    </row>
    <row r="546818" spans="8:8">
      <c r="H546818" s="12"/>
    </row>
    <row r="546819" spans="8:8">
      <c r="H546819" s="12"/>
    </row>
    <row r="546820" spans="8:8">
      <c r="H546820" s="12"/>
    </row>
    <row r="546821" spans="8:8">
      <c r="H546821" s="12"/>
    </row>
    <row r="546822" spans="8:8">
      <c r="H546822" s="12"/>
    </row>
    <row r="546823" spans="8:8">
      <c r="H546823" s="12"/>
    </row>
    <row r="546824" spans="8:8">
      <c r="H546824" s="12"/>
    </row>
    <row r="546825" spans="8:8">
      <c r="H546825" s="12"/>
    </row>
    <row r="546826" spans="8:8">
      <c r="H546826" s="12"/>
    </row>
    <row r="546827" spans="8:8">
      <c r="H546827" s="12"/>
    </row>
    <row r="546828" spans="8:8">
      <c r="H546828" s="12"/>
    </row>
    <row r="546829" spans="8:8">
      <c r="H546829" s="12"/>
    </row>
    <row r="546830" spans="8:8">
      <c r="H546830" s="12"/>
    </row>
    <row r="546831" spans="8:8">
      <c r="H546831" s="12"/>
    </row>
    <row r="546832" spans="8:8">
      <c r="H546832" s="12"/>
    </row>
    <row r="546833" spans="8:8">
      <c r="H546833" s="12"/>
    </row>
    <row r="546834" spans="8:8">
      <c r="H546834" s="12"/>
    </row>
    <row r="546835" spans="8:8">
      <c r="H546835" s="12"/>
    </row>
    <row r="546836" spans="8:8">
      <c r="H546836" s="12"/>
    </row>
    <row r="546837" spans="8:8">
      <c r="H546837" s="12"/>
    </row>
    <row r="546838" spans="8:8">
      <c r="H546838" s="12"/>
    </row>
    <row r="546839" spans="8:8">
      <c r="H546839" s="12"/>
    </row>
    <row r="546840" spans="8:8">
      <c r="H546840" s="12"/>
    </row>
    <row r="546841" spans="8:8">
      <c r="H546841" s="12"/>
    </row>
    <row r="546842" spans="8:8">
      <c r="H546842" s="12"/>
    </row>
    <row r="546843" spans="8:8">
      <c r="H546843" s="12"/>
    </row>
    <row r="546844" spans="8:8">
      <c r="H546844" s="12"/>
    </row>
    <row r="546845" spans="8:8">
      <c r="H546845" s="12"/>
    </row>
    <row r="546846" spans="8:8">
      <c r="H546846" s="12"/>
    </row>
    <row r="546847" spans="8:8">
      <c r="H546847" s="12"/>
    </row>
    <row r="546848" spans="8:8">
      <c r="H546848" s="12"/>
    </row>
    <row r="546849" spans="8:8">
      <c r="H546849" s="12"/>
    </row>
    <row r="546850" spans="8:8">
      <c r="H546850" s="12"/>
    </row>
    <row r="546851" spans="8:8">
      <c r="H546851" s="12"/>
    </row>
    <row r="546852" spans="8:8">
      <c r="H546852" s="12"/>
    </row>
    <row r="546853" spans="8:8">
      <c r="H546853" s="12"/>
    </row>
    <row r="546854" spans="8:8">
      <c r="H546854" s="12"/>
    </row>
    <row r="546855" spans="8:8">
      <c r="H546855" s="12"/>
    </row>
    <row r="546856" spans="8:8">
      <c r="H546856" s="12"/>
    </row>
    <row r="546857" spans="8:8">
      <c r="H546857" s="12"/>
    </row>
    <row r="546858" spans="8:8">
      <c r="H546858" s="12"/>
    </row>
    <row r="546859" spans="8:8">
      <c r="H546859" s="12"/>
    </row>
    <row r="546860" spans="8:8">
      <c r="H546860" s="12"/>
    </row>
    <row r="546861" spans="8:8">
      <c r="H546861" s="12"/>
    </row>
    <row r="546862" spans="8:8">
      <c r="H546862" s="12"/>
    </row>
    <row r="546863" spans="8:8">
      <c r="H546863" s="12"/>
    </row>
    <row r="546864" spans="8:8">
      <c r="H546864" s="12"/>
    </row>
    <row r="546865" spans="8:8">
      <c r="H546865" s="12"/>
    </row>
    <row r="546866" spans="8:8">
      <c r="H546866" s="12"/>
    </row>
    <row r="546867" spans="8:8">
      <c r="H546867" s="12"/>
    </row>
    <row r="546868" spans="8:8">
      <c r="H546868" s="12"/>
    </row>
    <row r="546869" spans="8:8">
      <c r="H546869" s="12"/>
    </row>
    <row r="546870" spans="8:8">
      <c r="H546870" s="12"/>
    </row>
    <row r="546871" spans="8:8">
      <c r="H546871" s="12"/>
    </row>
    <row r="546872" spans="8:8">
      <c r="H546872" s="12"/>
    </row>
    <row r="546873" spans="8:8">
      <c r="H546873" s="12"/>
    </row>
    <row r="546874" spans="8:8">
      <c r="H546874" s="12"/>
    </row>
    <row r="546875" spans="8:8">
      <c r="H546875" s="12"/>
    </row>
    <row r="546876" spans="8:8">
      <c r="H546876" s="12"/>
    </row>
    <row r="546877" spans="8:8">
      <c r="H546877" s="12"/>
    </row>
    <row r="546878" spans="8:8">
      <c r="H546878" s="12"/>
    </row>
    <row r="546879" spans="8:8">
      <c r="H546879" s="12"/>
    </row>
    <row r="546880" spans="8:8">
      <c r="H546880" s="12"/>
    </row>
    <row r="546881" spans="8:8">
      <c r="H546881" s="12"/>
    </row>
    <row r="546882" spans="8:8">
      <c r="H546882" s="12"/>
    </row>
    <row r="546883" spans="8:8">
      <c r="H546883" s="12"/>
    </row>
    <row r="546884" spans="8:8">
      <c r="H546884" s="12"/>
    </row>
    <row r="546885" spans="8:8">
      <c r="H546885" s="12"/>
    </row>
    <row r="546886" spans="8:8">
      <c r="H546886" s="12"/>
    </row>
    <row r="546887" spans="8:8">
      <c r="H546887" s="12"/>
    </row>
    <row r="546888" spans="8:8">
      <c r="H546888" s="12"/>
    </row>
    <row r="546889" spans="8:8">
      <c r="H546889" s="12"/>
    </row>
    <row r="546890" spans="8:8">
      <c r="H546890" s="12"/>
    </row>
    <row r="546891" spans="8:8">
      <c r="H546891" s="12"/>
    </row>
    <row r="546892" spans="8:8">
      <c r="H546892" s="12"/>
    </row>
    <row r="546893" spans="8:8">
      <c r="H546893" s="12"/>
    </row>
    <row r="546894" spans="8:8">
      <c r="H546894" s="12"/>
    </row>
    <row r="546895" spans="8:8">
      <c r="H546895" s="12"/>
    </row>
    <row r="546896" spans="8:8">
      <c r="H546896" s="12"/>
    </row>
    <row r="546897" spans="8:8">
      <c r="H546897" s="12"/>
    </row>
    <row r="546898" spans="8:8">
      <c r="H546898" s="12"/>
    </row>
    <row r="546899" spans="8:8">
      <c r="H546899" s="12"/>
    </row>
    <row r="546900" spans="8:8">
      <c r="H546900" s="12"/>
    </row>
    <row r="546901" spans="8:8">
      <c r="H546901" s="12"/>
    </row>
    <row r="546902" spans="8:8">
      <c r="H546902" s="12"/>
    </row>
    <row r="546903" spans="8:8">
      <c r="H546903" s="12"/>
    </row>
    <row r="546904" spans="8:8">
      <c r="H546904" s="12"/>
    </row>
    <row r="546905" spans="8:8">
      <c r="H546905" s="12"/>
    </row>
    <row r="546906" spans="8:8">
      <c r="H546906" s="12"/>
    </row>
    <row r="546907" spans="8:8">
      <c r="H546907" s="12"/>
    </row>
    <row r="546908" spans="8:8">
      <c r="H546908" s="12"/>
    </row>
    <row r="546909" spans="8:8">
      <c r="H546909" s="12"/>
    </row>
    <row r="546910" spans="8:8">
      <c r="H546910" s="12"/>
    </row>
    <row r="546911" spans="8:8">
      <c r="H546911" s="12"/>
    </row>
    <row r="546912" spans="8:8">
      <c r="H546912" s="12"/>
    </row>
    <row r="546913" spans="8:8">
      <c r="H546913" s="12"/>
    </row>
    <row r="546914" spans="8:8">
      <c r="H546914" s="12"/>
    </row>
    <row r="546915" spans="8:8">
      <c r="H546915" s="12"/>
    </row>
    <row r="546916" spans="8:8">
      <c r="H546916" s="12"/>
    </row>
    <row r="546917" spans="8:8">
      <c r="H546917" s="12"/>
    </row>
    <row r="546918" spans="8:8">
      <c r="H546918" s="12"/>
    </row>
    <row r="546919" spans="8:8">
      <c r="H546919" s="12"/>
    </row>
    <row r="546920" spans="8:8">
      <c r="H546920" s="12"/>
    </row>
    <row r="546921" spans="8:8">
      <c r="H546921" s="12"/>
    </row>
    <row r="546922" spans="8:8">
      <c r="H546922" s="12"/>
    </row>
    <row r="546923" spans="8:8">
      <c r="H546923" s="12"/>
    </row>
    <row r="546924" spans="8:8">
      <c r="H546924" s="12"/>
    </row>
    <row r="546925" spans="8:8">
      <c r="H546925" s="12"/>
    </row>
    <row r="546926" spans="8:8">
      <c r="H546926" s="12"/>
    </row>
    <row r="546927" spans="8:8">
      <c r="H546927" s="12"/>
    </row>
    <row r="546928" spans="8:8">
      <c r="H546928" s="12"/>
    </row>
    <row r="546929" spans="8:8">
      <c r="H546929" s="12"/>
    </row>
    <row r="546930" spans="8:8">
      <c r="H546930" s="12"/>
    </row>
    <row r="546931" spans="8:8">
      <c r="H546931" s="12"/>
    </row>
    <row r="546932" spans="8:8">
      <c r="H546932" s="12"/>
    </row>
    <row r="546933" spans="8:8">
      <c r="H546933" s="12"/>
    </row>
    <row r="546934" spans="8:8">
      <c r="H546934" s="12"/>
    </row>
    <row r="546935" spans="8:8">
      <c r="H546935" s="12"/>
    </row>
    <row r="546936" spans="8:8">
      <c r="H546936" s="12"/>
    </row>
    <row r="546937" spans="8:8">
      <c r="H546937" s="12"/>
    </row>
    <row r="546938" spans="8:8">
      <c r="H546938" s="12"/>
    </row>
    <row r="546939" spans="8:8">
      <c r="H546939" s="12"/>
    </row>
    <row r="546940" spans="8:8">
      <c r="H546940" s="12"/>
    </row>
    <row r="546941" spans="8:8">
      <c r="H546941" s="12"/>
    </row>
    <row r="546942" spans="8:8">
      <c r="H546942" s="12"/>
    </row>
    <row r="546943" spans="8:8">
      <c r="H546943" s="12"/>
    </row>
    <row r="546944" spans="8:8">
      <c r="H546944" s="12"/>
    </row>
    <row r="546945" spans="8:8">
      <c r="H546945" s="12"/>
    </row>
    <row r="546946" spans="8:8">
      <c r="H546946" s="12"/>
    </row>
    <row r="546947" spans="8:8">
      <c r="H546947" s="12"/>
    </row>
    <row r="546948" spans="8:8">
      <c r="H546948" s="12"/>
    </row>
    <row r="546949" spans="8:8">
      <c r="H546949" s="12"/>
    </row>
    <row r="546950" spans="8:8">
      <c r="H546950" s="12"/>
    </row>
    <row r="546951" spans="8:8">
      <c r="H546951" s="12"/>
    </row>
    <row r="546952" spans="8:8">
      <c r="H546952" s="12"/>
    </row>
    <row r="546953" spans="8:8">
      <c r="H546953" s="12"/>
    </row>
    <row r="546954" spans="8:8">
      <c r="H546954" s="12"/>
    </row>
    <row r="546955" spans="8:8">
      <c r="H546955" s="12"/>
    </row>
    <row r="546956" spans="8:8">
      <c r="H546956" s="12"/>
    </row>
    <row r="546957" spans="8:8">
      <c r="H546957" s="12"/>
    </row>
    <row r="546958" spans="8:8">
      <c r="H546958" s="12"/>
    </row>
    <row r="546959" spans="8:8">
      <c r="H546959" s="12"/>
    </row>
    <row r="546960" spans="8:8">
      <c r="H546960" s="12"/>
    </row>
    <row r="546961" spans="8:8">
      <c r="H546961" s="12"/>
    </row>
    <row r="546962" spans="8:8">
      <c r="H546962" s="12"/>
    </row>
    <row r="546963" spans="8:8">
      <c r="H546963" s="12"/>
    </row>
    <row r="546964" spans="8:8">
      <c r="H546964" s="12"/>
    </row>
    <row r="546965" spans="8:8">
      <c r="H546965" s="12"/>
    </row>
    <row r="546966" spans="8:8">
      <c r="H546966" s="12"/>
    </row>
    <row r="546967" spans="8:8">
      <c r="H546967" s="12"/>
    </row>
    <row r="546968" spans="8:8">
      <c r="H546968" s="12"/>
    </row>
    <row r="546969" spans="8:8">
      <c r="H546969" s="12"/>
    </row>
    <row r="546970" spans="8:8">
      <c r="H546970" s="12"/>
    </row>
    <row r="546971" spans="8:8">
      <c r="H546971" s="12"/>
    </row>
    <row r="546972" spans="8:8">
      <c r="H546972" s="12"/>
    </row>
    <row r="546973" spans="8:8">
      <c r="H546973" s="12"/>
    </row>
    <row r="546974" spans="8:8">
      <c r="H546974" s="12"/>
    </row>
    <row r="546975" spans="8:8">
      <c r="H546975" s="12"/>
    </row>
    <row r="546976" spans="8:8">
      <c r="H546976" s="12"/>
    </row>
    <row r="546977" spans="8:8">
      <c r="H546977" s="12"/>
    </row>
    <row r="546978" spans="8:8">
      <c r="H546978" s="12"/>
    </row>
    <row r="546979" spans="8:8">
      <c r="H546979" s="12"/>
    </row>
    <row r="546980" spans="8:8">
      <c r="H546980" s="12"/>
    </row>
    <row r="546981" spans="8:8">
      <c r="H546981" s="12"/>
    </row>
    <row r="546982" spans="8:8">
      <c r="H546982" s="12"/>
    </row>
    <row r="546983" spans="8:8">
      <c r="H546983" s="12"/>
    </row>
    <row r="546984" spans="8:8">
      <c r="H546984" s="12"/>
    </row>
    <row r="546985" spans="8:8">
      <c r="H546985" s="12"/>
    </row>
    <row r="546986" spans="8:8">
      <c r="H546986" s="12"/>
    </row>
    <row r="546987" spans="8:8">
      <c r="H546987" s="12"/>
    </row>
    <row r="546988" spans="8:8">
      <c r="H546988" s="12"/>
    </row>
    <row r="546989" spans="8:8">
      <c r="H546989" s="12"/>
    </row>
    <row r="546990" spans="8:8">
      <c r="H546990" s="12"/>
    </row>
    <row r="546991" spans="8:8">
      <c r="H546991" s="12"/>
    </row>
    <row r="546992" spans="8:8">
      <c r="H546992" s="12"/>
    </row>
    <row r="546993" spans="8:8">
      <c r="H546993" s="12"/>
    </row>
    <row r="546994" spans="8:8">
      <c r="H546994" s="12"/>
    </row>
    <row r="546995" spans="8:8">
      <c r="H546995" s="12"/>
    </row>
    <row r="546996" spans="8:8">
      <c r="H546996" s="12"/>
    </row>
    <row r="546997" spans="8:8">
      <c r="H546997" s="12"/>
    </row>
    <row r="546998" spans="8:8">
      <c r="H546998" s="12"/>
    </row>
    <row r="546999" spans="8:8">
      <c r="H546999" s="12"/>
    </row>
    <row r="547000" spans="8:8">
      <c r="H547000" s="12"/>
    </row>
    <row r="547001" spans="8:8">
      <c r="H547001" s="12"/>
    </row>
    <row r="547002" spans="8:8">
      <c r="H547002" s="12"/>
    </row>
    <row r="547003" spans="8:8">
      <c r="H547003" s="12"/>
    </row>
    <row r="547004" spans="8:8">
      <c r="H547004" s="12"/>
    </row>
    <row r="547005" spans="8:8">
      <c r="H547005" s="12"/>
    </row>
    <row r="547006" spans="8:8">
      <c r="H547006" s="12"/>
    </row>
    <row r="547007" spans="8:8">
      <c r="H547007" s="12"/>
    </row>
    <row r="547008" spans="8:8">
      <c r="H547008" s="12"/>
    </row>
    <row r="547009" spans="8:8">
      <c r="H547009" s="12"/>
    </row>
    <row r="547010" spans="8:8">
      <c r="H547010" s="12"/>
    </row>
    <row r="547011" spans="8:8">
      <c r="H547011" s="12"/>
    </row>
    <row r="547012" spans="8:8">
      <c r="H547012" s="12"/>
    </row>
    <row r="547013" spans="8:8">
      <c r="H547013" s="12"/>
    </row>
    <row r="547014" spans="8:8">
      <c r="H547014" s="12"/>
    </row>
    <row r="547015" spans="8:8">
      <c r="H547015" s="12"/>
    </row>
    <row r="547016" spans="8:8">
      <c r="H547016" s="12"/>
    </row>
    <row r="547017" spans="8:8">
      <c r="H547017" s="12"/>
    </row>
    <row r="547018" spans="8:8">
      <c r="H547018" s="12"/>
    </row>
    <row r="547019" spans="8:8">
      <c r="H547019" s="12"/>
    </row>
    <row r="547020" spans="8:8">
      <c r="H547020" s="12"/>
    </row>
    <row r="547021" spans="8:8">
      <c r="H547021" s="12"/>
    </row>
    <row r="547022" spans="8:8">
      <c r="H547022" s="12"/>
    </row>
    <row r="547023" spans="8:8">
      <c r="H547023" s="12"/>
    </row>
    <row r="547024" spans="8:8">
      <c r="H547024" s="12"/>
    </row>
    <row r="547025" spans="8:8">
      <c r="H547025" s="12"/>
    </row>
    <row r="547026" spans="8:8">
      <c r="H547026" s="12"/>
    </row>
    <row r="547027" spans="8:8">
      <c r="H547027" s="12"/>
    </row>
    <row r="547028" spans="8:8">
      <c r="H547028" s="12"/>
    </row>
    <row r="547029" spans="8:8">
      <c r="H547029" s="12"/>
    </row>
    <row r="547030" spans="8:8">
      <c r="H547030" s="12"/>
    </row>
    <row r="547031" spans="8:8">
      <c r="H547031" s="12"/>
    </row>
    <row r="547032" spans="8:8">
      <c r="H547032" s="12"/>
    </row>
    <row r="547033" spans="8:8">
      <c r="H547033" s="12"/>
    </row>
    <row r="547034" spans="8:8">
      <c r="H547034" s="12"/>
    </row>
    <row r="547035" spans="8:8">
      <c r="H547035" s="12"/>
    </row>
    <row r="547036" spans="8:8">
      <c r="H547036" s="12"/>
    </row>
    <row r="547037" spans="8:8">
      <c r="H547037" s="12"/>
    </row>
    <row r="547038" spans="8:8">
      <c r="H547038" s="12"/>
    </row>
    <row r="547039" spans="8:8">
      <c r="H547039" s="12"/>
    </row>
    <row r="547040" spans="8:8">
      <c r="H547040" s="12"/>
    </row>
    <row r="547041" spans="8:8">
      <c r="H547041" s="12"/>
    </row>
    <row r="547042" spans="8:8">
      <c r="H547042" s="12"/>
    </row>
    <row r="547043" spans="8:8">
      <c r="H547043" s="12"/>
    </row>
    <row r="547044" spans="8:8">
      <c r="H547044" s="12"/>
    </row>
    <row r="547045" spans="8:8">
      <c r="H547045" s="12"/>
    </row>
    <row r="547046" spans="8:8">
      <c r="H547046" s="12"/>
    </row>
    <row r="547047" spans="8:8">
      <c r="H547047" s="12"/>
    </row>
    <row r="547048" spans="8:8">
      <c r="H547048" s="12"/>
    </row>
    <row r="547049" spans="8:8">
      <c r="H547049" s="12"/>
    </row>
    <row r="547050" spans="8:8">
      <c r="H547050" s="12"/>
    </row>
    <row r="547051" spans="8:8">
      <c r="H547051" s="12"/>
    </row>
    <row r="547052" spans="8:8">
      <c r="H547052" s="12"/>
    </row>
    <row r="547053" spans="8:8">
      <c r="H547053" s="12"/>
    </row>
    <row r="547054" spans="8:8">
      <c r="H547054" s="12"/>
    </row>
    <row r="547055" spans="8:8">
      <c r="H547055" s="12"/>
    </row>
    <row r="547056" spans="8:8">
      <c r="H547056" s="12"/>
    </row>
    <row r="547057" spans="8:8">
      <c r="H547057" s="12"/>
    </row>
    <row r="547058" spans="8:8">
      <c r="H547058" s="12"/>
    </row>
    <row r="547059" spans="8:8">
      <c r="H547059" s="12"/>
    </row>
    <row r="547060" spans="8:8">
      <c r="H547060" s="12"/>
    </row>
    <row r="547061" spans="8:8">
      <c r="H547061" s="12"/>
    </row>
    <row r="547062" spans="8:8">
      <c r="H547062" s="12"/>
    </row>
    <row r="547063" spans="8:8">
      <c r="H547063" s="12"/>
    </row>
    <row r="547064" spans="8:8">
      <c r="H547064" s="12"/>
    </row>
    <row r="547065" spans="8:8">
      <c r="H547065" s="12"/>
    </row>
    <row r="547066" spans="8:8">
      <c r="H547066" s="12"/>
    </row>
    <row r="547067" spans="8:8">
      <c r="H547067" s="12"/>
    </row>
    <row r="547068" spans="8:8">
      <c r="H547068" s="12"/>
    </row>
    <row r="547069" spans="8:8">
      <c r="H547069" s="12"/>
    </row>
    <row r="547070" spans="8:8">
      <c r="H547070" s="12"/>
    </row>
    <row r="547071" spans="8:8">
      <c r="H547071" s="12"/>
    </row>
    <row r="547072" spans="8:8">
      <c r="H547072" s="12"/>
    </row>
    <row r="547073" spans="8:8">
      <c r="H547073" s="12"/>
    </row>
    <row r="547074" spans="8:8">
      <c r="H547074" s="12"/>
    </row>
    <row r="547075" spans="8:8">
      <c r="H547075" s="12"/>
    </row>
    <row r="547076" spans="8:8">
      <c r="H547076" s="12"/>
    </row>
    <row r="547077" spans="8:8">
      <c r="H547077" s="12"/>
    </row>
    <row r="547078" spans="8:8">
      <c r="H547078" s="12"/>
    </row>
    <row r="547079" spans="8:8">
      <c r="H547079" s="12"/>
    </row>
    <row r="547080" spans="8:8">
      <c r="H547080" s="12"/>
    </row>
    <row r="547081" spans="8:8">
      <c r="H547081" s="12"/>
    </row>
    <row r="547082" spans="8:8">
      <c r="H547082" s="12"/>
    </row>
    <row r="547083" spans="8:8">
      <c r="H547083" s="12"/>
    </row>
    <row r="547084" spans="8:8">
      <c r="H547084" s="12"/>
    </row>
    <row r="547085" spans="8:8">
      <c r="H547085" s="12"/>
    </row>
    <row r="547086" spans="8:8">
      <c r="H547086" s="12"/>
    </row>
    <row r="547087" spans="8:8">
      <c r="H547087" s="12"/>
    </row>
    <row r="547088" spans="8:8">
      <c r="H547088" s="12"/>
    </row>
    <row r="547089" spans="8:8">
      <c r="H547089" s="12"/>
    </row>
    <row r="547090" spans="8:8">
      <c r="H547090" s="12"/>
    </row>
    <row r="547091" spans="8:8">
      <c r="H547091" s="12"/>
    </row>
    <row r="547092" spans="8:8">
      <c r="H547092" s="12"/>
    </row>
    <row r="547093" spans="8:8">
      <c r="H547093" s="12"/>
    </row>
    <row r="547094" spans="8:8">
      <c r="H547094" s="12"/>
    </row>
    <row r="547095" spans="8:8">
      <c r="H547095" s="12"/>
    </row>
    <row r="547096" spans="8:8">
      <c r="H547096" s="12"/>
    </row>
    <row r="547097" spans="8:8">
      <c r="H547097" s="12"/>
    </row>
    <row r="547098" spans="8:8">
      <c r="H547098" s="12"/>
    </row>
    <row r="547099" spans="8:8">
      <c r="H547099" s="12"/>
    </row>
    <row r="547100" spans="8:8">
      <c r="H547100" s="12"/>
    </row>
    <row r="547101" spans="8:8">
      <c r="H547101" s="12"/>
    </row>
    <row r="547102" spans="8:8">
      <c r="H547102" s="12"/>
    </row>
    <row r="547103" spans="8:8">
      <c r="H547103" s="12"/>
    </row>
    <row r="547104" spans="8:8">
      <c r="H547104" s="12"/>
    </row>
    <row r="547105" spans="8:8">
      <c r="H547105" s="12"/>
    </row>
    <row r="547106" spans="8:8">
      <c r="H547106" s="12"/>
    </row>
    <row r="547107" spans="8:8">
      <c r="H547107" s="12"/>
    </row>
    <row r="547108" spans="8:8">
      <c r="H547108" s="12"/>
    </row>
    <row r="547109" spans="8:8">
      <c r="H547109" s="12"/>
    </row>
    <row r="547110" spans="8:8">
      <c r="H547110" s="12"/>
    </row>
    <row r="547111" spans="8:8">
      <c r="H547111" s="12"/>
    </row>
    <row r="547112" spans="8:8">
      <c r="H547112" s="12"/>
    </row>
    <row r="547113" spans="8:8">
      <c r="H547113" s="12"/>
    </row>
    <row r="547114" spans="8:8">
      <c r="H547114" s="12"/>
    </row>
    <row r="547115" spans="8:8">
      <c r="H547115" s="12"/>
    </row>
    <row r="547116" spans="8:8">
      <c r="H547116" s="12"/>
    </row>
    <row r="547117" spans="8:8">
      <c r="H547117" s="12"/>
    </row>
    <row r="547118" spans="8:8">
      <c r="H547118" s="12"/>
    </row>
    <row r="547119" spans="8:8">
      <c r="H547119" s="12"/>
    </row>
    <row r="547120" spans="8:8">
      <c r="H547120" s="12"/>
    </row>
    <row r="547121" spans="8:8">
      <c r="H547121" s="12"/>
    </row>
    <row r="547122" spans="8:8">
      <c r="H547122" s="12"/>
    </row>
    <row r="547123" spans="8:8">
      <c r="H547123" s="12"/>
    </row>
    <row r="547124" spans="8:8">
      <c r="H547124" s="12"/>
    </row>
    <row r="547125" spans="8:8">
      <c r="H547125" s="12"/>
    </row>
    <row r="547126" spans="8:8">
      <c r="H547126" s="12"/>
    </row>
    <row r="547127" spans="8:8">
      <c r="H547127" s="12"/>
    </row>
    <row r="547128" spans="8:8">
      <c r="H547128" s="12"/>
    </row>
    <row r="547129" spans="8:8">
      <c r="H547129" s="12"/>
    </row>
    <row r="547130" spans="8:8">
      <c r="H547130" s="12"/>
    </row>
    <row r="547131" spans="8:8">
      <c r="H547131" s="12"/>
    </row>
    <row r="547132" spans="8:8">
      <c r="H547132" s="12"/>
    </row>
    <row r="547133" spans="8:8">
      <c r="H547133" s="12"/>
    </row>
    <row r="547134" spans="8:8">
      <c r="H547134" s="12"/>
    </row>
    <row r="547135" spans="8:8">
      <c r="H547135" s="12"/>
    </row>
    <row r="547136" spans="8:8">
      <c r="H547136" s="12"/>
    </row>
    <row r="547137" spans="8:8">
      <c r="H547137" s="12"/>
    </row>
    <row r="547138" spans="8:8">
      <c r="H547138" s="12"/>
    </row>
    <row r="547139" spans="8:8">
      <c r="H547139" s="12"/>
    </row>
    <row r="547140" spans="8:8">
      <c r="H547140" s="12"/>
    </row>
    <row r="547141" spans="8:8">
      <c r="H547141" s="12"/>
    </row>
    <row r="547142" spans="8:8">
      <c r="H547142" s="12"/>
    </row>
    <row r="547143" spans="8:8">
      <c r="H547143" s="12"/>
    </row>
    <row r="547144" spans="8:8">
      <c r="H547144" s="12"/>
    </row>
    <row r="547145" spans="8:8">
      <c r="H547145" s="12"/>
    </row>
    <row r="547146" spans="8:8">
      <c r="H547146" s="12"/>
    </row>
    <row r="547147" spans="8:8">
      <c r="H547147" s="12"/>
    </row>
    <row r="547148" spans="8:8">
      <c r="H547148" s="12"/>
    </row>
    <row r="547149" spans="8:8">
      <c r="H547149" s="12"/>
    </row>
    <row r="547150" spans="8:8">
      <c r="H547150" s="12"/>
    </row>
    <row r="547151" spans="8:8">
      <c r="H547151" s="12"/>
    </row>
    <row r="547152" spans="8:8">
      <c r="H547152" s="12"/>
    </row>
    <row r="547153" spans="8:8">
      <c r="H547153" s="12"/>
    </row>
    <row r="547154" spans="8:8">
      <c r="H547154" s="12"/>
    </row>
    <row r="547155" spans="8:8">
      <c r="H547155" s="12"/>
    </row>
    <row r="547156" spans="8:8">
      <c r="H547156" s="12"/>
    </row>
    <row r="547157" spans="8:8">
      <c r="H547157" s="12"/>
    </row>
    <row r="547158" spans="8:8">
      <c r="H547158" s="12"/>
    </row>
    <row r="547159" spans="8:8">
      <c r="H547159" s="12"/>
    </row>
    <row r="547160" spans="8:8">
      <c r="H547160" s="12"/>
    </row>
    <row r="547161" spans="8:8">
      <c r="H547161" s="12"/>
    </row>
    <row r="547162" spans="8:8">
      <c r="H547162" s="12"/>
    </row>
    <row r="547163" spans="8:8">
      <c r="H547163" s="12"/>
    </row>
    <row r="547164" spans="8:8">
      <c r="H547164" s="12"/>
    </row>
    <row r="547165" spans="8:8">
      <c r="H547165" s="12"/>
    </row>
    <row r="547166" spans="8:8">
      <c r="H547166" s="12"/>
    </row>
    <row r="547167" spans="8:8">
      <c r="H547167" s="12"/>
    </row>
    <row r="547168" spans="8:8">
      <c r="H547168" s="12"/>
    </row>
    <row r="547169" spans="8:8">
      <c r="H547169" s="12"/>
    </row>
    <row r="547170" spans="8:8">
      <c r="H547170" s="12"/>
    </row>
    <row r="547171" spans="8:8">
      <c r="H547171" s="12"/>
    </row>
    <row r="547172" spans="8:8">
      <c r="H547172" s="12"/>
    </row>
    <row r="547173" spans="8:8">
      <c r="H547173" s="12"/>
    </row>
    <row r="547174" spans="8:8">
      <c r="H547174" s="12"/>
    </row>
    <row r="547175" spans="8:8">
      <c r="H547175" s="12"/>
    </row>
    <row r="547176" spans="8:8">
      <c r="H547176" s="12"/>
    </row>
    <row r="547177" spans="8:8">
      <c r="H547177" s="12"/>
    </row>
    <row r="547178" spans="8:8">
      <c r="H547178" s="12"/>
    </row>
    <row r="547179" spans="8:8">
      <c r="H547179" s="12"/>
    </row>
    <row r="547180" spans="8:8">
      <c r="H547180" s="12"/>
    </row>
    <row r="547181" spans="8:8">
      <c r="H547181" s="12"/>
    </row>
    <row r="547182" spans="8:8">
      <c r="H547182" s="12"/>
    </row>
    <row r="547183" spans="8:8">
      <c r="H547183" s="12"/>
    </row>
    <row r="547184" spans="8:8">
      <c r="H547184" s="12"/>
    </row>
    <row r="547185" spans="8:8">
      <c r="H547185" s="12"/>
    </row>
    <row r="547186" spans="8:8">
      <c r="H547186" s="12"/>
    </row>
    <row r="547187" spans="8:8">
      <c r="H547187" s="12"/>
    </row>
    <row r="547188" spans="8:8">
      <c r="H547188" s="12"/>
    </row>
    <row r="547189" spans="8:8">
      <c r="H547189" s="12"/>
    </row>
    <row r="547190" spans="8:8">
      <c r="H547190" s="12"/>
    </row>
    <row r="547191" spans="8:8">
      <c r="H547191" s="12"/>
    </row>
    <row r="547192" spans="8:8">
      <c r="H547192" s="12"/>
    </row>
    <row r="547193" spans="8:8">
      <c r="H547193" s="12"/>
    </row>
    <row r="547194" spans="8:8">
      <c r="H547194" s="12"/>
    </row>
    <row r="547195" spans="8:8">
      <c r="H547195" s="12"/>
    </row>
    <row r="547196" spans="8:8">
      <c r="H547196" s="12"/>
    </row>
    <row r="547197" spans="8:8">
      <c r="H547197" s="12"/>
    </row>
    <row r="547198" spans="8:8">
      <c r="H547198" s="12"/>
    </row>
    <row r="547199" spans="8:8">
      <c r="H547199" s="12"/>
    </row>
    <row r="547200" spans="8:8">
      <c r="H547200" s="12"/>
    </row>
    <row r="547201" spans="8:8">
      <c r="H547201" s="12"/>
    </row>
    <row r="547202" spans="8:8">
      <c r="H547202" s="12"/>
    </row>
    <row r="547203" spans="8:8">
      <c r="H547203" s="12"/>
    </row>
    <row r="547204" spans="8:8">
      <c r="H547204" s="12"/>
    </row>
    <row r="547205" spans="8:8">
      <c r="H547205" s="12"/>
    </row>
    <row r="547206" spans="8:8">
      <c r="H547206" s="12"/>
    </row>
    <row r="547207" spans="8:8">
      <c r="H547207" s="12"/>
    </row>
    <row r="547208" spans="8:8">
      <c r="H547208" s="12"/>
    </row>
    <row r="547209" spans="8:8">
      <c r="H547209" s="12"/>
    </row>
    <row r="547210" spans="8:8">
      <c r="H547210" s="12"/>
    </row>
    <row r="547211" spans="8:8">
      <c r="H547211" s="12"/>
    </row>
    <row r="547212" spans="8:8">
      <c r="H547212" s="12"/>
    </row>
    <row r="547213" spans="8:8">
      <c r="H547213" s="12"/>
    </row>
    <row r="547214" spans="8:8">
      <c r="H547214" s="12"/>
    </row>
    <row r="547215" spans="8:8">
      <c r="H547215" s="12"/>
    </row>
    <row r="547216" spans="8:8">
      <c r="H547216" s="12"/>
    </row>
    <row r="547217" spans="8:8">
      <c r="H547217" s="12"/>
    </row>
    <row r="547218" spans="8:8">
      <c r="H547218" s="12"/>
    </row>
    <row r="547219" spans="8:8">
      <c r="H547219" s="12"/>
    </row>
    <row r="547220" spans="8:8">
      <c r="H547220" s="12"/>
    </row>
    <row r="547221" spans="8:8">
      <c r="H547221" s="12"/>
    </row>
    <row r="547222" spans="8:8">
      <c r="H547222" s="12"/>
    </row>
    <row r="547223" spans="8:8">
      <c r="H547223" s="12"/>
    </row>
    <row r="547224" spans="8:8">
      <c r="H547224" s="12"/>
    </row>
    <row r="547225" spans="8:8">
      <c r="H547225" s="12"/>
    </row>
    <row r="547226" spans="8:8">
      <c r="H547226" s="12"/>
    </row>
    <row r="547227" spans="8:8">
      <c r="H547227" s="12"/>
    </row>
    <row r="547228" spans="8:8">
      <c r="H547228" s="12"/>
    </row>
    <row r="547229" spans="8:8">
      <c r="H547229" s="12"/>
    </row>
    <row r="547230" spans="8:8">
      <c r="H547230" s="12"/>
    </row>
    <row r="547231" spans="8:8">
      <c r="H547231" s="12"/>
    </row>
    <row r="547232" spans="8:8">
      <c r="H547232" s="12"/>
    </row>
    <row r="547233" spans="8:8">
      <c r="H547233" s="12"/>
    </row>
    <row r="547234" spans="8:8">
      <c r="H547234" s="12"/>
    </row>
    <row r="547235" spans="8:8">
      <c r="H547235" s="12"/>
    </row>
    <row r="547236" spans="8:8">
      <c r="H547236" s="12"/>
    </row>
    <row r="547237" spans="8:8">
      <c r="H547237" s="12"/>
    </row>
    <row r="547238" spans="8:8">
      <c r="H547238" s="12"/>
    </row>
    <row r="547239" spans="8:8">
      <c r="H547239" s="12"/>
    </row>
    <row r="547240" spans="8:8">
      <c r="H547240" s="12"/>
    </row>
    <row r="547241" spans="8:8">
      <c r="H547241" s="12"/>
    </row>
    <row r="547242" spans="8:8">
      <c r="H547242" s="12"/>
    </row>
    <row r="547243" spans="8:8">
      <c r="H547243" s="12"/>
    </row>
    <row r="547244" spans="8:8">
      <c r="H547244" s="12"/>
    </row>
    <row r="547245" spans="8:8">
      <c r="H547245" s="12"/>
    </row>
    <row r="547246" spans="8:8">
      <c r="H547246" s="12"/>
    </row>
    <row r="547247" spans="8:8">
      <c r="H547247" s="12"/>
    </row>
    <row r="547248" spans="8:8">
      <c r="H547248" s="12"/>
    </row>
    <row r="547249" spans="8:8">
      <c r="H547249" s="12"/>
    </row>
    <row r="547250" spans="8:8">
      <c r="H547250" s="12"/>
    </row>
    <row r="547251" spans="8:8">
      <c r="H547251" s="12"/>
    </row>
    <row r="547252" spans="8:8">
      <c r="H547252" s="12"/>
    </row>
    <row r="547253" spans="8:8">
      <c r="H547253" s="12"/>
    </row>
    <row r="547254" spans="8:8">
      <c r="H547254" s="12"/>
    </row>
    <row r="547255" spans="8:8">
      <c r="H547255" s="12"/>
    </row>
    <row r="547256" spans="8:8">
      <c r="H547256" s="12"/>
    </row>
    <row r="547257" spans="8:8">
      <c r="H547257" s="12"/>
    </row>
    <row r="547258" spans="8:8">
      <c r="H547258" s="12"/>
    </row>
    <row r="547259" spans="8:8">
      <c r="H547259" s="12"/>
    </row>
    <row r="547260" spans="8:8">
      <c r="H547260" s="12"/>
    </row>
    <row r="547261" spans="8:8">
      <c r="H547261" s="12"/>
    </row>
    <row r="547262" spans="8:8">
      <c r="H547262" s="12"/>
    </row>
    <row r="547263" spans="8:8">
      <c r="H547263" s="12"/>
    </row>
    <row r="547264" spans="8:8">
      <c r="H547264" s="12"/>
    </row>
    <row r="547265" spans="8:8">
      <c r="H547265" s="12"/>
    </row>
    <row r="547266" spans="8:8">
      <c r="H547266" s="12"/>
    </row>
    <row r="547267" spans="8:8">
      <c r="H547267" s="12"/>
    </row>
    <row r="547268" spans="8:8">
      <c r="H547268" s="12"/>
    </row>
    <row r="547269" spans="8:8">
      <c r="H547269" s="12"/>
    </row>
    <row r="547270" spans="8:8">
      <c r="H547270" s="12"/>
    </row>
    <row r="547271" spans="8:8">
      <c r="H547271" s="12"/>
    </row>
    <row r="547272" spans="8:8">
      <c r="H547272" s="12"/>
    </row>
    <row r="547273" spans="8:8">
      <c r="H547273" s="12"/>
    </row>
    <row r="547274" spans="8:8">
      <c r="H547274" s="12"/>
    </row>
    <row r="547275" spans="8:8">
      <c r="H547275" s="12"/>
    </row>
    <row r="547276" spans="8:8">
      <c r="H547276" s="12"/>
    </row>
    <row r="547277" spans="8:8">
      <c r="H547277" s="12"/>
    </row>
    <row r="547278" spans="8:8">
      <c r="H547278" s="12"/>
    </row>
    <row r="547279" spans="8:8">
      <c r="H547279" s="12"/>
    </row>
    <row r="547280" spans="8:8">
      <c r="H547280" s="12"/>
    </row>
    <row r="547281" spans="8:8">
      <c r="H547281" s="12"/>
    </row>
    <row r="547282" spans="8:8">
      <c r="H547282" s="12"/>
    </row>
    <row r="547283" spans="8:8">
      <c r="H547283" s="12"/>
    </row>
    <row r="547284" spans="8:8">
      <c r="H547284" s="12"/>
    </row>
    <row r="547285" spans="8:8">
      <c r="H547285" s="12"/>
    </row>
    <row r="547286" spans="8:8">
      <c r="H547286" s="12"/>
    </row>
    <row r="547287" spans="8:8">
      <c r="H547287" s="12"/>
    </row>
    <row r="547288" spans="8:8">
      <c r="H547288" s="12"/>
    </row>
    <row r="547289" spans="8:8">
      <c r="H547289" s="12"/>
    </row>
    <row r="547290" spans="8:8">
      <c r="H547290" s="12"/>
    </row>
    <row r="547291" spans="8:8">
      <c r="H547291" s="12"/>
    </row>
    <row r="547292" spans="8:8">
      <c r="H547292" s="12"/>
    </row>
    <row r="547293" spans="8:8">
      <c r="H547293" s="12"/>
    </row>
    <row r="547294" spans="8:8">
      <c r="H547294" s="12"/>
    </row>
    <row r="547295" spans="8:8">
      <c r="H547295" s="12"/>
    </row>
    <row r="547296" spans="8:8">
      <c r="H547296" s="12"/>
    </row>
    <row r="547297" spans="8:8">
      <c r="H547297" s="12"/>
    </row>
    <row r="547298" spans="8:8">
      <c r="H547298" s="12"/>
    </row>
    <row r="547299" spans="8:8">
      <c r="H547299" s="12"/>
    </row>
    <row r="547300" spans="8:8">
      <c r="H547300" s="12"/>
    </row>
    <row r="547301" spans="8:8">
      <c r="H547301" s="12"/>
    </row>
    <row r="547302" spans="8:8">
      <c r="H547302" s="12"/>
    </row>
    <row r="547303" spans="8:8">
      <c r="H547303" s="12"/>
    </row>
    <row r="547304" spans="8:8">
      <c r="H547304" s="12"/>
    </row>
    <row r="547305" spans="8:8">
      <c r="H547305" s="12"/>
    </row>
    <row r="547306" spans="8:8">
      <c r="H547306" s="12"/>
    </row>
    <row r="547307" spans="8:8">
      <c r="H547307" s="12"/>
    </row>
    <row r="547308" spans="8:8">
      <c r="H547308" s="12"/>
    </row>
    <row r="547309" spans="8:8">
      <c r="H547309" s="12"/>
    </row>
    <row r="547310" spans="8:8">
      <c r="H547310" s="12"/>
    </row>
    <row r="547311" spans="8:8">
      <c r="H547311" s="12"/>
    </row>
    <row r="547312" spans="8:8">
      <c r="H547312" s="12"/>
    </row>
    <row r="547313" spans="8:8">
      <c r="H547313" s="12"/>
    </row>
    <row r="547314" spans="8:8">
      <c r="H547314" s="12"/>
    </row>
    <row r="547315" spans="8:8">
      <c r="H547315" s="12"/>
    </row>
    <row r="547316" spans="8:8">
      <c r="H547316" s="12"/>
    </row>
    <row r="547317" spans="8:8">
      <c r="H547317" s="12"/>
    </row>
    <row r="547318" spans="8:8">
      <c r="H547318" s="12"/>
    </row>
    <row r="547319" spans="8:8">
      <c r="H547319" s="12"/>
    </row>
    <row r="547320" spans="8:8">
      <c r="H547320" s="12"/>
    </row>
    <row r="547321" spans="8:8">
      <c r="H547321" s="12"/>
    </row>
    <row r="547322" spans="8:8">
      <c r="H547322" s="12"/>
    </row>
    <row r="547323" spans="8:8">
      <c r="H547323" s="12"/>
    </row>
    <row r="547324" spans="8:8">
      <c r="H547324" s="12"/>
    </row>
    <row r="547325" spans="8:8">
      <c r="H547325" s="12"/>
    </row>
    <row r="547326" spans="8:8">
      <c r="H547326" s="12"/>
    </row>
    <row r="547327" spans="8:8">
      <c r="H547327" s="12"/>
    </row>
    <row r="547328" spans="8:8">
      <c r="H547328" s="12"/>
    </row>
    <row r="547329" spans="8:8">
      <c r="H547329" s="12"/>
    </row>
    <row r="547330" spans="8:8">
      <c r="H547330" s="12"/>
    </row>
    <row r="547331" spans="8:8">
      <c r="H547331" s="12"/>
    </row>
    <row r="547332" spans="8:8">
      <c r="H547332" s="12"/>
    </row>
    <row r="547333" spans="8:8">
      <c r="H547333" s="12"/>
    </row>
    <row r="547334" spans="8:8">
      <c r="H547334" s="12"/>
    </row>
    <row r="547335" spans="8:8">
      <c r="H547335" s="12"/>
    </row>
    <row r="547336" spans="8:8">
      <c r="H547336" s="12"/>
    </row>
    <row r="547337" spans="8:8">
      <c r="H547337" s="12"/>
    </row>
    <row r="547338" spans="8:8">
      <c r="H547338" s="12"/>
    </row>
    <row r="547339" spans="8:8">
      <c r="H547339" s="12"/>
    </row>
    <row r="547340" spans="8:8">
      <c r="H547340" s="12"/>
    </row>
    <row r="547341" spans="8:8">
      <c r="H547341" s="12"/>
    </row>
    <row r="547342" spans="8:8">
      <c r="H547342" s="12"/>
    </row>
    <row r="547343" spans="8:8">
      <c r="H547343" s="12"/>
    </row>
    <row r="547344" spans="8:8">
      <c r="H547344" s="12"/>
    </row>
    <row r="547345" spans="8:8">
      <c r="H547345" s="12"/>
    </row>
    <row r="547346" spans="8:8">
      <c r="H547346" s="12"/>
    </row>
    <row r="547347" spans="8:8">
      <c r="H547347" s="12"/>
    </row>
    <row r="547348" spans="8:8">
      <c r="H547348" s="12"/>
    </row>
    <row r="547349" spans="8:8">
      <c r="H547349" s="12"/>
    </row>
    <row r="547350" spans="8:8">
      <c r="H547350" s="12"/>
    </row>
    <row r="547351" spans="8:8">
      <c r="H547351" s="12"/>
    </row>
    <row r="547352" spans="8:8">
      <c r="H547352" s="12"/>
    </row>
    <row r="547353" spans="8:8">
      <c r="H547353" s="12"/>
    </row>
    <row r="547354" spans="8:8">
      <c r="H547354" s="12"/>
    </row>
    <row r="547355" spans="8:8">
      <c r="H547355" s="12"/>
    </row>
    <row r="547356" spans="8:8">
      <c r="H547356" s="12"/>
    </row>
    <row r="547357" spans="8:8">
      <c r="H547357" s="12"/>
    </row>
    <row r="547358" spans="8:8">
      <c r="H547358" s="12"/>
    </row>
    <row r="547359" spans="8:8">
      <c r="H547359" s="12"/>
    </row>
    <row r="547360" spans="8:8">
      <c r="H547360" s="12"/>
    </row>
    <row r="547361" spans="8:8">
      <c r="H547361" s="12"/>
    </row>
    <row r="547362" spans="8:8">
      <c r="H547362" s="12"/>
    </row>
    <row r="547363" spans="8:8">
      <c r="H547363" s="12"/>
    </row>
    <row r="547364" spans="8:8">
      <c r="H547364" s="12"/>
    </row>
    <row r="547365" spans="8:8">
      <c r="H547365" s="12"/>
    </row>
    <row r="547366" spans="8:8">
      <c r="H547366" s="12"/>
    </row>
    <row r="547367" spans="8:8">
      <c r="H547367" s="12"/>
    </row>
    <row r="547368" spans="8:8">
      <c r="H547368" s="12"/>
    </row>
    <row r="547369" spans="8:8">
      <c r="H547369" s="12"/>
    </row>
    <row r="547370" spans="8:8">
      <c r="H547370" s="12"/>
    </row>
    <row r="547371" spans="8:8">
      <c r="H547371" s="12"/>
    </row>
    <row r="547372" spans="8:8">
      <c r="H547372" s="12"/>
    </row>
    <row r="547373" spans="8:8">
      <c r="H547373" s="12"/>
    </row>
    <row r="547374" spans="8:8">
      <c r="H547374" s="12"/>
    </row>
    <row r="547375" spans="8:8">
      <c r="H547375" s="12"/>
    </row>
    <row r="547376" spans="8:8">
      <c r="H547376" s="12"/>
    </row>
    <row r="547377" spans="8:8">
      <c r="H547377" s="12"/>
    </row>
    <row r="547378" spans="8:8">
      <c r="H547378" s="12"/>
    </row>
    <row r="547379" spans="8:8">
      <c r="H547379" s="12"/>
    </row>
    <row r="547380" spans="8:8">
      <c r="H547380" s="12"/>
    </row>
    <row r="547381" spans="8:8">
      <c r="H547381" s="12"/>
    </row>
    <row r="547382" spans="8:8">
      <c r="H547382" s="12"/>
    </row>
    <row r="547383" spans="8:8">
      <c r="H547383" s="12"/>
    </row>
    <row r="547384" spans="8:8">
      <c r="H547384" s="12"/>
    </row>
    <row r="547385" spans="8:8">
      <c r="H547385" s="12"/>
    </row>
    <row r="547386" spans="8:8">
      <c r="H547386" s="12"/>
    </row>
    <row r="547387" spans="8:8">
      <c r="H547387" s="12"/>
    </row>
    <row r="547388" spans="8:8">
      <c r="H547388" s="12"/>
    </row>
    <row r="547389" spans="8:8">
      <c r="H547389" s="12"/>
    </row>
    <row r="547390" spans="8:8">
      <c r="H547390" s="12"/>
    </row>
    <row r="547391" spans="8:8">
      <c r="H547391" s="12"/>
    </row>
    <row r="547392" spans="8:8">
      <c r="H547392" s="12"/>
    </row>
    <row r="547393" spans="8:8">
      <c r="H547393" s="12"/>
    </row>
    <row r="547394" spans="8:8">
      <c r="H547394" s="12"/>
    </row>
    <row r="547395" spans="8:8">
      <c r="H547395" s="12"/>
    </row>
    <row r="547396" spans="8:8">
      <c r="H547396" s="12"/>
    </row>
    <row r="547397" spans="8:8">
      <c r="H547397" s="12"/>
    </row>
    <row r="547398" spans="8:8">
      <c r="H547398" s="12"/>
    </row>
    <row r="547399" spans="8:8">
      <c r="H547399" s="12"/>
    </row>
    <row r="547400" spans="8:8">
      <c r="H547400" s="12"/>
    </row>
    <row r="547401" spans="8:8">
      <c r="H547401" s="12"/>
    </row>
    <row r="547402" spans="8:8">
      <c r="H547402" s="12"/>
    </row>
    <row r="547403" spans="8:8">
      <c r="H547403" s="12"/>
    </row>
    <row r="547404" spans="8:8">
      <c r="H547404" s="12"/>
    </row>
    <row r="547405" spans="8:8">
      <c r="H547405" s="12"/>
    </row>
    <row r="547406" spans="8:8">
      <c r="H547406" s="12"/>
    </row>
    <row r="547407" spans="8:8">
      <c r="H547407" s="12"/>
    </row>
    <row r="547408" spans="8:8">
      <c r="H547408" s="12"/>
    </row>
    <row r="547409" spans="8:8">
      <c r="H547409" s="12"/>
    </row>
    <row r="547410" spans="8:8">
      <c r="H547410" s="12"/>
    </row>
    <row r="547411" spans="8:8">
      <c r="H547411" s="12"/>
    </row>
    <row r="547412" spans="8:8">
      <c r="H547412" s="12"/>
    </row>
    <row r="547413" spans="8:8">
      <c r="H547413" s="12"/>
    </row>
    <row r="547414" spans="8:8">
      <c r="H547414" s="12"/>
    </row>
    <row r="547415" spans="8:8">
      <c r="H547415" s="12"/>
    </row>
    <row r="547416" spans="8:8">
      <c r="H547416" s="12"/>
    </row>
    <row r="547417" spans="8:8">
      <c r="H547417" s="12"/>
    </row>
    <row r="547418" spans="8:8">
      <c r="H547418" s="12"/>
    </row>
    <row r="547419" spans="8:8">
      <c r="H547419" s="12"/>
    </row>
    <row r="547420" spans="8:8">
      <c r="H547420" s="12"/>
    </row>
    <row r="547421" spans="8:8">
      <c r="H547421" s="12"/>
    </row>
    <row r="547422" spans="8:8">
      <c r="H547422" s="12"/>
    </row>
    <row r="547423" spans="8:8">
      <c r="H547423" s="12"/>
    </row>
    <row r="547424" spans="8:8">
      <c r="H547424" s="12"/>
    </row>
    <row r="547425" spans="8:8">
      <c r="H547425" s="12"/>
    </row>
    <row r="547426" spans="8:8">
      <c r="H547426" s="12"/>
    </row>
    <row r="547427" spans="8:8">
      <c r="H547427" s="12"/>
    </row>
    <row r="547428" spans="8:8">
      <c r="H547428" s="12"/>
    </row>
    <row r="547429" spans="8:8">
      <c r="H547429" s="12"/>
    </row>
    <row r="547430" spans="8:8">
      <c r="H547430" s="12"/>
    </row>
    <row r="547431" spans="8:8">
      <c r="H547431" s="12"/>
    </row>
    <row r="547432" spans="8:8">
      <c r="H547432" s="12"/>
    </row>
    <row r="547433" spans="8:8">
      <c r="H547433" s="12"/>
    </row>
    <row r="547434" spans="8:8">
      <c r="H547434" s="12"/>
    </row>
    <row r="547435" spans="8:8">
      <c r="H547435" s="12"/>
    </row>
    <row r="547436" spans="8:8">
      <c r="H547436" s="12"/>
    </row>
    <row r="547437" spans="8:8">
      <c r="H547437" s="12"/>
    </row>
    <row r="547438" spans="8:8">
      <c r="H547438" s="12"/>
    </row>
    <row r="547439" spans="8:8">
      <c r="H547439" s="12"/>
    </row>
    <row r="547440" spans="8:8">
      <c r="H547440" s="12"/>
    </row>
    <row r="547441" spans="8:8">
      <c r="H547441" s="12"/>
    </row>
    <row r="547442" spans="8:8">
      <c r="H547442" s="12"/>
    </row>
    <row r="547443" spans="8:8">
      <c r="H547443" s="12"/>
    </row>
    <row r="547444" spans="8:8">
      <c r="H547444" s="12"/>
    </row>
    <row r="547445" spans="8:8">
      <c r="H547445" s="12"/>
    </row>
    <row r="547446" spans="8:8">
      <c r="H547446" s="12"/>
    </row>
    <row r="547447" spans="8:8">
      <c r="H547447" s="12"/>
    </row>
    <row r="547448" spans="8:8">
      <c r="H547448" s="12"/>
    </row>
    <row r="547449" spans="8:8">
      <c r="H547449" s="12"/>
    </row>
    <row r="547450" spans="8:8">
      <c r="H547450" s="12"/>
    </row>
    <row r="547451" spans="8:8">
      <c r="H547451" s="12"/>
    </row>
    <row r="547452" spans="8:8">
      <c r="H547452" s="12"/>
    </row>
    <row r="547453" spans="8:8">
      <c r="H547453" s="12"/>
    </row>
    <row r="547454" spans="8:8">
      <c r="H547454" s="12"/>
    </row>
    <row r="547455" spans="8:8">
      <c r="H547455" s="12"/>
    </row>
    <row r="547456" spans="8:8">
      <c r="H547456" s="12"/>
    </row>
    <row r="547457" spans="8:8">
      <c r="H547457" s="12"/>
    </row>
    <row r="547458" spans="8:8">
      <c r="H547458" s="12"/>
    </row>
    <row r="547459" spans="8:8">
      <c r="H547459" s="12"/>
    </row>
    <row r="547460" spans="8:8">
      <c r="H547460" s="12"/>
    </row>
    <row r="547461" spans="8:8">
      <c r="H547461" s="12"/>
    </row>
    <row r="547462" spans="8:8">
      <c r="H547462" s="12"/>
    </row>
    <row r="547463" spans="8:8">
      <c r="H547463" s="12"/>
    </row>
    <row r="547464" spans="8:8">
      <c r="H547464" s="12"/>
    </row>
    <row r="547465" spans="8:8">
      <c r="H547465" s="12"/>
    </row>
    <row r="547466" spans="8:8">
      <c r="H547466" s="12"/>
    </row>
    <row r="547467" spans="8:8">
      <c r="H547467" s="12"/>
    </row>
    <row r="547468" spans="8:8">
      <c r="H547468" s="12"/>
    </row>
    <row r="547469" spans="8:8">
      <c r="H547469" s="12"/>
    </row>
    <row r="547470" spans="8:8">
      <c r="H547470" s="12"/>
    </row>
    <row r="547471" spans="8:8">
      <c r="H547471" s="12"/>
    </row>
    <row r="547472" spans="8:8">
      <c r="H547472" s="12"/>
    </row>
    <row r="547473" spans="8:8">
      <c r="H547473" s="12"/>
    </row>
    <row r="547474" spans="8:8">
      <c r="H547474" s="12"/>
    </row>
    <row r="547475" spans="8:8">
      <c r="H547475" s="12"/>
    </row>
    <row r="547476" spans="8:8">
      <c r="H547476" s="12"/>
    </row>
    <row r="547477" spans="8:8">
      <c r="H547477" s="12"/>
    </row>
    <row r="547478" spans="8:8">
      <c r="H547478" s="12"/>
    </row>
    <row r="547479" spans="8:8">
      <c r="H547479" s="12"/>
    </row>
    <row r="547480" spans="8:8">
      <c r="H547480" s="12"/>
    </row>
    <row r="547481" spans="8:8">
      <c r="H547481" s="12"/>
    </row>
    <row r="547482" spans="8:8">
      <c r="H547482" s="12"/>
    </row>
    <row r="547483" spans="8:8">
      <c r="H547483" s="12"/>
    </row>
    <row r="547484" spans="8:8">
      <c r="H547484" s="12"/>
    </row>
    <row r="547485" spans="8:8">
      <c r="H547485" s="12"/>
    </row>
    <row r="547486" spans="8:8">
      <c r="H547486" s="12"/>
    </row>
    <row r="547487" spans="8:8">
      <c r="H547487" s="12"/>
    </row>
    <row r="547488" spans="8:8">
      <c r="H547488" s="12"/>
    </row>
    <row r="547489" spans="8:8">
      <c r="H547489" s="12"/>
    </row>
    <row r="547490" spans="8:8">
      <c r="H547490" s="12"/>
    </row>
    <row r="547491" spans="8:8">
      <c r="H547491" s="12"/>
    </row>
    <row r="547492" spans="8:8">
      <c r="H547492" s="12"/>
    </row>
    <row r="547493" spans="8:8">
      <c r="H547493" s="12"/>
    </row>
    <row r="547494" spans="8:8">
      <c r="H547494" s="12"/>
    </row>
    <row r="547495" spans="8:8">
      <c r="H547495" s="12"/>
    </row>
    <row r="547496" spans="8:8">
      <c r="H547496" s="12"/>
    </row>
    <row r="547497" spans="8:8">
      <c r="H547497" s="12"/>
    </row>
    <row r="547498" spans="8:8">
      <c r="H547498" s="12"/>
    </row>
    <row r="547499" spans="8:8">
      <c r="H547499" s="12"/>
    </row>
    <row r="547500" spans="8:8">
      <c r="H547500" s="12"/>
    </row>
    <row r="547501" spans="8:8">
      <c r="H547501" s="12"/>
    </row>
    <row r="547502" spans="8:8">
      <c r="H547502" s="12"/>
    </row>
    <row r="547503" spans="8:8">
      <c r="H547503" s="12"/>
    </row>
    <row r="547504" spans="8:8">
      <c r="H547504" s="12"/>
    </row>
    <row r="547505" spans="8:8">
      <c r="H547505" s="12"/>
    </row>
    <row r="547506" spans="8:8">
      <c r="H547506" s="12"/>
    </row>
    <row r="547507" spans="8:8">
      <c r="H547507" s="12"/>
    </row>
    <row r="547508" spans="8:8">
      <c r="H547508" s="12"/>
    </row>
    <row r="547509" spans="8:8">
      <c r="H547509" s="12"/>
    </row>
    <row r="547510" spans="8:8">
      <c r="H547510" s="12"/>
    </row>
    <row r="547511" spans="8:8">
      <c r="H547511" s="12"/>
    </row>
    <row r="547512" spans="8:8">
      <c r="H547512" s="12"/>
    </row>
    <row r="547513" spans="8:8">
      <c r="H547513" s="12"/>
    </row>
    <row r="547514" spans="8:8">
      <c r="H547514" s="12"/>
    </row>
    <row r="547515" spans="8:8">
      <c r="H547515" s="12"/>
    </row>
    <row r="547516" spans="8:8">
      <c r="H547516" s="12"/>
    </row>
    <row r="547517" spans="8:8">
      <c r="H547517" s="12"/>
    </row>
    <row r="547518" spans="8:8">
      <c r="H547518" s="12"/>
    </row>
    <row r="547519" spans="8:8">
      <c r="H547519" s="12"/>
    </row>
    <row r="547520" spans="8:8">
      <c r="H547520" s="12"/>
    </row>
    <row r="547521" spans="8:8">
      <c r="H547521" s="12"/>
    </row>
    <row r="547522" spans="8:8">
      <c r="H547522" s="12"/>
    </row>
    <row r="547523" spans="8:8">
      <c r="H547523" s="12"/>
    </row>
    <row r="547524" spans="8:8">
      <c r="H547524" s="12"/>
    </row>
    <row r="547525" spans="8:8">
      <c r="H547525" s="12"/>
    </row>
    <row r="547526" spans="8:8">
      <c r="H547526" s="12"/>
    </row>
    <row r="547527" spans="8:8">
      <c r="H547527" s="12"/>
    </row>
    <row r="547528" spans="8:8">
      <c r="H547528" s="12"/>
    </row>
    <row r="547529" spans="8:8">
      <c r="H547529" s="12"/>
    </row>
    <row r="547530" spans="8:8">
      <c r="H547530" s="12"/>
    </row>
    <row r="547531" spans="8:8">
      <c r="H547531" s="12"/>
    </row>
    <row r="547532" spans="8:8">
      <c r="H547532" s="12"/>
    </row>
    <row r="547533" spans="8:8">
      <c r="H547533" s="12"/>
    </row>
    <row r="547534" spans="8:8">
      <c r="H547534" s="12"/>
    </row>
    <row r="547535" spans="8:8">
      <c r="H547535" s="12"/>
    </row>
    <row r="547536" spans="8:8">
      <c r="H547536" s="12"/>
    </row>
    <row r="547537" spans="8:8">
      <c r="H547537" s="12"/>
    </row>
    <row r="547538" spans="8:8">
      <c r="H547538" s="12"/>
    </row>
    <row r="547539" spans="8:8">
      <c r="H547539" s="12"/>
    </row>
    <row r="547540" spans="8:8">
      <c r="H547540" s="12"/>
    </row>
    <row r="547541" spans="8:8">
      <c r="H547541" s="12"/>
    </row>
    <row r="547542" spans="8:8">
      <c r="H547542" s="12"/>
    </row>
    <row r="547543" spans="8:8">
      <c r="H547543" s="12"/>
    </row>
    <row r="547544" spans="8:8">
      <c r="H547544" s="12"/>
    </row>
    <row r="547545" spans="8:8">
      <c r="H547545" s="12"/>
    </row>
    <row r="547546" spans="8:8">
      <c r="H547546" s="12"/>
    </row>
    <row r="547547" spans="8:8">
      <c r="H547547" s="12"/>
    </row>
    <row r="547548" spans="8:8">
      <c r="H547548" s="12"/>
    </row>
    <row r="547549" spans="8:8">
      <c r="H547549" s="12"/>
    </row>
    <row r="547550" spans="8:8">
      <c r="H547550" s="12"/>
    </row>
    <row r="547551" spans="8:8">
      <c r="H547551" s="12"/>
    </row>
    <row r="547552" spans="8:8">
      <c r="H547552" s="12"/>
    </row>
    <row r="547553" spans="8:8">
      <c r="H547553" s="12"/>
    </row>
    <row r="547554" spans="8:8">
      <c r="H547554" s="12"/>
    </row>
    <row r="547555" spans="8:8">
      <c r="H547555" s="12"/>
    </row>
    <row r="547556" spans="8:8">
      <c r="H547556" s="12"/>
    </row>
    <row r="547557" spans="8:8">
      <c r="H547557" s="12"/>
    </row>
    <row r="547558" spans="8:8">
      <c r="H547558" s="12"/>
    </row>
    <row r="547559" spans="8:8">
      <c r="H547559" s="12"/>
    </row>
    <row r="547560" spans="8:8">
      <c r="H547560" s="12"/>
    </row>
    <row r="547561" spans="8:8">
      <c r="H547561" s="12"/>
    </row>
    <row r="547562" spans="8:8">
      <c r="H547562" s="12"/>
    </row>
    <row r="547563" spans="8:8">
      <c r="H547563" s="12"/>
    </row>
    <row r="547564" spans="8:8">
      <c r="H547564" s="12"/>
    </row>
    <row r="547565" spans="8:8">
      <c r="H547565" s="12"/>
    </row>
    <row r="547566" spans="8:8">
      <c r="H547566" s="12"/>
    </row>
    <row r="547567" spans="8:8">
      <c r="H547567" s="12"/>
    </row>
    <row r="547568" spans="8:8">
      <c r="H547568" s="12"/>
    </row>
    <row r="547569" spans="8:8">
      <c r="H547569" s="12"/>
    </row>
    <row r="547570" spans="8:8">
      <c r="H547570" s="12"/>
    </row>
    <row r="547571" spans="8:8">
      <c r="H547571" s="12"/>
    </row>
    <row r="547572" spans="8:8">
      <c r="H547572" s="12"/>
    </row>
    <row r="547573" spans="8:8">
      <c r="H547573" s="12"/>
    </row>
    <row r="547574" spans="8:8">
      <c r="H547574" s="12"/>
    </row>
    <row r="547575" spans="8:8">
      <c r="H547575" s="12"/>
    </row>
    <row r="547576" spans="8:8">
      <c r="H547576" s="12"/>
    </row>
    <row r="547577" spans="8:8">
      <c r="H547577" s="12"/>
    </row>
    <row r="547578" spans="8:8">
      <c r="H547578" s="12"/>
    </row>
    <row r="547579" spans="8:8">
      <c r="H547579" s="12"/>
    </row>
    <row r="547580" spans="8:8">
      <c r="H547580" s="12"/>
    </row>
    <row r="547581" spans="8:8">
      <c r="H547581" s="12"/>
    </row>
    <row r="547582" spans="8:8">
      <c r="H547582" s="12"/>
    </row>
    <row r="547583" spans="8:8">
      <c r="H547583" s="12"/>
    </row>
    <row r="547584" spans="8:8">
      <c r="H547584" s="12"/>
    </row>
    <row r="547585" spans="8:8">
      <c r="H547585" s="12"/>
    </row>
    <row r="547586" spans="8:8">
      <c r="H547586" s="12"/>
    </row>
    <row r="547587" spans="8:8">
      <c r="H547587" s="12"/>
    </row>
    <row r="547588" spans="8:8">
      <c r="H547588" s="12"/>
    </row>
    <row r="547589" spans="8:8">
      <c r="H547589" s="12"/>
    </row>
    <row r="547590" spans="8:8">
      <c r="H547590" s="12"/>
    </row>
    <row r="547591" spans="8:8">
      <c r="H547591" s="12"/>
    </row>
    <row r="547592" spans="8:8">
      <c r="H547592" s="12"/>
    </row>
    <row r="547593" spans="8:8">
      <c r="H547593" s="12"/>
    </row>
    <row r="547594" spans="8:8">
      <c r="H547594" s="12"/>
    </row>
    <row r="547595" spans="8:8">
      <c r="H547595" s="12"/>
    </row>
    <row r="547596" spans="8:8">
      <c r="H547596" s="12"/>
    </row>
    <row r="547597" spans="8:8">
      <c r="H547597" s="12"/>
    </row>
    <row r="547598" spans="8:8">
      <c r="H547598" s="12"/>
    </row>
    <row r="547599" spans="8:8">
      <c r="H547599" s="12"/>
    </row>
    <row r="547600" spans="8:8">
      <c r="H547600" s="12"/>
    </row>
    <row r="547601" spans="8:8">
      <c r="H547601" s="12"/>
    </row>
    <row r="547602" spans="8:8">
      <c r="H547602" s="12"/>
    </row>
    <row r="547603" spans="8:8">
      <c r="H547603" s="12"/>
    </row>
    <row r="547604" spans="8:8">
      <c r="H547604" s="12"/>
    </row>
    <row r="547605" spans="8:8">
      <c r="H547605" s="12"/>
    </row>
    <row r="547606" spans="8:8">
      <c r="H547606" s="12"/>
    </row>
    <row r="547607" spans="8:8">
      <c r="H547607" s="12"/>
    </row>
    <row r="547608" spans="8:8">
      <c r="H547608" s="12"/>
    </row>
    <row r="547609" spans="8:8">
      <c r="H547609" s="12"/>
    </row>
    <row r="547610" spans="8:8">
      <c r="H547610" s="12"/>
    </row>
    <row r="547611" spans="8:8">
      <c r="H547611" s="12"/>
    </row>
    <row r="547612" spans="8:8">
      <c r="H547612" s="12"/>
    </row>
    <row r="547613" spans="8:8">
      <c r="H547613" s="12"/>
    </row>
    <row r="547614" spans="8:8">
      <c r="H547614" s="12"/>
    </row>
    <row r="547615" spans="8:8">
      <c r="H547615" s="12"/>
    </row>
    <row r="547616" spans="8:8">
      <c r="H547616" s="12"/>
    </row>
    <row r="547617" spans="8:8">
      <c r="H547617" s="12"/>
    </row>
    <row r="547618" spans="8:8">
      <c r="H547618" s="12"/>
    </row>
    <row r="547619" spans="8:8">
      <c r="H547619" s="12"/>
    </row>
    <row r="547620" spans="8:8">
      <c r="H547620" s="12"/>
    </row>
    <row r="547621" spans="8:8">
      <c r="H547621" s="12"/>
    </row>
    <row r="547622" spans="8:8">
      <c r="H547622" s="12"/>
    </row>
    <row r="547623" spans="8:8">
      <c r="H547623" s="12"/>
    </row>
    <row r="547624" spans="8:8">
      <c r="H547624" s="12"/>
    </row>
    <row r="547625" spans="8:8">
      <c r="H547625" s="12"/>
    </row>
    <row r="547626" spans="8:8">
      <c r="H547626" s="12"/>
    </row>
    <row r="547627" spans="8:8">
      <c r="H547627" s="12"/>
    </row>
    <row r="547628" spans="8:8">
      <c r="H547628" s="12"/>
    </row>
    <row r="547629" spans="8:8">
      <c r="H547629" s="12"/>
    </row>
    <row r="547630" spans="8:8">
      <c r="H547630" s="12"/>
    </row>
    <row r="547631" spans="8:8">
      <c r="H547631" s="12"/>
    </row>
    <row r="547632" spans="8:8">
      <c r="H547632" s="12"/>
    </row>
    <row r="547633" spans="8:8">
      <c r="H547633" s="12"/>
    </row>
    <row r="547634" spans="8:8">
      <c r="H547634" s="12"/>
    </row>
    <row r="547635" spans="8:8">
      <c r="H547635" s="12"/>
    </row>
    <row r="547636" spans="8:8">
      <c r="H547636" s="12"/>
    </row>
    <row r="547637" spans="8:8">
      <c r="H547637" s="12"/>
    </row>
    <row r="547638" spans="8:8">
      <c r="H547638" s="12"/>
    </row>
    <row r="547639" spans="8:8">
      <c r="H547639" s="12"/>
    </row>
    <row r="547640" spans="8:8">
      <c r="H547640" s="12"/>
    </row>
    <row r="547641" spans="8:8">
      <c r="H547641" s="12"/>
    </row>
    <row r="547642" spans="8:8">
      <c r="H547642" s="12"/>
    </row>
    <row r="547643" spans="8:8">
      <c r="H547643" s="12"/>
    </row>
    <row r="547644" spans="8:8">
      <c r="H547644" s="12"/>
    </row>
    <row r="547645" spans="8:8">
      <c r="H547645" s="12"/>
    </row>
    <row r="547646" spans="8:8">
      <c r="H547646" s="12"/>
    </row>
    <row r="547647" spans="8:8">
      <c r="H547647" s="12"/>
    </row>
    <row r="547648" spans="8:8">
      <c r="H547648" s="12"/>
    </row>
    <row r="547649" spans="8:8">
      <c r="H547649" s="12"/>
    </row>
    <row r="547650" spans="8:8">
      <c r="H547650" s="12"/>
    </row>
    <row r="547651" spans="8:8">
      <c r="H547651" s="12"/>
    </row>
    <row r="547652" spans="8:8">
      <c r="H547652" s="12"/>
    </row>
    <row r="547653" spans="8:8">
      <c r="H547653" s="12"/>
    </row>
    <row r="547654" spans="8:8">
      <c r="H547654" s="12"/>
    </row>
    <row r="547655" spans="8:8">
      <c r="H547655" s="12"/>
    </row>
    <row r="547656" spans="8:8">
      <c r="H547656" s="12"/>
    </row>
    <row r="547657" spans="8:8">
      <c r="H547657" s="12"/>
    </row>
    <row r="547658" spans="8:8">
      <c r="H547658" s="12"/>
    </row>
    <row r="547659" spans="8:8">
      <c r="H547659" s="12"/>
    </row>
    <row r="547660" spans="8:8">
      <c r="H547660" s="12"/>
    </row>
    <row r="547661" spans="8:8">
      <c r="H547661" s="12"/>
    </row>
    <row r="547662" spans="8:8">
      <c r="H547662" s="12"/>
    </row>
    <row r="547663" spans="8:8">
      <c r="H547663" s="12"/>
    </row>
    <row r="547664" spans="8:8">
      <c r="H547664" s="12"/>
    </row>
    <row r="547665" spans="8:8">
      <c r="H547665" s="12"/>
    </row>
    <row r="547666" spans="8:8">
      <c r="H547666" s="12"/>
    </row>
    <row r="547667" spans="8:8">
      <c r="H547667" s="12"/>
    </row>
    <row r="547668" spans="8:8">
      <c r="H547668" s="12"/>
    </row>
    <row r="547669" spans="8:8">
      <c r="H547669" s="12"/>
    </row>
    <row r="547670" spans="8:8">
      <c r="H547670" s="12"/>
    </row>
    <row r="547671" spans="8:8">
      <c r="H547671" s="12"/>
    </row>
    <row r="547672" spans="8:8">
      <c r="H547672" s="12"/>
    </row>
    <row r="547673" spans="8:8">
      <c r="H547673" s="12"/>
    </row>
    <row r="547674" spans="8:8">
      <c r="H547674" s="12"/>
    </row>
    <row r="547675" spans="8:8">
      <c r="H547675" s="12"/>
    </row>
    <row r="547676" spans="8:8">
      <c r="H547676" s="12"/>
    </row>
    <row r="547677" spans="8:8">
      <c r="H547677" s="12"/>
    </row>
    <row r="547678" spans="8:8">
      <c r="H547678" s="12"/>
    </row>
    <row r="547679" spans="8:8">
      <c r="H547679" s="12"/>
    </row>
    <row r="547680" spans="8:8">
      <c r="H547680" s="12"/>
    </row>
    <row r="547681" spans="8:8">
      <c r="H547681" s="12"/>
    </row>
    <row r="547682" spans="8:8">
      <c r="H547682" s="12"/>
    </row>
    <row r="547683" spans="8:8">
      <c r="H547683" s="12"/>
    </row>
    <row r="547684" spans="8:8">
      <c r="H547684" s="12"/>
    </row>
    <row r="547685" spans="8:8">
      <c r="H547685" s="12"/>
    </row>
    <row r="547686" spans="8:8">
      <c r="H547686" s="12"/>
    </row>
    <row r="547687" spans="8:8">
      <c r="H547687" s="12"/>
    </row>
    <row r="547688" spans="8:8">
      <c r="H547688" s="12"/>
    </row>
    <row r="547689" spans="8:8">
      <c r="H547689" s="12"/>
    </row>
    <row r="547690" spans="8:8">
      <c r="H547690" s="12"/>
    </row>
    <row r="547691" spans="8:8">
      <c r="H547691" s="12"/>
    </row>
    <row r="547692" spans="8:8">
      <c r="H547692" s="12"/>
    </row>
    <row r="547693" spans="8:8">
      <c r="H547693" s="12"/>
    </row>
    <row r="547694" spans="8:8">
      <c r="H547694" s="12"/>
    </row>
    <row r="547695" spans="8:8">
      <c r="H547695" s="12"/>
    </row>
    <row r="547696" spans="8:8">
      <c r="H547696" s="12"/>
    </row>
    <row r="547697" spans="8:8">
      <c r="H547697" s="12"/>
    </row>
    <row r="547698" spans="8:8">
      <c r="H547698" s="12"/>
    </row>
    <row r="547699" spans="8:8">
      <c r="H547699" s="12"/>
    </row>
    <row r="547700" spans="8:8">
      <c r="H547700" s="12"/>
    </row>
    <row r="547701" spans="8:8">
      <c r="H547701" s="12"/>
    </row>
    <row r="547702" spans="8:8">
      <c r="H547702" s="12"/>
    </row>
    <row r="547703" spans="8:8">
      <c r="H547703" s="12"/>
    </row>
    <row r="547704" spans="8:8">
      <c r="H547704" s="12"/>
    </row>
    <row r="547705" spans="8:8">
      <c r="H547705" s="12"/>
    </row>
    <row r="547706" spans="8:8">
      <c r="H547706" s="12"/>
    </row>
    <row r="547707" spans="8:8">
      <c r="H547707" s="12"/>
    </row>
    <row r="547708" spans="8:8">
      <c r="H547708" s="12"/>
    </row>
    <row r="547709" spans="8:8">
      <c r="H547709" s="12"/>
    </row>
    <row r="547710" spans="8:8">
      <c r="H547710" s="12"/>
    </row>
    <row r="547711" spans="8:8">
      <c r="H547711" s="12"/>
    </row>
    <row r="547712" spans="8:8">
      <c r="H547712" s="12"/>
    </row>
    <row r="547713" spans="8:8">
      <c r="H547713" s="12"/>
    </row>
    <row r="547714" spans="8:8">
      <c r="H547714" s="12"/>
    </row>
    <row r="547715" spans="8:8">
      <c r="H547715" s="12"/>
    </row>
    <row r="547716" spans="8:8">
      <c r="H547716" s="12"/>
    </row>
    <row r="547717" spans="8:8">
      <c r="H547717" s="12"/>
    </row>
    <row r="547718" spans="8:8">
      <c r="H547718" s="12"/>
    </row>
    <row r="547719" spans="8:8">
      <c r="H547719" s="12"/>
    </row>
    <row r="547720" spans="8:8">
      <c r="H547720" s="12"/>
    </row>
    <row r="547721" spans="8:8">
      <c r="H547721" s="12"/>
    </row>
    <row r="547722" spans="8:8">
      <c r="H547722" s="12"/>
    </row>
    <row r="547723" spans="8:8">
      <c r="H547723" s="12"/>
    </row>
    <row r="547724" spans="8:8">
      <c r="H547724" s="12"/>
    </row>
    <row r="547725" spans="8:8">
      <c r="H547725" s="12"/>
    </row>
    <row r="547726" spans="8:8">
      <c r="H547726" s="12"/>
    </row>
    <row r="547727" spans="8:8">
      <c r="H547727" s="12"/>
    </row>
    <row r="547728" spans="8:8">
      <c r="H547728" s="12"/>
    </row>
    <row r="547729" spans="8:8">
      <c r="H547729" s="12"/>
    </row>
    <row r="547730" spans="8:8">
      <c r="H547730" s="12"/>
    </row>
    <row r="547731" spans="8:8">
      <c r="H547731" s="12"/>
    </row>
    <row r="547732" spans="8:8">
      <c r="H547732" s="12"/>
    </row>
    <row r="547733" spans="8:8">
      <c r="H547733" s="12"/>
    </row>
    <row r="547734" spans="8:8">
      <c r="H547734" s="12"/>
    </row>
    <row r="547735" spans="8:8">
      <c r="H547735" s="12"/>
    </row>
    <row r="547736" spans="8:8">
      <c r="H547736" s="12"/>
    </row>
    <row r="547737" spans="8:8">
      <c r="H547737" s="12"/>
    </row>
    <row r="547738" spans="8:8">
      <c r="H547738" s="12"/>
    </row>
    <row r="547739" spans="8:8">
      <c r="H547739" s="12"/>
    </row>
    <row r="547740" spans="8:8">
      <c r="H547740" s="12"/>
    </row>
    <row r="547741" spans="8:8">
      <c r="H547741" s="12"/>
    </row>
    <row r="547742" spans="8:8">
      <c r="H547742" s="12"/>
    </row>
    <row r="547743" spans="8:8">
      <c r="H547743" s="12"/>
    </row>
    <row r="547744" spans="8:8">
      <c r="H547744" s="12"/>
    </row>
    <row r="547745" spans="8:8">
      <c r="H547745" s="12"/>
    </row>
    <row r="547746" spans="8:8">
      <c r="H547746" s="12"/>
    </row>
    <row r="547747" spans="8:8">
      <c r="H547747" s="12"/>
    </row>
    <row r="547748" spans="8:8">
      <c r="H547748" s="12"/>
    </row>
    <row r="547749" spans="8:8">
      <c r="H547749" s="12"/>
    </row>
    <row r="547750" spans="8:8">
      <c r="H547750" s="12"/>
    </row>
    <row r="547751" spans="8:8">
      <c r="H547751" s="12"/>
    </row>
    <row r="547752" spans="8:8">
      <c r="H547752" s="12"/>
    </row>
    <row r="547753" spans="8:8">
      <c r="H547753" s="12"/>
    </row>
    <row r="547754" spans="8:8">
      <c r="H547754" s="12"/>
    </row>
    <row r="547755" spans="8:8">
      <c r="H547755" s="12"/>
    </row>
    <row r="547756" spans="8:8">
      <c r="H547756" s="12"/>
    </row>
    <row r="547757" spans="8:8">
      <c r="H547757" s="12"/>
    </row>
    <row r="547758" spans="8:8">
      <c r="H547758" s="12"/>
    </row>
    <row r="547759" spans="8:8">
      <c r="H547759" s="12"/>
    </row>
    <row r="547760" spans="8:8">
      <c r="H547760" s="12"/>
    </row>
    <row r="547761" spans="8:8">
      <c r="H547761" s="12"/>
    </row>
    <row r="547762" spans="8:8">
      <c r="H547762" s="12"/>
    </row>
    <row r="547763" spans="8:8">
      <c r="H547763" s="12"/>
    </row>
    <row r="547764" spans="8:8">
      <c r="H547764" s="12"/>
    </row>
    <row r="547765" spans="8:8">
      <c r="H547765" s="12"/>
    </row>
    <row r="547766" spans="8:8">
      <c r="H547766" s="12"/>
    </row>
    <row r="547767" spans="8:8">
      <c r="H547767" s="12"/>
    </row>
    <row r="547768" spans="8:8">
      <c r="H547768" s="12"/>
    </row>
    <row r="547769" spans="8:8">
      <c r="H547769" s="12"/>
    </row>
    <row r="547770" spans="8:8">
      <c r="H547770" s="12"/>
    </row>
    <row r="547771" spans="8:8">
      <c r="H547771" s="12"/>
    </row>
    <row r="547772" spans="8:8">
      <c r="H547772" s="12"/>
    </row>
    <row r="547773" spans="8:8">
      <c r="H547773" s="12"/>
    </row>
    <row r="547774" spans="8:8">
      <c r="H547774" s="12"/>
    </row>
    <row r="547775" spans="8:8">
      <c r="H547775" s="12"/>
    </row>
    <row r="547776" spans="8:8">
      <c r="H547776" s="12"/>
    </row>
    <row r="547777" spans="8:8">
      <c r="H547777" s="12"/>
    </row>
    <row r="547778" spans="8:8">
      <c r="H547778" s="12"/>
    </row>
    <row r="547779" spans="8:8">
      <c r="H547779" s="12"/>
    </row>
    <row r="547780" spans="8:8">
      <c r="H547780" s="12"/>
    </row>
    <row r="547781" spans="8:8">
      <c r="H547781" s="12"/>
    </row>
    <row r="547782" spans="8:8">
      <c r="H547782" s="12"/>
    </row>
    <row r="547783" spans="8:8">
      <c r="H547783" s="12"/>
    </row>
    <row r="547784" spans="8:8">
      <c r="H547784" s="12"/>
    </row>
    <row r="547785" spans="8:8">
      <c r="H547785" s="12"/>
    </row>
    <row r="547786" spans="8:8">
      <c r="H547786" s="12"/>
    </row>
    <row r="547787" spans="8:8">
      <c r="H547787" s="12"/>
    </row>
    <row r="547788" spans="8:8">
      <c r="H547788" s="12"/>
    </row>
    <row r="547789" spans="8:8">
      <c r="H547789" s="12"/>
    </row>
    <row r="547790" spans="8:8">
      <c r="H547790" s="12"/>
    </row>
    <row r="547791" spans="8:8">
      <c r="H547791" s="12"/>
    </row>
    <row r="547792" spans="8:8">
      <c r="H547792" s="12"/>
    </row>
    <row r="547793" spans="8:8">
      <c r="H547793" s="12"/>
    </row>
    <row r="547794" spans="8:8">
      <c r="H547794" s="12"/>
    </row>
    <row r="547795" spans="8:8">
      <c r="H547795" s="12"/>
    </row>
    <row r="547796" spans="8:8">
      <c r="H547796" s="12"/>
    </row>
    <row r="547797" spans="8:8">
      <c r="H547797" s="12"/>
    </row>
    <row r="547798" spans="8:8">
      <c r="H547798" s="12"/>
    </row>
    <row r="547799" spans="8:8">
      <c r="H547799" s="12"/>
    </row>
    <row r="547800" spans="8:8">
      <c r="H547800" s="12"/>
    </row>
    <row r="547801" spans="8:8">
      <c r="H547801" s="12"/>
    </row>
    <row r="547802" spans="8:8">
      <c r="H547802" s="12"/>
    </row>
    <row r="547803" spans="8:8">
      <c r="H547803" s="12"/>
    </row>
    <row r="547804" spans="8:8">
      <c r="H547804" s="12"/>
    </row>
    <row r="547805" spans="8:8">
      <c r="H547805" s="12"/>
    </row>
    <row r="547806" spans="8:8">
      <c r="H547806" s="12"/>
    </row>
    <row r="547807" spans="8:8">
      <c r="H547807" s="12"/>
    </row>
    <row r="547808" spans="8:8">
      <c r="H547808" s="12"/>
    </row>
    <row r="547809" spans="8:8">
      <c r="H547809" s="12"/>
    </row>
    <row r="547810" spans="8:8">
      <c r="H547810" s="12"/>
    </row>
    <row r="547811" spans="8:8">
      <c r="H547811" s="12"/>
    </row>
    <row r="547812" spans="8:8">
      <c r="H547812" s="12"/>
    </row>
    <row r="547813" spans="8:8">
      <c r="H547813" s="12"/>
    </row>
    <row r="547814" spans="8:8">
      <c r="H547814" s="12"/>
    </row>
    <row r="547815" spans="8:8">
      <c r="H547815" s="12"/>
    </row>
    <row r="547816" spans="8:8">
      <c r="H547816" s="12"/>
    </row>
    <row r="547817" spans="8:8">
      <c r="H547817" s="12"/>
    </row>
    <row r="547818" spans="8:8">
      <c r="H547818" s="12"/>
    </row>
    <row r="547819" spans="8:8">
      <c r="H547819" s="12"/>
    </row>
    <row r="547820" spans="8:8">
      <c r="H547820" s="12"/>
    </row>
    <row r="547821" spans="8:8">
      <c r="H547821" s="12"/>
    </row>
    <row r="547822" spans="8:8">
      <c r="H547822" s="12"/>
    </row>
    <row r="547823" spans="8:8">
      <c r="H547823" s="12"/>
    </row>
    <row r="547824" spans="8:8">
      <c r="H547824" s="12"/>
    </row>
    <row r="547825" spans="8:8">
      <c r="H547825" s="12"/>
    </row>
    <row r="547826" spans="8:8">
      <c r="H547826" s="12"/>
    </row>
    <row r="547827" spans="8:8">
      <c r="H547827" s="12"/>
    </row>
    <row r="547828" spans="8:8">
      <c r="H547828" s="12"/>
    </row>
    <row r="547829" spans="8:8">
      <c r="H547829" s="12"/>
    </row>
    <row r="547830" spans="8:8">
      <c r="H547830" s="12"/>
    </row>
    <row r="547831" spans="8:8">
      <c r="H547831" s="12"/>
    </row>
    <row r="547832" spans="8:8">
      <c r="H547832" s="12"/>
    </row>
    <row r="547833" spans="8:8">
      <c r="H547833" s="12"/>
    </row>
    <row r="547834" spans="8:8">
      <c r="H547834" s="12"/>
    </row>
    <row r="547835" spans="8:8">
      <c r="H547835" s="12"/>
    </row>
    <row r="547836" spans="8:8">
      <c r="H547836" s="12"/>
    </row>
    <row r="547837" spans="8:8">
      <c r="H547837" s="12"/>
    </row>
    <row r="547838" spans="8:8">
      <c r="H547838" s="12"/>
    </row>
    <row r="547839" spans="8:8">
      <c r="H547839" s="12"/>
    </row>
    <row r="547840" spans="8:8">
      <c r="H547840" s="12"/>
    </row>
    <row r="547841" spans="8:8">
      <c r="H547841" s="12"/>
    </row>
    <row r="547842" spans="8:8">
      <c r="H547842" s="12"/>
    </row>
    <row r="547843" spans="8:8">
      <c r="H547843" s="12"/>
    </row>
    <row r="547844" spans="8:8">
      <c r="H547844" s="12"/>
    </row>
    <row r="547845" spans="8:8">
      <c r="H547845" s="12"/>
    </row>
    <row r="547846" spans="8:8">
      <c r="H547846" s="12"/>
    </row>
    <row r="547847" spans="8:8">
      <c r="H547847" s="12"/>
    </row>
    <row r="547848" spans="8:8">
      <c r="H547848" s="12"/>
    </row>
    <row r="547849" spans="8:8">
      <c r="H547849" s="12"/>
    </row>
    <row r="547850" spans="8:8">
      <c r="H547850" s="12"/>
    </row>
    <row r="547851" spans="8:8">
      <c r="H547851" s="12"/>
    </row>
    <row r="547852" spans="8:8">
      <c r="H547852" s="12"/>
    </row>
    <row r="547853" spans="8:8">
      <c r="H547853" s="12"/>
    </row>
    <row r="547854" spans="8:8">
      <c r="H547854" s="12"/>
    </row>
    <row r="547855" spans="8:8">
      <c r="H547855" s="12"/>
    </row>
    <row r="547856" spans="8:8">
      <c r="H547856" s="12"/>
    </row>
    <row r="547857" spans="8:8">
      <c r="H547857" s="12"/>
    </row>
    <row r="547858" spans="8:8">
      <c r="H547858" s="12"/>
    </row>
    <row r="547859" spans="8:8">
      <c r="H547859" s="12"/>
    </row>
    <row r="547860" spans="8:8">
      <c r="H547860" s="12"/>
    </row>
    <row r="547861" spans="8:8">
      <c r="H547861" s="12"/>
    </row>
    <row r="547862" spans="8:8">
      <c r="H547862" s="12"/>
    </row>
    <row r="547863" spans="8:8">
      <c r="H547863" s="12"/>
    </row>
    <row r="547864" spans="8:8">
      <c r="H547864" s="12"/>
    </row>
    <row r="547865" spans="8:8">
      <c r="H547865" s="12"/>
    </row>
    <row r="547866" spans="8:8">
      <c r="H547866" s="12"/>
    </row>
    <row r="547867" spans="8:8">
      <c r="H547867" s="12"/>
    </row>
    <row r="547868" spans="8:8">
      <c r="H547868" s="12"/>
    </row>
    <row r="547869" spans="8:8">
      <c r="H547869" s="12"/>
    </row>
    <row r="547870" spans="8:8">
      <c r="H547870" s="12"/>
    </row>
    <row r="547871" spans="8:8">
      <c r="H547871" s="12"/>
    </row>
    <row r="547872" spans="8:8">
      <c r="H547872" s="12"/>
    </row>
    <row r="547873" spans="8:8">
      <c r="H547873" s="12"/>
    </row>
    <row r="547874" spans="8:8">
      <c r="H547874" s="12"/>
    </row>
    <row r="547875" spans="8:8">
      <c r="H547875" s="12"/>
    </row>
    <row r="547876" spans="8:8">
      <c r="H547876" s="12"/>
    </row>
    <row r="547877" spans="8:8">
      <c r="H547877" s="12"/>
    </row>
    <row r="547878" spans="8:8">
      <c r="H547878" s="12"/>
    </row>
    <row r="547879" spans="8:8">
      <c r="H547879" s="12"/>
    </row>
    <row r="547880" spans="8:8">
      <c r="H547880" s="12"/>
    </row>
    <row r="547881" spans="8:8">
      <c r="H547881" s="12"/>
    </row>
    <row r="547882" spans="8:8">
      <c r="H547882" s="12"/>
    </row>
    <row r="547883" spans="8:8">
      <c r="H547883" s="12"/>
    </row>
    <row r="547884" spans="8:8">
      <c r="H547884" s="12"/>
    </row>
    <row r="547885" spans="8:8">
      <c r="H547885" s="12"/>
    </row>
    <row r="547886" spans="8:8">
      <c r="H547886" s="12"/>
    </row>
    <row r="547887" spans="8:8">
      <c r="H547887" s="12"/>
    </row>
    <row r="547888" spans="8:8">
      <c r="H547888" s="12"/>
    </row>
    <row r="547889" spans="8:8">
      <c r="H547889" s="12"/>
    </row>
    <row r="547890" spans="8:8">
      <c r="H547890" s="12"/>
    </row>
    <row r="547891" spans="8:8">
      <c r="H547891" s="12"/>
    </row>
    <row r="547892" spans="8:8">
      <c r="H547892" s="12"/>
    </row>
    <row r="547893" spans="8:8">
      <c r="H547893" s="12"/>
    </row>
    <row r="547894" spans="8:8">
      <c r="H547894" s="12"/>
    </row>
    <row r="547895" spans="8:8">
      <c r="H547895" s="12"/>
    </row>
    <row r="547896" spans="8:8">
      <c r="H547896" s="12"/>
    </row>
    <row r="547897" spans="8:8">
      <c r="H547897" s="12"/>
    </row>
    <row r="547898" spans="8:8">
      <c r="H547898" s="12"/>
    </row>
    <row r="547899" spans="8:8">
      <c r="H547899" s="12"/>
    </row>
    <row r="547900" spans="8:8">
      <c r="H547900" s="12"/>
    </row>
    <row r="547901" spans="8:8">
      <c r="H547901" s="12"/>
    </row>
    <row r="547902" spans="8:8">
      <c r="H547902" s="12"/>
    </row>
    <row r="547903" spans="8:8">
      <c r="H547903" s="12"/>
    </row>
    <row r="547904" spans="8:8">
      <c r="H547904" s="12"/>
    </row>
    <row r="547905" spans="8:8">
      <c r="H547905" s="12"/>
    </row>
    <row r="547906" spans="8:8">
      <c r="H547906" s="12"/>
    </row>
    <row r="547907" spans="8:8">
      <c r="H547907" s="12"/>
    </row>
    <row r="547908" spans="8:8">
      <c r="H547908" s="12"/>
    </row>
    <row r="547909" spans="8:8">
      <c r="H547909" s="12"/>
    </row>
    <row r="547910" spans="8:8">
      <c r="H547910" s="12"/>
    </row>
    <row r="547911" spans="8:8">
      <c r="H547911" s="12"/>
    </row>
    <row r="547912" spans="8:8">
      <c r="H547912" s="12"/>
    </row>
    <row r="547913" spans="8:8">
      <c r="H547913" s="12"/>
    </row>
    <row r="547914" spans="8:8">
      <c r="H547914" s="12"/>
    </row>
    <row r="547915" spans="8:8">
      <c r="H547915" s="12"/>
    </row>
    <row r="547916" spans="8:8">
      <c r="H547916" s="12"/>
    </row>
    <row r="547917" spans="8:8">
      <c r="H547917" s="12"/>
    </row>
    <row r="547918" spans="8:8">
      <c r="H547918" s="12"/>
    </row>
    <row r="547919" spans="8:8">
      <c r="H547919" s="12"/>
    </row>
    <row r="547920" spans="8:8">
      <c r="H547920" s="12"/>
    </row>
    <row r="547921" spans="8:8">
      <c r="H547921" s="12"/>
    </row>
    <row r="547922" spans="8:8">
      <c r="H547922" s="12"/>
    </row>
    <row r="547923" spans="8:8">
      <c r="H547923" s="12"/>
    </row>
    <row r="547924" spans="8:8">
      <c r="H547924" s="12"/>
    </row>
    <row r="547925" spans="8:8">
      <c r="H547925" s="12"/>
    </row>
    <row r="547926" spans="8:8">
      <c r="H547926" s="12"/>
    </row>
    <row r="547927" spans="8:8">
      <c r="H547927" s="12"/>
    </row>
    <row r="547928" spans="8:8">
      <c r="H547928" s="12"/>
    </row>
    <row r="547929" spans="8:8">
      <c r="H547929" s="12"/>
    </row>
    <row r="547930" spans="8:8">
      <c r="H547930" s="12"/>
    </row>
    <row r="547931" spans="8:8">
      <c r="H547931" s="12"/>
    </row>
    <row r="547932" spans="8:8">
      <c r="H547932" s="12"/>
    </row>
    <row r="547933" spans="8:8">
      <c r="H547933" s="12"/>
    </row>
    <row r="547934" spans="8:8">
      <c r="H547934" s="12"/>
    </row>
    <row r="547935" spans="8:8">
      <c r="H547935" s="12"/>
    </row>
    <row r="547936" spans="8:8">
      <c r="H547936" s="12"/>
    </row>
    <row r="547937" spans="8:8">
      <c r="H547937" s="12"/>
    </row>
    <row r="547938" spans="8:8">
      <c r="H547938" s="12"/>
    </row>
    <row r="547939" spans="8:8">
      <c r="H547939" s="12"/>
    </row>
    <row r="547940" spans="8:8">
      <c r="H547940" s="12"/>
    </row>
    <row r="547941" spans="8:8">
      <c r="H547941" s="12"/>
    </row>
    <row r="547942" spans="8:8">
      <c r="H547942" s="12"/>
    </row>
    <row r="547943" spans="8:8">
      <c r="H547943" s="12"/>
    </row>
    <row r="547944" spans="8:8">
      <c r="H547944" s="12"/>
    </row>
    <row r="547945" spans="8:8">
      <c r="H547945" s="12"/>
    </row>
    <row r="547946" spans="8:8">
      <c r="H547946" s="12"/>
    </row>
    <row r="547947" spans="8:8">
      <c r="H547947" s="12"/>
    </row>
    <row r="547948" spans="8:8">
      <c r="H547948" s="12"/>
    </row>
    <row r="547949" spans="8:8">
      <c r="H547949" s="12"/>
    </row>
    <row r="547950" spans="8:8">
      <c r="H547950" s="12"/>
    </row>
    <row r="547951" spans="8:8">
      <c r="H547951" s="12"/>
    </row>
    <row r="547952" spans="8:8">
      <c r="H547952" s="12"/>
    </row>
    <row r="547953" spans="8:8">
      <c r="H547953" s="12"/>
    </row>
    <row r="547954" spans="8:8">
      <c r="H547954" s="12"/>
    </row>
    <row r="547955" spans="8:8">
      <c r="H547955" s="12"/>
    </row>
    <row r="547956" spans="8:8">
      <c r="H547956" s="12"/>
    </row>
    <row r="547957" spans="8:8">
      <c r="H547957" s="12"/>
    </row>
    <row r="547958" spans="8:8">
      <c r="H547958" s="12"/>
    </row>
    <row r="547959" spans="8:8">
      <c r="H547959" s="12"/>
    </row>
    <row r="547960" spans="8:8">
      <c r="H547960" s="12"/>
    </row>
    <row r="547961" spans="8:8">
      <c r="H547961" s="12"/>
    </row>
    <row r="547962" spans="8:8">
      <c r="H547962" s="12"/>
    </row>
    <row r="547963" spans="8:8">
      <c r="H547963" s="12"/>
    </row>
    <row r="547964" spans="8:8">
      <c r="H547964" s="12"/>
    </row>
    <row r="547965" spans="8:8">
      <c r="H547965" s="12"/>
    </row>
    <row r="547966" spans="8:8">
      <c r="H547966" s="12"/>
    </row>
    <row r="547967" spans="8:8">
      <c r="H547967" s="12"/>
    </row>
    <row r="547968" spans="8:8">
      <c r="H547968" s="12"/>
    </row>
    <row r="547969" spans="8:8">
      <c r="H547969" s="12"/>
    </row>
    <row r="547970" spans="8:8">
      <c r="H547970" s="12"/>
    </row>
    <row r="547971" spans="8:8">
      <c r="H547971" s="12"/>
    </row>
    <row r="547972" spans="8:8">
      <c r="H547972" s="12"/>
    </row>
    <row r="547973" spans="8:8">
      <c r="H547973" s="12"/>
    </row>
    <row r="547974" spans="8:8">
      <c r="H547974" s="12"/>
    </row>
    <row r="547975" spans="8:8">
      <c r="H547975" s="12"/>
    </row>
    <row r="547976" spans="8:8">
      <c r="H547976" s="12"/>
    </row>
    <row r="547977" spans="8:8">
      <c r="H547977" s="12"/>
    </row>
    <row r="547978" spans="8:8">
      <c r="H547978" s="12"/>
    </row>
    <row r="547979" spans="8:8">
      <c r="H547979" s="12"/>
    </row>
    <row r="547980" spans="8:8">
      <c r="H547980" s="12"/>
    </row>
    <row r="547981" spans="8:8">
      <c r="H547981" s="12"/>
    </row>
    <row r="547982" spans="8:8">
      <c r="H547982" s="12"/>
    </row>
    <row r="547983" spans="8:8">
      <c r="H547983" s="12"/>
    </row>
    <row r="547984" spans="8:8">
      <c r="H547984" s="12"/>
    </row>
    <row r="547985" spans="8:8">
      <c r="H547985" s="12"/>
    </row>
    <row r="547986" spans="8:8">
      <c r="H547986" s="12"/>
    </row>
    <row r="547987" spans="8:8">
      <c r="H547987" s="12"/>
    </row>
    <row r="547988" spans="8:8">
      <c r="H547988" s="12"/>
    </row>
    <row r="547989" spans="8:8">
      <c r="H547989" s="12"/>
    </row>
    <row r="547990" spans="8:8">
      <c r="H547990" s="12"/>
    </row>
    <row r="547991" spans="8:8">
      <c r="H547991" s="12"/>
    </row>
    <row r="547992" spans="8:8">
      <c r="H547992" s="12"/>
    </row>
    <row r="547993" spans="8:8">
      <c r="H547993" s="12"/>
    </row>
    <row r="547994" spans="8:8">
      <c r="H547994" s="12"/>
    </row>
    <row r="547995" spans="8:8">
      <c r="H547995" s="12"/>
    </row>
    <row r="547996" spans="8:8">
      <c r="H547996" s="12"/>
    </row>
    <row r="547997" spans="8:8">
      <c r="H547997" s="12"/>
    </row>
    <row r="547998" spans="8:8">
      <c r="H547998" s="12"/>
    </row>
    <row r="547999" spans="8:8">
      <c r="H547999" s="12"/>
    </row>
    <row r="548000" spans="8:8">
      <c r="H548000" s="12"/>
    </row>
    <row r="548001" spans="8:8">
      <c r="H548001" s="12"/>
    </row>
    <row r="548002" spans="8:8">
      <c r="H548002" s="12"/>
    </row>
    <row r="548003" spans="8:8">
      <c r="H548003" s="12"/>
    </row>
    <row r="548004" spans="8:8">
      <c r="H548004" s="12"/>
    </row>
    <row r="548005" spans="8:8">
      <c r="H548005" s="12"/>
    </row>
    <row r="548006" spans="8:8">
      <c r="H548006" s="12"/>
    </row>
    <row r="548007" spans="8:8">
      <c r="H548007" s="12"/>
    </row>
    <row r="548008" spans="8:8">
      <c r="H548008" s="12"/>
    </row>
    <row r="548009" spans="8:8">
      <c r="H548009" s="12"/>
    </row>
    <row r="548010" spans="8:8">
      <c r="H548010" s="12"/>
    </row>
    <row r="548011" spans="8:8">
      <c r="H548011" s="12"/>
    </row>
    <row r="548012" spans="8:8">
      <c r="H548012" s="12"/>
    </row>
    <row r="548013" spans="8:8">
      <c r="H548013" s="12"/>
    </row>
    <row r="548014" spans="8:8">
      <c r="H548014" s="12"/>
    </row>
    <row r="548015" spans="8:8">
      <c r="H548015" s="12"/>
    </row>
    <row r="548016" spans="8:8">
      <c r="H548016" s="12"/>
    </row>
    <row r="548017" spans="8:8">
      <c r="H548017" s="12"/>
    </row>
    <row r="548018" spans="8:8">
      <c r="H548018" s="12"/>
    </row>
    <row r="548019" spans="8:8">
      <c r="H548019" s="12"/>
    </row>
    <row r="548020" spans="8:8">
      <c r="H548020" s="12"/>
    </row>
    <row r="548021" spans="8:8">
      <c r="H548021" s="12"/>
    </row>
    <row r="548022" spans="8:8">
      <c r="H548022" s="12"/>
    </row>
    <row r="548023" spans="8:8">
      <c r="H548023" s="12"/>
    </row>
    <row r="548024" spans="8:8">
      <c r="H548024" s="12"/>
    </row>
    <row r="548025" spans="8:8">
      <c r="H548025" s="12"/>
    </row>
    <row r="548026" spans="8:8">
      <c r="H548026" s="12"/>
    </row>
    <row r="548027" spans="8:8">
      <c r="H548027" s="12"/>
    </row>
    <row r="548028" spans="8:8">
      <c r="H548028" s="12"/>
    </row>
    <row r="548029" spans="8:8">
      <c r="H548029" s="12"/>
    </row>
    <row r="548030" spans="8:8">
      <c r="H548030" s="12"/>
    </row>
    <row r="548031" spans="8:8">
      <c r="H548031" s="12"/>
    </row>
    <row r="548032" spans="8:8">
      <c r="H548032" s="12"/>
    </row>
    <row r="548033" spans="8:8">
      <c r="H548033" s="12"/>
    </row>
    <row r="548034" spans="8:8">
      <c r="H548034" s="12"/>
    </row>
    <row r="548035" spans="8:8">
      <c r="H548035" s="12"/>
    </row>
    <row r="548036" spans="8:8">
      <c r="H548036" s="12"/>
    </row>
    <row r="548037" spans="8:8">
      <c r="H548037" s="12"/>
    </row>
    <row r="548038" spans="8:8">
      <c r="H548038" s="12"/>
    </row>
    <row r="548039" spans="8:8">
      <c r="H548039" s="12"/>
    </row>
    <row r="548040" spans="8:8">
      <c r="H548040" s="12"/>
    </row>
    <row r="548041" spans="8:8">
      <c r="H548041" s="12"/>
    </row>
    <row r="548042" spans="8:8">
      <c r="H548042" s="12"/>
    </row>
    <row r="548043" spans="8:8">
      <c r="H548043" s="12"/>
    </row>
    <row r="548044" spans="8:8">
      <c r="H548044" s="12"/>
    </row>
    <row r="548045" spans="8:8">
      <c r="H548045" s="12"/>
    </row>
    <row r="548046" spans="8:8">
      <c r="H548046" s="12"/>
    </row>
    <row r="548047" spans="8:8">
      <c r="H548047" s="12"/>
    </row>
    <row r="548048" spans="8:8">
      <c r="H548048" s="12"/>
    </row>
    <row r="548049" spans="8:8">
      <c r="H548049" s="12"/>
    </row>
    <row r="548050" spans="8:8">
      <c r="H548050" s="12"/>
    </row>
    <row r="548051" spans="8:8">
      <c r="H548051" s="12"/>
    </row>
    <row r="548052" spans="8:8">
      <c r="H548052" s="12"/>
    </row>
    <row r="548053" spans="8:8">
      <c r="H548053" s="12"/>
    </row>
    <row r="548054" spans="8:8">
      <c r="H548054" s="12"/>
    </row>
    <row r="548055" spans="8:8">
      <c r="H548055" s="12"/>
    </row>
    <row r="548056" spans="8:8">
      <c r="H548056" s="12"/>
    </row>
    <row r="548057" spans="8:8">
      <c r="H548057" s="12"/>
    </row>
    <row r="548058" spans="8:8">
      <c r="H548058" s="12"/>
    </row>
    <row r="548059" spans="8:8">
      <c r="H548059" s="12"/>
    </row>
    <row r="548060" spans="8:8">
      <c r="H548060" s="12"/>
    </row>
    <row r="548061" spans="8:8">
      <c r="H548061" s="12"/>
    </row>
    <row r="548062" spans="8:8">
      <c r="H548062" s="12"/>
    </row>
    <row r="548063" spans="8:8">
      <c r="H548063" s="12"/>
    </row>
    <row r="548064" spans="8:8">
      <c r="H548064" s="12"/>
    </row>
    <row r="548065" spans="8:8">
      <c r="H548065" s="12"/>
    </row>
    <row r="548066" spans="8:8">
      <c r="H548066" s="12"/>
    </row>
    <row r="548067" spans="8:8">
      <c r="H548067" s="12"/>
    </row>
    <row r="548068" spans="8:8">
      <c r="H548068" s="12"/>
    </row>
    <row r="548069" spans="8:8">
      <c r="H548069" s="12"/>
    </row>
    <row r="548070" spans="8:8">
      <c r="H548070" s="12"/>
    </row>
    <row r="548071" spans="8:8">
      <c r="H548071" s="12"/>
    </row>
    <row r="548072" spans="8:8">
      <c r="H548072" s="12"/>
    </row>
    <row r="548073" spans="8:8">
      <c r="H548073" s="12"/>
    </row>
    <row r="548074" spans="8:8">
      <c r="H548074" s="12"/>
    </row>
    <row r="548075" spans="8:8">
      <c r="H548075" s="12"/>
    </row>
    <row r="548076" spans="8:8">
      <c r="H548076" s="12"/>
    </row>
    <row r="548077" spans="8:8">
      <c r="H548077" s="12"/>
    </row>
    <row r="548078" spans="8:8">
      <c r="H548078" s="12"/>
    </row>
    <row r="548079" spans="8:8">
      <c r="H548079" s="12"/>
    </row>
    <row r="548080" spans="8:8">
      <c r="H548080" s="12"/>
    </row>
    <row r="548081" spans="8:8">
      <c r="H548081" s="12"/>
    </row>
    <row r="548082" spans="8:8">
      <c r="H548082" s="12"/>
    </row>
    <row r="548083" spans="8:8">
      <c r="H548083" s="12"/>
    </row>
    <row r="548084" spans="8:8">
      <c r="H548084" s="12"/>
    </row>
    <row r="548085" spans="8:8">
      <c r="H548085" s="12"/>
    </row>
    <row r="548086" spans="8:8">
      <c r="H548086" s="12"/>
    </row>
    <row r="548087" spans="8:8">
      <c r="H548087" s="12"/>
    </row>
    <row r="548088" spans="8:8">
      <c r="H548088" s="12"/>
    </row>
    <row r="548089" spans="8:8">
      <c r="H548089" s="12"/>
    </row>
    <row r="548090" spans="8:8">
      <c r="H548090" s="12"/>
    </row>
    <row r="548091" spans="8:8">
      <c r="H548091" s="12"/>
    </row>
    <row r="548092" spans="8:8">
      <c r="H548092" s="12"/>
    </row>
    <row r="548093" spans="8:8">
      <c r="H548093" s="12"/>
    </row>
    <row r="548094" spans="8:8">
      <c r="H548094" s="12"/>
    </row>
    <row r="548095" spans="8:8">
      <c r="H548095" s="12"/>
    </row>
    <row r="548096" spans="8:8">
      <c r="H548096" s="12"/>
    </row>
    <row r="548097" spans="8:8">
      <c r="H548097" s="12"/>
    </row>
    <row r="548098" spans="8:8">
      <c r="H548098" s="12"/>
    </row>
    <row r="548099" spans="8:8">
      <c r="H548099" s="12"/>
    </row>
    <row r="548100" spans="8:8">
      <c r="H548100" s="12"/>
    </row>
    <row r="548101" spans="8:8">
      <c r="H548101" s="12"/>
    </row>
    <row r="548102" spans="8:8">
      <c r="H548102" s="12"/>
    </row>
    <row r="548103" spans="8:8">
      <c r="H548103" s="12"/>
    </row>
    <row r="548104" spans="8:8">
      <c r="H548104" s="12"/>
    </row>
    <row r="548105" spans="8:8">
      <c r="H548105" s="12"/>
    </row>
    <row r="548106" spans="8:8">
      <c r="H548106" s="12"/>
    </row>
    <row r="548107" spans="8:8">
      <c r="H548107" s="12"/>
    </row>
    <row r="548108" spans="8:8">
      <c r="H548108" s="12"/>
    </row>
    <row r="548109" spans="8:8">
      <c r="H548109" s="12"/>
    </row>
    <row r="548110" spans="8:8">
      <c r="H548110" s="12"/>
    </row>
    <row r="548111" spans="8:8">
      <c r="H548111" s="12"/>
    </row>
    <row r="548112" spans="8:8">
      <c r="H548112" s="12"/>
    </row>
    <row r="548113" spans="8:8">
      <c r="H548113" s="12"/>
    </row>
    <row r="548114" spans="8:8">
      <c r="H548114" s="12"/>
    </row>
    <row r="548115" spans="8:8">
      <c r="H548115" s="12"/>
    </row>
    <row r="548116" spans="8:8">
      <c r="H548116" s="12"/>
    </row>
    <row r="548117" spans="8:8">
      <c r="H548117" s="12"/>
    </row>
    <row r="548118" spans="8:8">
      <c r="H548118" s="12"/>
    </row>
    <row r="548119" spans="8:8">
      <c r="H548119" s="12"/>
    </row>
    <row r="548120" spans="8:8">
      <c r="H548120" s="12"/>
    </row>
    <row r="548121" spans="8:8">
      <c r="H548121" s="12"/>
    </row>
    <row r="548122" spans="8:8">
      <c r="H548122" s="12"/>
    </row>
    <row r="548123" spans="8:8">
      <c r="H548123" s="12"/>
    </row>
    <row r="548124" spans="8:8">
      <c r="H548124" s="12"/>
    </row>
    <row r="548125" spans="8:8">
      <c r="H548125" s="12"/>
    </row>
    <row r="548126" spans="8:8">
      <c r="H548126" s="12"/>
    </row>
    <row r="548127" spans="8:8">
      <c r="H548127" s="12"/>
    </row>
    <row r="548128" spans="8:8">
      <c r="H548128" s="12"/>
    </row>
    <row r="548129" spans="8:8">
      <c r="H548129" s="12"/>
    </row>
    <row r="548130" spans="8:8">
      <c r="H548130" s="12"/>
    </row>
    <row r="548131" spans="8:8">
      <c r="H548131" s="12"/>
    </row>
    <row r="548132" spans="8:8">
      <c r="H548132" s="12"/>
    </row>
    <row r="548133" spans="8:8">
      <c r="H548133" s="12"/>
    </row>
    <row r="548134" spans="8:8">
      <c r="H548134" s="12"/>
    </row>
    <row r="548135" spans="8:8">
      <c r="H548135" s="12"/>
    </row>
    <row r="548136" spans="8:8">
      <c r="H548136" s="12"/>
    </row>
    <row r="548137" spans="8:8">
      <c r="H548137" s="12"/>
    </row>
    <row r="548138" spans="8:8">
      <c r="H548138" s="12"/>
    </row>
    <row r="548139" spans="8:8">
      <c r="H548139" s="12"/>
    </row>
    <row r="548140" spans="8:8">
      <c r="H548140" s="12"/>
    </row>
    <row r="548141" spans="8:8">
      <c r="H548141" s="12"/>
    </row>
    <row r="548142" spans="8:8">
      <c r="H548142" s="12"/>
    </row>
    <row r="548143" spans="8:8">
      <c r="H548143" s="12"/>
    </row>
    <row r="548144" spans="8:8">
      <c r="H548144" s="12"/>
    </row>
    <row r="548145" spans="8:8">
      <c r="H548145" s="12"/>
    </row>
    <row r="548146" spans="8:8">
      <c r="H548146" s="12"/>
    </row>
    <row r="548147" spans="8:8">
      <c r="H548147" s="12"/>
    </row>
    <row r="548148" spans="8:8">
      <c r="H548148" s="12"/>
    </row>
    <row r="548149" spans="8:8">
      <c r="H548149" s="12"/>
    </row>
    <row r="548150" spans="8:8">
      <c r="H548150" s="12"/>
    </row>
    <row r="548151" spans="8:8">
      <c r="H548151" s="12"/>
    </row>
    <row r="548152" spans="8:8">
      <c r="H548152" s="12"/>
    </row>
    <row r="548153" spans="8:8">
      <c r="H548153" s="12"/>
    </row>
    <row r="548154" spans="8:8">
      <c r="H548154" s="12"/>
    </row>
    <row r="548155" spans="8:8">
      <c r="H548155" s="12"/>
    </row>
    <row r="548156" spans="8:8">
      <c r="H548156" s="12"/>
    </row>
    <row r="548157" spans="8:8">
      <c r="H548157" s="12"/>
    </row>
    <row r="548158" spans="8:8">
      <c r="H548158" s="12"/>
    </row>
    <row r="548159" spans="8:8">
      <c r="H548159" s="12"/>
    </row>
    <row r="548160" spans="8:8">
      <c r="H548160" s="12"/>
    </row>
    <row r="548161" spans="8:8">
      <c r="H548161" s="12"/>
    </row>
    <row r="548162" spans="8:8">
      <c r="H548162" s="12"/>
    </row>
    <row r="548163" spans="8:8">
      <c r="H548163" s="12"/>
    </row>
    <row r="548164" spans="8:8">
      <c r="H548164" s="12"/>
    </row>
    <row r="548165" spans="8:8">
      <c r="H548165" s="12"/>
    </row>
    <row r="548166" spans="8:8">
      <c r="H548166" s="12"/>
    </row>
    <row r="548167" spans="8:8">
      <c r="H548167" s="12"/>
    </row>
    <row r="548168" spans="8:8">
      <c r="H548168" s="12"/>
    </row>
    <row r="548169" spans="8:8">
      <c r="H548169" s="12"/>
    </row>
    <row r="548170" spans="8:8">
      <c r="H548170" s="12"/>
    </row>
    <row r="548171" spans="8:8">
      <c r="H548171" s="12"/>
    </row>
    <row r="548172" spans="8:8">
      <c r="H548172" s="12"/>
    </row>
    <row r="548173" spans="8:8">
      <c r="H548173" s="12"/>
    </row>
    <row r="548174" spans="8:8">
      <c r="H548174" s="12"/>
    </row>
    <row r="548175" spans="8:8">
      <c r="H548175" s="12"/>
    </row>
    <row r="548176" spans="8:8">
      <c r="H548176" s="12"/>
    </row>
    <row r="548177" spans="8:8">
      <c r="H548177" s="12"/>
    </row>
    <row r="548178" spans="8:8">
      <c r="H548178" s="12"/>
    </row>
    <row r="548179" spans="8:8">
      <c r="H548179" s="12"/>
    </row>
    <row r="548180" spans="8:8">
      <c r="H548180" s="12"/>
    </row>
    <row r="548181" spans="8:8">
      <c r="H548181" s="12"/>
    </row>
    <row r="548182" spans="8:8">
      <c r="H548182" s="12"/>
    </row>
    <row r="548183" spans="8:8">
      <c r="H548183" s="12"/>
    </row>
    <row r="548184" spans="8:8">
      <c r="H548184" s="12"/>
    </row>
    <row r="548185" spans="8:8">
      <c r="H548185" s="12"/>
    </row>
    <row r="548186" spans="8:8">
      <c r="H548186" s="12"/>
    </row>
    <row r="548187" spans="8:8">
      <c r="H548187" s="12"/>
    </row>
    <row r="548188" spans="8:8">
      <c r="H548188" s="12"/>
    </row>
    <row r="548189" spans="8:8">
      <c r="H548189" s="12"/>
    </row>
    <row r="548190" spans="8:8">
      <c r="H548190" s="12"/>
    </row>
    <row r="548191" spans="8:8">
      <c r="H548191" s="12"/>
    </row>
    <row r="548192" spans="8:8">
      <c r="H548192" s="12"/>
    </row>
    <row r="548193" spans="8:8">
      <c r="H548193" s="12"/>
    </row>
    <row r="548194" spans="8:8">
      <c r="H548194" s="12"/>
    </row>
    <row r="548195" spans="8:8">
      <c r="H548195" s="12"/>
    </row>
    <row r="548196" spans="8:8">
      <c r="H548196" s="12"/>
    </row>
    <row r="548197" spans="8:8">
      <c r="H548197" s="12"/>
    </row>
    <row r="548198" spans="8:8">
      <c r="H548198" s="12"/>
    </row>
    <row r="548199" spans="8:8">
      <c r="H548199" s="12"/>
    </row>
    <row r="548200" spans="8:8">
      <c r="H548200" s="12"/>
    </row>
    <row r="548201" spans="8:8">
      <c r="H548201" s="12"/>
    </row>
    <row r="548202" spans="8:8">
      <c r="H548202" s="12"/>
    </row>
    <row r="548203" spans="8:8">
      <c r="H548203" s="12"/>
    </row>
    <row r="548204" spans="8:8">
      <c r="H548204" s="12"/>
    </row>
    <row r="548205" spans="8:8">
      <c r="H548205" s="12"/>
    </row>
    <row r="548206" spans="8:8">
      <c r="H548206" s="12"/>
    </row>
    <row r="548207" spans="8:8">
      <c r="H548207" s="12"/>
    </row>
    <row r="548208" spans="8:8">
      <c r="H548208" s="12"/>
    </row>
    <row r="548209" spans="8:8">
      <c r="H548209" s="12"/>
    </row>
    <row r="548210" spans="8:8">
      <c r="H548210" s="12"/>
    </row>
    <row r="548211" spans="8:8">
      <c r="H548211" s="12"/>
    </row>
    <row r="548212" spans="8:8">
      <c r="H548212" s="12"/>
    </row>
    <row r="548213" spans="8:8">
      <c r="H548213" s="12"/>
    </row>
    <row r="548214" spans="8:8">
      <c r="H548214" s="12"/>
    </row>
    <row r="548215" spans="8:8">
      <c r="H548215" s="12"/>
    </row>
    <row r="548216" spans="8:8">
      <c r="H548216" s="12"/>
    </row>
    <row r="548217" spans="8:8">
      <c r="H548217" s="12"/>
    </row>
    <row r="548218" spans="8:8">
      <c r="H548218" s="12"/>
    </row>
    <row r="548219" spans="8:8">
      <c r="H548219" s="12"/>
    </row>
    <row r="548220" spans="8:8">
      <c r="H548220" s="12"/>
    </row>
    <row r="548221" spans="8:8">
      <c r="H548221" s="12"/>
    </row>
    <row r="548222" spans="8:8">
      <c r="H548222" s="12"/>
    </row>
    <row r="548223" spans="8:8">
      <c r="H548223" s="12"/>
    </row>
    <row r="548224" spans="8:8">
      <c r="H548224" s="12"/>
    </row>
    <row r="548225" spans="8:8">
      <c r="H548225" s="12"/>
    </row>
    <row r="548226" spans="8:8">
      <c r="H548226" s="12"/>
    </row>
    <row r="548227" spans="8:8">
      <c r="H548227" s="12"/>
    </row>
    <row r="548228" spans="8:8">
      <c r="H548228" s="12"/>
    </row>
    <row r="548229" spans="8:8">
      <c r="H548229" s="12"/>
    </row>
    <row r="548230" spans="8:8">
      <c r="H548230" s="12"/>
    </row>
    <row r="548231" spans="8:8">
      <c r="H548231" s="12"/>
    </row>
    <row r="548232" spans="8:8">
      <c r="H548232" s="12"/>
    </row>
    <row r="548233" spans="8:8">
      <c r="H548233" s="12"/>
    </row>
    <row r="548234" spans="8:8">
      <c r="H548234" s="12"/>
    </row>
    <row r="548235" spans="8:8">
      <c r="H548235" s="12"/>
    </row>
    <row r="548236" spans="8:8">
      <c r="H548236" s="12"/>
    </row>
    <row r="548237" spans="8:8">
      <c r="H548237" s="12"/>
    </row>
    <row r="548238" spans="8:8">
      <c r="H548238" s="12"/>
    </row>
    <row r="548239" spans="8:8">
      <c r="H548239" s="12"/>
    </row>
    <row r="548240" spans="8:8">
      <c r="H548240" s="12"/>
    </row>
    <row r="548241" spans="8:8">
      <c r="H548241" s="12"/>
    </row>
    <row r="548242" spans="8:8">
      <c r="H548242" s="12"/>
    </row>
    <row r="548243" spans="8:8">
      <c r="H548243" s="12"/>
    </row>
    <row r="548244" spans="8:8">
      <c r="H548244" s="12"/>
    </row>
    <row r="548245" spans="8:8">
      <c r="H548245" s="12"/>
    </row>
    <row r="548246" spans="8:8">
      <c r="H548246" s="12"/>
    </row>
    <row r="548247" spans="8:8">
      <c r="H548247" s="12"/>
    </row>
    <row r="548248" spans="8:8">
      <c r="H548248" s="12"/>
    </row>
    <row r="548249" spans="8:8">
      <c r="H548249" s="12"/>
    </row>
    <row r="548250" spans="8:8">
      <c r="H548250" s="12"/>
    </row>
    <row r="548251" spans="8:8">
      <c r="H548251" s="12"/>
    </row>
    <row r="548252" spans="8:8">
      <c r="H548252" s="12"/>
    </row>
    <row r="548253" spans="8:8">
      <c r="H548253" s="12"/>
    </row>
    <row r="548254" spans="8:8">
      <c r="H548254" s="12"/>
    </row>
    <row r="548255" spans="8:8">
      <c r="H548255" s="12"/>
    </row>
    <row r="548256" spans="8:8">
      <c r="H548256" s="12"/>
    </row>
    <row r="548257" spans="8:8">
      <c r="H548257" s="12"/>
    </row>
    <row r="548258" spans="8:8">
      <c r="H548258" s="12"/>
    </row>
    <row r="548259" spans="8:8">
      <c r="H548259" s="12"/>
    </row>
    <row r="548260" spans="8:8">
      <c r="H548260" s="12"/>
    </row>
    <row r="548261" spans="8:8">
      <c r="H548261" s="12"/>
    </row>
    <row r="548262" spans="8:8">
      <c r="H548262" s="12"/>
    </row>
    <row r="548263" spans="8:8">
      <c r="H548263" s="12"/>
    </row>
    <row r="548264" spans="8:8">
      <c r="H548264" s="12"/>
    </row>
    <row r="548265" spans="8:8">
      <c r="H548265" s="12"/>
    </row>
    <row r="548266" spans="8:8">
      <c r="H548266" s="12"/>
    </row>
    <row r="548267" spans="8:8">
      <c r="H548267" s="12"/>
    </row>
    <row r="548268" spans="8:8">
      <c r="H548268" s="12"/>
    </row>
    <row r="548269" spans="8:8">
      <c r="H548269" s="12"/>
    </row>
    <row r="548270" spans="8:8">
      <c r="H548270" s="12"/>
    </row>
    <row r="548271" spans="8:8">
      <c r="H548271" s="12"/>
    </row>
    <row r="548272" spans="8:8">
      <c r="H548272" s="12"/>
    </row>
    <row r="548273" spans="8:8">
      <c r="H548273" s="12"/>
    </row>
    <row r="548274" spans="8:8">
      <c r="H548274" s="12"/>
    </row>
    <row r="548275" spans="8:8">
      <c r="H548275" s="12"/>
    </row>
    <row r="548276" spans="8:8">
      <c r="H548276" s="12"/>
    </row>
    <row r="548277" spans="8:8">
      <c r="H548277" s="12"/>
    </row>
    <row r="548278" spans="8:8">
      <c r="H548278" s="12"/>
    </row>
    <row r="548279" spans="8:8">
      <c r="H548279" s="12"/>
    </row>
    <row r="548280" spans="8:8">
      <c r="H548280" s="12"/>
    </row>
    <row r="548281" spans="8:8">
      <c r="H548281" s="12"/>
    </row>
    <row r="548282" spans="8:8">
      <c r="H548282" s="12"/>
    </row>
    <row r="548283" spans="8:8">
      <c r="H548283" s="12"/>
    </row>
    <row r="548284" spans="8:8">
      <c r="H548284" s="12"/>
    </row>
    <row r="548285" spans="8:8">
      <c r="H548285" s="12"/>
    </row>
    <row r="548286" spans="8:8">
      <c r="H548286" s="12"/>
    </row>
    <row r="548287" spans="8:8">
      <c r="H548287" s="12"/>
    </row>
    <row r="548288" spans="8:8">
      <c r="H548288" s="12"/>
    </row>
    <row r="548289" spans="8:8">
      <c r="H548289" s="12"/>
    </row>
    <row r="548290" spans="8:8">
      <c r="H548290" s="12"/>
    </row>
    <row r="548291" spans="8:8">
      <c r="H548291" s="12"/>
    </row>
    <row r="548292" spans="8:8">
      <c r="H548292" s="12"/>
    </row>
    <row r="548293" spans="8:8">
      <c r="H548293" s="12"/>
    </row>
    <row r="548294" spans="8:8">
      <c r="H548294" s="12"/>
    </row>
    <row r="548295" spans="8:8">
      <c r="H548295" s="12"/>
    </row>
    <row r="548296" spans="8:8">
      <c r="H548296" s="12"/>
    </row>
    <row r="548297" spans="8:8">
      <c r="H548297" s="12"/>
    </row>
    <row r="548298" spans="8:8">
      <c r="H548298" s="12"/>
    </row>
    <row r="548299" spans="8:8">
      <c r="H548299" s="12"/>
    </row>
    <row r="548300" spans="8:8">
      <c r="H548300" s="12"/>
    </row>
    <row r="548301" spans="8:8">
      <c r="H548301" s="12"/>
    </row>
    <row r="548302" spans="8:8">
      <c r="H548302" s="12"/>
    </row>
    <row r="548303" spans="8:8">
      <c r="H548303" s="12"/>
    </row>
    <row r="548304" spans="8:8">
      <c r="H548304" s="12"/>
    </row>
    <row r="548305" spans="8:8">
      <c r="H548305" s="12"/>
    </row>
    <row r="548306" spans="8:8">
      <c r="H548306" s="12"/>
    </row>
    <row r="548307" spans="8:8">
      <c r="H548307" s="12"/>
    </row>
    <row r="548308" spans="8:8">
      <c r="H548308" s="12"/>
    </row>
    <row r="548309" spans="8:8">
      <c r="H548309" s="12"/>
    </row>
    <row r="548310" spans="8:8">
      <c r="H548310" s="12"/>
    </row>
    <row r="548311" spans="8:8">
      <c r="H548311" s="12"/>
    </row>
    <row r="548312" spans="8:8">
      <c r="H548312" s="12"/>
    </row>
    <row r="548313" spans="8:8">
      <c r="H548313" s="12"/>
    </row>
    <row r="548314" spans="8:8">
      <c r="H548314" s="12"/>
    </row>
    <row r="548315" spans="8:8">
      <c r="H548315" s="12"/>
    </row>
    <row r="548316" spans="8:8">
      <c r="H548316" s="12"/>
    </row>
    <row r="548317" spans="8:8">
      <c r="H548317" s="12"/>
    </row>
    <row r="548318" spans="8:8">
      <c r="H548318" s="12"/>
    </row>
    <row r="548319" spans="8:8">
      <c r="H548319" s="12"/>
    </row>
    <row r="548320" spans="8:8">
      <c r="H548320" s="12"/>
    </row>
    <row r="548321" spans="8:8">
      <c r="H548321" s="12"/>
    </row>
    <row r="548322" spans="8:8">
      <c r="H548322" s="12"/>
    </row>
    <row r="548323" spans="8:8">
      <c r="H548323" s="12"/>
    </row>
    <row r="548324" spans="8:8">
      <c r="H548324" s="12"/>
    </row>
    <row r="548325" spans="8:8">
      <c r="H548325" s="12"/>
    </row>
    <row r="548326" spans="8:8">
      <c r="H548326" s="12"/>
    </row>
    <row r="548327" spans="8:8">
      <c r="H548327" s="12"/>
    </row>
    <row r="548328" spans="8:8">
      <c r="H548328" s="12"/>
    </row>
    <row r="548329" spans="8:8">
      <c r="H548329" s="12"/>
    </row>
    <row r="548330" spans="8:8">
      <c r="H548330" s="12"/>
    </row>
    <row r="548331" spans="8:8">
      <c r="H548331" s="12"/>
    </row>
    <row r="548332" spans="8:8">
      <c r="H548332" s="12"/>
    </row>
    <row r="548333" spans="8:8">
      <c r="H548333" s="12"/>
    </row>
    <row r="548334" spans="8:8">
      <c r="H548334" s="12"/>
    </row>
    <row r="548335" spans="8:8">
      <c r="H548335" s="12"/>
    </row>
    <row r="548336" spans="8:8">
      <c r="H548336" s="12"/>
    </row>
    <row r="548337" spans="8:8">
      <c r="H548337" s="12"/>
    </row>
    <row r="548338" spans="8:8">
      <c r="H548338" s="12"/>
    </row>
    <row r="548339" spans="8:8">
      <c r="H548339" s="12"/>
    </row>
    <row r="548340" spans="8:8">
      <c r="H548340" s="12"/>
    </row>
    <row r="548341" spans="8:8">
      <c r="H548341" s="12"/>
    </row>
    <row r="548342" spans="8:8">
      <c r="H548342" s="12"/>
    </row>
    <row r="548343" spans="8:8">
      <c r="H548343" s="12"/>
    </row>
    <row r="548344" spans="8:8">
      <c r="H548344" s="12"/>
    </row>
    <row r="548345" spans="8:8">
      <c r="H548345" s="12"/>
    </row>
    <row r="548346" spans="8:8">
      <c r="H548346" s="12"/>
    </row>
    <row r="548347" spans="8:8">
      <c r="H548347" s="12"/>
    </row>
    <row r="548348" spans="8:8">
      <c r="H548348" s="12"/>
    </row>
    <row r="548349" spans="8:8">
      <c r="H548349" s="12"/>
    </row>
    <row r="548350" spans="8:8">
      <c r="H548350" s="12"/>
    </row>
    <row r="548351" spans="8:8">
      <c r="H548351" s="12"/>
    </row>
    <row r="548352" spans="8:8">
      <c r="H548352" s="12"/>
    </row>
    <row r="548353" spans="8:8">
      <c r="H548353" s="12"/>
    </row>
    <row r="548354" spans="8:8">
      <c r="H548354" s="12"/>
    </row>
    <row r="548355" spans="8:8">
      <c r="H548355" s="12"/>
    </row>
    <row r="548356" spans="8:8">
      <c r="H548356" s="12"/>
    </row>
    <row r="548357" spans="8:8">
      <c r="H548357" s="12"/>
    </row>
    <row r="548358" spans="8:8">
      <c r="H548358" s="12"/>
    </row>
    <row r="548359" spans="8:8">
      <c r="H548359" s="12"/>
    </row>
    <row r="548360" spans="8:8">
      <c r="H548360" s="12"/>
    </row>
    <row r="548361" spans="8:8">
      <c r="H548361" s="12"/>
    </row>
    <row r="548362" spans="8:8">
      <c r="H548362" s="12"/>
    </row>
    <row r="548363" spans="8:8">
      <c r="H548363" s="12"/>
    </row>
    <row r="548364" spans="8:8">
      <c r="H548364" s="12"/>
    </row>
    <row r="548365" spans="8:8">
      <c r="H548365" s="12"/>
    </row>
    <row r="548366" spans="8:8">
      <c r="H548366" s="12"/>
    </row>
    <row r="548367" spans="8:8">
      <c r="H548367" s="12"/>
    </row>
    <row r="548368" spans="8:8">
      <c r="H548368" s="12"/>
    </row>
    <row r="548369" spans="8:8">
      <c r="H548369" s="12"/>
    </row>
    <row r="548370" spans="8:8">
      <c r="H548370" s="12"/>
    </row>
    <row r="548371" spans="8:8">
      <c r="H548371" s="12"/>
    </row>
    <row r="548372" spans="8:8">
      <c r="H548372" s="12"/>
    </row>
    <row r="548373" spans="8:8">
      <c r="H548373" s="12"/>
    </row>
    <row r="548374" spans="8:8">
      <c r="H548374" s="12"/>
    </row>
    <row r="548375" spans="8:8">
      <c r="H548375" s="12"/>
    </row>
    <row r="548376" spans="8:8">
      <c r="H548376" s="12"/>
    </row>
    <row r="548377" spans="8:8">
      <c r="H548377" s="12"/>
    </row>
    <row r="548378" spans="8:8">
      <c r="H548378" s="12"/>
    </row>
    <row r="548379" spans="8:8">
      <c r="H548379" s="12"/>
    </row>
    <row r="548380" spans="8:8">
      <c r="H548380" s="12"/>
    </row>
    <row r="548381" spans="8:8">
      <c r="H548381" s="12"/>
    </row>
    <row r="548382" spans="8:8">
      <c r="H548382" s="12"/>
    </row>
    <row r="548383" spans="8:8">
      <c r="H548383" s="12"/>
    </row>
    <row r="548384" spans="8:8">
      <c r="H548384" s="12"/>
    </row>
    <row r="548385" spans="8:8">
      <c r="H548385" s="12"/>
    </row>
    <row r="548386" spans="8:8">
      <c r="H548386" s="12"/>
    </row>
    <row r="548387" spans="8:8">
      <c r="H548387" s="12"/>
    </row>
    <row r="548388" spans="8:8">
      <c r="H548388" s="12"/>
    </row>
    <row r="548389" spans="8:8">
      <c r="H548389" s="12"/>
    </row>
    <row r="548390" spans="8:8">
      <c r="H548390" s="12"/>
    </row>
    <row r="548391" spans="8:8">
      <c r="H548391" s="12"/>
    </row>
    <row r="548392" spans="8:8">
      <c r="H548392" s="12"/>
    </row>
    <row r="548393" spans="8:8">
      <c r="H548393" s="12"/>
    </row>
    <row r="548394" spans="8:8">
      <c r="H548394" s="12"/>
    </row>
    <row r="548395" spans="8:8">
      <c r="H548395" s="12"/>
    </row>
    <row r="548396" spans="8:8">
      <c r="H548396" s="12"/>
    </row>
    <row r="548397" spans="8:8">
      <c r="H548397" s="12"/>
    </row>
    <row r="548398" spans="8:8">
      <c r="H548398" s="12"/>
    </row>
    <row r="548399" spans="8:8">
      <c r="H548399" s="12"/>
    </row>
    <row r="548400" spans="8:8">
      <c r="H548400" s="12"/>
    </row>
    <row r="548401" spans="8:8">
      <c r="H548401" s="12"/>
    </row>
    <row r="548402" spans="8:8">
      <c r="H548402" s="12"/>
    </row>
    <row r="548403" spans="8:8">
      <c r="H548403" s="12"/>
    </row>
    <row r="548404" spans="8:8">
      <c r="H548404" s="12"/>
    </row>
    <row r="548405" spans="8:8">
      <c r="H548405" s="12"/>
    </row>
    <row r="548406" spans="8:8">
      <c r="H548406" s="12"/>
    </row>
    <row r="548407" spans="8:8">
      <c r="H548407" s="12"/>
    </row>
    <row r="548408" spans="8:8">
      <c r="H548408" s="12"/>
    </row>
    <row r="548409" spans="8:8">
      <c r="H548409" s="12"/>
    </row>
    <row r="548410" spans="8:8">
      <c r="H548410" s="12"/>
    </row>
    <row r="548411" spans="8:8">
      <c r="H548411" s="12"/>
    </row>
    <row r="548412" spans="8:8">
      <c r="H548412" s="12"/>
    </row>
    <row r="548413" spans="8:8">
      <c r="H548413" s="12"/>
    </row>
    <row r="548414" spans="8:8">
      <c r="H548414" s="12"/>
    </row>
    <row r="548415" spans="8:8">
      <c r="H548415" s="12"/>
    </row>
    <row r="548416" spans="8:8">
      <c r="H548416" s="12"/>
    </row>
    <row r="548417" spans="8:8">
      <c r="H548417" s="12"/>
    </row>
    <row r="548418" spans="8:8">
      <c r="H548418" s="12"/>
    </row>
    <row r="548419" spans="8:8">
      <c r="H548419" s="12"/>
    </row>
    <row r="548420" spans="8:8">
      <c r="H548420" s="12"/>
    </row>
    <row r="548421" spans="8:8">
      <c r="H548421" s="12"/>
    </row>
    <row r="548422" spans="8:8">
      <c r="H548422" s="12"/>
    </row>
    <row r="548423" spans="8:8">
      <c r="H548423" s="12"/>
    </row>
    <row r="548424" spans="8:8">
      <c r="H548424" s="12"/>
    </row>
    <row r="548425" spans="8:8">
      <c r="H548425" s="12"/>
    </row>
    <row r="548426" spans="8:8">
      <c r="H548426" s="12"/>
    </row>
    <row r="548427" spans="8:8">
      <c r="H548427" s="12"/>
    </row>
    <row r="548428" spans="8:8">
      <c r="H548428" s="12"/>
    </row>
    <row r="548429" spans="8:8">
      <c r="H548429" s="12"/>
    </row>
    <row r="548430" spans="8:8">
      <c r="H548430" s="12"/>
    </row>
    <row r="548431" spans="8:8">
      <c r="H548431" s="12"/>
    </row>
    <row r="548432" spans="8:8">
      <c r="H548432" s="12"/>
    </row>
    <row r="548433" spans="8:8">
      <c r="H548433" s="12"/>
    </row>
    <row r="548434" spans="8:8">
      <c r="H548434" s="12"/>
    </row>
    <row r="548435" spans="8:8">
      <c r="H548435" s="12"/>
    </row>
    <row r="548436" spans="8:8">
      <c r="H548436" s="12"/>
    </row>
    <row r="548437" spans="8:8">
      <c r="H548437" s="12"/>
    </row>
    <row r="548438" spans="8:8">
      <c r="H548438" s="12"/>
    </row>
    <row r="548439" spans="8:8">
      <c r="H548439" s="12"/>
    </row>
    <row r="548440" spans="8:8">
      <c r="H548440" s="12"/>
    </row>
    <row r="548441" spans="8:8">
      <c r="H548441" s="12"/>
    </row>
    <row r="548442" spans="8:8">
      <c r="H548442" s="12"/>
    </row>
    <row r="548443" spans="8:8">
      <c r="H548443" s="12"/>
    </row>
    <row r="548444" spans="8:8">
      <c r="H548444" s="12"/>
    </row>
    <row r="548445" spans="8:8">
      <c r="H548445" s="12"/>
    </row>
    <row r="548446" spans="8:8">
      <c r="H548446" s="12"/>
    </row>
    <row r="548447" spans="8:8">
      <c r="H548447" s="12"/>
    </row>
    <row r="548448" spans="8:8">
      <c r="H548448" s="12"/>
    </row>
    <row r="548449" spans="8:8">
      <c r="H548449" s="12"/>
    </row>
    <row r="548450" spans="8:8">
      <c r="H548450" s="12"/>
    </row>
    <row r="548451" spans="8:8">
      <c r="H548451" s="12"/>
    </row>
    <row r="548452" spans="8:8">
      <c r="H548452" s="12"/>
    </row>
    <row r="548453" spans="8:8">
      <c r="H548453" s="12"/>
    </row>
    <row r="548454" spans="8:8">
      <c r="H548454" s="12"/>
    </row>
    <row r="548455" spans="8:8">
      <c r="H548455" s="12"/>
    </row>
    <row r="548456" spans="8:8">
      <c r="H548456" s="12"/>
    </row>
    <row r="548457" spans="8:8">
      <c r="H548457" s="12"/>
    </row>
    <row r="548458" spans="8:8">
      <c r="H548458" s="12"/>
    </row>
    <row r="548459" spans="8:8">
      <c r="H548459" s="12"/>
    </row>
    <row r="548460" spans="8:8">
      <c r="H548460" s="12"/>
    </row>
    <row r="548461" spans="8:8">
      <c r="H548461" s="12"/>
    </row>
    <row r="548462" spans="8:8">
      <c r="H548462" s="12"/>
    </row>
    <row r="548463" spans="8:8">
      <c r="H548463" s="12"/>
    </row>
    <row r="548464" spans="8:8">
      <c r="H548464" s="12"/>
    </row>
    <row r="548465" spans="8:8">
      <c r="H548465" s="12"/>
    </row>
    <row r="548466" spans="8:8">
      <c r="H548466" s="12"/>
    </row>
    <row r="548467" spans="8:8">
      <c r="H548467" s="12"/>
    </row>
    <row r="548468" spans="8:8">
      <c r="H548468" s="12"/>
    </row>
    <row r="548469" spans="8:8">
      <c r="H548469" s="12"/>
    </row>
    <row r="548470" spans="8:8">
      <c r="H548470" s="12"/>
    </row>
    <row r="548471" spans="8:8">
      <c r="H548471" s="12"/>
    </row>
    <row r="548472" spans="8:8">
      <c r="H548472" s="12"/>
    </row>
    <row r="548473" spans="8:8">
      <c r="H548473" s="12"/>
    </row>
    <row r="548474" spans="8:8">
      <c r="H548474" s="12"/>
    </row>
    <row r="548475" spans="8:8">
      <c r="H548475" s="12"/>
    </row>
    <row r="548476" spans="8:8">
      <c r="H548476" s="12"/>
    </row>
    <row r="548477" spans="8:8">
      <c r="H548477" s="12"/>
    </row>
    <row r="548478" spans="8:8">
      <c r="H548478" s="12"/>
    </row>
    <row r="548479" spans="8:8">
      <c r="H548479" s="12"/>
    </row>
    <row r="548480" spans="8:8">
      <c r="H548480" s="12"/>
    </row>
    <row r="548481" spans="8:8">
      <c r="H548481" s="12"/>
    </row>
    <row r="548482" spans="8:8">
      <c r="H548482" s="12"/>
    </row>
    <row r="548483" spans="8:8">
      <c r="H548483" s="12"/>
    </row>
    <row r="548484" spans="8:8">
      <c r="H548484" s="12"/>
    </row>
    <row r="548485" spans="8:8">
      <c r="H548485" s="12"/>
    </row>
    <row r="548486" spans="8:8">
      <c r="H548486" s="12"/>
    </row>
    <row r="548487" spans="8:8">
      <c r="H548487" s="12"/>
    </row>
    <row r="548488" spans="8:8">
      <c r="H548488" s="12"/>
    </row>
    <row r="548489" spans="8:8">
      <c r="H548489" s="12"/>
    </row>
    <row r="548490" spans="8:8">
      <c r="H548490" s="12"/>
    </row>
    <row r="548491" spans="8:8">
      <c r="H548491" s="12"/>
    </row>
    <row r="548492" spans="8:8">
      <c r="H548492" s="12"/>
    </row>
    <row r="548493" spans="8:8">
      <c r="H548493" s="12"/>
    </row>
    <row r="548494" spans="8:8">
      <c r="H548494" s="12"/>
    </row>
    <row r="548495" spans="8:8">
      <c r="H548495" s="12"/>
    </row>
    <row r="548496" spans="8:8">
      <c r="H548496" s="12"/>
    </row>
    <row r="548497" spans="8:8">
      <c r="H548497" s="12"/>
    </row>
    <row r="548498" spans="8:8">
      <c r="H548498" s="12"/>
    </row>
    <row r="548499" spans="8:8">
      <c r="H548499" s="12"/>
    </row>
    <row r="548500" spans="8:8">
      <c r="H548500" s="12"/>
    </row>
    <row r="548501" spans="8:8">
      <c r="H548501" s="12"/>
    </row>
    <row r="548502" spans="8:8">
      <c r="H548502" s="12"/>
    </row>
    <row r="548503" spans="8:8">
      <c r="H548503" s="12"/>
    </row>
    <row r="548504" spans="8:8">
      <c r="H548504" s="12"/>
    </row>
    <row r="548505" spans="8:8">
      <c r="H548505" s="12"/>
    </row>
    <row r="548506" spans="8:8">
      <c r="H548506" s="12"/>
    </row>
    <row r="548507" spans="8:8">
      <c r="H548507" s="12"/>
    </row>
    <row r="548508" spans="8:8">
      <c r="H548508" s="12"/>
    </row>
    <row r="548509" spans="8:8">
      <c r="H548509" s="12"/>
    </row>
    <row r="548510" spans="8:8">
      <c r="H548510" s="12"/>
    </row>
    <row r="548511" spans="8:8">
      <c r="H548511" s="12"/>
    </row>
    <row r="548512" spans="8:8">
      <c r="H548512" s="12"/>
    </row>
    <row r="548513" spans="8:8">
      <c r="H548513" s="12"/>
    </row>
    <row r="548514" spans="8:8">
      <c r="H548514" s="12"/>
    </row>
    <row r="548515" spans="8:8">
      <c r="H548515" s="12"/>
    </row>
    <row r="548516" spans="8:8">
      <c r="H548516" s="12"/>
    </row>
    <row r="548517" spans="8:8">
      <c r="H548517" s="12"/>
    </row>
    <row r="548518" spans="8:8">
      <c r="H548518" s="12"/>
    </row>
    <row r="548519" spans="8:8">
      <c r="H548519" s="12"/>
    </row>
    <row r="548520" spans="8:8">
      <c r="H548520" s="12"/>
    </row>
    <row r="548521" spans="8:8">
      <c r="H548521" s="12"/>
    </row>
    <row r="548522" spans="8:8">
      <c r="H548522" s="12"/>
    </row>
    <row r="548523" spans="8:8">
      <c r="H548523" s="12"/>
    </row>
    <row r="548524" spans="8:8">
      <c r="H548524" s="12"/>
    </row>
    <row r="548525" spans="8:8">
      <c r="H548525" s="12"/>
    </row>
    <row r="548526" spans="8:8">
      <c r="H548526" s="12"/>
    </row>
    <row r="548527" spans="8:8">
      <c r="H548527" s="12"/>
    </row>
    <row r="548528" spans="8:8">
      <c r="H548528" s="12"/>
    </row>
    <row r="548529" spans="8:8">
      <c r="H548529" s="12"/>
    </row>
    <row r="548530" spans="8:8">
      <c r="H548530" s="12"/>
    </row>
    <row r="548531" spans="8:8">
      <c r="H548531" s="12"/>
    </row>
    <row r="548532" spans="8:8">
      <c r="H548532" s="12"/>
    </row>
    <row r="548533" spans="8:8">
      <c r="H548533" s="12"/>
    </row>
    <row r="548534" spans="8:8">
      <c r="H548534" s="12"/>
    </row>
    <row r="548535" spans="8:8">
      <c r="H548535" s="12"/>
    </row>
    <row r="548536" spans="8:8">
      <c r="H548536" s="12"/>
    </row>
    <row r="548537" spans="8:8">
      <c r="H548537" s="12"/>
    </row>
    <row r="548538" spans="8:8">
      <c r="H548538" s="12"/>
    </row>
    <row r="548539" spans="8:8">
      <c r="H548539" s="12"/>
    </row>
    <row r="548540" spans="8:8">
      <c r="H548540" s="12"/>
    </row>
    <row r="548541" spans="8:8">
      <c r="H548541" s="12"/>
    </row>
    <row r="548542" spans="8:8">
      <c r="H548542" s="12"/>
    </row>
    <row r="548543" spans="8:8">
      <c r="H548543" s="12"/>
    </row>
    <row r="548544" spans="8:8">
      <c r="H548544" s="12"/>
    </row>
    <row r="548545" spans="8:8">
      <c r="H548545" s="12"/>
    </row>
    <row r="548546" spans="8:8">
      <c r="H548546" s="12"/>
    </row>
    <row r="548547" spans="8:8">
      <c r="H548547" s="12"/>
    </row>
    <row r="548548" spans="8:8">
      <c r="H548548" s="12"/>
    </row>
    <row r="548549" spans="8:8">
      <c r="H548549" s="12"/>
    </row>
    <row r="548550" spans="8:8">
      <c r="H548550" s="12"/>
    </row>
    <row r="548551" spans="8:8">
      <c r="H548551" s="12"/>
    </row>
    <row r="548552" spans="8:8">
      <c r="H548552" s="12"/>
    </row>
    <row r="548553" spans="8:8">
      <c r="H548553" s="12"/>
    </row>
    <row r="548554" spans="8:8">
      <c r="H548554" s="12"/>
    </row>
    <row r="548555" spans="8:8">
      <c r="H548555" s="12"/>
    </row>
    <row r="548556" spans="8:8">
      <c r="H548556" s="12"/>
    </row>
    <row r="548557" spans="8:8">
      <c r="H548557" s="12"/>
    </row>
    <row r="548558" spans="8:8">
      <c r="H548558" s="12"/>
    </row>
    <row r="548559" spans="8:8">
      <c r="H548559" s="12"/>
    </row>
    <row r="548560" spans="8:8">
      <c r="H548560" s="12"/>
    </row>
    <row r="548561" spans="8:8">
      <c r="H548561" s="12"/>
    </row>
    <row r="548562" spans="8:8">
      <c r="H548562" s="12"/>
    </row>
    <row r="548563" spans="8:8">
      <c r="H548563" s="12"/>
    </row>
    <row r="548564" spans="8:8">
      <c r="H548564" s="12"/>
    </row>
    <row r="548565" spans="8:8">
      <c r="H548565" s="12"/>
    </row>
    <row r="548566" spans="8:8">
      <c r="H548566" s="12"/>
    </row>
    <row r="548567" spans="8:8">
      <c r="H548567" s="12"/>
    </row>
    <row r="548568" spans="8:8">
      <c r="H548568" s="12"/>
    </row>
    <row r="548569" spans="8:8">
      <c r="H548569" s="12"/>
    </row>
    <row r="548570" spans="8:8">
      <c r="H548570" s="12"/>
    </row>
    <row r="548571" spans="8:8">
      <c r="H548571" s="12"/>
    </row>
    <row r="548572" spans="8:8">
      <c r="H548572" s="12"/>
    </row>
    <row r="548573" spans="8:8">
      <c r="H548573" s="12"/>
    </row>
    <row r="548574" spans="8:8">
      <c r="H548574" s="12"/>
    </row>
    <row r="548575" spans="8:8">
      <c r="H548575" s="12"/>
    </row>
    <row r="548576" spans="8:8">
      <c r="H548576" s="12"/>
    </row>
    <row r="548577" spans="8:8">
      <c r="H548577" s="12"/>
    </row>
    <row r="548578" spans="8:8">
      <c r="H548578" s="12"/>
    </row>
    <row r="548579" spans="8:8">
      <c r="H548579" s="12"/>
    </row>
    <row r="548580" spans="8:8">
      <c r="H548580" s="12"/>
    </row>
    <row r="548581" spans="8:8">
      <c r="H548581" s="12"/>
    </row>
    <row r="548582" spans="8:8">
      <c r="H548582" s="12"/>
    </row>
    <row r="548583" spans="8:8">
      <c r="H548583" s="12"/>
    </row>
    <row r="548584" spans="8:8">
      <c r="H548584" s="12"/>
    </row>
    <row r="548585" spans="8:8">
      <c r="H548585" s="12"/>
    </row>
    <row r="548586" spans="8:8">
      <c r="H548586" s="12"/>
    </row>
    <row r="548587" spans="8:8">
      <c r="H548587" s="12"/>
    </row>
    <row r="548588" spans="8:8">
      <c r="H548588" s="12"/>
    </row>
    <row r="548589" spans="8:8">
      <c r="H548589" s="12"/>
    </row>
    <row r="548590" spans="8:8">
      <c r="H548590" s="12"/>
    </row>
    <row r="548591" spans="8:8">
      <c r="H548591" s="12"/>
    </row>
    <row r="548592" spans="8:8">
      <c r="H548592" s="12"/>
    </row>
    <row r="548593" spans="8:8">
      <c r="H548593" s="12"/>
    </row>
    <row r="548594" spans="8:8">
      <c r="H548594" s="12"/>
    </row>
    <row r="548595" spans="8:8">
      <c r="H548595" s="12"/>
    </row>
    <row r="548596" spans="8:8">
      <c r="H548596" s="12"/>
    </row>
    <row r="548597" spans="8:8">
      <c r="H548597" s="12"/>
    </row>
    <row r="548598" spans="8:8">
      <c r="H548598" s="12"/>
    </row>
    <row r="548599" spans="8:8">
      <c r="H548599" s="12"/>
    </row>
    <row r="548600" spans="8:8">
      <c r="H548600" s="12"/>
    </row>
    <row r="548601" spans="8:8">
      <c r="H548601" s="12"/>
    </row>
    <row r="548602" spans="8:8">
      <c r="H548602" s="12"/>
    </row>
    <row r="548603" spans="8:8">
      <c r="H548603" s="12"/>
    </row>
    <row r="548604" spans="8:8">
      <c r="H548604" s="12"/>
    </row>
    <row r="548605" spans="8:8">
      <c r="H548605" s="12"/>
    </row>
    <row r="548606" spans="8:8">
      <c r="H548606" s="12"/>
    </row>
    <row r="548607" spans="8:8">
      <c r="H548607" s="12"/>
    </row>
    <row r="548608" spans="8:8">
      <c r="H548608" s="12"/>
    </row>
    <row r="548609" spans="8:8">
      <c r="H548609" s="12"/>
    </row>
    <row r="548610" spans="8:8">
      <c r="H548610" s="12"/>
    </row>
    <row r="548611" spans="8:8">
      <c r="H548611" s="12"/>
    </row>
    <row r="548612" spans="8:8">
      <c r="H548612" s="12"/>
    </row>
    <row r="548613" spans="8:8">
      <c r="H548613" s="12"/>
    </row>
    <row r="548614" spans="8:8">
      <c r="H548614" s="12"/>
    </row>
    <row r="548615" spans="8:8">
      <c r="H548615" s="12"/>
    </row>
    <row r="548616" spans="8:8">
      <c r="H548616" s="12"/>
    </row>
    <row r="548617" spans="8:8">
      <c r="H548617" s="12"/>
    </row>
    <row r="548618" spans="8:8">
      <c r="H548618" s="12"/>
    </row>
    <row r="548619" spans="8:8">
      <c r="H548619" s="12"/>
    </row>
    <row r="548620" spans="8:8">
      <c r="H548620" s="12"/>
    </row>
    <row r="548621" spans="8:8">
      <c r="H548621" s="12"/>
    </row>
    <row r="548622" spans="8:8">
      <c r="H548622" s="12"/>
    </row>
    <row r="548623" spans="8:8">
      <c r="H548623" s="12"/>
    </row>
    <row r="548624" spans="8:8">
      <c r="H548624" s="12"/>
    </row>
    <row r="548625" spans="8:8">
      <c r="H548625" s="12"/>
    </row>
    <row r="548626" spans="8:8">
      <c r="H548626" s="12"/>
    </row>
    <row r="548627" spans="8:8">
      <c r="H548627" s="12"/>
    </row>
    <row r="548628" spans="8:8">
      <c r="H548628" s="12"/>
    </row>
    <row r="548629" spans="8:8">
      <c r="H548629" s="12"/>
    </row>
    <row r="548630" spans="8:8">
      <c r="H548630" s="12"/>
    </row>
    <row r="548631" spans="8:8">
      <c r="H548631" s="12"/>
    </row>
    <row r="548632" spans="8:8">
      <c r="H548632" s="12"/>
    </row>
    <row r="548633" spans="8:8">
      <c r="H548633" s="12"/>
    </row>
    <row r="548634" spans="8:8">
      <c r="H548634" s="12"/>
    </row>
    <row r="548635" spans="8:8">
      <c r="H548635" s="12"/>
    </row>
    <row r="548636" spans="8:8">
      <c r="H548636" s="12"/>
    </row>
    <row r="548637" spans="8:8">
      <c r="H548637" s="12"/>
    </row>
    <row r="548638" spans="8:8">
      <c r="H548638" s="12"/>
    </row>
    <row r="548639" spans="8:8">
      <c r="H548639" s="12"/>
    </row>
    <row r="548640" spans="8:8">
      <c r="H548640" s="12"/>
    </row>
    <row r="548641" spans="8:8">
      <c r="H548641" s="12"/>
    </row>
    <row r="548642" spans="8:8">
      <c r="H548642" s="12"/>
    </row>
    <row r="548643" spans="8:8">
      <c r="H548643" s="12"/>
    </row>
    <row r="548644" spans="8:8">
      <c r="H548644" s="12"/>
    </row>
    <row r="548645" spans="8:8">
      <c r="H548645" s="12"/>
    </row>
    <row r="548646" spans="8:8">
      <c r="H548646" s="12"/>
    </row>
    <row r="548647" spans="8:8">
      <c r="H548647" s="12"/>
    </row>
    <row r="548648" spans="8:8">
      <c r="H548648" s="12"/>
    </row>
    <row r="548649" spans="8:8">
      <c r="H548649" s="12"/>
    </row>
    <row r="548650" spans="8:8">
      <c r="H548650" s="12"/>
    </row>
    <row r="548651" spans="8:8">
      <c r="H548651" s="12"/>
    </row>
    <row r="548652" spans="8:8">
      <c r="H548652" s="12"/>
    </row>
    <row r="548653" spans="8:8">
      <c r="H548653" s="12"/>
    </row>
    <row r="548654" spans="8:8">
      <c r="H548654" s="12"/>
    </row>
    <row r="548655" spans="8:8">
      <c r="H548655" s="12"/>
    </row>
    <row r="548656" spans="8:8">
      <c r="H548656" s="12"/>
    </row>
    <row r="548657" spans="8:8">
      <c r="H548657" s="12"/>
    </row>
    <row r="548658" spans="8:8">
      <c r="H548658" s="12"/>
    </row>
    <row r="548659" spans="8:8">
      <c r="H548659" s="12"/>
    </row>
    <row r="548660" spans="8:8">
      <c r="H548660" s="12"/>
    </row>
    <row r="548661" spans="8:8">
      <c r="H548661" s="12"/>
    </row>
    <row r="548662" spans="8:8">
      <c r="H548662" s="12"/>
    </row>
    <row r="548663" spans="8:8">
      <c r="H548663" s="12"/>
    </row>
    <row r="548664" spans="8:8">
      <c r="H548664" s="12"/>
    </row>
    <row r="548665" spans="8:8">
      <c r="H548665" s="12"/>
    </row>
    <row r="548666" spans="8:8">
      <c r="H548666" s="12"/>
    </row>
    <row r="548667" spans="8:8">
      <c r="H548667" s="12"/>
    </row>
    <row r="548668" spans="8:8">
      <c r="H548668" s="12"/>
    </row>
    <row r="548669" spans="8:8">
      <c r="H548669" s="12"/>
    </row>
    <row r="548670" spans="8:8">
      <c r="H548670" s="12"/>
    </row>
    <row r="548671" spans="8:8">
      <c r="H548671" s="12"/>
    </row>
    <row r="548672" spans="8:8">
      <c r="H548672" s="12"/>
    </row>
    <row r="548673" spans="8:8">
      <c r="H548673" s="12"/>
    </row>
    <row r="548674" spans="8:8">
      <c r="H548674" s="12"/>
    </row>
    <row r="548675" spans="8:8">
      <c r="H548675" s="12"/>
    </row>
    <row r="548676" spans="8:8">
      <c r="H548676" s="12"/>
    </row>
    <row r="548677" spans="8:8">
      <c r="H548677" s="12"/>
    </row>
    <row r="548678" spans="8:8">
      <c r="H548678" s="12"/>
    </row>
    <row r="548679" spans="8:8">
      <c r="H548679" s="12"/>
    </row>
    <row r="548680" spans="8:8">
      <c r="H548680" s="12"/>
    </row>
    <row r="548681" spans="8:8">
      <c r="H548681" s="12"/>
    </row>
    <row r="548682" spans="8:8">
      <c r="H548682" s="12"/>
    </row>
    <row r="548683" spans="8:8">
      <c r="H548683" s="12"/>
    </row>
    <row r="548684" spans="8:8">
      <c r="H548684" s="12"/>
    </row>
    <row r="548685" spans="8:8">
      <c r="H548685" s="12"/>
    </row>
    <row r="548686" spans="8:8">
      <c r="H548686" s="12"/>
    </row>
    <row r="548687" spans="8:8">
      <c r="H548687" s="12"/>
    </row>
    <row r="548688" spans="8:8">
      <c r="H548688" s="12"/>
    </row>
    <row r="548689" spans="8:8">
      <c r="H548689" s="12"/>
    </row>
    <row r="548690" spans="8:8">
      <c r="H548690" s="12"/>
    </row>
    <row r="548691" spans="8:8">
      <c r="H548691" s="12"/>
    </row>
    <row r="548692" spans="8:8">
      <c r="H548692" s="12"/>
    </row>
    <row r="548693" spans="8:8">
      <c r="H548693" s="12"/>
    </row>
    <row r="548694" spans="8:8">
      <c r="H548694" s="12"/>
    </row>
    <row r="548695" spans="8:8">
      <c r="H548695" s="12"/>
    </row>
    <row r="548696" spans="8:8">
      <c r="H548696" s="12"/>
    </row>
    <row r="548697" spans="8:8">
      <c r="H548697" s="12"/>
    </row>
    <row r="548698" spans="8:8">
      <c r="H548698" s="12"/>
    </row>
    <row r="548699" spans="8:8">
      <c r="H548699" s="12"/>
    </row>
    <row r="548700" spans="8:8">
      <c r="H548700" s="12"/>
    </row>
    <row r="548701" spans="8:8">
      <c r="H548701" s="12"/>
    </row>
    <row r="548702" spans="8:8">
      <c r="H548702" s="12"/>
    </row>
    <row r="548703" spans="8:8">
      <c r="H548703" s="12"/>
    </row>
    <row r="548704" spans="8:8">
      <c r="H548704" s="12"/>
    </row>
    <row r="548705" spans="8:8">
      <c r="H548705" s="12"/>
    </row>
    <row r="548706" spans="8:8">
      <c r="H548706" s="12"/>
    </row>
    <row r="548707" spans="8:8">
      <c r="H548707" s="12"/>
    </row>
    <row r="548708" spans="8:8">
      <c r="H548708" s="12"/>
    </row>
    <row r="548709" spans="8:8">
      <c r="H548709" s="12"/>
    </row>
    <row r="548710" spans="8:8">
      <c r="H548710" s="12"/>
    </row>
    <row r="548711" spans="8:8">
      <c r="H548711" s="12"/>
    </row>
    <row r="548712" spans="8:8">
      <c r="H548712" s="12"/>
    </row>
    <row r="548713" spans="8:8">
      <c r="H548713" s="12"/>
    </row>
    <row r="548714" spans="8:8">
      <c r="H548714" s="12"/>
    </row>
    <row r="548715" spans="8:8">
      <c r="H548715" s="12"/>
    </row>
    <row r="548716" spans="8:8">
      <c r="H548716" s="12"/>
    </row>
    <row r="548717" spans="8:8">
      <c r="H548717" s="12"/>
    </row>
    <row r="548718" spans="8:8">
      <c r="H548718" s="12"/>
    </row>
    <row r="548719" spans="8:8">
      <c r="H548719" s="12"/>
    </row>
    <row r="548720" spans="8:8">
      <c r="H548720" s="12"/>
    </row>
    <row r="548721" spans="8:8">
      <c r="H548721" s="12"/>
    </row>
    <row r="548722" spans="8:8">
      <c r="H548722" s="12"/>
    </row>
    <row r="548723" spans="8:8">
      <c r="H548723" s="12"/>
    </row>
    <row r="548724" spans="8:8">
      <c r="H548724" s="12"/>
    </row>
    <row r="548725" spans="8:8">
      <c r="H548725" s="12"/>
    </row>
    <row r="548726" spans="8:8">
      <c r="H548726" s="12"/>
    </row>
    <row r="548727" spans="8:8">
      <c r="H548727" s="12"/>
    </row>
    <row r="548728" spans="8:8">
      <c r="H548728" s="12"/>
    </row>
    <row r="548729" spans="8:8">
      <c r="H548729" s="12"/>
    </row>
    <row r="548730" spans="8:8">
      <c r="H548730" s="12"/>
    </row>
    <row r="548731" spans="8:8">
      <c r="H548731" s="12"/>
    </row>
    <row r="548732" spans="8:8">
      <c r="H548732" s="12"/>
    </row>
    <row r="548733" spans="8:8">
      <c r="H548733" s="12"/>
    </row>
    <row r="548734" spans="8:8">
      <c r="H548734" s="12"/>
    </row>
    <row r="548735" spans="8:8">
      <c r="H548735" s="12"/>
    </row>
    <row r="548736" spans="8:8">
      <c r="H548736" s="12"/>
    </row>
    <row r="548737" spans="8:8">
      <c r="H548737" s="12"/>
    </row>
    <row r="548738" spans="8:8">
      <c r="H548738" s="12"/>
    </row>
    <row r="548739" spans="8:8">
      <c r="H548739" s="12"/>
    </row>
    <row r="548740" spans="8:8">
      <c r="H548740" s="12"/>
    </row>
    <row r="548741" spans="8:8">
      <c r="H548741" s="12"/>
    </row>
    <row r="548742" spans="8:8">
      <c r="H548742" s="12"/>
    </row>
    <row r="548743" spans="8:8">
      <c r="H548743" s="12"/>
    </row>
    <row r="548744" spans="8:8">
      <c r="H548744" s="12"/>
    </row>
    <row r="548745" spans="8:8">
      <c r="H548745" s="12"/>
    </row>
    <row r="548746" spans="8:8">
      <c r="H548746" s="12"/>
    </row>
    <row r="548747" spans="8:8">
      <c r="H548747" s="12"/>
    </row>
    <row r="548748" spans="8:8">
      <c r="H548748" s="12"/>
    </row>
    <row r="548749" spans="8:8">
      <c r="H548749" s="12"/>
    </row>
    <row r="548750" spans="8:8">
      <c r="H548750" s="12"/>
    </row>
    <row r="548751" spans="8:8">
      <c r="H548751" s="12"/>
    </row>
    <row r="548752" spans="8:8">
      <c r="H548752" s="12"/>
    </row>
    <row r="548753" spans="8:8">
      <c r="H548753" s="12"/>
    </row>
    <row r="548754" spans="8:8">
      <c r="H548754" s="12"/>
    </row>
    <row r="548755" spans="8:8">
      <c r="H548755" s="12"/>
    </row>
    <row r="548756" spans="8:8">
      <c r="H548756" s="12"/>
    </row>
    <row r="548757" spans="8:8">
      <c r="H548757" s="12"/>
    </row>
    <row r="548758" spans="8:8">
      <c r="H548758" s="12"/>
    </row>
    <row r="548759" spans="8:8">
      <c r="H548759" s="12"/>
    </row>
    <row r="548760" spans="8:8">
      <c r="H548760" s="12"/>
    </row>
    <row r="548761" spans="8:8">
      <c r="H548761" s="12"/>
    </row>
    <row r="548762" spans="8:8">
      <c r="H548762" s="12"/>
    </row>
    <row r="548763" spans="8:8">
      <c r="H548763" s="12"/>
    </row>
    <row r="548764" spans="8:8">
      <c r="H548764" s="12"/>
    </row>
    <row r="548765" spans="8:8">
      <c r="H548765" s="12"/>
    </row>
    <row r="548766" spans="8:8">
      <c r="H548766" s="12"/>
    </row>
    <row r="548767" spans="8:8">
      <c r="H548767" s="12"/>
    </row>
    <row r="548768" spans="8:8">
      <c r="H548768" s="12"/>
    </row>
    <row r="548769" spans="8:8">
      <c r="H548769" s="12"/>
    </row>
    <row r="548770" spans="8:8">
      <c r="H548770" s="12"/>
    </row>
    <row r="548771" spans="8:8">
      <c r="H548771" s="12"/>
    </row>
    <row r="548772" spans="8:8">
      <c r="H548772" s="12"/>
    </row>
    <row r="548773" spans="8:8">
      <c r="H548773" s="12"/>
    </row>
    <row r="548774" spans="8:8">
      <c r="H548774" s="12"/>
    </row>
    <row r="548775" spans="8:8">
      <c r="H548775" s="12"/>
    </row>
    <row r="548776" spans="8:8">
      <c r="H548776" s="12"/>
    </row>
    <row r="548777" spans="8:8">
      <c r="H548777" s="12"/>
    </row>
    <row r="548778" spans="8:8">
      <c r="H548778" s="12"/>
    </row>
    <row r="548779" spans="8:8">
      <c r="H548779" s="12"/>
    </row>
    <row r="548780" spans="8:8">
      <c r="H548780" s="12"/>
    </row>
    <row r="548781" spans="8:8">
      <c r="H548781" s="12"/>
    </row>
    <row r="548782" spans="8:8">
      <c r="H548782" s="12"/>
    </row>
    <row r="548783" spans="8:8">
      <c r="H548783" s="12"/>
    </row>
    <row r="548784" spans="8:8">
      <c r="H548784" s="12"/>
    </row>
    <row r="548785" spans="8:8">
      <c r="H548785" s="12"/>
    </row>
    <row r="548786" spans="8:8">
      <c r="H548786" s="12"/>
    </row>
    <row r="548787" spans="8:8">
      <c r="H548787" s="12"/>
    </row>
    <row r="548788" spans="8:8">
      <c r="H548788" s="12"/>
    </row>
    <row r="548789" spans="8:8">
      <c r="H548789" s="12"/>
    </row>
    <row r="548790" spans="8:8">
      <c r="H548790" s="12"/>
    </row>
    <row r="548791" spans="8:8">
      <c r="H548791" s="12"/>
    </row>
    <row r="548792" spans="8:8">
      <c r="H548792" s="12"/>
    </row>
    <row r="548793" spans="8:8">
      <c r="H548793" s="12"/>
    </row>
    <row r="548794" spans="8:8">
      <c r="H548794" s="12"/>
    </row>
    <row r="548795" spans="8:8">
      <c r="H548795" s="12"/>
    </row>
    <row r="548796" spans="8:8">
      <c r="H548796" s="12"/>
    </row>
    <row r="548797" spans="8:8">
      <c r="H548797" s="12"/>
    </row>
    <row r="548798" spans="8:8">
      <c r="H548798" s="12"/>
    </row>
    <row r="548799" spans="8:8">
      <c r="H548799" s="12"/>
    </row>
    <row r="548800" spans="8:8">
      <c r="H548800" s="12"/>
    </row>
    <row r="548801" spans="8:8">
      <c r="H548801" s="12"/>
    </row>
    <row r="548802" spans="8:8">
      <c r="H548802" s="12"/>
    </row>
    <row r="548803" spans="8:8">
      <c r="H548803" s="12"/>
    </row>
    <row r="548804" spans="8:8">
      <c r="H548804" s="12"/>
    </row>
    <row r="548805" spans="8:8">
      <c r="H548805" s="12"/>
    </row>
    <row r="548806" spans="8:8">
      <c r="H548806" s="12"/>
    </row>
    <row r="548807" spans="8:8">
      <c r="H548807" s="12"/>
    </row>
    <row r="548808" spans="8:8">
      <c r="H548808" s="12"/>
    </row>
    <row r="548809" spans="8:8">
      <c r="H548809" s="12"/>
    </row>
    <row r="548810" spans="8:8">
      <c r="H548810" s="12"/>
    </row>
    <row r="548811" spans="8:8">
      <c r="H548811" s="12"/>
    </row>
    <row r="548812" spans="8:8">
      <c r="H548812" s="12"/>
    </row>
    <row r="548813" spans="8:8">
      <c r="H548813" s="12"/>
    </row>
    <row r="548814" spans="8:8">
      <c r="H548814" s="12"/>
    </row>
    <row r="548815" spans="8:8">
      <c r="H548815" s="12"/>
    </row>
    <row r="548816" spans="8:8">
      <c r="H548816" s="12"/>
    </row>
    <row r="548817" spans="8:8">
      <c r="H548817" s="12"/>
    </row>
    <row r="548818" spans="8:8">
      <c r="H548818" s="12"/>
    </row>
    <row r="548819" spans="8:8">
      <c r="H548819" s="12"/>
    </row>
    <row r="548820" spans="8:8">
      <c r="H548820" s="12"/>
    </row>
    <row r="548821" spans="8:8">
      <c r="H548821" s="12"/>
    </row>
    <row r="548822" spans="8:8">
      <c r="H548822" s="12"/>
    </row>
    <row r="548823" spans="8:8">
      <c r="H548823" s="12"/>
    </row>
    <row r="548824" spans="8:8">
      <c r="H548824" s="12"/>
    </row>
    <row r="548825" spans="8:8">
      <c r="H548825" s="12"/>
    </row>
    <row r="548826" spans="8:8">
      <c r="H548826" s="12"/>
    </row>
    <row r="548827" spans="8:8">
      <c r="H548827" s="12"/>
    </row>
    <row r="548828" spans="8:8">
      <c r="H548828" s="12"/>
    </row>
    <row r="548829" spans="8:8">
      <c r="H548829" s="12"/>
    </row>
    <row r="548830" spans="8:8">
      <c r="H548830" s="12"/>
    </row>
    <row r="548831" spans="8:8">
      <c r="H548831" s="12"/>
    </row>
    <row r="548832" spans="8:8">
      <c r="H548832" s="12"/>
    </row>
    <row r="548833" spans="8:8">
      <c r="H548833" s="12"/>
    </row>
    <row r="548834" spans="8:8">
      <c r="H548834" s="12"/>
    </row>
    <row r="548835" spans="8:8">
      <c r="H548835" s="12"/>
    </row>
    <row r="548836" spans="8:8">
      <c r="H548836" s="12"/>
    </row>
    <row r="548837" spans="8:8">
      <c r="H548837" s="12"/>
    </row>
    <row r="548838" spans="8:8">
      <c r="H548838" s="12"/>
    </row>
    <row r="548839" spans="8:8">
      <c r="H548839" s="12"/>
    </row>
    <row r="548840" spans="8:8">
      <c r="H548840" s="12"/>
    </row>
    <row r="548841" spans="8:8">
      <c r="H548841" s="12"/>
    </row>
    <row r="548842" spans="8:8">
      <c r="H548842" s="12"/>
    </row>
    <row r="548843" spans="8:8">
      <c r="H548843" s="12"/>
    </row>
    <row r="548844" spans="8:8">
      <c r="H548844" s="12"/>
    </row>
    <row r="548845" spans="8:8">
      <c r="H548845" s="12"/>
    </row>
    <row r="548846" spans="8:8">
      <c r="H548846" s="12"/>
    </row>
    <row r="548847" spans="8:8">
      <c r="H548847" s="12"/>
    </row>
    <row r="548848" spans="8:8">
      <c r="H548848" s="12"/>
    </row>
    <row r="548849" spans="8:8">
      <c r="H548849" s="12"/>
    </row>
    <row r="548850" spans="8:8">
      <c r="H548850" s="12"/>
    </row>
    <row r="548851" spans="8:8">
      <c r="H548851" s="12"/>
    </row>
    <row r="548852" spans="8:8">
      <c r="H548852" s="12"/>
    </row>
    <row r="548853" spans="8:8">
      <c r="H548853" s="12"/>
    </row>
    <row r="548854" spans="8:8">
      <c r="H548854" s="12"/>
    </row>
    <row r="548855" spans="8:8">
      <c r="H548855" s="12"/>
    </row>
    <row r="548856" spans="8:8">
      <c r="H548856" s="12"/>
    </row>
    <row r="548857" spans="8:8">
      <c r="H548857" s="12"/>
    </row>
    <row r="548858" spans="8:8">
      <c r="H548858" s="12"/>
    </row>
    <row r="548859" spans="8:8">
      <c r="H548859" s="12"/>
    </row>
    <row r="548860" spans="8:8">
      <c r="H548860" s="12"/>
    </row>
    <row r="548861" spans="8:8">
      <c r="H548861" s="12"/>
    </row>
    <row r="548862" spans="8:8">
      <c r="H548862" s="12"/>
    </row>
    <row r="548863" spans="8:8">
      <c r="H548863" s="12"/>
    </row>
    <row r="548864" spans="8:8">
      <c r="H548864" s="12"/>
    </row>
    <row r="548865" spans="8:8">
      <c r="H548865" s="12"/>
    </row>
    <row r="548866" spans="8:8">
      <c r="H548866" s="12"/>
    </row>
    <row r="548867" spans="8:8">
      <c r="H548867" s="12"/>
    </row>
    <row r="548868" spans="8:8">
      <c r="H548868" s="12"/>
    </row>
    <row r="548869" spans="8:8">
      <c r="H548869" s="12"/>
    </row>
    <row r="548870" spans="8:8">
      <c r="H548870" s="12"/>
    </row>
    <row r="548871" spans="8:8">
      <c r="H548871" s="12"/>
    </row>
    <row r="548872" spans="8:8">
      <c r="H548872" s="12"/>
    </row>
    <row r="548873" spans="8:8">
      <c r="H548873" s="12"/>
    </row>
    <row r="548874" spans="8:8">
      <c r="H548874" s="12"/>
    </row>
    <row r="548875" spans="8:8">
      <c r="H548875" s="12"/>
    </row>
    <row r="548876" spans="8:8">
      <c r="H548876" s="12"/>
    </row>
    <row r="548877" spans="8:8">
      <c r="H548877" s="12"/>
    </row>
    <row r="548878" spans="8:8">
      <c r="H548878" s="12"/>
    </row>
    <row r="548879" spans="8:8">
      <c r="H548879" s="12"/>
    </row>
    <row r="548880" spans="8:8">
      <c r="H548880" s="12"/>
    </row>
    <row r="548881" spans="8:8">
      <c r="H548881" s="12"/>
    </row>
    <row r="548882" spans="8:8">
      <c r="H548882" s="12"/>
    </row>
    <row r="548883" spans="8:8">
      <c r="H548883" s="12"/>
    </row>
    <row r="548884" spans="8:8">
      <c r="H548884" s="12"/>
    </row>
    <row r="548885" spans="8:8">
      <c r="H548885" s="12"/>
    </row>
    <row r="548886" spans="8:8">
      <c r="H548886" s="12"/>
    </row>
    <row r="548887" spans="8:8">
      <c r="H548887" s="12"/>
    </row>
    <row r="548888" spans="8:8">
      <c r="H548888" s="12"/>
    </row>
    <row r="548889" spans="8:8">
      <c r="H548889" s="12"/>
    </row>
    <row r="548890" spans="8:8">
      <c r="H548890" s="12"/>
    </row>
    <row r="548891" spans="8:8">
      <c r="H548891" s="12"/>
    </row>
    <row r="548892" spans="8:8">
      <c r="H548892" s="12"/>
    </row>
    <row r="548893" spans="8:8">
      <c r="H548893" s="12"/>
    </row>
    <row r="548894" spans="8:8">
      <c r="H548894" s="12"/>
    </row>
    <row r="548895" spans="8:8">
      <c r="H548895" s="12"/>
    </row>
    <row r="548896" spans="8:8">
      <c r="H548896" s="12"/>
    </row>
    <row r="548897" spans="8:8">
      <c r="H548897" s="12"/>
    </row>
    <row r="548898" spans="8:8">
      <c r="H548898" s="12"/>
    </row>
    <row r="548899" spans="8:8">
      <c r="H548899" s="12"/>
    </row>
    <row r="548900" spans="8:8">
      <c r="H548900" s="12"/>
    </row>
    <row r="548901" spans="8:8">
      <c r="H548901" s="12"/>
    </row>
    <row r="548902" spans="8:8">
      <c r="H548902" s="12"/>
    </row>
    <row r="548903" spans="8:8">
      <c r="H548903" s="12"/>
    </row>
    <row r="548904" spans="8:8">
      <c r="H548904" s="12"/>
    </row>
    <row r="548905" spans="8:8">
      <c r="H548905" s="12"/>
    </row>
    <row r="548906" spans="8:8">
      <c r="H548906" s="12"/>
    </row>
    <row r="548907" spans="8:8">
      <c r="H548907" s="12"/>
    </row>
    <row r="548908" spans="8:8">
      <c r="H548908" s="12"/>
    </row>
    <row r="548909" spans="8:8">
      <c r="H548909" s="12"/>
    </row>
    <row r="548910" spans="8:8">
      <c r="H548910" s="12"/>
    </row>
    <row r="548911" spans="8:8">
      <c r="H548911" s="12"/>
    </row>
    <row r="548912" spans="8:8">
      <c r="H548912" s="12"/>
    </row>
    <row r="548913" spans="8:8">
      <c r="H548913" s="12"/>
    </row>
    <row r="548914" spans="8:8">
      <c r="H548914" s="12"/>
    </row>
    <row r="548915" spans="8:8">
      <c r="H548915" s="12"/>
    </row>
    <row r="548916" spans="8:8">
      <c r="H548916" s="12"/>
    </row>
    <row r="548917" spans="8:8">
      <c r="H548917" s="12"/>
    </row>
    <row r="548918" spans="8:8">
      <c r="H548918" s="12"/>
    </row>
    <row r="548919" spans="8:8">
      <c r="H548919" s="12"/>
    </row>
    <row r="548920" spans="8:8">
      <c r="H548920" s="12"/>
    </row>
    <row r="548921" spans="8:8">
      <c r="H548921" s="12"/>
    </row>
    <row r="548922" spans="8:8">
      <c r="H548922" s="12"/>
    </row>
    <row r="548923" spans="8:8">
      <c r="H548923" s="12"/>
    </row>
    <row r="548924" spans="8:8">
      <c r="H548924" s="12"/>
    </row>
    <row r="548925" spans="8:8">
      <c r="H548925" s="12"/>
    </row>
    <row r="548926" spans="8:8">
      <c r="H548926" s="12"/>
    </row>
    <row r="548927" spans="8:8">
      <c r="H548927" s="12"/>
    </row>
    <row r="548928" spans="8:8">
      <c r="H548928" s="12"/>
    </row>
    <row r="548929" spans="8:8">
      <c r="H548929" s="12"/>
    </row>
    <row r="548930" spans="8:8">
      <c r="H548930" s="12"/>
    </row>
    <row r="548931" spans="8:8">
      <c r="H548931" s="12"/>
    </row>
    <row r="548932" spans="8:8">
      <c r="H548932" s="12"/>
    </row>
    <row r="548933" spans="8:8">
      <c r="H548933" s="12"/>
    </row>
    <row r="548934" spans="8:8">
      <c r="H548934" s="12"/>
    </row>
    <row r="548935" spans="8:8">
      <c r="H548935" s="12"/>
    </row>
    <row r="548936" spans="8:8">
      <c r="H548936" s="12"/>
    </row>
    <row r="548937" spans="8:8">
      <c r="H548937" s="12"/>
    </row>
    <row r="548938" spans="8:8">
      <c r="H548938" s="12"/>
    </row>
    <row r="548939" spans="8:8">
      <c r="H548939" s="12"/>
    </row>
    <row r="548940" spans="8:8">
      <c r="H548940" s="12"/>
    </row>
    <row r="548941" spans="8:8">
      <c r="H548941" s="12"/>
    </row>
    <row r="548942" spans="8:8">
      <c r="H548942" s="12"/>
    </row>
    <row r="548943" spans="8:8">
      <c r="H548943" s="12"/>
    </row>
    <row r="548944" spans="8:8">
      <c r="H548944" s="12"/>
    </row>
    <row r="548945" spans="8:8">
      <c r="H548945" s="12"/>
    </row>
    <row r="548946" spans="8:8">
      <c r="H548946" s="12"/>
    </row>
    <row r="548947" spans="8:8">
      <c r="H548947" s="12"/>
    </row>
    <row r="548948" spans="8:8">
      <c r="H548948" s="12"/>
    </row>
    <row r="548949" spans="8:8">
      <c r="H548949" s="12"/>
    </row>
    <row r="548950" spans="8:8">
      <c r="H548950" s="12"/>
    </row>
    <row r="548951" spans="8:8">
      <c r="H548951" s="12"/>
    </row>
    <row r="548952" spans="8:8">
      <c r="H548952" s="12"/>
    </row>
    <row r="548953" spans="8:8">
      <c r="H548953" s="12"/>
    </row>
    <row r="548954" spans="8:8">
      <c r="H548954" s="12"/>
    </row>
    <row r="548955" spans="8:8">
      <c r="H548955" s="12"/>
    </row>
    <row r="548956" spans="8:8">
      <c r="H548956" s="12"/>
    </row>
    <row r="548957" spans="8:8">
      <c r="H548957" s="12"/>
    </row>
    <row r="548958" spans="8:8">
      <c r="H548958" s="12"/>
    </row>
    <row r="548959" spans="8:8">
      <c r="H548959" s="12"/>
    </row>
    <row r="548960" spans="8:8">
      <c r="H548960" s="12"/>
    </row>
    <row r="548961" spans="8:8">
      <c r="H548961" s="12"/>
    </row>
    <row r="548962" spans="8:8">
      <c r="H548962" s="12"/>
    </row>
    <row r="548963" spans="8:8">
      <c r="H548963" s="12"/>
    </row>
    <row r="548964" spans="8:8">
      <c r="H548964" s="12"/>
    </row>
    <row r="548965" spans="8:8">
      <c r="H548965" s="12"/>
    </row>
    <row r="548966" spans="8:8">
      <c r="H548966" s="12"/>
    </row>
    <row r="548967" spans="8:8">
      <c r="H548967" s="12"/>
    </row>
    <row r="548968" spans="8:8">
      <c r="H548968" s="12"/>
    </row>
    <row r="548969" spans="8:8">
      <c r="H548969" s="12"/>
    </row>
    <row r="548970" spans="8:8">
      <c r="H548970" s="12"/>
    </row>
    <row r="548971" spans="8:8">
      <c r="H548971" s="12"/>
    </row>
    <row r="548972" spans="8:8">
      <c r="H548972" s="12"/>
    </row>
    <row r="548973" spans="8:8">
      <c r="H548973" s="12"/>
    </row>
    <row r="548974" spans="8:8">
      <c r="H548974" s="12"/>
    </row>
    <row r="548975" spans="8:8">
      <c r="H548975" s="12"/>
    </row>
    <row r="548976" spans="8:8">
      <c r="H548976" s="12"/>
    </row>
    <row r="548977" spans="8:8">
      <c r="H548977" s="12"/>
    </row>
    <row r="548978" spans="8:8">
      <c r="H548978" s="12"/>
    </row>
    <row r="548979" spans="8:8">
      <c r="H548979" s="12"/>
    </row>
    <row r="548980" spans="8:8">
      <c r="H548980" s="12"/>
    </row>
    <row r="548981" spans="8:8">
      <c r="H548981" s="12"/>
    </row>
    <row r="548982" spans="8:8">
      <c r="H548982" s="12"/>
    </row>
    <row r="548983" spans="8:8">
      <c r="H548983" s="12"/>
    </row>
    <row r="548984" spans="8:8">
      <c r="H548984" s="12"/>
    </row>
    <row r="548985" spans="8:8">
      <c r="H548985" s="12"/>
    </row>
    <row r="548986" spans="8:8">
      <c r="H548986" s="12"/>
    </row>
    <row r="548987" spans="8:8">
      <c r="H548987" s="12"/>
    </row>
    <row r="548988" spans="8:8">
      <c r="H548988" s="12"/>
    </row>
    <row r="548989" spans="8:8">
      <c r="H548989" s="12"/>
    </row>
    <row r="548990" spans="8:8">
      <c r="H548990" s="12"/>
    </row>
    <row r="548991" spans="8:8">
      <c r="H548991" s="12"/>
    </row>
    <row r="548992" spans="8:8">
      <c r="H548992" s="12"/>
    </row>
    <row r="548993" spans="8:8">
      <c r="H548993" s="12"/>
    </row>
    <row r="548994" spans="8:8">
      <c r="H548994" s="12"/>
    </row>
    <row r="548995" spans="8:8">
      <c r="H548995" s="12"/>
    </row>
    <row r="548996" spans="8:8">
      <c r="H548996" s="12"/>
    </row>
    <row r="548997" spans="8:8">
      <c r="H548997" s="12"/>
    </row>
    <row r="548998" spans="8:8">
      <c r="H548998" s="12"/>
    </row>
    <row r="548999" spans="8:8">
      <c r="H548999" s="12"/>
    </row>
    <row r="549000" spans="8:8">
      <c r="H549000" s="12"/>
    </row>
    <row r="549001" spans="8:8">
      <c r="H549001" s="12"/>
    </row>
    <row r="549002" spans="8:8">
      <c r="H549002" s="12"/>
    </row>
    <row r="549003" spans="8:8">
      <c r="H549003" s="12"/>
    </row>
    <row r="549004" spans="8:8">
      <c r="H549004" s="12"/>
    </row>
    <row r="549005" spans="8:8">
      <c r="H549005" s="12"/>
    </row>
    <row r="549006" spans="8:8">
      <c r="H549006" s="12"/>
    </row>
    <row r="549007" spans="8:8">
      <c r="H549007" s="12"/>
    </row>
    <row r="549008" spans="8:8">
      <c r="H549008" s="12"/>
    </row>
    <row r="549009" spans="8:8">
      <c r="H549009" s="12"/>
    </row>
    <row r="549010" spans="8:8">
      <c r="H549010" s="12"/>
    </row>
    <row r="549011" spans="8:8">
      <c r="H549011" s="12"/>
    </row>
    <row r="549012" spans="8:8">
      <c r="H549012" s="12"/>
    </row>
    <row r="549013" spans="8:8">
      <c r="H549013" s="12"/>
    </row>
    <row r="549014" spans="8:8">
      <c r="H549014" s="12"/>
    </row>
    <row r="549015" spans="8:8">
      <c r="H549015" s="12"/>
    </row>
    <row r="549016" spans="8:8">
      <c r="H549016" s="12"/>
    </row>
    <row r="549017" spans="8:8">
      <c r="H549017" s="12"/>
    </row>
    <row r="549018" spans="8:8">
      <c r="H549018" s="12"/>
    </row>
    <row r="549019" spans="8:8">
      <c r="H549019" s="12"/>
    </row>
    <row r="549020" spans="8:8">
      <c r="H549020" s="12"/>
    </row>
    <row r="549021" spans="8:8">
      <c r="H549021" s="12"/>
    </row>
    <row r="549022" spans="8:8">
      <c r="H549022" s="12"/>
    </row>
    <row r="549023" spans="8:8">
      <c r="H549023" s="12"/>
    </row>
    <row r="549024" spans="8:8">
      <c r="H549024" s="12"/>
    </row>
    <row r="549025" spans="8:8">
      <c r="H549025" s="12"/>
    </row>
    <row r="549026" spans="8:8">
      <c r="H549026" s="12"/>
    </row>
    <row r="549027" spans="8:8">
      <c r="H549027" s="12"/>
    </row>
    <row r="549028" spans="8:8">
      <c r="H549028" s="12"/>
    </row>
    <row r="549029" spans="8:8">
      <c r="H549029" s="12"/>
    </row>
    <row r="549030" spans="8:8">
      <c r="H549030" s="12"/>
    </row>
    <row r="549031" spans="8:8">
      <c r="H549031" s="12"/>
    </row>
    <row r="549032" spans="8:8">
      <c r="H549032" s="12"/>
    </row>
    <row r="549033" spans="8:8">
      <c r="H549033" s="12"/>
    </row>
    <row r="549034" spans="8:8">
      <c r="H549034" s="12"/>
    </row>
    <row r="549035" spans="8:8">
      <c r="H549035" s="12"/>
    </row>
    <row r="549036" spans="8:8">
      <c r="H549036" s="12"/>
    </row>
    <row r="549037" spans="8:8">
      <c r="H549037" s="12"/>
    </row>
    <row r="549038" spans="8:8">
      <c r="H549038" s="12"/>
    </row>
    <row r="549039" spans="8:8">
      <c r="H549039" s="12"/>
    </row>
    <row r="549040" spans="8:8">
      <c r="H549040" s="12"/>
    </row>
    <row r="549041" spans="8:8">
      <c r="H549041" s="12"/>
    </row>
    <row r="549042" spans="8:8">
      <c r="H549042" s="12"/>
    </row>
    <row r="549043" spans="8:8">
      <c r="H549043" s="12"/>
    </row>
    <row r="549044" spans="8:8">
      <c r="H549044" s="12"/>
    </row>
    <row r="549045" spans="8:8">
      <c r="H549045" s="12"/>
    </row>
    <row r="549046" spans="8:8">
      <c r="H549046" s="12"/>
    </row>
    <row r="549047" spans="8:8">
      <c r="H549047" s="12"/>
    </row>
    <row r="549048" spans="8:8">
      <c r="H549048" s="12"/>
    </row>
    <row r="549049" spans="8:8">
      <c r="H549049" s="12"/>
    </row>
    <row r="549050" spans="8:8">
      <c r="H549050" s="12"/>
    </row>
    <row r="549051" spans="8:8">
      <c r="H549051" s="12"/>
    </row>
    <row r="549052" spans="8:8">
      <c r="H549052" s="12"/>
    </row>
    <row r="549053" spans="8:8">
      <c r="H549053" s="12"/>
    </row>
    <row r="549054" spans="8:8">
      <c r="H549054" s="12"/>
    </row>
    <row r="549055" spans="8:8">
      <c r="H549055" s="12"/>
    </row>
    <row r="549056" spans="8:8">
      <c r="H549056" s="12"/>
    </row>
    <row r="549057" spans="8:8">
      <c r="H549057" s="12"/>
    </row>
    <row r="549058" spans="8:8">
      <c r="H549058" s="12"/>
    </row>
    <row r="549059" spans="8:8">
      <c r="H549059" s="12"/>
    </row>
    <row r="549060" spans="8:8">
      <c r="H549060" s="12"/>
    </row>
    <row r="549061" spans="8:8">
      <c r="H549061" s="12"/>
    </row>
    <row r="549062" spans="8:8">
      <c r="H549062" s="12"/>
    </row>
    <row r="549063" spans="8:8">
      <c r="H549063" s="12"/>
    </row>
    <row r="549064" spans="8:8">
      <c r="H549064" s="12"/>
    </row>
    <row r="549065" spans="8:8">
      <c r="H549065" s="12"/>
    </row>
    <row r="549066" spans="8:8">
      <c r="H549066" s="12"/>
    </row>
    <row r="549067" spans="8:8">
      <c r="H549067" s="12"/>
    </row>
    <row r="549068" spans="8:8">
      <c r="H549068" s="12"/>
    </row>
    <row r="549069" spans="8:8">
      <c r="H549069" s="12"/>
    </row>
    <row r="549070" spans="8:8">
      <c r="H549070" s="12"/>
    </row>
    <row r="549071" spans="8:8">
      <c r="H549071" s="12"/>
    </row>
    <row r="549072" spans="8:8">
      <c r="H549072" s="12"/>
    </row>
    <row r="549073" spans="8:8">
      <c r="H549073" s="12"/>
    </row>
    <row r="549074" spans="8:8">
      <c r="H549074" s="12"/>
    </row>
    <row r="549075" spans="8:8">
      <c r="H549075" s="12"/>
    </row>
    <row r="549076" spans="8:8">
      <c r="H549076" s="12"/>
    </row>
    <row r="549077" spans="8:8">
      <c r="H549077" s="12"/>
    </row>
    <row r="549078" spans="8:8">
      <c r="H549078" s="12"/>
    </row>
    <row r="549079" spans="8:8">
      <c r="H549079" s="12"/>
    </row>
    <row r="549080" spans="8:8">
      <c r="H549080" s="12"/>
    </row>
    <row r="549081" spans="8:8">
      <c r="H549081" s="12"/>
    </row>
    <row r="549082" spans="8:8">
      <c r="H549082" s="12"/>
    </row>
    <row r="549083" spans="8:8">
      <c r="H549083" s="12"/>
    </row>
    <row r="549084" spans="8:8">
      <c r="H549084" s="12"/>
    </row>
    <row r="549085" spans="8:8">
      <c r="H549085" s="12"/>
    </row>
    <row r="549086" spans="8:8">
      <c r="H549086" s="12"/>
    </row>
    <row r="549087" spans="8:8">
      <c r="H549087" s="12"/>
    </row>
    <row r="549088" spans="8:8">
      <c r="H549088" s="12"/>
    </row>
    <row r="549089" spans="8:8">
      <c r="H549089" s="12"/>
    </row>
    <row r="549090" spans="8:8">
      <c r="H549090" s="12"/>
    </row>
    <row r="549091" spans="8:8">
      <c r="H549091" s="12"/>
    </row>
    <row r="549092" spans="8:8">
      <c r="H549092" s="12"/>
    </row>
    <row r="549093" spans="8:8">
      <c r="H549093" s="12"/>
    </row>
    <row r="549094" spans="8:8">
      <c r="H549094" s="12"/>
    </row>
    <row r="549095" spans="8:8">
      <c r="H549095" s="12"/>
    </row>
    <row r="549096" spans="8:8">
      <c r="H549096" s="12"/>
    </row>
    <row r="549097" spans="8:8">
      <c r="H549097" s="12"/>
    </row>
    <row r="549098" spans="8:8">
      <c r="H549098" s="12"/>
    </row>
    <row r="549099" spans="8:8">
      <c r="H549099" s="12"/>
    </row>
    <row r="549100" spans="8:8">
      <c r="H549100" s="12"/>
    </row>
    <row r="549101" spans="8:8">
      <c r="H549101" s="12"/>
    </row>
    <row r="549102" spans="8:8">
      <c r="H549102" s="12"/>
    </row>
    <row r="549103" spans="8:8">
      <c r="H549103" s="12"/>
    </row>
    <row r="549104" spans="8:8">
      <c r="H549104" s="12"/>
    </row>
    <row r="549105" spans="8:8">
      <c r="H549105" s="12"/>
    </row>
    <row r="549106" spans="8:8">
      <c r="H549106" s="12"/>
    </row>
    <row r="549107" spans="8:8">
      <c r="H549107" s="12"/>
    </row>
    <row r="549108" spans="8:8">
      <c r="H549108" s="12"/>
    </row>
    <row r="549109" spans="8:8">
      <c r="H549109" s="12"/>
    </row>
    <row r="549110" spans="8:8">
      <c r="H549110" s="12"/>
    </row>
    <row r="549111" spans="8:8">
      <c r="H549111" s="12"/>
    </row>
    <row r="549112" spans="8:8">
      <c r="H549112" s="12"/>
    </row>
    <row r="549113" spans="8:8">
      <c r="H549113" s="12"/>
    </row>
    <row r="549114" spans="8:8">
      <c r="H549114" s="12"/>
    </row>
    <row r="549115" spans="8:8">
      <c r="H549115" s="12"/>
    </row>
    <row r="549116" spans="8:8">
      <c r="H549116" s="12"/>
    </row>
    <row r="549117" spans="8:8">
      <c r="H549117" s="12"/>
    </row>
    <row r="549118" spans="8:8">
      <c r="H549118" s="12"/>
    </row>
    <row r="549119" spans="8:8">
      <c r="H549119" s="12"/>
    </row>
    <row r="549120" spans="8:8">
      <c r="H549120" s="12"/>
    </row>
    <row r="549121" spans="8:8">
      <c r="H549121" s="12"/>
    </row>
    <row r="549122" spans="8:8">
      <c r="H549122" s="12"/>
    </row>
    <row r="549123" spans="8:8">
      <c r="H549123" s="12"/>
    </row>
    <row r="549124" spans="8:8">
      <c r="H549124" s="12"/>
    </row>
    <row r="549125" spans="8:8">
      <c r="H549125" s="12"/>
    </row>
    <row r="549126" spans="8:8">
      <c r="H549126" s="12"/>
    </row>
    <row r="549127" spans="8:8">
      <c r="H549127" s="12"/>
    </row>
    <row r="549128" spans="8:8">
      <c r="H549128" s="12"/>
    </row>
    <row r="549129" spans="8:8">
      <c r="H549129" s="12"/>
    </row>
    <row r="549130" spans="8:8">
      <c r="H549130" s="12"/>
    </row>
    <row r="549131" spans="8:8">
      <c r="H549131" s="12"/>
    </row>
    <row r="549132" spans="8:8">
      <c r="H549132" s="12"/>
    </row>
    <row r="549133" spans="8:8">
      <c r="H549133" s="12"/>
    </row>
    <row r="549134" spans="8:8">
      <c r="H549134" s="12"/>
    </row>
    <row r="549135" spans="8:8">
      <c r="H549135" s="12"/>
    </row>
    <row r="549136" spans="8:8">
      <c r="H549136" s="12"/>
    </row>
    <row r="549137" spans="8:8">
      <c r="H549137" s="12"/>
    </row>
    <row r="549138" spans="8:8">
      <c r="H549138" s="12"/>
    </row>
    <row r="549139" spans="8:8">
      <c r="H549139" s="12"/>
    </row>
    <row r="549140" spans="8:8">
      <c r="H549140" s="12"/>
    </row>
    <row r="549141" spans="8:8">
      <c r="H549141" s="12"/>
    </row>
    <row r="549142" spans="8:8">
      <c r="H549142" s="12"/>
    </row>
    <row r="549143" spans="8:8">
      <c r="H549143" s="12"/>
    </row>
    <row r="549144" spans="8:8">
      <c r="H549144" s="12"/>
    </row>
    <row r="549145" spans="8:8">
      <c r="H549145" s="12"/>
    </row>
    <row r="549146" spans="8:8">
      <c r="H549146" s="12"/>
    </row>
    <row r="549147" spans="8:8">
      <c r="H549147" s="12"/>
    </row>
    <row r="549148" spans="8:8">
      <c r="H549148" s="12"/>
    </row>
    <row r="549149" spans="8:8">
      <c r="H549149" s="12"/>
    </row>
    <row r="549150" spans="8:8">
      <c r="H549150" s="12"/>
    </row>
    <row r="549151" spans="8:8">
      <c r="H549151" s="12"/>
    </row>
    <row r="549152" spans="8:8">
      <c r="H549152" s="12"/>
    </row>
    <row r="549153" spans="8:8">
      <c r="H549153" s="12"/>
    </row>
    <row r="549154" spans="8:8">
      <c r="H549154" s="12"/>
    </row>
    <row r="549155" spans="8:8">
      <c r="H549155" s="12"/>
    </row>
    <row r="549156" spans="8:8">
      <c r="H549156" s="12"/>
    </row>
    <row r="549157" spans="8:8">
      <c r="H549157" s="12"/>
    </row>
    <row r="549158" spans="8:8">
      <c r="H549158" s="12"/>
    </row>
    <row r="549159" spans="8:8">
      <c r="H549159" s="12"/>
    </row>
    <row r="549160" spans="8:8">
      <c r="H549160" s="12"/>
    </row>
    <row r="549161" spans="8:8">
      <c r="H549161" s="12"/>
    </row>
    <row r="549162" spans="8:8">
      <c r="H549162" s="12"/>
    </row>
    <row r="549163" spans="8:8">
      <c r="H549163" s="12"/>
    </row>
    <row r="549164" spans="8:8">
      <c r="H549164" s="12"/>
    </row>
    <row r="549165" spans="8:8">
      <c r="H549165" s="12"/>
    </row>
    <row r="549166" spans="8:8">
      <c r="H549166" s="12"/>
    </row>
    <row r="549167" spans="8:8">
      <c r="H549167" s="12"/>
    </row>
    <row r="549168" spans="8:8">
      <c r="H549168" s="12"/>
    </row>
    <row r="549169" spans="8:8">
      <c r="H549169" s="12"/>
    </row>
    <row r="549170" spans="8:8">
      <c r="H549170" s="12"/>
    </row>
    <row r="549171" spans="8:8">
      <c r="H549171" s="12"/>
    </row>
    <row r="549172" spans="8:8">
      <c r="H549172" s="12"/>
    </row>
    <row r="549173" spans="8:8">
      <c r="H549173" s="12"/>
    </row>
    <row r="549174" spans="8:8">
      <c r="H549174" s="12"/>
    </row>
    <row r="549175" spans="8:8">
      <c r="H549175" s="12"/>
    </row>
    <row r="549176" spans="8:8">
      <c r="H549176" s="12"/>
    </row>
    <row r="549177" spans="8:8">
      <c r="H549177" s="12"/>
    </row>
    <row r="549178" spans="8:8">
      <c r="H549178" s="12"/>
    </row>
    <row r="549179" spans="8:8">
      <c r="H549179" s="12"/>
    </row>
    <row r="549180" spans="8:8">
      <c r="H549180" s="12"/>
    </row>
    <row r="549181" spans="8:8">
      <c r="H549181" s="12"/>
    </row>
    <row r="549182" spans="8:8">
      <c r="H549182" s="12"/>
    </row>
    <row r="549183" spans="8:8">
      <c r="H549183" s="12"/>
    </row>
    <row r="549184" spans="8:8">
      <c r="H549184" s="12"/>
    </row>
    <row r="549185" spans="8:8">
      <c r="H549185" s="12"/>
    </row>
    <row r="549186" spans="8:8">
      <c r="H549186" s="12"/>
    </row>
    <row r="549187" spans="8:8">
      <c r="H549187" s="12"/>
    </row>
    <row r="549188" spans="8:8">
      <c r="H549188" s="12"/>
    </row>
    <row r="549189" spans="8:8">
      <c r="H549189" s="12"/>
    </row>
    <row r="549190" spans="8:8">
      <c r="H549190" s="12"/>
    </row>
    <row r="549191" spans="8:8">
      <c r="H549191" s="12"/>
    </row>
    <row r="549192" spans="8:8">
      <c r="H549192" s="12"/>
    </row>
    <row r="549193" spans="8:8">
      <c r="H549193" s="12"/>
    </row>
    <row r="549194" spans="8:8">
      <c r="H549194" s="12"/>
    </row>
    <row r="549195" spans="8:8">
      <c r="H549195" s="12"/>
    </row>
    <row r="549196" spans="8:8">
      <c r="H549196" s="12"/>
    </row>
    <row r="549197" spans="8:8">
      <c r="H549197" s="12"/>
    </row>
    <row r="549198" spans="8:8">
      <c r="H549198" s="12"/>
    </row>
    <row r="549199" spans="8:8">
      <c r="H549199" s="12"/>
    </row>
    <row r="549200" spans="8:8">
      <c r="H549200" s="12"/>
    </row>
    <row r="549201" spans="8:8">
      <c r="H549201" s="12"/>
    </row>
    <row r="549202" spans="8:8">
      <c r="H549202" s="12"/>
    </row>
    <row r="549203" spans="8:8">
      <c r="H549203" s="12"/>
    </row>
    <row r="549204" spans="8:8">
      <c r="H549204" s="12"/>
    </row>
    <row r="549205" spans="8:8">
      <c r="H549205" s="12"/>
    </row>
    <row r="549206" spans="8:8">
      <c r="H549206" s="12"/>
    </row>
    <row r="549207" spans="8:8">
      <c r="H549207" s="12"/>
    </row>
    <row r="549208" spans="8:8">
      <c r="H549208" s="12"/>
    </row>
    <row r="549209" spans="8:8">
      <c r="H549209" s="12"/>
    </row>
    <row r="549210" spans="8:8">
      <c r="H549210" s="12"/>
    </row>
    <row r="549211" spans="8:8">
      <c r="H549211" s="12"/>
    </row>
    <row r="549212" spans="8:8">
      <c r="H549212" s="12"/>
    </row>
    <row r="549213" spans="8:8">
      <c r="H549213" s="12"/>
    </row>
    <row r="549214" spans="8:8">
      <c r="H549214" s="12"/>
    </row>
    <row r="549215" spans="8:8">
      <c r="H549215" s="12"/>
    </row>
    <row r="549216" spans="8:8">
      <c r="H549216" s="12"/>
    </row>
    <row r="549217" spans="8:8">
      <c r="H549217" s="12"/>
    </row>
    <row r="549218" spans="8:8">
      <c r="H549218" s="12"/>
    </row>
    <row r="549219" spans="8:8">
      <c r="H549219" s="12"/>
    </row>
    <row r="549220" spans="8:8">
      <c r="H549220" s="12"/>
    </row>
    <row r="549221" spans="8:8">
      <c r="H549221" s="12"/>
    </row>
    <row r="549222" spans="8:8">
      <c r="H549222" s="12"/>
    </row>
    <row r="549223" spans="8:8">
      <c r="H549223" s="12"/>
    </row>
    <row r="549224" spans="8:8">
      <c r="H549224" s="12"/>
    </row>
    <row r="549225" spans="8:8">
      <c r="H549225" s="12"/>
    </row>
    <row r="549226" spans="8:8">
      <c r="H549226" s="12"/>
    </row>
    <row r="549227" spans="8:8">
      <c r="H549227" s="12"/>
    </row>
    <row r="549228" spans="8:8">
      <c r="H549228" s="12"/>
    </row>
    <row r="549229" spans="8:8">
      <c r="H549229" s="12"/>
    </row>
    <row r="549230" spans="8:8">
      <c r="H549230" s="12"/>
    </row>
    <row r="549231" spans="8:8">
      <c r="H549231" s="12"/>
    </row>
    <row r="549232" spans="8:8">
      <c r="H549232" s="12"/>
    </row>
    <row r="549233" spans="8:8">
      <c r="H549233" s="12"/>
    </row>
    <row r="549234" spans="8:8">
      <c r="H549234" s="12"/>
    </row>
    <row r="549235" spans="8:8">
      <c r="H549235" s="12"/>
    </row>
    <row r="549236" spans="8:8">
      <c r="H549236" s="12"/>
    </row>
    <row r="549237" spans="8:8">
      <c r="H549237" s="12"/>
    </row>
    <row r="549238" spans="8:8">
      <c r="H549238" s="12"/>
    </row>
    <row r="549239" spans="8:8">
      <c r="H549239" s="12"/>
    </row>
    <row r="549240" spans="8:8">
      <c r="H549240" s="12"/>
    </row>
    <row r="549241" spans="8:8">
      <c r="H549241" s="12"/>
    </row>
    <row r="549242" spans="8:8">
      <c r="H549242" s="12"/>
    </row>
    <row r="549243" spans="8:8">
      <c r="H549243" s="12"/>
    </row>
    <row r="549244" spans="8:8">
      <c r="H549244" s="12"/>
    </row>
    <row r="549245" spans="8:8">
      <c r="H549245" s="12"/>
    </row>
    <row r="549246" spans="8:8">
      <c r="H549246" s="12"/>
    </row>
    <row r="549247" spans="8:8">
      <c r="H549247" s="12"/>
    </row>
    <row r="549248" spans="8:8">
      <c r="H549248" s="12"/>
    </row>
    <row r="549249" spans="8:8">
      <c r="H549249" s="12"/>
    </row>
    <row r="549250" spans="8:8">
      <c r="H549250" s="12"/>
    </row>
    <row r="549251" spans="8:8">
      <c r="H549251" s="12"/>
    </row>
    <row r="549252" spans="8:8">
      <c r="H549252" s="12"/>
    </row>
    <row r="549253" spans="8:8">
      <c r="H549253" s="12"/>
    </row>
    <row r="549254" spans="8:8">
      <c r="H549254" s="12"/>
    </row>
    <row r="549255" spans="8:8">
      <c r="H549255" s="12"/>
    </row>
    <row r="549256" spans="8:8">
      <c r="H549256" s="12"/>
    </row>
    <row r="549257" spans="8:8">
      <c r="H549257" s="12"/>
    </row>
    <row r="549258" spans="8:8">
      <c r="H549258" s="12"/>
    </row>
    <row r="549259" spans="8:8">
      <c r="H549259" s="12"/>
    </row>
    <row r="549260" spans="8:8">
      <c r="H549260" s="12"/>
    </row>
    <row r="549261" spans="8:8">
      <c r="H549261" s="12"/>
    </row>
    <row r="549262" spans="8:8">
      <c r="H549262" s="12"/>
    </row>
    <row r="549263" spans="8:8">
      <c r="H549263" s="12"/>
    </row>
    <row r="549264" spans="8:8">
      <c r="H549264" s="12"/>
    </row>
    <row r="549265" spans="8:8">
      <c r="H549265" s="12"/>
    </row>
    <row r="549266" spans="8:8">
      <c r="H549266" s="12"/>
    </row>
    <row r="549267" spans="8:8">
      <c r="H549267" s="12"/>
    </row>
    <row r="549268" spans="8:8">
      <c r="H549268" s="12"/>
    </row>
    <row r="549269" spans="8:8">
      <c r="H549269" s="12"/>
    </row>
    <row r="549270" spans="8:8">
      <c r="H549270" s="12"/>
    </row>
    <row r="549271" spans="8:8">
      <c r="H549271" s="12"/>
    </row>
    <row r="549272" spans="8:8">
      <c r="H549272" s="12"/>
    </row>
    <row r="549273" spans="8:8">
      <c r="H549273" s="12"/>
    </row>
    <row r="549274" spans="8:8">
      <c r="H549274" s="12"/>
    </row>
    <row r="549275" spans="8:8">
      <c r="H549275" s="12"/>
    </row>
    <row r="549276" spans="8:8">
      <c r="H549276" s="12"/>
    </row>
    <row r="549277" spans="8:8">
      <c r="H549277" s="12"/>
    </row>
    <row r="549278" spans="8:8">
      <c r="H549278" s="12"/>
    </row>
    <row r="549279" spans="8:8">
      <c r="H549279" s="12"/>
    </row>
    <row r="549280" spans="8:8">
      <c r="H549280" s="12"/>
    </row>
    <row r="549281" spans="8:8">
      <c r="H549281" s="12"/>
    </row>
    <row r="549282" spans="8:8">
      <c r="H549282" s="12"/>
    </row>
    <row r="549283" spans="8:8">
      <c r="H549283" s="12"/>
    </row>
    <row r="549284" spans="8:8">
      <c r="H549284" s="12"/>
    </row>
    <row r="549285" spans="8:8">
      <c r="H549285" s="12"/>
    </row>
    <row r="549286" spans="8:8">
      <c r="H549286" s="12"/>
    </row>
    <row r="549287" spans="8:8">
      <c r="H549287" s="12"/>
    </row>
    <row r="549288" spans="8:8">
      <c r="H549288" s="12"/>
    </row>
    <row r="549289" spans="8:8">
      <c r="H549289" s="12"/>
    </row>
    <row r="549290" spans="8:8">
      <c r="H549290" s="12"/>
    </row>
    <row r="549291" spans="8:8">
      <c r="H549291" s="12"/>
    </row>
    <row r="549292" spans="8:8">
      <c r="H549292" s="12"/>
    </row>
    <row r="549293" spans="8:8">
      <c r="H549293" s="12"/>
    </row>
    <row r="549294" spans="8:8">
      <c r="H549294" s="12"/>
    </row>
    <row r="549295" spans="8:8">
      <c r="H549295" s="12"/>
    </row>
    <row r="549296" spans="8:8">
      <c r="H549296" s="12"/>
    </row>
    <row r="549297" spans="8:8">
      <c r="H549297" s="12"/>
    </row>
    <row r="549298" spans="8:8">
      <c r="H549298" s="12"/>
    </row>
    <row r="549299" spans="8:8">
      <c r="H549299" s="12"/>
    </row>
    <row r="549300" spans="8:8">
      <c r="H549300" s="12"/>
    </row>
    <row r="549301" spans="8:8">
      <c r="H549301" s="12"/>
    </row>
    <row r="549302" spans="8:8">
      <c r="H549302" s="12"/>
    </row>
    <row r="549303" spans="8:8">
      <c r="H549303" s="12"/>
    </row>
    <row r="549304" spans="8:8">
      <c r="H549304" s="12"/>
    </row>
    <row r="549305" spans="8:8">
      <c r="H549305" s="12"/>
    </row>
    <row r="549306" spans="8:8">
      <c r="H549306" s="12"/>
    </row>
    <row r="549307" spans="8:8">
      <c r="H549307" s="12"/>
    </row>
    <row r="549308" spans="8:8">
      <c r="H549308" s="12"/>
    </row>
    <row r="549309" spans="8:8">
      <c r="H549309" s="12"/>
    </row>
    <row r="549310" spans="8:8">
      <c r="H549310" s="12"/>
    </row>
    <row r="549311" spans="8:8">
      <c r="H549311" s="12"/>
    </row>
    <row r="549312" spans="8:8">
      <c r="H549312" s="12"/>
    </row>
    <row r="549313" spans="8:8">
      <c r="H549313" s="12"/>
    </row>
    <row r="549314" spans="8:8">
      <c r="H549314" s="12"/>
    </row>
    <row r="549315" spans="8:8">
      <c r="H549315" s="12"/>
    </row>
    <row r="549316" spans="8:8">
      <c r="H549316" s="12"/>
    </row>
    <row r="549317" spans="8:8">
      <c r="H549317" s="12"/>
    </row>
    <row r="549318" spans="8:8">
      <c r="H549318" s="12"/>
    </row>
    <row r="549319" spans="8:8">
      <c r="H549319" s="12"/>
    </row>
    <row r="549320" spans="8:8">
      <c r="H549320" s="12"/>
    </row>
    <row r="549321" spans="8:8">
      <c r="H549321" s="12"/>
    </row>
    <row r="549322" spans="8:8">
      <c r="H549322" s="12"/>
    </row>
    <row r="549323" spans="8:8">
      <c r="H549323" s="12"/>
    </row>
    <row r="549324" spans="8:8">
      <c r="H549324" s="12"/>
    </row>
    <row r="549325" spans="8:8">
      <c r="H549325" s="12"/>
    </row>
    <row r="549326" spans="8:8">
      <c r="H549326" s="12"/>
    </row>
    <row r="549327" spans="8:8">
      <c r="H549327" s="12"/>
    </row>
    <row r="549328" spans="8:8">
      <c r="H549328" s="12"/>
    </row>
    <row r="549329" spans="8:8">
      <c r="H549329" s="12"/>
    </row>
    <row r="549330" spans="8:8">
      <c r="H549330" s="12"/>
    </row>
    <row r="549331" spans="8:8">
      <c r="H549331" s="12"/>
    </row>
    <row r="549332" spans="8:8">
      <c r="H549332" s="12"/>
    </row>
    <row r="549333" spans="8:8">
      <c r="H549333" s="12"/>
    </row>
    <row r="549334" spans="8:8">
      <c r="H549334" s="12"/>
    </row>
    <row r="549335" spans="8:8">
      <c r="H549335" s="12"/>
    </row>
    <row r="549336" spans="8:8">
      <c r="H549336" s="12"/>
    </row>
    <row r="549337" spans="8:8">
      <c r="H549337" s="12"/>
    </row>
    <row r="549338" spans="8:8">
      <c r="H549338" s="12"/>
    </row>
    <row r="549339" spans="8:8">
      <c r="H549339" s="12"/>
    </row>
    <row r="549340" spans="8:8">
      <c r="H549340" s="12"/>
    </row>
    <row r="549341" spans="8:8">
      <c r="H549341" s="12"/>
    </row>
    <row r="549342" spans="8:8">
      <c r="H549342" s="12"/>
    </row>
    <row r="549343" spans="8:8">
      <c r="H549343" s="12"/>
    </row>
    <row r="549344" spans="8:8">
      <c r="H549344" s="12"/>
    </row>
    <row r="549345" spans="8:8">
      <c r="H549345" s="12"/>
    </row>
    <row r="549346" spans="8:8">
      <c r="H549346" s="12"/>
    </row>
    <row r="549347" spans="8:8">
      <c r="H549347" s="12"/>
    </row>
    <row r="549348" spans="8:8">
      <c r="H549348" s="12"/>
    </row>
    <row r="549349" spans="8:8">
      <c r="H549349" s="12"/>
    </row>
    <row r="549350" spans="8:8">
      <c r="H549350" s="12"/>
    </row>
    <row r="549351" spans="8:8">
      <c r="H549351" s="12"/>
    </row>
    <row r="549352" spans="8:8">
      <c r="H549352" s="12"/>
    </row>
    <row r="549353" spans="8:8">
      <c r="H549353" s="12"/>
    </row>
    <row r="549354" spans="8:8">
      <c r="H549354" s="12"/>
    </row>
    <row r="549355" spans="8:8">
      <c r="H549355" s="12"/>
    </row>
    <row r="549356" spans="8:8">
      <c r="H549356" s="12"/>
    </row>
    <row r="549357" spans="8:8">
      <c r="H549357" s="12"/>
    </row>
    <row r="549358" spans="8:8">
      <c r="H549358" s="12"/>
    </row>
    <row r="549359" spans="8:8">
      <c r="H549359" s="12"/>
    </row>
    <row r="549360" spans="8:8">
      <c r="H549360" s="12"/>
    </row>
    <row r="549361" spans="8:8">
      <c r="H549361" s="12"/>
    </row>
    <row r="549362" spans="8:8">
      <c r="H549362" s="12"/>
    </row>
    <row r="549363" spans="8:8">
      <c r="H549363" s="12"/>
    </row>
    <row r="549364" spans="8:8">
      <c r="H549364" s="12"/>
    </row>
    <row r="549365" spans="8:8">
      <c r="H549365" s="12"/>
    </row>
    <row r="549366" spans="8:8">
      <c r="H549366" s="12"/>
    </row>
    <row r="549367" spans="8:8">
      <c r="H549367" s="12"/>
    </row>
    <row r="549368" spans="8:8">
      <c r="H549368" s="12"/>
    </row>
    <row r="549369" spans="8:8">
      <c r="H549369" s="12"/>
    </row>
    <row r="549370" spans="8:8">
      <c r="H549370" s="12"/>
    </row>
    <row r="549371" spans="8:8">
      <c r="H549371" s="12"/>
    </row>
    <row r="549372" spans="8:8">
      <c r="H549372" s="12"/>
    </row>
    <row r="549373" spans="8:8">
      <c r="H549373" s="12"/>
    </row>
    <row r="549374" spans="8:8">
      <c r="H549374" s="12"/>
    </row>
    <row r="549375" spans="8:8">
      <c r="H549375" s="12"/>
    </row>
    <row r="549376" spans="8:8">
      <c r="H549376" s="12"/>
    </row>
    <row r="549377" spans="8:8">
      <c r="H549377" s="12"/>
    </row>
    <row r="549378" spans="8:8">
      <c r="H549378" s="12"/>
    </row>
    <row r="549379" spans="8:8">
      <c r="H549379" s="12"/>
    </row>
    <row r="549380" spans="8:8">
      <c r="H549380" s="12"/>
    </row>
    <row r="549381" spans="8:8">
      <c r="H549381" s="12"/>
    </row>
    <row r="549382" spans="8:8">
      <c r="H549382" s="12"/>
    </row>
    <row r="549383" spans="8:8">
      <c r="H549383" s="12"/>
    </row>
    <row r="549384" spans="8:8">
      <c r="H549384" s="12"/>
    </row>
    <row r="549385" spans="8:8">
      <c r="H549385" s="12"/>
    </row>
    <row r="549386" spans="8:8">
      <c r="H549386" s="12"/>
    </row>
    <row r="549387" spans="8:8">
      <c r="H549387" s="12"/>
    </row>
    <row r="549388" spans="8:8">
      <c r="H549388" s="12"/>
    </row>
    <row r="549389" spans="8:8">
      <c r="H549389" s="12"/>
    </row>
    <row r="549390" spans="8:8">
      <c r="H549390" s="12"/>
    </row>
    <row r="549391" spans="8:8">
      <c r="H549391" s="12"/>
    </row>
    <row r="549392" spans="8:8">
      <c r="H549392" s="12"/>
    </row>
    <row r="549393" spans="8:8">
      <c r="H549393" s="12"/>
    </row>
    <row r="549394" spans="8:8">
      <c r="H549394" s="12"/>
    </row>
    <row r="549395" spans="8:8">
      <c r="H549395" s="12"/>
    </row>
    <row r="549396" spans="8:8">
      <c r="H549396" s="12"/>
    </row>
    <row r="549397" spans="8:8">
      <c r="H549397" s="12"/>
    </row>
    <row r="549398" spans="8:8">
      <c r="H549398" s="12"/>
    </row>
    <row r="549399" spans="8:8">
      <c r="H549399" s="12"/>
    </row>
    <row r="549400" spans="8:8">
      <c r="H549400" s="12"/>
    </row>
    <row r="549401" spans="8:8">
      <c r="H549401" s="12"/>
    </row>
    <row r="549402" spans="8:8">
      <c r="H549402" s="12"/>
    </row>
    <row r="549403" spans="8:8">
      <c r="H549403" s="12"/>
    </row>
    <row r="549404" spans="8:8">
      <c r="H549404" s="12"/>
    </row>
    <row r="549405" spans="8:8">
      <c r="H549405" s="12"/>
    </row>
    <row r="549406" spans="8:8">
      <c r="H549406" s="12"/>
    </row>
    <row r="549407" spans="8:8">
      <c r="H549407" s="12"/>
    </row>
    <row r="549408" spans="8:8">
      <c r="H549408" s="12"/>
    </row>
    <row r="549409" spans="8:8">
      <c r="H549409" s="12"/>
    </row>
    <row r="549410" spans="8:8">
      <c r="H549410" s="12"/>
    </row>
    <row r="549411" spans="8:8">
      <c r="H549411" s="12"/>
    </row>
    <row r="549412" spans="8:8">
      <c r="H549412" s="12"/>
    </row>
    <row r="549413" spans="8:8">
      <c r="H549413" s="12"/>
    </row>
    <row r="549414" spans="8:8">
      <c r="H549414" s="12"/>
    </row>
    <row r="549415" spans="8:8">
      <c r="H549415" s="12"/>
    </row>
    <row r="549416" spans="8:8">
      <c r="H549416" s="12"/>
    </row>
    <row r="549417" spans="8:8">
      <c r="H549417" s="12"/>
    </row>
    <row r="549418" spans="8:8">
      <c r="H549418" s="12"/>
    </row>
    <row r="549419" spans="8:8">
      <c r="H549419" s="12"/>
    </row>
    <row r="549420" spans="8:8">
      <c r="H549420" s="12"/>
    </row>
    <row r="549421" spans="8:8">
      <c r="H549421" s="12"/>
    </row>
    <row r="549422" spans="8:8">
      <c r="H549422" s="12"/>
    </row>
    <row r="549423" spans="8:8">
      <c r="H549423" s="12"/>
    </row>
    <row r="549424" spans="8:8">
      <c r="H549424" s="12"/>
    </row>
    <row r="549425" spans="8:8">
      <c r="H549425" s="12"/>
    </row>
    <row r="549426" spans="8:8">
      <c r="H549426" s="12"/>
    </row>
    <row r="549427" spans="8:8">
      <c r="H549427" s="12"/>
    </row>
    <row r="549428" spans="8:8">
      <c r="H549428" s="12"/>
    </row>
    <row r="549429" spans="8:8">
      <c r="H549429" s="12"/>
    </row>
    <row r="549430" spans="8:8">
      <c r="H549430" s="12"/>
    </row>
    <row r="549431" spans="8:8">
      <c r="H549431" s="12"/>
    </row>
    <row r="549432" spans="8:8">
      <c r="H549432" s="12"/>
    </row>
    <row r="549433" spans="8:8">
      <c r="H549433" s="12"/>
    </row>
    <row r="549434" spans="8:8">
      <c r="H549434" s="12"/>
    </row>
    <row r="549435" spans="8:8">
      <c r="H549435" s="12"/>
    </row>
    <row r="549436" spans="8:8">
      <c r="H549436" s="12"/>
    </row>
    <row r="549437" spans="8:8">
      <c r="H549437" s="12"/>
    </row>
    <row r="549438" spans="8:8">
      <c r="H549438" s="12"/>
    </row>
    <row r="549439" spans="8:8">
      <c r="H549439" s="12"/>
    </row>
    <row r="549440" spans="8:8">
      <c r="H549440" s="12"/>
    </row>
    <row r="549441" spans="8:8">
      <c r="H549441" s="12"/>
    </row>
    <row r="549442" spans="8:8">
      <c r="H549442" s="12"/>
    </row>
    <row r="549443" spans="8:8">
      <c r="H549443" s="12"/>
    </row>
    <row r="549444" spans="8:8">
      <c r="H549444" s="12"/>
    </row>
    <row r="549445" spans="8:8">
      <c r="H549445" s="12"/>
    </row>
    <row r="549446" spans="8:8">
      <c r="H549446" s="12"/>
    </row>
    <row r="549447" spans="8:8">
      <c r="H549447" s="12"/>
    </row>
    <row r="549448" spans="8:8">
      <c r="H549448" s="12"/>
    </row>
    <row r="549449" spans="8:8">
      <c r="H549449" s="12"/>
    </row>
    <row r="549450" spans="8:8">
      <c r="H549450" s="12"/>
    </row>
    <row r="549451" spans="8:8">
      <c r="H549451" s="12"/>
    </row>
    <row r="549452" spans="8:8">
      <c r="H549452" s="12"/>
    </row>
    <row r="549453" spans="8:8">
      <c r="H549453" s="12"/>
    </row>
    <row r="549454" spans="8:8">
      <c r="H549454" s="12"/>
    </row>
    <row r="549455" spans="8:8">
      <c r="H549455" s="12"/>
    </row>
    <row r="549456" spans="8:8">
      <c r="H549456" s="12"/>
    </row>
    <row r="549457" spans="8:8">
      <c r="H549457" s="12"/>
    </row>
    <row r="549458" spans="8:8">
      <c r="H549458" s="12"/>
    </row>
    <row r="549459" spans="8:8">
      <c r="H549459" s="12"/>
    </row>
    <row r="549460" spans="8:8">
      <c r="H549460" s="12"/>
    </row>
    <row r="549461" spans="8:8">
      <c r="H549461" s="12"/>
    </row>
    <row r="549462" spans="8:8">
      <c r="H549462" s="12"/>
    </row>
    <row r="549463" spans="8:8">
      <c r="H549463" s="12"/>
    </row>
    <row r="549464" spans="8:8">
      <c r="H549464" s="12"/>
    </row>
    <row r="549465" spans="8:8">
      <c r="H549465" s="12"/>
    </row>
    <row r="549466" spans="8:8">
      <c r="H549466" s="12"/>
    </row>
    <row r="549467" spans="8:8">
      <c r="H549467" s="12"/>
    </row>
    <row r="549468" spans="8:8">
      <c r="H549468" s="12"/>
    </row>
    <row r="549469" spans="8:8">
      <c r="H549469" s="12"/>
    </row>
    <row r="549470" spans="8:8">
      <c r="H549470" s="12"/>
    </row>
    <row r="549471" spans="8:8">
      <c r="H549471" s="12"/>
    </row>
    <row r="549472" spans="8:8">
      <c r="H549472" s="12"/>
    </row>
    <row r="549473" spans="8:8">
      <c r="H549473" s="12"/>
    </row>
    <row r="549474" spans="8:8">
      <c r="H549474" s="12"/>
    </row>
    <row r="549475" spans="8:8">
      <c r="H549475" s="12"/>
    </row>
    <row r="549476" spans="8:8">
      <c r="H549476" s="12"/>
    </row>
    <row r="549477" spans="8:8">
      <c r="H549477" s="12"/>
    </row>
    <row r="549478" spans="8:8">
      <c r="H549478" s="12"/>
    </row>
    <row r="549479" spans="8:8">
      <c r="H549479" s="12"/>
    </row>
    <row r="549480" spans="8:8">
      <c r="H549480" s="12"/>
    </row>
    <row r="549481" spans="8:8">
      <c r="H549481" s="12"/>
    </row>
    <row r="549482" spans="8:8">
      <c r="H549482" s="12"/>
    </row>
    <row r="549483" spans="8:8">
      <c r="H549483" s="12"/>
    </row>
    <row r="549484" spans="8:8">
      <c r="H549484" s="12"/>
    </row>
    <row r="549485" spans="8:8">
      <c r="H549485" s="12"/>
    </row>
    <row r="549486" spans="8:8">
      <c r="H549486" s="12"/>
    </row>
    <row r="549487" spans="8:8">
      <c r="H549487" s="12"/>
    </row>
    <row r="549488" spans="8:8">
      <c r="H549488" s="12"/>
    </row>
    <row r="549489" spans="8:8">
      <c r="H549489" s="12"/>
    </row>
    <row r="549490" spans="8:8">
      <c r="H549490" s="12"/>
    </row>
    <row r="549491" spans="8:8">
      <c r="H549491" s="12"/>
    </row>
    <row r="549492" spans="8:8">
      <c r="H549492" s="12"/>
    </row>
    <row r="549493" spans="8:8">
      <c r="H549493" s="12"/>
    </row>
    <row r="549494" spans="8:8">
      <c r="H549494" s="12"/>
    </row>
    <row r="549495" spans="8:8">
      <c r="H549495" s="12"/>
    </row>
    <row r="549496" spans="8:8">
      <c r="H549496" s="12"/>
    </row>
    <row r="549497" spans="8:8">
      <c r="H549497" s="12"/>
    </row>
    <row r="549498" spans="8:8">
      <c r="H549498" s="12"/>
    </row>
    <row r="549499" spans="8:8">
      <c r="H549499" s="12"/>
    </row>
    <row r="549500" spans="8:8">
      <c r="H549500" s="12"/>
    </row>
    <row r="549501" spans="8:8">
      <c r="H549501" s="12"/>
    </row>
    <row r="549502" spans="8:8">
      <c r="H549502" s="12"/>
    </row>
    <row r="549503" spans="8:8">
      <c r="H549503" s="12"/>
    </row>
    <row r="549504" spans="8:8">
      <c r="H549504" s="12"/>
    </row>
    <row r="549505" spans="8:8">
      <c r="H549505" s="12"/>
    </row>
    <row r="549506" spans="8:8">
      <c r="H549506" s="12"/>
    </row>
    <row r="549507" spans="8:8">
      <c r="H549507" s="12"/>
    </row>
    <row r="549508" spans="8:8">
      <c r="H549508" s="12"/>
    </row>
    <row r="549509" spans="8:8">
      <c r="H549509" s="12"/>
    </row>
    <row r="549510" spans="8:8">
      <c r="H549510" s="12"/>
    </row>
    <row r="549511" spans="8:8">
      <c r="H549511" s="12"/>
    </row>
    <row r="549512" spans="8:8">
      <c r="H549512" s="12"/>
    </row>
    <row r="549513" spans="8:8">
      <c r="H549513" s="12"/>
    </row>
    <row r="549514" spans="8:8">
      <c r="H549514" s="12"/>
    </row>
    <row r="549515" spans="8:8">
      <c r="H549515" s="12"/>
    </row>
    <row r="549516" spans="8:8">
      <c r="H549516" s="12"/>
    </row>
    <row r="549517" spans="8:8">
      <c r="H549517" s="12"/>
    </row>
    <row r="549518" spans="8:8">
      <c r="H549518" s="12"/>
    </row>
    <row r="549519" spans="8:8">
      <c r="H549519" s="12"/>
    </row>
    <row r="549520" spans="8:8">
      <c r="H549520" s="12"/>
    </row>
    <row r="549521" spans="8:8">
      <c r="H549521" s="12"/>
    </row>
    <row r="549522" spans="8:8">
      <c r="H549522" s="12"/>
    </row>
    <row r="549523" spans="8:8">
      <c r="H549523" s="12"/>
    </row>
    <row r="549524" spans="8:8">
      <c r="H549524" s="12"/>
    </row>
    <row r="549525" spans="8:8">
      <c r="H549525" s="12"/>
    </row>
    <row r="549526" spans="8:8">
      <c r="H549526" s="12"/>
    </row>
    <row r="549527" spans="8:8">
      <c r="H549527" s="12"/>
    </row>
    <row r="549528" spans="8:8">
      <c r="H549528" s="12"/>
    </row>
    <row r="549529" spans="8:8">
      <c r="H549529" s="12"/>
    </row>
    <row r="549530" spans="8:8">
      <c r="H549530" s="12"/>
    </row>
    <row r="549531" spans="8:8">
      <c r="H549531" s="12"/>
    </row>
    <row r="549532" spans="8:8">
      <c r="H549532" s="12"/>
    </row>
    <row r="549533" spans="8:8">
      <c r="H549533" s="12"/>
    </row>
    <row r="549534" spans="8:8">
      <c r="H549534" s="12"/>
    </row>
    <row r="549535" spans="8:8">
      <c r="H549535" s="12"/>
    </row>
    <row r="549536" spans="8:8">
      <c r="H549536" s="12"/>
    </row>
    <row r="549537" spans="8:8">
      <c r="H549537" s="12"/>
    </row>
    <row r="549538" spans="8:8">
      <c r="H549538" s="12"/>
    </row>
    <row r="549539" spans="8:8">
      <c r="H549539" s="12"/>
    </row>
    <row r="549540" spans="8:8">
      <c r="H549540" s="12"/>
    </row>
    <row r="549541" spans="8:8">
      <c r="H549541" s="12"/>
    </row>
    <row r="549542" spans="8:8">
      <c r="H549542" s="12"/>
    </row>
    <row r="549543" spans="8:8">
      <c r="H549543" s="12"/>
    </row>
    <row r="549544" spans="8:8">
      <c r="H549544" s="12"/>
    </row>
    <row r="549545" spans="8:8">
      <c r="H549545" s="12"/>
    </row>
    <row r="549546" spans="8:8">
      <c r="H549546" s="12"/>
    </row>
    <row r="549547" spans="8:8">
      <c r="H549547" s="12"/>
    </row>
    <row r="549548" spans="8:8">
      <c r="H549548" s="12"/>
    </row>
    <row r="549549" spans="8:8">
      <c r="H549549" s="12"/>
    </row>
    <row r="549550" spans="8:8">
      <c r="H549550" s="12"/>
    </row>
    <row r="549551" spans="8:8">
      <c r="H549551" s="12"/>
    </row>
    <row r="549552" spans="8:8">
      <c r="H549552" s="12"/>
    </row>
    <row r="549553" spans="8:8">
      <c r="H549553" s="12"/>
    </row>
    <row r="549554" spans="8:8">
      <c r="H549554" s="12"/>
    </row>
    <row r="549555" spans="8:8">
      <c r="H549555" s="12"/>
    </row>
    <row r="549556" spans="8:8">
      <c r="H549556" s="12"/>
    </row>
    <row r="549557" spans="8:8">
      <c r="H549557" s="12"/>
    </row>
    <row r="549558" spans="8:8">
      <c r="H549558" s="12"/>
    </row>
    <row r="549559" spans="8:8">
      <c r="H549559" s="12"/>
    </row>
    <row r="549560" spans="8:8">
      <c r="H549560" s="12"/>
    </row>
    <row r="549561" spans="8:8">
      <c r="H549561" s="12"/>
    </row>
    <row r="549562" spans="8:8">
      <c r="H549562" s="12"/>
    </row>
    <row r="549563" spans="8:8">
      <c r="H549563" s="12"/>
    </row>
    <row r="549564" spans="8:8">
      <c r="H549564" s="12"/>
    </row>
    <row r="549565" spans="8:8">
      <c r="H549565" s="12"/>
    </row>
    <row r="549566" spans="8:8">
      <c r="H549566" s="12"/>
    </row>
    <row r="549567" spans="8:8">
      <c r="H549567" s="12"/>
    </row>
    <row r="549568" spans="8:8">
      <c r="H549568" s="12"/>
    </row>
    <row r="549569" spans="8:8">
      <c r="H549569" s="12"/>
    </row>
    <row r="549570" spans="8:8">
      <c r="H549570" s="12"/>
    </row>
    <row r="549571" spans="8:8">
      <c r="H549571" s="12"/>
    </row>
    <row r="549572" spans="8:8">
      <c r="H549572" s="12"/>
    </row>
    <row r="549573" spans="8:8">
      <c r="H549573" s="12"/>
    </row>
    <row r="549574" spans="8:8">
      <c r="H549574" s="12"/>
    </row>
    <row r="549575" spans="8:8">
      <c r="H549575" s="12"/>
    </row>
    <row r="549576" spans="8:8">
      <c r="H549576" s="12"/>
    </row>
    <row r="549577" spans="8:8">
      <c r="H549577" s="12"/>
    </row>
    <row r="549578" spans="8:8">
      <c r="H549578" s="12"/>
    </row>
    <row r="549579" spans="8:8">
      <c r="H549579" s="12"/>
    </row>
    <row r="549580" spans="8:8">
      <c r="H549580" s="12"/>
    </row>
    <row r="549581" spans="8:8">
      <c r="H549581" s="12"/>
    </row>
    <row r="549582" spans="8:8">
      <c r="H549582" s="12"/>
    </row>
    <row r="549583" spans="8:8">
      <c r="H549583" s="12"/>
    </row>
    <row r="549584" spans="8:8">
      <c r="H549584" s="12"/>
    </row>
    <row r="549585" spans="8:8">
      <c r="H549585" s="12"/>
    </row>
    <row r="549586" spans="8:8">
      <c r="H549586" s="12"/>
    </row>
    <row r="549587" spans="8:8">
      <c r="H549587" s="12"/>
    </row>
    <row r="549588" spans="8:8">
      <c r="H549588" s="12"/>
    </row>
    <row r="549589" spans="8:8">
      <c r="H549589" s="12"/>
    </row>
    <row r="549590" spans="8:8">
      <c r="H549590" s="12"/>
    </row>
    <row r="549591" spans="8:8">
      <c r="H549591" s="12"/>
    </row>
    <row r="549592" spans="8:8">
      <c r="H549592" s="12"/>
    </row>
    <row r="549593" spans="8:8">
      <c r="H549593" s="12"/>
    </row>
    <row r="549594" spans="8:8">
      <c r="H549594" s="12"/>
    </row>
    <row r="549595" spans="8:8">
      <c r="H549595" s="12"/>
    </row>
    <row r="549596" spans="8:8">
      <c r="H549596" s="12"/>
    </row>
    <row r="549597" spans="8:8">
      <c r="H549597" s="12"/>
    </row>
    <row r="549598" spans="8:8">
      <c r="H549598" s="12"/>
    </row>
    <row r="549599" spans="8:8">
      <c r="H549599" s="12"/>
    </row>
    <row r="549600" spans="8:8">
      <c r="H549600" s="12"/>
    </row>
    <row r="549601" spans="8:8">
      <c r="H549601" s="12"/>
    </row>
    <row r="549602" spans="8:8">
      <c r="H549602" s="12"/>
    </row>
    <row r="549603" spans="8:8">
      <c r="H549603" s="12"/>
    </row>
    <row r="549604" spans="8:8">
      <c r="H549604" s="12"/>
    </row>
    <row r="549605" spans="8:8">
      <c r="H549605" s="12"/>
    </row>
    <row r="549606" spans="8:8">
      <c r="H549606" s="12"/>
    </row>
    <row r="549607" spans="8:8">
      <c r="H549607" s="12"/>
    </row>
    <row r="549608" spans="8:8">
      <c r="H549608" s="12"/>
    </row>
    <row r="549609" spans="8:8">
      <c r="H549609" s="12"/>
    </row>
    <row r="549610" spans="8:8">
      <c r="H549610" s="12"/>
    </row>
    <row r="549611" spans="8:8">
      <c r="H549611" s="12"/>
    </row>
    <row r="549612" spans="8:8">
      <c r="H549612" s="12"/>
    </row>
    <row r="549613" spans="8:8">
      <c r="H549613" s="12"/>
    </row>
    <row r="549614" spans="8:8">
      <c r="H549614" s="12"/>
    </row>
    <row r="549615" spans="8:8">
      <c r="H549615" s="12"/>
    </row>
    <row r="549616" spans="8:8">
      <c r="H549616" s="12"/>
    </row>
    <row r="549617" spans="8:8">
      <c r="H549617" s="12"/>
    </row>
    <row r="549618" spans="8:8">
      <c r="H549618" s="12"/>
    </row>
    <row r="549619" spans="8:8">
      <c r="H549619" s="12"/>
    </row>
    <row r="549620" spans="8:8">
      <c r="H549620" s="12"/>
    </row>
    <row r="549621" spans="8:8">
      <c r="H549621" s="12"/>
    </row>
    <row r="549622" spans="8:8">
      <c r="H549622" s="12"/>
    </row>
    <row r="549623" spans="8:8">
      <c r="H549623" s="12"/>
    </row>
    <row r="549624" spans="8:8">
      <c r="H549624" s="12"/>
    </row>
    <row r="549625" spans="8:8">
      <c r="H549625" s="12"/>
    </row>
    <row r="549626" spans="8:8">
      <c r="H549626" s="12"/>
    </row>
    <row r="549627" spans="8:8">
      <c r="H549627" s="12"/>
    </row>
    <row r="549628" spans="8:8">
      <c r="H549628" s="12"/>
    </row>
    <row r="549629" spans="8:8">
      <c r="H549629" s="12"/>
    </row>
    <row r="549630" spans="8:8">
      <c r="H549630" s="12"/>
    </row>
    <row r="549631" spans="8:8">
      <c r="H549631" s="12"/>
    </row>
    <row r="549632" spans="8:8">
      <c r="H549632" s="12"/>
    </row>
    <row r="549633" spans="8:8">
      <c r="H549633" s="12"/>
    </row>
    <row r="549634" spans="8:8">
      <c r="H549634" s="12"/>
    </row>
    <row r="549635" spans="8:8">
      <c r="H549635" s="12"/>
    </row>
    <row r="549636" spans="8:8">
      <c r="H549636" s="12"/>
    </row>
    <row r="549637" spans="8:8">
      <c r="H549637" s="12"/>
    </row>
    <row r="549638" spans="8:8">
      <c r="H549638" s="12"/>
    </row>
    <row r="549639" spans="8:8">
      <c r="H549639" s="12"/>
    </row>
    <row r="549640" spans="8:8">
      <c r="H549640" s="12"/>
    </row>
    <row r="549641" spans="8:8">
      <c r="H549641" s="12"/>
    </row>
    <row r="549642" spans="8:8">
      <c r="H549642" s="12"/>
    </row>
    <row r="549643" spans="8:8">
      <c r="H549643" s="12"/>
    </row>
    <row r="549644" spans="8:8">
      <c r="H549644" s="12"/>
    </row>
    <row r="549645" spans="8:8">
      <c r="H549645" s="12"/>
    </row>
    <row r="549646" spans="8:8">
      <c r="H549646" s="12"/>
    </row>
    <row r="549647" spans="8:8">
      <c r="H549647" s="12"/>
    </row>
    <row r="549648" spans="8:8">
      <c r="H549648" s="12"/>
    </row>
    <row r="549649" spans="8:8">
      <c r="H549649" s="12"/>
    </row>
    <row r="549650" spans="8:8">
      <c r="H549650" s="12"/>
    </row>
    <row r="549651" spans="8:8">
      <c r="H549651" s="12"/>
    </row>
    <row r="549652" spans="8:8">
      <c r="H549652" s="12"/>
    </row>
    <row r="549653" spans="8:8">
      <c r="H549653" s="12"/>
    </row>
    <row r="549654" spans="8:8">
      <c r="H549654" s="12"/>
    </row>
    <row r="549655" spans="8:8">
      <c r="H549655" s="12"/>
    </row>
    <row r="549656" spans="8:8">
      <c r="H549656" s="12"/>
    </row>
    <row r="549657" spans="8:8">
      <c r="H549657" s="12"/>
    </row>
    <row r="549658" spans="8:8">
      <c r="H549658" s="12"/>
    </row>
    <row r="549659" spans="8:8">
      <c r="H549659" s="12"/>
    </row>
    <row r="549660" spans="8:8">
      <c r="H549660" s="12"/>
    </row>
    <row r="549661" spans="8:8">
      <c r="H549661" s="12"/>
    </row>
    <row r="549662" spans="8:8">
      <c r="H549662" s="12"/>
    </row>
    <row r="549663" spans="8:8">
      <c r="H549663" s="12"/>
    </row>
    <row r="549664" spans="8:8">
      <c r="H549664" s="12"/>
    </row>
    <row r="549665" spans="8:8">
      <c r="H549665" s="12"/>
    </row>
    <row r="549666" spans="8:8">
      <c r="H549666" s="12"/>
    </row>
    <row r="549667" spans="8:8">
      <c r="H549667" s="12"/>
    </row>
    <row r="549668" spans="8:8">
      <c r="H549668" s="12"/>
    </row>
    <row r="549669" spans="8:8">
      <c r="H549669" s="12"/>
    </row>
    <row r="549670" spans="8:8">
      <c r="H549670" s="12"/>
    </row>
    <row r="549671" spans="8:8">
      <c r="H549671" s="12"/>
    </row>
    <row r="549672" spans="8:8">
      <c r="H549672" s="12"/>
    </row>
    <row r="549673" spans="8:8">
      <c r="H549673" s="12"/>
    </row>
    <row r="549674" spans="8:8">
      <c r="H549674" s="12"/>
    </row>
    <row r="549675" spans="8:8">
      <c r="H549675" s="12"/>
    </row>
    <row r="549676" spans="8:8">
      <c r="H549676" s="12"/>
    </row>
    <row r="549677" spans="8:8">
      <c r="H549677" s="12"/>
    </row>
    <row r="549678" spans="8:8">
      <c r="H549678" s="12"/>
    </row>
    <row r="549679" spans="8:8">
      <c r="H549679" s="12"/>
    </row>
    <row r="549680" spans="8:8">
      <c r="H549680" s="12"/>
    </row>
    <row r="549681" spans="8:8">
      <c r="H549681" s="12"/>
    </row>
    <row r="549682" spans="8:8">
      <c r="H549682" s="12"/>
    </row>
    <row r="549683" spans="8:8">
      <c r="H549683" s="12"/>
    </row>
    <row r="549684" spans="8:8">
      <c r="H549684" s="12"/>
    </row>
    <row r="549685" spans="8:8">
      <c r="H549685" s="12"/>
    </row>
    <row r="549686" spans="8:8">
      <c r="H549686" s="12"/>
    </row>
    <row r="549687" spans="8:8">
      <c r="H549687" s="12"/>
    </row>
    <row r="549688" spans="8:8">
      <c r="H549688" s="12"/>
    </row>
    <row r="549689" spans="8:8">
      <c r="H549689" s="12"/>
    </row>
    <row r="549690" spans="8:8">
      <c r="H549690" s="12"/>
    </row>
    <row r="549691" spans="8:8">
      <c r="H549691" s="12"/>
    </row>
    <row r="549692" spans="8:8">
      <c r="H549692" s="12"/>
    </row>
    <row r="549693" spans="8:8">
      <c r="H549693" s="12"/>
    </row>
    <row r="549694" spans="8:8">
      <c r="H549694" s="12"/>
    </row>
    <row r="549695" spans="8:8">
      <c r="H549695" s="12"/>
    </row>
    <row r="549696" spans="8:8">
      <c r="H549696" s="12"/>
    </row>
    <row r="549697" spans="8:8">
      <c r="H549697" s="12"/>
    </row>
    <row r="549698" spans="8:8">
      <c r="H549698" s="12"/>
    </row>
    <row r="549699" spans="8:8">
      <c r="H549699" s="12"/>
    </row>
    <row r="549700" spans="8:8">
      <c r="H549700" s="12"/>
    </row>
    <row r="549701" spans="8:8">
      <c r="H549701" s="12"/>
    </row>
    <row r="549702" spans="8:8">
      <c r="H549702" s="12"/>
    </row>
    <row r="549703" spans="8:8">
      <c r="H549703" s="12"/>
    </row>
    <row r="549704" spans="8:8">
      <c r="H549704" s="12"/>
    </row>
    <row r="549705" spans="8:8">
      <c r="H549705" s="12"/>
    </row>
    <row r="549706" spans="8:8">
      <c r="H549706" s="12"/>
    </row>
    <row r="549707" spans="8:8">
      <c r="H549707" s="12"/>
    </row>
    <row r="549708" spans="8:8">
      <c r="H549708" s="12"/>
    </row>
    <row r="549709" spans="8:8">
      <c r="H549709" s="12"/>
    </row>
    <row r="549710" spans="8:8">
      <c r="H549710" s="12"/>
    </row>
    <row r="549711" spans="8:8">
      <c r="H549711" s="12"/>
    </row>
    <row r="549712" spans="8:8">
      <c r="H549712" s="12"/>
    </row>
    <row r="549713" spans="8:8">
      <c r="H549713" s="12"/>
    </row>
    <row r="549714" spans="8:8">
      <c r="H549714" s="12"/>
    </row>
    <row r="549715" spans="8:8">
      <c r="H549715" s="12"/>
    </row>
    <row r="549716" spans="8:8">
      <c r="H549716" s="12"/>
    </row>
    <row r="549717" spans="8:8">
      <c r="H549717" s="12"/>
    </row>
    <row r="549718" spans="8:8">
      <c r="H549718" s="12"/>
    </row>
    <row r="549719" spans="8:8">
      <c r="H549719" s="12"/>
    </row>
    <row r="549720" spans="8:8">
      <c r="H549720" s="12"/>
    </row>
    <row r="549721" spans="8:8">
      <c r="H549721" s="12"/>
    </row>
    <row r="549722" spans="8:8">
      <c r="H549722" s="12"/>
    </row>
    <row r="549723" spans="8:8">
      <c r="H549723" s="12"/>
    </row>
    <row r="549724" spans="8:8">
      <c r="H549724" s="12"/>
    </row>
    <row r="549725" spans="8:8">
      <c r="H549725" s="12"/>
    </row>
    <row r="549726" spans="8:8">
      <c r="H549726" s="12"/>
    </row>
    <row r="549727" spans="8:8">
      <c r="H549727" s="12"/>
    </row>
    <row r="549728" spans="8:8">
      <c r="H549728" s="12"/>
    </row>
    <row r="549729" spans="8:8">
      <c r="H549729" s="12"/>
    </row>
    <row r="549730" spans="8:8">
      <c r="H549730" s="12"/>
    </row>
    <row r="549731" spans="8:8">
      <c r="H549731" s="12"/>
    </row>
    <row r="549732" spans="8:8">
      <c r="H549732" s="12"/>
    </row>
    <row r="549733" spans="8:8">
      <c r="H549733" s="12"/>
    </row>
    <row r="549734" spans="8:8">
      <c r="H549734" s="12"/>
    </row>
    <row r="549735" spans="8:8">
      <c r="H549735" s="12"/>
    </row>
    <row r="549736" spans="8:8">
      <c r="H549736" s="12"/>
    </row>
    <row r="549737" spans="8:8">
      <c r="H549737" s="12"/>
    </row>
    <row r="549738" spans="8:8">
      <c r="H549738" s="12"/>
    </row>
    <row r="549739" spans="8:8">
      <c r="H549739" s="12"/>
    </row>
    <row r="549740" spans="8:8">
      <c r="H549740" s="12"/>
    </row>
    <row r="549741" spans="8:8">
      <c r="H549741" s="12"/>
    </row>
    <row r="549742" spans="8:8">
      <c r="H549742" s="12"/>
    </row>
    <row r="549743" spans="8:8">
      <c r="H549743" s="12"/>
    </row>
    <row r="549744" spans="8:8">
      <c r="H549744" s="12"/>
    </row>
    <row r="549745" spans="8:8">
      <c r="H549745" s="12"/>
    </row>
    <row r="549746" spans="8:8">
      <c r="H549746" s="12"/>
    </row>
    <row r="549747" spans="8:8">
      <c r="H549747" s="12"/>
    </row>
    <row r="549748" spans="8:8">
      <c r="H549748" s="12"/>
    </row>
    <row r="549749" spans="8:8">
      <c r="H549749" s="12"/>
    </row>
    <row r="549750" spans="8:8">
      <c r="H549750" s="12"/>
    </row>
    <row r="549751" spans="8:8">
      <c r="H549751" s="12"/>
    </row>
    <row r="549752" spans="8:8">
      <c r="H549752" s="12"/>
    </row>
    <row r="549753" spans="8:8">
      <c r="H549753" s="12"/>
    </row>
    <row r="549754" spans="8:8">
      <c r="H549754" s="12"/>
    </row>
    <row r="549755" spans="8:8">
      <c r="H549755" s="12"/>
    </row>
    <row r="549756" spans="8:8">
      <c r="H549756" s="12"/>
    </row>
    <row r="549757" spans="8:8">
      <c r="H549757" s="12"/>
    </row>
    <row r="549758" spans="8:8">
      <c r="H549758" s="12"/>
    </row>
    <row r="549759" spans="8:8">
      <c r="H549759" s="12"/>
    </row>
    <row r="549760" spans="8:8">
      <c r="H549760" s="12"/>
    </row>
    <row r="549761" spans="8:8">
      <c r="H549761" s="12"/>
    </row>
    <row r="549762" spans="8:8">
      <c r="H549762" s="12"/>
    </row>
    <row r="549763" spans="8:8">
      <c r="H549763" s="12"/>
    </row>
    <row r="549764" spans="8:8">
      <c r="H549764" s="12"/>
    </row>
    <row r="549765" spans="8:8">
      <c r="H549765" s="12"/>
    </row>
    <row r="549766" spans="8:8">
      <c r="H549766" s="12"/>
    </row>
    <row r="549767" spans="8:8">
      <c r="H549767" s="12"/>
    </row>
    <row r="549768" spans="8:8">
      <c r="H549768" s="12"/>
    </row>
    <row r="549769" spans="8:8">
      <c r="H549769" s="12"/>
    </row>
    <row r="549770" spans="8:8">
      <c r="H549770" s="12"/>
    </row>
    <row r="549771" spans="8:8">
      <c r="H549771" s="12"/>
    </row>
    <row r="549772" spans="8:8">
      <c r="H549772" s="12"/>
    </row>
    <row r="549773" spans="8:8">
      <c r="H549773" s="12"/>
    </row>
    <row r="549774" spans="8:8">
      <c r="H549774" s="12"/>
    </row>
    <row r="549775" spans="8:8">
      <c r="H549775" s="12"/>
    </row>
    <row r="549776" spans="8:8">
      <c r="H549776" s="12"/>
    </row>
    <row r="549777" spans="8:8">
      <c r="H549777" s="12"/>
    </row>
    <row r="549778" spans="8:8">
      <c r="H549778" s="12"/>
    </row>
    <row r="549779" spans="8:8">
      <c r="H549779" s="12"/>
    </row>
    <row r="549780" spans="8:8">
      <c r="H549780" s="12"/>
    </row>
    <row r="549781" spans="8:8">
      <c r="H549781" s="12"/>
    </row>
    <row r="549782" spans="8:8">
      <c r="H549782" s="12"/>
    </row>
    <row r="549783" spans="8:8">
      <c r="H549783" s="12"/>
    </row>
    <row r="549784" spans="8:8">
      <c r="H549784" s="12"/>
    </row>
    <row r="549785" spans="8:8">
      <c r="H549785" s="12"/>
    </row>
    <row r="549786" spans="8:8">
      <c r="H549786" s="12"/>
    </row>
    <row r="549787" spans="8:8">
      <c r="H549787" s="12"/>
    </row>
    <row r="549788" spans="8:8">
      <c r="H549788" s="12"/>
    </row>
    <row r="549789" spans="8:8">
      <c r="H549789" s="12"/>
    </row>
    <row r="549790" spans="8:8">
      <c r="H549790" s="12"/>
    </row>
    <row r="549791" spans="8:8">
      <c r="H549791" s="12"/>
    </row>
    <row r="549792" spans="8:8">
      <c r="H549792" s="12"/>
    </row>
    <row r="549793" spans="8:8">
      <c r="H549793" s="12"/>
    </row>
    <row r="549794" spans="8:8">
      <c r="H549794" s="12"/>
    </row>
    <row r="549795" spans="8:8">
      <c r="H549795" s="12"/>
    </row>
    <row r="549796" spans="8:8">
      <c r="H549796" s="12"/>
    </row>
    <row r="549797" spans="8:8">
      <c r="H549797" s="12"/>
    </row>
    <row r="549798" spans="8:8">
      <c r="H549798" s="12"/>
    </row>
    <row r="549799" spans="8:8">
      <c r="H549799" s="12"/>
    </row>
    <row r="549800" spans="8:8">
      <c r="H549800" s="12"/>
    </row>
    <row r="549801" spans="8:8">
      <c r="H549801" s="12"/>
    </row>
    <row r="549802" spans="8:8">
      <c r="H549802" s="12"/>
    </row>
    <row r="549803" spans="8:8">
      <c r="H549803" s="12"/>
    </row>
    <row r="549804" spans="8:8">
      <c r="H549804" s="12"/>
    </row>
    <row r="549805" spans="8:8">
      <c r="H549805" s="12"/>
    </row>
    <row r="549806" spans="8:8">
      <c r="H549806" s="12"/>
    </row>
    <row r="549807" spans="8:8">
      <c r="H549807" s="12"/>
    </row>
    <row r="549808" spans="8:8">
      <c r="H549808" s="12"/>
    </row>
    <row r="549809" spans="8:8">
      <c r="H549809" s="12"/>
    </row>
    <row r="549810" spans="8:8">
      <c r="H549810" s="12"/>
    </row>
    <row r="549811" spans="8:8">
      <c r="H549811" s="12"/>
    </row>
    <row r="549812" spans="8:8">
      <c r="H549812" s="12"/>
    </row>
    <row r="549813" spans="8:8">
      <c r="H549813" s="12"/>
    </row>
    <row r="549814" spans="8:8">
      <c r="H549814" s="12"/>
    </row>
    <row r="549815" spans="8:8">
      <c r="H549815" s="12"/>
    </row>
    <row r="549816" spans="8:8">
      <c r="H549816" s="12"/>
    </row>
    <row r="549817" spans="8:8">
      <c r="H549817" s="12"/>
    </row>
    <row r="549818" spans="8:8">
      <c r="H549818" s="12"/>
    </row>
    <row r="549819" spans="8:8">
      <c r="H549819" s="12"/>
    </row>
    <row r="549820" spans="8:8">
      <c r="H549820" s="12"/>
    </row>
    <row r="549821" spans="8:8">
      <c r="H549821" s="12"/>
    </row>
    <row r="549822" spans="8:8">
      <c r="H549822" s="12"/>
    </row>
    <row r="549823" spans="8:8">
      <c r="H549823" s="12"/>
    </row>
    <row r="549824" spans="8:8">
      <c r="H549824" s="12"/>
    </row>
    <row r="549825" spans="8:8">
      <c r="H549825" s="12"/>
    </row>
    <row r="549826" spans="8:8">
      <c r="H549826" s="12"/>
    </row>
    <row r="549827" spans="8:8">
      <c r="H549827" s="12"/>
    </row>
    <row r="549828" spans="8:8">
      <c r="H549828" s="12"/>
    </row>
    <row r="549829" spans="8:8">
      <c r="H549829" s="12"/>
    </row>
    <row r="549830" spans="8:8">
      <c r="H549830" s="12"/>
    </row>
    <row r="549831" spans="8:8">
      <c r="H549831" s="12"/>
    </row>
    <row r="549832" spans="8:8">
      <c r="H549832" s="12"/>
    </row>
    <row r="549833" spans="8:8">
      <c r="H549833" s="12"/>
    </row>
    <row r="549834" spans="8:8">
      <c r="H549834" s="12"/>
    </row>
    <row r="549835" spans="8:8">
      <c r="H549835" s="12"/>
    </row>
    <row r="549836" spans="8:8">
      <c r="H549836" s="12"/>
    </row>
    <row r="549837" spans="8:8">
      <c r="H549837" s="12"/>
    </row>
    <row r="549838" spans="8:8">
      <c r="H549838" s="12"/>
    </row>
    <row r="549839" spans="8:8">
      <c r="H549839" s="12"/>
    </row>
    <row r="549840" spans="8:8">
      <c r="H549840" s="12"/>
    </row>
    <row r="549841" spans="8:8">
      <c r="H549841" s="12"/>
    </row>
    <row r="549842" spans="8:8">
      <c r="H549842" s="12"/>
    </row>
    <row r="549843" spans="8:8">
      <c r="H549843" s="12"/>
    </row>
    <row r="549844" spans="8:8">
      <c r="H549844" s="12"/>
    </row>
    <row r="549845" spans="8:8">
      <c r="H549845" s="12"/>
    </row>
    <row r="549846" spans="8:8">
      <c r="H549846" s="12"/>
    </row>
    <row r="549847" spans="8:8">
      <c r="H549847" s="12"/>
    </row>
    <row r="549848" spans="8:8">
      <c r="H549848" s="12"/>
    </row>
    <row r="549849" spans="8:8">
      <c r="H549849" s="12"/>
    </row>
    <row r="549850" spans="8:8">
      <c r="H549850" s="12"/>
    </row>
    <row r="549851" spans="8:8">
      <c r="H549851" s="12"/>
    </row>
    <row r="549852" spans="8:8">
      <c r="H549852" s="12"/>
    </row>
    <row r="549853" spans="8:8">
      <c r="H549853" s="12"/>
    </row>
    <row r="549854" spans="8:8">
      <c r="H549854" s="12"/>
    </row>
    <row r="549855" spans="8:8">
      <c r="H549855" s="12"/>
    </row>
    <row r="549856" spans="8:8">
      <c r="H549856" s="12"/>
    </row>
    <row r="549857" spans="8:8">
      <c r="H549857" s="12"/>
    </row>
    <row r="549858" spans="8:8">
      <c r="H549858" s="12"/>
    </row>
    <row r="549859" spans="8:8">
      <c r="H549859" s="12"/>
    </row>
    <row r="549860" spans="8:8">
      <c r="H549860" s="12"/>
    </row>
    <row r="549861" spans="8:8">
      <c r="H549861" s="12"/>
    </row>
    <row r="549862" spans="8:8">
      <c r="H549862" s="12"/>
    </row>
    <row r="549863" spans="8:8">
      <c r="H549863" s="12"/>
    </row>
    <row r="549864" spans="8:8">
      <c r="H549864" s="12"/>
    </row>
    <row r="549865" spans="8:8">
      <c r="H549865" s="12"/>
    </row>
    <row r="549866" spans="8:8">
      <c r="H549866" s="12"/>
    </row>
    <row r="549867" spans="8:8">
      <c r="H549867" s="12"/>
    </row>
    <row r="549868" spans="8:8">
      <c r="H549868" s="12"/>
    </row>
    <row r="549869" spans="8:8">
      <c r="H549869" s="12"/>
    </row>
    <row r="549870" spans="8:8">
      <c r="H549870" s="12"/>
    </row>
    <row r="549871" spans="8:8">
      <c r="H549871" s="12"/>
    </row>
    <row r="549872" spans="8:8">
      <c r="H549872" s="12"/>
    </row>
    <row r="549873" spans="8:8">
      <c r="H549873" s="12"/>
    </row>
    <row r="549874" spans="8:8">
      <c r="H549874" s="12"/>
    </row>
    <row r="549875" spans="8:8">
      <c r="H549875" s="12"/>
    </row>
    <row r="549876" spans="8:8">
      <c r="H549876" s="12"/>
    </row>
    <row r="549877" spans="8:8">
      <c r="H549877" s="12"/>
    </row>
    <row r="549878" spans="8:8">
      <c r="H549878" s="12"/>
    </row>
    <row r="549879" spans="8:8">
      <c r="H549879" s="12"/>
    </row>
    <row r="549880" spans="8:8">
      <c r="H549880" s="12"/>
    </row>
    <row r="549881" spans="8:8">
      <c r="H549881" s="12"/>
    </row>
    <row r="549882" spans="8:8">
      <c r="H549882" s="12"/>
    </row>
    <row r="549883" spans="8:8">
      <c r="H549883" s="12"/>
    </row>
    <row r="549884" spans="8:8">
      <c r="H549884" s="12"/>
    </row>
    <row r="549885" spans="8:8">
      <c r="H549885" s="12"/>
    </row>
    <row r="549886" spans="8:8">
      <c r="H549886" s="12"/>
    </row>
    <row r="549887" spans="8:8">
      <c r="H549887" s="12"/>
    </row>
    <row r="549888" spans="8:8">
      <c r="H549888" s="12"/>
    </row>
    <row r="549889" spans="8:8">
      <c r="H549889" s="12"/>
    </row>
    <row r="549890" spans="8:8">
      <c r="H549890" s="12"/>
    </row>
    <row r="549891" spans="8:8">
      <c r="H549891" s="12"/>
    </row>
    <row r="549892" spans="8:8">
      <c r="H549892" s="12"/>
    </row>
    <row r="549893" spans="8:8">
      <c r="H549893" s="12"/>
    </row>
    <row r="549894" spans="8:8">
      <c r="H549894" s="12"/>
    </row>
    <row r="549895" spans="8:8">
      <c r="H549895" s="12"/>
    </row>
    <row r="549896" spans="8:8">
      <c r="H549896" s="12"/>
    </row>
    <row r="549897" spans="8:8">
      <c r="H549897" s="12"/>
    </row>
    <row r="549898" spans="8:8">
      <c r="H549898" s="12"/>
    </row>
    <row r="549899" spans="8:8">
      <c r="H549899" s="12"/>
    </row>
    <row r="549900" spans="8:8">
      <c r="H549900" s="12"/>
    </row>
    <row r="549901" spans="8:8">
      <c r="H549901" s="12"/>
    </row>
    <row r="549902" spans="8:8">
      <c r="H549902" s="12"/>
    </row>
    <row r="549903" spans="8:8">
      <c r="H549903" s="12"/>
    </row>
    <row r="549904" spans="8:8">
      <c r="H549904" s="12"/>
    </row>
    <row r="549905" spans="8:8">
      <c r="H549905" s="12"/>
    </row>
    <row r="549906" spans="8:8">
      <c r="H549906" s="12"/>
    </row>
    <row r="549907" spans="8:8">
      <c r="H549907" s="12"/>
    </row>
    <row r="549908" spans="8:8">
      <c r="H549908" s="12"/>
    </row>
    <row r="549909" spans="8:8">
      <c r="H549909" s="12"/>
    </row>
    <row r="549910" spans="8:8">
      <c r="H549910" s="12"/>
    </row>
    <row r="549911" spans="8:8">
      <c r="H549911" s="12"/>
    </row>
    <row r="549912" spans="8:8">
      <c r="H549912" s="12"/>
    </row>
    <row r="549913" spans="8:8">
      <c r="H549913" s="12"/>
    </row>
    <row r="549914" spans="8:8">
      <c r="H549914" s="12"/>
    </row>
    <row r="549915" spans="8:8">
      <c r="H549915" s="12"/>
    </row>
    <row r="549916" spans="8:8">
      <c r="H549916" s="12"/>
    </row>
    <row r="549917" spans="8:8">
      <c r="H549917" s="12"/>
    </row>
    <row r="549918" spans="8:8">
      <c r="H549918" s="12"/>
    </row>
    <row r="549919" spans="8:8">
      <c r="H549919" s="12"/>
    </row>
    <row r="549920" spans="8:8">
      <c r="H549920" s="12"/>
    </row>
    <row r="549921" spans="8:8">
      <c r="H549921" s="12"/>
    </row>
    <row r="549922" spans="8:8">
      <c r="H549922" s="12"/>
    </row>
    <row r="549923" spans="8:8">
      <c r="H549923" s="12"/>
    </row>
    <row r="549924" spans="8:8">
      <c r="H549924" s="12"/>
    </row>
    <row r="549925" spans="8:8">
      <c r="H549925" s="12"/>
    </row>
    <row r="549926" spans="8:8">
      <c r="H549926" s="12"/>
    </row>
    <row r="549927" spans="8:8">
      <c r="H549927" s="12"/>
    </row>
    <row r="549928" spans="8:8">
      <c r="H549928" s="12"/>
    </row>
    <row r="549929" spans="8:8">
      <c r="H549929" s="12"/>
    </row>
    <row r="549930" spans="8:8">
      <c r="H549930" s="12"/>
    </row>
    <row r="549931" spans="8:8">
      <c r="H549931" s="12"/>
    </row>
    <row r="549932" spans="8:8">
      <c r="H549932" s="12"/>
    </row>
    <row r="549933" spans="8:8">
      <c r="H549933" s="12"/>
    </row>
    <row r="549934" spans="8:8">
      <c r="H549934" s="12"/>
    </row>
    <row r="549935" spans="8:8">
      <c r="H549935" s="12"/>
    </row>
    <row r="549936" spans="8:8">
      <c r="H549936" s="12"/>
    </row>
    <row r="549937" spans="8:8">
      <c r="H549937" s="12"/>
    </row>
    <row r="549938" spans="8:8">
      <c r="H549938" s="12"/>
    </row>
    <row r="549939" spans="8:8">
      <c r="H549939" s="12"/>
    </row>
    <row r="549940" spans="8:8">
      <c r="H549940" s="12"/>
    </row>
    <row r="549941" spans="8:8">
      <c r="H549941" s="12"/>
    </row>
    <row r="549942" spans="8:8">
      <c r="H549942" s="12"/>
    </row>
    <row r="549943" spans="8:8">
      <c r="H549943" s="12"/>
    </row>
    <row r="549944" spans="8:8">
      <c r="H549944" s="12"/>
    </row>
    <row r="549945" spans="8:8">
      <c r="H549945" s="12"/>
    </row>
    <row r="549946" spans="8:8">
      <c r="H549946" s="12"/>
    </row>
    <row r="549947" spans="8:8">
      <c r="H549947" s="12"/>
    </row>
    <row r="549948" spans="8:8">
      <c r="H549948" s="12"/>
    </row>
    <row r="549949" spans="8:8">
      <c r="H549949" s="12"/>
    </row>
    <row r="549950" spans="8:8">
      <c r="H549950" s="12"/>
    </row>
    <row r="549951" spans="8:8">
      <c r="H549951" s="12"/>
    </row>
    <row r="549952" spans="8:8">
      <c r="H549952" s="12"/>
    </row>
    <row r="549953" spans="8:8">
      <c r="H549953" s="12"/>
    </row>
    <row r="549954" spans="8:8">
      <c r="H549954" s="12"/>
    </row>
    <row r="549955" spans="8:8">
      <c r="H549955" s="12"/>
    </row>
    <row r="549956" spans="8:8">
      <c r="H549956" s="12"/>
    </row>
    <row r="549957" spans="8:8">
      <c r="H549957" s="12"/>
    </row>
    <row r="549958" spans="8:8">
      <c r="H549958" s="12"/>
    </row>
    <row r="549959" spans="8:8">
      <c r="H549959" s="12"/>
    </row>
    <row r="549960" spans="8:8">
      <c r="H549960" s="12"/>
    </row>
    <row r="549961" spans="8:8">
      <c r="H549961" s="12"/>
    </row>
    <row r="549962" spans="8:8">
      <c r="H549962" s="12"/>
    </row>
    <row r="549963" spans="8:8">
      <c r="H549963" s="12"/>
    </row>
    <row r="549964" spans="8:8">
      <c r="H549964" s="12"/>
    </row>
    <row r="549965" spans="8:8">
      <c r="H549965" s="12"/>
    </row>
    <row r="549966" spans="8:8">
      <c r="H549966" s="12"/>
    </row>
    <row r="549967" spans="8:8">
      <c r="H549967" s="12"/>
    </row>
    <row r="549968" spans="8:8">
      <c r="H549968" s="12"/>
    </row>
    <row r="549969" spans="8:8">
      <c r="H549969" s="12"/>
    </row>
    <row r="549970" spans="8:8">
      <c r="H549970" s="12"/>
    </row>
    <row r="549971" spans="8:8">
      <c r="H549971" s="12"/>
    </row>
    <row r="549972" spans="8:8">
      <c r="H549972" s="12"/>
    </row>
    <row r="549973" spans="8:8">
      <c r="H549973" s="12"/>
    </row>
    <row r="549974" spans="8:8">
      <c r="H549974" s="12"/>
    </row>
    <row r="549975" spans="8:8">
      <c r="H549975" s="12"/>
    </row>
    <row r="549976" spans="8:8">
      <c r="H549976" s="12"/>
    </row>
    <row r="549977" spans="8:8">
      <c r="H549977" s="12"/>
    </row>
    <row r="549978" spans="8:8">
      <c r="H549978" s="12"/>
    </row>
    <row r="549979" spans="8:8">
      <c r="H549979" s="12"/>
    </row>
    <row r="549980" spans="8:8">
      <c r="H549980" s="12"/>
    </row>
    <row r="549981" spans="8:8">
      <c r="H549981" s="12"/>
    </row>
    <row r="549982" spans="8:8">
      <c r="H549982" s="12"/>
    </row>
    <row r="549983" spans="8:8">
      <c r="H549983" s="12"/>
    </row>
    <row r="549984" spans="8:8">
      <c r="H549984" s="12"/>
    </row>
    <row r="549985" spans="8:8">
      <c r="H549985" s="12"/>
    </row>
    <row r="549986" spans="8:8">
      <c r="H549986" s="12"/>
    </row>
    <row r="549987" spans="8:8">
      <c r="H549987" s="12"/>
    </row>
    <row r="549988" spans="8:8">
      <c r="H549988" s="12"/>
    </row>
    <row r="549989" spans="8:8">
      <c r="H549989" s="12"/>
    </row>
    <row r="549990" spans="8:8">
      <c r="H549990" s="12"/>
    </row>
    <row r="549991" spans="8:8">
      <c r="H549991" s="12"/>
    </row>
    <row r="549992" spans="8:8">
      <c r="H549992" s="12"/>
    </row>
    <row r="549993" spans="8:8">
      <c r="H549993" s="12"/>
    </row>
    <row r="549994" spans="8:8">
      <c r="H549994" s="12"/>
    </row>
    <row r="549995" spans="8:8">
      <c r="H549995" s="12"/>
    </row>
    <row r="549996" spans="8:8">
      <c r="H549996" s="12"/>
    </row>
    <row r="549997" spans="8:8">
      <c r="H549997" s="12"/>
    </row>
    <row r="549998" spans="8:8">
      <c r="H549998" s="12"/>
    </row>
    <row r="549999" spans="8:8">
      <c r="H549999" s="12"/>
    </row>
    <row r="550000" spans="8:8">
      <c r="H550000" s="12"/>
    </row>
    <row r="550001" spans="8:8">
      <c r="H550001" s="12"/>
    </row>
    <row r="550002" spans="8:8">
      <c r="H550002" s="12"/>
    </row>
    <row r="550003" spans="8:8">
      <c r="H550003" s="12"/>
    </row>
    <row r="550004" spans="8:8">
      <c r="H550004" s="12"/>
    </row>
    <row r="550005" spans="8:8">
      <c r="H550005" s="12"/>
    </row>
    <row r="550006" spans="8:8">
      <c r="H550006" s="12"/>
    </row>
    <row r="550007" spans="8:8">
      <c r="H550007" s="12"/>
    </row>
    <row r="550008" spans="8:8">
      <c r="H550008" s="12"/>
    </row>
    <row r="550009" spans="8:8">
      <c r="H550009" s="12"/>
    </row>
    <row r="550010" spans="8:8">
      <c r="H550010" s="12"/>
    </row>
    <row r="550011" spans="8:8">
      <c r="H550011" s="12"/>
    </row>
    <row r="550012" spans="8:8">
      <c r="H550012" s="12"/>
    </row>
    <row r="550013" spans="8:8">
      <c r="H550013" s="12"/>
    </row>
    <row r="550014" spans="8:8">
      <c r="H550014" s="12"/>
    </row>
    <row r="550015" spans="8:8">
      <c r="H550015" s="12"/>
    </row>
    <row r="550016" spans="8:8">
      <c r="H550016" s="12"/>
    </row>
    <row r="550017" spans="8:8">
      <c r="H550017" s="12"/>
    </row>
    <row r="550018" spans="8:8">
      <c r="H550018" s="12"/>
    </row>
    <row r="550019" spans="8:8">
      <c r="H550019" s="12"/>
    </row>
    <row r="550020" spans="8:8">
      <c r="H550020" s="12"/>
    </row>
    <row r="550021" spans="8:8">
      <c r="H550021" s="12"/>
    </row>
    <row r="550022" spans="8:8">
      <c r="H550022" s="12"/>
    </row>
    <row r="550023" spans="8:8">
      <c r="H550023" s="12"/>
    </row>
    <row r="550024" spans="8:8">
      <c r="H550024" s="12"/>
    </row>
    <row r="550025" spans="8:8">
      <c r="H550025" s="12"/>
    </row>
    <row r="550026" spans="8:8">
      <c r="H550026" s="12"/>
    </row>
    <row r="550027" spans="8:8">
      <c r="H550027" s="12"/>
    </row>
    <row r="550028" spans="8:8">
      <c r="H550028" s="12"/>
    </row>
    <row r="550029" spans="8:8">
      <c r="H550029" s="12"/>
    </row>
    <row r="550030" spans="8:8">
      <c r="H550030" s="12"/>
    </row>
    <row r="550031" spans="8:8">
      <c r="H550031" s="12"/>
    </row>
    <row r="550032" spans="8:8">
      <c r="H550032" s="12"/>
    </row>
    <row r="550033" spans="8:8">
      <c r="H550033" s="12"/>
    </row>
    <row r="550034" spans="8:8">
      <c r="H550034" s="12"/>
    </row>
    <row r="550035" spans="8:8">
      <c r="H550035" s="12"/>
    </row>
    <row r="550036" spans="8:8">
      <c r="H550036" s="12"/>
    </row>
    <row r="550037" spans="8:8">
      <c r="H550037" s="12"/>
    </row>
    <row r="550038" spans="8:8">
      <c r="H550038" s="12"/>
    </row>
    <row r="550039" spans="8:8">
      <c r="H550039" s="12"/>
    </row>
    <row r="550040" spans="8:8">
      <c r="H550040" s="12"/>
    </row>
    <row r="550041" spans="8:8">
      <c r="H550041" s="12"/>
    </row>
    <row r="550042" spans="8:8">
      <c r="H550042" s="12"/>
    </row>
    <row r="550043" spans="8:8">
      <c r="H550043" s="12"/>
    </row>
    <row r="550044" spans="8:8">
      <c r="H550044" s="12"/>
    </row>
    <row r="550045" spans="8:8">
      <c r="H550045" s="12"/>
    </row>
    <row r="550046" spans="8:8">
      <c r="H550046" s="12"/>
    </row>
    <row r="550047" spans="8:8">
      <c r="H550047" s="12"/>
    </row>
    <row r="550048" spans="8:8">
      <c r="H550048" s="12"/>
    </row>
    <row r="550049" spans="8:8">
      <c r="H550049" s="12"/>
    </row>
    <row r="550050" spans="8:8">
      <c r="H550050" s="12"/>
    </row>
    <row r="550051" spans="8:8">
      <c r="H550051" s="12"/>
    </row>
    <row r="550052" spans="8:8">
      <c r="H550052" s="12"/>
    </row>
    <row r="550053" spans="8:8">
      <c r="H550053" s="12"/>
    </row>
    <row r="550054" spans="8:8">
      <c r="H550054" s="12"/>
    </row>
    <row r="550055" spans="8:8">
      <c r="H550055" s="12"/>
    </row>
    <row r="550056" spans="8:8">
      <c r="H550056" s="12"/>
    </row>
    <row r="550057" spans="8:8">
      <c r="H550057" s="12"/>
    </row>
    <row r="550058" spans="8:8">
      <c r="H550058" s="12"/>
    </row>
    <row r="550059" spans="8:8">
      <c r="H550059" s="12"/>
    </row>
    <row r="550060" spans="8:8">
      <c r="H550060" s="12"/>
    </row>
    <row r="550061" spans="8:8">
      <c r="H550061" s="12"/>
    </row>
    <row r="550062" spans="8:8">
      <c r="H550062" s="12"/>
    </row>
    <row r="550063" spans="8:8">
      <c r="H550063" s="12"/>
    </row>
    <row r="550064" spans="8:8">
      <c r="H550064" s="12"/>
    </row>
    <row r="550065" spans="8:8">
      <c r="H550065" s="12"/>
    </row>
    <row r="550066" spans="8:8">
      <c r="H550066" s="12"/>
    </row>
    <row r="550067" spans="8:8">
      <c r="H550067" s="12"/>
    </row>
    <row r="550068" spans="8:8">
      <c r="H550068" s="12"/>
    </row>
    <row r="550069" spans="8:8">
      <c r="H550069" s="12"/>
    </row>
    <row r="550070" spans="8:8">
      <c r="H550070" s="12"/>
    </row>
    <row r="550071" spans="8:8">
      <c r="H550071" s="12"/>
    </row>
    <row r="550072" spans="8:8">
      <c r="H550072" s="12"/>
    </row>
    <row r="550073" spans="8:8">
      <c r="H550073" s="12"/>
    </row>
    <row r="550074" spans="8:8">
      <c r="H550074" s="12"/>
    </row>
    <row r="550075" spans="8:8">
      <c r="H550075" s="12"/>
    </row>
    <row r="550076" spans="8:8">
      <c r="H550076" s="12"/>
    </row>
    <row r="550077" spans="8:8">
      <c r="H550077" s="12"/>
    </row>
    <row r="550078" spans="8:8">
      <c r="H550078" s="12"/>
    </row>
    <row r="550079" spans="8:8">
      <c r="H550079" s="12"/>
    </row>
    <row r="550080" spans="8:8">
      <c r="H550080" s="12"/>
    </row>
    <row r="550081" spans="8:8">
      <c r="H550081" s="12"/>
    </row>
    <row r="550082" spans="8:8">
      <c r="H550082" s="12"/>
    </row>
    <row r="550083" spans="8:8">
      <c r="H550083" s="12"/>
    </row>
    <row r="550084" spans="8:8">
      <c r="H550084" s="12"/>
    </row>
    <row r="550085" spans="8:8">
      <c r="H550085" s="12"/>
    </row>
    <row r="550086" spans="8:8">
      <c r="H550086" s="12"/>
    </row>
    <row r="550087" spans="8:8">
      <c r="H550087" s="12"/>
    </row>
    <row r="550088" spans="8:8">
      <c r="H550088" s="12"/>
    </row>
    <row r="550089" spans="8:8">
      <c r="H550089" s="12"/>
    </row>
    <row r="550090" spans="8:8">
      <c r="H550090" s="12"/>
    </row>
    <row r="550091" spans="8:8">
      <c r="H550091" s="12"/>
    </row>
    <row r="550092" spans="8:8">
      <c r="H550092" s="12"/>
    </row>
    <row r="550093" spans="8:8">
      <c r="H550093" s="12"/>
    </row>
    <row r="550094" spans="8:8">
      <c r="H550094" s="12"/>
    </row>
    <row r="550095" spans="8:8">
      <c r="H550095" s="12"/>
    </row>
    <row r="550096" spans="8:8">
      <c r="H550096" s="12"/>
    </row>
    <row r="550097" spans="8:8">
      <c r="H550097" s="12"/>
    </row>
    <row r="550098" spans="8:8">
      <c r="H550098" s="12"/>
    </row>
    <row r="550099" spans="8:8">
      <c r="H550099" s="12"/>
    </row>
    <row r="550100" spans="8:8">
      <c r="H550100" s="12"/>
    </row>
    <row r="550101" spans="8:8">
      <c r="H550101" s="12"/>
    </row>
    <row r="550102" spans="8:8">
      <c r="H550102" s="12"/>
    </row>
    <row r="550103" spans="8:8">
      <c r="H550103" s="12"/>
    </row>
    <row r="550104" spans="8:8">
      <c r="H550104" s="12"/>
    </row>
    <row r="550105" spans="8:8">
      <c r="H550105" s="12"/>
    </row>
    <row r="550106" spans="8:8">
      <c r="H550106" s="12"/>
    </row>
    <row r="550107" spans="8:8">
      <c r="H550107" s="12"/>
    </row>
    <row r="550108" spans="8:8">
      <c r="H550108" s="12"/>
    </row>
    <row r="550109" spans="8:8">
      <c r="H550109" s="12"/>
    </row>
    <row r="550110" spans="8:8">
      <c r="H550110" s="12"/>
    </row>
    <row r="550111" spans="8:8">
      <c r="H550111" s="12"/>
    </row>
    <row r="550112" spans="8:8">
      <c r="H550112" s="12"/>
    </row>
    <row r="550113" spans="8:8">
      <c r="H550113" s="12"/>
    </row>
    <row r="550114" spans="8:8">
      <c r="H550114" s="12"/>
    </row>
    <row r="550115" spans="8:8">
      <c r="H550115" s="12"/>
    </row>
    <row r="550116" spans="8:8">
      <c r="H550116" s="12"/>
    </row>
    <row r="550117" spans="8:8">
      <c r="H550117" s="12"/>
    </row>
    <row r="550118" spans="8:8">
      <c r="H550118" s="12"/>
    </row>
    <row r="550119" spans="8:8">
      <c r="H550119" s="12"/>
    </row>
    <row r="550120" spans="8:8">
      <c r="H550120" s="12"/>
    </row>
    <row r="550121" spans="8:8">
      <c r="H550121" s="12"/>
    </row>
    <row r="550122" spans="8:8">
      <c r="H550122" s="12"/>
    </row>
    <row r="550123" spans="8:8">
      <c r="H550123" s="12"/>
    </row>
    <row r="550124" spans="8:8">
      <c r="H550124" s="12"/>
    </row>
    <row r="550125" spans="8:8">
      <c r="H550125" s="12"/>
    </row>
    <row r="550126" spans="8:8">
      <c r="H550126" s="12"/>
    </row>
    <row r="550127" spans="8:8">
      <c r="H550127" s="12"/>
    </row>
    <row r="550128" spans="8:8">
      <c r="H550128" s="12"/>
    </row>
    <row r="550129" spans="8:8">
      <c r="H550129" s="12"/>
    </row>
    <row r="550130" spans="8:8">
      <c r="H550130" s="12"/>
    </row>
    <row r="550131" spans="8:8">
      <c r="H550131" s="12"/>
    </row>
    <row r="550132" spans="8:8">
      <c r="H550132" s="12"/>
    </row>
    <row r="550133" spans="8:8">
      <c r="H550133" s="12"/>
    </row>
    <row r="550134" spans="8:8">
      <c r="H550134" s="12"/>
    </row>
    <row r="550135" spans="8:8">
      <c r="H550135" s="12"/>
    </row>
    <row r="550136" spans="8:8">
      <c r="H550136" s="12"/>
    </row>
    <row r="550137" spans="8:8">
      <c r="H550137" s="12"/>
    </row>
    <row r="550138" spans="8:8">
      <c r="H550138" s="12"/>
    </row>
    <row r="550139" spans="8:8">
      <c r="H550139" s="12"/>
    </row>
    <row r="550140" spans="8:8">
      <c r="H550140" s="12"/>
    </row>
    <row r="550141" spans="8:8">
      <c r="H550141" s="12"/>
    </row>
    <row r="550142" spans="8:8">
      <c r="H550142" s="12"/>
    </row>
    <row r="550143" spans="8:8">
      <c r="H550143" s="12"/>
    </row>
    <row r="550144" spans="8:8">
      <c r="H550144" s="12"/>
    </row>
    <row r="550145" spans="8:8">
      <c r="H550145" s="12"/>
    </row>
    <row r="550146" spans="8:8">
      <c r="H550146" s="12"/>
    </row>
    <row r="550147" spans="8:8">
      <c r="H550147" s="12"/>
    </row>
    <row r="550148" spans="8:8">
      <c r="H550148" s="12"/>
    </row>
    <row r="550149" spans="8:8">
      <c r="H550149" s="12"/>
    </row>
    <row r="550150" spans="8:8">
      <c r="H550150" s="12"/>
    </row>
    <row r="550151" spans="8:8">
      <c r="H550151" s="12"/>
    </row>
    <row r="550152" spans="8:8">
      <c r="H550152" s="12"/>
    </row>
    <row r="550153" spans="8:8">
      <c r="H550153" s="12"/>
    </row>
    <row r="550154" spans="8:8">
      <c r="H550154" s="12"/>
    </row>
    <row r="550155" spans="8:8">
      <c r="H550155" s="12"/>
    </row>
    <row r="550156" spans="8:8">
      <c r="H550156" s="12"/>
    </row>
    <row r="550157" spans="8:8">
      <c r="H550157" s="12"/>
    </row>
    <row r="550158" spans="8:8">
      <c r="H550158" s="12"/>
    </row>
    <row r="550159" spans="8:8">
      <c r="H550159" s="12"/>
    </row>
    <row r="550160" spans="8:8">
      <c r="H550160" s="12"/>
    </row>
    <row r="550161" spans="8:8">
      <c r="H550161" s="12"/>
    </row>
    <row r="550162" spans="8:8">
      <c r="H550162" s="12"/>
    </row>
    <row r="550163" spans="8:8">
      <c r="H550163" s="12"/>
    </row>
    <row r="550164" spans="8:8">
      <c r="H550164" s="12"/>
    </row>
    <row r="550165" spans="8:8">
      <c r="H550165" s="12"/>
    </row>
    <row r="550166" spans="8:8">
      <c r="H550166" s="12"/>
    </row>
    <row r="550167" spans="8:8">
      <c r="H550167" s="12"/>
    </row>
    <row r="550168" spans="8:8">
      <c r="H550168" s="12"/>
    </row>
    <row r="550169" spans="8:8">
      <c r="H550169" s="12"/>
    </row>
    <row r="550170" spans="8:8">
      <c r="H550170" s="12"/>
    </row>
    <row r="550171" spans="8:8">
      <c r="H550171" s="12"/>
    </row>
    <row r="550172" spans="8:8">
      <c r="H550172" s="12"/>
    </row>
    <row r="550173" spans="8:8">
      <c r="H550173" s="12"/>
    </row>
    <row r="550174" spans="8:8">
      <c r="H550174" s="12"/>
    </row>
    <row r="550175" spans="8:8">
      <c r="H550175" s="12"/>
    </row>
    <row r="550176" spans="8:8">
      <c r="H550176" s="12"/>
    </row>
    <row r="550177" spans="8:8">
      <c r="H550177" s="12"/>
    </row>
    <row r="550178" spans="8:8">
      <c r="H550178" s="12"/>
    </row>
    <row r="550179" spans="8:8">
      <c r="H550179" s="12"/>
    </row>
    <row r="550180" spans="8:8">
      <c r="H550180" s="12"/>
    </row>
    <row r="550181" spans="8:8">
      <c r="H550181" s="12"/>
    </row>
    <row r="550182" spans="8:8">
      <c r="H550182" s="12"/>
    </row>
    <row r="550183" spans="8:8">
      <c r="H550183" s="12"/>
    </row>
    <row r="550184" spans="8:8">
      <c r="H550184" s="12"/>
    </row>
    <row r="550185" spans="8:8">
      <c r="H550185" s="12"/>
    </row>
    <row r="550186" spans="8:8">
      <c r="H550186" s="12"/>
    </row>
    <row r="550187" spans="8:8">
      <c r="H550187" s="12"/>
    </row>
    <row r="550188" spans="8:8">
      <c r="H550188" s="12"/>
    </row>
    <row r="550189" spans="8:8">
      <c r="H550189" s="12"/>
    </row>
    <row r="550190" spans="8:8">
      <c r="H550190" s="12"/>
    </row>
    <row r="550191" spans="8:8">
      <c r="H550191" s="12"/>
    </row>
    <row r="550192" spans="8:8">
      <c r="H550192" s="12"/>
    </row>
    <row r="550193" spans="8:8">
      <c r="H550193" s="12"/>
    </row>
    <row r="550194" spans="8:8">
      <c r="H550194" s="12"/>
    </row>
    <row r="550195" spans="8:8">
      <c r="H550195" s="12"/>
    </row>
    <row r="550196" spans="8:8">
      <c r="H550196" s="12"/>
    </row>
    <row r="550197" spans="8:8">
      <c r="H550197" s="12"/>
    </row>
    <row r="550198" spans="8:8">
      <c r="H550198" s="12"/>
    </row>
    <row r="550199" spans="8:8">
      <c r="H550199" s="12"/>
    </row>
    <row r="550200" spans="8:8">
      <c r="H550200" s="12"/>
    </row>
    <row r="550201" spans="8:8">
      <c r="H550201" s="12"/>
    </row>
    <row r="550202" spans="8:8">
      <c r="H550202" s="12"/>
    </row>
    <row r="550203" spans="8:8">
      <c r="H550203" s="12"/>
    </row>
    <row r="550204" spans="8:8">
      <c r="H550204" s="12"/>
    </row>
    <row r="550205" spans="8:8">
      <c r="H550205" s="12"/>
    </row>
    <row r="550206" spans="8:8">
      <c r="H550206" s="12"/>
    </row>
    <row r="550207" spans="8:8">
      <c r="H550207" s="12"/>
    </row>
    <row r="550208" spans="8:8">
      <c r="H550208" s="12"/>
    </row>
    <row r="550209" spans="8:8">
      <c r="H550209" s="12"/>
    </row>
    <row r="550210" spans="8:8">
      <c r="H550210" s="12"/>
    </row>
    <row r="550211" spans="8:8">
      <c r="H550211" s="12"/>
    </row>
    <row r="550212" spans="8:8">
      <c r="H550212" s="12"/>
    </row>
    <row r="550213" spans="8:8">
      <c r="H550213" s="12"/>
    </row>
    <row r="550214" spans="8:8">
      <c r="H550214" s="12"/>
    </row>
    <row r="550215" spans="8:8">
      <c r="H550215" s="12"/>
    </row>
    <row r="550216" spans="8:8">
      <c r="H550216" s="12"/>
    </row>
    <row r="550217" spans="8:8">
      <c r="H550217" s="12"/>
    </row>
    <row r="550218" spans="8:8">
      <c r="H550218" s="12"/>
    </row>
    <row r="550219" spans="8:8">
      <c r="H550219" s="12"/>
    </row>
    <row r="550220" spans="8:8">
      <c r="H550220" s="12"/>
    </row>
    <row r="550221" spans="8:8">
      <c r="H550221" s="12"/>
    </row>
    <row r="550222" spans="8:8">
      <c r="H550222" s="12"/>
    </row>
    <row r="550223" spans="8:8">
      <c r="H550223" s="12"/>
    </row>
    <row r="550224" spans="8:8">
      <c r="H550224" s="12"/>
    </row>
    <row r="550225" spans="8:8">
      <c r="H550225" s="12"/>
    </row>
    <row r="550226" spans="8:8">
      <c r="H550226" s="12"/>
    </row>
    <row r="550227" spans="8:8">
      <c r="H550227" s="12"/>
    </row>
    <row r="550228" spans="8:8">
      <c r="H550228" s="12"/>
    </row>
    <row r="550229" spans="8:8">
      <c r="H550229" s="12"/>
    </row>
    <row r="550230" spans="8:8">
      <c r="H550230" s="12"/>
    </row>
    <row r="550231" spans="8:8">
      <c r="H550231" s="12"/>
    </row>
    <row r="550232" spans="8:8">
      <c r="H550232" s="12"/>
    </row>
    <row r="550233" spans="8:8">
      <c r="H550233" s="12"/>
    </row>
    <row r="550234" spans="8:8">
      <c r="H550234" s="12"/>
    </row>
    <row r="550235" spans="8:8">
      <c r="H550235" s="12"/>
    </row>
    <row r="550236" spans="8:8">
      <c r="H550236" s="12"/>
    </row>
    <row r="550237" spans="8:8">
      <c r="H550237" s="12"/>
    </row>
    <row r="550238" spans="8:8">
      <c r="H550238" s="12"/>
    </row>
    <row r="550239" spans="8:8">
      <c r="H550239" s="12"/>
    </row>
    <row r="550240" spans="8:8">
      <c r="H550240" s="12"/>
    </row>
    <row r="550241" spans="8:8">
      <c r="H550241" s="12"/>
    </row>
    <row r="550242" spans="8:8">
      <c r="H550242" s="12"/>
    </row>
    <row r="550243" spans="8:8">
      <c r="H550243" s="12"/>
    </row>
    <row r="550244" spans="8:8">
      <c r="H550244" s="12"/>
    </row>
    <row r="550245" spans="8:8">
      <c r="H550245" s="12"/>
    </row>
    <row r="550246" spans="8:8">
      <c r="H550246" s="12"/>
    </row>
    <row r="550247" spans="8:8">
      <c r="H550247" s="12"/>
    </row>
    <row r="550248" spans="8:8">
      <c r="H550248" s="12"/>
    </row>
    <row r="550249" spans="8:8">
      <c r="H550249" s="12"/>
    </row>
    <row r="550250" spans="8:8">
      <c r="H550250" s="12"/>
    </row>
    <row r="550251" spans="8:8">
      <c r="H550251" s="12"/>
    </row>
    <row r="550252" spans="8:8">
      <c r="H550252" s="12"/>
    </row>
    <row r="550253" spans="8:8">
      <c r="H550253" s="12"/>
    </row>
    <row r="550254" spans="8:8">
      <c r="H550254" s="12"/>
    </row>
    <row r="550255" spans="8:8">
      <c r="H550255" s="12"/>
    </row>
    <row r="550256" spans="8:8">
      <c r="H550256" s="12"/>
    </row>
    <row r="550257" spans="8:8">
      <c r="H550257" s="12"/>
    </row>
    <row r="550258" spans="8:8">
      <c r="H550258" s="12"/>
    </row>
    <row r="550259" spans="8:8">
      <c r="H550259" s="12"/>
    </row>
    <row r="550260" spans="8:8">
      <c r="H550260" s="12"/>
    </row>
    <row r="550261" spans="8:8">
      <c r="H550261" s="12"/>
    </row>
    <row r="550262" spans="8:8">
      <c r="H550262" s="12"/>
    </row>
    <row r="550263" spans="8:8">
      <c r="H550263" s="12"/>
    </row>
    <row r="550264" spans="8:8">
      <c r="H550264" s="12"/>
    </row>
    <row r="550265" spans="8:8">
      <c r="H550265" s="12"/>
    </row>
    <row r="550266" spans="8:8">
      <c r="H550266" s="12"/>
    </row>
    <row r="550267" spans="8:8">
      <c r="H550267" s="12"/>
    </row>
    <row r="550268" spans="8:8">
      <c r="H550268" s="12"/>
    </row>
    <row r="550269" spans="8:8">
      <c r="H550269" s="12"/>
    </row>
    <row r="550270" spans="8:8">
      <c r="H550270" s="12"/>
    </row>
    <row r="550271" spans="8:8">
      <c r="H550271" s="12"/>
    </row>
    <row r="550272" spans="8:8">
      <c r="H550272" s="12"/>
    </row>
    <row r="550273" spans="8:8">
      <c r="H550273" s="12"/>
    </row>
    <row r="550274" spans="8:8">
      <c r="H550274" s="12"/>
    </row>
    <row r="550275" spans="8:8">
      <c r="H550275" s="12"/>
    </row>
    <row r="550276" spans="8:8">
      <c r="H550276" s="12"/>
    </row>
    <row r="550277" spans="8:8">
      <c r="H550277" s="12"/>
    </row>
    <row r="550278" spans="8:8">
      <c r="H550278" s="12"/>
    </row>
    <row r="550279" spans="8:8">
      <c r="H550279" s="12"/>
    </row>
    <row r="550280" spans="8:8">
      <c r="H550280" s="12"/>
    </row>
    <row r="550281" spans="8:8">
      <c r="H550281" s="12"/>
    </row>
    <row r="550282" spans="8:8">
      <c r="H550282" s="12"/>
    </row>
    <row r="550283" spans="8:8">
      <c r="H550283" s="12"/>
    </row>
    <row r="550284" spans="8:8">
      <c r="H550284" s="12"/>
    </row>
    <row r="550285" spans="8:8">
      <c r="H550285" s="12"/>
    </row>
    <row r="550286" spans="8:8">
      <c r="H550286" s="12"/>
    </row>
    <row r="550287" spans="8:8">
      <c r="H550287" s="12"/>
    </row>
    <row r="550288" spans="8:8">
      <c r="H550288" s="12"/>
    </row>
    <row r="550289" spans="8:8">
      <c r="H550289" s="12"/>
    </row>
    <row r="550290" spans="8:8">
      <c r="H550290" s="12"/>
    </row>
    <row r="550291" spans="8:8">
      <c r="H550291" s="12"/>
    </row>
    <row r="550292" spans="8:8">
      <c r="H550292" s="12"/>
    </row>
    <row r="550293" spans="8:8">
      <c r="H550293" s="12"/>
    </row>
    <row r="550294" spans="8:8">
      <c r="H550294" s="12"/>
    </row>
    <row r="550295" spans="8:8">
      <c r="H550295" s="12"/>
    </row>
    <row r="550296" spans="8:8">
      <c r="H550296" s="12"/>
    </row>
    <row r="550297" spans="8:8">
      <c r="H550297" s="12"/>
    </row>
    <row r="550298" spans="8:8">
      <c r="H550298" s="12"/>
    </row>
    <row r="550299" spans="8:8">
      <c r="H550299" s="12"/>
    </row>
    <row r="550300" spans="8:8">
      <c r="H550300" s="12"/>
    </row>
    <row r="550301" spans="8:8">
      <c r="H550301" s="12"/>
    </row>
    <row r="550302" spans="8:8">
      <c r="H550302" s="12"/>
    </row>
    <row r="550303" spans="8:8">
      <c r="H550303" s="12"/>
    </row>
    <row r="550304" spans="8:8">
      <c r="H550304" s="12"/>
    </row>
    <row r="550305" spans="8:8">
      <c r="H550305" s="12"/>
    </row>
    <row r="550306" spans="8:8">
      <c r="H550306" s="12"/>
    </row>
    <row r="550307" spans="8:8">
      <c r="H550307" s="12"/>
    </row>
    <row r="550308" spans="8:8">
      <c r="H550308" s="12"/>
    </row>
    <row r="550309" spans="8:8">
      <c r="H550309" s="12"/>
    </row>
    <row r="550310" spans="8:8">
      <c r="H550310" s="12"/>
    </row>
    <row r="550311" spans="8:8">
      <c r="H550311" s="12"/>
    </row>
    <row r="550312" spans="8:8">
      <c r="H550312" s="12"/>
    </row>
    <row r="550313" spans="8:8">
      <c r="H550313" s="12"/>
    </row>
    <row r="550314" spans="8:8">
      <c r="H550314" s="12"/>
    </row>
    <row r="550315" spans="8:8">
      <c r="H550315" s="12"/>
    </row>
    <row r="550316" spans="8:8">
      <c r="H550316" s="12"/>
    </row>
    <row r="550317" spans="8:8">
      <c r="H550317" s="12"/>
    </row>
    <row r="550318" spans="8:8">
      <c r="H550318" s="12"/>
    </row>
    <row r="550319" spans="8:8">
      <c r="H550319" s="12"/>
    </row>
    <row r="550320" spans="8:8">
      <c r="H550320" s="12"/>
    </row>
    <row r="550321" spans="8:8">
      <c r="H550321" s="12"/>
    </row>
    <row r="550322" spans="8:8">
      <c r="H550322" s="12"/>
    </row>
    <row r="550323" spans="8:8">
      <c r="H550323" s="12"/>
    </row>
    <row r="550324" spans="8:8">
      <c r="H550324" s="12"/>
    </row>
    <row r="550325" spans="8:8">
      <c r="H550325" s="12"/>
    </row>
    <row r="550326" spans="8:8">
      <c r="H550326" s="12"/>
    </row>
    <row r="550327" spans="8:8">
      <c r="H550327" s="12"/>
    </row>
    <row r="550328" spans="8:8">
      <c r="H550328" s="12"/>
    </row>
    <row r="550329" spans="8:8">
      <c r="H550329" s="12"/>
    </row>
    <row r="550330" spans="8:8">
      <c r="H550330" s="12"/>
    </row>
    <row r="550331" spans="8:8">
      <c r="H550331" s="12"/>
    </row>
    <row r="550332" spans="8:8">
      <c r="H550332" s="12"/>
    </row>
    <row r="550333" spans="8:8">
      <c r="H550333" s="12"/>
    </row>
    <row r="550334" spans="8:8">
      <c r="H550334" s="12"/>
    </row>
    <row r="550335" spans="8:8">
      <c r="H550335" s="12"/>
    </row>
    <row r="550336" spans="8:8">
      <c r="H550336" s="12"/>
    </row>
    <row r="550337" spans="8:8">
      <c r="H550337" s="12"/>
    </row>
    <row r="550338" spans="8:8">
      <c r="H550338" s="12"/>
    </row>
    <row r="550339" spans="8:8">
      <c r="H550339" s="12"/>
    </row>
    <row r="550340" spans="8:8">
      <c r="H550340" s="12"/>
    </row>
    <row r="550341" spans="8:8">
      <c r="H550341" s="12"/>
    </row>
    <row r="550342" spans="8:8">
      <c r="H550342" s="12"/>
    </row>
    <row r="550343" spans="8:8">
      <c r="H550343" s="12"/>
    </row>
    <row r="550344" spans="8:8">
      <c r="H550344" s="12"/>
    </row>
    <row r="550345" spans="8:8">
      <c r="H550345" s="12"/>
    </row>
    <row r="550346" spans="8:8">
      <c r="H550346" s="12"/>
    </row>
    <row r="550347" spans="8:8">
      <c r="H550347" s="12"/>
    </row>
    <row r="550348" spans="8:8">
      <c r="H550348" s="12"/>
    </row>
    <row r="550349" spans="8:8">
      <c r="H550349" s="12"/>
    </row>
    <row r="550350" spans="8:8">
      <c r="H550350" s="12"/>
    </row>
    <row r="550351" spans="8:8">
      <c r="H550351" s="12"/>
    </row>
    <row r="550352" spans="8:8">
      <c r="H550352" s="12"/>
    </row>
    <row r="550353" spans="8:8">
      <c r="H550353" s="12"/>
    </row>
    <row r="550354" spans="8:8">
      <c r="H550354" s="12"/>
    </row>
    <row r="550355" spans="8:8">
      <c r="H550355" s="12"/>
    </row>
    <row r="550356" spans="8:8">
      <c r="H550356" s="12"/>
    </row>
    <row r="550357" spans="8:8">
      <c r="H550357" s="12"/>
    </row>
    <row r="550358" spans="8:8">
      <c r="H550358" s="12"/>
    </row>
    <row r="550359" spans="8:8">
      <c r="H550359" s="12"/>
    </row>
    <row r="550360" spans="8:8">
      <c r="H550360" s="12"/>
    </row>
    <row r="550361" spans="8:8">
      <c r="H550361" s="12"/>
    </row>
    <row r="550362" spans="8:8">
      <c r="H550362" s="12"/>
    </row>
    <row r="550363" spans="8:8">
      <c r="H550363" s="12"/>
    </row>
    <row r="550364" spans="8:8">
      <c r="H550364" s="12"/>
    </row>
    <row r="550365" spans="8:8">
      <c r="H550365" s="12"/>
    </row>
    <row r="550366" spans="8:8">
      <c r="H550366" s="12"/>
    </row>
    <row r="550367" spans="8:8">
      <c r="H550367" s="12"/>
    </row>
    <row r="550368" spans="8:8">
      <c r="H550368" s="12"/>
    </row>
    <row r="550369" spans="8:8">
      <c r="H550369" s="12"/>
    </row>
    <row r="550370" spans="8:8">
      <c r="H550370" s="12"/>
    </row>
    <row r="550371" spans="8:8">
      <c r="H550371" s="12"/>
    </row>
    <row r="550372" spans="8:8">
      <c r="H550372" s="12"/>
    </row>
    <row r="550373" spans="8:8">
      <c r="H550373" s="12"/>
    </row>
    <row r="550374" spans="8:8">
      <c r="H550374" s="12"/>
    </row>
    <row r="550375" spans="8:8">
      <c r="H550375" s="12"/>
    </row>
    <row r="550376" spans="8:8">
      <c r="H550376" s="12"/>
    </row>
    <row r="550377" spans="8:8">
      <c r="H550377" s="12"/>
    </row>
    <row r="550378" spans="8:8">
      <c r="H550378" s="12"/>
    </row>
    <row r="550379" spans="8:8">
      <c r="H550379" s="12"/>
    </row>
    <row r="550380" spans="8:8">
      <c r="H550380" s="12"/>
    </row>
    <row r="550381" spans="8:8">
      <c r="H550381" s="12"/>
    </row>
    <row r="550382" spans="8:8">
      <c r="H550382" s="12"/>
    </row>
    <row r="550383" spans="8:8">
      <c r="H550383" s="12"/>
    </row>
    <row r="550384" spans="8:8">
      <c r="H550384" s="12"/>
    </row>
    <row r="550385" spans="8:8">
      <c r="H550385" s="12"/>
    </row>
    <row r="550386" spans="8:8">
      <c r="H550386" s="12"/>
    </row>
    <row r="550387" spans="8:8">
      <c r="H550387" s="12"/>
    </row>
    <row r="550388" spans="8:8">
      <c r="H550388" s="12"/>
    </row>
    <row r="550389" spans="8:8">
      <c r="H550389" s="12"/>
    </row>
    <row r="550390" spans="8:8">
      <c r="H550390" s="12"/>
    </row>
    <row r="550391" spans="8:8">
      <c r="H550391" s="12"/>
    </row>
    <row r="550392" spans="8:8">
      <c r="H550392" s="12"/>
    </row>
    <row r="550393" spans="8:8">
      <c r="H550393" s="12"/>
    </row>
    <row r="550394" spans="8:8">
      <c r="H550394" s="12"/>
    </row>
    <row r="550395" spans="8:8">
      <c r="H550395" s="12"/>
    </row>
    <row r="550396" spans="8:8">
      <c r="H550396" s="12"/>
    </row>
    <row r="550397" spans="8:8">
      <c r="H550397" s="12"/>
    </row>
    <row r="550398" spans="8:8">
      <c r="H550398" s="12"/>
    </row>
    <row r="550399" spans="8:8">
      <c r="H550399" s="12"/>
    </row>
    <row r="550400" spans="8:8">
      <c r="H550400" s="12"/>
    </row>
    <row r="550401" spans="8:8">
      <c r="H550401" s="12"/>
    </row>
    <row r="550402" spans="8:8">
      <c r="H550402" s="12"/>
    </row>
    <row r="550403" spans="8:8">
      <c r="H550403" s="12"/>
    </row>
    <row r="550404" spans="8:8">
      <c r="H550404" s="12"/>
    </row>
    <row r="550405" spans="8:8">
      <c r="H550405" s="12"/>
    </row>
    <row r="550406" spans="8:8">
      <c r="H550406" s="12"/>
    </row>
    <row r="550407" spans="8:8">
      <c r="H550407" s="12"/>
    </row>
    <row r="550408" spans="8:8">
      <c r="H550408" s="12"/>
    </row>
    <row r="550409" spans="8:8">
      <c r="H550409" s="12"/>
    </row>
    <row r="550410" spans="8:8">
      <c r="H550410" s="12"/>
    </row>
    <row r="550411" spans="8:8">
      <c r="H550411" s="12"/>
    </row>
    <row r="550412" spans="8:8">
      <c r="H550412" s="12"/>
    </row>
    <row r="550413" spans="8:8">
      <c r="H550413" s="12"/>
    </row>
    <row r="550414" spans="8:8">
      <c r="H550414" s="12"/>
    </row>
    <row r="550415" spans="8:8">
      <c r="H550415" s="12"/>
    </row>
    <row r="550416" spans="8:8">
      <c r="H550416" s="12"/>
    </row>
    <row r="550417" spans="8:8">
      <c r="H550417" s="12"/>
    </row>
    <row r="550418" spans="8:8">
      <c r="H550418" s="12"/>
    </row>
    <row r="550419" spans="8:8">
      <c r="H550419" s="12"/>
    </row>
    <row r="550420" spans="8:8">
      <c r="H550420" s="12"/>
    </row>
    <row r="550421" spans="8:8">
      <c r="H550421" s="12"/>
    </row>
    <row r="550422" spans="8:8">
      <c r="H550422" s="12"/>
    </row>
    <row r="550423" spans="8:8">
      <c r="H550423" s="12"/>
    </row>
    <row r="550424" spans="8:8">
      <c r="H550424" s="12"/>
    </row>
    <row r="550425" spans="8:8">
      <c r="H550425" s="12"/>
    </row>
    <row r="550426" spans="8:8">
      <c r="H550426" s="12"/>
    </row>
    <row r="550427" spans="8:8">
      <c r="H550427" s="12"/>
    </row>
    <row r="550428" spans="8:8">
      <c r="H550428" s="12"/>
    </row>
    <row r="550429" spans="8:8">
      <c r="H550429" s="12"/>
    </row>
    <row r="550430" spans="8:8">
      <c r="H550430" s="12"/>
    </row>
    <row r="550431" spans="8:8">
      <c r="H550431" s="12"/>
    </row>
    <row r="550432" spans="8:8">
      <c r="H550432" s="12"/>
    </row>
    <row r="550433" spans="8:8">
      <c r="H550433" s="12"/>
    </row>
    <row r="550434" spans="8:8">
      <c r="H550434" s="12"/>
    </row>
    <row r="550435" spans="8:8">
      <c r="H550435" s="12"/>
    </row>
    <row r="550436" spans="8:8">
      <c r="H550436" s="12"/>
    </row>
    <row r="550437" spans="8:8">
      <c r="H550437" s="12"/>
    </row>
    <row r="550438" spans="8:8">
      <c r="H550438" s="12"/>
    </row>
    <row r="550439" spans="8:8">
      <c r="H550439" s="12"/>
    </row>
    <row r="550440" spans="8:8">
      <c r="H550440" s="12"/>
    </row>
    <row r="550441" spans="8:8">
      <c r="H550441" s="12"/>
    </row>
    <row r="550442" spans="8:8">
      <c r="H550442" s="12"/>
    </row>
    <row r="550443" spans="8:8">
      <c r="H550443" s="12"/>
    </row>
    <row r="550444" spans="8:8">
      <c r="H550444" s="12"/>
    </row>
    <row r="550445" spans="8:8">
      <c r="H550445" s="12"/>
    </row>
    <row r="550446" spans="8:8">
      <c r="H550446" s="12"/>
    </row>
    <row r="550447" spans="8:8">
      <c r="H550447" s="12"/>
    </row>
    <row r="550448" spans="8:8">
      <c r="H550448" s="12"/>
    </row>
    <row r="550449" spans="8:8">
      <c r="H550449" s="12"/>
    </row>
    <row r="550450" spans="8:8">
      <c r="H550450" s="12"/>
    </row>
    <row r="550451" spans="8:8">
      <c r="H550451" s="12"/>
    </row>
    <row r="550452" spans="8:8">
      <c r="H550452" s="12"/>
    </row>
    <row r="550453" spans="8:8">
      <c r="H550453" s="12"/>
    </row>
    <row r="550454" spans="8:8">
      <c r="H550454" s="12"/>
    </row>
    <row r="550455" spans="8:8">
      <c r="H550455" s="12"/>
    </row>
    <row r="550456" spans="8:8">
      <c r="H550456" s="12"/>
    </row>
    <row r="550457" spans="8:8">
      <c r="H550457" s="12"/>
    </row>
    <row r="550458" spans="8:8">
      <c r="H550458" s="12"/>
    </row>
    <row r="550459" spans="8:8">
      <c r="H550459" s="12"/>
    </row>
    <row r="550460" spans="8:8">
      <c r="H550460" s="12"/>
    </row>
    <row r="550461" spans="8:8">
      <c r="H550461" s="12"/>
    </row>
    <row r="550462" spans="8:8">
      <c r="H550462" s="12"/>
    </row>
    <row r="550463" spans="8:8">
      <c r="H550463" s="12"/>
    </row>
    <row r="550464" spans="8:8">
      <c r="H550464" s="12"/>
    </row>
    <row r="550465" spans="8:8">
      <c r="H550465" s="12"/>
    </row>
    <row r="550466" spans="8:8">
      <c r="H550466" s="12"/>
    </row>
    <row r="550467" spans="8:8">
      <c r="H550467" s="12"/>
    </row>
    <row r="550468" spans="8:8">
      <c r="H550468" s="12"/>
    </row>
    <row r="550469" spans="8:8">
      <c r="H550469" s="12"/>
    </row>
    <row r="550470" spans="8:8">
      <c r="H550470" s="12"/>
    </row>
    <row r="550471" spans="8:8">
      <c r="H550471" s="12"/>
    </row>
    <row r="550472" spans="8:8">
      <c r="H550472" s="12"/>
    </row>
    <row r="550473" spans="8:8">
      <c r="H550473" s="12"/>
    </row>
    <row r="550474" spans="8:8">
      <c r="H550474" s="12"/>
    </row>
    <row r="550475" spans="8:8">
      <c r="H550475" s="12"/>
    </row>
    <row r="550476" spans="8:8">
      <c r="H550476" s="12"/>
    </row>
    <row r="550477" spans="8:8">
      <c r="H550477" s="12"/>
    </row>
    <row r="550478" spans="8:8">
      <c r="H550478" s="12"/>
    </row>
    <row r="550479" spans="8:8">
      <c r="H550479" s="12"/>
    </row>
    <row r="550480" spans="8:8">
      <c r="H550480" s="12"/>
    </row>
    <row r="550481" spans="8:8">
      <c r="H550481" s="12"/>
    </row>
    <row r="550482" spans="8:8">
      <c r="H550482" s="12"/>
    </row>
    <row r="550483" spans="8:8">
      <c r="H550483" s="12"/>
    </row>
    <row r="550484" spans="8:8">
      <c r="H550484" s="12"/>
    </row>
    <row r="550485" spans="8:8">
      <c r="H550485" s="12"/>
    </row>
    <row r="550486" spans="8:8">
      <c r="H550486" s="12"/>
    </row>
    <row r="550487" spans="8:8">
      <c r="H550487" s="12"/>
    </row>
    <row r="550488" spans="8:8">
      <c r="H550488" s="12"/>
    </row>
    <row r="550489" spans="8:8">
      <c r="H550489" s="12"/>
    </row>
    <row r="550490" spans="8:8">
      <c r="H550490" s="12"/>
    </row>
    <row r="550491" spans="8:8">
      <c r="H550491" s="12"/>
    </row>
    <row r="550492" spans="8:8">
      <c r="H550492" s="12"/>
    </row>
    <row r="550493" spans="8:8">
      <c r="H550493" s="12"/>
    </row>
    <row r="550494" spans="8:8">
      <c r="H550494" s="12"/>
    </row>
    <row r="550495" spans="8:8">
      <c r="H550495" s="12"/>
    </row>
    <row r="550496" spans="8:8">
      <c r="H550496" s="12"/>
    </row>
    <row r="550497" spans="8:8">
      <c r="H550497" s="12"/>
    </row>
    <row r="550498" spans="8:8">
      <c r="H550498" s="12"/>
    </row>
    <row r="550499" spans="8:8">
      <c r="H550499" s="12"/>
    </row>
    <row r="550500" spans="8:8">
      <c r="H550500" s="12"/>
    </row>
    <row r="550501" spans="8:8">
      <c r="H550501" s="12"/>
    </row>
    <row r="550502" spans="8:8">
      <c r="H550502" s="12"/>
    </row>
    <row r="550503" spans="8:8">
      <c r="H550503" s="12"/>
    </row>
    <row r="550504" spans="8:8">
      <c r="H550504" s="12"/>
    </row>
    <row r="550505" spans="8:8">
      <c r="H550505" s="12"/>
    </row>
    <row r="550506" spans="8:8">
      <c r="H550506" s="12"/>
    </row>
    <row r="550507" spans="8:8">
      <c r="H550507" s="12"/>
    </row>
    <row r="550508" spans="8:8">
      <c r="H550508" s="12"/>
    </row>
    <row r="550509" spans="8:8">
      <c r="H550509" s="12"/>
    </row>
    <row r="550510" spans="8:8">
      <c r="H550510" s="12"/>
    </row>
    <row r="550511" spans="8:8">
      <c r="H550511" s="12"/>
    </row>
    <row r="550512" spans="8:8">
      <c r="H550512" s="12"/>
    </row>
    <row r="550513" spans="8:8">
      <c r="H550513" s="12"/>
    </row>
    <row r="550514" spans="8:8">
      <c r="H550514" s="12"/>
    </row>
    <row r="550515" spans="8:8">
      <c r="H550515" s="12"/>
    </row>
    <row r="550516" spans="8:8">
      <c r="H550516" s="12"/>
    </row>
    <row r="550517" spans="8:8">
      <c r="H550517" s="12"/>
    </row>
    <row r="550518" spans="8:8">
      <c r="H550518" s="12"/>
    </row>
    <row r="550519" spans="8:8">
      <c r="H550519" s="12"/>
    </row>
    <row r="550520" spans="8:8">
      <c r="H550520" s="12"/>
    </row>
    <row r="550521" spans="8:8">
      <c r="H550521" s="12"/>
    </row>
    <row r="550522" spans="8:8">
      <c r="H550522" s="12"/>
    </row>
    <row r="550523" spans="8:8">
      <c r="H550523" s="12"/>
    </row>
    <row r="550524" spans="8:8">
      <c r="H550524" s="12"/>
    </row>
    <row r="550525" spans="8:8">
      <c r="H550525" s="12"/>
    </row>
    <row r="550526" spans="8:8">
      <c r="H550526" s="12"/>
    </row>
    <row r="550527" spans="8:8">
      <c r="H550527" s="12"/>
    </row>
    <row r="550528" spans="8:8">
      <c r="H550528" s="12"/>
    </row>
    <row r="550529" spans="8:8">
      <c r="H550529" s="12"/>
    </row>
    <row r="550530" spans="8:8">
      <c r="H550530" s="12"/>
    </row>
    <row r="550531" spans="8:8">
      <c r="H550531" s="12"/>
    </row>
    <row r="550532" spans="8:8">
      <c r="H550532" s="12"/>
    </row>
    <row r="550533" spans="8:8">
      <c r="H550533" s="12"/>
    </row>
    <row r="550534" spans="8:8">
      <c r="H550534" s="12"/>
    </row>
    <row r="550535" spans="8:8">
      <c r="H550535" s="12"/>
    </row>
    <row r="550536" spans="8:8">
      <c r="H550536" s="12"/>
    </row>
    <row r="550537" spans="8:8">
      <c r="H550537" s="12"/>
    </row>
    <row r="550538" spans="8:8">
      <c r="H550538" s="12"/>
    </row>
    <row r="550539" spans="8:8">
      <c r="H550539" s="12"/>
    </row>
    <row r="550540" spans="8:8">
      <c r="H550540" s="12"/>
    </row>
    <row r="550541" spans="8:8">
      <c r="H550541" s="12"/>
    </row>
    <row r="550542" spans="8:8">
      <c r="H550542" s="12"/>
    </row>
    <row r="550543" spans="8:8">
      <c r="H550543" s="12"/>
    </row>
    <row r="550544" spans="8:8">
      <c r="H550544" s="12"/>
    </row>
    <row r="550545" spans="8:8">
      <c r="H550545" s="12"/>
    </row>
    <row r="550546" spans="8:8">
      <c r="H550546" s="12"/>
    </row>
    <row r="550547" spans="8:8">
      <c r="H550547" s="12"/>
    </row>
    <row r="550548" spans="8:8">
      <c r="H550548" s="12"/>
    </row>
    <row r="550549" spans="8:8">
      <c r="H550549" s="12"/>
    </row>
    <row r="550550" spans="8:8">
      <c r="H550550" s="12"/>
    </row>
    <row r="550551" spans="8:8">
      <c r="H550551" s="12"/>
    </row>
    <row r="550552" spans="8:8">
      <c r="H550552" s="12"/>
    </row>
    <row r="550553" spans="8:8">
      <c r="H550553" s="12"/>
    </row>
    <row r="550554" spans="8:8">
      <c r="H550554" s="12"/>
    </row>
    <row r="550555" spans="8:8">
      <c r="H550555" s="12"/>
    </row>
    <row r="550556" spans="8:8">
      <c r="H550556" s="12"/>
    </row>
    <row r="550557" spans="8:8">
      <c r="H550557" s="12"/>
    </row>
    <row r="550558" spans="8:8">
      <c r="H550558" s="12"/>
    </row>
    <row r="550559" spans="8:8">
      <c r="H550559" s="12"/>
    </row>
    <row r="550560" spans="8:8">
      <c r="H550560" s="12"/>
    </row>
    <row r="550561" spans="8:8">
      <c r="H550561" s="12"/>
    </row>
    <row r="550562" spans="8:8">
      <c r="H550562" s="12"/>
    </row>
    <row r="550563" spans="8:8">
      <c r="H550563" s="12"/>
    </row>
    <row r="550564" spans="8:8">
      <c r="H550564" s="12"/>
    </row>
    <row r="550565" spans="8:8">
      <c r="H550565" s="12"/>
    </row>
    <row r="550566" spans="8:8">
      <c r="H550566" s="12"/>
    </row>
    <row r="550567" spans="8:8">
      <c r="H550567" s="12"/>
    </row>
    <row r="550568" spans="8:8">
      <c r="H550568" s="12"/>
    </row>
    <row r="550569" spans="8:8">
      <c r="H550569" s="12"/>
    </row>
    <row r="550570" spans="8:8">
      <c r="H550570" s="12"/>
    </row>
    <row r="550571" spans="8:8">
      <c r="H550571" s="12"/>
    </row>
    <row r="550572" spans="8:8">
      <c r="H550572" s="12"/>
    </row>
    <row r="550573" spans="8:8">
      <c r="H550573" s="12"/>
    </row>
    <row r="550574" spans="8:8">
      <c r="H550574" s="12"/>
    </row>
    <row r="550575" spans="8:8">
      <c r="H550575" s="12"/>
    </row>
    <row r="550576" spans="8:8">
      <c r="H550576" s="12"/>
    </row>
    <row r="550577" spans="8:8">
      <c r="H550577" s="12"/>
    </row>
    <row r="550578" spans="8:8">
      <c r="H550578" s="12"/>
    </row>
    <row r="550579" spans="8:8">
      <c r="H550579" s="12"/>
    </row>
    <row r="550580" spans="8:8">
      <c r="H550580" s="12"/>
    </row>
    <row r="550581" spans="8:8">
      <c r="H550581" s="12"/>
    </row>
    <row r="550582" spans="8:8">
      <c r="H550582" s="12"/>
    </row>
    <row r="550583" spans="8:8">
      <c r="H550583" s="12"/>
    </row>
    <row r="550584" spans="8:8">
      <c r="H550584" s="12"/>
    </row>
    <row r="550585" spans="8:8">
      <c r="H550585" s="12"/>
    </row>
    <row r="550586" spans="8:8">
      <c r="H550586" s="12"/>
    </row>
    <row r="550587" spans="8:8">
      <c r="H550587" s="12"/>
    </row>
    <row r="550588" spans="8:8">
      <c r="H550588" s="12"/>
    </row>
    <row r="550589" spans="8:8">
      <c r="H550589" s="12"/>
    </row>
    <row r="550590" spans="8:8">
      <c r="H550590" s="12"/>
    </row>
    <row r="550591" spans="8:8">
      <c r="H550591" s="12"/>
    </row>
    <row r="550592" spans="8:8">
      <c r="H550592" s="12"/>
    </row>
    <row r="550593" spans="8:8">
      <c r="H550593" s="12"/>
    </row>
    <row r="550594" spans="8:8">
      <c r="H550594" s="12"/>
    </row>
    <row r="550595" spans="8:8">
      <c r="H550595" s="12"/>
    </row>
    <row r="550596" spans="8:8">
      <c r="H550596" s="12"/>
    </row>
    <row r="550597" spans="8:8">
      <c r="H550597" s="12"/>
    </row>
    <row r="550598" spans="8:8">
      <c r="H550598" s="12"/>
    </row>
    <row r="550599" spans="8:8">
      <c r="H550599" s="12"/>
    </row>
    <row r="550600" spans="8:8">
      <c r="H550600" s="12"/>
    </row>
    <row r="550601" spans="8:8">
      <c r="H550601" s="12"/>
    </row>
    <row r="550602" spans="8:8">
      <c r="H550602" s="12"/>
    </row>
    <row r="550603" spans="8:8">
      <c r="H550603" s="12"/>
    </row>
    <row r="550604" spans="8:8">
      <c r="H550604" s="12"/>
    </row>
    <row r="550605" spans="8:8">
      <c r="H550605" s="12"/>
    </row>
    <row r="550606" spans="8:8">
      <c r="H550606" s="12"/>
    </row>
    <row r="550607" spans="8:8">
      <c r="H550607" s="12"/>
    </row>
    <row r="550608" spans="8:8">
      <c r="H550608" s="12"/>
    </row>
    <row r="550609" spans="8:8">
      <c r="H550609" s="12"/>
    </row>
    <row r="550610" spans="8:8">
      <c r="H550610" s="12"/>
    </row>
    <row r="550611" spans="8:8">
      <c r="H550611" s="12"/>
    </row>
    <row r="550612" spans="8:8">
      <c r="H550612" s="12"/>
    </row>
    <row r="550613" spans="8:8">
      <c r="H550613" s="12"/>
    </row>
    <row r="550614" spans="8:8">
      <c r="H550614" s="12"/>
    </row>
    <row r="550615" spans="8:8">
      <c r="H550615" s="12"/>
    </row>
    <row r="550616" spans="8:8">
      <c r="H550616" s="12"/>
    </row>
    <row r="550617" spans="8:8">
      <c r="H550617" s="12"/>
    </row>
    <row r="550618" spans="8:8">
      <c r="H550618" s="12"/>
    </row>
    <row r="550619" spans="8:8">
      <c r="H550619" s="12"/>
    </row>
    <row r="550620" spans="8:8">
      <c r="H550620" s="12"/>
    </row>
    <row r="550621" spans="8:8">
      <c r="H550621" s="12"/>
    </row>
    <row r="550622" spans="8:8">
      <c r="H550622" s="12"/>
    </row>
    <row r="550623" spans="8:8">
      <c r="H550623" s="12"/>
    </row>
    <row r="550624" spans="8:8">
      <c r="H550624" s="12"/>
    </row>
    <row r="550625" spans="8:8">
      <c r="H550625" s="12"/>
    </row>
    <row r="550626" spans="8:8">
      <c r="H550626" s="12"/>
    </row>
    <row r="550627" spans="8:8">
      <c r="H550627" s="12"/>
    </row>
    <row r="550628" spans="8:8">
      <c r="H550628" s="12"/>
    </row>
    <row r="550629" spans="8:8">
      <c r="H550629" s="12"/>
    </row>
    <row r="550630" spans="8:8">
      <c r="H550630" s="12"/>
    </row>
    <row r="550631" spans="8:8">
      <c r="H550631" s="12"/>
    </row>
    <row r="550632" spans="8:8">
      <c r="H550632" s="12"/>
    </row>
    <row r="550633" spans="8:8">
      <c r="H550633" s="12"/>
    </row>
    <row r="550634" spans="8:8">
      <c r="H550634" s="12"/>
    </row>
    <row r="550635" spans="8:8">
      <c r="H550635" s="12"/>
    </row>
    <row r="550636" spans="8:8">
      <c r="H550636" s="12"/>
    </row>
    <row r="550637" spans="8:8">
      <c r="H550637" s="12"/>
    </row>
    <row r="550638" spans="8:8">
      <c r="H550638" s="12"/>
    </row>
    <row r="550639" spans="8:8">
      <c r="H550639" s="12"/>
    </row>
    <row r="550640" spans="8:8">
      <c r="H550640" s="12"/>
    </row>
    <row r="550641" spans="8:8">
      <c r="H550641" s="12"/>
    </row>
    <row r="550642" spans="8:8">
      <c r="H550642" s="12"/>
    </row>
    <row r="550643" spans="8:8">
      <c r="H550643" s="12"/>
    </row>
    <row r="550644" spans="8:8">
      <c r="H550644" s="12"/>
    </row>
    <row r="550645" spans="8:8">
      <c r="H550645" s="12"/>
    </row>
    <row r="550646" spans="8:8">
      <c r="H550646" s="12"/>
    </row>
    <row r="550647" spans="8:8">
      <c r="H550647" s="12"/>
    </row>
    <row r="550648" spans="8:8">
      <c r="H550648" s="12"/>
    </row>
    <row r="550649" spans="8:8">
      <c r="H550649" s="12"/>
    </row>
    <row r="550650" spans="8:8">
      <c r="H550650" s="12"/>
    </row>
    <row r="550651" spans="8:8">
      <c r="H550651" s="12"/>
    </row>
    <row r="550652" spans="8:8">
      <c r="H550652" s="12"/>
    </row>
    <row r="550653" spans="8:8">
      <c r="H550653" s="12"/>
    </row>
    <row r="550654" spans="8:8">
      <c r="H550654" s="12"/>
    </row>
    <row r="550655" spans="8:8">
      <c r="H550655" s="12"/>
    </row>
    <row r="550656" spans="8:8">
      <c r="H550656" s="12"/>
    </row>
    <row r="550657" spans="8:8">
      <c r="H550657" s="12"/>
    </row>
    <row r="550658" spans="8:8">
      <c r="H550658" s="12"/>
    </row>
    <row r="550659" spans="8:8">
      <c r="H550659" s="12"/>
    </row>
    <row r="550660" spans="8:8">
      <c r="H550660" s="12"/>
    </row>
    <row r="550661" spans="8:8">
      <c r="H550661" s="12"/>
    </row>
    <row r="550662" spans="8:8">
      <c r="H550662" s="12"/>
    </row>
    <row r="550663" spans="8:8">
      <c r="H550663" s="12"/>
    </row>
    <row r="550664" spans="8:8">
      <c r="H550664" s="12"/>
    </row>
    <row r="550665" spans="8:8">
      <c r="H550665" s="12"/>
    </row>
    <row r="550666" spans="8:8">
      <c r="H550666" s="12"/>
    </row>
    <row r="550667" spans="8:8">
      <c r="H550667" s="12"/>
    </row>
    <row r="550668" spans="8:8">
      <c r="H550668" s="12"/>
    </row>
    <row r="550669" spans="8:8">
      <c r="H550669" s="12"/>
    </row>
    <row r="550670" spans="8:8">
      <c r="H550670" s="12"/>
    </row>
    <row r="550671" spans="8:8">
      <c r="H550671" s="12"/>
    </row>
    <row r="550672" spans="8:8">
      <c r="H550672" s="12"/>
    </row>
    <row r="550673" spans="8:8">
      <c r="H550673" s="12"/>
    </row>
    <row r="550674" spans="8:8">
      <c r="H550674" s="12"/>
    </row>
    <row r="550675" spans="8:8">
      <c r="H550675" s="12"/>
    </row>
    <row r="550676" spans="8:8">
      <c r="H550676" s="12"/>
    </row>
    <row r="550677" spans="8:8">
      <c r="H550677" s="12"/>
    </row>
    <row r="550678" spans="8:8">
      <c r="H550678" s="12"/>
    </row>
    <row r="550679" spans="8:8">
      <c r="H550679" s="12"/>
    </row>
    <row r="550680" spans="8:8">
      <c r="H550680" s="12"/>
    </row>
    <row r="550681" spans="8:8">
      <c r="H550681" s="12"/>
    </row>
    <row r="550682" spans="8:8">
      <c r="H550682" s="12"/>
    </row>
    <row r="550683" spans="8:8">
      <c r="H550683" s="12"/>
    </row>
    <row r="550684" spans="8:8">
      <c r="H550684" s="12"/>
    </row>
    <row r="550685" spans="8:8">
      <c r="H550685" s="12"/>
    </row>
    <row r="550686" spans="8:8">
      <c r="H550686" s="12"/>
    </row>
    <row r="550687" spans="8:8">
      <c r="H550687" s="12"/>
    </row>
    <row r="550688" spans="8:8">
      <c r="H550688" s="12"/>
    </row>
    <row r="550689" spans="8:8">
      <c r="H550689" s="12"/>
    </row>
    <row r="550690" spans="8:8">
      <c r="H550690" s="12"/>
    </row>
    <row r="550691" spans="8:8">
      <c r="H550691" s="12"/>
    </row>
    <row r="550692" spans="8:8">
      <c r="H550692" s="12"/>
    </row>
    <row r="550693" spans="8:8">
      <c r="H550693" s="12"/>
    </row>
    <row r="550694" spans="8:8">
      <c r="H550694" s="12"/>
    </row>
    <row r="550695" spans="8:8">
      <c r="H550695" s="12"/>
    </row>
    <row r="550696" spans="8:8">
      <c r="H550696" s="12"/>
    </row>
    <row r="550697" spans="8:8">
      <c r="H550697" s="12"/>
    </row>
    <row r="550698" spans="8:8">
      <c r="H550698" s="12"/>
    </row>
    <row r="550699" spans="8:8">
      <c r="H550699" s="12"/>
    </row>
    <row r="550700" spans="8:8">
      <c r="H550700" s="12"/>
    </row>
    <row r="550701" spans="8:8">
      <c r="H550701" s="12"/>
    </row>
    <row r="550702" spans="8:8">
      <c r="H550702" s="12"/>
    </row>
    <row r="550703" spans="8:8">
      <c r="H550703" s="12"/>
    </row>
    <row r="550704" spans="8:8">
      <c r="H550704" s="12"/>
    </row>
    <row r="550705" spans="8:8">
      <c r="H550705" s="12"/>
    </row>
    <row r="550706" spans="8:8">
      <c r="H550706" s="12"/>
    </row>
    <row r="550707" spans="8:8">
      <c r="H550707" s="12"/>
    </row>
    <row r="550708" spans="8:8">
      <c r="H550708" s="12"/>
    </row>
    <row r="550709" spans="8:8">
      <c r="H550709" s="12"/>
    </row>
    <row r="550710" spans="8:8">
      <c r="H550710" s="12"/>
    </row>
    <row r="550711" spans="8:8">
      <c r="H550711" s="12"/>
    </row>
    <row r="550712" spans="8:8">
      <c r="H550712" s="12"/>
    </row>
    <row r="550713" spans="8:8">
      <c r="H550713" s="12"/>
    </row>
    <row r="550714" spans="8:8">
      <c r="H550714" s="12"/>
    </row>
    <row r="550715" spans="8:8">
      <c r="H550715" s="12"/>
    </row>
    <row r="550716" spans="8:8">
      <c r="H550716" s="12"/>
    </row>
    <row r="550717" spans="8:8">
      <c r="H550717" s="12"/>
    </row>
    <row r="550718" spans="8:8">
      <c r="H550718" s="12"/>
    </row>
    <row r="550719" spans="8:8">
      <c r="H550719" s="12"/>
    </row>
    <row r="550720" spans="8:8">
      <c r="H550720" s="12"/>
    </row>
    <row r="550721" spans="8:8">
      <c r="H550721" s="12"/>
    </row>
    <row r="550722" spans="8:8">
      <c r="H550722" s="12"/>
    </row>
    <row r="550723" spans="8:8">
      <c r="H550723" s="12"/>
    </row>
    <row r="550724" spans="8:8">
      <c r="H550724" s="12"/>
    </row>
    <row r="550725" spans="8:8">
      <c r="H550725" s="12"/>
    </row>
    <row r="550726" spans="8:8">
      <c r="H550726" s="12"/>
    </row>
    <row r="550727" spans="8:8">
      <c r="H550727" s="12"/>
    </row>
    <row r="550728" spans="8:8">
      <c r="H550728" s="12"/>
    </row>
    <row r="550729" spans="8:8">
      <c r="H550729" s="12"/>
    </row>
    <row r="550730" spans="8:8">
      <c r="H550730" s="12"/>
    </row>
    <row r="550731" spans="8:8">
      <c r="H550731" s="12"/>
    </row>
    <row r="550732" spans="8:8">
      <c r="H550732" s="12"/>
    </row>
    <row r="550733" spans="8:8">
      <c r="H550733" s="12"/>
    </row>
    <row r="550734" spans="8:8">
      <c r="H550734" s="12"/>
    </row>
    <row r="550735" spans="8:8">
      <c r="H550735" s="12"/>
    </row>
    <row r="550736" spans="8:8">
      <c r="H550736" s="12"/>
    </row>
    <row r="550737" spans="8:8">
      <c r="H550737" s="12"/>
    </row>
    <row r="550738" spans="8:8">
      <c r="H550738" s="12"/>
    </row>
    <row r="550739" spans="8:8">
      <c r="H550739" s="12"/>
    </row>
    <row r="550740" spans="8:8">
      <c r="H550740" s="12"/>
    </row>
    <row r="550741" spans="8:8">
      <c r="H550741" s="12"/>
    </row>
    <row r="550742" spans="8:8">
      <c r="H550742" s="12"/>
    </row>
    <row r="550743" spans="8:8">
      <c r="H550743" s="12"/>
    </row>
    <row r="550744" spans="8:8">
      <c r="H550744" s="12"/>
    </row>
    <row r="550745" spans="8:8">
      <c r="H550745" s="12"/>
    </row>
    <row r="550746" spans="8:8">
      <c r="H550746" s="12"/>
    </row>
    <row r="550747" spans="8:8">
      <c r="H550747" s="12"/>
    </row>
    <row r="550748" spans="8:8">
      <c r="H550748" s="12"/>
    </row>
    <row r="550749" spans="8:8">
      <c r="H550749" s="12"/>
    </row>
    <row r="550750" spans="8:8">
      <c r="H550750" s="12"/>
    </row>
    <row r="550751" spans="8:8">
      <c r="H550751" s="12"/>
    </row>
    <row r="550752" spans="8:8">
      <c r="H550752" s="12"/>
    </row>
    <row r="550753" spans="8:8">
      <c r="H550753" s="12"/>
    </row>
    <row r="550754" spans="8:8">
      <c r="H550754" s="12"/>
    </row>
    <row r="550755" spans="8:8">
      <c r="H550755" s="12"/>
    </row>
    <row r="550756" spans="8:8">
      <c r="H550756" s="12"/>
    </row>
    <row r="550757" spans="8:8">
      <c r="H550757" s="12"/>
    </row>
    <row r="550758" spans="8:8">
      <c r="H550758" s="12"/>
    </row>
    <row r="550759" spans="8:8">
      <c r="H550759" s="12"/>
    </row>
    <row r="550760" spans="8:8">
      <c r="H550760" s="12"/>
    </row>
    <row r="550761" spans="8:8">
      <c r="H550761" s="12"/>
    </row>
    <row r="550762" spans="8:8">
      <c r="H550762" s="12"/>
    </row>
    <row r="550763" spans="8:8">
      <c r="H550763" s="12"/>
    </row>
    <row r="550764" spans="8:8">
      <c r="H550764" s="12"/>
    </row>
    <row r="550765" spans="8:8">
      <c r="H550765" s="12"/>
    </row>
    <row r="550766" spans="8:8">
      <c r="H550766" s="12"/>
    </row>
    <row r="550767" spans="8:8">
      <c r="H550767" s="12"/>
    </row>
    <row r="550768" spans="8:8">
      <c r="H550768" s="12"/>
    </row>
    <row r="550769" spans="8:8">
      <c r="H550769" s="12"/>
    </row>
    <row r="550770" spans="8:8">
      <c r="H550770" s="12"/>
    </row>
    <row r="550771" spans="8:8">
      <c r="H550771" s="12"/>
    </row>
    <row r="550772" spans="8:8">
      <c r="H550772" s="12"/>
    </row>
    <row r="550773" spans="8:8">
      <c r="H550773" s="12"/>
    </row>
    <row r="550774" spans="8:8">
      <c r="H550774" s="12"/>
    </row>
    <row r="550775" spans="8:8">
      <c r="H550775" s="12"/>
    </row>
    <row r="550776" spans="8:8">
      <c r="H550776" s="12"/>
    </row>
    <row r="550777" spans="8:8">
      <c r="H550777" s="12"/>
    </row>
    <row r="550778" spans="8:8">
      <c r="H550778" s="12"/>
    </row>
    <row r="550779" spans="8:8">
      <c r="H550779" s="12"/>
    </row>
    <row r="550780" spans="8:8">
      <c r="H550780" s="12"/>
    </row>
    <row r="550781" spans="8:8">
      <c r="H550781" s="12"/>
    </row>
    <row r="550782" spans="8:8">
      <c r="H550782" s="12"/>
    </row>
    <row r="550783" spans="8:8">
      <c r="H550783" s="12"/>
    </row>
    <row r="550784" spans="8:8">
      <c r="H550784" s="12"/>
    </row>
    <row r="550785" spans="8:8">
      <c r="H550785" s="12"/>
    </row>
    <row r="550786" spans="8:8">
      <c r="H550786" s="12"/>
    </row>
    <row r="550787" spans="8:8">
      <c r="H550787" s="12"/>
    </row>
    <row r="550788" spans="8:8">
      <c r="H550788" s="12"/>
    </row>
    <row r="550789" spans="8:8">
      <c r="H550789" s="12"/>
    </row>
    <row r="550790" spans="8:8">
      <c r="H550790" s="12"/>
    </row>
    <row r="550791" spans="8:8">
      <c r="H550791" s="12"/>
    </row>
    <row r="550792" spans="8:8">
      <c r="H550792" s="12"/>
    </row>
    <row r="550793" spans="8:8">
      <c r="H550793" s="12"/>
    </row>
    <row r="550794" spans="8:8">
      <c r="H550794" s="12"/>
    </row>
    <row r="550795" spans="8:8">
      <c r="H550795" s="12"/>
    </row>
    <row r="550796" spans="8:8">
      <c r="H550796" s="12"/>
    </row>
    <row r="550797" spans="8:8">
      <c r="H550797" s="12"/>
    </row>
    <row r="550798" spans="8:8">
      <c r="H550798" s="12"/>
    </row>
    <row r="550799" spans="8:8">
      <c r="H550799" s="12"/>
    </row>
    <row r="550800" spans="8:8">
      <c r="H550800" s="12"/>
    </row>
    <row r="550801" spans="8:8">
      <c r="H550801" s="12"/>
    </row>
    <row r="550802" spans="8:8">
      <c r="H550802" s="12"/>
    </row>
    <row r="550803" spans="8:8">
      <c r="H550803" s="12"/>
    </row>
    <row r="550804" spans="8:8">
      <c r="H550804" s="12"/>
    </row>
    <row r="550805" spans="8:8">
      <c r="H550805" s="12"/>
    </row>
    <row r="550806" spans="8:8">
      <c r="H550806" s="12"/>
    </row>
    <row r="550807" spans="8:8">
      <c r="H550807" s="12"/>
    </row>
    <row r="550808" spans="8:8">
      <c r="H550808" s="12"/>
    </row>
    <row r="550809" spans="8:8">
      <c r="H550809" s="12"/>
    </row>
    <row r="550810" spans="8:8">
      <c r="H550810" s="12"/>
    </row>
    <row r="550811" spans="8:8">
      <c r="H550811" s="12"/>
    </row>
    <row r="550812" spans="8:8">
      <c r="H550812" s="12"/>
    </row>
    <row r="550813" spans="8:8">
      <c r="H550813" s="12"/>
    </row>
    <row r="550814" spans="8:8">
      <c r="H550814" s="12"/>
    </row>
    <row r="550815" spans="8:8">
      <c r="H550815" s="12"/>
    </row>
    <row r="550816" spans="8:8">
      <c r="H550816" s="12"/>
    </row>
    <row r="550817" spans="8:8">
      <c r="H550817" s="12"/>
    </row>
    <row r="550818" spans="8:8">
      <c r="H550818" s="12"/>
    </row>
    <row r="550819" spans="8:8">
      <c r="H550819" s="12"/>
    </row>
    <row r="550820" spans="8:8">
      <c r="H550820" s="12"/>
    </row>
    <row r="550821" spans="8:8">
      <c r="H550821" s="12"/>
    </row>
    <row r="550822" spans="8:8">
      <c r="H550822" s="12"/>
    </row>
    <row r="550823" spans="8:8">
      <c r="H550823" s="12"/>
    </row>
    <row r="550824" spans="8:8">
      <c r="H550824" s="12"/>
    </row>
    <row r="550825" spans="8:8">
      <c r="H550825" s="12"/>
    </row>
    <row r="550826" spans="8:8">
      <c r="H550826" s="12"/>
    </row>
    <row r="550827" spans="8:8">
      <c r="H550827" s="12"/>
    </row>
    <row r="550828" spans="8:8">
      <c r="H550828" s="12"/>
    </row>
    <row r="550829" spans="8:8">
      <c r="H550829" s="12"/>
    </row>
    <row r="550830" spans="8:8">
      <c r="H550830" s="12"/>
    </row>
    <row r="550831" spans="8:8">
      <c r="H550831" s="12"/>
    </row>
    <row r="550832" spans="8:8">
      <c r="H550832" s="12"/>
    </row>
    <row r="550833" spans="8:8">
      <c r="H550833" s="12"/>
    </row>
    <row r="550834" spans="8:8">
      <c r="H550834" s="12"/>
    </row>
    <row r="550835" spans="8:8">
      <c r="H550835" s="12"/>
    </row>
    <row r="550836" spans="8:8">
      <c r="H550836" s="12"/>
    </row>
    <row r="550837" spans="8:8">
      <c r="H550837" s="12"/>
    </row>
    <row r="550838" spans="8:8">
      <c r="H550838" s="12"/>
    </row>
    <row r="550839" spans="8:8">
      <c r="H550839" s="12"/>
    </row>
    <row r="550840" spans="8:8">
      <c r="H550840" s="12"/>
    </row>
    <row r="550841" spans="8:8">
      <c r="H550841" s="12"/>
    </row>
    <row r="550842" spans="8:8">
      <c r="H550842" s="12"/>
    </row>
    <row r="550843" spans="8:8">
      <c r="H550843" s="12"/>
    </row>
    <row r="550844" spans="8:8">
      <c r="H550844" s="12"/>
    </row>
    <row r="550845" spans="8:8">
      <c r="H550845" s="12"/>
    </row>
    <row r="550846" spans="8:8">
      <c r="H550846" s="12"/>
    </row>
    <row r="550847" spans="8:8">
      <c r="H550847" s="12"/>
    </row>
    <row r="550848" spans="8:8">
      <c r="H550848" s="12"/>
    </row>
    <row r="550849" spans="8:8">
      <c r="H550849" s="12"/>
    </row>
    <row r="550850" spans="8:8">
      <c r="H550850" s="12"/>
    </row>
    <row r="550851" spans="8:8">
      <c r="H550851" s="12"/>
    </row>
    <row r="550852" spans="8:8">
      <c r="H550852" s="12"/>
    </row>
    <row r="550853" spans="8:8">
      <c r="H550853" s="12"/>
    </row>
    <row r="550854" spans="8:8">
      <c r="H550854" s="12"/>
    </row>
    <row r="550855" spans="8:8">
      <c r="H550855" s="12"/>
    </row>
    <row r="550856" spans="8:8">
      <c r="H550856" s="12"/>
    </row>
    <row r="550857" spans="8:8">
      <c r="H550857" s="12"/>
    </row>
    <row r="550858" spans="8:8">
      <c r="H550858" s="12"/>
    </row>
    <row r="550859" spans="8:8">
      <c r="H550859" s="12"/>
    </row>
    <row r="550860" spans="8:8">
      <c r="H550860" s="12"/>
    </row>
    <row r="550861" spans="8:8">
      <c r="H550861" s="12"/>
    </row>
    <row r="550862" spans="8:8">
      <c r="H550862" s="12"/>
    </row>
    <row r="550863" spans="8:8">
      <c r="H550863" s="12"/>
    </row>
    <row r="550864" spans="8:8">
      <c r="H550864" s="12"/>
    </row>
    <row r="550865" spans="8:8">
      <c r="H550865" s="12"/>
    </row>
    <row r="550866" spans="8:8">
      <c r="H550866" s="12"/>
    </row>
    <row r="550867" spans="8:8">
      <c r="H550867" s="12"/>
    </row>
    <row r="550868" spans="8:8">
      <c r="H550868" s="12"/>
    </row>
    <row r="550869" spans="8:8">
      <c r="H550869" s="12"/>
    </row>
    <row r="550870" spans="8:8">
      <c r="H550870" s="12"/>
    </row>
    <row r="550871" spans="8:8">
      <c r="H550871" s="12"/>
    </row>
    <row r="550872" spans="8:8">
      <c r="H550872" s="12"/>
    </row>
    <row r="550873" spans="8:8">
      <c r="H550873" s="12"/>
    </row>
    <row r="550874" spans="8:8">
      <c r="H550874" s="12"/>
    </row>
    <row r="550875" spans="8:8">
      <c r="H550875" s="12"/>
    </row>
    <row r="550876" spans="8:8">
      <c r="H550876" s="12"/>
    </row>
    <row r="550877" spans="8:8">
      <c r="H550877" s="12"/>
    </row>
    <row r="550878" spans="8:8">
      <c r="H550878" s="12"/>
    </row>
    <row r="550879" spans="8:8">
      <c r="H550879" s="12"/>
    </row>
    <row r="550880" spans="8:8">
      <c r="H550880" s="12"/>
    </row>
    <row r="550881" spans="8:8">
      <c r="H550881" s="12"/>
    </row>
    <row r="550882" spans="8:8">
      <c r="H550882" s="12"/>
    </row>
    <row r="550883" spans="8:8">
      <c r="H550883" s="12"/>
    </row>
    <row r="550884" spans="8:8">
      <c r="H550884" s="12"/>
    </row>
    <row r="550885" spans="8:8">
      <c r="H550885" s="12"/>
    </row>
    <row r="550886" spans="8:8">
      <c r="H550886" s="12"/>
    </row>
    <row r="550887" spans="8:8">
      <c r="H550887" s="12"/>
    </row>
    <row r="550888" spans="8:8">
      <c r="H550888" s="12"/>
    </row>
    <row r="550889" spans="8:8">
      <c r="H550889" s="12"/>
    </row>
    <row r="550890" spans="8:8">
      <c r="H550890" s="12"/>
    </row>
    <row r="550891" spans="8:8">
      <c r="H550891" s="12"/>
    </row>
    <row r="550892" spans="8:8">
      <c r="H550892" s="12"/>
    </row>
    <row r="550893" spans="8:8">
      <c r="H550893" s="12"/>
    </row>
    <row r="550894" spans="8:8">
      <c r="H550894" s="12"/>
    </row>
    <row r="550895" spans="8:8">
      <c r="H550895" s="12"/>
    </row>
    <row r="550896" spans="8:8">
      <c r="H550896" s="12"/>
    </row>
    <row r="550897" spans="8:8">
      <c r="H550897" s="12"/>
    </row>
    <row r="550898" spans="8:8">
      <c r="H550898" s="12"/>
    </row>
    <row r="550899" spans="8:8">
      <c r="H550899" s="12"/>
    </row>
    <row r="550900" spans="8:8">
      <c r="H550900" s="12"/>
    </row>
    <row r="550901" spans="8:8">
      <c r="H550901" s="12"/>
    </row>
    <row r="550902" spans="8:8">
      <c r="H550902" s="12"/>
    </row>
    <row r="550903" spans="8:8">
      <c r="H550903" s="12"/>
    </row>
    <row r="550904" spans="8:8">
      <c r="H550904" s="12"/>
    </row>
    <row r="550905" spans="8:8">
      <c r="H550905" s="12"/>
    </row>
    <row r="550906" spans="8:8">
      <c r="H550906" s="12"/>
    </row>
    <row r="550907" spans="8:8">
      <c r="H550907" s="12"/>
    </row>
    <row r="550908" spans="8:8">
      <c r="H550908" s="12"/>
    </row>
    <row r="550909" spans="8:8">
      <c r="H550909" s="12"/>
    </row>
    <row r="550910" spans="8:8">
      <c r="H550910" s="12"/>
    </row>
    <row r="550911" spans="8:8">
      <c r="H550911" s="12"/>
    </row>
    <row r="550912" spans="8:8">
      <c r="H550912" s="12"/>
    </row>
    <row r="550913" spans="8:8">
      <c r="H550913" s="12"/>
    </row>
    <row r="550914" spans="8:8">
      <c r="H550914" s="12"/>
    </row>
    <row r="550915" spans="8:8">
      <c r="H550915" s="12"/>
    </row>
    <row r="550916" spans="8:8">
      <c r="H550916" s="12"/>
    </row>
    <row r="550917" spans="8:8">
      <c r="H550917" s="12"/>
    </row>
    <row r="550918" spans="8:8">
      <c r="H550918" s="12"/>
    </row>
    <row r="550919" spans="8:8">
      <c r="H550919" s="12"/>
    </row>
    <row r="550920" spans="8:8">
      <c r="H550920" s="12"/>
    </row>
    <row r="550921" spans="8:8">
      <c r="H550921" s="12"/>
    </row>
    <row r="550922" spans="8:8">
      <c r="H550922" s="12"/>
    </row>
    <row r="550923" spans="8:8">
      <c r="H550923" s="12"/>
    </row>
    <row r="550924" spans="8:8">
      <c r="H550924" s="12"/>
    </row>
    <row r="550925" spans="8:8">
      <c r="H550925" s="12"/>
    </row>
    <row r="550926" spans="8:8">
      <c r="H550926" s="12"/>
    </row>
    <row r="550927" spans="8:8">
      <c r="H550927" s="12"/>
    </row>
    <row r="550928" spans="8:8">
      <c r="H550928" s="12"/>
    </row>
    <row r="550929" spans="8:8">
      <c r="H550929" s="12"/>
    </row>
    <row r="550930" spans="8:8">
      <c r="H550930" s="12"/>
    </row>
    <row r="550931" spans="8:8">
      <c r="H550931" s="12"/>
    </row>
    <row r="550932" spans="8:8">
      <c r="H550932" s="12"/>
    </row>
    <row r="550933" spans="8:8">
      <c r="H550933" s="12"/>
    </row>
    <row r="550934" spans="8:8">
      <c r="H550934" s="12"/>
    </row>
    <row r="550935" spans="8:8">
      <c r="H550935" s="12"/>
    </row>
    <row r="550936" spans="8:8">
      <c r="H550936" s="12"/>
    </row>
    <row r="550937" spans="8:8">
      <c r="H550937" s="12"/>
    </row>
    <row r="550938" spans="8:8">
      <c r="H550938" s="12"/>
    </row>
    <row r="550939" spans="8:8">
      <c r="H550939" s="12"/>
    </row>
    <row r="550940" spans="8:8">
      <c r="H550940" s="12"/>
    </row>
    <row r="550941" spans="8:8">
      <c r="H550941" s="12"/>
    </row>
    <row r="550942" spans="8:8">
      <c r="H550942" s="12"/>
    </row>
    <row r="550943" spans="8:8">
      <c r="H550943" s="12"/>
    </row>
    <row r="550944" spans="8:8">
      <c r="H550944" s="12"/>
    </row>
    <row r="550945" spans="8:8">
      <c r="H550945" s="12"/>
    </row>
    <row r="550946" spans="8:8">
      <c r="H550946" s="12"/>
    </row>
    <row r="550947" spans="8:8">
      <c r="H550947" s="12"/>
    </row>
    <row r="550948" spans="8:8">
      <c r="H550948" s="12"/>
    </row>
    <row r="550949" spans="8:8">
      <c r="H550949" s="12"/>
    </row>
    <row r="550950" spans="8:8">
      <c r="H550950" s="12"/>
    </row>
    <row r="550951" spans="8:8">
      <c r="H550951" s="12"/>
    </row>
    <row r="550952" spans="8:8">
      <c r="H550952" s="12"/>
    </row>
    <row r="550953" spans="8:8">
      <c r="H550953" s="12"/>
    </row>
    <row r="550954" spans="8:8">
      <c r="H550954" s="12"/>
    </row>
    <row r="550955" spans="8:8">
      <c r="H550955" s="12"/>
    </row>
    <row r="550956" spans="8:8">
      <c r="H550956" s="12"/>
    </row>
    <row r="550957" spans="8:8">
      <c r="H550957" s="12"/>
    </row>
    <row r="550958" spans="8:8">
      <c r="H550958" s="12"/>
    </row>
    <row r="550959" spans="8:8">
      <c r="H550959" s="12"/>
    </row>
    <row r="550960" spans="8:8">
      <c r="H550960" s="12"/>
    </row>
    <row r="550961" spans="8:8">
      <c r="H550961" s="12"/>
    </row>
    <row r="550962" spans="8:8">
      <c r="H550962" s="12"/>
    </row>
    <row r="550963" spans="8:8">
      <c r="H550963" s="12"/>
    </row>
    <row r="550964" spans="8:8">
      <c r="H550964" s="12"/>
    </row>
    <row r="550965" spans="8:8">
      <c r="H550965" s="12"/>
    </row>
    <row r="550966" spans="8:8">
      <c r="H550966" s="12"/>
    </row>
    <row r="550967" spans="8:8">
      <c r="H550967" s="12"/>
    </row>
    <row r="550968" spans="8:8">
      <c r="H550968" s="12"/>
    </row>
    <row r="550969" spans="8:8">
      <c r="H550969" s="12"/>
    </row>
    <row r="550970" spans="8:8">
      <c r="H550970" s="12"/>
    </row>
    <row r="550971" spans="8:8">
      <c r="H550971" s="12"/>
    </row>
    <row r="550972" spans="8:8">
      <c r="H550972" s="12"/>
    </row>
    <row r="550973" spans="8:8">
      <c r="H550973" s="12"/>
    </row>
    <row r="550974" spans="8:8">
      <c r="H550974" s="12"/>
    </row>
    <row r="550975" spans="8:8">
      <c r="H550975" s="12"/>
    </row>
    <row r="550976" spans="8:8">
      <c r="H550976" s="12"/>
    </row>
    <row r="550977" spans="8:8">
      <c r="H550977" s="12"/>
    </row>
    <row r="550978" spans="8:8">
      <c r="H550978" s="12"/>
    </row>
    <row r="550979" spans="8:8">
      <c r="H550979" s="12"/>
    </row>
    <row r="550980" spans="8:8">
      <c r="H550980" s="12"/>
    </row>
    <row r="550981" spans="8:8">
      <c r="H550981" s="12"/>
    </row>
    <row r="550982" spans="8:8">
      <c r="H550982" s="12"/>
    </row>
    <row r="550983" spans="8:8">
      <c r="H550983" s="12"/>
    </row>
    <row r="550984" spans="8:8">
      <c r="H550984" s="12"/>
    </row>
    <row r="550985" spans="8:8">
      <c r="H550985" s="12"/>
    </row>
    <row r="550986" spans="8:8">
      <c r="H550986" s="12"/>
    </row>
    <row r="550987" spans="8:8">
      <c r="H550987" s="12"/>
    </row>
    <row r="550988" spans="8:8">
      <c r="H550988" s="12"/>
    </row>
    <row r="550989" spans="8:8">
      <c r="H550989" s="12"/>
    </row>
    <row r="550990" spans="8:8">
      <c r="H550990" s="12"/>
    </row>
    <row r="550991" spans="8:8">
      <c r="H550991" s="12"/>
    </row>
    <row r="550992" spans="8:8">
      <c r="H550992" s="12"/>
    </row>
    <row r="550993" spans="8:8">
      <c r="H550993" s="12"/>
    </row>
    <row r="550994" spans="8:8">
      <c r="H550994" s="12"/>
    </row>
    <row r="550995" spans="8:8">
      <c r="H550995" s="12"/>
    </row>
    <row r="550996" spans="8:8">
      <c r="H550996" s="12"/>
    </row>
    <row r="550997" spans="8:8">
      <c r="H550997" s="12"/>
    </row>
    <row r="550998" spans="8:8">
      <c r="H550998" s="12"/>
    </row>
    <row r="550999" spans="8:8">
      <c r="H550999" s="12"/>
    </row>
    <row r="551000" spans="8:8">
      <c r="H551000" s="12"/>
    </row>
    <row r="551001" spans="8:8">
      <c r="H551001" s="12"/>
    </row>
    <row r="551002" spans="8:8">
      <c r="H551002" s="12"/>
    </row>
    <row r="551003" spans="8:8">
      <c r="H551003" s="12"/>
    </row>
    <row r="551004" spans="8:8">
      <c r="H551004" s="12"/>
    </row>
    <row r="551005" spans="8:8">
      <c r="H551005" s="12"/>
    </row>
    <row r="551006" spans="8:8">
      <c r="H551006" s="12"/>
    </row>
    <row r="551007" spans="8:8">
      <c r="H551007" s="12"/>
    </row>
    <row r="551008" spans="8:8">
      <c r="H551008" s="12"/>
    </row>
    <row r="551009" spans="8:8">
      <c r="H551009" s="12"/>
    </row>
    <row r="551010" spans="8:8">
      <c r="H551010" s="12"/>
    </row>
    <row r="551011" spans="8:8">
      <c r="H551011" s="12"/>
    </row>
    <row r="551012" spans="8:8">
      <c r="H551012" s="12"/>
    </row>
    <row r="551013" spans="8:8">
      <c r="H551013" s="12"/>
    </row>
    <row r="551014" spans="8:8">
      <c r="H551014" s="12"/>
    </row>
    <row r="551015" spans="8:8">
      <c r="H551015" s="12"/>
    </row>
    <row r="551016" spans="8:8">
      <c r="H551016" s="12"/>
    </row>
    <row r="551017" spans="8:8">
      <c r="H551017" s="12"/>
    </row>
    <row r="551018" spans="8:8">
      <c r="H551018" s="12"/>
    </row>
    <row r="551019" spans="8:8">
      <c r="H551019" s="12"/>
    </row>
    <row r="551020" spans="8:8">
      <c r="H551020" s="12"/>
    </row>
    <row r="551021" spans="8:8">
      <c r="H551021" s="12"/>
    </row>
    <row r="551022" spans="8:8">
      <c r="H551022" s="12"/>
    </row>
    <row r="551023" spans="8:8">
      <c r="H551023" s="12"/>
    </row>
    <row r="551024" spans="8:8">
      <c r="H551024" s="12"/>
    </row>
    <row r="551025" spans="8:8">
      <c r="H551025" s="12"/>
    </row>
    <row r="551026" spans="8:8">
      <c r="H551026" s="12"/>
    </row>
    <row r="551027" spans="8:8">
      <c r="H551027" s="12"/>
    </row>
    <row r="551028" spans="8:8">
      <c r="H551028" s="12"/>
    </row>
    <row r="551029" spans="8:8">
      <c r="H551029" s="12"/>
    </row>
    <row r="551030" spans="8:8">
      <c r="H551030" s="12"/>
    </row>
    <row r="551031" spans="8:8">
      <c r="H551031" s="12"/>
    </row>
    <row r="551032" spans="8:8">
      <c r="H551032" s="12"/>
    </row>
    <row r="551033" spans="8:8">
      <c r="H551033" s="12"/>
    </row>
    <row r="551034" spans="8:8">
      <c r="H551034" s="12"/>
    </row>
    <row r="551035" spans="8:8">
      <c r="H551035" s="12"/>
    </row>
    <row r="551036" spans="8:8">
      <c r="H551036" s="12"/>
    </row>
    <row r="551037" spans="8:8">
      <c r="H551037" s="12"/>
    </row>
    <row r="551038" spans="8:8">
      <c r="H551038" s="12"/>
    </row>
    <row r="551039" spans="8:8">
      <c r="H551039" s="12"/>
    </row>
    <row r="551040" spans="8:8">
      <c r="H551040" s="12"/>
    </row>
    <row r="551041" spans="8:8">
      <c r="H551041" s="12"/>
    </row>
    <row r="551042" spans="8:8">
      <c r="H551042" s="12"/>
    </row>
    <row r="551043" spans="8:8">
      <c r="H551043" s="12"/>
    </row>
    <row r="551044" spans="8:8">
      <c r="H551044" s="12"/>
    </row>
    <row r="551045" spans="8:8">
      <c r="H551045" s="12"/>
    </row>
    <row r="551046" spans="8:8">
      <c r="H551046" s="12"/>
    </row>
    <row r="551047" spans="8:8">
      <c r="H551047" s="12"/>
    </row>
    <row r="551048" spans="8:8">
      <c r="H551048" s="12"/>
    </row>
    <row r="551049" spans="8:8">
      <c r="H551049" s="12"/>
    </row>
    <row r="551050" spans="8:8">
      <c r="H551050" s="12"/>
    </row>
    <row r="551051" spans="8:8">
      <c r="H551051" s="12"/>
    </row>
    <row r="551052" spans="8:8">
      <c r="H551052" s="12"/>
    </row>
    <row r="551053" spans="8:8">
      <c r="H551053" s="12"/>
    </row>
    <row r="551054" spans="8:8">
      <c r="H551054" s="12"/>
    </row>
    <row r="551055" spans="8:8">
      <c r="H551055" s="12"/>
    </row>
    <row r="551056" spans="8:8">
      <c r="H551056" s="12"/>
    </row>
    <row r="551057" spans="8:8">
      <c r="H551057" s="12"/>
    </row>
    <row r="551058" spans="8:8">
      <c r="H551058" s="12"/>
    </row>
    <row r="551059" spans="8:8">
      <c r="H551059" s="12"/>
    </row>
    <row r="551060" spans="8:8">
      <c r="H551060" s="12"/>
    </row>
    <row r="551061" spans="8:8">
      <c r="H551061" s="12"/>
    </row>
    <row r="551062" spans="8:8">
      <c r="H551062" s="12"/>
    </row>
    <row r="551063" spans="8:8">
      <c r="H551063" s="12"/>
    </row>
    <row r="551064" spans="8:8">
      <c r="H551064" s="12"/>
    </row>
    <row r="551065" spans="8:8">
      <c r="H551065" s="12"/>
    </row>
    <row r="551066" spans="8:8">
      <c r="H551066" s="12"/>
    </row>
    <row r="551067" spans="8:8">
      <c r="H551067" s="12"/>
    </row>
    <row r="551068" spans="8:8">
      <c r="H551068" s="12"/>
    </row>
    <row r="551069" spans="8:8">
      <c r="H551069" s="12"/>
    </row>
    <row r="551070" spans="8:8">
      <c r="H551070" s="12"/>
    </row>
    <row r="551071" spans="8:8">
      <c r="H551071" s="12"/>
    </row>
    <row r="551072" spans="8:8">
      <c r="H551072" s="12"/>
    </row>
    <row r="551073" spans="8:8">
      <c r="H551073" s="12"/>
    </row>
    <row r="551074" spans="8:8">
      <c r="H551074" s="12"/>
    </row>
    <row r="551075" spans="8:8">
      <c r="H551075" s="12"/>
    </row>
    <row r="551076" spans="8:8">
      <c r="H551076" s="12"/>
    </row>
    <row r="551077" spans="8:8">
      <c r="H551077" s="12"/>
    </row>
    <row r="551078" spans="8:8">
      <c r="H551078" s="12"/>
    </row>
    <row r="551079" spans="8:8">
      <c r="H551079" s="12"/>
    </row>
    <row r="551080" spans="8:8">
      <c r="H551080" s="12"/>
    </row>
    <row r="551081" spans="8:8">
      <c r="H551081" s="12"/>
    </row>
    <row r="551082" spans="8:8">
      <c r="H551082" s="12"/>
    </row>
    <row r="551083" spans="8:8">
      <c r="H551083" s="12"/>
    </row>
    <row r="551084" spans="8:8">
      <c r="H551084" s="12"/>
    </row>
    <row r="551085" spans="8:8">
      <c r="H551085" s="12"/>
    </row>
    <row r="551086" spans="8:8">
      <c r="H551086" s="12"/>
    </row>
    <row r="551087" spans="8:8">
      <c r="H551087" s="12"/>
    </row>
    <row r="551088" spans="8:8">
      <c r="H551088" s="12"/>
    </row>
    <row r="551089" spans="8:8">
      <c r="H551089" s="12"/>
    </row>
    <row r="551090" spans="8:8">
      <c r="H551090" s="12"/>
    </row>
    <row r="551091" spans="8:8">
      <c r="H551091" s="12"/>
    </row>
    <row r="551092" spans="8:8">
      <c r="H551092" s="12"/>
    </row>
    <row r="551093" spans="8:8">
      <c r="H551093" s="12"/>
    </row>
    <row r="551094" spans="8:8">
      <c r="H551094" s="12"/>
    </row>
    <row r="551095" spans="8:8">
      <c r="H551095" s="12"/>
    </row>
    <row r="551096" spans="8:8">
      <c r="H551096" s="12"/>
    </row>
    <row r="551097" spans="8:8">
      <c r="H551097" s="12"/>
    </row>
    <row r="551098" spans="8:8">
      <c r="H551098" s="12"/>
    </row>
    <row r="551099" spans="8:8">
      <c r="H551099" s="12"/>
    </row>
    <row r="551100" spans="8:8">
      <c r="H551100" s="12"/>
    </row>
    <row r="551101" spans="8:8">
      <c r="H551101" s="12"/>
    </row>
    <row r="551102" spans="8:8">
      <c r="H551102" s="12"/>
    </row>
    <row r="551103" spans="8:8">
      <c r="H551103" s="12"/>
    </row>
    <row r="551104" spans="8:8">
      <c r="H551104" s="12"/>
    </row>
    <row r="551105" spans="8:8">
      <c r="H551105" s="12"/>
    </row>
    <row r="551106" spans="8:8">
      <c r="H551106" s="12"/>
    </row>
    <row r="551107" spans="8:8">
      <c r="H551107" s="12"/>
    </row>
    <row r="551108" spans="8:8">
      <c r="H551108" s="12"/>
    </row>
    <row r="551109" spans="8:8">
      <c r="H551109" s="12"/>
    </row>
    <row r="551110" spans="8:8">
      <c r="H551110" s="12"/>
    </row>
    <row r="551111" spans="8:8">
      <c r="H551111" s="12"/>
    </row>
    <row r="551112" spans="8:8">
      <c r="H551112" s="12"/>
    </row>
    <row r="551113" spans="8:8">
      <c r="H551113" s="12"/>
    </row>
    <row r="551114" spans="8:8">
      <c r="H551114" s="12"/>
    </row>
    <row r="551115" spans="8:8">
      <c r="H551115" s="12"/>
    </row>
    <row r="551116" spans="8:8">
      <c r="H551116" s="12"/>
    </row>
    <row r="551117" spans="8:8">
      <c r="H551117" s="12"/>
    </row>
    <row r="551118" spans="8:8">
      <c r="H551118" s="12"/>
    </row>
    <row r="551119" spans="8:8">
      <c r="H551119" s="12"/>
    </row>
    <row r="551120" spans="8:8">
      <c r="H551120" s="12"/>
    </row>
    <row r="551121" spans="8:8">
      <c r="H551121" s="12"/>
    </row>
    <row r="551122" spans="8:8">
      <c r="H551122" s="12"/>
    </row>
    <row r="551123" spans="8:8">
      <c r="H551123" s="12"/>
    </row>
    <row r="551124" spans="8:8">
      <c r="H551124" s="12"/>
    </row>
    <row r="551125" spans="8:8">
      <c r="H551125" s="12"/>
    </row>
    <row r="551126" spans="8:8">
      <c r="H551126" s="12"/>
    </row>
    <row r="551127" spans="8:8">
      <c r="H551127" s="12"/>
    </row>
    <row r="551128" spans="8:8">
      <c r="H551128" s="12"/>
    </row>
    <row r="551129" spans="8:8">
      <c r="H551129" s="12"/>
    </row>
    <row r="551130" spans="8:8">
      <c r="H551130" s="12"/>
    </row>
    <row r="551131" spans="8:8">
      <c r="H551131" s="12"/>
    </row>
    <row r="551132" spans="8:8">
      <c r="H551132" s="12"/>
    </row>
    <row r="551133" spans="8:8">
      <c r="H551133" s="12"/>
    </row>
    <row r="551134" spans="8:8">
      <c r="H551134" s="12"/>
    </row>
    <row r="551135" spans="8:8">
      <c r="H551135" s="12"/>
    </row>
    <row r="551136" spans="8:8">
      <c r="H551136" s="12"/>
    </row>
    <row r="551137" spans="8:8">
      <c r="H551137" s="12"/>
    </row>
    <row r="551138" spans="8:8">
      <c r="H551138" s="12"/>
    </row>
    <row r="551139" spans="8:8">
      <c r="H551139" s="12"/>
    </row>
    <row r="551140" spans="8:8">
      <c r="H551140" s="12"/>
    </row>
    <row r="551141" spans="8:8">
      <c r="H551141" s="12"/>
    </row>
    <row r="551142" spans="8:8">
      <c r="H551142" s="12"/>
    </row>
    <row r="551143" spans="8:8">
      <c r="H551143" s="12"/>
    </row>
    <row r="551144" spans="8:8">
      <c r="H551144" s="12"/>
    </row>
    <row r="551145" spans="8:8">
      <c r="H551145" s="12"/>
    </row>
    <row r="551146" spans="8:8">
      <c r="H551146" s="12"/>
    </row>
    <row r="551147" spans="8:8">
      <c r="H551147" s="12"/>
    </row>
    <row r="551148" spans="8:8">
      <c r="H551148" s="12"/>
    </row>
    <row r="551149" spans="8:8">
      <c r="H551149" s="12"/>
    </row>
    <row r="551150" spans="8:8">
      <c r="H551150" s="12"/>
    </row>
    <row r="551151" spans="8:8">
      <c r="H551151" s="12"/>
    </row>
    <row r="551152" spans="8:8">
      <c r="H551152" s="12"/>
    </row>
    <row r="551153" spans="8:8">
      <c r="H551153" s="12"/>
    </row>
    <row r="551154" spans="8:8">
      <c r="H551154" s="12"/>
    </row>
    <row r="551155" spans="8:8">
      <c r="H551155" s="12"/>
    </row>
    <row r="551156" spans="8:8">
      <c r="H551156" s="12"/>
    </row>
    <row r="551157" spans="8:8">
      <c r="H551157" s="12"/>
    </row>
    <row r="551158" spans="8:8">
      <c r="H551158" s="12"/>
    </row>
    <row r="551159" spans="8:8">
      <c r="H551159" s="12"/>
    </row>
    <row r="551160" spans="8:8">
      <c r="H551160" s="12"/>
    </row>
    <row r="551161" spans="8:8">
      <c r="H551161" s="12"/>
    </row>
    <row r="551162" spans="8:8">
      <c r="H551162" s="12"/>
    </row>
    <row r="551163" spans="8:8">
      <c r="H551163" s="12"/>
    </row>
    <row r="551164" spans="8:8">
      <c r="H551164" s="12"/>
    </row>
    <row r="551165" spans="8:8">
      <c r="H551165" s="12"/>
    </row>
    <row r="551166" spans="8:8">
      <c r="H551166" s="12"/>
    </row>
    <row r="551167" spans="8:8">
      <c r="H551167" s="12"/>
    </row>
    <row r="551168" spans="8:8">
      <c r="H551168" s="12"/>
    </row>
    <row r="551169" spans="8:8">
      <c r="H551169" s="12"/>
    </row>
    <row r="551170" spans="8:8">
      <c r="H551170" s="12"/>
    </row>
    <row r="551171" spans="8:8">
      <c r="H551171" s="12"/>
    </row>
    <row r="551172" spans="8:8">
      <c r="H551172" s="12"/>
    </row>
    <row r="551173" spans="8:8">
      <c r="H551173" s="12"/>
    </row>
    <row r="551174" spans="8:8">
      <c r="H551174" s="12"/>
    </row>
    <row r="551175" spans="8:8">
      <c r="H551175" s="12"/>
    </row>
    <row r="551176" spans="8:8">
      <c r="H551176" s="12"/>
    </row>
    <row r="551177" spans="8:8">
      <c r="H551177" s="12"/>
    </row>
    <row r="551178" spans="8:8">
      <c r="H551178" s="12"/>
    </row>
    <row r="551179" spans="8:8">
      <c r="H551179" s="12"/>
    </row>
    <row r="551180" spans="8:8">
      <c r="H551180" s="12"/>
    </row>
    <row r="551181" spans="8:8">
      <c r="H551181" s="12"/>
    </row>
    <row r="551182" spans="8:8">
      <c r="H551182" s="12"/>
    </row>
    <row r="551183" spans="8:8">
      <c r="H551183" s="12"/>
    </row>
    <row r="551184" spans="8:8">
      <c r="H551184" s="12"/>
    </row>
    <row r="551185" spans="8:8">
      <c r="H551185" s="12"/>
    </row>
    <row r="551186" spans="8:8">
      <c r="H551186" s="12"/>
    </row>
    <row r="551187" spans="8:8">
      <c r="H551187" s="12"/>
    </row>
    <row r="551188" spans="8:8">
      <c r="H551188" s="12"/>
    </row>
    <row r="551189" spans="8:8">
      <c r="H551189" s="12"/>
    </row>
    <row r="551190" spans="8:8">
      <c r="H551190" s="12"/>
    </row>
    <row r="551191" spans="8:8">
      <c r="H551191" s="12"/>
    </row>
    <row r="551192" spans="8:8">
      <c r="H551192" s="12"/>
    </row>
    <row r="551193" spans="8:8">
      <c r="H551193" s="12"/>
    </row>
    <row r="551194" spans="8:8">
      <c r="H551194" s="12"/>
    </row>
    <row r="551195" spans="8:8">
      <c r="H551195" s="12"/>
    </row>
    <row r="551196" spans="8:8">
      <c r="H551196" s="12"/>
    </row>
    <row r="551197" spans="8:8">
      <c r="H551197" s="12"/>
    </row>
    <row r="551198" spans="8:8">
      <c r="H551198" s="12"/>
    </row>
    <row r="551199" spans="8:8">
      <c r="H551199" s="12"/>
    </row>
    <row r="551200" spans="8:8">
      <c r="H551200" s="12"/>
    </row>
    <row r="551201" spans="8:8">
      <c r="H551201" s="12"/>
    </row>
    <row r="551202" spans="8:8">
      <c r="H551202" s="12"/>
    </row>
    <row r="551203" spans="8:8">
      <c r="H551203" s="12"/>
    </row>
    <row r="551204" spans="8:8">
      <c r="H551204" s="12"/>
    </row>
    <row r="551205" spans="8:8">
      <c r="H551205" s="12"/>
    </row>
    <row r="551206" spans="8:8">
      <c r="H551206" s="12"/>
    </row>
    <row r="551207" spans="8:8">
      <c r="H551207" s="12"/>
    </row>
    <row r="551208" spans="8:8">
      <c r="H551208" s="12"/>
    </row>
    <row r="551209" spans="8:8">
      <c r="H551209" s="12"/>
    </row>
    <row r="551210" spans="8:8">
      <c r="H551210" s="12"/>
    </row>
    <row r="551211" spans="8:8">
      <c r="H551211" s="12"/>
    </row>
    <row r="551212" spans="8:8">
      <c r="H551212" s="12"/>
    </row>
    <row r="551213" spans="8:8">
      <c r="H551213" s="12"/>
    </row>
    <row r="551214" spans="8:8">
      <c r="H551214" s="12"/>
    </row>
    <row r="551215" spans="8:8">
      <c r="H551215" s="12"/>
    </row>
    <row r="551216" spans="8:8">
      <c r="H551216" s="12"/>
    </row>
    <row r="551217" spans="8:8">
      <c r="H551217" s="12"/>
    </row>
    <row r="551218" spans="8:8">
      <c r="H551218" s="12"/>
    </row>
    <row r="551219" spans="8:8">
      <c r="H551219" s="12"/>
    </row>
    <row r="551220" spans="8:8">
      <c r="H551220" s="12"/>
    </row>
    <row r="551221" spans="8:8">
      <c r="H551221" s="12"/>
    </row>
    <row r="551222" spans="8:8">
      <c r="H551222" s="12"/>
    </row>
    <row r="551223" spans="8:8">
      <c r="H551223" s="12"/>
    </row>
    <row r="551224" spans="8:8">
      <c r="H551224" s="12"/>
    </row>
    <row r="551225" spans="8:8">
      <c r="H551225" s="12"/>
    </row>
    <row r="551226" spans="8:8">
      <c r="H551226" s="12"/>
    </row>
    <row r="551227" spans="8:8">
      <c r="H551227" s="12"/>
    </row>
    <row r="551228" spans="8:8">
      <c r="H551228" s="12"/>
    </row>
    <row r="551229" spans="8:8">
      <c r="H551229" s="12"/>
    </row>
    <row r="551230" spans="8:8">
      <c r="H551230" s="12"/>
    </row>
    <row r="551231" spans="8:8">
      <c r="H551231" s="12"/>
    </row>
    <row r="551232" spans="8:8">
      <c r="H551232" s="12"/>
    </row>
    <row r="551233" spans="8:8">
      <c r="H551233" s="12"/>
    </row>
    <row r="551234" spans="8:8">
      <c r="H551234" s="12"/>
    </row>
    <row r="551235" spans="8:8">
      <c r="H551235" s="12"/>
    </row>
    <row r="551236" spans="8:8">
      <c r="H551236" s="12"/>
    </row>
    <row r="551237" spans="8:8">
      <c r="H551237" s="12"/>
    </row>
    <row r="551238" spans="8:8">
      <c r="H551238" s="12"/>
    </row>
    <row r="551239" spans="8:8">
      <c r="H551239" s="12"/>
    </row>
    <row r="551240" spans="8:8">
      <c r="H551240" s="12"/>
    </row>
    <row r="551241" spans="8:8">
      <c r="H551241" s="12"/>
    </row>
    <row r="551242" spans="8:8">
      <c r="H551242" s="12"/>
    </row>
    <row r="551243" spans="8:8">
      <c r="H551243" s="12"/>
    </row>
    <row r="551244" spans="8:8">
      <c r="H551244" s="12"/>
    </row>
    <row r="551245" spans="8:8">
      <c r="H551245" s="12"/>
    </row>
    <row r="551246" spans="8:8">
      <c r="H551246" s="12"/>
    </row>
    <row r="551247" spans="8:8">
      <c r="H551247" s="12"/>
    </row>
    <row r="551248" spans="8:8">
      <c r="H551248" s="12"/>
    </row>
    <row r="551249" spans="8:8">
      <c r="H551249" s="12"/>
    </row>
    <row r="551250" spans="8:8">
      <c r="H551250" s="12"/>
    </row>
    <row r="551251" spans="8:8">
      <c r="H551251" s="12"/>
    </row>
    <row r="551252" spans="8:8">
      <c r="H551252" s="12"/>
    </row>
    <row r="551253" spans="8:8">
      <c r="H551253" s="12"/>
    </row>
    <row r="551254" spans="8:8">
      <c r="H551254" s="12"/>
    </row>
    <row r="551255" spans="8:8">
      <c r="H551255" s="12"/>
    </row>
    <row r="551256" spans="8:8">
      <c r="H551256" s="12"/>
    </row>
    <row r="551257" spans="8:8">
      <c r="H551257" s="12"/>
    </row>
    <row r="551258" spans="8:8">
      <c r="H551258" s="12"/>
    </row>
    <row r="551259" spans="8:8">
      <c r="H551259" s="12"/>
    </row>
    <row r="551260" spans="8:8">
      <c r="H551260" s="12"/>
    </row>
    <row r="551261" spans="8:8">
      <c r="H551261" s="12"/>
    </row>
    <row r="551262" spans="8:8">
      <c r="H551262" s="12"/>
    </row>
    <row r="551263" spans="8:8">
      <c r="H551263" s="12"/>
    </row>
    <row r="551264" spans="8:8">
      <c r="H551264" s="12"/>
    </row>
    <row r="551265" spans="8:8">
      <c r="H551265" s="12"/>
    </row>
    <row r="551266" spans="8:8">
      <c r="H551266" s="12"/>
    </row>
    <row r="551267" spans="8:8">
      <c r="H551267" s="12"/>
    </row>
    <row r="551268" spans="8:8">
      <c r="H551268" s="12"/>
    </row>
    <row r="551269" spans="8:8">
      <c r="H551269" s="12"/>
    </row>
    <row r="551270" spans="8:8">
      <c r="H551270" s="12"/>
    </row>
    <row r="551271" spans="8:8">
      <c r="H551271" s="12"/>
    </row>
    <row r="551272" spans="8:8">
      <c r="H551272" s="12"/>
    </row>
    <row r="551273" spans="8:8">
      <c r="H551273" s="12"/>
    </row>
    <row r="551274" spans="8:8">
      <c r="H551274" s="12"/>
    </row>
    <row r="551275" spans="8:8">
      <c r="H551275" s="12"/>
    </row>
    <row r="551276" spans="8:8">
      <c r="H551276" s="12"/>
    </row>
    <row r="551277" spans="8:8">
      <c r="H551277" s="12"/>
    </row>
    <row r="551278" spans="8:8">
      <c r="H551278" s="12"/>
    </row>
    <row r="551279" spans="8:8">
      <c r="H551279" s="12"/>
    </row>
    <row r="551280" spans="8:8">
      <c r="H551280" s="12"/>
    </row>
    <row r="551281" spans="8:8">
      <c r="H551281" s="12"/>
    </row>
    <row r="551282" spans="8:8">
      <c r="H551282" s="12"/>
    </row>
    <row r="551283" spans="8:8">
      <c r="H551283" s="12"/>
    </row>
    <row r="551284" spans="8:8">
      <c r="H551284" s="12"/>
    </row>
    <row r="551285" spans="8:8">
      <c r="H551285" s="12"/>
    </row>
    <row r="551286" spans="8:8">
      <c r="H551286" s="12"/>
    </row>
    <row r="551287" spans="8:8">
      <c r="H551287" s="12"/>
    </row>
    <row r="551288" spans="8:8">
      <c r="H551288" s="12"/>
    </row>
    <row r="551289" spans="8:8">
      <c r="H551289" s="12"/>
    </row>
    <row r="551290" spans="8:8">
      <c r="H551290" s="12"/>
    </row>
    <row r="551291" spans="8:8">
      <c r="H551291" s="12"/>
    </row>
    <row r="551292" spans="8:8">
      <c r="H551292" s="12"/>
    </row>
    <row r="551293" spans="8:8">
      <c r="H551293" s="12"/>
    </row>
    <row r="551294" spans="8:8">
      <c r="H551294" s="12"/>
    </row>
    <row r="551295" spans="8:8">
      <c r="H551295" s="12"/>
    </row>
    <row r="551296" spans="8:8">
      <c r="H551296" s="12"/>
    </row>
    <row r="551297" spans="8:8">
      <c r="H551297" s="12"/>
    </row>
    <row r="551298" spans="8:8">
      <c r="H551298" s="12"/>
    </row>
    <row r="551299" spans="8:8">
      <c r="H551299" s="12"/>
    </row>
    <row r="551300" spans="8:8">
      <c r="H551300" s="12"/>
    </row>
    <row r="551301" spans="8:8">
      <c r="H551301" s="12"/>
    </row>
    <row r="551302" spans="8:8">
      <c r="H551302" s="12"/>
    </row>
    <row r="551303" spans="8:8">
      <c r="H551303" s="12"/>
    </row>
    <row r="551304" spans="8:8">
      <c r="H551304" s="12"/>
    </row>
    <row r="551305" spans="8:8">
      <c r="H551305" s="12"/>
    </row>
    <row r="551306" spans="8:8">
      <c r="H551306" s="12"/>
    </row>
    <row r="551307" spans="8:8">
      <c r="H551307" s="12"/>
    </row>
    <row r="551308" spans="8:8">
      <c r="H551308" s="12"/>
    </row>
    <row r="551309" spans="8:8">
      <c r="H551309" s="12"/>
    </row>
    <row r="551310" spans="8:8">
      <c r="H551310" s="12"/>
    </row>
    <row r="551311" spans="8:8">
      <c r="H551311" s="12"/>
    </row>
    <row r="551312" spans="8:8">
      <c r="H551312" s="12"/>
    </row>
    <row r="551313" spans="8:8">
      <c r="H551313" s="12"/>
    </row>
    <row r="551314" spans="8:8">
      <c r="H551314" s="12"/>
    </row>
    <row r="551315" spans="8:8">
      <c r="H551315" s="12"/>
    </row>
    <row r="551316" spans="8:8">
      <c r="H551316" s="12"/>
    </row>
    <row r="551317" spans="8:8">
      <c r="H551317" s="12"/>
    </row>
    <row r="551318" spans="8:8">
      <c r="H551318" s="12"/>
    </row>
    <row r="551319" spans="8:8">
      <c r="H551319" s="12"/>
    </row>
    <row r="551320" spans="8:8">
      <c r="H551320" s="12"/>
    </row>
    <row r="551321" spans="8:8">
      <c r="H551321" s="12"/>
    </row>
    <row r="551322" spans="8:8">
      <c r="H551322" s="12"/>
    </row>
    <row r="551323" spans="8:8">
      <c r="H551323" s="12"/>
    </row>
    <row r="551324" spans="8:8">
      <c r="H551324" s="12"/>
    </row>
    <row r="551325" spans="8:8">
      <c r="H551325" s="12"/>
    </row>
    <row r="551326" spans="8:8">
      <c r="H551326" s="12"/>
    </row>
    <row r="551327" spans="8:8">
      <c r="H551327" s="12"/>
    </row>
    <row r="551328" spans="8:8">
      <c r="H551328" s="12"/>
    </row>
    <row r="551329" spans="8:8">
      <c r="H551329" s="12"/>
    </row>
    <row r="551330" spans="8:8">
      <c r="H551330" s="12"/>
    </row>
    <row r="551331" spans="8:8">
      <c r="H551331" s="12"/>
    </row>
    <row r="551332" spans="8:8">
      <c r="H551332" s="12"/>
    </row>
    <row r="551333" spans="8:8">
      <c r="H551333" s="12"/>
    </row>
    <row r="551334" spans="8:8">
      <c r="H551334" s="12"/>
    </row>
    <row r="551335" spans="8:8">
      <c r="H551335" s="12"/>
    </row>
    <row r="551336" spans="8:8">
      <c r="H551336" s="12"/>
    </row>
    <row r="551337" spans="8:8">
      <c r="H551337" s="12"/>
    </row>
    <row r="551338" spans="8:8">
      <c r="H551338" s="12"/>
    </row>
    <row r="551339" spans="8:8">
      <c r="H551339" s="12"/>
    </row>
    <row r="551340" spans="8:8">
      <c r="H551340" s="12"/>
    </row>
    <row r="551341" spans="8:8">
      <c r="H551341" s="12"/>
    </row>
    <row r="551342" spans="8:8">
      <c r="H551342" s="12"/>
    </row>
    <row r="551343" spans="8:8">
      <c r="H551343" s="12"/>
    </row>
    <row r="551344" spans="8:8">
      <c r="H551344" s="12"/>
    </row>
    <row r="551345" spans="8:8">
      <c r="H551345" s="12"/>
    </row>
    <row r="551346" spans="8:8">
      <c r="H551346" s="12"/>
    </row>
    <row r="551347" spans="8:8">
      <c r="H551347" s="12"/>
    </row>
    <row r="551348" spans="8:8">
      <c r="H551348" s="12"/>
    </row>
    <row r="551349" spans="8:8">
      <c r="H551349" s="12"/>
    </row>
    <row r="551350" spans="8:8">
      <c r="H551350" s="12"/>
    </row>
    <row r="551351" spans="8:8">
      <c r="H551351" s="12"/>
    </row>
    <row r="551352" spans="8:8">
      <c r="H551352" s="12"/>
    </row>
    <row r="551353" spans="8:8">
      <c r="H551353" s="12"/>
    </row>
    <row r="551354" spans="8:8">
      <c r="H551354" s="12"/>
    </row>
    <row r="551355" spans="8:8">
      <c r="H551355" s="12"/>
    </row>
    <row r="551356" spans="8:8">
      <c r="H551356" s="12"/>
    </row>
    <row r="551357" spans="8:8">
      <c r="H551357" s="12"/>
    </row>
    <row r="551358" spans="8:8">
      <c r="H551358" s="12"/>
    </row>
    <row r="551359" spans="8:8">
      <c r="H551359" s="12"/>
    </row>
    <row r="551360" spans="8:8">
      <c r="H551360" s="12"/>
    </row>
    <row r="551361" spans="8:8">
      <c r="H551361" s="12"/>
    </row>
    <row r="551362" spans="8:8">
      <c r="H551362" s="12"/>
    </row>
    <row r="551363" spans="8:8">
      <c r="H551363" s="12"/>
    </row>
    <row r="551364" spans="8:8">
      <c r="H551364" s="12"/>
    </row>
    <row r="551365" spans="8:8">
      <c r="H551365" s="12"/>
    </row>
    <row r="551366" spans="8:8">
      <c r="H551366" s="12"/>
    </row>
    <row r="551367" spans="8:8">
      <c r="H551367" s="12"/>
    </row>
    <row r="551368" spans="8:8">
      <c r="H551368" s="12"/>
    </row>
    <row r="551369" spans="8:8">
      <c r="H551369" s="12"/>
    </row>
    <row r="551370" spans="8:8">
      <c r="H551370" s="12"/>
    </row>
    <row r="551371" spans="8:8">
      <c r="H551371" s="12"/>
    </row>
    <row r="551372" spans="8:8">
      <c r="H551372" s="12"/>
    </row>
    <row r="551373" spans="8:8">
      <c r="H551373" s="12"/>
    </row>
    <row r="551374" spans="8:8">
      <c r="H551374" s="12"/>
    </row>
    <row r="551375" spans="8:8">
      <c r="H551375" s="12"/>
    </row>
    <row r="551376" spans="8:8">
      <c r="H551376" s="12"/>
    </row>
    <row r="551377" spans="8:8">
      <c r="H551377" s="12"/>
    </row>
    <row r="551378" spans="8:8">
      <c r="H551378" s="12"/>
    </row>
    <row r="551379" spans="8:8">
      <c r="H551379" s="12"/>
    </row>
    <row r="551380" spans="8:8">
      <c r="H551380" s="12"/>
    </row>
    <row r="551381" spans="8:8">
      <c r="H551381" s="12"/>
    </row>
    <row r="551382" spans="8:8">
      <c r="H551382" s="12"/>
    </row>
    <row r="551383" spans="8:8">
      <c r="H551383" s="12"/>
    </row>
    <row r="551384" spans="8:8">
      <c r="H551384" s="12"/>
    </row>
    <row r="551385" spans="8:8">
      <c r="H551385" s="12"/>
    </row>
    <row r="551386" spans="8:8">
      <c r="H551386" s="12"/>
    </row>
    <row r="551387" spans="8:8">
      <c r="H551387" s="12"/>
    </row>
    <row r="551388" spans="8:8">
      <c r="H551388" s="12"/>
    </row>
    <row r="551389" spans="8:8">
      <c r="H551389" s="12"/>
    </row>
    <row r="551390" spans="8:8">
      <c r="H551390" s="12"/>
    </row>
    <row r="551391" spans="8:8">
      <c r="H551391" s="12"/>
    </row>
    <row r="551392" spans="8:8">
      <c r="H551392" s="12"/>
    </row>
    <row r="551393" spans="8:8">
      <c r="H551393" s="12"/>
    </row>
    <row r="551394" spans="8:8">
      <c r="H551394" s="12"/>
    </row>
    <row r="551395" spans="8:8">
      <c r="H551395" s="12"/>
    </row>
    <row r="551396" spans="8:8">
      <c r="H551396" s="12"/>
    </row>
    <row r="551397" spans="8:8">
      <c r="H551397" s="12"/>
    </row>
    <row r="551398" spans="8:8">
      <c r="H551398" s="12"/>
    </row>
    <row r="551399" spans="8:8">
      <c r="H551399" s="12"/>
    </row>
    <row r="551400" spans="8:8">
      <c r="H551400" s="12"/>
    </row>
    <row r="551401" spans="8:8">
      <c r="H551401" s="12"/>
    </row>
    <row r="551402" spans="8:8">
      <c r="H551402" s="12"/>
    </row>
    <row r="551403" spans="8:8">
      <c r="H551403" s="12"/>
    </row>
    <row r="551404" spans="8:8">
      <c r="H551404" s="12"/>
    </row>
    <row r="551405" spans="8:8">
      <c r="H551405" s="12"/>
    </row>
    <row r="551406" spans="8:8">
      <c r="H551406" s="12"/>
    </row>
    <row r="551407" spans="8:8">
      <c r="H551407" s="12"/>
    </row>
    <row r="551408" spans="8:8">
      <c r="H551408" s="12"/>
    </row>
    <row r="551409" spans="8:8">
      <c r="H551409" s="12"/>
    </row>
    <row r="551410" spans="8:8">
      <c r="H551410" s="12"/>
    </row>
    <row r="551411" spans="8:8">
      <c r="H551411" s="12"/>
    </row>
    <row r="551412" spans="8:8">
      <c r="H551412" s="12"/>
    </row>
    <row r="551413" spans="8:8">
      <c r="H551413" s="12"/>
    </row>
    <row r="551414" spans="8:8">
      <c r="H551414" s="12"/>
    </row>
    <row r="551415" spans="8:8">
      <c r="H551415" s="12"/>
    </row>
    <row r="551416" spans="8:8">
      <c r="H551416" s="12"/>
    </row>
    <row r="551417" spans="8:8">
      <c r="H551417" s="12"/>
    </row>
    <row r="551418" spans="8:8">
      <c r="H551418" s="12"/>
    </row>
    <row r="551419" spans="8:8">
      <c r="H551419" s="12"/>
    </row>
    <row r="551420" spans="8:8">
      <c r="H551420" s="12"/>
    </row>
    <row r="551421" spans="8:8">
      <c r="H551421" s="12"/>
    </row>
    <row r="551422" spans="8:8">
      <c r="H551422" s="12"/>
    </row>
    <row r="551423" spans="8:8">
      <c r="H551423" s="12"/>
    </row>
    <row r="551424" spans="8:8">
      <c r="H551424" s="12"/>
    </row>
    <row r="551425" spans="8:8">
      <c r="H551425" s="12"/>
    </row>
    <row r="551426" spans="8:8">
      <c r="H551426" s="12"/>
    </row>
    <row r="551427" spans="8:8">
      <c r="H551427" s="12"/>
    </row>
    <row r="551428" spans="8:8">
      <c r="H551428" s="12"/>
    </row>
    <row r="551429" spans="8:8">
      <c r="H551429" s="12"/>
    </row>
    <row r="551430" spans="8:8">
      <c r="H551430" s="12"/>
    </row>
    <row r="551431" spans="8:8">
      <c r="H551431" s="12"/>
    </row>
    <row r="551432" spans="8:8">
      <c r="H551432" s="12"/>
    </row>
    <row r="551433" spans="8:8">
      <c r="H551433" s="12"/>
    </row>
    <row r="551434" spans="8:8">
      <c r="H551434" s="12"/>
    </row>
    <row r="551435" spans="8:8">
      <c r="H551435" s="12"/>
    </row>
    <row r="551436" spans="8:8">
      <c r="H551436" s="12"/>
    </row>
    <row r="551437" spans="8:8">
      <c r="H551437" s="12"/>
    </row>
    <row r="551438" spans="8:8">
      <c r="H551438" s="12"/>
    </row>
    <row r="551439" spans="8:8">
      <c r="H551439" s="12"/>
    </row>
    <row r="551440" spans="8:8">
      <c r="H551440" s="12"/>
    </row>
    <row r="551441" spans="8:8">
      <c r="H551441" s="12"/>
    </row>
    <row r="551442" spans="8:8">
      <c r="H551442" s="12"/>
    </row>
    <row r="551443" spans="8:8">
      <c r="H551443" s="12"/>
    </row>
    <row r="551444" spans="8:8">
      <c r="H551444" s="12"/>
    </row>
    <row r="551445" spans="8:8">
      <c r="H551445" s="12"/>
    </row>
    <row r="551446" spans="8:8">
      <c r="H551446" s="12"/>
    </row>
    <row r="551447" spans="8:8">
      <c r="H551447" s="12"/>
    </row>
    <row r="551448" spans="8:8">
      <c r="H551448" s="12"/>
    </row>
    <row r="551449" spans="8:8">
      <c r="H551449" s="12"/>
    </row>
    <row r="551450" spans="8:8">
      <c r="H551450" s="12"/>
    </row>
    <row r="551451" spans="8:8">
      <c r="H551451" s="12"/>
    </row>
    <row r="551452" spans="8:8">
      <c r="H551452" s="12"/>
    </row>
    <row r="551453" spans="8:8">
      <c r="H551453" s="12"/>
    </row>
    <row r="551454" spans="8:8">
      <c r="H551454" s="12"/>
    </row>
    <row r="551455" spans="8:8">
      <c r="H551455" s="12"/>
    </row>
    <row r="551456" spans="8:8">
      <c r="H551456" s="12"/>
    </row>
    <row r="551457" spans="8:8">
      <c r="H551457" s="12"/>
    </row>
    <row r="551458" spans="8:8">
      <c r="H551458" s="12"/>
    </row>
    <row r="551459" spans="8:8">
      <c r="H551459" s="12"/>
    </row>
    <row r="551460" spans="8:8">
      <c r="H551460" s="12"/>
    </row>
    <row r="551461" spans="8:8">
      <c r="H551461" s="12"/>
    </row>
    <row r="551462" spans="8:8">
      <c r="H551462" s="12"/>
    </row>
    <row r="551463" spans="8:8">
      <c r="H551463" s="12"/>
    </row>
    <row r="551464" spans="8:8">
      <c r="H551464" s="12"/>
    </row>
    <row r="551465" spans="8:8">
      <c r="H551465" s="12"/>
    </row>
    <row r="551466" spans="8:8">
      <c r="H551466" s="12"/>
    </row>
    <row r="551467" spans="8:8">
      <c r="H551467" s="12"/>
    </row>
    <row r="551468" spans="8:8">
      <c r="H551468" s="12"/>
    </row>
    <row r="551469" spans="8:8">
      <c r="H551469" s="12"/>
    </row>
    <row r="551470" spans="8:8">
      <c r="H551470" s="12"/>
    </row>
    <row r="551471" spans="8:8">
      <c r="H551471" s="12"/>
    </row>
    <row r="551472" spans="8:8">
      <c r="H551472" s="12"/>
    </row>
    <row r="551473" spans="8:8">
      <c r="H551473" s="12"/>
    </row>
    <row r="551474" spans="8:8">
      <c r="H551474" s="12"/>
    </row>
    <row r="551475" spans="8:8">
      <c r="H551475" s="12"/>
    </row>
    <row r="551476" spans="8:8">
      <c r="H551476" s="12"/>
    </row>
    <row r="551477" spans="8:8">
      <c r="H551477" s="12"/>
    </row>
    <row r="551478" spans="8:8">
      <c r="H551478" s="12"/>
    </row>
    <row r="551479" spans="8:8">
      <c r="H551479" s="12"/>
    </row>
    <row r="551480" spans="8:8">
      <c r="H551480" s="12"/>
    </row>
    <row r="551481" spans="8:8">
      <c r="H551481" s="12"/>
    </row>
    <row r="551482" spans="8:8">
      <c r="H551482" s="12"/>
    </row>
    <row r="551483" spans="8:8">
      <c r="H551483" s="12"/>
    </row>
    <row r="551484" spans="8:8">
      <c r="H551484" s="12"/>
    </row>
    <row r="551485" spans="8:8">
      <c r="H551485" s="12"/>
    </row>
    <row r="551486" spans="8:8">
      <c r="H551486" s="12"/>
    </row>
    <row r="551487" spans="8:8">
      <c r="H551487" s="12"/>
    </row>
    <row r="551488" spans="8:8">
      <c r="H551488" s="12"/>
    </row>
    <row r="551489" spans="8:8">
      <c r="H551489" s="12"/>
    </row>
    <row r="551490" spans="8:8">
      <c r="H551490" s="12"/>
    </row>
    <row r="551491" spans="8:8">
      <c r="H551491" s="12"/>
    </row>
    <row r="551492" spans="8:8">
      <c r="H551492" s="12"/>
    </row>
    <row r="551493" spans="8:8">
      <c r="H551493" s="12"/>
    </row>
    <row r="551494" spans="8:8">
      <c r="H551494" s="12"/>
    </row>
    <row r="551495" spans="8:8">
      <c r="H551495" s="12"/>
    </row>
    <row r="551496" spans="8:8">
      <c r="H551496" s="12"/>
    </row>
    <row r="551497" spans="8:8">
      <c r="H551497" s="12"/>
    </row>
    <row r="551498" spans="8:8">
      <c r="H551498" s="12"/>
    </row>
    <row r="551499" spans="8:8">
      <c r="H551499" s="12"/>
    </row>
    <row r="551500" spans="8:8">
      <c r="H551500" s="12"/>
    </row>
    <row r="551501" spans="8:8">
      <c r="H551501" s="12"/>
    </row>
    <row r="551502" spans="8:8">
      <c r="H551502" s="12"/>
    </row>
    <row r="551503" spans="8:8">
      <c r="H551503" s="12"/>
    </row>
    <row r="551504" spans="8:8">
      <c r="H551504" s="12"/>
    </row>
    <row r="551505" spans="8:8">
      <c r="H551505" s="12"/>
    </row>
    <row r="551506" spans="8:8">
      <c r="H551506" s="12"/>
    </row>
    <row r="551507" spans="8:8">
      <c r="H551507" s="12"/>
    </row>
    <row r="551508" spans="8:8">
      <c r="H551508" s="12"/>
    </row>
    <row r="551509" spans="8:8">
      <c r="H551509" s="12"/>
    </row>
    <row r="551510" spans="8:8">
      <c r="H551510" s="12"/>
    </row>
    <row r="551511" spans="8:8">
      <c r="H551511" s="12"/>
    </row>
    <row r="551512" spans="8:8">
      <c r="H551512" s="12"/>
    </row>
    <row r="551513" spans="8:8">
      <c r="H551513" s="12"/>
    </row>
    <row r="551514" spans="8:8">
      <c r="H551514" s="12"/>
    </row>
    <row r="551515" spans="8:8">
      <c r="H551515" s="12"/>
    </row>
    <row r="551516" spans="8:8">
      <c r="H551516" s="12"/>
    </row>
    <row r="551517" spans="8:8">
      <c r="H551517" s="12"/>
    </row>
    <row r="551518" spans="8:8">
      <c r="H551518" s="12"/>
    </row>
    <row r="551519" spans="8:8">
      <c r="H551519" s="12"/>
    </row>
    <row r="551520" spans="8:8">
      <c r="H551520" s="12"/>
    </row>
    <row r="551521" spans="8:8">
      <c r="H551521" s="12"/>
    </row>
    <row r="551522" spans="8:8">
      <c r="H551522" s="12"/>
    </row>
    <row r="551523" spans="8:8">
      <c r="H551523" s="12"/>
    </row>
    <row r="551524" spans="8:8">
      <c r="H551524" s="12"/>
    </row>
    <row r="551525" spans="8:8">
      <c r="H551525" s="12"/>
    </row>
    <row r="551526" spans="8:8">
      <c r="H551526" s="12"/>
    </row>
    <row r="551527" spans="8:8">
      <c r="H551527" s="12"/>
    </row>
    <row r="551528" spans="8:8">
      <c r="H551528" s="12"/>
    </row>
    <row r="551529" spans="8:8">
      <c r="H551529" s="12"/>
    </row>
    <row r="551530" spans="8:8">
      <c r="H551530" s="12"/>
    </row>
    <row r="551531" spans="8:8">
      <c r="H551531" s="12"/>
    </row>
    <row r="551532" spans="8:8">
      <c r="H551532" s="12"/>
    </row>
    <row r="551533" spans="8:8">
      <c r="H551533" s="12"/>
    </row>
    <row r="551534" spans="8:8">
      <c r="H551534" s="12"/>
    </row>
    <row r="551535" spans="8:8">
      <c r="H551535" s="12"/>
    </row>
    <row r="551536" spans="8:8">
      <c r="H551536" s="12"/>
    </row>
    <row r="551537" spans="8:8">
      <c r="H551537" s="12"/>
    </row>
    <row r="551538" spans="8:8">
      <c r="H551538" s="12"/>
    </row>
    <row r="551539" spans="8:8">
      <c r="H551539" s="12"/>
    </row>
    <row r="551540" spans="8:8">
      <c r="H551540" s="12"/>
    </row>
    <row r="551541" spans="8:8">
      <c r="H551541" s="12"/>
    </row>
    <row r="551542" spans="8:8">
      <c r="H551542" s="12"/>
    </row>
    <row r="551543" spans="8:8">
      <c r="H551543" s="12"/>
    </row>
    <row r="551544" spans="8:8">
      <c r="H551544" s="12"/>
    </row>
    <row r="551545" spans="8:8">
      <c r="H551545" s="12"/>
    </row>
    <row r="551546" spans="8:8">
      <c r="H551546" s="12"/>
    </row>
    <row r="551547" spans="8:8">
      <c r="H551547" s="12"/>
    </row>
    <row r="551548" spans="8:8">
      <c r="H551548" s="12"/>
    </row>
    <row r="551549" spans="8:8">
      <c r="H551549" s="12"/>
    </row>
    <row r="551550" spans="8:8">
      <c r="H551550" s="12"/>
    </row>
    <row r="551551" spans="8:8">
      <c r="H551551" s="12"/>
    </row>
    <row r="551552" spans="8:8">
      <c r="H551552" s="12"/>
    </row>
    <row r="551553" spans="8:8">
      <c r="H551553" s="12"/>
    </row>
    <row r="551554" spans="8:8">
      <c r="H551554" s="12"/>
    </row>
    <row r="551555" spans="8:8">
      <c r="H551555" s="12"/>
    </row>
    <row r="551556" spans="8:8">
      <c r="H551556" s="12"/>
    </row>
    <row r="551557" spans="8:8">
      <c r="H551557" s="12"/>
    </row>
    <row r="551558" spans="8:8">
      <c r="H551558" s="12"/>
    </row>
    <row r="551559" spans="8:8">
      <c r="H551559" s="12"/>
    </row>
    <row r="551560" spans="8:8">
      <c r="H551560" s="12"/>
    </row>
    <row r="551561" spans="8:8">
      <c r="H551561" s="12"/>
    </row>
    <row r="551562" spans="8:8">
      <c r="H551562" s="12"/>
    </row>
    <row r="551563" spans="8:8">
      <c r="H551563" s="12"/>
    </row>
    <row r="551564" spans="8:8">
      <c r="H551564" s="12"/>
    </row>
    <row r="551565" spans="8:8">
      <c r="H551565" s="12"/>
    </row>
    <row r="551566" spans="8:8">
      <c r="H551566" s="12"/>
    </row>
    <row r="551567" spans="8:8">
      <c r="H551567" s="12"/>
    </row>
    <row r="551568" spans="8:8">
      <c r="H551568" s="12"/>
    </row>
    <row r="551569" spans="8:8">
      <c r="H551569" s="12"/>
    </row>
    <row r="551570" spans="8:8">
      <c r="H551570" s="12"/>
    </row>
    <row r="551571" spans="8:8">
      <c r="H551571" s="12"/>
    </row>
    <row r="551572" spans="8:8">
      <c r="H551572" s="12"/>
    </row>
    <row r="551573" spans="8:8">
      <c r="H551573" s="12"/>
    </row>
    <row r="551574" spans="8:8">
      <c r="H551574" s="12"/>
    </row>
    <row r="551575" spans="8:8">
      <c r="H551575" s="12"/>
    </row>
    <row r="551576" spans="8:8">
      <c r="H551576" s="12"/>
    </row>
    <row r="551577" spans="8:8">
      <c r="H551577" s="12"/>
    </row>
    <row r="551578" spans="8:8">
      <c r="H551578" s="12"/>
    </row>
    <row r="551579" spans="8:8">
      <c r="H551579" s="12"/>
    </row>
    <row r="551580" spans="8:8">
      <c r="H551580" s="12"/>
    </row>
    <row r="551581" spans="8:8">
      <c r="H551581" s="12"/>
    </row>
    <row r="551582" spans="8:8">
      <c r="H551582" s="12"/>
    </row>
    <row r="551583" spans="8:8">
      <c r="H551583" s="12"/>
    </row>
    <row r="551584" spans="8:8">
      <c r="H551584" s="12"/>
    </row>
    <row r="551585" spans="8:8">
      <c r="H551585" s="12"/>
    </row>
    <row r="551586" spans="8:8">
      <c r="H551586" s="12"/>
    </row>
    <row r="551587" spans="8:8">
      <c r="H551587" s="12"/>
    </row>
    <row r="551588" spans="8:8">
      <c r="H551588" s="12"/>
    </row>
    <row r="551589" spans="8:8">
      <c r="H551589" s="12"/>
    </row>
    <row r="551590" spans="8:8">
      <c r="H551590" s="12"/>
    </row>
    <row r="551591" spans="8:8">
      <c r="H551591" s="12"/>
    </row>
    <row r="551592" spans="8:8">
      <c r="H551592" s="12"/>
    </row>
    <row r="551593" spans="8:8">
      <c r="H551593" s="12"/>
    </row>
    <row r="551594" spans="8:8">
      <c r="H551594" s="12"/>
    </row>
    <row r="551595" spans="8:8">
      <c r="H551595" s="12"/>
    </row>
    <row r="551596" spans="8:8">
      <c r="H551596" s="12"/>
    </row>
    <row r="551597" spans="8:8">
      <c r="H551597" s="12"/>
    </row>
    <row r="551598" spans="8:8">
      <c r="H551598" s="12"/>
    </row>
    <row r="551599" spans="8:8">
      <c r="H551599" s="12"/>
    </row>
    <row r="551600" spans="8:8">
      <c r="H551600" s="12"/>
    </row>
    <row r="551601" spans="8:8">
      <c r="H551601" s="12"/>
    </row>
    <row r="551602" spans="8:8">
      <c r="H551602" s="12"/>
    </row>
    <row r="551603" spans="8:8">
      <c r="H551603" s="12"/>
    </row>
    <row r="551604" spans="8:8">
      <c r="H551604" s="12"/>
    </row>
    <row r="551605" spans="8:8">
      <c r="H551605" s="12"/>
    </row>
    <row r="551606" spans="8:8">
      <c r="H551606" s="12"/>
    </row>
    <row r="551607" spans="8:8">
      <c r="H551607" s="12"/>
    </row>
    <row r="551608" spans="8:8">
      <c r="H551608" s="12"/>
    </row>
    <row r="551609" spans="8:8">
      <c r="H551609" s="12"/>
    </row>
    <row r="551610" spans="8:8">
      <c r="H551610" s="12"/>
    </row>
    <row r="551611" spans="8:8">
      <c r="H551611" s="12"/>
    </row>
    <row r="551612" spans="8:8">
      <c r="H551612" s="12"/>
    </row>
    <row r="551613" spans="8:8">
      <c r="H551613" s="12"/>
    </row>
    <row r="551614" spans="8:8">
      <c r="H551614" s="12"/>
    </row>
    <row r="551615" spans="8:8">
      <c r="H551615" s="12"/>
    </row>
    <row r="551616" spans="8:8">
      <c r="H551616" s="12"/>
    </row>
    <row r="551617" spans="8:8">
      <c r="H551617" s="12"/>
    </row>
    <row r="551618" spans="8:8">
      <c r="H551618" s="12"/>
    </row>
    <row r="551619" spans="8:8">
      <c r="H551619" s="12"/>
    </row>
    <row r="551620" spans="8:8">
      <c r="H551620" s="12"/>
    </row>
    <row r="551621" spans="8:8">
      <c r="H551621" s="12"/>
    </row>
    <row r="551622" spans="8:8">
      <c r="H551622" s="12"/>
    </row>
    <row r="551623" spans="8:8">
      <c r="H551623" s="12"/>
    </row>
    <row r="551624" spans="8:8">
      <c r="H551624" s="12"/>
    </row>
    <row r="551625" spans="8:8">
      <c r="H551625" s="12"/>
    </row>
    <row r="551626" spans="8:8">
      <c r="H551626" s="12"/>
    </row>
    <row r="551627" spans="8:8">
      <c r="H551627" s="12"/>
    </row>
    <row r="551628" spans="8:8">
      <c r="H551628" s="12"/>
    </row>
    <row r="551629" spans="8:8">
      <c r="H551629" s="12"/>
    </row>
    <row r="551630" spans="8:8">
      <c r="H551630" s="12"/>
    </row>
    <row r="551631" spans="8:8">
      <c r="H551631" s="12"/>
    </row>
    <row r="551632" spans="8:8">
      <c r="H551632" s="12"/>
    </row>
    <row r="551633" spans="8:8">
      <c r="H551633" s="12"/>
    </row>
    <row r="551634" spans="8:8">
      <c r="H551634" s="12"/>
    </row>
    <row r="551635" spans="8:8">
      <c r="H551635" s="12"/>
    </row>
    <row r="551636" spans="8:8">
      <c r="H551636" s="12"/>
    </row>
    <row r="551637" spans="8:8">
      <c r="H551637" s="12"/>
    </row>
    <row r="551638" spans="8:8">
      <c r="H551638" s="12"/>
    </row>
    <row r="551639" spans="8:8">
      <c r="H551639" s="12"/>
    </row>
    <row r="551640" spans="8:8">
      <c r="H551640" s="12"/>
    </row>
    <row r="551641" spans="8:8">
      <c r="H551641" s="12"/>
    </row>
    <row r="551642" spans="8:8">
      <c r="H551642" s="12"/>
    </row>
    <row r="551643" spans="8:8">
      <c r="H551643" s="12"/>
    </row>
    <row r="551644" spans="8:8">
      <c r="H551644" s="12"/>
    </row>
    <row r="551645" spans="8:8">
      <c r="H551645" s="12"/>
    </row>
    <row r="551646" spans="8:8">
      <c r="H551646" s="12"/>
    </row>
    <row r="551647" spans="8:8">
      <c r="H551647" s="12"/>
    </row>
    <row r="551648" spans="8:8">
      <c r="H551648" s="12"/>
    </row>
    <row r="551649" spans="8:8">
      <c r="H551649" s="12"/>
    </row>
    <row r="551650" spans="8:8">
      <c r="H551650" s="12"/>
    </row>
    <row r="551651" spans="8:8">
      <c r="H551651" s="12"/>
    </row>
    <row r="551652" spans="8:8">
      <c r="H551652" s="12"/>
    </row>
    <row r="551653" spans="8:8">
      <c r="H551653" s="12"/>
    </row>
    <row r="551654" spans="8:8">
      <c r="H551654" s="12"/>
    </row>
    <row r="551655" spans="8:8">
      <c r="H551655" s="12"/>
    </row>
    <row r="551656" spans="8:8">
      <c r="H551656" s="12"/>
    </row>
    <row r="551657" spans="8:8">
      <c r="H551657" s="12"/>
    </row>
    <row r="551658" spans="8:8">
      <c r="H551658" s="12"/>
    </row>
    <row r="551659" spans="8:8">
      <c r="H551659" s="12"/>
    </row>
    <row r="551660" spans="8:8">
      <c r="H551660" s="12"/>
    </row>
    <row r="551661" spans="8:8">
      <c r="H551661" s="12"/>
    </row>
    <row r="551662" spans="8:8">
      <c r="H551662" s="12"/>
    </row>
    <row r="551663" spans="8:8">
      <c r="H551663" s="12"/>
    </row>
    <row r="551664" spans="8:8">
      <c r="H551664" s="12"/>
    </row>
    <row r="551665" spans="8:8">
      <c r="H551665" s="12"/>
    </row>
    <row r="551666" spans="8:8">
      <c r="H551666" s="12"/>
    </row>
    <row r="551667" spans="8:8">
      <c r="H551667" s="12"/>
    </row>
    <row r="551668" spans="8:8">
      <c r="H551668" s="12"/>
    </row>
    <row r="551669" spans="8:8">
      <c r="H551669" s="12"/>
    </row>
    <row r="551670" spans="8:8">
      <c r="H551670" s="12"/>
    </row>
    <row r="551671" spans="8:8">
      <c r="H551671" s="12"/>
    </row>
    <row r="551672" spans="8:8">
      <c r="H551672" s="12"/>
    </row>
    <row r="551673" spans="8:8">
      <c r="H551673" s="12"/>
    </row>
    <row r="551674" spans="8:8">
      <c r="H551674" s="12"/>
    </row>
    <row r="551675" spans="8:8">
      <c r="H551675" s="12"/>
    </row>
    <row r="551676" spans="8:8">
      <c r="H551676" s="12"/>
    </row>
    <row r="551677" spans="8:8">
      <c r="H551677" s="12"/>
    </row>
    <row r="551678" spans="8:8">
      <c r="H551678" s="12"/>
    </row>
    <row r="551679" spans="8:8">
      <c r="H551679" s="12"/>
    </row>
    <row r="551680" spans="8:8">
      <c r="H551680" s="12"/>
    </row>
    <row r="551681" spans="8:8">
      <c r="H551681" s="12"/>
    </row>
    <row r="551682" spans="8:8">
      <c r="H551682" s="12"/>
    </row>
    <row r="551683" spans="8:8">
      <c r="H551683" s="12"/>
    </row>
    <row r="551684" spans="8:8">
      <c r="H551684" s="12"/>
    </row>
    <row r="551685" spans="8:8">
      <c r="H551685" s="12"/>
    </row>
    <row r="551686" spans="8:8">
      <c r="H551686" s="12"/>
    </row>
    <row r="551687" spans="8:8">
      <c r="H551687" s="12"/>
    </row>
    <row r="551688" spans="8:8">
      <c r="H551688" s="12"/>
    </row>
    <row r="551689" spans="8:8">
      <c r="H551689" s="12"/>
    </row>
    <row r="551690" spans="8:8">
      <c r="H551690" s="12"/>
    </row>
    <row r="551691" spans="8:8">
      <c r="H551691" s="12"/>
    </row>
    <row r="551692" spans="8:8">
      <c r="H551692" s="12"/>
    </row>
    <row r="551693" spans="8:8">
      <c r="H551693" s="12"/>
    </row>
    <row r="551694" spans="8:8">
      <c r="H551694" s="12"/>
    </row>
    <row r="551695" spans="8:8">
      <c r="H551695" s="12"/>
    </row>
    <row r="551696" spans="8:8">
      <c r="H551696" s="12"/>
    </row>
    <row r="551697" spans="8:8">
      <c r="H551697" s="12"/>
    </row>
    <row r="551698" spans="8:8">
      <c r="H551698" s="12"/>
    </row>
    <row r="551699" spans="8:8">
      <c r="H551699" s="12"/>
    </row>
    <row r="551700" spans="8:8">
      <c r="H551700" s="12"/>
    </row>
    <row r="551701" spans="8:8">
      <c r="H551701" s="12"/>
    </row>
    <row r="551702" spans="8:8">
      <c r="H551702" s="12"/>
    </row>
    <row r="551703" spans="8:8">
      <c r="H551703" s="12"/>
    </row>
    <row r="551704" spans="8:8">
      <c r="H551704" s="12"/>
    </row>
    <row r="551705" spans="8:8">
      <c r="H551705" s="12"/>
    </row>
    <row r="551706" spans="8:8">
      <c r="H551706" s="12"/>
    </row>
    <row r="551707" spans="8:8">
      <c r="H551707" s="12"/>
    </row>
    <row r="551708" spans="8:8">
      <c r="H551708" s="12"/>
    </row>
    <row r="551709" spans="8:8">
      <c r="H551709" s="12"/>
    </row>
    <row r="551710" spans="8:8">
      <c r="H551710" s="12"/>
    </row>
    <row r="551711" spans="8:8">
      <c r="H551711" s="12"/>
    </row>
    <row r="551712" spans="8:8">
      <c r="H551712" s="12"/>
    </row>
    <row r="551713" spans="8:8">
      <c r="H551713" s="12"/>
    </row>
    <row r="551714" spans="8:8">
      <c r="H551714" s="12"/>
    </row>
    <row r="551715" spans="8:8">
      <c r="H551715" s="12"/>
    </row>
    <row r="551716" spans="8:8">
      <c r="H551716" s="12"/>
    </row>
    <row r="551717" spans="8:8">
      <c r="H551717" s="12"/>
    </row>
    <row r="551718" spans="8:8">
      <c r="H551718" s="12"/>
    </row>
    <row r="551719" spans="8:8">
      <c r="H551719" s="12"/>
    </row>
    <row r="551720" spans="8:8">
      <c r="H551720" s="12"/>
    </row>
    <row r="551721" spans="8:8">
      <c r="H551721" s="12"/>
    </row>
    <row r="551722" spans="8:8">
      <c r="H551722" s="12"/>
    </row>
    <row r="551723" spans="8:8">
      <c r="H551723" s="12"/>
    </row>
    <row r="551724" spans="8:8">
      <c r="H551724" s="12"/>
    </row>
    <row r="551725" spans="8:8">
      <c r="H551725" s="12"/>
    </row>
    <row r="551726" spans="8:8">
      <c r="H551726" s="12"/>
    </row>
    <row r="551727" spans="8:8">
      <c r="H551727" s="12"/>
    </row>
    <row r="551728" spans="8:8">
      <c r="H551728" s="12"/>
    </row>
    <row r="551729" spans="8:8">
      <c r="H551729" s="12"/>
    </row>
    <row r="551730" spans="8:8">
      <c r="H551730" s="12"/>
    </row>
    <row r="551731" spans="8:8">
      <c r="H551731" s="12"/>
    </row>
    <row r="551732" spans="8:8">
      <c r="H551732" s="12"/>
    </row>
    <row r="551733" spans="8:8">
      <c r="H551733" s="12"/>
    </row>
    <row r="551734" spans="8:8">
      <c r="H551734" s="12"/>
    </row>
    <row r="551735" spans="8:8">
      <c r="H551735" s="12"/>
    </row>
    <row r="551736" spans="8:8">
      <c r="H551736" s="12"/>
    </row>
    <row r="551737" spans="8:8">
      <c r="H551737" s="12"/>
    </row>
    <row r="551738" spans="8:8">
      <c r="H551738" s="12"/>
    </row>
    <row r="551739" spans="8:8">
      <c r="H551739" s="12"/>
    </row>
    <row r="551740" spans="8:8">
      <c r="H551740" s="12"/>
    </row>
    <row r="551741" spans="8:8">
      <c r="H551741" s="12"/>
    </row>
    <row r="551742" spans="8:8">
      <c r="H551742" s="12"/>
    </row>
    <row r="551743" spans="8:8">
      <c r="H551743" s="12"/>
    </row>
    <row r="551744" spans="8:8">
      <c r="H551744" s="12"/>
    </row>
    <row r="551745" spans="8:8">
      <c r="H551745" s="12"/>
    </row>
    <row r="551746" spans="8:8">
      <c r="H551746" s="12"/>
    </row>
    <row r="551747" spans="8:8">
      <c r="H551747" s="12"/>
    </row>
    <row r="551748" spans="8:8">
      <c r="H551748" s="12"/>
    </row>
    <row r="551749" spans="8:8">
      <c r="H551749" s="12"/>
    </row>
    <row r="551750" spans="8:8">
      <c r="H551750" s="12"/>
    </row>
    <row r="551751" spans="8:8">
      <c r="H551751" s="12"/>
    </row>
    <row r="551752" spans="8:8">
      <c r="H551752" s="12"/>
    </row>
    <row r="551753" spans="8:8">
      <c r="H551753" s="12"/>
    </row>
    <row r="551754" spans="8:8">
      <c r="H551754" s="12"/>
    </row>
    <row r="551755" spans="8:8">
      <c r="H551755" s="12"/>
    </row>
    <row r="551756" spans="8:8">
      <c r="H551756" s="12"/>
    </row>
    <row r="551757" spans="8:8">
      <c r="H551757" s="12"/>
    </row>
    <row r="551758" spans="8:8">
      <c r="H551758" s="12"/>
    </row>
    <row r="551759" spans="8:8">
      <c r="H551759" s="12"/>
    </row>
    <row r="551760" spans="8:8">
      <c r="H551760" s="12"/>
    </row>
    <row r="551761" spans="8:8">
      <c r="H551761" s="12"/>
    </row>
    <row r="551762" spans="8:8">
      <c r="H551762" s="12"/>
    </row>
    <row r="551763" spans="8:8">
      <c r="H551763" s="12"/>
    </row>
    <row r="551764" spans="8:8">
      <c r="H551764" s="12"/>
    </row>
    <row r="551765" spans="8:8">
      <c r="H551765" s="12"/>
    </row>
    <row r="551766" spans="8:8">
      <c r="H551766" s="12"/>
    </row>
    <row r="551767" spans="8:8">
      <c r="H551767" s="12"/>
    </row>
    <row r="551768" spans="8:8">
      <c r="H551768" s="12"/>
    </row>
    <row r="551769" spans="8:8">
      <c r="H551769" s="12"/>
    </row>
    <row r="551770" spans="8:8">
      <c r="H551770" s="12"/>
    </row>
    <row r="551771" spans="8:8">
      <c r="H551771" s="12"/>
    </row>
    <row r="551772" spans="8:8">
      <c r="H551772" s="12"/>
    </row>
    <row r="551773" spans="8:8">
      <c r="H551773" s="12"/>
    </row>
    <row r="551774" spans="8:8">
      <c r="H551774" s="12"/>
    </row>
    <row r="551775" spans="8:8">
      <c r="H551775" s="12"/>
    </row>
    <row r="551776" spans="8:8">
      <c r="H551776" s="12"/>
    </row>
    <row r="551777" spans="8:8">
      <c r="H551777" s="12"/>
    </row>
    <row r="551778" spans="8:8">
      <c r="H551778" s="12"/>
    </row>
    <row r="551779" spans="8:8">
      <c r="H551779" s="12"/>
    </row>
    <row r="551780" spans="8:8">
      <c r="H551780" s="12"/>
    </row>
    <row r="551781" spans="8:8">
      <c r="H551781" s="12"/>
    </row>
    <row r="551782" spans="8:8">
      <c r="H551782" s="12"/>
    </row>
    <row r="551783" spans="8:8">
      <c r="H551783" s="12"/>
    </row>
    <row r="551784" spans="8:8">
      <c r="H551784" s="12"/>
    </row>
    <row r="551785" spans="8:8">
      <c r="H551785" s="12"/>
    </row>
    <row r="551786" spans="8:8">
      <c r="H551786" s="12"/>
    </row>
    <row r="551787" spans="8:8">
      <c r="H551787" s="12"/>
    </row>
    <row r="551788" spans="8:8">
      <c r="H551788" s="12"/>
    </row>
    <row r="551789" spans="8:8">
      <c r="H551789" s="12"/>
    </row>
    <row r="551790" spans="8:8">
      <c r="H551790" s="12"/>
    </row>
    <row r="551791" spans="8:8">
      <c r="H551791" s="12"/>
    </row>
    <row r="551792" spans="8:8">
      <c r="H551792" s="12"/>
    </row>
    <row r="551793" spans="8:8">
      <c r="H551793" s="12"/>
    </row>
    <row r="551794" spans="8:8">
      <c r="H551794" s="12"/>
    </row>
    <row r="551795" spans="8:8">
      <c r="H551795" s="12"/>
    </row>
    <row r="551796" spans="8:8">
      <c r="H551796" s="12"/>
    </row>
    <row r="551797" spans="8:8">
      <c r="H551797" s="12"/>
    </row>
    <row r="551798" spans="8:8">
      <c r="H551798" s="12"/>
    </row>
    <row r="551799" spans="8:8">
      <c r="H551799" s="12"/>
    </row>
    <row r="551800" spans="8:8">
      <c r="H551800" s="12"/>
    </row>
    <row r="551801" spans="8:8">
      <c r="H551801" s="12"/>
    </row>
    <row r="551802" spans="8:8">
      <c r="H551802" s="12"/>
    </row>
    <row r="551803" spans="8:8">
      <c r="H551803" s="12"/>
    </row>
    <row r="551804" spans="8:8">
      <c r="H551804" s="12"/>
    </row>
    <row r="551805" spans="8:8">
      <c r="H551805" s="12"/>
    </row>
    <row r="551806" spans="8:8">
      <c r="H551806" s="12"/>
    </row>
    <row r="551807" spans="8:8">
      <c r="H551807" s="12"/>
    </row>
    <row r="551808" spans="8:8">
      <c r="H551808" s="12"/>
    </row>
    <row r="551809" spans="8:8">
      <c r="H551809" s="12"/>
    </row>
    <row r="551810" spans="8:8">
      <c r="H551810" s="12"/>
    </row>
    <row r="551811" spans="8:8">
      <c r="H551811" s="12"/>
    </row>
    <row r="551812" spans="8:8">
      <c r="H551812" s="12"/>
    </row>
    <row r="551813" spans="8:8">
      <c r="H551813" s="12"/>
    </row>
    <row r="551814" spans="8:8">
      <c r="H551814" s="12"/>
    </row>
    <row r="551815" spans="8:8">
      <c r="H551815" s="12"/>
    </row>
    <row r="551816" spans="8:8">
      <c r="H551816" s="12"/>
    </row>
    <row r="551817" spans="8:8">
      <c r="H551817" s="12"/>
    </row>
    <row r="551818" spans="8:8">
      <c r="H551818" s="12"/>
    </row>
    <row r="551819" spans="8:8">
      <c r="H551819" s="12"/>
    </row>
    <row r="551820" spans="8:8">
      <c r="H551820" s="12"/>
    </row>
    <row r="551821" spans="8:8">
      <c r="H551821" s="12"/>
    </row>
    <row r="551822" spans="8:8">
      <c r="H551822" s="12"/>
    </row>
    <row r="551823" spans="8:8">
      <c r="H551823" s="12"/>
    </row>
    <row r="551824" spans="8:8">
      <c r="H551824" s="12"/>
    </row>
    <row r="551825" spans="8:8">
      <c r="H551825" s="12"/>
    </row>
    <row r="551826" spans="8:8">
      <c r="H551826" s="12"/>
    </row>
    <row r="551827" spans="8:8">
      <c r="H551827" s="12"/>
    </row>
    <row r="551828" spans="8:8">
      <c r="H551828" s="12"/>
    </row>
    <row r="551829" spans="8:8">
      <c r="H551829" s="12"/>
    </row>
    <row r="551830" spans="8:8">
      <c r="H551830" s="12"/>
    </row>
    <row r="551831" spans="8:8">
      <c r="H551831" s="12"/>
    </row>
    <row r="551832" spans="8:8">
      <c r="H551832" s="12"/>
    </row>
    <row r="551833" spans="8:8">
      <c r="H551833" s="12"/>
    </row>
    <row r="551834" spans="8:8">
      <c r="H551834" s="12"/>
    </row>
    <row r="551835" spans="8:8">
      <c r="H551835" s="12"/>
    </row>
    <row r="551836" spans="8:8">
      <c r="H551836" s="12"/>
    </row>
    <row r="551837" spans="8:8">
      <c r="H551837" s="12"/>
    </row>
    <row r="551838" spans="8:8">
      <c r="H551838" s="12"/>
    </row>
    <row r="551839" spans="8:8">
      <c r="H551839" s="12"/>
    </row>
    <row r="551840" spans="8:8">
      <c r="H551840" s="12"/>
    </row>
    <row r="551841" spans="8:8">
      <c r="H551841" s="12"/>
    </row>
    <row r="551842" spans="8:8">
      <c r="H551842" s="12"/>
    </row>
    <row r="551843" spans="8:8">
      <c r="H551843" s="12"/>
    </row>
    <row r="551844" spans="8:8">
      <c r="H551844" s="12"/>
    </row>
    <row r="551845" spans="8:8">
      <c r="H551845" s="12"/>
    </row>
    <row r="551846" spans="8:8">
      <c r="H551846" s="12"/>
    </row>
    <row r="551847" spans="8:8">
      <c r="H551847" s="12"/>
    </row>
    <row r="551848" spans="8:8">
      <c r="H551848" s="12"/>
    </row>
    <row r="551849" spans="8:8">
      <c r="H551849" s="12"/>
    </row>
    <row r="551850" spans="8:8">
      <c r="H551850" s="12"/>
    </row>
    <row r="551851" spans="8:8">
      <c r="H551851" s="12"/>
    </row>
    <row r="551852" spans="8:8">
      <c r="H551852" s="12"/>
    </row>
    <row r="551853" spans="8:8">
      <c r="H551853" s="12"/>
    </row>
    <row r="551854" spans="8:8">
      <c r="H551854" s="12"/>
    </row>
    <row r="551855" spans="8:8">
      <c r="H551855" s="12"/>
    </row>
    <row r="551856" spans="8:8">
      <c r="H551856" s="12"/>
    </row>
    <row r="551857" spans="8:8">
      <c r="H551857" s="12"/>
    </row>
    <row r="551858" spans="8:8">
      <c r="H551858" s="12"/>
    </row>
    <row r="551859" spans="8:8">
      <c r="H551859" s="12"/>
    </row>
    <row r="551860" spans="8:8">
      <c r="H551860" s="12"/>
    </row>
    <row r="551861" spans="8:8">
      <c r="H551861" s="12"/>
    </row>
    <row r="551862" spans="8:8">
      <c r="H551862" s="12"/>
    </row>
    <row r="551863" spans="8:8">
      <c r="H551863" s="12"/>
    </row>
    <row r="551864" spans="8:8">
      <c r="H551864" s="12"/>
    </row>
    <row r="551865" spans="8:8">
      <c r="H551865" s="12"/>
    </row>
    <row r="551866" spans="8:8">
      <c r="H551866" s="12"/>
    </row>
    <row r="551867" spans="8:8">
      <c r="H551867" s="12"/>
    </row>
    <row r="551868" spans="8:8">
      <c r="H551868" s="12"/>
    </row>
    <row r="551869" spans="8:8">
      <c r="H551869" s="12"/>
    </row>
    <row r="551870" spans="8:8">
      <c r="H551870" s="12"/>
    </row>
    <row r="551871" spans="8:8">
      <c r="H551871" s="12"/>
    </row>
    <row r="551872" spans="8:8">
      <c r="H551872" s="12"/>
    </row>
    <row r="551873" spans="8:8">
      <c r="H551873" s="12"/>
    </row>
    <row r="551874" spans="8:8">
      <c r="H551874" s="12"/>
    </row>
    <row r="551875" spans="8:8">
      <c r="H551875" s="12"/>
    </row>
    <row r="551876" spans="8:8">
      <c r="H551876" s="12"/>
    </row>
    <row r="551877" spans="8:8">
      <c r="H551877" s="12"/>
    </row>
    <row r="551878" spans="8:8">
      <c r="H551878" s="12"/>
    </row>
    <row r="551879" spans="8:8">
      <c r="H551879" s="12"/>
    </row>
    <row r="551880" spans="8:8">
      <c r="H551880" s="12"/>
    </row>
    <row r="551881" spans="8:8">
      <c r="H551881" s="12"/>
    </row>
    <row r="551882" spans="8:8">
      <c r="H551882" s="12"/>
    </row>
    <row r="551883" spans="8:8">
      <c r="H551883" s="12"/>
    </row>
    <row r="551884" spans="8:8">
      <c r="H551884" s="12"/>
    </row>
    <row r="551885" spans="8:8">
      <c r="H551885" s="12"/>
    </row>
    <row r="551886" spans="8:8">
      <c r="H551886" s="12"/>
    </row>
    <row r="551887" spans="8:8">
      <c r="H551887" s="12"/>
    </row>
    <row r="551888" spans="8:8">
      <c r="H551888" s="12"/>
    </row>
    <row r="551889" spans="8:8">
      <c r="H551889" s="12"/>
    </row>
    <row r="551890" spans="8:8">
      <c r="H551890" s="12"/>
    </row>
    <row r="551891" spans="8:8">
      <c r="H551891" s="12"/>
    </row>
    <row r="551892" spans="8:8">
      <c r="H551892" s="12"/>
    </row>
    <row r="551893" spans="8:8">
      <c r="H551893" s="12"/>
    </row>
    <row r="551894" spans="8:8">
      <c r="H551894" s="12"/>
    </row>
    <row r="551895" spans="8:8">
      <c r="H551895" s="12"/>
    </row>
    <row r="551896" spans="8:8">
      <c r="H551896" s="12"/>
    </row>
    <row r="551897" spans="8:8">
      <c r="H551897" s="12"/>
    </row>
    <row r="551898" spans="8:8">
      <c r="H551898" s="12"/>
    </row>
    <row r="551899" spans="8:8">
      <c r="H551899" s="12"/>
    </row>
    <row r="551900" spans="8:8">
      <c r="H551900" s="12"/>
    </row>
    <row r="551901" spans="8:8">
      <c r="H551901" s="12"/>
    </row>
    <row r="551902" spans="8:8">
      <c r="H551902" s="12"/>
    </row>
    <row r="551903" spans="8:8">
      <c r="H551903" s="12"/>
    </row>
    <row r="551904" spans="8:8">
      <c r="H551904" s="12"/>
    </row>
    <row r="551905" spans="8:8">
      <c r="H551905" s="12"/>
    </row>
    <row r="551906" spans="8:8">
      <c r="H551906" s="12"/>
    </row>
    <row r="551907" spans="8:8">
      <c r="H551907" s="12"/>
    </row>
    <row r="551908" spans="8:8">
      <c r="H551908" s="12"/>
    </row>
    <row r="551909" spans="8:8">
      <c r="H551909" s="12"/>
    </row>
    <row r="551910" spans="8:8">
      <c r="H551910" s="12"/>
    </row>
    <row r="551911" spans="8:8">
      <c r="H551911" s="12"/>
    </row>
    <row r="551912" spans="8:8">
      <c r="H551912" s="12"/>
    </row>
    <row r="551913" spans="8:8">
      <c r="H551913" s="12"/>
    </row>
    <row r="551914" spans="8:8">
      <c r="H551914" s="12"/>
    </row>
    <row r="551915" spans="8:8">
      <c r="H551915" s="12"/>
    </row>
    <row r="551916" spans="8:8">
      <c r="H551916" s="12"/>
    </row>
    <row r="551917" spans="8:8">
      <c r="H551917" s="12"/>
    </row>
    <row r="551918" spans="8:8">
      <c r="H551918" s="12"/>
    </row>
    <row r="551919" spans="8:8">
      <c r="H551919" s="12"/>
    </row>
    <row r="551920" spans="8:8">
      <c r="H551920" s="12"/>
    </row>
    <row r="551921" spans="8:8">
      <c r="H551921" s="12"/>
    </row>
    <row r="551922" spans="8:8">
      <c r="H551922" s="12"/>
    </row>
    <row r="551923" spans="8:8">
      <c r="H551923" s="12"/>
    </row>
    <row r="551924" spans="8:8">
      <c r="H551924" s="12"/>
    </row>
    <row r="551925" spans="8:8">
      <c r="H551925" s="12"/>
    </row>
    <row r="551926" spans="8:8">
      <c r="H551926" s="12"/>
    </row>
    <row r="551927" spans="8:8">
      <c r="H551927" s="12"/>
    </row>
    <row r="551928" spans="8:8">
      <c r="H551928" s="12"/>
    </row>
    <row r="551929" spans="8:8">
      <c r="H551929" s="12"/>
    </row>
    <row r="551930" spans="8:8">
      <c r="H551930" s="12"/>
    </row>
    <row r="551931" spans="8:8">
      <c r="H551931" s="12"/>
    </row>
    <row r="551932" spans="8:8">
      <c r="H551932" s="12"/>
    </row>
    <row r="551933" spans="8:8">
      <c r="H551933" s="12"/>
    </row>
    <row r="551934" spans="8:8">
      <c r="H551934" s="12"/>
    </row>
    <row r="551935" spans="8:8">
      <c r="H551935" s="12"/>
    </row>
    <row r="551936" spans="8:8">
      <c r="H551936" s="12"/>
    </row>
    <row r="551937" spans="8:8">
      <c r="H551937" s="12"/>
    </row>
    <row r="551938" spans="8:8">
      <c r="H551938" s="12"/>
    </row>
    <row r="551939" spans="8:8">
      <c r="H551939" s="12"/>
    </row>
    <row r="551940" spans="8:8">
      <c r="H551940" s="12"/>
    </row>
    <row r="551941" spans="8:8">
      <c r="H551941" s="12"/>
    </row>
    <row r="551942" spans="8:8">
      <c r="H551942" s="12"/>
    </row>
    <row r="551943" spans="8:8">
      <c r="H551943" s="12"/>
    </row>
    <row r="551944" spans="8:8">
      <c r="H551944" s="12"/>
    </row>
    <row r="551945" spans="8:8">
      <c r="H551945" s="12"/>
    </row>
    <row r="551946" spans="8:8">
      <c r="H551946" s="12"/>
    </row>
    <row r="551947" spans="8:8">
      <c r="H551947" s="12"/>
    </row>
    <row r="551948" spans="8:8">
      <c r="H551948" s="12"/>
    </row>
    <row r="551949" spans="8:8">
      <c r="H551949" s="12"/>
    </row>
    <row r="551950" spans="8:8">
      <c r="H551950" s="12"/>
    </row>
    <row r="551951" spans="8:8">
      <c r="H551951" s="12"/>
    </row>
    <row r="551952" spans="8:8">
      <c r="H551952" s="12"/>
    </row>
    <row r="551953" spans="8:8">
      <c r="H551953" s="12"/>
    </row>
    <row r="551954" spans="8:8">
      <c r="H551954" s="12"/>
    </row>
    <row r="551955" spans="8:8">
      <c r="H551955" s="12"/>
    </row>
    <row r="551956" spans="8:8">
      <c r="H551956" s="12"/>
    </row>
    <row r="551957" spans="8:8">
      <c r="H551957" s="12"/>
    </row>
    <row r="551958" spans="8:8">
      <c r="H551958" s="12"/>
    </row>
    <row r="551959" spans="8:8">
      <c r="H551959" s="12"/>
    </row>
    <row r="551960" spans="8:8">
      <c r="H551960" s="12"/>
    </row>
    <row r="551961" spans="8:8">
      <c r="H551961" s="12"/>
    </row>
    <row r="551962" spans="8:8">
      <c r="H551962" s="12"/>
    </row>
    <row r="551963" spans="8:8">
      <c r="H551963" s="12"/>
    </row>
    <row r="551964" spans="8:8">
      <c r="H551964" s="12"/>
    </row>
    <row r="551965" spans="8:8">
      <c r="H551965" s="12"/>
    </row>
    <row r="551966" spans="8:8">
      <c r="H551966" s="12"/>
    </row>
    <row r="551967" spans="8:8">
      <c r="H551967" s="12"/>
    </row>
    <row r="551968" spans="8:8">
      <c r="H551968" s="12"/>
    </row>
    <row r="551969" spans="8:8">
      <c r="H551969" s="12"/>
    </row>
    <row r="551970" spans="8:8">
      <c r="H551970" s="12"/>
    </row>
    <row r="551971" spans="8:8">
      <c r="H551971" s="12"/>
    </row>
    <row r="551972" spans="8:8">
      <c r="H551972" s="12"/>
    </row>
    <row r="551973" spans="8:8">
      <c r="H551973" s="12"/>
    </row>
    <row r="551974" spans="8:8">
      <c r="H551974" s="12"/>
    </row>
    <row r="551975" spans="8:8">
      <c r="H551975" s="12"/>
    </row>
    <row r="551976" spans="8:8">
      <c r="H551976" s="12"/>
    </row>
    <row r="551977" spans="8:8">
      <c r="H551977" s="12"/>
    </row>
    <row r="551978" spans="8:8">
      <c r="H551978" s="12"/>
    </row>
    <row r="551979" spans="8:8">
      <c r="H551979" s="12"/>
    </row>
    <row r="551980" spans="8:8">
      <c r="H551980" s="12"/>
    </row>
    <row r="551981" spans="8:8">
      <c r="H551981" s="12"/>
    </row>
    <row r="551982" spans="8:8">
      <c r="H551982" s="12"/>
    </row>
    <row r="551983" spans="8:8">
      <c r="H551983" s="12"/>
    </row>
    <row r="551984" spans="8:8">
      <c r="H551984" s="12"/>
    </row>
    <row r="551985" spans="8:8">
      <c r="H551985" s="12"/>
    </row>
    <row r="551986" spans="8:8">
      <c r="H551986" s="12"/>
    </row>
    <row r="551987" spans="8:8">
      <c r="H551987" s="12"/>
    </row>
    <row r="551988" spans="8:8">
      <c r="H551988" s="12"/>
    </row>
    <row r="551989" spans="8:8">
      <c r="H551989" s="12"/>
    </row>
    <row r="551990" spans="8:8">
      <c r="H551990" s="12"/>
    </row>
    <row r="551991" spans="8:8">
      <c r="H551991" s="12"/>
    </row>
    <row r="551992" spans="8:8">
      <c r="H551992" s="12"/>
    </row>
    <row r="551993" spans="8:8">
      <c r="H551993" s="12"/>
    </row>
    <row r="551994" spans="8:8">
      <c r="H551994" s="12"/>
    </row>
    <row r="551995" spans="8:8">
      <c r="H551995" s="12"/>
    </row>
    <row r="551996" spans="8:8">
      <c r="H551996" s="12"/>
    </row>
    <row r="551997" spans="8:8">
      <c r="H551997" s="12"/>
    </row>
    <row r="551998" spans="8:8">
      <c r="H551998" s="12"/>
    </row>
    <row r="551999" spans="8:8">
      <c r="H551999" s="12"/>
    </row>
    <row r="552000" spans="8:8">
      <c r="H552000" s="12"/>
    </row>
    <row r="552001" spans="8:8">
      <c r="H552001" s="12"/>
    </row>
    <row r="552002" spans="8:8">
      <c r="H552002" s="12"/>
    </row>
    <row r="552003" spans="8:8">
      <c r="H552003" s="12"/>
    </row>
    <row r="552004" spans="8:8">
      <c r="H552004" s="12"/>
    </row>
    <row r="552005" spans="8:8">
      <c r="H552005" s="12"/>
    </row>
    <row r="552006" spans="8:8">
      <c r="H552006" s="12"/>
    </row>
    <row r="552007" spans="8:8">
      <c r="H552007" s="12"/>
    </row>
    <row r="552008" spans="8:8">
      <c r="H552008" s="12"/>
    </row>
    <row r="552009" spans="8:8">
      <c r="H552009" s="12"/>
    </row>
    <row r="552010" spans="8:8">
      <c r="H552010" s="12"/>
    </row>
    <row r="552011" spans="8:8">
      <c r="H552011" s="12"/>
    </row>
    <row r="552012" spans="8:8">
      <c r="H552012" s="12"/>
    </row>
    <row r="552013" spans="8:8">
      <c r="H552013" s="12"/>
    </row>
    <row r="552014" spans="8:8">
      <c r="H552014" s="12"/>
    </row>
    <row r="552015" spans="8:8">
      <c r="H552015" s="12"/>
    </row>
    <row r="552016" spans="8:8">
      <c r="H552016" s="12"/>
    </row>
    <row r="552017" spans="8:8">
      <c r="H552017" s="12"/>
    </row>
    <row r="552018" spans="8:8">
      <c r="H552018" s="12"/>
    </row>
    <row r="552019" spans="8:8">
      <c r="H552019" s="12"/>
    </row>
    <row r="552020" spans="8:8">
      <c r="H552020" s="12"/>
    </row>
    <row r="552021" spans="8:8">
      <c r="H552021" s="12"/>
    </row>
    <row r="552022" spans="8:8">
      <c r="H552022" s="12"/>
    </row>
    <row r="552023" spans="8:8">
      <c r="H552023" s="12"/>
    </row>
    <row r="552024" spans="8:8">
      <c r="H552024" s="12"/>
    </row>
    <row r="552025" spans="8:8">
      <c r="H552025" s="12"/>
    </row>
    <row r="552026" spans="8:8">
      <c r="H552026" s="12"/>
    </row>
    <row r="552027" spans="8:8">
      <c r="H552027" s="12"/>
    </row>
    <row r="552028" spans="8:8">
      <c r="H552028" s="12"/>
    </row>
    <row r="552029" spans="8:8">
      <c r="H552029" s="12"/>
    </row>
    <row r="552030" spans="8:8">
      <c r="H552030" s="12"/>
    </row>
    <row r="552031" spans="8:8">
      <c r="H552031" s="12"/>
    </row>
    <row r="552032" spans="8:8">
      <c r="H552032" s="12"/>
    </row>
    <row r="552033" spans="8:8">
      <c r="H552033" s="12"/>
    </row>
    <row r="552034" spans="8:8">
      <c r="H552034" s="12"/>
    </row>
    <row r="552035" spans="8:8">
      <c r="H552035" s="12"/>
    </row>
    <row r="552036" spans="8:8">
      <c r="H552036" s="12"/>
    </row>
    <row r="552037" spans="8:8">
      <c r="H552037" s="12"/>
    </row>
    <row r="552038" spans="8:8">
      <c r="H552038" s="12"/>
    </row>
    <row r="552039" spans="8:8">
      <c r="H552039" s="12"/>
    </row>
    <row r="552040" spans="8:8">
      <c r="H552040" s="12"/>
    </row>
    <row r="552041" spans="8:8">
      <c r="H552041" s="12"/>
    </row>
    <row r="552042" spans="8:8">
      <c r="H552042" s="12"/>
    </row>
    <row r="552043" spans="8:8">
      <c r="H552043" s="12"/>
    </row>
    <row r="552044" spans="8:8">
      <c r="H552044" s="12"/>
    </row>
    <row r="552045" spans="8:8">
      <c r="H552045" s="12"/>
    </row>
    <row r="552046" spans="8:8">
      <c r="H552046" s="12"/>
    </row>
    <row r="552047" spans="8:8">
      <c r="H552047" s="12"/>
    </row>
    <row r="552048" spans="8:8">
      <c r="H552048" s="12"/>
    </row>
    <row r="552049" spans="8:8">
      <c r="H552049" s="12"/>
    </row>
    <row r="552050" spans="8:8">
      <c r="H552050" s="12"/>
    </row>
    <row r="552051" spans="8:8">
      <c r="H552051" s="12"/>
    </row>
    <row r="552052" spans="8:8">
      <c r="H552052" s="12"/>
    </row>
    <row r="552053" spans="8:8">
      <c r="H552053" s="12"/>
    </row>
    <row r="552054" spans="8:8">
      <c r="H552054" s="12"/>
    </row>
    <row r="552055" spans="8:8">
      <c r="H552055" s="12"/>
    </row>
    <row r="552056" spans="8:8">
      <c r="H552056" s="12"/>
    </row>
    <row r="552057" spans="8:8">
      <c r="H552057" s="12"/>
    </row>
    <row r="552058" spans="8:8">
      <c r="H552058" s="12"/>
    </row>
    <row r="552059" spans="8:8">
      <c r="H552059" s="12"/>
    </row>
    <row r="552060" spans="8:8">
      <c r="H552060" s="12"/>
    </row>
    <row r="552061" spans="8:8">
      <c r="H552061" s="12"/>
    </row>
    <row r="552062" spans="8:8">
      <c r="H552062" s="12"/>
    </row>
    <row r="552063" spans="8:8">
      <c r="H552063" s="12"/>
    </row>
    <row r="552064" spans="8:8">
      <c r="H552064" s="12"/>
    </row>
    <row r="552065" spans="8:8">
      <c r="H552065" s="12"/>
    </row>
    <row r="552066" spans="8:8">
      <c r="H552066" s="12"/>
    </row>
    <row r="552067" spans="8:8">
      <c r="H552067" s="12"/>
    </row>
    <row r="552068" spans="8:8">
      <c r="H552068" s="12"/>
    </row>
    <row r="552069" spans="8:8">
      <c r="H552069" s="12"/>
    </row>
    <row r="552070" spans="8:8">
      <c r="H552070" s="12"/>
    </row>
    <row r="552071" spans="8:8">
      <c r="H552071" s="12"/>
    </row>
    <row r="552072" spans="8:8">
      <c r="H552072" s="12"/>
    </row>
    <row r="552073" spans="8:8">
      <c r="H552073" s="12"/>
    </row>
    <row r="552074" spans="8:8">
      <c r="H552074" s="12"/>
    </row>
    <row r="552075" spans="8:8">
      <c r="H552075" s="12"/>
    </row>
    <row r="552076" spans="8:8">
      <c r="H552076" s="12"/>
    </row>
    <row r="552077" spans="8:8">
      <c r="H552077" s="12"/>
    </row>
    <row r="552078" spans="8:8">
      <c r="H552078" s="12"/>
    </row>
    <row r="552079" spans="8:8">
      <c r="H552079" s="12"/>
    </row>
    <row r="552080" spans="8:8">
      <c r="H552080" s="12"/>
    </row>
    <row r="552081" spans="8:8">
      <c r="H552081" s="12"/>
    </row>
    <row r="552082" spans="8:8">
      <c r="H552082" s="12"/>
    </row>
    <row r="552083" spans="8:8">
      <c r="H552083" s="12"/>
    </row>
    <row r="552084" spans="8:8">
      <c r="H552084" s="12"/>
    </row>
    <row r="552085" spans="8:8">
      <c r="H552085" s="12"/>
    </row>
    <row r="552086" spans="8:8">
      <c r="H552086" s="12"/>
    </row>
    <row r="552087" spans="8:8">
      <c r="H552087" s="12"/>
    </row>
    <row r="552088" spans="8:8">
      <c r="H552088" s="12"/>
    </row>
    <row r="552089" spans="8:8">
      <c r="H552089" s="12"/>
    </row>
    <row r="552090" spans="8:8">
      <c r="H552090" s="12"/>
    </row>
    <row r="552091" spans="8:8">
      <c r="H552091" s="12"/>
    </row>
    <row r="552092" spans="8:8">
      <c r="H552092" s="12"/>
    </row>
    <row r="552093" spans="8:8">
      <c r="H552093" s="12"/>
    </row>
    <row r="552094" spans="8:8">
      <c r="H552094" s="12"/>
    </row>
    <row r="552095" spans="8:8">
      <c r="H552095" s="12"/>
    </row>
    <row r="552096" spans="8:8">
      <c r="H552096" s="12"/>
    </row>
    <row r="552097" spans="8:8">
      <c r="H552097" s="12"/>
    </row>
    <row r="552098" spans="8:8">
      <c r="H552098" s="12"/>
    </row>
    <row r="552099" spans="8:8">
      <c r="H552099" s="12"/>
    </row>
    <row r="552100" spans="8:8">
      <c r="H552100" s="12"/>
    </row>
    <row r="552101" spans="8:8">
      <c r="H552101" s="12"/>
    </row>
    <row r="552102" spans="8:8">
      <c r="H552102" s="12"/>
    </row>
    <row r="552103" spans="8:8">
      <c r="H552103" s="12"/>
    </row>
    <row r="552104" spans="8:8">
      <c r="H552104" s="12"/>
    </row>
    <row r="552105" spans="8:8">
      <c r="H552105" s="12"/>
    </row>
    <row r="552106" spans="8:8">
      <c r="H552106" s="12"/>
    </row>
    <row r="552107" spans="8:8">
      <c r="H552107" s="12"/>
    </row>
    <row r="552108" spans="8:8">
      <c r="H552108" s="12"/>
    </row>
    <row r="552109" spans="8:8">
      <c r="H552109" s="12"/>
    </row>
    <row r="552110" spans="8:8">
      <c r="H552110" s="12"/>
    </row>
    <row r="552111" spans="8:8">
      <c r="H552111" s="12"/>
    </row>
    <row r="552112" spans="8:8">
      <c r="H552112" s="12"/>
    </row>
    <row r="552113" spans="8:8">
      <c r="H552113" s="12"/>
    </row>
    <row r="552114" spans="8:8">
      <c r="H552114" s="12"/>
    </row>
    <row r="552115" spans="8:8">
      <c r="H552115" s="12"/>
    </row>
    <row r="552116" spans="8:8">
      <c r="H552116" s="12"/>
    </row>
    <row r="552117" spans="8:8">
      <c r="H552117" s="12"/>
    </row>
    <row r="552118" spans="8:8">
      <c r="H552118" s="12"/>
    </row>
    <row r="552119" spans="8:8">
      <c r="H552119" s="12"/>
    </row>
    <row r="552120" spans="8:8">
      <c r="H552120" s="12"/>
    </row>
    <row r="552121" spans="8:8">
      <c r="H552121" s="12"/>
    </row>
    <row r="552122" spans="8:8">
      <c r="H552122" s="12"/>
    </row>
    <row r="552123" spans="8:8">
      <c r="H552123" s="12"/>
    </row>
    <row r="552124" spans="8:8">
      <c r="H552124" s="12"/>
    </row>
    <row r="552125" spans="8:8">
      <c r="H552125" s="12"/>
    </row>
    <row r="552126" spans="8:8">
      <c r="H552126" s="12"/>
    </row>
    <row r="552127" spans="8:8">
      <c r="H552127" s="12"/>
    </row>
    <row r="552128" spans="8:8">
      <c r="H552128" s="12"/>
    </row>
    <row r="552129" spans="8:8">
      <c r="H552129" s="12"/>
    </row>
    <row r="552130" spans="8:8">
      <c r="H552130" s="12"/>
    </row>
    <row r="552131" spans="8:8">
      <c r="H552131" s="12"/>
    </row>
    <row r="552132" spans="8:8">
      <c r="H552132" s="12"/>
    </row>
    <row r="552133" spans="8:8">
      <c r="H552133" s="12"/>
    </row>
    <row r="552134" spans="8:8">
      <c r="H552134" s="12"/>
    </row>
    <row r="552135" spans="8:8">
      <c r="H552135" s="12"/>
    </row>
    <row r="552136" spans="8:8">
      <c r="H552136" s="12"/>
    </row>
    <row r="552137" spans="8:8">
      <c r="H552137" s="12"/>
    </row>
    <row r="552138" spans="8:8">
      <c r="H552138" s="12"/>
    </row>
    <row r="552139" spans="8:8">
      <c r="H552139" s="12"/>
    </row>
    <row r="552140" spans="8:8">
      <c r="H552140" s="12"/>
    </row>
    <row r="552141" spans="8:8">
      <c r="H552141" s="12"/>
    </row>
    <row r="552142" spans="8:8">
      <c r="H552142" s="12"/>
    </row>
    <row r="552143" spans="8:8">
      <c r="H552143" s="12"/>
    </row>
    <row r="552144" spans="8:8">
      <c r="H552144" s="12"/>
    </row>
    <row r="552145" spans="8:8">
      <c r="H552145" s="12"/>
    </row>
    <row r="552146" spans="8:8">
      <c r="H552146" s="12"/>
    </row>
    <row r="552147" spans="8:8">
      <c r="H552147" s="12"/>
    </row>
    <row r="552148" spans="8:8">
      <c r="H552148" s="12"/>
    </row>
    <row r="552149" spans="8:8">
      <c r="H552149" s="12"/>
    </row>
    <row r="552150" spans="8:8">
      <c r="H552150" s="12"/>
    </row>
    <row r="552151" spans="8:8">
      <c r="H552151" s="12"/>
    </row>
    <row r="552152" spans="8:8">
      <c r="H552152" s="12"/>
    </row>
    <row r="552153" spans="8:8">
      <c r="H552153" s="12"/>
    </row>
    <row r="552154" spans="8:8">
      <c r="H552154" s="12"/>
    </row>
    <row r="552155" spans="8:8">
      <c r="H552155" s="12"/>
    </row>
    <row r="552156" spans="8:8">
      <c r="H552156" s="12"/>
    </row>
    <row r="552157" spans="8:8">
      <c r="H552157" s="12"/>
    </row>
    <row r="552158" spans="8:8">
      <c r="H552158" s="12"/>
    </row>
    <row r="552159" spans="8:8">
      <c r="H552159" s="12"/>
    </row>
    <row r="552160" spans="8:8">
      <c r="H552160" s="12"/>
    </row>
    <row r="552161" spans="8:8">
      <c r="H552161" s="12"/>
    </row>
    <row r="552162" spans="8:8">
      <c r="H552162" s="12"/>
    </row>
    <row r="552163" spans="8:8">
      <c r="H552163" s="12"/>
    </row>
    <row r="552164" spans="8:8">
      <c r="H552164" s="12"/>
    </row>
    <row r="552165" spans="8:8">
      <c r="H552165" s="12"/>
    </row>
    <row r="552166" spans="8:8">
      <c r="H552166" s="12"/>
    </row>
    <row r="552167" spans="8:8">
      <c r="H552167" s="12"/>
    </row>
    <row r="552168" spans="8:8">
      <c r="H552168" s="12"/>
    </row>
    <row r="552169" spans="8:8">
      <c r="H552169" s="12"/>
    </row>
    <row r="552170" spans="8:8">
      <c r="H552170" s="12"/>
    </row>
    <row r="552171" spans="8:8">
      <c r="H552171" s="12"/>
    </row>
    <row r="552172" spans="8:8">
      <c r="H552172" s="12"/>
    </row>
    <row r="552173" spans="8:8">
      <c r="H552173" s="12"/>
    </row>
    <row r="552174" spans="8:8">
      <c r="H552174" s="12"/>
    </row>
    <row r="552175" spans="8:8">
      <c r="H552175" s="12"/>
    </row>
    <row r="552176" spans="8:8">
      <c r="H552176" s="12"/>
    </row>
    <row r="552177" spans="8:8">
      <c r="H552177" s="12"/>
    </row>
    <row r="552178" spans="8:8">
      <c r="H552178" s="12"/>
    </row>
    <row r="552179" spans="8:8">
      <c r="H552179" s="12"/>
    </row>
    <row r="552180" spans="8:8">
      <c r="H552180" s="12"/>
    </row>
    <row r="552181" spans="8:8">
      <c r="H552181" s="12"/>
    </row>
    <row r="552182" spans="8:8">
      <c r="H552182" s="12"/>
    </row>
    <row r="552183" spans="8:8">
      <c r="H552183" s="12"/>
    </row>
    <row r="552184" spans="8:8">
      <c r="H552184" s="12"/>
    </row>
    <row r="552185" spans="8:8">
      <c r="H552185" s="12"/>
    </row>
    <row r="552186" spans="8:8">
      <c r="H552186" s="12"/>
    </row>
    <row r="552187" spans="8:8">
      <c r="H552187" s="12"/>
    </row>
    <row r="552188" spans="8:8">
      <c r="H552188" s="12"/>
    </row>
    <row r="552189" spans="8:8">
      <c r="H552189" s="12"/>
    </row>
    <row r="552190" spans="8:8">
      <c r="H552190" s="12"/>
    </row>
    <row r="552191" spans="8:8">
      <c r="H552191" s="12"/>
    </row>
    <row r="552192" spans="8:8">
      <c r="H552192" s="12"/>
    </row>
    <row r="552193" spans="8:8">
      <c r="H552193" s="12"/>
    </row>
    <row r="552194" spans="8:8">
      <c r="H552194" s="12"/>
    </row>
    <row r="552195" spans="8:8">
      <c r="H552195" s="12"/>
    </row>
    <row r="552196" spans="8:8">
      <c r="H552196" s="12"/>
    </row>
    <row r="552197" spans="8:8">
      <c r="H552197" s="12"/>
    </row>
    <row r="552198" spans="8:8">
      <c r="H552198" s="12"/>
    </row>
    <row r="552199" spans="8:8">
      <c r="H552199" s="12"/>
    </row>
    <row r="552200" spans="8:8">
      <c r="H552200" s="12"/>
    </row>
    <row r="552201" spans="8:8">
      <c r="H552201" s="12"/>
    </row>
    <row r="552202" spans="8:8">
      <c r="H552202" s="12"/>
    </row>
    <row r="552203" spans="8:8">
      <c r="H552203" s="12"/>
    </row>
    <row r="552204" spans="8:8">
      <c r="H552204" s="12"/>
    </row>
    <row r="552205" spans="8:8">
      <c r="H552205" s="12"/>
    </row>
    <row r="552206" spans="8:8">
      <c r="H552206" s="12"/>
    </row>
    <row r="552207" spans="8:8">
      <c r="H552207" s="12"/>
    </row>
    <row r="552208" spans="8:8">
      <c r="H552208" s="12"/>
    </row>
    <row r="552209" spans="8:8">
      <c r="H552209" s="12"/>
    </row>
    <row r="552210" spans="8:8">
      <c r="H552210" s="12"/>
    </row>
    <row r="552211" spans="8:8">
      <c r="H552211" s="12"/>
    </row>
    <row r="552212" spans="8:8">
      <c r="H552212" s="12"/>
    </row>
    <row r="552213" spans="8:8">
      <c r="H552213" s="12"/>
    </row>
    <row r="552214" spans="8:8">
      <c r="H552214" s="12"/>
    </row>
    <row r="552215" spans="8:8">
      <c r="H552215" s="12"/>
    </row>
    <row r="552216" spans="8:8">
      <c r="H552216" s="12"/>
    </row>
    <row r="552217" spans="8:8">
      <c r="H552217" s="12"/>
    </row>
    <row r="552218" spans="8:8">
      <c r="H552218" s="12"/>
    </row>
    <row r="552219" spans="8:8">
      <c r="H552219" s="12"/>
    </row>
    <row r="552220" spans="8:8">
      <c r="H552220" s="12"/>
    </row>
    <row r="552221" spans="8:8">
      <c r="H552221" s="12"/>
    </row>
    <row r="552222" spans="8:8">
      <c r="H552222" s="12"/>
    </row>
    <row r="552223" spans="8:8">
      <c r="H552223" s="12"/>
    </row>
    <row r="552224" spans="8:8">
      <c r="H552224" s="12"/>
    </row>
    <row r="552225" spans="8:8">
      <c r="H552225" s="12"/>
    </row>
    <row r="552226" spans="8:8">
      <c r="H552226" s="12"/>
    </row>
    <row r="552227" spans="8:8">
      <c r="H552227" s="12"/>
    </row>
    <row r="552228" spans="8:8">
      <c r="H552228" s="12"/>
    </row>
    <row r="552229" spans="8:8">
      <c r="H552229" s="12"/>
    </row>
    <row r="552230" spans="8:8">
      <c r="H552230" s="12"/>
    </row>
    <row r="552231" spans="8:8">
      <c r="H552231" s="12"/>
    </row>
    <row r="552232" spans="8:8">
      <c r="H552232" s="12"/>
    </row>
    <row r="552233" spans="8:8">
      <c r="H552233" s="12"/>
    </row>
    <row r="552234" spans="8:8">
      <c r="H552234" s="12"/>
    </row>
    <row r="552235" spans="8:8">
      <c r="H552235" s="12"/>
    </row>
    <row r="552236" spans="8:8">
      <c r="H552236" s="12"/>
    </row>
    <row r="552237" spans="8:8">
      <c r="H552237" s="12"/>
    </row>
    <row r="552238" spans="8:8">
      <c r="H552238" s="12"/>
    </row>
    <row r="552239" spans="8:8">
      <c r="H552239" s="12"/>
    </row>
    <row r="552240" spans="8:8">
      <c r="H552240" s="12"/>
    </row>
    <row r="552241" spans="8:8">
      <c r="H552241" s="12"/>
    </row>
    <row r="552242" spans="8:8">
      <c r="H552242" s="12"/>
    </row>
    <row r="552243" spans="8:8">
      <c r="H552243" s="12"/>
    </row>
    <row r="552244" spans="8:8">
      <c r="H552244" s="12"/>
    </row>
    <row r="552245" spans="8:8">
      <c r="H552245" s="12"/>
    </row>
    <row r="552246" spans="8:8">
      <c r="H552246" s="12"/>
    </row>
    <row r="552247" spans="8:8">
      <c r="H552247" s="12"/>
    </row>
    <row r="552248" spans="8:8">
      <c r="H552248" s="12"/>
    </row>
    <row r="552249" spans="8:8">
      <c r="H552249" s="12"/>
    </row>
    <row r="552250" spans="8:8">
      <c r="H552250" s="12"/>
    </row>
    <row r="552251" spans="8:8">
      <c r="H552251" s="12"/>
    </row>
    <row r="552252" spans="8:8">
      <c r="H552252" s="12"/>
    </row>
    <row r="552253" spans="8:8">
      <c r="H552253" s="12"/>
    </row>
    <row r="552254" spans="8:8">
      <c r="H552254" s="12"/>
    </row>
    <row r="552255" spans="8:8">
      <c r="H552255" s="12"/>
    </row>
    <row r="552256" spans="8:8">
      <c r="H552256" s="12"/>
    </row>
    <row r="552257" spans="8:8">
      <c r="H552257" s="12"/>
    </row>
    <row r="552258" spans="8:8">
      <c r="H552258" s="12"/>
    </row>
    <row r="552259" spans="8:8">
      <c r="H552259" s="12"/>
    </row>
    <row r="552260" spans="8:8">
      <c r="H552260" s="12"/>
    </row>
    <row r="552261" spans="8:8">
      <c r="H552261" s="12"/>
    </row>
    <row r="552262" spans="8:8">
      <c r="H552262" s="12"/>
    </row>
    <row r="552263" spans="8:8">
      <c r="H552263" s="12"/>
    </row>
    <row r="552264" spans="8:8">
      <c r="H552264" s="12"/>
    </row>
    <row r="552265" spans="8:8">
      <c r="H552265" s="12"/>
    </row>
    <row r="552266" spans="8:8">
      <c r="H552266" s="12"/>
    </row>
    <row r="552267" spans="8:8">
      <c r="H552267" s="12"/>
    </row>
    <row r="552268" spans="8:8">
      <c r="H552268" s="12"/>
    </row>
    <row r="552269" spans="8:8">
      <c r="H552269" s="12"/>
    </row>
    <row r="552270" spans="8:8">
      <c r="H552270" s="12"/>
    </row>
    <row r="552271" spans="8:8">
      <c r="H552271" s="12"/>
    </row>
    <row r="552272" spans="8:8">
      <c r="H552272" s="12"/>
    </row>
    <row r="552273" spans="8:8">
      <c r="H552273" s="12"/>
    </row>
    <row r="552274" spans="8:8">
      <c r="H552274" s="12"/>
    </row>
    <row r="552275" spans="8:8">
      <c r="H552275" s="12"/>
    </row>
    <row r="552276" spans="8:8">
      <c r="H552276" s="12"/>
    </row>
    <row r="552277" spans="8:8">
      <c r="H552277" s="12"/>
    </row>
    <row r="552278" spans="8:8">
      <c r="H552278" s="12"/>
    </row>
    <row r="552279" spans="8:8">
      <c r="H552279" s="12"/>
    </row>
    <row r="552280" spans="8:8">
      <c r="H552280" s="12"/>
    </row>
    <row r="552281" spans="8:8">
      <c r="H552281" s="12"/>
    </row>
    <row r="552282" spans="8:8">
      <c r="H552282" s="12"/>
    </row>
    <row r="552283" spans="8:8">
      <c r="H552283" s="12"/>
    </row>
    <row r="552284" spans="8:8">
      <c r="H552284" s="12"/>
    </row>
    <row r="552285" spans="8:8">
      <c r="H552285" s="12"/>
    </row>
    <row r="552286" spans="8:8">
      <c r="H552286" s="12"/>
    </row>
    <row r="552287" spans="8:8">
      <c r="H552287" s="12"/>
    </row>
    <row r="552288" spans="8:8">
      <c r="H552288" s="12"/>
    </row>
    <row r="552289" spans="8:8">
      <c r="H552289" s="12"/>
    </row>
    <row r="552290" spans="8:8">
      <c r="H552290" s="12"/>
    </row>
    <row r="552291" spans="8:8">
      <c r="H552291" s="12"/>
    </row>
    <row r="552292" spans="8:8">
      <c r="H552292" s="12"/>
    </row>
    <row r="552293" spans="8:8">
      <c r="H552293" s="12"/>
    </row>
    <row r="552294" spans="8:8">
      <c r="H552294" s="12"/>
    </row>
    <row r="552295" spans="8:8">
      <c r="H552295" s="12"/>
    </row>
    <row r="552296" spans="8:8">
      <c r="H552296" s="12"/>
    </row>
    <row r="552297" spans="8:8">
      <c r="H552297" s="12"/>
    </row>
    <row r="552298" spans="8:8">
      <c r="H552298" s="12"/>
    </row>
    <row r="552299" spans="8:8">
      <c r="H552299" s="12"/>
    </row>
    <row r="552300" spans="8:8">
      <c r="H552300" s="12"/>
    </row>
    <row r="552301" spans="8:8">
      <c r="H552301" s="12"/>
    </row>
    <row r="552302" spans="8:8">
      <c r="H552302" s="12"/>
    </row>
    <row r="552303" spans="8:8">
      <c r="H552303" s="12"/>
    </row>
    <row r="552304" spans="8:8">
      <c r="H552304" s="12"/>
    </row>
    <row r="552305" spans="8:8">
      <c r="H552305" s="12"/>
    </row>
    <row r="552306" spans="8:8">
      <c r="H552306" s="12"/>
    </row>
    <row r="552307" spans="8:8">
      <c r="H552307" s="12"/>
    </row>
    <row r="552308" spans="8:8">
      <c r="H552308" s="12"/>
    </row>
    <row r="552309" spans="8:8">
      <c r="H552309" s="12"/>
    </row>
    <row r="552310" spans="8:8">
      <c r="H552310" s="12"/>
    </row>
    <row r="552311" spans="8:8">
      <c r="H552311" s="12"/>
    </row>
    <row r="552312" spans="8:8">
      <c r="H552312" s="12"/>
    </row>
    <row r="552313" spans="8:8">
      <c r="H552313" s="12"/>
    </row>
    <row r="552314" spans="8:8">
      <c r="H552314" s="12"/>
    </row>
    <row r="552315" spans="8:8">
      <c r="H552315" s="12"/>
    </row>
    <row r="552316" spans="8:8">
      <c r="H552316" s="12"/>
    </row>
    <row r="552317" spans="8:8">
      <c r="H552317" s="12"/>
    </row>
    <row r="552318" spans="8:8">
      <c r="H552318" s="12"/>
    </row>
    <row r="552319" spans="8:8">
      <c r="H552319" s="12"/>
    </row>
    <row r="552320" spans="8:8">
      <c r="H552320" s="12"/>
    </row>
    <row r="552321" spans="8:8">
      <c r="H552321" s="12"/>
    </row>
    <row r="552322" spans="8:8">
      <c r="H552322" s="12"/>
    </row>
    <row r="552323" spans="8:8">
      <c r="H552323" s="12"/>
    </row>
    <row r="552324" spans="8:8">
      <c r="H552324" s="12"/>
    </row>
    <row r="552325" spans="8:8">
      <c r="H552325" s="12"/>
    </row>
    <row r="552326" spans="8:8">
      <c r="H552326" s="12"/>
    </row>
    <row r="552327" spans="8:8">
      <c r="H552327" s="12"/>
    </row>
    <row r="552328" spans="8:8">
      <c r="H552328" s="12"/>
    </row>
    <row r="552329" spans="8:8">
      <c r="H552329" s="12"/>
    </row>
    <row r="552330" spans="8:8">
      <c r="H552330" s="12"/>
    </row>
    <row r="552331" spans="8:8">
      <c r="H552331" s="12"/>
    </row>
    <row r="552332" spans="8:8">
      <c r="H552332" s="12"/>
    </row>
    <row r="552333" spans="8:8">
      <c r="H552333" s="12"/>
    </row>
    <row r="552334" spans="8:8">
      <c r="H552334" s="12"/>
    </row>
    <row r="552335" spans="8:8">
      <c r="H552335" s="12"/>
    </row>
    <row r="552336" spans="8:8">
      <c r="H552336" s="12"/>
    </row>
    <row r="552337" spans="8:8">
      <c r="H552337" s="12"/>
    </row>
    <row r="552338" spans="8:8">
      <c r="H552338" s="12"/>
    </row>
    <row r="552339" spans="8:8">
      <c r="H552339" s="12"/>
    </row>
    <row r="552340" spans="8:8">
      <c r="H552340" s="12"/>
    </row>
    <row r="552341" spans="8:8">
      <c r="H552341" s="12"/>
    </row>
    <row r="552342" spans="8:8">
      <c r="H552342" s="12"/>
    </row>
    <row r="552343" spans="8:8">
      <c r="H552343" s="12"/>
    </row>
    <row r="552344" spans="8:8">
      <c r="H552344" s="12"/>
    </row>
    <row r="552345" spans="8:8">
      <c r="H552345" s="12"/>
    </row>
    <row r="552346" spans="8:8">
      <c r="H552346" s="12"/>
    </row>
    <row r="552347" spans="8:8">
      <c r="H552347" s="12"/>
    </row>
    <row r="552348" spans="8:8">
      <c r="H552348" s="12"/>
    </row>
    <row r="552349" spans="8:8">
      <c r="H552349" s="12"/>
    </row>
    <row r="552350" spans="8:8">
      <c r="H552350" s="12"/>
    </row>
    <row r="552351" spans="8:8">
      <c r="H552351" s="12"/>
    </row>
    <row r="552352" spans="8:8">
      <c r="H552352" s="12"/>
    </row>
    <row r="552353" spans="8:8">
      <c r="H552353" s="12"/>
    </row>
    <row r="552354" spans="8:8">
      <c r="H552354" s="12"/>
    </row>
    <row r="552355" spans="8:8">
      <c r="H552355" s="12"/>
    </row>
    <row r="552356" spans="8:8">
      <c r="H552356" s="12"/>
    </row>
    <row r="552357" spans="8:8">
      <c r="H552357" s="12"/>
    </row>
    <row r="552358" spans="8:8">
      <c r="H552358" s="12"/>
    </row>
    <row r="552359" spans="8:8">
      <c r="H552359" s="12"/>
    </row>
    <row r="552360" spans="8:8">
      <c r="H552360" s="12"/>
    </row>
    <row r="552361" spans="8:8">
      <c r="H552361" s="12"/>
    </row>
    <row r="552362" spans="8:8">
      <c r="H552362" s="12"/>
    </row>
    <row r="552363" spans="8:8">
      <c r="H552363" s="12"/>
    </row>
    <row r="552364" spans="8:8">
      <c r="H552364" s="12"/>
    </row>
    <row r="552365" spans="8:8">
      <c r="H552365" s="12"/>
    </row>
    <row r="552366" spans="8:8">
      <c r="H552366" s="12"/>
    </row>
    <row r="552367" spans="8:8">
      <c r="H552367" s="12"/>
    </row>
    <row r="552368" spans="8:8">
      <c r="H552368" s="12"/>
    </row>
    <row r="552369" spans="8:8">
      <c r="H552369" s="12"/>
    </row>
    <row r="552370" spans="8:8">
      <c r="H552370" s="12"/>
    </row>
    <row r="552371" spans="8:8">
      <c r="H552371" s="12"/>
    </row>
    <row r="552372" spans="8:8">
      <c r="H552372" s="12"/>
    </row>
    <row r="552373" spans="8:8">
      <c r="H552373" s="12"/>
    </row>
    <row r="552374" spans="8:8">
      <c r="H552374" s="12"/>
    </row>
    <row r="552375" spans="8:8">
      <c r="H552375" s="12"/>
    </row>
    <row r="552376" spans="8:8">
      <c r="H552376" s="12"/>
    </row>
    <row r="552377" spans="8:8">
      <c r="H552377" s="12"/>
    </row>
    <row r="552378" spans="8:8">
      <c r="H552378" s="12"/>
    </row>
    <row r="552379" spans="8:8">
      <c r="H552379" s="12"/>
    </row>
    <row r="552380" spans="8:8">
      <c r="H552380" s="12"/>
    </row>
    <row r="552381" spans="8:8">
      <c r="H552381" s="12"/>
    </row>
    <row r="552382" spans="8:8">
      <c r="H552382" s="12"/>
    </row>
    <row r="552383" spans="8:8">
      <c r="H552383" s="12"/>
    </row>
    <row r="552384" spans="8:8">
      <c r="H552384" s="12"/>
    </row>
    <row r="552385" spans="8:8">
      <c r="H552385" s="12"/>
    </row>
    <row r="552386" spans="8:8">
      <c r="H552386" s="12"/>
    </row>
    <row r="552387" spans="8:8">
      <c r="H552387" s="12"/>
    </row>
    <row r="552388" spans="8:8">
      <c r="H552388" s="12"/>
    </row>
    <row r="552389" spans="8:8">
      <c r="H552389" s="12"/>
    </row>
    <row r="552390" spans="8:8">
      <c r="H552390" s="12"/>
    </row>
    <row r="552391" spans="8:8">
      <c r="H552391" s="12"/>
    </row>
    <row r="552392" spans="8:8">
      <c r="H552392" s="12"/>
    </row>
    <row r="552393" spans="8:8">
      <c r="H552393" s="12"/>
    </row>
    <row r="552394" spans="8:8">
      <c r="H552394" s="12"/>
    </row>
    <row r="552395" spans="8:8">
      <c r="H552395" s="12"/>
    </row>
    <row r="552396" spans="8:8">
      <c r="H552396" s="12"/>
    </row>
    <row r="552397" spans="8:8">
      <c r="H552397" s="12"/>
    </row>
    <row r="552398" spans="8:8">
      <c r="H552398" s="12"/>
    </row>
    <row r="552399" spans="8:8">
      <c r="H552399" s="12"/>
    </row>
    <row r="552400" spans="8:8">
      <c r="H552400" s="12"/>
    </row>
    <row r="552401" spans="8:8">
      <c r="H552401" s="12"/>
    </row>
    <row r="552402" spans="8:8">
      <c r="H552402" s="12"/>
    </row>
    <row r="552403" spans="8:8">
      <c r="H552403" s="12"/>
    </row>
    <row r="552404" spans="8:8">
      <c r="H552404" s="12"/>
    </row>
    <row r="552405" spans="8:8">
      <c r="H552405" s="12"/>
    </row>
    <row r="552406" spans="8:8">
      <c r="H552406" s="12"/>
    </row>
    <row r="552407" spans="8:8">
      <c r="H552407" s="12"/>
    </row>
    <row r="552408" spans="8:8">
      <c r="H552408" s="12"/>
    </row>
    <row r="552409" spans="8:8">
      <c r="H552409" s="12"/>
    </row>
    <row r="552410" spans="8:8">
      <c r="H552410" s="12"/>
    </row>
    <row r="552411" spans="8:8">
      <c r="H552411" s="12"/>
    </row>
    <row r="552412" spans="8:8">
      <c r="H552412" s="12"/>
    </row>
    <row r="552413" spans="8:8">
      <c r="H552413" s="12"/>
    </row>
    <row r="552414" spans="8:8">
      <c r="H552414" s="12"/>
    </row>
    <row r="552415" spans="8:8">
      <c r="H552415" s="12"/>
    </row>
    <row r="552416" spans="8:8">
      <c r="H552416" s="12"/>
    </row>
    <row r="552417" spans="8:8">
      <c r="H552417" s="12"/>
    </row>
    <row r="552418" spans="8:8">
      <c r="H552418" s="12"/>
    </row>
    <row r="552419" spans="8:8">
      <c r="H552419" s="12"/>
    </row>
    <row r="552420" spans="8:8">
      <c r="H552420" s="12"/>
    </row>
    <row r="552421" spans="8:8">
      <c r="H552421" s="12"/>
    </row>
    <row r="552422" spans="8:8">
      <c r="H552422" s="12"/>
    </row>
    <row r="552423" spans="8:8">
      <c r="H552423" s="12"/>
    </row>
    <row r="552424" spans="8:8">
      <c r="H552424" s="12"/>
    </row>
    <row r="552425" spans="8:8">
      <c r="H552425" s="12"/>
    </row>
    <row r="552426" spans="8:8">
      <c r="H552426" s="12"/>
    </row>
    <row r="552427" spans="8:8">
      <c r="H552427" s="12"/>
    </row>
    <row r="552428" spans="8:8">
      <c r="H552428" s="12"/>
    </row>
    <row r="552429" spans="8:8">
      <c r="H552429" s="12"/>
    </row>
    <row r="552430" spans="8:8">
      <c r="H552430" s="12"/>
    </row>
    <row r="552431" spans="8:8">
      <c r="H552431" s="12"/>
    </row>
    <row r="552432" spans="8:8">
      <c r="H552432" s="12"/>
    </row>
    <row r="552433" spans="8:8">
      <c r="H552433" s="12"/>
    </row>
    <row r="552434" spans="8:8">
      <c r="H552434" s="12"/>
    </row>
    <row r="552435" spans="8:8">
      <c r="H552435" s="12"/>
    </row>
    <row r="552436" spans="8:8">
      <c r="H552436" s="12"/>
    </row>
    <row r="552437" spans="8:8">
      <c r="H552437" s="12"/>
    </row>
    <row r="552438" spans="8:8">
      <c r="H552438" s="12"/>
    </row>
    <row r="552439" spans="8:8">
      <c r="H552439" s="12"/>
    </row>
    <row r="552440" spans="8:8">
      <c r="H552440" s="12"/>
    </row>
    <row r="552441" spans="8:8">
      <c r="H552441" s="12"/>
    </row>
    <row r="552442" spans="8:8">
      <c r="H552442" s="12"/>
    </row>
    <row r="552443" spans="8:8">
      <c r="H552443" s="12"/>
    </row>
    <row r="552444" spans="8:8">
      <c r="H552444" s="12"/>
    </row>
    <row r="552445" spans="8:8">
      <c r="H552445" s="12"/>
    </row>
    <row r="552446" spans="8:8">
      <c r="H552446" s="12"/>
    </row>
    <row r="552447" spans="8:8">
      <c r="H552447" s="12"/>
    </row>
    <row r="552448" spans="8:8">
      <c r="H552448" s="12"/>
    </row>
    <row r="552449" spans="8:8">
      <c r="H552449" s="12"/>
    </row>
    <row r="552450" spans="8:8">
      <c r="H552450" s="12"/>
    </row>
    <row r="552451" spans="8:8">
      <c r="H552451" s="12"/>
    </row>
    <row r="552452" spans="8:8">
      <c r="H552452" s="12"/>
    </row>
    <row r="552453" spans="8:8">
      <c r="H552453" s="12"/>
    </row>
    <row r="552454" spans="8:8">
      <c r="H552454" s="12"/>
    </row>
    <row r="552455" spans="8:8">
      <c r="H552455" s="12"/>
    </row>
    <row r="552456" spans="8:8">
      <c r="H552456" s="12"/>
    </row>
    <row r="552457" spans="8:8">
      <c r="H552457" s="12"/>
    </row>
    <row r="552458" spans="8:8">
      <c r="H552458" s="12"/>
    </row>
    <row r="552459" spans="8:8">
      <c r="H552459" s="12"/>
    </row>
    <row r="552460" spans="8:8">
      <c r="H552460" s="12"/>
    </row>
    <row r="552461" spans="8:8">
      <c r="H552461" s="12"/>
    </row>
    <row r="552462" spans="8:8">
      <c r="H552462" s="12"/>
    </row>
    <row r="552463" spans="8:8">
      <c r="H552463" s="12"/>
    </row>
    <row r="552464" spans="8:8">
      <c r="H552464" s="12"/>
    </row>
    <row r="552465" spans="8:8">
      <c r="H552465" s="12"/>
    </row>
    <row r="552466" spans="8:8">
      <c r="H552466" s="12"/>
    </row>
    <row r="552467" spans="8:8">
      <c r="H552467" s="12"/>
    </row>
    <row r="552468" spans="8:8">
      <c r="H552468" s="12"/>
    </row>
    <row r="552469" spans="8:8">
      <c r="H552469" s="12"/>
    </row>
    <row r="552470" spans="8:8">
      <c r="H552470" s="12"/>
    </row>
    <row r="552471" spans="8:8">
      <c r="H552471" s="12"/>
    </row>
    <row r="552472" spans="8:8">
      <c r="H552472" s="12"/>
    </row>
    <row r="552473" spans="8:8">
      <c r="H552473" s="12"/>
    </row>
    <row r="552474" spans="8:8">
      <c r="H552474" s="12"/>
    </row>
    <row r="552475" spans="8:8">
      <c r="H552475" s="12"/>
    </row>
    <row r="552476" spans="8:8">
      <c r="H552476" s="12"/>
    </row>
    <row r="552477" spans="8:8">
      <c r="H552477" s="12"/>
    </row>
    <row r="552478" spans="8:8">
      <c r="H552478" s="12"/>
    </row>
    <row r="552479" spans="8:8">
      <c r="H552479" s="12"/>
    </row>
    <row r="552480" spans="8:8">
      <c r="H552480" s="12"/>
    </row>
    <row r="552481" spans="8:8">
      <c r="H552481" s="12"/>
    </row>
    <row r="552482" spans="8:8">
      <c r="H552482" s="12"/>
    </row>
    <row r="552483" spans="8:8">
      <c r="H552483" s="12"/>
    </row>
    <row r="552484" spans="8:8">
      <c r="H552484" s="12"/>
    </row>
    <row r="552485" spans="8:8">
      <c r="H552485" s="12"/>
    </row>
    <row r="552486" spans="8:8">
      <c r="H552486" s="12"/>
    </row>
    <row r="552487" spans="8:8">
      <c r="H552487" s="12"/>
    </row>
    <row r="552488" spans="8:8">
      <c r="H552488" s="12"/>
    </row>
    <row r="552489" spans="8:8">
      <c r="H552489" s="12"/>
    </row>
    <row r="552490" spans="8:8">
      <c r="H552490" s="12"/>
    </row>
    <row r="552491" spans="8:8">
      <c r="H552491" s="12"/>
    </row>
    <row r="552492" spans="8:8">
      <c r="H552492" s="12"/>
    </row>
    <row r="552493" spans="8:8">
      <c r="H552493" s="12"/>
    </row>
    <row r="552494" spans="8:8">
      <c r="H552494" s="12"/>
    </row>
    <row r="552495" spans="8:8">
      <c r="H552495" s="12"/>
    </row>
    <row r="552496" spans="8:8">
      <c r="H552496" s="12"/>
    </row>
    <row r="552497" spans="8:8">
      <c r="H552497" s="12"/>
    </row>
    <row r="552498" spans="8:8">
      <c r="H552498" s="12"/>
    </row>
    <row r="552499" spans="8:8">
      <c r="H552499" s="12"/>
    </row>
    <row r="552500" spans="8:8">
      <c r="H552500" s="12"/>
    </row>
    <row r="552501" spans="8:8">
      <c r="H552501" s="12"/>
    </row>
    <row r="552502" spans="8:8">
      <c r="H552502" s="12"/>
    </row>
    <row r="552503" spans="8:8">
      <c r="H552503" s="12"/>
    </row>
    <row r="552504" spans="8:8">
      <c r="H552504" s="12"/>
    </row>
    <row r="552505" spans="8:8">
      <c r="H552505" s="12"/>
    </row>
    <row r="552506" spans="8:8">
      <c r="H552506" s="12"/>
    </row>
    <row r="552507" spans="8:8">
      <c r="H552507" s="12"/>
    </row>
    <row r="552508" spans="8:8">
      <c r="H552508" s="12"/>
    </row>
    <row r="552509" spans="8:8">
      <c r="H552509" s="12"/>
    </row>
    <row r="552510" spans="8:8">
      <c r="H552510" s="12"/>
    </row>
    <row r="552511" spans="8:8">
      <c r="H552511" s="12"/>
    </row>
    <row r="552512" spans="8:8">
      <c r="H552512" s="12"/>
    </row>
    <row r="552513" spans="8:8">
      <c r="H552513" s="12"/>
    </row>
    <row r="552514" spans="8:8">
      <c r="H552514" s="12"/>
    </row>
    <row r="552515" spans="8:8">
      <c r="H552515" s="12"/>
    </row>
    <row r="552516" spans="8:8">
      <c r="H552516" s="12"/>
    </row>
    <row r="552517" spans="8:8">
      <c r="H552517" s="12"/>
    </row>
    <row r="552518" spans="8:8">
      <c r="H552518" s="12"/>
    </row>
    <row r="552519" spans="8:8">
      <c r="H552519" s="12"/>
    </row>
    <row r="552520" spans="8:8">
      <c r="H552520" s="12"/>
    </row>
    <row r="552521" spans="8:8">
      <c r="H552521" s="12"/>
    </row>
    <row r="552522" spans="8:8">
      <c r="H552522" s="12"/>
    </row>
    <row r="552523" spans="8:8">
      <c r="H552523" s="12"/>
    </row>
    <row r="552524" spans="8:8">
      <c r="H552524" s="12"/>
    </row>
    <row r="552525" spans="8:8">
      <c r="H552525" s="12"/>
    </row>
    <row r="552526" spans="8:8">
      <c r="H552526" s="12"/>
    </row>
    <row r="552527" spans="8:8">
      <c r="H552527" s="12"/>
    </row>
    <row r="552528" spans="8:8">
      <c r="H552528" s="12"/>
    </row>
    <row r="552529" spans="8:8">
      <c r="H552529" s="12"/>
    </row>
    <row r="552530" spans="8:8">
      <c r="H552530" s="12"/>
    </row>
    <row r="552531" spans="8:8">
      <c r="H552531" s="12"/>
    </row>
    <row r="552532" spans="8:8">
      <c r="H552532" s="12"/>
    </row>
    <row r="552533" spans="8:8">
      <c r="H552533" s="12"/>
    </row>
    <row r="552534" spans="8:8">
      <c r="H552534" s="12"/>
    </row>
    <row r="552535" spans="8:8">
      <c r="H552535" s="12"/>
    </row>
    <row r="552536" spans="8:8">
      <c r="H552536" s="12"/>
    </row>
    <row r="552537" spans="8:8">
      <c r="H552537" s="12"/>
    </row>
    <row r="552538" spans="8:8">
      <c r="H552538" s="12"/>
    </row>
    <row r="552539" spans="8:8">
      <c r="H552539" s="12"/>
    </row>
    <row r="552540" spans="8:8">
      <c r="H552540" s="12"/>
    </row>
    <row r="552541" spans="8:8">
      <c r="H552541" s="12"/>
    </row>
    <row r="552542" spans="8:8">
      <c r="H552542" s="12"/>
    </row>
    <row r="552543" spans="8:8">
      <c r="H552543" s="12"/>
    </row>
    <row r="552544" spans="8:8">
      <c r="H552544" s="12"/>
    </row>
    <row r="552545" spans="8:8">
      <c r="H552545" s="12"/>
    </row>
    <row r="552546" spans="8:8">
      <c r="H552546" s="12"/>
    </row>
    <row r="552547" spans="8:8">
      <c r="H552547" s="12"/>
    </row>
    <row r="552548" spans="8:8">
      <c r="H552548" s="12"/>
    </row>
    <row r="552549" spans="8:8">
      <c r="H552549" s="12"/>
    </row>
    <row r="552550" spans="8:8">
      <c r="H552550" s="12"/>
    </row>
    <row r="552551" spans="8:8">
      <c r="H552551" s="12"/>
    </row>
    <row r="552552" spans="8:8">
      <c r="H552552" s="12"/>
    </row>
    <row r="552553" spans="8:8">
      <c r="H552553" s="12"/>
    </row>
    <row r="552554" spans="8:8">
      <c r="H552554" s="12"/>
    </row>
    <row r="552555" spans="8:8">
      <c r="H552555" s="12"/>
    </row>
    <row r="552556" spans="8:8">
      <c r="H552556" s="12"/>
    </row>
    <row r="552557" spans="8:8">
      <c r="H552557" s="12"/>
    </row>
    <row r="552558" spans="8:8">
      <c r="H552558" s="12"/>
    </row>
    <row r="552559" spans="8:8">
      <c r="H552559" s="12"/>
    </row>
    <row r="552560" spans="8:8">
      <c r="H552560" s="12"/>
    </row>
    <row r="552561" spans="8:8">
      <c r="H552561" s="12"/>
    </row>
    <row r="552562" spans="8:8">
      <c r="H552562" s="12"/>
    </row>
    <row r="552563" spans="8:8">
      <c r="H552563" s="12"/>
    </row>
    <row r="552564" spans="8:8">
      <c r="H552564" s="12"/>
    </row>
    <row r="552565" spans="8:8">
      <c r="H552565" s="12"/>
    </row>
    <row r="552566" spans="8:8">
      <c r="H552566" s="12"/>
    </row>
    <row r="552567" spans="8:8">
      <c r="H552567" s="12"/>
    </row>
    <row r="552568" spans="8:8">
      <c r="H552568" s="12"/>
    </row>
    <row r="552569" spans="8:8">
      <c r="H552569" s="12"/>
    </row>
    <row r="552570" spans="8:8">
      <c r="H552570" s="12"/>
    </row>
    <row r="552571" spans="8:8">
      <c r="H552571" s="12"/>
    </row>
    <row r="552572" spans="8:8">
      <c r="H552572" s="12"/>
    </row>
    <row r="552573" spans="8:8">
      <c r="H552573" s="12"/>
    </row>
    <row r="552574" spans="8:8">
      <c r="H552574" s="12"/>
    </row>
    <row r="552575" spans="8:8">
      <c r="H552575" s="12"/>
    </row>
    <row r="552576" spans="8:8">
      <c r="H552576" s="12"/>
    </row>
    <row r="552577" spans="8:8">
      <c r="H552577" s="12"/>
    </row>
    <row r="552578" spans="8:8">
      <c r="H552578" s="12"/>
    </row>
    <row r="552579" spans="8:8">
      <c r="H552579" s="12"/>
    </row>
    <row r="552580" spans="8:8">
      <c r="H552580" s="12"/>
    </row>
    <row r="552581" spans="8:8">
      <c r="H552581" s="12"/>
    </row>
    <row r="552582" spans="8:8">
      <c r="H552582" s="12"/>
    </row>
    <row r="552583" spans="8:8">
      <c r="H552583" s="12"/>
    </row>
    <row r="552584" spans="8:8">
      <c r="H552584" s="12"/>
    </row>
    <row r="552585" spans="8:8">
      <c r="H552585" s="12"/>
    </row>
    <row r="552586" spans="8:8">
      <c r="H552586" s="12"/>
    </row>
    <row r="552587" spans="8:8">
      <c r="H552587" s="12"/>
    </row>
    <row r="552588" spans="8:8">
      <c r="H552588" s="12"/>
    </row>
    <row r="552589" spans="8:8">
      <c r="H552589" s="12"/>
    </row>
    <row r="552590" spans="8:8">
      <c r="H552590" s="12"/>
    </row>
    <row r="552591" spans="8:8">
      <c r="H552591" s="12"/>
    </row>
    <row r="552592" spans="8:8">
      <c r="H552592" s="12"/>
    </row>
    <row r="552593" spans="8:8">
      <c r="H552593" s="12"/>
    </row>
    <row r="552594" spans="8:8">
      <c r="H552594" s="12"/>
    </row>
    <row r="552595" spans="8:8">
      <c r="H552595" s="12"/>
    </row>
    <row r="552596" spans="8:8">
      <c r="H552596" s="12"/>
    </row>
    <row r="552597" spans="8:8">
      <c r="H552597" s="12"/>
    </row>
    <row r="552598" spans="8:8">
      <c r="H552598" s="12"/>
    </row>
    <row r="552599" spans="8:8">
      <c r="H552599" s="12"/>
    </row>
    <row r="552600" spans="8:8">
      <c r="H552600" s="12"/>
    </row>
    <row r="552601" spans="8:8">
      <c r="H552601" s="12"/>
    </row>
    <row r="552602" spans="8:8">
      <c r="H552602" s="12"/>
    </row>
    <row r="552603" spans="8:8">
      <c r="H552603" s="12"/>
    </row>
    <row r="552604" spans="8:8">
      <c r="H552604" s="12"/>
    </row>
    <row r="552605" spans="8:8">
      <c r="H552605" s="12"/>
    </row>
    <row r="552606" spans="8:8">
      <c r="H552606" s="12"/>
    </row>
    <row r="552607" spans="8:8">
      <c r="H552607" s="12"/>
    </row>
    <row r="552608" spans="8:8">
      <c r="H552608" s="12"/>
    </row>
    <row r="552609" spans="8:8">
      <c r="H552609" s="12"/>
    </row>
    <row r="552610" spans="8:8">
      <c r="H552610" s="12"/>
    </row>
    <row r="552611" spans="8:8">
      <c r="H552611" s="12"/>
    </row>
    <row r="552612" spans="8:8">
      <c r="H552612" s="12"/>
    </row>
    <row r="552613" spans="8:8">
      <c r="H552613" s="12"/>
    </row>
    <row r="552614" spans="8:8">
      <c r="H552614" s="12"/>
    </row>
    <row r="552615" spans="8:8">
      <c r="H552615" s="12"/>
    </row>
    <row r="552616" spans="8:8">
      <c r="H552616" s="12"/>
    </row>
    <row r="552617" spans="8:8">
      <c r="H552617" s="12"/>
    </row>
    <row r="552618" spans="8:8">
      <c r="H552618" s="12"/>
    </row>
    <row r="552619" spans="8:8">
      <c r="H552619" s="12"/>
    </row>
    <row r="552620" spans="8:8">
      <c r="H552620" s="12"/>
    </row>
    <row r="552621" spans="8:8">
      <c r="H552621" s="12"/>
    </row>
    <row r="552622" spans="8:8">
      <c r="H552622" s="12"/>
    </row>
    <row r="552623" spans="8:8">
      <c r="H552623" s="12"/>
    </row>
    <row r="552624" spans="8:8">
      <c r="H552624" s="12"/>
    </row>
    <row r="552625" spans="8:8">
      <c r="H552625" s="12"/>
    </row>
    <row r="552626" spans="8:8">
      <c r="H552626" s="12"/>
    </row>
    <row r="552627" spans="8:8">
      <c r="H552627" s="12"/>
    </row>
    <row r="552628" spans="8:8">
      <c r="H552628" s="12"/>
    </row>
    <row r="552629" spans="8:8">
      <c r="H552629" s="12"/>
    </row>
    <row r="552630" spans="8:8">
      <c r="H552630" s="12"/>
    </row>
    <row r="552631" spans="8:8">
      <c r="H552631" s="12"/>
    </row>
    <row r="552632" spans="8:8">
      <c r="H552632" s="12"/>
    </row>
    <row r="552633" spans="8:8">
      <c r="H552633" s="12"/>
    </row>
    <row r="552634" spans="8:8">
      <c r="H552634" s="12"/>
    </row>
    <row r="552635" spans="8:8">
      <c r="H552635" s="12"/>
    </row>
    <row r="552636" spans="8:8">
      <c r="H552636" s="12"/>
    </row>
    <row r="552637" spans="8:8">
      <c r="H552637" s="12"/>
    </row>
    <row r="552638" spans="8:8">
      <c r="H552638" s="12"/>
    </row>
    <row r="552639" spans="8:8">
      <c r="H552639" s="12"/>
    </row>
    <row r="552640" spans="8:8">
      <c r="H552640" s="12"/>
    </row>
    <row r="552641" spans="8:8">
      <c r="H552641" s="12"/>
    </row>
    <row r="552642" spans="8:8">
      <c r="H552642" s="12"/>
    </row>
    <row r="552643" spans="8:8">
      <c r="H552643" s="12"/>
    </row>
    <row r="552644" spans="8:8">
      <c r="H552644" s="12"/>
    </row>
    <row r="552645" spans="8:8">
      <c r="H552645" s="12"/>
    </row>
    <row r="552646" spans="8:8">
      <c r="H552646" s="12"/>
    </row>
    <row r="552647" spans="8:8">
      <c r="H552647" s="12"/>
    </row>
    <row r="552648" spans="8:8">
      <c r="H552648" s="12"/>
    </row>
    <row r="552649" spans="8:8">
      <c r="H552649" s="12"/>
    </row>
    <row r="552650" spans="8:8">
      <c r="H552650" s="12"/>
    </row>
    <row r="552651" spans="8:8">
      <c r="H552651" s="12"/>
    </row>
    <row r="552652" spans="8:8">
      <c r="H552652" s="12"/>
    </row>
    <row r="552653" spans="8:8">
      <c r="H552653" s="12"/>
    </row>
    <row r="552654" spans="8:8">
      <c r="H552654" s="12"/>
    </row>
    <row r="552655" spans="8:8">
      <c r="H552655" s="12"/>
    </row>
    <row r="552656" spans="8:8">
      <c r="H552656" s="12"/>
    </row>
    <row r="552657" spans="8:8">
      <c r="H552657" s="12"/>
    </row>
    <row r="552658" spans="8:8">
      <c r="H552658" s="12"/>
    </row>
    <row r="552659" spans="8:8">
      <c r="H552659" s="12"/>
    </row>
    <row r="552660" spans="8:8">
      <c r="H552660" s="12"/>
    </row>
    <row r="552661" spans="8:8">
      <c r="H552661" s="12"/>
    </row>
    <row r="552662" spans="8:8">
      <c r="H552662" s="12"/>
    </row>
    <row r="552663" spans="8:8">
      <c r="H552663" s="12"/>
    </row>
    <row r="552664" spans="8:8">
      <c r="H552664" s="12"/>
    </row>
    <row r="552665" spans="8:8">
      <c r="H552665" s="12"/>
    </row>
    <row r="552666" spans="8:8">
      <c r="H552666" s="12"/>
    </row>
    <row r="552667" spans="8:8">
      <c r="H552667" s="12"/>
    </row>
    <row r="552668" spans="8:8">
      <c r="H552668" s="12"/>
    </row>
    <row r="552669" spans="8:8">
      <c r="H552669" s="12"/>
    </row>
    <row r="552670" spans="8:8">
      <c r="H552670" s="12"/>
    </row>
    <row r="552671" spans="8:8">
      <c r="H552671" s="12"/>
    </row>
    <row r="552672" spans="8:8">
      <c r="H552672" s="12"/>
    </row>
    <row r="552673" spans="8:8">
      <c r="H552673" s="12"/>
    </row>
    <row r="552674" spans="8:8">
      <c r="H552674" s="12"/>
    </row>
    <row r="552675" spans="8:8">
      <c r="H552675" s="12"/>
    </row>
    <row r="552676" spans="8:8">
      <c r="H552676" s="12"/>
    </row>
    <row r="552677" spans="8:8">
      <c r="H552677" s="12"/>
    </row>
    <row r="552678" spans="8:8">
      <c r="H552678" s="12"/>
    </row>
    <row r="552679" spans="8:8">
      <c r="H552679" s="12"/>
    </row>
    <row r="552680" spans="8:8">
      <c r="H552680" s="12"/>
    </row>
    <row r="552681" spans="8:8">
      <c r="H552681" s="12"/>
    </row>
    <row r="552682" spans="8:8">
      <c r="H552682" s="12"/>
    </row>
    <row r="552683" spans="8:8">
      <c r="H552683" s="12"/>
    </row>
    <row r="552684" spans="8:8">
      <c r="H552684" s="12"/>
    </row>
    <row r="552685" spans="8:8">
      <c r="H552685" s="12"/>
    </row>
    <row r="552686" spans="8:8">
      <c r="H552686" s="12"/>
    </row>
    <row r="552687" spans="8:8">
      <c r="H552687" s="12"/>
    </row>
    <row r="552688" spans="8:8">
      <c r="H552688" s="12"/>
    </row>
    <row r="552689" spans="8:8">
      <c r="H552689" s="12"/>
    </row>
    <row r="552690" spans="8:8">
      <c r="H552690" s="12"/>
    </row>
    <row r="552691" spans="8:8">
      <c r="H552691" s="12"/>
    </row>
    <row r="552692" spans="8:8">
      <c r="H552692" s="12"/>
    </row>
    <row r="552693" spans="8:8">
      <c r="H552693" s="12"/>
    </row>
    <row r="552694" spans="8:8">
      <c r="H552694" s="12"/>
    </row>
    <row r="552695" spans="8:8">
      <c r="H552695" s="12"/>
    </row>
    <row r="552696" spans="8:8">
      <c r="H552696" s="12"/>
    </row>
    <row r="552697" spans="8:8">
      <c r="H552697" s="12"/>
    </row>
    <row r="552698" spans="8:8">
      <c r="H552698" s="12"/>
    </row>
    <row r="552699" spans="8:8">
      <c r="H552699" s="12"/>
    </row>
    <row r="552700" spans="8:8">
      <c r="H552700" s="12"/>
    </row>
    <row r="552701" spans="8:8">
      <c r="H552701" s="12"/>
    </row>
    <row r="552702" spans="8:8">
      <c r="H552702" s="12"/>
    </row>
    <row r="552703" spans="8:8">
      <c r="H552703" s="12"/>
    </row>
    <row r="552704" spans="8:8">
      <c r="H552704" s="12"/>
    </row>
    <row r="552705" spans="8:8">
      <c r="H552705" s="12"/>
    </row>
    <row r="552706" spans="8:8">
      <c r="H552706" s="12"/>
    </row>
    <row r="552707" spans="8:8">
      <c r="H552707" s="12"/>
    </row>
    <row r="552708" spans="8:8">
      <c r="H552708" s="12"/>
    </row>
    <row r="552709" spans="8:8">
      <c r="H552709" s="12"/>
    </row>
    <row r="552710" spans="8:8">
      <c r="H552710" s="12"/>
    </row>
    <row r="552711" spans="8:8">
      <c r="H552711" s="12"/>
    </row>
    <row r="552712" spans="8:8">
      <c r="H552712" s="12"/>
    </row>
    <row r="552713" spans="8:8">
      <c r="H552713" s="12"/>
    </row>
    <row r="552714" spans="8:8">
      <c r="H552714" s="12"/>
    </row>
    <row r="552715" spans="8:8">
      <c r="H552715" s="12"/>
    </row>
    <row r="552716" spans="8:8">
      <c r="H552716" s="12"/>
    </row>
    <row r="552717" spans="8:8">
      <c r="H552717" s="12"/>
    </row>
    <row r="552718" spans="8:8">
      <c r="H552718" s="12"/>
    </row>
    <row r="552719" spans="8:8">
      <c r="H552719" s="12"/>
    </row>
    <row r="552720" spans="8:8">
      <c r="H552720" s="12"/>
    </row>
    <row r="552721" spans="8:8">
      <c r="H552721" s="12"/>
    </row>
    <row r="552722" spans="8:8">
      <c r="H552722" s="12"/>
    </row>
    <row r="552723" spans="8:8">
      <c r="H552723" s="12"/>
    </row>
    <row r="552724" spans="8:8">
      <c r="H552724" s="12"/>
    </row>
    <row r="552725" spans="8:8">
      <c r="H552725" s="12"/>
    </row>
    <row r="552726" spans="8:8">
      <c r="H552726" s="12"/>
    </row>
    <row r="552727" spans="8:8">
      <c r="H552727" s="12"/>
    </row>
    <row r="552728" spans="8:8">
      <c r="H552728" s="12"/>
    </row>
    <row r="552729" spans="8:8">
      <c r="H552729" s="12"/>
    </row>
    <row r="552730" spans="8:8">
      <c r="H552730" s="12"/>
    </row>
    <row r="552731" spans="8:8">
      <c r="H552731" s="12"/>
    </row>
    <row r="552732" spans="8:8">
      <c r="H552732" s="12"/>
    </row>
    <row r="552733" spans="8:8">
      <c r="H552733" s="12"/>
    </row>
    <row r="552734" spans="8:8">
      <c r="H552734" s="12"/>
    </row>
    <row r="552735" spans="8:8">
      <c r="H552735" s="12"/>
    </row>
    <row r="552736" spans="8:8">
      <c r="H552736" s="12"/>
    </row>
    <row r="552737" spans="8:8">
      <c r="H552737" s="12"/>
    </row>
    <row r="552738" spans="8:8">
      <c r="H552738" s="12"/>
    </row>
    <row r="552739" spans="8:8">
      <c r="H552739" s="12"/>
    </row>
    <row r="552740" spans="8:8">
      <c r="H552740" s="12"/>
    </row>
    <row r="552741" spans="8:8">
      <c r="H552741" s="12"/>
    </row>
    <row r="552742" spans="8:8">
      <c r="H552742" s="12"/>
    </row>
    <row r="552743" spans="8:8">
      <c r="H552743" s="12"/>
    </row>
    <row r="552744" spans="8:8">
      <c r="H552744" s="12"/>
    </row>
    <row r="552745" spans="8:8">
      <c r="H552745" s="12"/>
    </row>
    <row r="552746" spans="8:8">
      <c r="H552746" s="12"/>
    </row>
    <row r="552747" spans="8:8">
      <c r="H552747" s="12"/>
    </row>
    <row r="552748" spans="8:8">
      <c r="H552748" s="12"/>
    </row>
    <row r="552749" spans="8:8">
      <c r="H552749" s="12"/>
    </row>
    <row r="552750" spans="8:8">
      <c r="H552750" s="12"/>
    </row>
    <row r="552751" spans="8:8">
      <c r="H552751" s="12"/>
    </row>
    <row r="552752" spans="8:8">
      <c r="H552752" s="12"/>
    </row>
    <row r="552753" spans="8:8">
      <c r="H552753" s="12"/>
    </row>
    <row r="552754" spans="8:8">
      <c r="H552754" s="12"/>
    </row>
    <row r="552755" spans="8:8">
      <c r="H552755" s="12"/>
    </row>
    <row r="552756" spans="8:8">
      <c r="H552756" s="12"/>
    </row>
    <row r="552757" spans="8:8">
      <c r="H552757" s="12"/>
    </row>
    <row r="552758" spans="8:8">
      <c r="H552758" s="12"/>
    </row>
    <row r="552759" spans="8:8">
      <c r="H552759" s="12"/>
    </row>
    <row r="552760" spans="8:8">
      <c r="H552760" s="12"/>
    </row>
    <row r="552761" spans="8:8">
      <c r="H552761" s="12"/>
    </row>
    <row r="552762" spans="8:8">
      <c r="H552762" s="12"/>
    </row>
    <row r="552763" spans="8:8">
      <c r="H552763" s="12"/>
    </row>
    <row r="552764" spans="8:8">
      <c r="H552764" s="12"/>
    </row>
    <row r="552765" spans="8:8">
      <c r="H552765" s="12"/>
    </row>
    <row r="552766" spans="8:8">
      <c r="H552766" s="12"/>
    </row>
    <row r="552767" spans="8:8">
      <c r="H552767" s="12"/>
    </row>
    <row r="552768" spans="8:8">
      <c r="H552768" s="12"/>
    </row>
    <row r="552769" spans="8:8">
      <c r="H552769" s="12"/>
    </row>
    <row r="552770" spans="8:8">
      <c r="H552770" s="12"/>
    </row>
    <row r="552771" spans="8:8">
      <c r="H552771" s="12"/>
    </row>
    <row r="552772" spans="8:8">
      <c r="H552772" s="12"/>
    </row>
    <row r="552773" spans="8:8">
      <c r="H552773" s="12"/>
    </row>
    <row r="552774" spans="8:8">
      <c r="H552774" s="12"/>
    </row>
    <row r="552775" spans="8:8">
      <c r="H552775" s="12"/>
    </row>
    <row r="552776" spans="8:8">
      <c r="H552776" s="12"/>
    </row>
    <row r="552777" spans="8:8">
      <c r="H552777" s="12"/>
    </row>
    <row r="552778" spans="8:8">
      <c r="H552778" s="12"/>
    </row>
    <row r="552779" spans="8:8">
      <c r="H552779" s="12"/>
    </row>
    <row r="552780" spans="8:8">
      <c r="H552780" s="12"/>
    </row>
    <row r="552781" spans="8:8">
      <c r="H552781" s="12"/>
    </row>
    <row r="552782" spans="8:8">
      <c r="H552782" s="12"/>
    </row>
    <row r="552783" spans="8:8">
      <c r="H552783" s="12"/>
    </row>
    <row r="552784" spans="8:8">
      <c r="H552784" s="12"/>
    </row>
    <row r="552785" spans="8:8">
      <c r="H552785" s="12"/>
    </row>
    <row r="552786" spans="8:8">
      <c r="H552786" s="12"/>
    </row>
    <row r="552787" spans="8:8">
      <c r="H552787" s="12"/>
    </row>
    <row r="552788" spans="8:8">
      <c r="H552788" s="12"/>
    </row>
    <row r="552789" spans="8:8">
      <c r="H552789" s="12"/>
    </row>
    <row r="552790" spans="8:8">
      <c r="H552790" s="12"/>
    </row>
    <row r="552791" spans="8:8">
      <c r="H552791" s="12"/>
    </row>
    <row r="552792" spans="8:8">
      <c r="H552792" s="12"/>
    </row>
    <row r="552793" spans="8:8">
      <c r="H552793" s="12"/>
    </row>
    <row r="552794" spans="8:8">
      <c r="H552794" s="12"/>
    </row>
    <row r="552795" spans="8:8">
      <c r="H552795" s="12"/>
    </row>
    <row r="552796" spans="8:8">
      <c r="H552796" s="12"/>
    </row>
    <row r="552797" spans="8:8">
      <c r="H552797" s="12"/>
    </row>
    <row r="552798" spans="8:8">
      <c r="H552798" s="12"/>
    </row>
    <row r="552799" spans="8:8">
      <c r="H552799" s="12"/>
    </row>
    <row r="552800" spans="8:8">
      <c r="H552800" s="12"/>
    </row>
    <row r="552801" spans="8:8">
      <c r="H552801" s="12"/>
    </row>
    <row r="552802" spans="8:8">
      <c r="H552802" s="12"/>
    </row>
    <row r="552803" spans="8:8">
      <c r="H552803" s="12"/>
    </row>
    <row r="552804" spans="8:8">
      <c r="H552804" s="12"/>
    </row>
    <row r="552805" spans="8:8">
      <c r="H552805" s="12"/>
    </row>
    <row r="552806" spans="8:8">
      <c r="H552806" s="12"/>
    </row>
    <row r="552807" spans="8:8">
      <c r="H552807" s="12"/>
    </row>
    <row r="552808" spans="8:8">
      <c r="H552808" s="12"/>
    </row>
    <row r="552809" spans="8:8">
      <c r="H552809" s="12"/>
    </row>
    <row r="552810" spans="8:8">
      <c r="H552810" s="12"/>
    </row>
    <row r="552811" spans="8:8">
      <c r="H552811" s="12"/>
    </row>
    <row r="552812" spans="8:8">
      <c r="H552812" s="12"/>
    </row>
    <row r="552813" spans="8:8">
      <c r="H552813" s="12"/>
    </row>
    <row r="552814" spans="8:8">
      <c r="H552814" s="12"/>
    </row>
    <row r="552815" spans="8:8">
      <c r="H552815" s="12"/>
    </row>
    <row r="552816" spans="8:8">
      <c r="H552816" s="12"/>
    </row>
    <row r="552817" spans="8:8">
      <c r="H552817" s="12"/>
    </row>
    <row r="552818" spans="8:8">
      <c r="H552818" s="12"/>
    </row>
    <row r="552819" spans="8:8">
      <c r="H552819" s="12"/>
    </row>
    <row r="552820" spans="8:8">
      <c r="H552820" s="12"/>
    </row>
    <row r="552821" spans="8:8">
      <c r="H552821" s="12"/>
    </row>
    <row r="552822" spans="8:8">
      <c r="H552822" s="12"/>
    </row>
    <row r="552823" spans="8:8">
      <c r="H552823" s="12"/>
    </row>
    <row r="552824" spans="8:8">
      <c r="H552824" s="12"/>
    </row>
    <row r="552825" spans="8:8">
      <c r="H552825" s="12"/>
    </row>
    <row r="552826" spans="8:8">
      <c r="H552826" s="12"/>
    </row>
    <row r="552827" spans="8:8">
      <c r="H552827" s="12"/>
    </row>
    <row r="552828" spans="8:8">
      <c r="H552828" s="12"/>
    </row>
    <row r="552829" spans="8:8">
      <c r="H552829" s="12"/>
    </row>
    <row r="552830" spans="8:8">
      <c r="H552830" s="12"/>
    </row>
    <row r="552831" spans="8:8">
      <c r="H552831" s="12"/>
    </row>
    <row r="552832" spans="8:8">
      <c r="H552832" s="12"/>
    </row>
    <row r="552833" spans="8:8">
      <c r="H552833" s="12"/>
    </row>
    <row r="552834" spans="8:8">
      <c r="H552834" s="12"/>
    </row>
    <row r="552835" spans="8:8">
      <c r="H552835" s="12"/>
    </row>
    <row r="552836" spans="8:8">
      <c r="H552836" s="12"/>
    </row>
    <row r="552837" spans="8:8">
      <c r="H552837" s="12"/>
    </row>
    <row r="552838" spans="8:8">
      <c r="H552838" s="12"/>
    </row>
    <row r="552839" spans="8:8">
      <c r="H552839" s="12"/>
    </row>
    <row r="552840" spans="8:8">
      <c r="H552840" s="12"/>
    </row>
    <row r="552841" spans="8:8">
      <c r="H552841" s="12"/>
    </row>
    <row r="552842" spans="8:8">
      <c r="H552842" s="12"/>
    </row>
    <row r="552843" spans="8:8">
      <c r="H552843" s="12"/>
    </row>
    <row r="552844" spans="8:8">
      <c r="H552844" s="12"/>
    </row>
    <row r="552845" spans="8:8">
      <c r="H552845" s="12"/>
    </row>
    <row r="552846" spans="8:8">
      <c r="H552846" s="12"/>
    </row>
    <row r="552847" spans="8:8">
      <c r="H552847" s="12"/>
    </row>
    <row r="552848" spans="8:8">
      <c r="H552848" s="12"/>
    </row>
    <row r="552849" spans="8:8">
      <c r="H552849" s="12"/>
    </row>
    <row r="552850" spans="8:8">
      <c r="H552850" s="12"/>
    </row>
    <row r="552851" spans="8:8">
      <c r="H552851" s="12"/>
    </row>
    <row r="552852" spans="8:8">
      <c r="H552852" s="12"/>
    </row>
    <row r="552853" spans="8:8">
      <c r="H552853" s="12"/>
    </row>
    <row r="552854" spans="8:8">
      <c r="H552854" s="12"/>
    </row>
    <row r="552855" spans="8:8">
      <c r="H552855" s="12"/>
    </row>
    <row r="552856" spans="8:8">
      <c r="H552856" s="12"/>
    </row>
    <row r="552857" spans="8:8">
      <c r="H552857" s="12"/>
    </row>
    <row r="552858" spans="8:8">
      <c r="H552858" s="12"/>
    </row>
    <row r="552859" spans="8:8">
      <c r="H552859" s="12"/>
    </row>
    <row r="552860" spans="8:8">
      <c r="H552860" s="12"/>
    </row>
    <row r="552861" spans="8:8">
      <c r="H552861" s="12"/>
    </row>
    <row r="552862" spans="8:8">
      <c r="H552862" s="12"/>
    </row>
    <row r="552863" spans="8:8">
      <c r="H552863" s="12"/>
    </row>
    <row r="552864" spans="8:8">
      <c r="H552864" s="12"/>
    </row>
    <row r="552865" spans="8:8">
      <c r="H552865" s="12"/>
    </row>
    <row r="552866" spans="8:8">
      <c r="H552866" s="12"/>
    </row>
    <row r="552867" spans="8:8">
      <c r="H552867" s="12"/>
    </row>
    <row r="552868" spans="8:8">
      <c r="H552868" s="12"/>
    </row>
    <row r="552869" spans="8:8">
      <c r="H552869" s="12"/>
    </row>
    <row r="552870" spans="8:8">
      <c r="H552870" s="12"/>
    </row>
    <row r="552871" spans="8:8">
      <c r="H552871" s="12"/>
    </row>
    <row r="552872" spans="8:8">
      <c r="H552872" s="12"/>
    </row>
    <row r="552873" spans="8:8">
      <c r="H552873" s="12"/>
    </row>
    <row r="552874" spans="8:8">
      <c r="H552874" s="12"/>
    </row>
    <row r="552875" spans="8:8">
      <c r="H552875" s="12"/>
    </row>
    <row r="552876" spans="8:8">
      <c r="H552876" s="12"/>
    </row>
    <row r="552877" spans="8:8">
      <c r="H552877" s="12"/>
    </row>
    <row r="552878" spans="8:8">
      <c r="H552878" s="12"/>
    </row>
    <row r="552879" spans="8:8">
      <c r="H552879" s="12"/>
    </row>
    <row r="552880" spans="8:8">
      <c r="H552880" s="12"/>
    </row>
    <row r="552881" spans="8:8">
      <c r="H552881" s="12"/>
    </row>
    <row r="552882" spans="8:8">
      <c r="H552882" s="12"/>
    </row>
    <row r="552883" spans="8:8">
      <c r="H552883" s="12"/>
    </row>
    <row r="552884" spans="8:8">
      <c r="H552884" s="12"/>
    </row>
    <row r="552885" spans="8:8">
      <c r="H552885" s="12"/>
    </row>
    <row r="552886" spans="8:8">
      <c r="H552886" s="12"/>
    </row>
    <row r="552887" spans="8:8">
      <c r="H552887" s="12"/>
    </row>
    <row r="552888" spans="8:8">
      <c r="H552888" s="12"/>
    </row>
    <row r="552889" spans="8:8">
      <c r="H552889" s="12"/>
    </row>
    <row r="552890" spans="8:8">
      <c r="H552890" s="12"/>
    </row>
    <row r="552891" spans="8:8">
      <c r="H552891" s="12"/>
    </row>
    <row r="552892" spans="8:8">
      <c r="H552892" s="12"/>
    </row>
    <row r="552893" spans="8:8">
      <c r="H552893" s="12"/>
    </row>
    <row r="552894" spans="8:8">
      <c r="H552894" s="12"/>
    </row>
    <row r="552895" spans="8:8">
      <c r="H552895" s="12"/>
    </row>
    <row r="552896" spans="8:8">
      <c r="H552896" s="12"/>
    </row>
    <row r="552897" spans="8:8">
      <c r="H552897" s="12"/>
    </row>
    <row r="552898" spans="8:8">
      <c r="H552898" s="12"/>
    </row>
    <row r="552899" spans="8:8">
      <c r="H552899" s="12"/>
    </row>
    <row r="552900" spans="8:8">
      <c r="H552900" s="12"/>
    </row>
    <row r="552901" spans="8:8">
      <c r="H552901" s="12"/>
    </row>
    <row r="552902" spans="8:8">
      <c r="H552902" s="12"/>
    </row>
    <row r="552903" spans="8:8">
      <c r="H552903" s="12"/>
    </row>
    <row r="552904" spans="8:8">
      <c r="H552904" s="12"/>
    </row>
    <row r="552905" spans="8:8">
      <c r="H552905" s="12"/>
    </row>
    <row r="552906" spans="8:8">
      <c r="H552906" s="12"/>
    </row>
    <row r="552907" spans="8:8">
      <c r="H552907" s="12"/>
    </row>
    <row r="552908" spans="8:8">
      <c r="H552908" s="12"/>
    </row>
    <row r="552909" spans="8:8">
      <c r="H552909" s="12"/>
    </row>
    <row r="552910" spans="8:8">
      <c r="H552910" s="12"/>
    </row>
    <row r="552911" spans="8:8">
      <c r="H552911" s="12"/>
    </row>
    <row r="552912" spans="8:8">
      <c r="H552912" s="12"/>
    </row>
    <row r="552913" spans="8:8">
      <c r="H552913" s="12"/>
    </row>
    <row r="552914" spans="8:8">
      <c r="H552914" s="12"/>
    </row>
    <row r="552915" spans="8:8">
      <c r="H552915" s="12"/>
    </row>
    <row r="552916" spans="8:8">
      <c r="H552916" s="12"/>
    </row>
    <row r="552917" spans="8:8">
      <c r="H552917" s="12"/>
    </row>
    <row r="552918" spans="8:8">
      <c r="H552918" s="12"/>
    </row>
    <row r="552919" spans="8:8">
      <c r="H552919" s="12"/>
    </row>
    <row r="552920" spans="8:8">
      <c r="H552920" s="12"/>
    </row>
    <row r="552921" spans="8:8">
      <c r="H552921" s="12"/>
    </row>
    <row r="552922" spans="8:8">
      <c r="H552922" s="12"/>
    </row>
    <row r="552923" spans="8:8">
      <c r="H552923" s="12"/>
    </row>
    <row r="552924" spans="8:8">
      <c r="H552924" s="12"/>
    </row>
    <row r="552925" spans="8:8">
      <c r="H552925" s="12"/>
    </row>
    <row r="552926" spans="8:8">
      <c r="H552926" s="12"/>
    </row>
    <row r="552927" spans="8:8">
      <c r="H552927" s="12"/>
    </row>
    <row r="552928" spans="8:8">
      <c r="H552928" s="12"/>
    </row>
    <row r="552929" spans="8:8">
      <c r="H552929" s="12"/>
    </row>
    <row r="552930" spans="8:8">
      <c r="H552930" s="12"/>
    </row>
    <row r="552931" spans="8:8">
      <c r="H552931" s="12"/>
    </row>
    <row r="552932" spans="8:8">
      <c r="H552932" s="12"/>
    </row>
    <row r="552933" spans="8:8">
      <c r="H552933" s="12"/>
    </row>
    <row r="552934" spans="8:8">
      <c r="H552934" s="12"/>
    </row>
    <row r="552935" spans="8:8">
      <c r="H552935" s="12"/>
    </row>
    <row r="552936" spans="8:8">
      <c r="H552936" s="12"/>
    </row>
    <row r="552937" spans="8:8">
      <c r="H552937" s="12"/>
    </row>
    <row r="552938" spans="8:8">
      <c r="H552938" s="12"/>
    </row>
    <row r="552939" spans="8:8">
      <c r="H552939" s="12"/>
    </row>
    <row r="552940" spans="8:8">
      <c r="H552940" s="12"/>
    </row>
    <row r="552941" spans="8:8">
      <c r="H552941" s="12"/>
    </row>
    <row r="552942" spans="8:8">
      <c r="H552942" s="12"/>
    </row>
    <row r="552943" spans="8:8">
      <c r="H552943" s="12"/>
    </row>
    <row r="552944" spans="8:8">
      <c r="H552944" s="12"/>
    </row>
    <row r="552945" spans="8:8">
      <c r="H552945" s="12"/>
    </row>
    <row r="552946" spans="8:8">
      <c r="H552946" s="12"/>
    </row>
    <row r="552947" spans="8:8">
      <c r="H552947" s="12"/>
    </row>
    <row r="552948" spans="8:8">
      <c r="H552948" s="12"/>
    </row>
    <row r="552949" spans="8:8">
      <c r="H552949" s="12"/>
    </row>
    <row r="552950" spans="8:8">
      <c r="H552950" s="12"/>
    </row>
    <row r="552951" spans="8:8">
      <c r="H552951" s="12"/>
    </row>
    <row r="552952" spans="8:8">
      <c r="H552952" s="12"/>
    </row>
    <row r="552953" spans="8:8">
      <c r="H552953" s="12"/>
    </row>
    <row r="552954" spans="8:8">
      <c r="H552954" s="12"/>
    </row>
    <row r="552955" spans="8:8">
      <c r="H552955" s="12"/>
    </row>
    <row r="552956" spans="8:8">
      <c r="H552956" s="12"/>
    </row>
    <row r="552957" spans="8:8">
      <c r="H552957" s="12"/>
    </row>
    <row r="552958" spans="8:8">
      <c r="H552958" s="12"/>
    </row>
    <row r="552959" spans="8:8">
      <c r="H552959" s="12"/>
    </row>
    <row r="552960" spans="8:8">
      <c r="H552960" s="12"/>
    </row>
    <row r="552961" spans="8:8">
      <c r="H552961" s="12"/>
    </row>
    <row r="552962" spans="8:8">
      <c r="H552962" s="12"/>
    </row>
    <row r="552963" spans="8:8">
      <c r="H552963" s="12"/>
    </row>
    <row r="552964" spans="8:8">
      <c r="H552964" s="12"/>
    </row>
    <row r="552965" spans="8:8">
      <c r="H552965" s="12"/>
    </row>
    <row r="552966" spans="8:8">
      <c r="H552966" s="12"/>
    </row>
    <row r="552967" spans="8:8">
      <c r="H552967" s="12"/>
    </row>
    <row r="552968" spans="8:8">
      <c r="H552968" s="12"/>
    </row>
    <row r="552969" spans="8:8">
      <c r="H552969" s="12"/>
    </row>
    <row r="552970" spans="8:8">
      <c r="H552970" s="12"/>
    </row>
    <row r="552971" spans="8:8">
      <c r="H552971" s="12"/>
    </row>
    <row r="552972" spans="8:8">
      <c r="H552972" s="12"/>
    </row>
    <row r="552973" spans="8:8">
      <c r="H552973" s="12"/>
    </row>
    <row r="552974" spans="8:8">
      <c r="H552974" s="12"/>
    </row>
    <row r="552975" spans="8:8">
      <c r="H552975" s="12"/>
    </row>
    <row r="552976" spans="8:8">
      <c r="H552976" s="12"/>
    </row>
    <row r="552977" spans="8:8">
      <c r="H552977" s="12"/>
    </row>
    <row r="552978" spans="8:8">
      <c r="H552978" s="12"/>
    </row>
    <row r="552979" spans="8:8">
      <c r="H552979" s="12"/>
    </row>
    <row r="552980" spans="8:8">
      <c r="H552980" s="12"/>
    </row>
    <row r="552981" spans="8:8">
      <c r="H552981" s="12"/>
    </row>
    <row r="552982" spans="8:8">
      <c r="H552982" s="12"/>
    </row>
    <row r="552983" spans="8:8">
      <c r="H552983" s="12"/>
    </row>
    <row r="552984" spans="8:8">
      <c r="H552984" s="12"/>
    </row>
    <row r="552985" spans="8:8">
      <c r="H552985" s="12"/>
    </row>
    <row r="552986" spans="8:8">
      <c r="H552986" s="12"/>
    </row>
    <row r="552987" spans="8:8">
      <c r="H552987" s="12"/>
    </row>
    <row r="552988" spans="8:8">
      <c r="H552988" s="12"/>
    </row>
    <row r="552989" spans="8:8">
      <c r="H552989" s="12"/>
    </row>
    <row r="552990" spans="8:8">
      <c r="H552990" s="12"/>
    </row>
    <row r="552991" spans="8:8">
      <c r="H552991" s="12"/>
    </row>
    <row r="552992" spans="8:8">
      <c r="H552992" s="12"/>
    </row>
    <row r="552993" spans="8:8">
      <c r="H552993" s="12"/>
    </row>
    <row r="552994" spans="8:8">
      <c r="H552994" s="12"/>
    </row>
    <row r="552995" spans="8:8">
      <c r="H552995" s="12"/>
    </row>
    <row r="552996" spans="8:8">
      <c r="H552996" s="12"/>
    </row>
    <row r="552997" spans="8:8">
      <c r="H552997" s="12"/>
    </row>
    <row r="552998" spans="8:8">
      <c r="H552998" s="12"/>
    </row>
    <row r="552999" spans="8:8">
      <c r="H552999" s="12"/>
    </row>
    <row r="553000" spans="8:8">
      <c r="H553000" s="12"/>
    </row>
    <row r="553001" spans="8:8">
      <c r="H553001" s="12"/>
    </row>
    <row r="553002" spans="8:8">
      <c r="H553002" s="12"/>
    </row>
    <row r="553003" spans="8:8">
      <c r="H553003" s="12"/>
    </row>
    <row r="553004" spans="8:8">
      <c r="H553004" s="12"/>
    </row>
    <row r="553005" spans="8:8">
      <c r="H553005" s="12"/>
    </row>
    <row r="553006" spans="8:8">
      <c r="H553006" s="12"/>
    </row>
    <row r="553007" spans="8:8">
      <c r="H553007" s="12"/>
    </row>
    <row r="553008" spans="8:8">
      <c r="H553008" s="12"/>
    </row>
    <row r="553009" spans="8:8">
      <c r="H553009" s="12"/>
    </row>
    <row r="553010" spans="8:8">
      <c r="H553010" s="12"/>
    </row>
    <row r="553011" spans="8:8">
      <c r="H553011" s="12"/>
    </row>
    <row r="553012" spans="8:8">
      <c r="H553012" s="12"/>
    </row>
    <row r="553013" spans="8:8">
      <c r="H553013" s="12"/>
    </row>
    <row r="553014" spans="8:8">
      <c r="H553014" s="12"/>
    </row>
    <row r="553015" spans="8:8">
      <c r="H553015" s="12"/>
    </row>
    <row r="553016" spans="8:8">
      <c r="H553016" s="12"/>
    </row>
    <row r="553017" spans="8:8">
      <c r="H553017" s="12"/>
    </row>
    <row r="553018" spans="8:8">
      <c r="H553018" s="12"/>
    </row>
    <row r="553019" spans="8:8">
      <c r="H553019" s="12"/>
    </row>
    <row r="553020" spans="8:8">
      <c r="H553020" s="12"/>
    </row>
    <row r="553021" spans="8:8">
      <c r="H553021" s="12"/>
    </row>
    <row r="553022" spans="8:8">
      <c r="H553022" s="12"/>
    </row>
    <row r="553023" spans="8:8">
      <c r="H553023" s="12"/>
    </row>
    <row r="553024" spans="8:8">
      <c r="H553024" s="12"/>
    </row>
    <row r="553025" spans="8:8">
      <c r="H553025" s="12"/>
    </row>
    <row r="553026" spans="8:8">
      <c r="H553026" s="12"/>
    </row>
    <row r="553027" spans="8:8">
      <c r="H553027" s="12"/>
    </row>
    <row r="553028" spans="8:8">
      <c r="H553028" s="12"/>
    </row>
    <row r="553029" spans="8:8">
      <c r="H553029" s="12"/>
    </row>
    <row r="553030" spans="8:8">
      <c r="H553030" s="12"/>
    </row>
    <row r="553031" spans="8:8">
      <c r="H553031" s="12"/>
    </row>
    <row r="553032" spans="8:8">
      <c r="H553032" s="12"/>
    </row>
    <row r="553033" spans="8:8">
      <c r="H553033" s="12"/>
    </row>
    <row r="553034" spans="8:8">
      <c r="H553034" s="12"/>
    </row>
    <row r="553035" spans="8:8">
      <c r="H553035" s="12"/>
    </row>
    <row r="553036" spans="8:8">
      <c r="H553036" s="12"/>
    </row>
    <row r="553037" spans="8:8">
      <c r="H553037" s="12"/>
    </row>
    <row r="553038" spans="8:8">
      <c r="H553038" s="12"/>
    </row>
    <row r="553039" spans="8:8">
      <c r="H553039" s="12"/>
    </row>
    <row r="553040" spans="8:8">
      <c r="H553040" s="12"/>
    </row>
    <row r="553041" spans="8:8">
      <c r="H553041" s="12"/>
    </row>
    <row r="553042" spans="8:8">
      <c r="H553042" s="12"/>
    </row>
    <row r="553043" spans="8:8">
      <c r="H553043" s="12"/>
    </row>
    <row r="553044" spans="8:8">
      <c r="H553044" s="12"/>
    </row>
    <row r="553045" spans="8:8">
      <c r="H553045" s="12"/>
    </row>
    <row r="553046" spans="8:8">
      <c r="H553046" s="12"/>
    </row>
    <row r="553047" spans="8:8">
      <c r="H553047" s="12"/>
    </row>
    <row r="553048" spans="8:8">
      <c r="H553048" s="12"/>
    </row>
    <row r="553049" spans="8:8">
      <c r="H553049" s="12"/>
    </row>
    <row r="553050" spans="8:8">
      <c r="H553050" s="12"/>
    </row>
    <row r="553051" spans="8:8">
      <c r="H553051" s="12"/>
    </row>
    <row r="553052" spans="8:8">
      <c r="H553052" s="12"/>
    </row>
    <row r="553053" spans="8:8">
      <c r="H553053" s="12"/>
    </row>
    <row r="553054" spans="8:8">
      <c r="H553054" s="12"/>
    </row>
    <row r="553055" spans="8:8">
      <c r="H553055" s="12"/>
    </row>
    <row r="553056" spans="8:8">
      <c r="H553056" s="12"/>
    </row>
    <row r="553057" spans="8:8">
      <c r="H553057" s="12"/>
    </row>
    <row r="553058" spans="8:8">
      <c r="H553058" s="12"/>
    </row>
    <row r="553059" spans="8:8">
      <c r="H553059" s="12"/>
    </row>
    <row r="553060" spans="8:8">
      <c r="H553060" s="12"/>
    </row>
    <row r="553061" spans="8:8">
      <c r="H553061" s="12"/>
    </row>
    <row r="553062" spans="8:8">
      <c r="H553062" s="12"/>
    </row>
    <row r="553063" spans="8:8">
      <c r="H553063" s="12"/>
    </row>
    <row r="553064" spans="8:8">
      <c r="H553064" s="12"/>
    </row>
    <row r="553065" spans="8:8">
      <c r="H553065" s="12"/>
    </row>
    <row r="553066" spans="8:8">
      <c r="H553066" s="12"/>
    </row>
    <row r="553067" spans="8:8">
      <c r="H553067" s="12"/>
    </row>
    <row r="553068" spans="8:8">
      <c r="H553068" s="12"/>
    </row>
    <row r="553069" spans="8:8">
      <c r="H553069" s="12"/>
    </row>
    <row r="553070" spans="8:8">
      <c r="H553070" s="12"/>
    </row>
    <row r="553071" spans="8:8">
      <c r="H553071" s="12"/>
    </row>
    <row r="553072" spans="8:8">
      <c r="H553072" s="12"/>
    </row>
    <row r="553073" spans="8:8">
      <c r="H553073" s="12"/>
    </row>
    <row r="553074" spans="8:8">
      <c r="H553074" s="12"/>
    </row>
    <row r="553075" spans="8:8">
      <c r="H553075" s="12"/>
    </row>
    <row r="553076" spans="8:8">
      <c r="H553076" s="12"/>
    </row>
    <row r="553077" spans="8:8">
      <c r="H553077" s="12"/>
    </row>
    <row r="553078" spans="8:8">
      <c r="H553078" s="12"/>
    </row>
    <row r="553079" spans="8:8">
      <c r="H553079" s="12"/>
    </row>
    <row r="553080" spans="8:8">
      <c r="H553080" s="12"/>
    </row>
    <row r="553081" spans="8:8">
      <c r="H553081" s="12"/>
    </row>
    <row r="553082" spans="8:8">
      <c r="H553082" s="12"/>
    </row>
    <row r="553083" spans="8:8">
      <c r="H553083" s="12"/>
    </row>
    <row r="553084" spans="8:8">
      <c r="H553084" s="12"/>
    </row>
    <row r="553085" spans="8:8">
      <c r="H553085" s="12"/>
    </row>
    <row r="553086" spans="8:8">
      <c r="H553086" s="12"/>
    </row>
    <row r="553087" spans="8:8">
      <c r="H553087" s="12"/>
    </row>
    <row r="553088" spans="8:8">
      <c r="H553088" s="12"/>
    </row>
    <row r="553089" spans="8:8">
      <c r="H553089" s="12"/>
    </row>
    <row r="553090" spans="8:8">
      <c r="H553090" s="12"/>
    </row>
    <row r="553091" spans="8:8">
      <c r="H553091" s="12"/>
    </row>
    <row r="553092" spans="8:8">
      <c r="H553092" s="12"/>
    </row>
    <row r="553093" spans="8:8">
      <c r="H553093" s="12"/>
    </row>
    <row r="553094" spans="8:8">
      <c r="H553094" s="12"/>
    </row>
    <row r="553095" spans="8:8">
      <c r="H553095" s="12"/>
    </row>
    <row r="553096" spans="8:8">
      <c r="H553096" s="12"/>
    </row>
    <row r="553097" spans="8:8">
      <c r="H553097" s="12"/>
    </row>
    <row r="553098" spans="8:8">
      <c r="H553098" s="12"/>
    </row>
    <row r="553099" spans="8:8">
      <c r="H553099" s="12"/>
    </row>
    <row r="553100" spans="8:8">
      <c r="H553100" s="12"/>
    </row>
    <row r="553101" spans="8:8">
      <c r="H553101" s="12"/>
    </row>
    <row r="553102" spans="8:8">
      <c r="H553102" s="12"/>
    </row>
    <row r="553103" spans="8:8">
      <c r="H553103" s="12"/>
    </row>
    <row r="553104" spans="8:8">
      <c r="H553104" s="12"/>
    </row>
    <row r="553105" spans="8:8">
      <c r="H553105" s="12"/>
    </row>
    <row r="553106" spans="8:8">
      <c r="H553106" s="12"/>
    </row>
    <row r="553107" spans="8:8">
      <c r="H553107" s="12"/>
    </row>
    <row r="553108" spans="8:8">
      <c r="H553108" s="12"/>
    </row>
    <row r="553109" spans="8:8">
      <c r="H553109" s="12"/>
    </row>
    <row r="553110" spans="8:8">
      <c r="H553110" s="12"/>
    </row>
    <row r="553111" spans="8:8">
      <c r="H553111" s="12"/>
    </row>
    <row r="553112" spans="8:8">
      <c r="H553112" s="12"/>
    </row>
    <row r="553113" spans="8:8">
      <c r="H553113" s="12"/>
    </row>
    <row r="553114" spans="8:8">
      <c r="H553114" s="12"/>
    </row>
    <row r="553115" spans="8:8">
      <c r="H553115" s="12"/>
    </row>
    <row r="553116" spans="8:8">
      <c r="H553116" s="12"/>
    </row>
    <row r="553117" spans="8:8">
      <c r="H553117" s="12"/>
    </row>
    <row r="553118" spans="8:8">
      <c r="H553118" s="12"/>
    </row>
    <row r="553119" spans="8:8">
      <c r="H553119" s="12"/>
    </row>
    <row r="553120" spans="8:8">
      <c r="H553120" s="12"/>
    </row>
    <row r="553121" spans="8:8">
      <c r="H553121" s="12"/>
    </row>
    <row r="553122" spans="8:8">
      <c r="H553122" s="12"/>
    </row>
    <row r="553123" spans="8:8">
      <c r="H553123" s="12"/>
    </row>
    <row r="553124" spans="8:8">
      <c r="H553124" s="12"/>
    </row>
    <row r="553125" spans="8:8">
      <c r="H553125" s="12"/>
    </row>
    <row r="553126" spans="8:8">
      <c r="H553126" s="12"/>
    </row>
    <row r="553127" spans="8:8">
      <c r="H553127" s="12"/>
    </row>
    <row r="553128" spans="8:8">
      <c r="H553128" s="12"/>
    </row>
    <row r="553129" spans="8:8">
      <c r="H553129" s="12"/>
    </row>
    <row r="553130" spans="8:8">
      <c r="H553130" s="12"/>
    </row>
    <row r="553131" spans="8:8">
      <c r="H553131" s="12"/>
    </row>
    <row r="553132" spans="8:8">
      <c r="H553132" s="12"/>
    </row>
    <row r="553133" spans="8:8">
      <c r="H553133" s="12"/>
    </row>
    <row r="553134" spans="8:8">
      <c r="H553134" s="12"/>
    </row>
    <row r="553135" spans="8:8">
      <c r="H553135" s="12"/>
    </row>
    <row r="553136" spans="8:8">
      <c r="H553136" s="12"/>
    </row>
    <row r="553137" spans="8:8">
      <c r="H553137" s="12"/>
    </row>
    <row r="553138" spans="8:8">
      <c r="H553138" s="12"/>
    </row>
    <row r="553139" spans="8:8">
      <c r="H553139" s="12"/>
    </row>
    <row r="553140" spans="8:8">
      <c r="H553140" s="12"/>
    </row>
    <row r="553141" spans="8:8">
      <c r="H553141" s="12"/>
    </row>
    <row r="553142" spans="8:8">
      <c r="H553142" s="12"/>
    </row>
    <row r="553143" spans="8:8">
      <c r="H553143" s="12"/>
    </row>
    <row r="553144" spans="8:8">
      <c r="H553144" s="12"/>
    </row>
    <row r="553145" spans="8:8">
      <c r="H553145" s="12"/>
    </row>
    <row r="553146" spans="8:8">
      <c r="H553146" s="12"/>
    </row>
    <row r="553147" spans="8:8">
      <c r="H553147" s="12"/>
    </row>
    <row r="553148" spans="8:8">
      <c r="H553148" s="12"/>
    </row>
    <row r="553149" spans="8:8">
      <c r="H553149" s="12"/>
    </row>
    <row r="553150" spans="8:8">
      <c r="H553150" s="12"/>
    </row>
    <row r="553151" spans="8:8">
      <c r="H553151" s="12"/>
    </row>
    <row r="553152" spans="8:8">
      <c r="H553152" s="12"/>
    </row>
    <row r="553153" spans="8:8">
      <c r="H553153" s="12"/>
    </row>
    <row r="553154" spans="8:8">
      <c r="H553154" s="12"/>
    </row>
    <row r="553155" spans="8:8">
      <c r="H553155" s="12"/>
    </row>
    <row r="553156" spans="8:8">
      <c r="H553156" s="12"/>
    </row>
    <row r="553157" spans="8:8">
      <c r="H553157" s="12"/>
    </row>
    <row r="553158" spans="8:8">
      <c r="H553158" s="12"/>
    </row>
    <row r="553159" spans="8:8">
      <c r="H553159" s="12"/>
    </row>
    <row r="553160" spans="8:8">
      <c r="H553160" s="12"/>
    </row>
    <row r="553161" spans="8:8">
      <c r="H553161" s="12"/>
    </row>
    <row r="553162" spans="8:8">
      <c r="H553162" s="12"/>
    </row>
    <row r="553163" spans="8:8">
      <c r="H553163" s="12"/>
    </row>
    <row r="553164" spans="8:8">
      <c r="H553164" s="12"/>
    </row>
    <row r="553165" spans="8:8">
      <c r="H553165" s="12"/>
    </row>
    <row r="553166" spans="8:8">
      <c r="H553166" s="12"/>
    </row>
    <row r="553167" spans="8:8">
      <c r="H553167" s="12"/>
    </row>
    <row r="553168" spans="8:8">
      <c r="H553168" s="12"/>
    </row>
    <row r="553169" spans="8:8">
      <c r="H553169" s="12"/>
    </row>
    <row r="553170" spans="8:8">
      <c r="H553170" s="12"/>
    </row>
    <row r="553171" spans="8:8">
      <c r="H553171" s="12"/>
    </row>
    <row r="553172" spans="8:8">
      <c r="H553172" s="12"/>
    </row>
    <row r="553173" spans="8:8">
      <c r="H553173" s="12"/>
    </row>
    <row r="553174" spans="8:8">
      <c r="H553174" s="12"/>
    </row>
    <row r="553175" spans="8:8">
      <c r="H553175" s="12"/>
    </row>
    <row r="553176" spans="8:8">
      <c r="H553176" s="12"/>
    </row>
    <row r="553177" spans="8:8">
      <c r="H553177" s="12"/>
    </row>
    <row r="553178" spans="8:8">
      <c r="H553178" s="12"/>
    </row>
    <row r="553179" spans="8:8">
      <c r="H553179" s="12"/>
    </row>
    <row r="553180" spans="8:8">
      <c r="H553180" s="12"/>
    </row>
    <row r="553181" spans="8:8">
      <c r="H553181" s="12"/>
    </row>
    <row r="553182" spans="8:8">
      <c r="H553182" s="12"/>
    </row>
    <row r="553183" spans="8:8">
      <c r="H553183" s="12"/>
    </row>
    <row r="553184" spans="8:8">
      <c r="H553184" s="12"/>
    </row>
    <row r="553185" spans="8:8">
      <c r="H553185" s="12"/>
    </row>
    <row r="553186" spans="8:8">
      <c r="H553186" s="12"/>
    </row>
    <row r="553187" spans="8:8">
      <c r="H553187" s="12"/>
    </row>
    <row r="553188" spans="8:8">
      <c r="H553188" s="12"/>
    </row>
    <row r="553189" spans="8:8">
      <c r="H553189" s="12"/>
    </row>
    <row r="553190" spans="8:8">
      <c r="H553190" s="12"/>
    </row>
    <row r="553191" spans="8:8">
      <c r="H553191" s="12"/>
    </row>
    <row r="553192" spans="8:8">
      <c r="H553192" s="12"/>
    </row>
    <row r="553193" spans="8:8">
      <c r="H553193" s="12"/>
    </row>
    <row r="553194" spans="8:8">
      <c r="H553194" s="12"/>
    </row>
    <row r="553195" spans="8:8">
      <c r="H553195" s="12"/>
    </row>
    <row r="553196" spans="8:8">
      <c r="H553196" s="12"/>
    </row>
    <row r="553197" spans="8:8">
      <c r="H553197" s="12"/>
    </row>
    <row r="553198" spans="8:8">
      <c r="H553198" s="12"/>
    </row>
    <row r="553199" spans="8:8">
      <c r="H553199" s="12"/>
    </row>
    <row r="553200" spans="8:8">
      <c r="H553200" s="12"/>
    </row>
    <row r="553201" spans="8:8">
      <c r="H553201" s="12"/>
    </row>
    <row r="553202" spans="8:8">
      <c r="H553202" s="12"/>
    </row>
    <row r="553203" spans="8:8">
      <c r="H553203" s="12"/>
    </row>
    <row r="553204" spans="8:8">
      <c r="H553204" s="12"/>
    </row>
    <row r="553205" spans="8:8">
      <c r="H553205" s="12"/>
    </row>
    <row r="553206" spans="8:8">
      <c r="H553206" s="12"/>
    </row>
    <row r="553207" spans="8:8">
      <c r="H553207" s="12"/>
    </row>
    <row r="553208" spans="8:8">
      <c r="H553208" s="12"/>
    </row>
    <row r="553209" spans="8:8">
      <c r="H553209" s="12"/>
    </row>
    <row r="553210" spans="8:8">
      <c r="H553210" s="12"/>
    </row>
    <row r="553211" spans="8:8">
      <c r="H553211" s="12"/>
    </row>
    <row r="553212" spans="8:8">
      <c r="H553212" s="12"/>
    </row>
    <row r="553213" spans="8:8">
      <c r="H553213" s="12"/>
    </row>
    <row r="553214" spans="8:8">
      <c r="H553214" s="12"/>
    </row>
    <row r="553215" spans="8:8">
      <c r="H553215" s="12"/>
    </row>
    <row r="553216" spans="8:8">
      <c r="H553216" s="12"/>
    </row>
    <row r="553217" spans="8:8">
      <c r="H553217" s="12"/>
    </row>
    <row r="553218" spans="8:8">
      <c r="H553218" s="12"/>
    </row>
    <row r="553219" spans="8:8">
      <c r="H553219" s="12"/>
    </row>
    <row r="553220" spans="8:8">
      <c r="H553220" s="12"/>
    </row>
    <row r="553221" spans="8:8">
      <c r="H553221" s="12"/>
    </row>
    <row r="553222" spans="8:8">
      <c r="H553222" s="12"/>
    </row>
    <row r="553223" spans="8:8">
      <c r="H553223" s="12"/>
    </row>
    <row r="553224" spans="8:8">
      <c r="H553224" s="12"/>
    </row>
    <row r="553225" spans="8:8">
      <c r="H553225" s="12"/>
    </row>
    <row r="553226" spans="8:8">
      <c r="H553226" s="12"/>
    </row>
    <row r="553227" spans="8:8">
      <c r="H553227" s="12"/>
    </row>
    <row r="553228" spans="8:8">
      <c r="H553228" s="12"/>
    </row>
    <row r="553229" spans="8:8">
      <c r="H553229" s="12"/>
    </row>
    <row r="553230" spans="8:8">
      <c r="H553230" s="12"/>
    </row>
    <row r="553231" spans="8:8">
      <c r="H553231" s="12"/>
    </row>
    <row r="553232" spans="8:8">
      <c r="H553232" s="12"/>
    </row>
    <row r="553233" spans="8:8">
      <c r="H553233" s="12"/>
    </row>
    <row r="553234" spans="8:8">
      <c r="H553234" s="12"/>
    </row>
    <row r="553235" spans="8:8">
      <c r="H553235" s="12"/>
    </row>
    <row r="553236" spans="8:8">
      <c r="H553236" s="12"/>
    </row>
    <row r="553237" spans="8:8">
      <c r="H553237" s="12"/>
    </row>
    <row r="553238" spans="8:8">
      <c r="H553238" s="12"/>
    </row>
    <row r="553239" spans="8:8">
      <c r="H553239" s="12"/>
    </row>
    <row r="553240" spans="8:8">
      <c r="H553240" s="12"/>
    </row>
    <row r="553241" spans="8:8">
      <c r="H553241" s="12"/>
    </row>
    <row r="553242" spans="8:8">
      <c r="H553242" s="12"/>
    </row>
    <row r="553243" spans="8:8">
      <c r="H553243" s="12"/>
    </row>
    <row r="553244" spans="8:8">
      <c r="H553244" s="12"/>
    </row>
    <row r="553245" spans="8:8">
      <c r="H553245" s="12"/>
    </row>
    <row r="553246" spans="8:8">
      <c r="H553246" s="12"/>
    </row>
    <row r="553247" spans="8:8">
      <c r="H553247" s="12"/>
    </row>
    <row r="553248" spans="8:8">
      <c r="H553248" s="12"/>
    </row>
    <row r="553249" spans="8:8">
      <c r="H553249" s="12"/>
    </row>
    <row r="553250" spans="8:8">
      <c r="H553250" s="12"/>
    </row>
    <row r="553251" spans="8:8">
      <c r="H553251" s="12"/>
    </row>
    <row r="553252" spans="8:8">
      <c r="H553252" s="12"/>
    </row>
    <row r="553253" spans="8:8">
      <c r="H553253" s="12"/>
    </row>
    <row r="553254" spans="8:8">
      <c r="H553254" s="12"/>
    </row>
    <row r="553255" spans="8:8">
      <c r="H553255" s="12"/>
    </row>
    <row r="553256" spans="8:8">
      <c r="H553256" s="12"/>
    </row>
    <row r="553257" spans="8:8">
      <c r="H553257" s="12"/>
    </row>
    <row r="553258" spans="8:8">
      <c r="H553258" s="12"/>
    </row>
    <row r="553259" spans="8:8">
      <c r="H553259" s="12"/>
    </row>
    <row r="553260" spans="8:8">
      <c r="H553260" s="12"/>
    </row>
    <row r="553261" spans="8:8">
      <c r="H553261" s="12"/>
    </row>
    <row r="553262" spans="8:8">
      <c r="H553262" s="12"/>
    </row>
    <row r="553263" spans="8:8">
      <c r="H553263" s="12"/>
    </row>
    <row r="553264" spans="8:8">
      <c r="H553264" s="12"/>
    </row>
    <row r="553265" spans="8:8">
      <c r="H553265" s="12"/>
    </row>
    <row r="553266" spans="8:8">
      <c r="H553266" s="12"/>
    </row>
    <row r="553267" spans="8:8">
      <c r="H553267" s="12"/>
    </row>
    <row r="553268" spans="8:8">
      <c r="H553268" s="12"/>
    </row>
    <row r="553269" spans="8:8">
      <c r="H553269" s="12"/>
    </row>
    <row r="553270" spans="8:8">
      <c r="H553270" s="12"/>
    </row>
    <row r="553271" spans="8:8">
      <c r="H553271" s="12"/>
    </row>
    <row r="553272" spans="8:8">
      <c r="H553272" s="12"/>
    </row>
    <row r="553273" spans="8:8">
      <c r="H553273" s="12"/>
    </row>
    <row r="553274" spans="8:8">
      <c r="H553274" s="12"/>
    </row>
    <row r="553275" spans="8:8">
      <c r="H553275" s="12"/>
    </row>
    <row r="553276" spans="8:8">
      <c r="H553276" s="12"/>
    </row>
    <row r="553277" spans="8:8">
      <c r="H553277" s="12"/>
    </row>
    <row r="553278" spans="8:8">
      <c r="H553278" s="12"/>
    </row>
    <row r="553279" spans="8:8">
      <c r="H553279" s="12"/>
    </row>
    <row r="553280" spans="8:8">
      <c r="H553280" s="12"/>
    </row>
    <row r="553281" spans="8:8">
      <c r="H553281" s="12"/>
    </row>
    <row r="553282" spans="8:8">
      <c r="H553282" s="12"/>
    </row>
    <row r="553283" spans="8:8">
      <c r="H553283" s="12"/>
    </row>
    <row r="553284" spans="8:8">
      <c r="H553284" s="12"/>
    </row>
    <row r="553285" spans="8:8">
      <c r="H553285" s="12"/>
    </row>
    <row r="553286" spans="8:8">
      <c r="H553286" s="12"/>
    </row>
    <row r="553287" spans="8:8">
      <c r="H553287" s="12"/>
    </row>
    <row r="553288" spans="8:8">
      <c r="H553288" s="12"/>
    </row>
    <row r="553289" spans="8:8">
      <c r="H553289" s="12"/>
    </row>
    <row r="553290" spans="8:8">
      <c r="H553290" s="12"/>
    </row>
    <row r="553291" spans="8:8">
      <c r="H553291" s="12"/>
    </row>
    <row r="553292" spans="8:8">
      <c r="H553292" s="12"/>
    </row>
    <row r="553293" spans="8:8">
      <c r="H553293" s="12"/>
    </row>
    <row r="553294" spans="8:8">
      <c r="H553294" s="12"/>
    </row>
    <row r="553295" spans="8:8">
      <c r="H553295" s="12"/>
    </row>
    <row r="553296" spans="8:8">
      <c r="H553296" s="12"/>
    </row>
    <row r="553297" spans="8:8">
      <c r="H553297" s="12"/>
    </row>
    <row r="553298" spans="8:8">
      <c r="H553298" s="12"/>
    </row>
    <row r="553299" spans="8:8">
      <c r="H553299" s="12"/>
    </row>
    <row r="553300" spans="8:8">
      <c r="H553300" s="12"/>
    </row>
    <row r="553301" spans="8:8">
      <c r="H553301" s="12"/>
    </row>
    <row r="553302" spans="8:8">
      <c r="H553302" s="12"/>
    </row>
    <row r="553303" spans="8:8">
      <c r="H553303" s="12"/>
    </row>
    <row r="553304" spans="8:8">
      <c r="H553304" s="12"/>
    </row>
    <row r="553305" spans="8:8">
      <c r="H553305" s="12"/>
    </row>
    <row r="553306" spans="8:8">
      <c r="H553306" s="12"/>
    </row>
    <row r="553307" spans="8:8">
      <c r="H553307" s="12"/>
    </row>
    <row r="553308" spans="8:8">
      <c r="H553308" s="12"/>
    </row>
    <row r="553309" spans="8:8">
      <c r="H553309" s="12"/>
    </row>
    <row r="553310" spans="8:8">
      <c r="H553310" s="12"/>
    </row>
    <row r="553311" spans="8:8">
      <c r="H553311" s="12"/>
    </row>
    <row r="553312" spans="8:8">
      <c r="H553312" s="12"/>
    </row>
    <row r="553313" spans="8:8">
      <c r="H553313" s="12"/>
    </row>
    <row r="553314" spans="8:8">
      <c r="H553314" s="12"/>
    </row>
    <row r="553315" spans="8:8">
      <c r="H553315" s="12"/>
    </row>
    <row r="553316" spans="8:8">
      <c r="H553316" s="12"/>
    </row>
    <row r="553317" spans="8:8">
      <c r="H553317" s="12"/>
    </row>
    <row r="553318" spans="8:8">
      <c r="H553318" s="12"/>
    </row>
    <row r="553319" spans="8:8">
      <c r="H553319" s="12"/>
    </row>
    <row r="553320" spans="8:8">
      <c r="H553320" s="12"/>
    </row>
    <row r="553321" spans="8:8">
      <c r="H553321" s="12"/>
    </row>
    <row r="553322" spans="8:8">
      <c r="H553322" s="12"/>
    </row>
    <row r="553323" spans="8:8">
      <c r="H553323" s="12"/>
    </row>
    <row r="553324" spans="8:8">
      <c r="H553324" s="12"/>
    </row>
    <row r="553325" spans="8:8">
      <c r="H553325" s="12"/>
    </row>
    <row r="553326" spans="8:8">
      <c r="H553326" s="12"/>
    </row>
    <row r="553327" spans="8:8">
      <c r="H553327" s="12"/>
    </row>
    <row r="553328" spans="8:8">
      <c r="H553328" s="12"/>
    </row>
    <row r="553329" spans="8:8">
      <c r="H553329" s="12"/>
    </row>
    <row r="553330" spans="8:8">
      <c r="H553330" s="12"/>
    </row>
    <row r="553331" spans="8:8">
      <c r="H553331" s="12"/>
    </row>
    <row r="553332" spans="8:8">
      <c r="H553332" s="12"/>
    </row>
    <row r="553333" spans="8:8">
      <c r="H553333" s="12"/>
    </row>
    <row r="553334" spans="8:8">
      <c r="H553334" s="12"/>
    </row>
    <row r="553335" spans="8:8">
      <c r="H553335" s="12"/>
    </row>
    <row r="553336" spans="8:8">
      <c r="H553336" s="12"/>
    </row>
    <row r="553337" spans="8:8">
      <c r="H553337" s="12"/>
    </row>
    <row r="553338" spans="8:8">
      <c r="H553338" s="12"/>
    </row>
    <row r="553339" spans="8:8">
      <c r="H553339" s="12"/>
    </row>
    <row r="553340" spans="8:8">
      <c r="H553340" s="12"/>
    </row>
    <row r="553341" spans="8:8">
      <c r="H553341" s="12"/>
    </row>
    <row r="553342" spans="8:8">
      <c r="H553342" s="12"/>
    </row>
    <row r="553343" spans="8:8">
      <c r="H553343" s="12"/>
    </row>
    <row r="553344" spans="8:8">
      <c r="H553344" s="12"/>
    </row>
    <row r="553345" spans="8:8">
      <c r="H553345" s="12"/>
    </row>
    <row r="553346" spans="8:8">
      <c r="H553346" s="12"/>
    </row>
    <row r="553347" spans="8:8">
      <c r="H553347" s="12"/>
    </row>
    <row r="553348" spans="8:8">
      <c r="H553348" s="12"/>
    </row>
    <row r="553349" spans="8:8">
      <c r="H553349" s="12"/>
    </row>
    <row r="553350" spans="8:8">
      <c r="H553350" s="12"/>
    </row>
    <row r="553351" spans="8:8">
      <c r="H553351" s="12"/>
    </row>
    <row r="553352" spans="8:8">
      <c r="H553352" s="12"/>
    </row>
    <row r="553353" spans="8:8">
      <c r="H553353" s="12"/>
    </row>
    <row r="553354" spans="8:8">
      <c r="H553354" s="12"/>
    </row>
    <row r="553355" spans="8:8">
      <c r="H553355" s="12"/>
    </row>
    <row r="553356" spans="8:8">
      <c r="H553356" s="12"/>
    </row>
    <row r="553357" spans="8:8">
      <c r="H553357" s="12"/>
    </row>
    <row r="553358" spans="8:8">
      <c r="H553358" s="12"/>
    </row>
    <row r="553359" spans="8:8">
      <c r="H553359" s="12"/>
    </row>
    <row r="553360" spans="8:8">
      <c r="H553360" s="12"/>
    </row>
    <row r="553361" spans="8:8">
      <c r="H553361" s="12"/>
    </row>
    <row r="553362" spans="8:8">
      <c r="H553362" s="12"/>
    </row>
    <row r="553363" spans="8:8">
      <c r="H553363" s="12"/>
    </row>
    <row r="553364" spans="8:8">
      <c r="H553364" s="12"/>
    </row>
    <row r="553365" spans="8:8">
      <c r="H553365" s="12"/>
    </row>
    <row r="553366" spans="8:8">
      <c r="H553366" s="12"/>
    </row>
    <row r="553367" spans="8:8">
      <c r="H553367" s="12"/>
    </row>
    <row r="553368" spans="8:8">
      <c r="H553368" s="12"/>
    </row>
    <row r="553369" spans="8:8">
      <c r="H553369" s="12"/>
    </row>
    <row r="553370" spans="8:8">
      <c r="H553370" s="12"/>
    </row>
    <row r="553371" spans="8:8">
      <c r="H553371" s="12"/>
    </row>
    <row r="553372" spans="8:8">
      <c r="H553372" s="12"/>
    </row>
    <row r="553373" spans="8:8">
      <c r="H553373" s="12"/>
    </row>
    <row r="553374" spans="8:8">
      <c r="H553374" s="12"/>
    </row>
    <row r="553375" spans="8:8">
      <c r="H553375" s="12"/>
    </row>
    <row r="553376" spans="8:8">
      <c r="H553376" s="12"/>
    </row>
    <row r="553377" spans="8:8">
      <c r="H553377" s="12"/>
    </row>
    <row r="553378" spans="8:8">
      <c r="H553378" s="12"/>
    </row>
    <row r="553379" spans="8:8">
      <c r="H553379" s="12"/>
    </row>
    <row r="553380" spans="8:8">
      <c r="H553380" s="12"/>
    </row>
    <row r="553381" spans="8:8">
      <c r="H553381" s="12"/>
    </row>
    <row r="553382" spans="8:8">
      <c r="H553382" s="12"/>
    </row>
    <row r="553383" spans="8:8">
      <c r="H553383" s="12"/>
    </row>
    <row r="553384" spans="8:8">
      <c r="H553384" s="12"/>
    </row>
    <row r="553385" spans="8:8">
      <c r="H553385" s="12"/>
    </row>
    <row r="553386" spans="8:8">
      <c r="H553386" s="12"/>
    </row>
    <row r="553387" spans="8:8">
      <c r="H553387" s="12"/>
    </row>
    <row r="553388" spans="8:8">
      <c r="H553388" s="12"/>
    </row>
    <row r="553389" spans="8:8">
      <c r="H553389" s="12"/>
    </row>
    <row r="553390" spans="8:8">
      <c r="H553390" s="12"/>
    </row>
    <row r="553391" spans="8:8">
      <c r="H553391" s="12"/>
    </row>
    <row r="553392" spans="8:8">
      <c r="H553392" s="12"/>
    </row>
    <row r="553393" spans="8:8">
      <c r="H553393" s="12"/>
    </row>
    <row r="553394" spans="8:8">
      <c r="H553394" s="12"/>
    </row>
    <row r="553395" spans="8:8">
      <c r="H553395" s="12"/>
    </row>
    <row r="553396" spans="8:8">
      <c r="H553396" s="12"/>
    </row>
    <row r="553397" spans="8:8">
      <c r="H553397" s="12"/>
    </row>
    <row r="553398" spans="8:8">
      <c r="H553398" s="12"/>
    </row>
    <row r="553399" spans="8:8">
      <c r="H553399" s="12"/>
    </row>
    <row r="553400" spans="8:8">
      <c r="H553400" s="12"/>
    </row>
    <row r="553401" spans="8:8">
      <c r="H553401" s="12"/>
    </row>
    <row r="553402" spans="8:8">
      <c r="H553402" s="12"/>
    </row>
    <row r="553403" spans="8:8">
      <c r="H553403" s="12"/>
    </row>
    <row r="553404" spans="8:8">
      <c r="H553404" s="12"/>
    </row>
    <row r="553405" spans="8:8">
      <c r="H553405" s="12"/>
    </row>
    <row r="553406" spans="8:8">
      <c r="H553406" s="12"/>
    </row>
    <row r="553407" spans="8:8">
      <c r="H553407" s="12"/>
    </row>
    <row r="553408" spans="8:8">
      <c r="H553408" s="12"/>
    </row>
    <row r="553409" spans="8:8">
      <c r="H553409" s="12"/>
    </row>
    <row r="553410" spans="8:8">
      <c r="H553410" s="12"/>
    </row>
    <row r="553411" spans="8:8">
      <c r="H553411" s="12"/>
    </row>
    <row r="553412" spans="8:8">
      <c r="H553412" s="12"/>
    </row>
    <row r="553413" spans="8:8">
      <c r="H553413" s="12"/>
    </row>
    <row r="553414" spans="8:8">
      <c r="H553414" s="12"/>
    </row>
    <row r="553415" spans="8:8">
      <c r="H553415" s="12"/>
    </row>
    <row r="553416" spans="8:8">
      <c r="H553416" s="12"/>
    </row>
    <row r="553417" spans="8:8">
      <c r="H553417" s="12"/>
    </row>
    <row r="553418" spans="8:8">
      <c r="H553418" s="12"/>
    </row>
    <row r="553419" spans="8:8">
      <c r="H553419" s="12"/>
    </row>
    <row r="553420" spans="8:8">
      <c r="H553420" s="12"/>
    </row>
    <row r="553421" spans="8:8">
      <c r="H553421" s="12"/>
    </row>
    <row r="553422" spans="8:8">
      <c r="H553422" s="12"/>
    </row>
    <row r="553423" spans="8:8">
      <c r="H553423" s="12"/>
    </row>
    <row r="553424" spans="8:8">
      <c r="H553424" s="12"/>
    </row>
    <row r="553425" spans="8:8">
      <c r="H553425" s="12"/>
    </row>
    <row r="553426" spans="8:8">
      <c r="H553426" s="12"/>
    </row>
    <row r="553427" spans="8:8">
      <c r="H553427" s="12"/>
    </row>
    <row r="553428" spans="8:8">
      <c r="H553428" s="12"/>
    </row>
    <row r="553429" spans="8:8">
      <c r="H553429" s="12"/>
    </row>
    <row r="553430" spans="8:8">
      <c r="H553430" s="12"/>
    </row>
    <row r="553431" spans="8:8">
      <c r="H553431" s="12"/>
    </row>
    <row r="553432" spans="8:8">
      <c r="H553432" s="12"/>
    </row>
    <row r="553433" spans="8:8">
      <c r="H553433" s="12"/>
    </row>
    <row r="553434" spans="8:8">
      <c r="H553434" s="12"/>
    </row>
    <row r="553435" spans="8:8">
      <c r="H553435" s="12"/>
    </row>
    <row r="553436" spans="8:8">
      <c r="H553436" s="12"/>
    </row>
    <row r="553437" spans="8:8">
      <c r="H553437" s="12"/>
    </row>
    <row r="553438" spans="8:8">
      <c r="H553438" s="12"/>
    </row>
    <row r="553439" spans="8:8">
      <c r="H553439" s="12"/>
    </row>
    <row r="553440" spans="8:8">
      <c r="H553440" s="12"/>
    </row>
    <row r="553441" spans="8:8">
      <c r="H553441" s="12"/>
    </row>
    <row r="553442" spans="8:8">
      <c r="H553442" s="12"/>
    </row>
    <row r="553443" spans="8:8">
      <c r="H553443" s="12"/>
    </row>
    <row r="553444" spans="8:8">
      <c r="H553444" s="12"/>
    </row>
    <row r="553445" spans="8:8">
      <c r="H553445" s="12"/>
    </row>
    <row r="553446" spans="8:8">
      <c r="H553446" s="12"/>
    </row>
    <row r="553447" spans="8:8">
      <c r="H553447" s="12"/>
    </row>
    <row r="553448" spans="8:8">
      <c r="H553448" s="12"/>
    </row>
    <row r="553449" spans="8:8">
      <c r="H553449" s="12"/>
    </row>
    <row r="553450" spans="8:8">
      <c r="H553450" s="12"/>
    </row>
    <row r="553451" spans="8:8">
      <c r="H553451" s="12"/>
    </row>
    <row r="553452" spans="8:8">
      <c r="H553452" s="12"/>
    </row>
    <row r="553453" spans="8:8">
      <c r="H553453" s="12"/>
    </row>
    <row r="553454" spans="8:8">
      <c r="H553454" s="12"/>
    </row>
    <row r="553455" spans="8:8">
      <c r="H553455" s="12"/>
    </row>
    <row r="553456" spans="8:8">
      <c r="H553456" s="12"/>
    </row>
    <row r="553457" spans="8:8">
      <c r="H553457" s="12"/>
    </row>
    <row r="553458" spans="8:8">
      <c r="H553458" s="12"/>
    </row>
    <row r="553459" spans="8:8">
      <c r="H553459" s="12"/>
    </row>
    <row r="553460" spans="8:8">
      <c r="H553460" s="12"/>
    </row>
    <row r="553461" spans="8:8">
      <c r="H553461" s="12"/>
    </row>
    <row r="553462" spans="8:8">
      <c r="H553462" s="12"/>
    </row>
    <row r="553463" spans="8:8">
      <c r="H553463" s="12"/>
    </row>
    <row r="553464" spans="8:8">
      <c r="H553464" s="12"/>
    </row>
    <row r="553465" spans="8:8">
      <c r="H553465" s="12"/>
    </row>
    <row r="553466" spans="8:8">
      <c r="H553466" s="12"/>
    </row>
    <row r="553467" spans="8:8">
      <c r="H553467" s="12"/>
    </row>
    <row r="553468" spans="8:8">
      <c r="H553468" s="12"/>
    </row>
    <row r="553469" spans="8:8">
      <c r="H553469" s="12"/>
    </row>
    <row r="553470" spans="8:8">
      <c r="H553470" s="12"/>
    </row>
    <row r="553471" spans="8:8">
      <c r="H553471" s="12"/>
    </row>
    <row r="553472" spans="8:8">
      <c r="H553472" s="12"/>
    </row>
    <row r="553473" spans="8:8">
      <c r="H553473" s="12"/>
    </row>
    <row r="553474" spans="8:8">
      <c r="H553474" s="12"/>
    </row>
    <row r="553475" spans="8:8">
      <c r="H553475" s="12"/>
    </row>
    <row r="553476" spans="8:8">
      <c r="H553476" s="12"/>
    </row>
    <row r="553477" spans="8:8">
      <c r="H553477" s="12"/>
    </row>
    <row r="553478" spans="8:8">
      <c r="H553478" s="12"/>
    </row>
    <row r="553479" spans="8:8">
      <c r="H553479" s="12"/>
    </row>
    <row r="553480" spans="8:8">
      <c r="H553480" s="12"/>
    </row>
    <row r="553481" spans="8:8">
      <c r="H553481" s="12"/>
    </row>
    <row r="553482" spans="8:8">
      <c r="H553482" s="12"/>
    </row>
    <row r="553483" spans="8:8">
      <c r="H553483" s="12"/>
    </row>
    <row r="553484" spans="8:8">
      <c r="H553484" s="12"/>
    </row>
    <row r="553485" spans="8:8">
      <c r="H553485" s="12"/>
    </row>
    <row r="553486" spans="8:8">
      <c r="H553486" s="12"/>
    </row>
    <row r="553487" spans="8:8">
      <c r="H553487" s="12"/>
    </row>
    <row r="553488" spans="8:8">
      <c r="H553488" s="12"/>
    </row>
    <row r="553489" spans="8:8">
      <c r="H553489" s="12"/>
    </row>
    <row r="553490" spans="8:8">
      <c r="H553490" s="12"/>
    </row>
    <row r="553491" spans="8:8">
      <c r="H553491" s="12"/>
    </row>
    <row r="553492" spans="8:8">
      <c r="H553492" s="12"/>
    </row>
    <row r="553493" spans="8:8">
      <c r="H553493" s="12"/>
    </row>
    <row r="553494" spans="8:8">
      <c r="H553494" s="12"/>
    </row>
    <row r="553495" spans="8:8">
      <c r="H553495" s="12"/>
    </row>
    <row r="553496" spans="8:8">
      <c r="H553496" s="12"/>
    </row>
    <row r="553497" spans="8:8">
      <c r="H553497" s="12"/>
    </row>
    <row r="553498" spans="8:8">
      <c r="H553498" s="12"/>
    </row>
    <row r="553499" spans="8:8">
      <c r="H553499" s="12"/>
    </row>
    <row r="553500" spans="8:8">
      <c r="H553500" s="12"/>
    </row>
    <row r="553501" spans="8:8">
      <c r="H553501" s="12"/>
    </row>
    <row r="553502" spans="8:8">
      <c r="H553502" s="12"/>
    </row>
    <row r="553503" spans="8:8">
      <c r="H553503" s="12"/>
    </row>
    <row r="553504" spans="8:8">
      <c r="H553504" s="12"/>
    </row>
    <row r="553505" spans="8:8">
      <c r="H553505" s="12"/>
    </row>
    <row r="553506" spans="8:8">
      <c r="H553506" s="12"/>
    </row>
    <row r="553507" spans="8:8">
      <c r="H553507" s="12"/>
    </row>
    <row r="553508" spans="8:8">
      <c r="H553508" s="12"/>
    </row>
    <row r="553509" spans="8:8">
      <c r="H553509" s="12"/>
    </row>
    <row r="553510" spans="8:8">
      <c r="H553510" s="12"/>
    </row>
    <row r="553511" spans="8:8">
      <c r="H553511" s="12"/>
    </row>
    <row r="553512" spans="8:8">
      <c r="H553512" s="12"/>
    </row>
    <row r="553513" spans="8:8">
      <c r="H553513" s="12"/>
    </row>
    <row r="553514" spans="8:8">
      <c r="H553514" s="12"/>
    </row>
    <row r="553515" spans="8:8">
      <c r="H553515" s="12"/>
    </row>
    <row r="553516" spans="8:8">
      <c r="H553516" s="12"/>
    </row>
    <row r="553517" spans="8:8">
      <c r="H553517" s="12"/>
    </row>
    <row r="553518" spans="8:8">
      <c r="H553518" s="12"/>
    </row>
    <row r="553519" spans="8:8">
      <c r="H553519" s="12"/>
    </row>
    <row r="553520" spans="8:8">
      <c r="H553520" s="12"/>
    </row>
    <row r="553521" spans="8:8">
      <c r="H553521" s="12"/>
    </row>
    <row r="553522" spans="8:8">
      <c r="H553522" s="12"/>
    </row>
    <row r="553523" spans="8:8">
      <c r="H553523" s="12"/>
    </row>
    <row r="553524" spans="8:8">
      <c r="H553524" s="12"/>
    </row>
    <row r="553525" spans="8:8">
      <c r="H553525" s="12"/>
    </row>
    <row r="553526" spans="8:8">
      <c r="H553526" s="12"/>
    </row>
    <row r="553527" spans="8:8">
      <c r="H553527" s="12"/>
    </row>
    <row r="553528" spans="8:8">
      <c r="H553528" s="12"/>
    </row>
    <row r="553529" spans="8:8">
      <c r="H553529" s="12"/>
    </row>
    <row r="553530" spans="8:8">
      <c r="H553530" s="12"/>
    </row>
    <row r="553531" spans="8:8">
      <c r="H553531" s="12"/>
    </row>
    <row r="553532" spans="8:8">
      <c r="H553532" s="12"/>
    </row>
    <row r="553533" spans="8:8">
      <c r="H553533" s="12"/>
    </row>
    <row r="553534" spans="8:8">
      <c r="H553534" s="12"/>
    </row>
    <row r="553535" spans="8:8">
      <c r="H553535" s="12"/>
    </row>
    <row r="553536" spans="8:8">
      <c r="H553536" s="12"/>
    </row>
    <row r="553537" spans="8:8">
      <c r="H553537" s="12"/>
    </row>
    <row r="553538" spans="8:8">
      <c r="H553538" s="12"/>
    </row>
    <row r="553539" spans="8:8">
      <c r="H553539" s="12"/>
    </row>
    <row r="553540" spans="8:8">
      <c r="H553540" s="12"/>
    </row>
    <row r="553541" spans="8:8">
      <c r="H553541" s="12"/>
    </row>
    <row r="553542" spans="8:8">
      <c r="H553542" s="12"/>
    </row>
    <row r="553543" spans="8:8">
      <c r="H553543" s="12"/>
    </row>
    <row r="553544" spans="8:8">
      <c r="H553544" s="12"/>
    </row>
    <row r="553545" spans="8:8">
      <c r="H553545" s="12"/>
    </row>
    <row r="553546" spans="8:8">
      <c r="H553546" s="12"/>
    </row>
    <row r="553547" spans="8:8">
      <c r="H553547" s="12"/>
    </row>
    <row r="553548" spans="8:8">
      <c r="H553548" s="12"/>
    </row>
    <row r="553549" spans="8:8">
      <c r="H553549" s="12"/>
    </row>
    <row r="553550" spans="8:8">
      <c r="H553550" s="12"/>
    </row>
    <row r="553551" spans="8:8">
      <c r="H553551" s="12"/>
    </row>
    <row r="553552" spans="8:8">
      <c r="H553552" s="12"/>
    </row>
    <row r="553553" spans="8:8">
      <c r="H553553" s="12"/>
    </row>
    <row r="553554" spans="8:8">
      <c r="H553554" s="12"/>
    </row>
    <row r="553555" spans="8:8">
      <c r="H553555" s="12"/>
    </row>
    <row r="553556" spans="8:8">
      <c r="H553556" s="12"/>
    </row>
    <row r="553557" spans="8:8">
      <c r="H553557" s="12"/>
    </row>
    <row r="553558" spans="8:8">
      <c r="H553558" s="12"/>
    </row>
    <row r="553559" spans="8:8">
      <c r="H553559" s="12"/>
    </row>
    <row r="553560" spans="8:8">
      <c r="H553560" s="12"/>
    </row>
    <row r="553561" spans="8:8">
      <c r="H553561" s="12"/>
    </row>
    <row r="553562" spans="8:8">
      <c r="H553562" s="12"/>
    </row>
    <row r="553563" spans="8:8">
      <c r="H553563" s="12"/>
    </row>
    <row r="553564" spans="8:8">
      <c r="H553564" s="12"/>
    </row>
    <row r="553565" spans="8:8">
      <c r="H553565" s="12"/>
    </row>
    <row r="553566" spans="8:8">
      <c r="H553566" s="12"/>
    </row>
    <row r="553567" spans="8:8">
      <c r="H553567" s="12"/>
    </row>
    <row r="553568" spans="8:8">
      <c r="H553568" s="12"/>
    </row>
    <row r="553569" spans="8:8">
      <c r="H553569" s="12"/>
    </row>
    <row r="553570" spans="8:8">
      <c r="H553570" s="12"/>
    </row>
    <row r="553571" spans="8:8">
      <c r="H553571" s="12"/>
    </row>
    <row r="553572" spans="8:8">
      <c r="H553572" s="12"/>
    </row>
    <row r="553573" spans="8:8">
      <c r="H553573" s="12"/>
    </row>
    <row r="553574" spans="8:8">
      <c r="H553574" s="12"/>
    </row>
    <row r="553575" spans="8:8">
      <c r="H553575" s="12"/>
    </row>
    <row r="553576" spans="8:8">
      <c r="H553576" s="12"/>
    </row>
    <row r="553577" spans="8:8">
      <c r="H553577" s="12"/>
    </row>
    <row r="553578" spans="8:8">
      <c r="H553578" s="12"/>
    </row>
    <row r="553579" spans="8:8">
      <c r="H553579" s="12"/>
    </row>
    <row r="553580" spans="8:8">
      <c r="H553580" s="12"/>
    </row>
    <row r="553581" spans="8:8">
      <c r="H553581" s="12"/>
    </row>
    <row r="553582" spans="8:8">
      <c r="H553582" s="12"/>
    </row>
    <row r="553583" spans="8:8">
      <c r="H553583" s="12"/>
    </row>
    <row r="553584" spans="8:8">
      <c r="H553584" s="12"/>
    </row>
    <row r="553585" spans="8:8">
      <c r="H553585" s="12"/>
    </row>
    <row r="553586" spans="8:8">
      <c r="H553586" s="12"/>
    </row>
    <row r="553587" spans="8:8">
      <c r="H553587" s="12"/>
    </row>
    <row r="553588" spans="8:8">
      <c r="H553588" s="12"/>
    </row>
    <row r="553589" spans="8:8">
      <c r="H553589" s="12"/>
    </row>
    <row r="553590" spans="8:8">
      <c r="H553590" s="12"/>
    </row>
    <row r="553591" spans="8:8">
      <c r="H553591" s="12"/>
    </row>
    <row r="553592" spans="8:8">
      <c r="H553592" s="12"/>
    </row>
    <row r="553593" spans="8:8">
      <c r="H553593" s="12"/>
    </row>
    <row r="553594" spans="8:8">
      <c r="H553594" s="12"/>
    </row>
    <row r="553595" spans="8:8">
      <c r="H553595" s="12"/>
    </row>
    <row r="553596" spans="8:8">
      <c r="H553596" s="12"/>
    </row>
    <row r="553597" spans="8:8">
      <c r="H553597" s="12"/>
    </row>
    <row r="553598" spans="8:8">
      <c r="H553598" s="12"/>
    </row>
    <row r="553599" spans="8:8">
      <c r="H553599" s="12"/>
    </row>
    <row r="553600" spans="8:8">
      <c r="H553600" s="12"/>
    </row>
    <row r="553601" spans="8:8">
      <c r="H553601" s="12"/>
    </row>
    <row r="553602" spans="8:8">
      <c r="H553602" s="12"/>
    </row>
    <row r="553603" spans="8:8">
      <c r="H553603" s="12"/>
    </row>
    <row r="553604" spans="8:8">
      <c r="H553604" s="12"/>
    </row>
    <row r="553605" spans="8:8">
      <c r="H553605" s="12"/>
    </row>
    <row r="553606" spans="8:8">
      <c r="H553606" s="12"/>
    </row>
    <row r="553607" spans="8:8">
      <c r="H553607" s="12"/>
    </row>
    <row r="553608" spans="8:8">
      <c r="H553608" s="12"/>
    </row>
    <row r="553609" spans="8:8">
      <c r="H553609" s="12"/>
    </row>
    <row r="553610" spans="8:8">
      <c r="H553610" s="12"/>
    </row>
    <row r="553611" spans="8:8">
      <c r="H553611" s="12"/>
    </row>
    <row r="553612" spans="8:8">
      <c r="H553612" s="12"/>
    </row>
    <row r="553613" spans="8:8">
      <c r="H553613" s="12"/>
    </row>
    <row r="553614" spans="8:8">
      <c r="H553614" s="12"/>
    </row>
    <row r="553615" spans="8:8">
      <c r="H553615" s="12"/>
    </row>
    <row r="553616" spans="8:8">
      <c r="H553616" s="12"/>
    </row>
    <row r="553617" spans="8:8">
      <c r="H553617" s="12"/>
    </row>
    <row r="553618" spans="8:8">
      <c r="H553618" s="12"/>
    </row>
    <row r="553619" spans="8:8">
      <c r="H553619" s="12"/>
    </row>
    <row r="553620" spans="8:8">
      <c r="H553620" s="12"/>
    </row>
    <row r="553621" spans="8:8">
      <c r="H553621" s="12"/>
    </row>
    <row r="553622" spans="8:8">
      <c r="H553622" s="12"/>
    </row>
    <row r="553623" spans="8:8">
      <c r="H553623" s="12"/>
    </row>
    <row r="553624" spans="8:8">
      <c r="H553624" s="12"/>
    </row>
    <row r="553625" spans="8:8">
      <c r="H553625" s="12"/>
    </row>
    <row r="553626" spans="8:8">
      <c r="H553626" s="12"/>
    </row>
    <row r="553627" spans="8:8">
      <c r="H553627" s="12"/>
    </row>
    <row r="553628" spans="8:8">
      <c r="H553628" s="12"/>
    </row>
    <row r="553629" spans="8:8">
      <c r="H553629" s="12"/>
    </row>
    <row r="553630" spans="8:8">
      <c r="H553630" s="12"/>
    </row>
    <row r="553631" spans="8:8">
      <c r="H553631" s="12"/>
    </row>
    <row r="553632" spans="8:8">
      <c r="H553632" s="12"/>
    </row>
    <row r="553633" spans="8:8">
      <c r="H553633" s="12"/>
    </row>
    <row r="553634" spans="8:8">
      <c r="H553634" s="12"/>
    </row>
    <row r="553635" spans="8:8">
      <c r="H553635" s="12"/>
    </row>
    <row r="553636" spans="8:8">
      <c r="H553636" s="12"/>
    </row>
    <row r="553637" spans="8:8">
      <c r="H553637" s="12"/>
    </row>
    <row r="553638" spans="8:8">
      <c r="H553638" s="12"/>
    </row>
    <row r="553639" spans="8:8">
      <c r="H553639" s="12"/>
    </row>
    <row r="553640" spans="8:8">
      <c r="H553640" s="12"/>
    </row>
    <row r="553641" spans="8:8">
      <c r="H553641" s="12"/>
    </row>
    <row r="553642" spans="8:8">
      <c r="H553642" s="12"/>
    </row>
    <row r="553643" spans="8:8">
      <c r="H553643" s="12"/>
    </row>
    <row r="553644" spans="8:8">
      <c r="H553644" s="12"/>
    </row>
    <row r="553645" spans="8:8">
      <c r="H553645" s="12"/>
    </row>
    <row r="553646" spans="8:8">
      <c r="H553646" s="12"/>
    </row>
    <row r="553647" spans="8:8">
      <c r="H553647" s="12"/>
    </row>
    <row r="553648" spans="8:8">
      <c r="H553648" s="12"/>
    </row>
    <row r="553649" spans="8:8">
      <c r="H553649" s="12"/>
    </row>
    <row r="553650" spans="8:8">
      <c r="H553650" s="12"/>
    </row>
    <row r="553651" spans="8:8">
      <c r="H553651" s="12"/>
    </row>
    <row r="553652" spans="8:8">
      <c r="H553652" s="12"/>
    </row>
    <row r="553653" spans="8:8">
      <c r="H553653" s="12"/>
    </row>
    <row r="553654" spans="8:8">
      <c r="H553654" s="12"/>
    </row>
    <row r="553655" spans="8:8">
      <c r="H553655" s="12"/>
    </row>
    <row r="553656" spans="8:8">
      <c r="H553656" s="12"/>
    </row>
    <row r="553657" spans="8:8">
      <c r="H553657" s="12"/>
    </row>
    <row r="553658" spans="8:8">
      <c r="H553658" s="12"/>
    </row>
    <row r="553659" spans="8:8">
      <c r="H553659" s="12"/>
    </row>
    <row r="553660" spans="8:8">
      <c r="H553660" s="12"/>
    </row>
    <row r="553661" spans="8:8">
      <c r="H553661" s="12"/>
    </row>
    <row r="553662" spans="8:8">
      <c r="H553662" s="12"/>
    </row>
    <row r="553663" spans="8:8">
      <c r="H553663" s="12"/>
    </row>
    <row r="553664" spans="8:8">
      <c r="H553664" s="12"/>
    </row>
    <row r="553665" spans="8:8">
      <c r="H553665" s="12"/>
    </row>
    <row r="553666" spans="8:8">
      <c r="H553666" s="12"/>
    </row>
    <row r="553667" spans="8:8">
      <c r="H553667" s="12"/>
    </row>
    <row r="553668" spans="8:8">
      <c r="H553668" s="12"/>
    </row>
    <row r="553669" spans="8:8">
      <c r="H553669" s="12"/>
    </row>
    <row r="553670" spans="8:8">
      <c r="H553670" s="12"/>
    </row>
    <row r="553671" spans="8:8">
      <c r="H553671" s="12"/>
    </row>
    <row r="553672" spans="8:8">
      <c r="H553672" s="12"/>
    </row>
    <row r="553673" spans="8:8">
      <c r="H553673" s="12"/>
    </row>
    <row r="553674" spans="8:8">
      <c r="H553674" s="12"/>
    </row>
    <row r="553675" spans="8:8">
      <c r="H553675" s="12"/>
    </row>
    <row r="553676" spans="8:8">
      <c r="H553676" s="12"/>
    </row>
    <row r="553677" spans="8:8">
      <c r="H553677" s="12"/>
    </row>
    <row r="553678" spans="8:8">
      <c r="H553678" s="12"/>
    </row>
    <row r="553679" spans="8:8">
      <c r="H553679" s="12"/>
    </row>
    <row r="553680" spans="8:8">
      <c r="H553680" s="12"/>
    </row>
    <row r="553681" spans="8:8">
      <c r="H553681" s="12"/>
    </row>
    <row r="553682" spans="8:8">
      <c r="H553682" s="12"/>
    </row>
    <row r="553683" spans="8:8">
      <c r="H553683" s="12"/>
    </row>
    <row r="553684" spans="8:8">
      <c r="H553684" s="12"/>
    </row>
    <row r="553685" spans="8:8">
      <c r="H553685" s="12"/>
    </row>
    <row r="553686" spans="8:8">
      <c r="H553686" s="12"/>
    </row>
    <row r="553687" spans="8:8">
      <c r="H553687" s="12"/>
    </row>
    <row r="553688" spans="8:8">
      <c r="H553688" s="12"/>
    </row>
    <row r="553689" spans="8:8">
      <c r="H553689" s="12"/>
    </row>
    <row r="553690" spans="8:8">
      <c r="H553690" s="12"/>
    </row>
    <row r="553691" spans="8:8">
      <c r="H553691" s="12"/>
    </row>
    <row r="553692" spans="8:8">
      <c r="H553692" s="12"/>
    </row>
    <row r="553693" spans="8:8">
      <c r="H553693" s="12"/>
    </row>
    <row r="553694" spans="8:8">
      <c r="H553694" s="12"/>
    </row>
    <row r="553695" spans="8:8">
      <c r="H553695" s="12"/>
    </row>
    <row r="553696" spans="8:8">
      <c r="H553696" s="12"/>
    </row>
    <row r="553697" spans="8:8">
      <c r="H553697" s="12"/>
    </row>
    <row r="553698" spans="8:8">
      <c r="H553698" s="12"/>
    </row>
    <row r="553699" spans="8:8">
      <c r="H553699" s="12"/>
    </row>
    <row r="553700" spans="8:8">
      <c r="H553700" s="12"/>
    </row>
    <row r="553701" spans="8:8">
      <c r="H553701" s="12"/>
    </row>
    <row r="553702" spans="8:8">
      <c r="H553702" s="12"/>
    </row>
    <row r="553703" spans="8:8">
      <c r="H553703" s="12"/>
    </row>
    <row r="553704" spans="8:8">
      <c r="H553704" s="12"/>
    </row>
    <row r="553705" spans="8:8">
      <c r="H553705" s="12"/>
    </row>
    <row r="553706" spans="8:8">
      <c r="H553706" s="12"/>
    </row>
    <row r="553707" spans="8:8">
      <c r="H553707" s="12"/>
    </row>
    <row r="553708" spans="8:8">
      <c r="H553708" s="12"/>
    </row>
    <row r="553709" spans="8:8">
      <c r="H553709" s="12"/>
    </row>
    <row r="553710" spans="8:8">
      <c r="H553710" s="12"/>
    </row>
    <row r="553711" spans="8:8">
      <c r="H553711" s="12"/>
    </row>
    <row r="553712" spans="8:8">
      <c r="H553712" s="12"/>
    </row>
    <row r="553713" spans="8:8">
      <c r="H553713" s="12"/>
    </row>
    <row r="553714" spans="8:8">
      <c r="H553714" s="12"/>
    </row>
    <row r="553715" spans="8:8">
      <c r="H553715" s="12"/>
    </row>
    <row r="553716" spans="8:8">
      <c r="H553716" s="12"/>
    </row>
    <row r="553717" spans="8:8">
      <c r="H553717" s="12"/>
    </row>
    <row r="553718" spans="8:8">
      <c r="H553718" s="12"/>
    </row>
    <row r="553719" spans="8:8">
      <c r="H553719" s="12"/>
    </row>
    <row r="553720" spans="8:8">
      <c r="H553720" s="12"/>
    </row>
    <row r="553721" spans="8:8">
      <c r="H553721" s="12"/>
    </row>
    <row r="553722" spans="8:8">
      <c r="H553722" s="12"/>
    </row>
    <row r="553723" spans="8:8">
      <c r="H553723" s="12"/>
    </row>
    <row r="553724" spans="8:8">
      <c r="H553724" s="12"/>
    </row>
    <row r="553725" spans="8:8">
      <c r="H553725" s="12"/>
    </row>
    <row r="553726" spans="8:8">
      <c r="H553726" s="12"/>
    </row>
    <row r="553727" spans="8:8">
      <c r="H553727" s="12"/>
    </row>
    <row r="553728" spans="8:8">
      <c r="H553728" s="12"/>
    </row>
    <row r="553729" spans="8:8">
      <c r="H553729" s="12"/>
    </row>
    <row r="553730" spans="8:8">
      <c r="H553730" s="12"/>
    </row>
    <row r="553731" spans="8:8">
      <c r="H553731" s="12"/>
    </row>
    <row r="553732" spans="8:8">
      <c r="H553732" s="12"/>
    </row>
    <row r="553733" spans="8:8">
      <c r="H553733" s="12"/>
    </row>
    <row r="553734" spans="8:8">
      <c r="H553734" s="12"/>
    </row>
    <row r="553735" spans="8:8">
      <c r="H553735" s="12"/>
    </row>
    <row r="553736" spans="8:8">
      <c r="H553736" s="12"/>
    </row>
    <row r="553737" spans="8:8">
      <c r="H553737" s="12"/>
    </row>
    <row r="553738" spans="8:8">
      <c r="H553738" s="12"/>
    </row>
    <row r="553739" spans="8:8">
      <c r="H553739" s="12"/>
    </row>
    <row r="553740" spans="8:8">
      <c r="H553740" s="12"/>
    </row>
    <row r="553741" spans="8:8">
      <c r="H553741" s="12"/>
    </row>
    <row r="553742" spans="8:8">
      <c r="H553742" s="12"/>
    </row>
    <row r="553743" spans="8:8">
      <c r="H553743" s="12"/>
    </row>
    <row r="553744" spans="8:8">
      <c r="H553744" s="12"/>
    </row>
    <row r="553745" spans="8:8">
      <c r="H553745" s="12"/>
    </row>
    <row r="553746" spans="8:8">
      <c r="H553746" s="12"/>
    </row>
    <row r="553747" spans="8:8">
      <c r="H553747" s="12"/>
    </row>
    <row r="553748" spans="8:8">
      <c r="H553748" s="12"/>
    </row>
    <row r="553749" spans="8:8">
      <c r="H553749" s="12"/>
    </row>
    <row r="553750" spans="8:8">
      <c r="H553750" s="12"/>
    </row>
    <row r="553751" spans="8:8">
      <c r="H553751" s="12"/>
    </row>
    <row r="553752" spans="8:8">
      <c r="H553752" s="12"/>
    </row>
    <row r="553753" spans="8:8">
      <c r="H553753" s="12"/>
    </row>
    <row r="553754" spans="8:8">
      <c r="H553754" s="12"/>
    </row>
    <row r="553755" spans="8:8">
      <c r="H553755" s="12"/>
    </row>
    <row r="553756" spans="8:8">
      <c r="H553756" s="12"/>
    </row>
    <row r="553757" spans="8:8">
      <c r="H553757" s="12"/>
    </row>
    <row r="553758" spans="8:8">
      <c r="H553758" s="12"/>
    </row>
    <row r="553759" spans="8:8">
      <c r="H553759" s="12"/>
    </row>
    <row r="553760" spans="8:8">
      <c r="H553760" s="12"/>
    </row>
    <row r="553761" spans="8:8">
      <c r="H553761" s="12"/>
    </row>
    <row r="553762" spans="8:8">
      <c r="H553762" s="12"/>
    </row>
    <row r="553763" spans="8:8">
      <c r="H553763" s="12"/>
    </row>
    <row r="553764" spans="8:8">
      <c r="H553764" s="12"/>
    </row>
    <row r="553765" spans="8:8">
      <c r="H553765" s="12"/>
    </row>
    <row r="553766" spans="8:8">
      <c r="H553766" s="12"/>
    </row>
    <row r="553767" spans="8:8">
      <c r="H553767" s="12"/>
    </row>
    <row r="553768" spans="8:8">
      <c r="H553768" s="12"/>
    </row>
    <row r="553769" spans="8:8">
      <c r="H553769" s="12"/>
    </row>
    <row r="553770" spans="8:8">
      <c r="H553770" s="12"/>
    </row>
    <row r="553771" spans="8:8">
      <c r="H553771" s="12"/>
    </row>
    <row r="553772" spans="8:8">
      <c r="H553772" s="12"/>
    </row>
    <row r="553773" spans="8:8">
      <c r="H553773" s="12"/>
    </row>
    <row r="553774" spans="8:8">
      <c r="H553774" s="12"/>
    </row>
    <row r="553775" spans="8:8">
      <c r="H553775" s="12"/>
    </row>
    <row r="553776" spans="8:8">
      <c r="H553776" s="12"/>
    </row>
    <row r="553777" spans="8:8">
      <c r="H553777" s="12"/>
    </row>
    <row r="553778" spans="8:8">
      <c r="H553778" s="12"/>
    </row>
    <row r="553779" spans="8:8">
      <c r="H553779" s="12"/>
    </row>
    <row r="553780" spans="8:8">
      <c r="H553780" s="12"/>
    </row>
    <row r="553781" spans="8:8">
      <c r="H553781" s="12"/>
    </row>
    <row r="553782" spans="8:8">
      <c r="H553782" s="12"/>
    </row>
    <row r="553783" spans="8:8">
      <c r="H553783" s="12"/>
    </row>
    <row r="553784" spans="8:8">
      <c r="H553784" s="12"/>
    </row>
    <row r="553785" spans="8:8">
      <c r="H553785" s="12"/>
    </row>
    <row r="553786" spans="8:8">
      <c r="H553786" s="12"/>
    </row>
    <row r="553787" spans="8:8">
      <c r="H553787" s="12"/>
    </row>
    <row r="553788" spans="8:8">
      <c r="H553788" s="12"/>
    </row>
    <row r="553789" spans="8:8">
      <c r="H553789" s="12"/>
    </row>
    <row r="553790" spans="8:8">
      <c r="H553790" s="12"/>
    </row>
    <row r="553791" spans="8:8">
      <c r="H553791" s="12"/>
    </row>
    <row r="553792" spans="8:8">
      <c r="H553792" s="12"/>
    </row>
    <row r="553793" spans="8:8">
      <c r="H553793" s="12"/>
    </row>
    <row r="553794" spans="8:8">
      <c r="H553794" s="12"/>
    </row>
    <row r="553795" spans="8:8">
      <c r="H553795" s="12"/>
    </row>
    <row r="553796" spans="8:8">
      <c r="H553796" s="12"/>
    </row>
    <row r="553797" spans="8:8">
      <c r="H553797" s="12"/>
    </row>
    <row r="553798" spans="8:8">
      <c r="H553798" s="12"/>
    </row>
    <row r="553799" spans="8:8">
      <c r="H553799" s="12"/>
    </row>
    <row r="553800" spans="8:8">
      <c r="H553800" s="12"/>
    </row>
    <row r="553801" spans="8:8">
      <c r="H553801" s="12"/>
    </row>
    <row r="553802" spans="8:8">
      <c r="H553802" s="12"/>
    </row>
    <row r="553803" spans="8:8">
      <c r="H553803" s="12"/>
    </row>
    <row r="553804" spans="8:8">
      <c r="H553804" s="12"/>
    </row>
    <row r="553805" spans="8:8">
      <c r="H553805" s="12"/>
    </row>
    <row r="553806" spans="8:8">
      <c r="H553806" s="12"/>
    </row>
    <row r="553807" spans="8:8">
      <c r="H553807" s="12"/>
    </row>
    <row r="553808" spans="8:8">
      <c r="H553808" s="12"/>
    </row>
    <row r="553809" spans="8:8">
      <c r="H553809" s="12"/>
    </row>
    <row r="553810" spans="8:8">
      <c r="H553810" s="12"/>
    </row>
    <row r="553811" spans="8:8">
      <c r="H553811" s="12"/>
    </row>
    <row r="553812" spans="8:8">
      <c r="H553812" s="12"/>
    </row>
    <row r="553813" spans="8:8">
      <c r="H553813" s="12"/>
    </row>
    <row r="553814" spans="8:8">
      <c r="H553814" s="12"/>
    </row>
    <row r="553815" spans="8:8">
      <c r="H553815" s="12"/>
    </row>
    <row r="553816" spans="8:8">
      <c r="H553816" s="12"/>
    </row>
    <row r="553817" spans="8:8">
      <c r="H553817" s="12"/>
    </row>
    <row r="553818" spans="8:8">
      <c r="H553818" s="12"/>
    </row>
    <row r="553819" spans="8:8">
      <c r="H553819" s="12"/>
    </row>
    <row r="553820" spans="8:8">
      <c r="H553820" s="12"/>
    </row>
    <row r="553821" spans="8:8">
      <c r="H553821" s="12"/>
    </row>
    <row r="553822" spans="8:8">
      <c r="H553822" s="12"/>
    </row>
    <row r="553823" spans="8:8">
      <c r="H553823" s="12"/>
    </row>
    <row r="553824" spans="8:8">
      <c r="H553824" s="12"/>
    </row>
    <row r="553825" spans="8:8">
      <c r="H553825" s="12"/>
    </row>
    <row r="553826" spans="8:8">
      <c r="H553826" s="12"/>
    </row>
    <row r="553827" spans="8:8">
      <c r="H553827" s="12"/>
    </row>
    <row r="553828" spans="8:8">
      <c r="H553828" s="12"/>
    </row>
    <row r="553829" spans="8:8">
      <c r="H553829" s="12"/>
    </row>
    <row r="553830" spans="8:8">
      <c r="H553830" s="12"/>
    </row>
    <row r="553831" spans="8:8">
      <c r="H553831" s="12"/>
    </row>
    <row r="553832" spans="8:8">
      <c r="H553832" s="12"/>
    </row>
    <row r="553833" spans="8:8">
      <c r="H553833" s="12"/>
    </row>
    <row r="553834" spans="8:8">
      <c r="H553834" s="12"/>
    </row>
    <row r="553835" spans="8:8">
      <c r="H553835" s="12"/>
    </row>
    <row r="553836" spans="8:8">
      <c r="H553836" s="12"/>
    </row>
    <row r="553837" spans="8:8">
      <c r="H553837" s="12"/>
    </row>
    <row r="553838" spans="8:8">
      <c r="H553838" s="12"/>
    </row>
    <row r="553839" spans="8:8">
      <c r="H553839" s="12"/>
    </row>
    <row r="553840" spans="8:8">
      <c r="H553840" s="12"/>
    </row>
    <row r="553841" spans="8:8">
      <c r="H553841" s="12"/>
    </row>
    <row r="553842" spans="8:8">
      <c r="H553842" s="12"/>
    </row>
    <row r="553843" spans="8:8">
      <c r="H553843" s="12"/>
    </row>
    <row r="553844" spans="8:8">
      <c r="H553844" s="12"/>
    </row>
    <row r="553845" spans="8:8">
      <c r="H553845" s="12"/>
    </row>
    <row r="553846" spans="8:8">
      <c r="H553846" s="12"/>
    </row>
    <row r="553847" spans="8:8">
      <c r="H553847" s="12"/>
    </row>
    <row r="553848" spans="8:8">
      <c r="H553848" s="12"/>
    </row>
    <row r="553849" spans="8:8">
      <c r="H553849" s="12"/>
    </row>
    <row r="553850" spans="8:8">
      <c r="H553850" s="12"/>
    </row>
    <row r="553851" spans="8:8">
      <c r="H553851" s="12"/>
    </row>
    <row r="553852" spans="8:8">
      <c r="H553852" s="12"/>
    </row>
    <row r="553853" spans="8:8">
      <c r="H553853" s="12"/>
    </row>
    <row r="553854" spans="8:8">
      <c r="H553854" s="12"/>
    </row>
    <row r="553855" spans="8:8">
      <c r="H553855" s="12"/>
    </row>
    <row r="553856" spans="8:8">
      <c r="H553856" s="12"/>
    </row>
    <row r="553857" spans="8:8">
      <c r="H553857" s="12"/>
    </row>
    <row r="553858" spans="8:8">
      <c r="H553858" s="12"/>
    </row>
    <row r="553859" spans="8:8">
      <c r="H553859" s="12"/>
    </row>
    <row r="553860" spans="8:8">
      <c r="H553860" s="12"/>
    </row>
    <row r="553861" spans="8:8">
      <c r="H553861" s="12"/>
    </row>
    <row r="553862" spans="8:8">
      <c r="H553862" s="12"/>
    </row>
    <row r="553863" spans="8:8">
      <c r="H553863" s="12"/>
    </row>
    <row r="553864" spans="8:8">
      <c r="H553864" s="12"/>
    </row>
    <row r="553865" spans="8:8">
      <c r="H553865" s="12"/>
    </row>
    <row r="553866" spans="8:8">
      <c r="H553866" s="12"/>
    </row>
    <row r="553867" spans="8:8">
      <c r="H553867" s="12"/>
    </row>
    <row r="553868" spans="8:8">
      <c r="H553868" s="12"/>
    </row>
    <row r="553869" spans="8:8">
      <c r="H553869" s="12"/>
    </row>
    <row r="553870" spans="8:8">
      <c r="H553870" s="12"/>
    </row>
    <row r="553871" spans="8:8">
      <c r="H553871" s="12"/>
    </row>
    <row r="553872" spans="8:8">
      <c r="H553872" s="12"/>
    </row>
    <row r="553873" spans="8:8">
      <c r="H553873" s="12"/>
    </row>
    <row r="553874" spans="8:8">
      <c r="H553874" s="12"/>
    </row>
    <row r="553875" spans="8:8">
      <c r="H553875" s="12"/>
    </row>
    <row r="553876" spans="8:8">
      <c r="H553876" s="12"/>
    </row>
    <row r="553877" spans="8:8">
      <c r="H553877" s="12"/>
    </row>
    <row r="553878" spans="8:8">
      <c r="H553878" s="12"/>
    </row>
    <row r="553879" spans="8:8">
      <c r="H553879" s="12"/>
    </row>
    <row r="553880" spans="8:8">
      <c r="H553880" s="12"/>
    </row>
    <row r="553881" spans="8:8">
      <c r="H553881" s="12"/>
    </row>
    <row r="553882" spans="8:8">
      <c r="H553882" s="12"/>
    </row>
    <row r="553883" spans="8:8">
      <c r="H553883" s="12"/>
    </row>
    <row r="553884" spans="8:8">
      <c r="H553884" s="12"/>
    </row>
    <row r="553885" spans="8:8">
      <c r="H553885" s="12"/>
    </row>
    <row r="553886" spans="8:8">
      <c r="H553886" s="12"/>
    </row>
    <row r="553887" spans="8:8">
      <c r="H553887" s="12"/>
    </row>
    <row r="553888" spans="8:8">
      <c r="H553888" s="12"/>
    </row>
    <row r="553889" spans="8:8">
      <c r="H553889" s="12"/>
    </row>
    <row r="553890" spans="8:8">
      <c r="H553890" s="12"/>
    </row>
    <row r="553891" spans="8:8">
      <c r="H553891" s="12"/>
    </row>
    <row r="553892" spans="8:8">
      <c r="H553892" s="12"/>
    </row>
    <row r="553893" spans="8:8">
      <c r="H553893" s="12"/>
    </row>
    <row r="553894" spans="8:8">
      <c r="H553894" s="12"/>
    </row>
    <row r="553895" spans="8:8">
      <c r="H553895" s="12"/>
    </row>
    <row r="553896" spans="8:8">
      <c r="H553896" s="12"/>
    </row>
    <row r="553897" spans="8:8">
      <c r="H553897" s="12"/>
    </row>
    <row r="553898" spans="8:8">
      <c r="H553898" s="12"/>
    </row>
    <row r="553899" spans="8:8">
      <c r="H553899" s="12"/>
    </row>
    <row r="553900" spans="8:8">
      <c r="H553900" s="12"/>
    </row>
    <row r="553901" spans="8:8">
      <c r="H553901" s="12"/>
    </row>
    <row r="553902" spans="8:8">
      <c r="H553902" s="12"/>
    </row>
    <row r="553903" spans="8:8">
      <c r="H553903" s="12"/>
    </row>
    <row r="553904" spans="8:8">
      <c r="H553904" s="12"/>
    </row>
    <row r="553905" spans="8:8">
      <c r="H553905" s="12"/>
    </row>
    <row r="553906" spans="8:8">
      <c r="H553906" s="12"/>
    </row>
    <row r="553907" spans="8:8">
      <c r="H553907" s="12"/>
    </row>
    <row r="553908" spans="8:8">
      <c r="H553908" s="12"/>
    </row>
    <row r="553909" spans="8:8">
      <c r="H553909" s="12"/>
    </row>
    <row r="553910" spans="8:8">
      <c r="H553910" s="12"/>
    </row>
    <row r="553911" spans="8:8">
      <c r="H553911" s="12"/>
    </row>
    <row r="553912" spans="8:8">
      <c r="H553912" s="12"/>
    </row>
    <row r="553913" spans="8:8">
      <c r="H553913" s="12"/>
    </row>
    <row r="553914" spans="8:8">
      <c r="H553914" s="12"/>
    </row>
    <row r="553915" spans="8:8">
      <c r="H553915" s="12"/>
    </row>
    <row r="553916" spans="8:8">
      <c r="H553916" s="12"/>
    </row>
    <row r="553917" spans="8:8">
      <c r="H553917" s="12"/>
    </row>
    <row r="553918" spans="8:8">
      <c r="H553918" s="12"/>
    </row>
    <row r="553919" spans="8:8">
      <c r="H553919" s="12"/>
    </row>
    <row r="553920" spans="8:8">
      <c r="H553920" s="12"/>
    </row>
    <row r="553921" spans="8:8">
      <c r="H553921" s="12"/>
    </row>
    <row r="553922" spans="8:8">
      <c r="H553922" s="12"/>
    </row>
    <row r="553923" spans="8:8">
      <c r="H553923" s="12"/>
    </row>
    <row r="553924" spans="8:8">
      <c r="H553924" s="12"/>
    </row>
    <row r="553925" spans="8:8">
      <c r="H553925" s="12"/>
    </row>
    <row r="553926" spans="8:8">
      <c r="H553926" s="12"/>
    </row>
    <row r="553927" spans="8:8">
      <c r="H553927" s="12"/>
    </row>
    <row r="553928" spans="8:8">
      <c r="H553928" s="12"/>
    </row>
    <row r="553929" spans="8:8">
      <c r="H553929" s="12"/>
    </row>
    <row r="553930" spans="8:8">
      <c r="H553930" s="12"/>
    </row>
    <row r="553931" spans="8:8">
      <c r="H553931" s="12"/>
    </row>
    <row r="553932" spans="8:8">
      <c r="H553932" s="12"/>
    </row>
    <row r="553933" spans="8:8">
      <c r="H553933" s="12"/>
    </row>
    <row r="553934" spans="8:8">
      <c r="H553934" s="12"/>
    </row>
    <row r="553935" spans="8:8">
      <c r="H553935" s="12"/>
    </row>
    <row r="553936" spans="8:8">
      <c r="H553936" s="12"/>
    </row>
    <row r="553937" spans="8:8">
      <c r="H553937" s="12"/>
    </row>
    <row r="553938" spans="8:8">
      <c r="H553938" s="12"/>
    </row>
    <row r="553939" spans="8:8">
      <c r="H553939" s="12"/>
    </row>
    <row r="553940" spans="8:8">
      <c r="H553940" s="12"/>
    </row>
    <row r="553941" spans="8:8">
      <c r="H553941" s="12"/>
    </row>
    <row r="553942" spans="8:8">
      <c r="H553942" s="12"/>
    </row>
    <row r="553943" spans="8:8">
      <c r="H553943" s="12"/>
    </row>
    <row r="553944" spans="8:8">
      <c r="H553944" s="12"/>
    </row>
    <row r="553945" spans="8:8">
      <c r="H553945" s="12"/>
    </row>
    <row r="553946" spans="8:8">
      <c r="H553946" s="12"/>
    </row>
    <row r="553947" spans="8:8">
      <c r="H553947" s="12"/>
    </row>
    <row r="553948" spans="8:8">
      <c r="H553948" s="12"/>
    </row>
    <row r="553949" spans="8:8">
      <c r="H553949" s="12"/>
    </row>
    <row r="553950" spans="8:8">
      <c r="H553950" s="12"/>
    </row>
    <row r="553951" spans="8:8">
      <c r="H553951" s="12"/>
    </row>
    <row r="553952" spans="8:8">
      <c r="H553952" s="12"/>
    </row>
    <row r="553953" spans="8:8">
      <c r="H553953" s="12"/>
    </row>
    <row r="553954" spans="8:8">
      <c r="H553954" s="12"/>
    </row>
    <row r="553955" spans="8:8">
      <c r="H553955" s="12"/>
    </row>
    <row r="553956" spans="8:8">
      <c r="H553956" s="12"/>
    </row>
    <row r="553957" spans="8:8">
      <c r="H553957" s="12"/>
    </row>
    <row r="553958" spans="8:8">
      <c r="H553958" s="12"/>
    </row>
    <row r="553959" spans="8:8">
      <c r="H553959" s="12"/>
    </row>
    <row r="553960" spans="8:8">
      <c r="H553960" s="12"/>
    </row>
    <row r="553961" spans="8:8">
      <c r="H553961" s="12"/>
    </row>
    <row r="553962" spans="8:8">
      <c r="H553962" s="12"/>
    </row>
    <row r="553963" spans="8:8">
      <c r="H553963" s="12"/>
    </row>
    <row r="553964" spans="8:8">
      <c r="H553964" s="12"/>
    </row>
    <row r="553965" spans="8:8">
      <c r="H553965" s="12"/>
    </row>
    <row r="553966" spans="8:8">
      <c r="H553966" s="12"/>
    </row>
    <row r="553967" spans="8:8">
      <c r="H553967" s="12"/>
    </row>
    <row r="553968" spans="8:8">
      <c r="H553968" s="12"/>
    </row>
    <row r="553969" spans="8:8">
      <c r="H553969" s="12"/>
    </row>
    <row r="553970" spans="8:8">
      <c r="H553970" s="12"/>
    </row>
    <row r="553971" spans="8:8">
      <c r="H553971" s="12"/>
    </row>
    <row r="553972" spans="8:8">
      <c r="H553972" s="12"/>
    </row>
    <row r="553973" spans="8:8">
      <c r="H553973" s="12"/>
    </row>
    <row r="553974" spans="8:8">
      <c r="H553974" s="12"/>
    </row>
    <row r="553975" spans="8:8">
      <c r="H553975" s="12"/>
    </row>
    <row r="553976" spans="8:8">
      <c r="H553976" s="12"/>
    </row>
    <row r="553977" spans="8:8">
      <c r="H553977" s="12"/>
    </row>
    <row r="553978" spans="8:8">
      <c r="H553978" s="12"/>
    </row>
    <row r="553979" spans="8:8">
      <c r="H553979" s="12"/>
    </row>
    <row r="553980" spans="8:8">
      <c r="H553980" s="12"/>
    </row>
    <row r="553981" spans="8:8">
      <c r="H553981" s="12"/>
    </row>
    <row r="553982" spans="8:8">
      <c r="H553982" s="12"/>
    </row>
    <row r="553983" spans="8:8">
      <c r="H553983" s="12"/>
    </row>
    <row r="553984" spans="8:8">
      <c r="H553984" s="12"/>
    </row>
    <row r="553985" spans="8:8">
      <c r="H553985" s="12"/>
    </row>
    <row r="553986" spans="8:8">
      <c r="H553986" s="12"/>
    </row>
    <row r="553987" spans="8:8">
      <c r="H553987" s="12"/>
    </row>
    <row r="553988" spans="8:8">
      <c r="H553988" s="12"/>
    </row>
    <row r="553989" spans="8:8">
      <c r="H553989" s="12"/>
    </row>
    <row r="553990" spans="8:8">
      <c r="H553990" s="12"/>
    </row>
    <row r="553991" spans="8:8">
      <c r="H553991" s="12"/>
    </row>
    <row r="553992" spans="8:8">
      <c r="H553992" s="12"/>
    </row>
    <row r="553993" spans="8:8">
      <c r="H553993" s="12"/>
    </row>
    <row r="553994" spans="8:8">
      <c r="H553994" s="12"/>
    </row>
    <row r="553995" spans="8:8">
      <c r="H553995" s="12"/>
    </row>
    <row r="553996" spans="8:8">
      <c r="H553996" s="12"/>
    </row>
    <row r="553997" spans="8:8">
      <c r="H553997" s="12"/>
    </row>
    <row r="553998" spans="8:8">
      <c r="H553998" s="12"/>
    </row>
    <row r="553999" spans="8:8">
      <c r="H553999" s="12"/>
    </row>
    <row r="554000" spans="8:8">
      <c r="H554000" s="12"/>
    </row>
    <row r="554001" spans="8:8">
      <c r="H554001" s="12"/>
    </row>
    <row r="554002" spans="8:8">
      <c r="H554002" s="12"/>
    </row>
    <row r="554003" spans="8:8">
      <c r="H554003" s="12"/>
    </row>
    <row r="554004" spans="8:8">
      <c r="H554004" s="12"/>
    </row>
    <row r="554005" spans="8:8">
      <c r="H554005" s="12"/>
    </row>
    <row r="554006" spans="8:8">
      <c r="H554006" s="12"/>
    </row>
    <row r="554007" spans="8:8">
      <c r="H554007" s="12"/>
    </row>
    <row r="554008" spans="8:8">
      <c r="H554008" s="12"/>
    </row>
    <row r="554009" spans="8:8">
      <c r="H554009" s="12"/>
    </row>
    <row r="554010" spans="8:8">
      <c r="H554010" s="12"/>
    </row>
    <row r="554011" spans="8:8">
      <c r="H554011" s="12"/>
    </row>
    <row r="554012" spans="8:8">
      <c r="H554012" s="12"/>
    </row>
    <row r="554013" spans="8:8">
      <c r="H554013" s="12"/>
    </row>
    <row r="554014" spans="8:8">
      <c r="H554014" s="12"/>
    </row>
    <row r="554015" spans="8:8">
      <c r="H554015" s="12"/>
    </row>
    <row r="554016" spans="8:8">
      <c r="H554016" s="12"/>
    </row>
    <row r="554017" spans="8:8">
      <c r="H554017" s="12"/>
    </row>
    <row r="554018" spans="8:8">
      <c r="H554018" s="12"/>
    </row>
    <row r="554019" spans="8:8">
      <c r="H554019" s="12"/>
    </row>
    <row r="554020" spans="8:8">
      <c r="H554020" s="12"/>
    </row>
    <row r="554021" spans="8:8">
      <c r="H554021" s="12"/>
    </row>
    <row r="554022" spans="8:8">
      <c r="H554022" s="12"/>
    </row>
    <row r="554023" spans="8:8">
      <c r="H554023" s="12"/>
    </row>
    <row r="554024" spans="8:8">
      <c r="H554024" s="12"/>
    </row>
    <row r="554025" spans="8:8">
      <c r="H554025" s="12"/>
    </row>
    <row r="554026" spans="8:8">
      <c r="H554026" s="12"/>
    </row>
    <row r="554027" spans="8:8">
      <c r="H554027" s="12"/>
    </row>
    <row r="554028" spans="8:8">
      <c r="H554028" s="12"/>
    </row>
    <row r="554029" spans="8:8">
      <c r="H554029" s="12"/>
    </row>
    <row r="554030" spans="8:8">
      <c r="H554030" s="12"/>
    </row>
    <row r="554031" spans="8:8">
      <c r="H554031" s="12"/>
    </row>
    <row r="554032" spans="8:8">
      <c r="H554032" s="12"/>
    </row>
    <row r="554033" spans="8:8">
      <c r="H554033" s="12"/>
    </row>
    <row r="554034" spans="8:8">
      <c r="H554034" s="12"/>
    </row>
    <row r="554035" spans="8:8">
      <c r="H554035" s="12"/>
    </row>
    <row r="554036" spans="8:8">
      <c r="H554036" s="12"/>
    </row>
    <row r="554037" spans="8:8">
      <c r="H554037" s="12"/>
    </row>
    <row r="554038" spans="8:8">
      <c r="H554038" s="12"/>
    </row>
    <row r="554039" spans="8:8">
      <c r="H554039" s="12"/>
    </row>
    <row r="554040" spans="8:8">
      <c r="H554040" s="12"/>
    </row>
    <row r="554041" spans="8:8">
      <c r="H554041" s="12"/>
    </row>
    <row r="554042" spans="8:8">
      <c r="H554042" s="12"/>
    </row>
    <row r="554043" spans="8:8">
      <c r="H554043" s="12"/>
    </row>
    <row r="554044" spans="8:8">
      <c r="H554044" s="12"/>
    </row>
    <row r="554045" spans="8:8">
      <c r="H554045" s="12"/>
    </row>
    <row r="554046" spans="8:8">
      <c r="H554046" s="12"/>
    </row>
    <row r="554047" spans="8:8">
      <c r="H554047" s="12"/>
    </row>
    <row r="554048" spans="8:8">
      <c r="H554048" s="12"/>
    </row>
    <row r="554049" spans="8:8">
      <c r="H554049" s="12"/>
    </row>
    <row r="554050" spans="8:8">
      <c r="H554050" s="12"/>
    </row>
    <row r="554051" spans="8:8">
      <c r="H554051" s="12"/>
    </row>
    <row r="554052" spans="8:8">
      <c r="H554052" s="12"/>
    </row>
    <row r="554053" spans="8:8">
      <c r="H554053" s="12"/>
    </row>
    <row r="554054" spans="8:8">
      <c r="H554054" s="12"/>
    </row>
    <row r="554055" spans="8:8">
      <c r="H554055" s="12"/>
    </row>
    <row r="554056" spans="8:8">
      <c r="H554056" s="12"/>
    </row>
    <row r="554057" spans="8:8">
      <c r="H554057" s="12"/>
    </row>
    <row r="554058" spans="8:8">
      <c r="H554058" s="12"/>
    </row>
    <row r="554059" spans="8:8">
      <c r="H554059" s="12"/>
    </row>
    <row r="554060" spans="8:8">
      <c r="H554060" s="12"/>
    </row>
    <row r="554061" spans="8:8">
      <c r="H554061" s="12"/>
    </row>
    <row r="554062" spans="8:8">
      <c r="H554062" s="12"/>
    </row>
    <row r="554063" spans="8:8">
      <c r="H554063" s="12"/>
    </row>
    <row r="554064" spans="8:8">
      <c r="H554064" s="12"/>
    </row>
    <row r="554065" spans="8:8">
      <c r="H554065" s="12"/>
    </row>
    <row r="554066" spans="8:8">
      <c r="H554066" s="12"/>
    </row>
    <row r="554067" spans="8:8">
      <c r="H554067" s="12"/>
    </row>
    <row r="554068" spans="8:8">
      <c r="H554068" s="12"/>
    </row>
    <row r="554069" spans="8:8">
      <c r="H554069" s="12"/>
    </row>
    <row r="554070" spans="8:8">
      <c r="H554070" s="12"/>
    </row>
    <row r="554071" spans="8:8">
      <c r="H554071" s="12"/>
    </row>
    <row r="554072" spans="8:8">
      <c r="H554072" s="12"/>
    </row>
    <row r="554073" spans="8:8">
      <c r="H554073" s="12"/>
    </row>
    <row r="554074" spans="8:8">
      <c r="H554074" s="12"/>
    </row>
    <row r="554075" spans="8:8">
      <c r="H554075" s="12"/>
    </row>
    <row r="554076" spans="8:8">
      <c r="H554076" s="12"/>
    </row>
    <row r="554077" spans="8:8">
      <c r="H554077" s="12"/>
    </row>
    <row r="554078" spans="8:8">
      <c r="H554078" s="12"/>
    </row>
    <row r="554079" spans="8:8">
      <c r="H554079" s="12"/>
    </row>
    <row r="554080" spans="8:8">
      <c r="H554080" s="12"/>
    </row>
    <row r="554081" spans="8:8">
      <c r="H554081" s="12"/>
    </row>
    <row r="554082" spans="8:8">
      <c r="H554082" s="12"/>
    </row>
    <row r="554083" spans="8:8">
      <c r="H554083" s="12"/>
    </row>
    <row r="554084" spans="8:8">
      <c r="H554084" s="12"/>
    </row>
    <row r="554085" spans="8:8">
      <c r="H554085" s="12"/>
    </row>
    <row r="554086" spans="8:8">
      <c r="H554086" s="12"/>
    </row>
    <row r="554087" spans="8:8">
      <c r="H554087" s="12"/>
    </row>
    <row r="554088" spans="8:8">
      <c r="H554088" s="12"/>
    </row>
    <row r="554089" spans="8:8">
      <c r="H554089" s="12"/>
    </row>
    <row r="554090" spans="8:8">
      <c r="H554090" s="12"/>
    </row>
    <row r="554091" spans="8:8">
      <c r="H554091" s="12"/>
    </row>
    <row r="554092" spans="8:8">
      <c r="H554092" s="12"/>
    </row>
    <row r="554093" spans="8:8">
      <c r="H554093" s="12"/>
    </row>
    <row r="554094" spans="8:8">
      <c r="H554094" s="12"/>
    </row>
    <row r="554095" spans="8:8">
      <c r="H554095" s="12"/>
    </row>
    <row r="554096" spans="8:8">
      <c r="H554096" s="12"/>
    </row>
    <row r="554097" spans="8:8">
      <c r="H554097" s="12"/>
    </row>
    <row r="554098" spans="8:8">
      <c r="H554098" s="12"/>
    </row>
    <row r="554099" spans="8:8">
      <c r="H554099" s="12"/>
    </row>
    <row r="554100" spans="8:8">
      <c r="H554100" s="12"/>
    </row>
    <row r="554101" spans="8:8">
      <c r="H554101" s="12"/>
    </row>
    <row r="554102" spans="8:8">
      <c r="H554102" s="12"/>
    </row>
    <row r="554103" spans="8:8">
      <c r="H554103" s="12"/>
    </row>
    <row r="554104" spans="8:8">
      <c r="H554104" s="12"/>
    </row>
    <row r="554105" spans="8:8">
      <c r="H554105" s="12"/>
    </row>
    <row r="554106" spans="8:8">
      <c r="H554106" s="12"/>
    </row>
    <row r="554107" spans="8:8">
      <c r="H554107" s="12"/>
    </row>
    <row r="554108" spans="8:8">
      <c r="H554108" s="12"/>
    </row>
    <row r="554109" spans="8:8">
      <c r="H554109" s="12"/>
    </row>
    <row r="554110" spans="8:8">
      <c r="H554110" s="12"/>
    </row>
    <row r="554111" spans="8:8">
      <c r="H554111" s="12"/>
    </row>
    <row r="554112" spans="8:8">
      <c r="H554112" s="12"/>
    </row>
    <row r="554113" spans="8:8">
      <c r="H554113" s="12"/>
    </row>
    <row r="554114" spans="8:8">
      <c r="H554114" s="12"/>
    </row>
    <row r="554115" spans="8:8">
      <c r="H554115" s="12"/>
    </row>
    <row r="554116" spans="8:8">
      <c r="H554116" s="12"/>
    </row>
    <row r="554117" spans="8:8">
      <c r="H554117" s="12"/>
    </row>
    <row r="554118" spans="8:8">
      <c r="H554118" s="12"/>
    </row>
    <row r="554119" spans="8:8">
      <c r="H554119" s="12"/>
    </row>
    <row r="554120" spans="8:8">
      <c r="H554120" s="12"/>
    </row>
    <row r="554121" spans="8:8">
      <c r="H554121" s="12"/>
    </row>
    <row r="554122" spans="8:8">
      <c r="H554122" s="12"/>
    </row>
    <row r="554123" spans="8:8">
      <c r="H554123" s="12"/>
    </row>
    <row r="554124" spans="8:8">
      <c r="H554124" s="12"/>
    </row>
    <row r="554125" spans="8:8">
      <c r="H554125" s="12"/>
    </row>
    <row r="554126" spans="8:8">
      <c r="H554126" s="12"/>
    </row>
    <row r="554127" spans="8:8">
      <c r="H554127" s="12"/>
    </row>
    <row r="554128" spans="8:8">
      <c r="H554128" s="12"/>
    </row>
    <row r="554129" spans="8:8">
      <c r="H554129" s="12"/>
    </row>
    <row r="554130" spans="8:8">
      <c r="H554130" s="12"/>
    </row>
    <row r="554131" spans="8:8">
      <c r="H554131" s="12"/>
    </row>
    <row r="554132" spans="8:8">
      <c r="H554132" s="12"/>
    </row>
    <row r="554133" spans="8:8">
      <c r="H554133" s="12"/>
    </row>
    <row r="554134" spans="8:8">
      <c r="H554134" s="12"/>
    </row>
    <row r="554135" spans="8:8">
      <c r="H554135" s="12"/>
    </row>
    <row r="554136" spans="8:8">
      <c r="H554136" s="12"/>
    </row>
    <row r="554137" spans="8:8">
      <c r="H554137" s="12"/>
    </row>
    <row r="554138" spans="8:8">
      <c r="H554138" s="12"/>
    </row>
    <row r="554139" spans="8:8">
      <c r="H554139" s="12"/>
    </row>
    <row r="554140" spans="8:8">
      <c r="H554140" s="12"/>
    </row>
    <row r="554141" spans="8:8">
      <c r="H554141" s="12"/>
    </row>
    <row r="554142" spans="8:8">
      <c r="H554142" s="12"/>
    </row>
    <row r="554143" spans="8:8">
      <c r="H554143" s="12"/>
    </row>
    <row r="554144" spans="8:8">
      <c r="H554144" s="12"/>
    </row>
    <row r="554145" spans="8:8">
      <c r="H554145" s="12"/>
    </row>
    <row r="554146" spans="8:8">
      <c r="H554146" s="12"/>
    </row>
    <row r="554147" spans="8:8">
      <c r="H554147" s="12"/>
    </row>
    <row r="554148" spans="8:8">
      <c r="H554148" s="12"/>
    </row>
    <row r="554149" spans="8:8">
      <c r="H554149" s="12"/>
    </row>
    <row r="554150" spans="8:8">
      <c r="H554150" s="12"/>
    </row>
    <row r="554151" spans="8:8">
      <c r="H554151" s="12"/>
    </row>
    <row r="554152" spans="8:8">
      <c r="H554152" s="12"/>
    </row>
    <row r="554153" spans="8:8">
      <c r="H554153" s="12"/>
    </row>
    <row r="554154" spans="8:8">
      <c r="H554154" s="12"/>
    </row>
    <row r="554155" spans="8:8">
      <c r="H554155" s="12"/>
    </row>
    <row r="554156" spans="8:8">
      <c r="H554156" s="12"/>
    </row>
    <row r="554157" spans="8:8">
      <c r="H554157" s="12"/>
    </row>
    <row r="554158" spans="8:8">
      <c r="H554158" s="12"/>
    </row>
    <row r="554159" spans="8:8">
      <c r="H554159" s="12"/>
    </row>
    <row r="554160" spans="8:8">
      <c r="H554160" s="12"/>
    </row>
    <row r="554161" spans="8:8">
      <c r="H554161" s="12"/>
    </row>
    <row r="554162" spans="8:8">
      <c r="H554162" s="12"/>
    </row>
    <row r="554163" spans="8:8">
      <c r="H554163" s="12"/>
    </row>
    <row r="554164" spans="8:8">
      <c r="H554164" s="12"/>
    </row>
    <row r="554165" spans="8:8">
      <c r="H554165" s="12"/>
    </row>
    <row r="554166" spans="8:8">
      <c r="H554166" s="12"/>
    </row>
    <row r="554167" spans="8:8">
      <c r="H554167" s="12"/>
    </row>
    <row r="554168" spans="8:8">
      <c r="H554168" s="12"/>
    </row>
    <row r="554169" spans="8:8">
      <c r="H554169" s="12"/>
    </row>
    <row r="554170" spans="8:8">
      <c r="H554170" s="12"/>
    </row>
    <row r="554171" spans="8:8">
      <c r="H554171" s="12"/>
    </row>
    <row r="554172" spans="8:8">
      <c r="H554172" s="12"/>
    </row>
    <row r="554173" spans="8:8">
      <c r="H554173" s="12"/>
    </row>
    <row r="554174" spans="8:8">
      <c r="H554174" s="12"/>
    </row>
    <row r="554175" spans="8:8">
      <c r="H554175" s="12"/>
    </row>
    <row r="554176" spans="8:8">
      <c r="H554176" s="12"/>
    </row>
    <row r="554177" spans="8:8">
      <c r="H554177" s="12"/>
    </row>
    <row r="554178" spans="8:8">
      <c r="H554178" s="12"/>
    </row>
    <row r="554179" spans="8:8">
      <c r="H554179" s="12"/>
    </row>
    <row r="554180" spans="8:8">
      <c r="H554180" s="12"/>
    </row>
    <row r="554181" spans="8:8">
      <c r="H554181" s="12"/>
    </row>
    <row r="554182" spans="8:8">
      <c r="H554182" s="12"/>
    </row>
    <row r="554183" spans="8:8">
      <c r="H554183" s="12"/>
    </row>
    <row r="554184" spans="8:8">
      <c r="H554184" s="12"/>
    </row>
    <row r="554185" spans="8:8">
      <c r="H554185" s="12"/>
    </row>
    <row r="554186" spans="8:8">
      <c r="H554186" s="12"/>
    </row>
    <row r="554187" spans="8:8">
      <c r="H554187" s="12"/>
    </row>
    <row r="554188" spans="8:8">
      <c r="H554188" s="12"/>
    </row>
    <row r="554189" spans="8:8">
      <c r="H554189" s="12"/>
    </row>
    <row r="554190" spans="8:8">
      <c r="H554190" s="12"/>
    </row>
    <row r="554191" spans="8:8">
      <c r="H554191" s="12"/>
    </row>
    <row r="554192" spans="8:8">
      <c r="H554192" s="12"/>
    </row>
    <row r="554193" spans="8:8">
      <c r="H554193" s="12"/>
    </row>
    <row r="554194" spans="8:8">
      <c r="H554194" s="12"/>
    </row>
    <row r="554195" spans="8:8">
      <c r="H554195" s="12"/>
    </row>
    <row r="554196" spans="8:8">
      <c r="H554196" s="12"/>
    </row>
    <row r="554197" spans="8:8">
      <c r="H554197" s="12"/>
    </row>
    <row r="554198" spans="8:8">
      <c r="H554198" s="12"/>
    </row>
    <row r="554199" spans="8:8">
      <c r="H554199" s="12"/>
    </row>
    <row r="554200" spans="8:8">
      <c r="H554200" s="12"/>
    </row>
    <row r="554201" spans="8:8">
      <c r="H554201" s="12"/>
    </row>
    <row r="554202" spans="8:8">
      <c r="H554202" s="12"/>
    </row>
    <row r="554203" spans="8:8">
      <c r="H554203" s="12"/>
    </row>
    <row r="554204" spans="8:8">
      <c r="H554204" s="12"/>
    </row>
    <row r="554205" spans="8:8">
      <c r="H554205" s="12"/>
    </row>
    <row r="554206" spans="8:8">
      <c r="H554206" s="12"/>
    </row>
    <row r="554207" spans="8:8">
      <c r="H554207" s="12"/>
    </row>
    <row r="554208" spans="8:8">
      <c r="H554208" s="12"/>
    </row>
    <row r="554209" spans="8:8">
      <c r="H554209" s="12"/>
    </row>
    <row r="554210" spans="8:8">
      <c r="H554210" s="12"/>
    </row>
    <row r="554211" spans="8:8">
      <c r="H554211" s="12"/>
    </row>
    <row r="554212" spans="8:8">
      <c r="H554212" s="12"/>
    </row>
    <row r="554213" spans="8:8">
      <c r="H554213" s="12"/>
    </row>
    <row r="554214" spans="8:8">
      <c r="H554214" s="12"/>
    </row>
    <row r="554215" spans="8:8">
      <c r="H554215" s="12"/>
    </row>
    <row r="554216" spans="8:8">
      <c r="H554216" s="12"/>
    </row>
    <row r="554217" spans="8:8">
      <c r="H554217" s="12"/>
    </row>
    <row r="554218" spans="8:8">
      <c r="H554218" s="12"/>
    </row>
    <row r="554219" spans="8:8">
      <c r="H554219" s="12"/>
    </row>
    <row r="554220" spans="8:8">
      <c r="H554220" s="12"/>
    </row>
    <row r="554221" spans="8:8">
      <c r="H554221" s="12"/>
    </row>
    <row r="554222" spans="8:8">
      <c r="H554222" s="12"/>
    </row>
    <row r="554223" spans="8:8">
      <c r="H554223" s="12"/>
    </row>
    <row r="554224" spans="8:8">
      <c r="H554224" s="12"/>
    </row>
    <row r="554225" spans="8:8">
      <c r="H554225" s="12"/>
    </row>
    <row r="554226" spans="8:8">
      <c r="H554226" s="12"/>
    </row>
    <row r="554227" spans="8:8">
      <c r="H554227" s="12"/>
    </row>
    <row r="554228" spans="8:8">
      <c r="H554228" s="12"/>
    </row>
    <row r="554229" spans="8:8">
      <c r="H554229" s="12"/>
    </row>
    <row r="554230" spans="8:8">
      <c r="H554230" s="12"/>
    </row>
    <row r="554231" spans="8:8">
      <c r="H554231" s="12"/>
    </row>
    <row r="554232" spans="8:8">
      <c r="H554232" s="12"/>
    </row>
    <row r="554233" spans="8:8">
      <c r="H554233" s="12"/>
    </row>
    <row r="554234" spans="8:8">
      <c r="H554234" s="12"/>
    </row>
    <row r="554235" spans="8:8">
      <c r="H554235" s="12"/>
    </row>
    <row r="554236" spans="8:8">
      <c r="H554236" s="12"/>
    </row>
    <row r="554237" spans="8:8">
      <c r="H554237" s="12"/>
    </row>
    <row r="554238" spans="8:8">
      <c r="H554238" s="12"/>
    </row>
    <row r="554239" spans="8:8">
      <c r="H554239" s="12"/>
    </row>
    <row r="554240" spans="8:8">
      <c r="H554240" s="12"/>
    </row>
    <row r="554241" spans="8:8">
      <c r="H554241" s="12"/>
    </row>
    <row r="554242" spans="8:8">
      <c r="H554242" s="12"/>
    </row>
    <row r="554243" spans="8:8">
      <c r="H554243" s="12"/>
    </row>
    <row r="554244" spans="8:8">
      <c r="H554244" s="12"/>
    </row>
    <row r="554245" spans="8:8">
      <c r="H554245" s="12"/>
    </row>
    <row r="554246" spans="8:8">
      <c r="H554246" s="12"/>
    </row>
    <row r="554247" spans="8:8">
      <c r="H554247" s="12"/>
    </row>
    <row r="554248" spans="8:8">
      <c r="H554248" s="12"/>
    </row>
    <row r="554249" spans="8:8">
      <c r="H554249" s="12"/>
    </row>
    <row r="554250" spans="8:8">
      <c r="H554250" s="12"/>
    </row>
    <row r="554251" spans="8:8">
      <c r="H554251" s="12"/>
    </row>
    <row r="554252" spans="8:8">
      <c r="H554252" s="12"/>
    </row>
    <row r="554253" spans="8:8">
      <c r="H554253" s="12"/>
    </row>
    <row r="554254" spans="8:8">
      <c r="H554254" s="12"/>
    </row>
    <row r="554255" spans="8:8">
      <c r="H554255" s="12"/>
    </row>
    <row r="554256" spans="8:8">
      <c r="H554256" s="12"/>
    </row>
    <row r="554257" spans="8:8">
      <c r="H554257" s="12"/>
    </row>
    <row r="554258" spans="8:8">
      <c r="H554258" s="12"/>
    </row>
    <row r="554259" spans="8:8">
      <c r="H554259" s="12"/>
    </row>
    <row r="554260" spans="8:8">
      <c r="H554260" s="12"/>
    </row>
    <row r="554261" spans="8:8">
      <c r="H554261" s="12"/>
    </row>
    <row r="554262" spans="8:8">
      <c r="H554262" s="12"/>
    </row>
    <row r="554263" spans="8:8">
      <c r="H554263" s="12"/>
    </row>
    <row r="554264" spans="8:8">
      <c r="H554264" s="12"/>
    </row>
    <row r="554265" spans="8:8">
      <c r="H554265" s="12"/>
    </row>
    <row r="554266" spans="8:8">
      <c r="H554266" s="12"/>
    </row>
    <row r="554267" spans="8:8">
      <c r="H554267" s="12"/>
    </row>
    <row r="554268" spans="8:8">
      <c r="H554268" s="12"/>
    </row>
    <row r="554269" spans="8:8">
      <c r="H554269" s="12"/>
    </row>
    <row r="554270" spans="8:8">
      <c r="H554270" s="12"/>
    </row>
    <row r="554271" spans="8:8">
      <c r="H554271" s="12"/>
    </row>
    <row r="554272" spans="8:8">
      <c r="H554272" s="12"/>
    </row>
    <row r="554273" spans="8:8">
      <c r="H554273" s="12"/>
    </row>
    <row r="554274" spans="8:8">
      <c r="H554274" s="12"/>
    </row>
    <row r="554275" spans="8:8">
      <c r="H554275" s="12"/>
    </row>
    <row r="554276" spans="8:8">
      <c r="H554276" s="12"/>
    </row>
    <row r="554277" spans="8:8">
      <c r="H554277" s="12"/>
    </row>
    <row r="554278" spans="8:8">
      <c r="H554278" s="12"/>
    </row>
    <row r="554279" spans="8:8">
      <c r="H554279" s="12"/>
    </row>
    <row r="554280" spans="8:8">
      <c r="H554280" s="12"/>
    </row>
    <row r="554281" spans="8:8">
      <c r="H554281" s="12"/>
    </row>
    <row r="554282" spans="8:8">
      <c r="H554282" s="12"/>
    </row>
    <row r="554283" spans="8:8">
      <c r="H554283" s="12"/>
    </row>
    <row r="554284" spans="8:8">
      <c r="H554284" s="12"/>
    </row>
    <row r="554285" spans="8:8">
      <c r="H554285" s="12"/>
    </row>
    <row r="554286" spans="8:8">
      <c r="H554286" s="12"/>
    </row>
    <row r="554287" spans="8:8">
      <c r="H554287" s="12"/>
    </row>
    <row r="554288" spans="8:8">
      <c r="H554288" s="12"/>
    </row>
    <row r="554289" spans="8:8">
      <c r="H554289" s="12"/>
    </row>
    <row r="554290" spans="8:8">
      <c r="H554290" s="12"/>
    </row>
    <row r="554291" spans="8:8">
      <c r="H554291" s="12"/>
    </row>
    <row r="554292" spans="8:8">
      <c r="H554292" s="12"/>
    </row>
    <row r="554293" spans="8:8">
      <c r="H554293" s="12"/>
    </row>
    <row r="554294" spans="8:8">
      <c r="H554294" s="12"/>
    </row>
    <row r="554295" spans="8:8">
      <c r="H554295" s="12"/>
    </row>
    <row r="554296" spans="8:8">
      <c r="H554296" s="12"/>
    </row>
    <row r="554297" spans="8:8">
      <c r="H554297" s="12"/>
    </row>
    <row r="554298" spans="8:8">
      <c r="H554298" s="12"/>
    </row>
    <row r="554299" spans="8:8">
      <c r="H554299" s="12"/>
    </row>
    <row r="554300" spans="8:8">
      <c r="H554300" s="12"/>
    </row>
    <row r="554301" spans="8:8">
      <c r="H554301" s="12"/>
    </row>
    <row r="554302" spans="8:8">
      <c r="H554302" s="12"/>
    </row>
    <row r="554303" spans="8:8">
      <c r="H554303" s="12"/>
    </row>
    <row r="554304" spans="8:8">
      <c r="H554304" s="12"/>
    </row>
    <row r="554305" spans="8:8">
      <c r="H554305" s="12"/>
    </row>
    <row r="554306" spans="8:8">
      <c r="H554306" s="12"/>
    </row>
    <row r="554307" spans="8:8">
      <c r="H554307" s="12"/>
    </row>
    <row r="554308" spans="8:8">
      <c r="H554308" s="12"/>
    </row>
    <row r="554309" spans="8:8">
      <c r="H554309" s="12"/>
    </row>
    <row r="554310" spans="8:8">
      <c r="H554310" s="12"/>
    </row>
    <row r="554311" spans="8:8">
      <c r="H554311" s="12"/>
    </row>
    <row r="554312" spans="8:8">
      <c r="H554312" s="12"/>
    </row>
    <row r="554313" spans="8:8">
      <c r="H554313" s="12"/>
    </row>
    <row r="554314" spans="8:8">
      <c r="H554314" s="12"/>
    </row>
    <row r="554315" spans="8:8">
      <c r="H554315" s="12"/>
    </row>
    <row r="554316" spans="8:8">
      <c r="H554316" s="12"/>
    </row>
    <row r="554317" spans="8:8">
      <c r="H554317" s="12"/>
    </row>
    <row r="554318" spans="8:8">
      <c r="H554318" s="12"/>
    </row>
    <row r="554319" spans="8:8">
      <c r="H554319" s="12"/>
    </row>
    <row r="554320" spans="8:8">
      <c r="H554320" s="12"/>
    </row>
    <row r="554321" spans="8:8">
      <c r="H554321" s="12"/>
    </row>
    <row r="554322" spans="8:8">
      <c r="H554322" s="12"/>
    </row>
    <row r="554323" spans="8:8">
      <c r="H554323" s="12"/>
    </row>
    <row r="554324" spans="8:8">
      <c r="H554324" s="12"/>
    </row>
    <row r="554325" spans="8:8">
      <c r="H554325" s="12"/>
    </row>
    <row r="554326" spans="8:8">
      <c r="H554326" s="12"/>
    </row>
    <row r="554327" spans="8:8">
      <c r="H554327" s="12"/>
    </row>
    <row r="554328" spans="8:8">
      <c r="H554328" s="12"/>
    </row>
    <row r="554329" spans="8:8">
      <c r="H554329" s="12"/>
    </row>
    <row r="554330" spans="8:8">
      <c r="H554330" s="12"/>
    </row>
    <row r="554331" spans="8:8">
      <c r="H554331" s="12"/>
    </row>
    <row r="554332" spans="8:8">
      <c r="H554332" s="12"/>
    </row>
    <row r="554333" spans="8:8">
      <c r="H554333" s="12"/>
    </row>
    <row r="554334" spans="8:8">
      <c r="H554334" s="12"/>
    </row>
    <row r="554335" spans="8:8">
      <c r="H554335" s="12"/>
    </row>
    <row r="554336" spans="8:8">
      <c r="H554336" s="12"/>
    </row>
    <row r="554337" spans="8:8">
      <c r="H554337" s="12"/>
    </row>
    <row r="554338" spans="8:8">
      <c r="H554338" s="12"/>
    </row>
    <row r="554339" spans="8:8">
      <c r="H554339" s="12"/>
    </row>
    <row r="554340" spans="8:8">
      <c r="H554340" s="12"/>
    </row>
    <row r="554341" spans="8:8">
      <c r="H554341" s="12"/>
    </row>
    <row r="554342" spans="8:8">
      <c r="H554342" s="12"/>
    </row>
    <row r="554343" spans="8:8">
      <c r="H554343" s="12"/>
    </row>
    <row r="554344" spans="8:8">
      <c r="H554344" s="12"/>
    </row>
    <row r="554345" spans="8:8">
      <c r="H554345" s="12"/>
    </row>
    <row r="554346" spans="8:8">
      <c r="H554346" s="12"/>
    </row>
    <row r="554347" spans="8:8">
      <c r="H554347" s="12"/>
    </row>
    <row r="554348" spans="8:8">
      <c r="H554348" s="12"/>
    </row>
    <row r="554349" spans="8:8">
      <c r="H554349" s="12"/>
    </row>
    <row r="554350" spans="8:8">
      <c r="H554350" s="12"/>
    </row>
    <row r="554351" spans="8:8">
      <c r="H554351" s="12"/>
    </row>
    <row r="554352" spans="8:8">
      <c r="H554352" s="12"/>
    </row>
    <row r="554353" spans="8:8">
      <c r="H554353" s="12"/>
    </row>
    <row r="554354" spans="8:8">
      <c r="H554354" s="12"/>
    </row>
    <row r="554355" spans="8:8">
      <c r="H554355" s="12"/>
    </row>
    <row r="554356" spans="8:8">
      <c r="H554356" s="12"/>
    </row>
    <row r="554357" spans="8:8">
      <c r="H554357" s="12"/>
    </row>
    <row r="554358" spans="8:8">
      <c r="H554358" s="12"/>
    </row>
    <row r="554359" spans="8:8">
      <c r="H554359" s="12"/>
    </row>
    <row r="554360" spans="8:8">
      <c r="H554360" s="12"/>
    </row>
    <row r="554361" spans="8:8">
      <c r="H554361" s="12"/>
    </row>
    <row r="554362" spans="8:8">
      <c r="H554362" s="12"/>
    </row>
    <row r="554363" spans="8:8">
      <c r="H554363" s="12"/>
    </row>
    <row r="554364" spans="8:8">
      <c r="H554364" s="12"/>
    </row>
    <row r="554365" spans="8:8">
      <c r="H554365" s="12"/>
    </row>
    <row r="554366" spans="8:8">
      <c r="H554366" s="12"/>
    </row>
    <row r="554367" spans="8:8">
      <c r="H554367" s="12"/>
    </row>
    <row r="554368" spans="8:8">
      <c r="H554368" s="12"/>
    </row>
    <row r="554369" spans="8:8">
      <c r="H554369" s="12"/>
    </row>
    <row r="554370" spans="8:8">
      <c r="H554370" s="12"/>
    </row>
    <row r="554371" spans="8:8">
      <c r="H554371" s="12"/>
    </row>
    <row r="554372" spans="8:8">
      <c r="H554372" s="12"/>
    </row>
    <row r="554373" spans="8:8">
      <c r="H554373" s="12"/>
    </row>
    <row r="554374" spans="8:8">
      <c r="H554374" s="12"/>
    </row>
    <row r="554375" spans="8:8">
      <c r="H554375" s="12"/>
    </row>
    <row r="554376" spans="8:8">
      <c r="H554376" s="12"/>
    </row>
    <row r="554377" spans="8:8">
      <c r="H554377" s="12"/>
    </row>
    <row r="554378" spans="8:8">
      <c r="H554378" s="12"/>
    </row>
    <row r="554379" spans="8:8">
      <c r="H554379" s="12"/>
    </row>
    <row r="554380" spans="8:8">
      <c r="H554380" s="12"/>
    </row>
    <row r="554381" spans="8:8">
      <c r="H554381" s="12"/>
    </row>
    <row r="554382" spans="8:8">
      <c r="H554382" s="12"/>
    </row>
    <row r="554383" spans="8:8">
      <c r="H554383" s="12"/>
    </row>
    <row r="554384" spans="8:8">
      <c r="H554384" s="12"/>
    </row>
    <row r="554385" spans="8:8">
      <c r="H554385" s="12"/>
    </row>
    <row r="554386" spans="8:8">
      <c r="H554386" s="12"/>
    </row>
    <row r="554387" spans="8:8">
      <c r="H554387" s="12"/>
    </row>
    <row r="554388" spans="8:8">
      <c r="H554388" s="12"/>
    </row>
    <row r="554389" spans="8:8">
      <c r="H554389" s="12"/>
    </row>
    <row r="554390" spans="8:8">
      <c r="H554390" s="12"/>
    </row>
    <row r="554391" spans="8:8">
      <c r="H554391" s="12"/>
    </row>
    <row r="554392" spans="8:8">
      <c r="H554392" s="12"/>
    </row>
    <row r="554393" spans="8:8">
      <c r="H554393" s="12"/>
    </row>
    <row r="554394" spans="8:8">
      <c r="H554394" s="12"/>
    </row>
    <row r="554395" spans="8:8">
      <c r="H554395" s="12"/>
    </row>
    <row r="554396" spans="8:8">
      <c r="H554396" s="12"/>
    </row>
    <row r="554397" spans="8:8">
      <c r="H554397" s="12"/>
    </row>
    <row r="554398" spans="8:8">
      <c r="H554398" s="12"/>
    </row>
    <row r="554399" spans="8:8">
      <c r="H554399" s="12"/>
    </row>
    <row r="554400" spans="8:8">
      <c r="H554400" s="12"/>
    </row>
    <row r="554401" spans="8:8">
      <c r="H554401" s="12"/>
    </row>
    <row r="554402" spans="8:8">
      <c r="H554402" s="12"/>
    </row>
    <row r="554403" spans="8:8">
      <c r="H554403" s="12"/>
    </row>
    <row r="554404" spans="8:8">
      <c r="H554404" s="12"/>
    </row>
    <row r="554405" spans="8:8">
      <c r="H554405" s="12"/>
    </row>
    <row r="554406" spans="8:8">
      <c r="H554406" s="12"/>
    </row>
    <row r="554407" spans="8:8">
      <c r="H554407" s="12"/>
    </row>
    <row r="554408" spans="8:8">
      <c r="H554408" s="12"/>
    </row>
    <row r="554409" spans="8:8">
      <c r="H554409" s="12"/>
    </row>
    <row r="554410" spans="8:8">
      <c r="H554410" s="12"/>
    </row>
    <row r="554411" spans="8:8">
      <c r="H554411" s="12"/>
    </row>
    <row r="554412" spans="8:8">
      <c r="H554412" s="12"/>
    </row>
    <row r="554413" spans="8:8">
      <c r="H554413" s="12"/>
    </row>
    <row r="554414" spans="8:8">
      <c r="H554414" s="12"/>
    </row>
    <row r="554415" spans="8:8">
      <c r="H554415" s="12"/>
    </row>
    <row r="554416" spans="8:8">
      <c r="H554416" s="12"/>
    </row>
    <row r="554417" spans="8:8">
      <c r="H554417" s="12"/>
    </row>
    <row r="554418" spans="8:8">
      <c r="H554418" s="12"/>
    </row>
    <row r="554419" spans="8:8">
      <c r="H554419" s="12"/>
    </row>
    <row r="554420" spans="8:8">
      <c r="H554420" s="12"/>
    </row>
    <row r="554421" spans="8:8">
      <c r="H554421" s="12"/>
    </row>
    <row r="554422" spans="8:8">
      <c r="H554422" s="12"/>
    </row>
    <row r="554423" spans="8:8">
      <c r="H554423" s="12"/>
    </row>
    <row r="554424" spans="8:8">
      <c r="H554424" s="12"/>
    </row>
    <row r="554425" spans="8:8">
      <c r="H554425" s="12"/>
    </row>
    <row r="554426" spans="8:8">
      <c r="H554426" s="12"/>
    </row>
    <row r="554427" spans="8:8">
      <c r="H554427" s="12"/>
    </row>
    <row r="554428" spans="8:8">
      <c r="H554428" s="12"/>
    </row>
    <row r="554429" spans="8:8">
      <c r="H554429" s="12"/>
    </row>
    <row r="554430" spans="8:8">
      <c r="H554430" s="12"/>
    </row>
    <row r="554431" spans="8:8">
      <c r="H554431" s="12"/>
    </row>
    <row r="554432" spans="8:8">
      <c r="H554432" s="12"/>
    </row>
    <row r="554433" spans="8:8">
      <c r="H554433" s="12"/>
    </row>
    <row r="554434" spans="8:8">
      <c r="H554434" s="12"/>
    </row>
    <row r="554435" spans="8:8">
      <c r="H554435" s="12"/>
    </row>
    <row r="554436" spans="8:8">
      <c r="H554436" s="12"/>
    </row>
    <row r="554437" spans="8:8">
      <c r="H554437" s="12"/>
    </row>
    <row r="554438" spans="8:8">
      <c r="H554438" s="12"/>
    </row>
    <row r="554439" spans="8:8">
      <c r="H554439" s="12"/>
    </row>
    <row r="554440" spans="8:8">
      <c r="H554440" s="12"/>
    </row>
    <row r="554441" spans="8:8">
      <c r="H554441" s="12"/>
    </row>
    <row r="554442" spans="8:8">
      <c r="H554442" s="12"/>
    </row>
    <row r="554443" spans="8:8">
      <c r="H554443" s="12"/>
    </row>
    <row r="554444" spans="8:8">
      <c r="H554444" s="12"/>
    </row>
    <row r="554445" spans="8:8">
      <c r="H554445" s="12"/>
    </row>
    <row r="554446" spans="8:8">
      <c r="H554446" s="12"/>
    </row>
    <row r="554447" spans="8:8">
      <c r="H554447" s="12"/>
    </row>
    <row r="554448" spans="8:8">
      <c r="H554448" s="12"/>
    </row>
    <row r="554449" spans="8:8">
      <c r="H554449" s="12"/>
    </row>
    <row r="554450" spans="8:8">
      <c r="H554450" s="12"/>
    </row>
    <row r="554451" spans="8:8">
      <c r="H554451" s="12"/>
    </row>
    <row r="554452" spans="8:8">
      <c r="H554452" s="12"/>
    </row>
    <row r="554453" spans="8:8">
      <c r="H554453" s="12"/>
    </row>
    <row r="554454" spans="8:8">
      <c r="H554454" s="12"/>
    </row>
    <row r="554455" spans="8:8">
      <c r="H554455" s="12"/>
    </row>
    <row r="554456" spans="8:8">
      <c r="H554456" s="12"/>
    </row>
    <row r="554457" spans="8:8">
      <c r="H554457" s="12"/>
    </row>
    <row r="554458" spans="8:8">
      <c r="H554458" s="12"/>
    </row>
    <row r="554459" spans="8:8">
      <c r="H554459" s="12"/>
    </row>
    <row r="554460" spans="8:8">
      <c r="H554460" s="12"/>
    </row>
    <row r="554461" spans="8:8">
      <c r="H554461" s="12"/>
    </row>
    <row r="554462" spans="8:8">
      <c r="H554462" s="12"/>
    </row>
    <row r="554463" spans="8:8">
      <c r="H554463" s="12"/>
    </row>
    <row r="554464" spans="8:8">
      <c r="H554464" s="12"/>
    </row>
    <row r="554465" spans="8:8">
      <c r="H554465" s="12"/>
    </row>
    <row r="554466" spans="8:8">
      <c r="H554466" s="12"/>
    </row>
    <row r="554467" spans="8:8">
      <c r="H554467" s="12"/>
    </row>
    <row r="554468" spans="8:8">
      <c r="H554468" s="12"/>
    </row>
    <row r="554469" spans="8:8">
      <c r="H554469" s="12"/>
    </row>
    <row r="554470" spans="8:8">
      <c r="H554470" s="12"/>
    </row>
    <row r="554471" spans="8:8">
      <c r="H554471" s="12"/>
    </row>
    <row r="554472" spans="8:8">
      <c r="H554472" s="12"/>
    </row>
    <row r="554473" spans="8:8">
      <c r="H554473" s="12"/>
    </row>
    <row r="554474" spans="8:8">
      <c r="H554474" s="12"/>
    </row>
    <row r="554475" spans="8:8">
      <c r="H554475" s="12"/>
    </row>
    <row r="554476" spans="8:8">
      <c r="H554476" s="12"/>
    </row>
    <row r="554477" spans="8:8">
      <c r="H554477" s="12"/>
    </row>
    <row r="554478" spans="8:8">
      <c r="H554478" s="12"/>
    </row>
    <row r="554479" spans="8:8">
      <c r="H554479" s="12"/>
    </row>
    <row r="554480" spans="8:8">
      <c r="H554480" s="12"/>
    </row>
    <row r="554481" spans="8:8">
      <c r="H554481" s="12"/>
    </row>
    <row r="554482" spans="8:8">
      <c r="H554482" s="12"/>
    </row>
    <row r="554483" spans="8:8">
      <c r="H554483" s="12"/>
    </row>
    <row r="554484" spans="8:8">
      <c r="H554484" s="12"/>
    </row>
    <row r="554485" spans="8:8">
      <c r="H554485" s="12"/>
    </row>
    <row r="554486" spans="8:8">
      <c r="H554486" s="12"/>
    </row>
    <row r="554487" spans="8:8">
      <c r="H554487" s="12"/>
    </row>
    <row r="554488" spans="8:8">
      <c r="H554488" s="12"/>
    </row>
    <row r="554489" spans="8:8">
      <c r="H554489" s="12"/>
    </row>
    <row r="554490" spans="8:8">
      <c r="H554490" s="12"/>
    </row>
    <row r="554491" spans="8:8">
      <c r="H554491" s="12"/>
    </row>
    <row r="554492" spans="8:8">
      <c r="H554492" s="12"/>
    </row>
    <row r="554493" spans="8:8">
      <c r="H554493" s="12"/>
    </row>
    <row r="554494" spans="8:8">
      <c r="H554494" s="12"/>
    </row>
    <row r="554495" spans="8:8">
      <c r="H554495" s="12"/>
    </row>
    <row r="554496" spans="8:8">
      <c r="H554496" s="12"/>
    </row>
    <row r="554497" spans="8:8">
      <c r="H554497" s="12"/>
    </row>
    <row r="554498" spans="8:8">
      <c r="H554498" s="12"/>
    </row>
    <row r="554499" spans="8:8">
      <c r="H554499" s="12"/>
    </row>
    <row r="554500" spans="8:8">
      <c r="H554500" s="12"/>
    </row>
    <row r="554501" spans="8:8">
      <c r="H554501" s="12"/>
    </row>
    <row r="554502" spans="8:8">
      <c r="H554502" s="12"/>
    </row>
    <row r="554503" spans="8:8">
      <c r="H554503" s="12"/>
    </row>
    <row r="554504" spans="8:8">
      <c r="H554504" s="12"/>
    </row>
    <row r="554505" spans="8:8">
      <c r="H554505" s="12"/>
    </row>
    <row r="554506" spans="8:8">
      <c r="H554506" s="12"/>
    </row>
    <row r="554507" spans="8:8">
      <c r="H554507" s="12"/>
    </row>
    <row r="554508" spans="8:8">
      <c r="H554508" s="12"/>
    </row>
    <row r="554509" spans="8:8">
      <c r="H554509" s="12"/>
    </row>
    <row r="554510" spans="8:8">
      <c r="H554510" s="12"/>
    </row>
    <row r="554511" spans="8:8">
      <c r="H554511" s="12"/>
    </row>
    <row r="554512" spans="8:8">
      <c r="H554512" s="12"/>
    </row>
    <row r="554513" spans="8:8">
      <c r="H554513" s="12"/>
    </row>
    <row r="554514" spans="8:8">
      <c r="H554514" s="12"/>
    </row>
    <row r="554515" spans="8:8">
      <c r="H554515" s="12"/>
    </row>
    <row r="554516" spans="8:8">
      <c r="H554516" s="12"/>
    </row>
    <row r="554517" spans="8:8">
      <c r="H554517" s="12"/>
    </row>
    <row r="554518" spans="8:8">
      <c r="H554518" s="12"/>
    </row>
    <row r="554519" spans="8:8">
      <c r="H554519" s="12"/>
    </row>
    <row r="554520" spans="8:8">
      <c r="H554520" s="12"/>
    </row>
    <row r="554521" spans="8:8">
      <c r="H554521" s="12"/>
    </row>
    <row r="554522" spans="8:8">
      <c r="H554522" s="12"/>
    </row>
    <row r="554523" spans="8:8">
      <c r="H554523" s="12"/>
    </row>
    <row r="554524" spans="8:8">
      <c r="H554524" s="12"/>
    </row>
    <row r="554525" spans="8:8">
      <c r="H554525" s="12"/>
    </row>
    <row r="554526" spans="8:8">
      <c r="H554526" s="12"/>
    </row>
    <row r="554527" spans="8:8">
      <c r="H554527" s="12"/>
    </row>
    <row r="554528" spans="8:8">
      <c r="H554528" s="12"/>
    </row>
    <row r="554529" spans="8:8">
      <c r="H554529" s="12"/>
    </row>
    <row r="554530" spans="8:8">
      <c r="H554530" s="12"/>
    </row>
    <row r="554531" spans="8:8">
      <c r="H554531" s="12"/>
    </row>
    <row r="554532" spans="8:8">
      <c r="H554532" s="12"/>
    </row>
    <row r="554533" spans="8:8">
      <c r="H554533" s="12"/>
    </row>
    <row r="554534" spans="8:8">
      <c r="H554534" s="12"/>
    </row>
    <row r="554535" spans="8:8">
      <c r="H554535" s="12"/>
    </row>
    <row r="554536" spans="8:8">
      <c r="H554536" s="12"/>
    </row>
    <row r="554537" spans="8:8">
      <c r="H554537" s="12"/>
    </row>
    <row r="554538" spans="8:8">
      <c r="H554538" s="12"/>
    </row>
    <row r="554539" spans="8:8">
      <c r="H554539" s="12"/>
    </row>
    <row r="554540" spans="8:8">
      <c r="H554540" s="12"/>
    </row>
    <row r="554541" spans="8:8">
      <c r="H554541" s="12"/>
    </row>
    <row r="554542" spans="8:8">
      <c r="H554542" s="12"/>
    </row>
    <row r="554543" spans="8:8">
      <c r="H554543" s="12"/>
    </row>
    <row r="554544" spans="8:8">
      <c r="H554544" s="12"/>
    </row>
    <row r="554545" spans="8:8">
      <c r="H554545" s="12"/>
    </row>
    <row r="554546" spans="8:8">
      <c r="H554546" s="12"/>
    </row>
    <row r="554547" spans="8:8">
      <c r="H554547" s="12"/>
    </row>
    <row r="554548" spans="8:8">
      <c r="H554548" s="12"/>
    </row>
    <row r="554549" spans="8:8">
      <c r="H554549" s="12"/>
    </row>
    <row r="554550" spans="8:8">
      <c r="H554550" s="12"/>
    </row>
    <row r="554551" spans="8:8">
      <c r="H554551" s="12"/>
    </row>
    <row r="554552" spans="8:8">
      <c r="H554552" s="12"/>
    </row>
    <row r="554553" spans="8:8">
      <c r="H554553" s="12"/>
    </row>
    <row r="554554" spans="8:8">
      <c r="H554554" s="12"/>
    </row>
    <row r="554555" spans="8:8">
      <c r="H554555" s="12"/>
    </row>
    <row r="554556" spans="8:8">
      <c r="H554556" s="12"/>
    </row>
    <row r="554557" spans="8:8">
      <c r="H554557" s="12"/>
    </row>
    <row r="554558" spans="8:8">
      <c r="H554558" s="12"/>
    </row>
    <row r="554559" spans="8:8">
      <c r="H554559" s="12"/>
    </row>
    <row r="554560" spans="8:8">
      <c r="H554560" s="12"/>
    </row>
    <row r="554561" spans="8:8">
      <c r="H554561" s="12"/>
    </row>
    <row r="554562" spans="8:8">
      <c r="H554562" s="12"/>
    </row>
    <row r="554563" spans="8:8">
      <c r="H554563" s="12"/>
    </row>
    <row r="554564" spans="8:8">
      <c r="H554564" s="12"/>
    </row>
    <row r="554565" spans="8:8">
      <c r="H554565" s="12"/>
    </row>
    <row r="554566" spans="8:8">
      <c r="H554566" s="12"/>
    </row>
    <row r="554567" spans="8:8">
      <c r="H554567" s="12"/>
    </row>
    <row r="554568" spans="8:8">
      <c r="H554568" s="12"/>
    </row>
    <row r="554569" spans="8:8">
      <c r="H554569" s="12"/>
    </row>
    <row r="554570" spans="8:8">
      <c r="H554570" s="12"/>
    </row>
    <row r="554571" spans="8:8">
      <c r="H554571" s="12"/>
    </row>
    <row r="554572" spans="8:8">
      <c r="H554572" s="12"/>
    </row>
    <row r="554573" spans="8:8">
      <c r="H554573" s="12"/>
    </row>
    <row r="554574" spans="8:8">
      <c r="H554574" s="12"/>
    </row>
    <row r="554575" spans="8:8">
      <c r="H554575" s="12"/>
    </row>
    <row r="554576" spans="8:8">
      <c r="H554576" s="12"/>
    </row>
    <row r="554577" spans="8:8">
      <c r="H554577" s="12"/>
    </row>
    <row r="554578" spans="8:8">
      <c r="H554578" s="12"/>
    </row>
    <row r="554579" spans="8:8">
      <c r="H554579" s="12"/>
    </row>
    <row r="554580" spans="8:8">
      <c r="H554580" s="12"/>
    </row>
    <row r="554581" spans="8:8">
      <c r="H554581" s="12"/>
    </row>
    <row r="554582" spans="8:8">
      <c r="H554582" s="12"/>
    </row>
    <row r="554583" spans="8:8">
      <c r="H554583" s="12"/>
    </row>
    <row r="554584" spans="8:8">
      <c r="H554584" s="12"/>
    </row>
    <row r="554585" spans="8:8">
      <c r="H554585" s="12"/>
    </row>
    <row r="554586" spans="8:8">
      <c r="H554586" s="12"/>
    </row>
    <row r="554587" spans="8:8">
      <c r="H554587" s="12"/>
    </row>
    <row r="554588" spans="8:8">
      <c r="H554588" s="12"/>
    </row>
    <row r="554589" spans="8:8">
      <c r="H554589" s="12"/>
    </row>
    <row r="554590" spans="8:8">
      <c r="H554590" s="12"/>
    </row>
    <row r="554591" spans="8:8">
      <c r="H554591" s="12"/>
    </row>
    <row r="554592" spans="8:8">
      <c r="H554592" s="12"/>
    </row>
    <row r="554593" spans="8:8">
      <c r="H554593" s="12"/>
    </row>
    <row r="554594" spans="8:8">
      <c r="H554594" s="12"/>
    </row>
    <row r="554595" spans="8:8">
      <c r="H554595" s="12"/>
    </row>
    <row r="554596" spans="8:8">
      <c r="H554596" s="12"/>
    </row>
    <row r="554597" spans="8:8">
      <c r="H554597" s="12"/>
    </row>
    <row r="554598" spans="8:8">
      <c r="H554598" s="12"/>
    </row>
    <row r="554599" spans="8:8">
      <c r="H554599" s="12"/>
    </row>
    <row r="554600" spans="8:8">
      <c r="H554600" s="12"/>
    </row>
    <row r="554601" spans="8:8">
      <c r="H554601" s="12"/>
    </row>
    <row r="554602" spans="8:8">
      <c r="H554602" s="12"/>
    </row>
    <row r="554603" spans="8:8">
      <c r="H554603" s="12"/>
    </row>
    <row r="554604" spans="8:8">
      <c r="H554604" s="12"/>
    </row>
    <row r="554605" spans="8:8">
      <c r="H554605" s="12"/>
    </row>
    <row r="554606" spans="8:8">
      <c r="H554606" s="12"/>
    </row>
    <row r="554607" spans="8:8">
      <c r="H554607" s="12"/>
    </row>
    <row r="554608" spans="8:8">
      <c r="H554608" s="12"/>
    </row>
    <row r="554609" spans="8:8">
      <c r="H554609" s="12"/>
    </row>
    <row r="554610" spans="8:8">
      <c r="H554610" s="12"/>
    </row>
    <row r="554611" spans="8:8">
      <c r="H554611" s="12"/>
    </row>
    <row r="554612" spans="8:8">
      <c r="H554612" s="12"/>
    </row>
    <row r="554613" spans="8:8">
      <c r="H554613" s="12"/>
    </row>
    <row r="554614" spans="8:8">
      <c r="H554614" s="12"/>
    </row>
    <row r="554615" spans="8:8">
      <c r="H554615" s="12"/>
    </row>
    <row r="554616" spans="8:8">
      <c r="H554616" s="12"/>
    </row>
    <row r="554617" spans="8:8">
      <c r="H554617" s="12"/>
    </row>
    <row r="554618" spans="8:8">
      <c r="H554618" s="12"/>
    </row>
    <row r="554619" spans="8:8">
      <c r="H554619" s="12"/>
    </row>
    <row r="554620" spans="8:8">
      <c r="H554620" s="12"/>
    </row>
    <row r="554621" spans="8:8">
      <c r="H554621" s="12"/>
    </row>
    <row r="554622" spans="8:8">
      <c r="H554622" s="12"/>
    </row>
    <row r="554623" spans="8:8">
      <c r="H554623" s="12"/>
    </row>
    <row r="554624" spans="8:8">
      <c r="H554624" s="12"/>
    </row>
    <row r="554625" spans="8:8">
      <c r="H554625" s="12"/>
    </row>
    <row r="554626" spans="8:8">
      <c r="H554626" s="12"/>
    </row>
    <row r="554627" spans="8:8">
      <c r="H554627" s="12"/>
    </row>
    <row r="554628" spans="8:8">
      <c r="H554628" s="12"/>
    </row>
    <row r="554629" spans="8:8">
      <c r="H554629" s="12"/>
    </row>
    <row r="554630" spans="8:8">
      <c r="H554630" s="12"/>
    </row>
    <row r="554631" spans="8:8">
      <c r="H554631" s="12"/>
    </row>
    <row r="554632" spans="8:8">
      <c r="H554632" s="12"/>
    </row>
    <row r="554633" spans="8:8">
      <c r="H554633" s="12"/>
    </row>
    <row r="554634" spans="8:8">
      <c r="H554634" s="12"/>
    </row>
    <row r="554635" spans="8:8">
      <c r="H554635" s="12"/>
    </row>
    <row r="554636" spans="8:8">
      <c r="H554636" s="12"/>
    </row>
    <row r="554637" spans="8:8">
      <c r="H554637" s="12"/>
    </row>
    <row r="554638" spans="8:8">
      <c r="H554638" s="12"/>
    </row>
    <row r="554639" spans="8:8">
      <c r="H554639" s="12"/>
    </row>
    <row r="554640" spans="8:8">
      <c r="H554640" s="12"/>
    </row>
    <row r="554641" spans="8:8">
      <c r="H554641" s="12"/>
    </row>
    <row r="554642" spans="8:8">
      <c r="H554642" s="12"/>
    </row>
    <row r="554643" spans="8:8">
      <c r="H554643" s="12"/>
    </row>
    <row r="554644" spans="8:8">
      <c r="H554644" s="12"/>
    </row>
    <row r="554645" spans="8:8">
      <c r="H554645" s="12"/>
    </row>
    <row r="554646" spans="8:8">
      <c r="H554646" s="12"/>
    </row>
    <row r="554647" spans="8:8">
      <c r="H554647" s="12"/>
    </row>
    <row r="554648" spans="8:8">
      <c r="H554648" s="12"/>
    </row>
    <row r="554649" spans="8:8">
      <c r="H554649" s="12"/>
    </row>
    <row r="554650" spans="8:8">
      <c r="H554650" s="12"/>
    </row>
    <row r="554651" spans="8:8">
      <c r="H554651" s="12"/>
    </row>
    <row r="554652" spans="8:8">
      <c r="H554652" s="12"/>
    </row>
    <row r="554653" spans="8:8">
      <c r="H554653" s="12"/>
    </row>
    <row r="554654" spans="8:8">
      <c r="H554654" s="12"/>
    </row>
    <row r="554655" spans="8:8">
      <c r="H554655" s="12"/>
    </row>
    <row r="554656" spans="8:8">
      <c r="H554656" s="12"/>
    </row>
    <row r="554657" spans="8:8">
      <c r="H554657" s="12"/>
    </row>
    <row r="554658" spans="8:8">
      <c r="H554658" s="12"/>
    </row>
    <row r="554659" spans="8:8">
      <c r="H554659" s="12"/>
    </row>
    <row r="554660" spans="8:8">
      <c r="H554660" s="12"/>
    </row>
    <row r="554661" spans="8:8">
      <c r="H554661" s="12"/>
    </row>
    <row r="554662" spans="8:8">
      <c r="H554662" s="12"/>
    </row>
    <row r="554663" spans="8:8">
      <c r="H554663" s="12"/>
    </row>
    <row r="554664" spans="8:8">
      <c r="H554664" s="12"/>
    </row>
    <row r="554665" spans="8:8">
      <c r="H554665" s="12"/>
    </row>
    <row r="554666" spans="8:8">
      <c r="H554666" s="12"/>
    </row>
    <row r="554667" spans="8:8">
      <c r="H554667" s="12"/>
    </row>
    <row r="554668" spans="8:8">
      <c r="H554668" s="12"/>
    </row>
    <row r="554669" spans="8:8">
      <c r="H554669" s="12"/>
    </row>
    <row r="554670" spans="8:8">
      <c r="H554670" s="12"/>
    </row>
    <row r="554671" spans="8:8">
      <c r="H554671" s="12"/>
    </row>
    <row r="554672" spans="8:8">
      <c r="H554672" s="12"/>
    </row>
    <row r="554673" spans="8:8">
      <c r="H554673" s="12"/>
    </row>
    <row r="554674" spans="8:8">
      <c r="H554674" s="12"/>
    </row>
    <row r="554675" spans="8:8">
      <c r="H554675" s="12"/>
    </row>
    <row r="554676" spans="8:8">
      <c r="H554676" s="12"/>
    </row>
    <row r="554677" spans="8:8">
      <c r="H554677" s="12"/>
    </row>
    <row r="554678" spans="8:8">
      <c r="H554678" s="12"/>
    </row>
    <row r="554679" spans="8:8">
      <c r="H554679" s="12"/>
    </row>
    <row r="554680" spans="8:8">
      <c r="H554680" s="12"/>
    </row>
    <row r="554681" spans="8:8">
      <c r="H554681" s="12"/>
    </row>
    <row r="554682" spans="8:8">
      <c r="H554682" s="12"/>
    </row>
    <row r="554683" spans="8:8">
      <c r="H554683" s="12"/>
    </row>
    <row r="554684" spans="8:8">
      <c r="H554684" s="12"/>
    </row>
    <row r="554685" spans="8:8">
      <c r="H554685" s="12"/>
    </row>
    <row r="554686" spans="8:8">
      <c r="H554686" s="12"/>
    </row>
    <row r="554687" spans="8:8">
      <c r="H554687" s="12"/>
    </row>
    <row r="554688" spans="8:8">
      <c r="H554688" s="12"/>
    </row>
    <row r="554689" spans="8:8">
      <c r="H554689" s="12"/>
    </row>
    <row r="554690" spans="8:8">
      <c r="H554690" s="12"/>
    </row>
    <row r="554691" spans="8:8">
      <c r="H554691" s="12"/>
    </row>
    <row r="554692" spans="8:8">
      <c r="H554692" s="12"/>
    </row>
    <row r="554693" spans="8:8">
      <c r="H554693" s="12"/>
    </row>
    <row r="554694" spans="8:8">
      <c r="H554694" s="12"/>
    </row>
    <row r="554695" spans="8:8">
      <c r="H554695" s="12"/>
    </row>
    <row r="554696" spans="8:8">
      <c r="H554696" s="12"/>
    </row>
    <row r="554697" spans="8:8">
      <c r="H554697" s="12"/>
    </row>
    <row r="554698" spans="8:8">
      <c r="H554698" s="12"/>
    </row>
    <row r="554699" spans="8:8">
      <c r="H554699" s="12"/>
    </row>
    <row r="554700" spans="8:8">
      <c r="H554700" s="12"/>
    </row>
    <row r="554701" spans="8:8">
      <c r="H554701" s="12"/>
    </row>
    <row r="554702" spans="8:8">
      <c r="H554702" s="12"/>
    </row>
    <row r="554703" spans="8:8">
      <c r="H554703" s="12"/>
    </row>
    <row r="554704" spans="8:8">
      <c r="H554704" s="12"/>
    </row>
    <row r="554705" spans="8:8">
      <c r="H554705" s="12"/>
    </row>
    <row r="554706" spans="8:8">
      <c r="H554706" s="12"/>
    </row>
    <row r="554707" spans="8:8">
      <c r="H554707" s="12"/>
    </row>
    <row r="554708" spans="8:8">
      <c r="H554708" s="12"/>
    </row>
    <row r="554709" spans="8:8">
      <c r="H554709" s="12"/>
    </row>
    <row r="554710" spans="8:8">
      <c r="H554710" s="12"/>
    </row>
    <row r="554711" spans="8:8">
      <c r="H554711" s="12"/>
    </row>
    <row r="554712" spans="8:8">
      <c r="H554712" s="12"/>
    </row>
    <row r="554713" spans="8:8">
      <c r="H554713" s="12"/>
    </row>
    <row r="554714" spans="8:8">
      <c r="H554714" s="12"/>
    </row>
    <row r="554715" spans="8:8">
      <c r="H554715" s="12"/>
    </row>
    <row r="554716" spans="8:8">
      <c r="H554716" s="12"/>
    </row>
    <row r="554717" spans="8:8">
      <c r="H554717" s="12"/>
    </row>
    <row r="554718" spans="8:8">
      <c r="H554718" s="12"/>
    </row>
    <row r="554719" spans="8:8">
      <c r="H554719" s="12"/>
    </row>
    <row r="554720" spans="8:8">
      <c r="H554720" s="12"/>
    </row>
    <row r="554721" spans="8:8">
      <c r="H554721" s="12"/>
    </row>
    <row r="554722" spans="8:8">
      <c r="H554722" s="12"/>
    </row>
    <row r="554723" spans="8:8">
      <c r="H554723" s="12"/>
    </row>
    <row r="554724" spans="8:8">
      <c r="H554724" s="12"/>
    </row>
    <row r="554725" spans="8:8">
      <c r="H554725" s="12"/>
    </row>
    <row r="554726" spans="8:8">
      <c r="H554726" s="12"/>
    </row>
    <row r="554727" spans="8:8">
      <c r="H554727" s="12"/>
    </row>
    <row r="554728" spans="8:8">
      <c r="H554728" s="12"/>
    </row>
    <row r="554729" spans="8:8">
      <c r="H554729" s="12"/>
    </row>
    <row r="554730" spans="8:8">
      <c r="H554730" s="12"/>
    </row>
    <row r="554731" spans="8:8">
      <c r="H554731" s="12"/>
    </row>
    <row r="554732" spans="8:8">
      <c r="H554732" s="12"/>
    </row>
    <row r="554733" spans="8:8">
      <c r="H554733" s="12"/>
    </row>
    <row r="554734" spans="8:8">
      <c r="H554734" s="12"/>
    </row>
    <row r="554735" spans="8:8">
      <c r="H554735" s="12"/>
    </row>
    <row r="554736" spans="8:8">
      <c r="H554736" s="12"/>
    </row>
    <row r="554737" spans="8:8">
      <c r="H554737" s="12"/>
    </row>
    <row r="554738" spans="8:8">
      <c r="H554738" s="12"/>
    </row>
    <row r="554739" spans="8:8">
      <c r="H554739" s="12"/>
    </row>
    <row r="554740" spans="8:8">
      <c r="H554740" s="12"/>
    </row>
    <row r="554741" spans="8:8">
      <c r="H554741" s="12"/>
    </row>
    <row r="554742" spans="8:8">
      <c r="H554742" s="12"/>
    </row>
    <row r="554743" spans="8:8">
      <c r="H554743" s="12"/>
    </row>
    <row r="554744" spans="8:8">
      <c r="H554744" s="12"/>
    </row>
    <row r="554745" spans="8:8">
      <c r="H554745" s="12"/>
    </row>
    <row r="554746" spans="8:8">
      <c r="H554746" s="12"/>
    </row>
    <row r="554747" spans="8:8">
      <c r="H554747" s="12"/>
    </row>
    <row r="554748" spans="8:8">
      <c r="H554748" s="12"/>
    </row>
    <row r="554749" spans="8:8">
      <c r="H554749" s="12"/>
    </row>
    <row r="554750" spans="8:8">
      <c r="H554750" s="12"/>
    </row>
    <row r="554751" spans="8:8">
      <c r="H554751" s="12"/>
    </row>
    <row r="554752" spans="8:8">
      <c r="H554752" s="12"/>
    </row>
    <row r="554753" spans="8:8">
      <c r="H554753" s="12"/>
    </row>
    <row r="554754" spans="8:8">
      <c r="H554754" s="12"/>
    </row>
    <row r="554755" spans="8:8">
      <c r="H554755" s="12"/>
    </row>
    <row r="554756" spans="8:8">
      <c r="H554756" s="12"/>
    </row>
    <row r="554757" spans="8:8">
      <c r="H554757" s="12"/>
    </row>
    <row r="554758" spans="8:8">
      <c r="H554758" s="12"/>
    </row>
    <row r="554759" spans="8:8">
      <c r="H554759" s="12"/>
    </row>
    <row r="554760" spans="8:8">
      <c r="H554760" s="12"/>
    </row>
    <row r="554761" spans="8:8">
      <c r="H554761" s="12"/>
    </row>
    <row r="554762" spans="8:8">
      <c r="H554762" s="12"/>
    </row>
    <row r="554763" spans="8:8">
      <c r="H554763" s="12"/>
    </row>
    <row r="554764" spans="8:8">
      <c r="H554764" s="12"/>
    </row>
    <row r="554765" spans="8:8">
      <c r="H554765" s="12"/>
    </row>
    <row r="554766" spans="8:8">
      <c r="H554766" s="12"/>
    </row>
    <row r="554767" spans="8:8">
      <c r="H554767" s="12"/>
    </row>
    <row r="554768" spans="8:8">
      <c r="H554768" s="12"/>
    </row>
    <row r="554769" spans="8:8">
      <c r="H554769" s="12"/>
    </row>
    <row r="554770" spans="8:8">
      <c r="H554770" s="12"/>
    </row>
    <row r="554771" spans="8:8">
      <c r="H554771" s="12"/>
    </row>
    <row r="554772" spans="8:8">
      <c r="H554772" s="12"/>
    </row>
    <row r="554773" spans="8:8">
      <c r="H554773" s="12"/>
    </row>
    <row r="554774" spans="8:8">
      <c r="H554774" s="12"/>
    </row>
    <row r="554775" spans="8:8">
      <c r="H554775" s="12"/>
    </row>
    <row r="554776" spans="8:8">
      <c r="H554776" s="12"/>
    </row>
    <row r="554777" spans="8:8">
      <c r="H554777" s="12"/>
    </row>
    <row r="554778" spans="8:8">
      <c r="H554778" s="12"/>
    </row>
    <row r="554779" spans="8:8">
      <c r="H554779" s="12"/>
    </row>
    <row r="554780" spans="8:8">
      <c r="H554780" s="12"/>
    </row>
    <row r="554781" spans="8:8">
      <c r="H554781" s="12"/>
    </row>
    <row r="554782" spans="8:8">
      <c r="H554782" s="12"/>
    </row>
    <row r="554783" spans="8:8">
      <c r="H554783" s="12"/>
    </row>
    <row r="554784" spans="8:8">
      <c r="H554784" s="12"/>
    </row>
    <row r="554785" spans="8:8">
      <c r="H554785" s="12"/>
    </row>
    <row r="554786" spans="8:8">
      <c r="H554786" s="12"/>
    </row>
    <row r="554787" spans="8:8">
      <c r="H554787" s="12"/>
    </row>
    <row r="554788" spans="8:8">
      <c r="H554788" s="12"/>
    </row>
    <row r="554789" spans="8:8">
      <c r="H554789" s="12"/>
    </row>
    <row r="554790" spans="8:8">
      <c r="H554790" s="12"/>
    </row>
    <row r="554791" spans="8:8">
      <c r="H554791" s="12"/>
    </row>
    <row r="554792" spans="8:8">
      <c r="H554792" s="12"/>
    </row>
    <row r="554793" spans="8:8">
      <c r="H554793" s="12"/>
    </row>
    <row r="554794" spans="8:8">
      <c r="H554794" s="12"/>
    </row>
    <row r="554795" spans="8:8">
      <c r="H554795" s="12"/>
    </row>
    <row r="554796" spans="8:8">
      <c r="H554796" s="12"/>
    </row>
    <row r="554797" spans="8:8">
      <c r="H554797" s="12"/>
    </row>
    <row r="554798" spans="8:8">
      <c r="H554798" s="12"/>
    </row>
    <row r="554799" spans="8:8">
      <c r="H554799" s="12"/>
    </row>
    <row r="554800" spans="8:8">
      <c r="H554800" s="12"/>
    </row>
    <row r="554801" spans="8:8">
      <c r="H554801" s="12"/>
    </row>
    <row r="554802" spans="8:8">
      <c r="H554802" s="12"/>
    </row>
    <row r="554803" spans="8:8">
      <c r="H554803" s="12"/>
    </row>
    <row r="554804" spans="8:8">
      <c r="H554804" s="12"/>
    </row>
    <row r="554805" spans="8:8">
      <c r="H554805" s="12"/>
    </row>
    <row r="554806" spans="8:8">
      <c r="H554806" s="12"/>
    </row>
    <row r="554807" spans="8:8">
      <c r="H554807" s="12"/>
    </row>
    <row r="554808" spans="8:8">
      <c r="H554808" s="12"/>
    </row>
    <row r="554809" spans="8:8">
      <c r="H554809" s="12"/>
    </row>
    <row r="554810" spans="8:8">
      <c r="H554810" s="12"/>
    </row>
    <row r="554811" spans="8:8">
      <c r="H554811" s="12"/>
    </row>
    <row r="554812" spans="8:8">
      <c r="H554812" s="12"/>
    </row>
    <row r="554813" spans="8:8">
      <c r="H554813" s="12"/>
    </row>
    <row r="554814" spans="8:8">
      <c r="H554814" s="12"/>
    </row>
    <row r="554815" spans="8:8">
      <c r="H554815" s="12"/>
    </row>
    <row r="554816" spans="8:8">
      <c r="H554816" s="12"/>
    </row>
    <row r="554817" spans="8:8">
      <c r="H554817" s="12"/>
    </row>
    <row r="554818" spans="8:8">
      <c r="H554818" s="12"/>
    </row>
    <row r="554819" spans="8:8">
      <c r="H554819" s="12"/>
    </row>
    <row r="554820" spans="8:8">
      <c r="H554820" s="12"/>
    </row>
    <row r="554821" spans="8:8">
      <c r="H554821" s="12"/>
    </row>
    <row r="554822" spans="8:8">
      <c r="H554822" s="12"/>
    </row>
    <row r="554823" spans="8:8">
      <c r="H554823" s="12"/>
    </row>
    <row r="554824" spans="8:8">
      <c r="H554824" s="12"/>
    </row>
    <row r="554825" spans="8:8">
      <c r="H554825" s="12"/>
    </row>
    <row r="554826" spans="8:8">
      <c r="H554826" s="12"/>
    </row>
    <row r="554827" spans="8:8">
      <c r="H554827" s="12"/>
    </row>
    <row r="554828" spans="8:8">
      <c r="H554828" s="12"/>
    </row>
    <row r="554829" spans="8:8">
      <c r="H554829" s="12"/>
    </row>
    <row r="554830" spans="8:8">
      <c r="H554830" s="12"/>
    </row>
    <row r="554831" spans="8:8">
      <c r="H554831" s="12"/>
    </row>
    <row r="554832" spans="8:8">
      <c r="H554832" s="12"/>
    </row>
    <row r="554833" spans="8:8">
      <c r="H554833" s="12"/>
    </row>
    <row r="554834" spans="8:8">
      <c r="H554834" s="12"/>
    </row>
    <row r="554835" spans="8:8">
      <c r="H554835" s="12"/>
    </row>
    <row r="554836" spans="8:8">
      <c r="H554836" s="12"/>
    </row>
    <row r="554837" spans="8:8">
      <c r="H554837" s="12"/>
    </row>
    <row r="554838" spans="8:8">
      <c r="H554838" s="12"/>
    </row>
    <row r="554839" spans="8:8">
      <c r="H554839" s="12"/>
    </row>
    <row r="554840" spans="8:8">
      <c r="H554840" s="12"/>
    </row>
    <row r="554841" spans="8:8">
      <c r="H554841" s="12"/>
    </row>
    <row r="554842" spans="8:8">
      <c r="H554842" s="12"/>
    </row>
    <row r="554843" spans="8:8">
      <c r="H554843" s="12"/>
    </row>
    <row r="554844" spans="8:8">
      <c r="H554844" s="12"/>
    </row>
    <row r="554845" spans="8:8">
      <c r="H554845" s="12"/>
    </row>
    <row r="554846" spans="8:8">
      <c r="H554846" s="12"/>
    </row>
    <row r="554847" spans="8:8">
      <c r="H554847" s="12"/>
    </row>
    <row r="554848" spans="8:8">
      <c r="H554848" s="12"/>
    </row>
    <row r="554849" spans="8:8">
      <c r="H554849" s="12"/>
    </row>
    <row r="554850" spans="8:8">
      <c r="H554850" s="12"/>
    </row>
    <row r="554851" spans="8:8">
      <c r="H554851" s="12"/>
    </row>
    <row r="554852" spans="8:8">
      <c r="H554852" s="12"/>
    </row>
    <row r="554853" spans="8:8">
      <c r="H554853" s="12"/>
    </row>
    <row r="554854" spans="8:8">
      <c r="H554854" s="12"/>
    </row>
    <row r="554855" spans="8:8">
      <c r="H554855" s="12"/>
    </row>
    <row r="554856" spans="8:8">
      <c r="H554856" s="12"/>
    </row>
    <row r="554857" spans="8:8">
      <c r="H554857" s="12"/>
    </row>
    <row r="554858" spans="8:8">
      <c r="H554858" s="12"/>
    </row>
    <row r="554859" spans="8:8">
      <c r="H554859" s="12"/>
    </row>
    <row r="554860" spans="8:8">
      <c r="H554860" s="12"/>
    </row>
    <row r="554861" spans="8:8">
      <c r="H554861" s="12"/>
    </row>
    <row r="554862" spans="8:8">
      <c r="H554862" s="12"/>
    </row>
    <row r="554863" spans="8:8">
      <c r="H554863" s="12"/>
    </row>
    <row r="554864" spans="8:8">
      <c r="H554864" s="12"/>
    </row>
    <row r="554865" spans="8:8">
      <c r="H554865" s="12"/>
    </row>
    <row r="554866" spans="8:8">
      <c r="H554866" s="12"/>
    </row>
    <row r="554867" spans="8:8">
      <c r="H554867" s="12"/>
    </row>
    <row r="554868" spans="8:8">
      <c r="H554868" s="12"/>
    </row>
    <row r="554869" spans="8:8">
      <c r="H554869" s="12"/>
    </row>
    <row r="554870" spans="8:8">
      <c r="H554870" s="12"/>
    </row>
    <row r="554871" spans="8:8">
      <c r="H554871" s="12"/>
    </row>
    <row r="554872" spans="8:8">
      <c r="H554872" s="12"/>
    </row>
    <row r="554873" spans="8:8">
      <c r="H554873" s="12"/>
    </row>
    <row r="554874" spans="8:8">
      <c r="H554874" s="12"/>
    </row>
    <row r="554875" spans="8:8">
      <c r="H554875" s="12"/>
    </row>
    <row r="554876" spans="8:8">
      <c r="H554876" s="12"/>
    </row>
    <row r="554877" spans="8:8">
      <c r="H554877" s="12"/>
    </row>
    <row r="554878" spans="8:8">
      <c r="H554878" s="12"/>
    </row>
    <row r="554879" spans="8:8">
      <c r="H554879" s="12"/>
    </row>
    <row r="554880" spans="8:8">
      <c r="H554880" s="12"/>
    </row>
    <row r="554881" spans="8:8">
      <c r="H554881" s="12"/>
    </row>
    <row r="554882" spans="8:8">
      <c r="H554882" s="12"/>
    </row>
    <row r="554883" spans="8:8">
      <c r="H554883" s="12"/>
    </row>
    <row r="554884" spans="8:8">
      <c r="H554884" s="12"/>
    </row>
    <row r="554885" spans="8:8">
      <c r="H554885" s="12"/>
    </row>
    <row r="554886" spans="8:8">
      <c r="H554886" s="12"/>
    </row>
    <row r="554887" spans="8:8">
      <c r="H554887" s="12"/>
    </row>
    <row r="554888" spans="8:8">
      <c r="H554888" s="12"/>
    </row>
    <row r="554889" spans="8:8">
      <c r="H554889" s="12"/>
    </row>
    <row r="554890" spans="8:8">
      <c r="H554890" s="12"/>
    </row>
    <row r="554891" spans="8:8">
      <c r="H554891" s="12"/>
    </row>
    <row r="554892" spans="8:8">
      <c r="H554892" s="12"/>
    </row>
    <row r="554893" spans="8:8">
      <c r="H554893" s="12"/>
    </row>
    <row r="554894" spans="8:8">
      <c r="H554894" s="12"/>
    </row>
    <row r="554895" spans="8:8">
      <c r="H554895" s="12"/>
    </row>
    <row r="554896" spans="8:8">
      <c r="H554896" s="12"/>
    </row>
    <row r="554897" spans="8:8">
      <c r="H554897" s="12"/>
    </row>
    <row r="554898" spans="8:8">
      <c r="H554898" s="12"/>
    </row>
    <row r="554899" spans="8:8">
      <c r="H554899" s="12"/>
    </row>
    <row r="554900" spans="8:8">
      <c r="H554900" s="12"/>
    </row>
    <row r="554901" spans="8:8">
      <c r="H554901" s="12"/>
    </row>
    <row r="554902" spans="8:8">
      <c r="H554902" s="12"/>
    </row>
    <row r="554903" spans="8:8">
      <c r="H554903" s="12"/>
    </row>
    <row r="554904" spans="8:8">
      <c r="H554904" s="12"/>
    </row>
    <row r="554905" spans="8:8">
      <c r="H554905" s="12"/>
    </row>
    <row r="554906" spans="8:8">
      <c r="H554906" s="12"/>
    </row>
    <row r="554907" spans="8:8">
      <c r="H554907" s="12"/>
    </row>
    <row r="554908" spans="8:8">
      <c r="H554908" s="12"/>
    </row>
    <row r="554909" spans="8:8">
      <c r="H554909" s="12"/>
    </row>
    <row r="554910" spans="8:8">
      <c r="H554910" s="12"/>
    </row>
    <row r="554911" spans="8:8">
      <c r="H554911" s="12"/>
    </row>
    <row r="554912" spans="8:8">
      <c r="H554912" s="12"/>
    </row>
    <row r="554913" spans="8:8">
      <c r="H554913" s="12"/>
    </row>
    <row r="554914" spans="8:8">
      <c r="H554914" s="12"/>
    </row>
    <row r="554915" spans="8:8">
      <c r="H554915" s="12"/>
    </row>
    <row r="554916" spans="8:8">
      <c r="H554916" s="12"/>
    </row>
    <row r="554917" spans="8:8">
      <c r="H554917" s="12"/>
    </row>
    <row r="554918" spans="8:8">
      <c r="H554918" s="12"/>
    </row>
    <row r="554919" spans="8:8">
      <c r="H554919" s="12"/>
    </row>
    <row r="554920" spans="8:8">
      <c r="H554920" s="12"/>
    </row>
    <row r="554921" spans="8:8">
      <c r="H554921" s="12"/>
    </row>
    <row r="554922" spans="8:8">
      <c r="H554922" s="12"/>
    </row>
    <row r="554923" spans="8:8">
      <c r="H554923" s="12"/>
    </row>
    <row r="554924" spans="8:8">
      <c r="H554924" s="12"/>
    </row>
    <row r="554925" spans="8:8">
      <c r="H554925" s="12"/>
    </row>
    <row r="554926" spans="8:8">
      <c r="H554926" s="12"/>
    </row>
    <row r="554927" spans="8:8">
      <c r="H554927" s="12"/>
    </row>
    <row r="554928" spans="8:8">
      <c r="H554928" s="12"/>
    </row>
    <row r="554929" spans="8:8">
      <c r="H554929" s="12"/>
    </row>
    <row r="554930" spans="8:8">
      <c r="H554930" s="12"/>
    </row>
    <row r="554931" spans="8:8">
      <c r="H554931" s="12"/>
    </row>
    <row r="554932" spans="8:8">
      <c r="H554932" s="12"/>
    </row>
    <row r="554933" spans="8:8">
      <c r="H554933" s="12"/>
    </row>
    <row r="554934" spans="8:8">
      <c r="H554934" s="12"/>
    </row>
    <row r="554935" spans="8:8">
      <c r="H554935" s="12"/>
    </row>
    <row r="554936" spans="8:8">
      <c r="H554936" s="12"/>
    </row>
    <row r="554937" spans="8:8">
      <c r="H554937" s="12"/>
    </row>
    <row r="554938" spans="8:8">
      <c r="H554938" s="12"/>
    </row>
    <row r="554939" spans="8:8">
      <c r="H554939" s="12"/>
    </row>
    <row r="554940" spans="8:8">
      <c r="H554940" s="12"/>
    </row>
    <row r="554941" spans="8:8">
      <c r="H554941" s="12"/>
    </row>
    <row r="554942" spans="8:8">
      <c r="H554942" s="12"/>
    </row>
    <row r="554943" spans="8:8">
      <c r="H554943" s="12"/>
    </row>
    <row r="554944" spans="8:8">
      <c r="H554944" s="12"/>
    </row>
    <row r="554945" spans="8:8">
      <c r="H554945" s="12"/>
    </row>
    <row r="554946" spans="8:8">
      <c r="H554946" s="12"/>
    </row>
    <row r="554947" spans="8:8">
      <c r="H554947" s="12"/>
    </row>
    <row r="554948" spans="8:8">
      <c r="H554948" s="12"/>
    </row>
    <row r="554949" spans="8:8">
      <c r="H554949" s="12"/>
    </row>
    <row r="554950" spans="8:8">
      <c r="H554950" s="12"/>
    </row>
    <row r="554951" spans="8:8">
      <c r="H554951" s="12"/>
    </row>
    <row r="554952" spans="8:8">
      <c r="H554952" s="12"/>
    </row>
    <row r="554953" spans="8:8">
      <c r="H554953" s="12"/>
    </row>
    <row r="554954" spans="8:8">
      <c r="H554954" s="12"/>
    </row>
    <row r="554955" spans="8:8">
      <c r="H554955" s="12"/>
    </row>
    <row r="554956" spans="8:8">
      <c r="H554956" s="12"/>
    </row>
    <row r="554957" spans="8:8">
      <c r="H554957" s="12"/>
    </row>
    <row r="554958" spans="8:8">
      <c r="H554958" s="12"/>
    </row>
    <row r="554959" spans="8:8">
      <c r="H554959" s="12"/>
    </row>
    <row r="554960" spans="8:8">
      <c r="H554960" s="12"/>
    </row>
    <row r="554961" spans="8:8">
      <c r="H554961" s="12"/>
    </row>
    <row r="554962" spans="8:8">
      <c r="H554962" s="12"/>
    </row>
    <row r="554963" spans="8:8">
      <c r="H554963" s="12"/>
    </row>
    <row r="554964" spans="8:8">
      <c r="H554964" s="12"/>
    </row>
    <row r="554965" spans="8:8">
      <c r="H554965" s="12"/>
    </row>
    <row r="554966" spans="8:8">
      <c r="H554966" s="12"/>
    </row>
    <row r="554967" spans="8:8">
      <c r="H554967" s="12"/>
    </row>
    <row r="554968" spans="8:8">
      <c r="H554968" s="12"/>
    </row>
    <row r="554969" spans="8:8">
      <c r="H554969" s="12"/>
    </row>
    <row r="554970" spans="8:8">
      <c r="H554970" s="12"/>
    </row>
    <row r="554971" spans="8:8">
      <c r="H554971" s="12"/>
    </row>
    <row r="554972" spans="8:8">
      <c r="H554972" s="12"/>
    </row>
    <row r="554973" spans="8:8">
      <c r="H554973" s="12"/>
    </row>
    <row r="554974" spans="8:8">
      <c r="H554974" s="12"/>
    </row>
    <row r="554975" spans="8:8">
      <c r="H554975" s="12"/>
    </row>
    <row r="554976" spans="8:8">
      <c r="H554976" s="12"/>
    </row>
    <row r="554977" spans="8:8">
      <c r="H554977" s="12"/>
    </row>
    <row r="554978" spans="8:8">
      <c r="H554978" s="12"/>
    </row>
    <row r="554979" spans="8:8">
      <c r="H554979" s="12"/>
    </row>
    <row r="554980" spans="8:8">
      <c r="H554980" s="12"/>
    </row>
    <row r="554981" spans="8:8">
      <c r="H554981" s="12"/>
    </row>
    <row r="554982" spans="8:8">
      <c r="H554982" s="12"/>
    </row>
    <row r="554983" spans="8:8">
      <c r="H554983" s="12"/>
    </row>
    <row r="554984" spans="8:8">
      <c r="H554984" s="12"/>
    </row>
    <row r="554985" spans="8:8">
      <c r="H554985" s="12"/>
    </row>
    <row r="554986" spans="8:8">
      <c r="H554986" s="12"/>
    </row>
    <row r="554987" spans="8:8">
      <c r="H554987" s="12"/>
    </row>
    <row r="554988" spans="8:8">
      <c r="H554988" s="12"/>
    </row>
    <row r="554989" spans="8:8">
      <c r="H554989" s="12"/>
    </row>
    <row r="554990" spans="8:8">
      <c r="H554990" s="12"/>
    </row>
    <row r="554991" spans="8:8">
      <c r="H554991" s="12"/>
    </row>
    <row r="554992" spans="8:8">
      <c r="H554992" s="12"/>
    </row>
    <row r="554993" spans="8:8">
      <c r="H554993" s="12"/>
    </row>
    <row r="554994" spans="8:8">
      <c r="H554994" s="12"/>
    </row>
    <row r="554995" spans="8:8">
      <c r="H554995" s="12"/>
    </row>
    <row r="554996" spans="8:8">
      <c r="H554996" s="12"/>
    </row>
    <row r="554997" spans="8:8">
      <c r="H554997" s="12"/>
    </row>
    <row r="554998" spans="8:8">
      <c r="H554998" s="12"/>
    </row>
    <row r="554999" spans="8:8">
      <c r="H554999" s="12"/>
    </row>
    <row r="555000" spans="8:8">
      <c r="H555000" s="12"/>
    </row>
    <row r="555001" spans="8:8">
      <c r="H555001" s="12"/>
    </row>
    <row r="555002" spans="8:8">
      <c r="H555002" s="12"/>
    </row>
    <row r="555003" spans="8:8">
      <c r="H555003" s="12"/>
    </row>
    <row r="555004" spans="8:8">
      <c r="H555004" s="12"/>
    </row>
    <row r="555005" spans="8:8">
      <c r="H555005" s="12"/>
    </row>
    <row r="555006" spans="8:8">
      <c r="H555006" s="12"/>
    </row>
    <row r="555007" spans="8:8">
      <c r="H555007" s="12"/>
    </row>
    <row r="555008" spans="8:8">
      <c r="H555008" s="12"/>
    </row>
    <row r="555009" spans="8:8">
      <c r="H555009" s="12"/>
    </row>
    <row r="555010" spans="8:8">
      <c r="H555010" s="12"/>
    </row>
    <row r="555011" spans="8:8">
      <c r="H555011" s="12"/>
    </row>
    <row r="555012" spans="8:8">
      <c r="H555012" s="12"/>
    </row>
    <row r="555013" spans="8:8">
      <c r="H555013" s="12"/>
    </row>
    <row r="555014" spans="8:8">
      <c r="H555014" s="12"/>
    </row>
    <row r="555015" spans="8:8">
      <c r="H555015" s="12"/>
    </row>
    <row r="555016" spans="8:8">
      <c r="H555016" s="12"/>
    </row>
    <row r="555017" spans="8:8">
      <c r="H555017" s="12"/>
    </row>
    <row r="555018" spans="8:8">
      <c r="H555018" s="12"/>
    </row>
    <row r="555019" spans="8:8">
      <c r="H555019" s="12"/>
    </row>
    <row r="555020" spans="8:8">
      <c r="H555020" s="12"/>
    </row>
    <row r="555021" spans="8:8">
      <c r="H555021" s="12"/>
    </row>
    <row r="555022" spans="8:8">
      <c r="H555022" s="12"/>
    </row>
    <row r="555023" spans="8:8">
      <c r="H555023" s="12"/>
    </row>
    <row r="555024" spans="8:8">
      <c r="H555024" s="12"/>
    </row>
    <row r="555025" spans="8:8">
      <c r="H555025" s="12"/>
    </row>
    <row r="555026" spans="8:8">
      <c r="H555026" s="12"/>
    </row>
    <row r="555027" spans="8:8">
      <c r="H555027" s="12"/>
    </row>
    <row r="555028" spans="8:8">
      <c r="H555028" s="12"/>
    </row>
    <row r="555029" spans="8:8">
      <c r="H555029" s="12"/>
    </row>
    <row r="555030" spans="8:8">
      <c r="H555030" s="12"/>
    </row>
    <row r="555031" spans="8:8">
      <c r="H555031" s="12"/>
    </row>
    <row r="555032" spans="8:8">
      <c r="H555032" s="12"/>
    </row>
    <row r="555033" spans="8:8">
      <c r="H555033" s="12"/>
    </row>
    <row r="555034" spans="8:8">
      <c r="H555034" s="12"/>
    </row>
    <row r="555035" spans="8:8">
      <c r="H555035" s="12"/>
    </row>
    <row r="555036" spans="8:8">
      <c r="H555036" s="12"/>
    </row>
    <row r="555037" spans="8:8">
      <c r="H555037" s="12"/>
    </row>
    <row r="555038" spans="8:8">
      <c r="H555038" s="12"/>
    </row>
    <row r="555039" spans="8:8">
      <c r="H555039" s="12"/>
    </row>
    <row r="555040" spans="8:8">
      <c r="H555040" s="12"/>
    </row>
    <row r="555041" spans="8:8">
      <c r="H555041" s="12"/>
    </row>
    <row r="555042" spans="8:8">
      <c r="H555042" s="12"/>
    </row>
    <row r="555043" spans="8:8">
      <c r="H555043" s="12"/>
    </row>
    <row r="555044" spans="8:8">
      <c r="H555044" s="12"/>
    </row>
    <row r="555045" spans="8:8">
      <c r="H555045" s="12"/>
    </row>
    <row r="555046" spans="8:8">
      <c r="H555046" s="12"/>
    </row>
    <row r="555047" spans="8:8">
      <c r="H555047" s="12"/>
    </row>
    <row r="555048" spans="8:8">
      <c r="H555048" s="12"/>
    </row>
    <row r="555049" spans="8:8">
      <c r="H555049" s="12"/>
    </row>
    <row r="555050" spans="8:8">
      <c r="H555050" s="12"/>
    </row>
    <row r="555051" spans="8:8">
      <c r="H555051" s="12"/>
    </row>
    <row r="555052" spans="8:8">
      <c r="H555052" s="12"/>
    </row>
    <row r="555053" spans="8:8">
      <c r="H555053" s="12"/>
    </row>
    <row r="555054" spans="8:8">
      <c r="H555054" s="12"/>
    </row>
    <row r="555055" spans="8:8">
      <c r="H555055" s="12"/>
    </row>
    <row r="555056" spans="8:8">
      <c r="H555056" s="12"/>
    </row>
    <row r="555057" spans="8:8">
      <c r="H555057" s="12"/>
    </row>
    <row r="555058" spans="8:8">
      <c r="H555058" s="12"/>
    </row>
    <row r="555059" spans="8:8">
      <c r="H555059" s="12"/>
    </row>
    <row r="555060" spans="8:8">
      <c r="H555060" s="12"/>
    </row>
    <row r="555061" spans="8:8">
      <c r="H555061" s="12"/>
    </row>
    <row r="555062" spans="8:8">
      <c r="H555062" s="12"/>
    </row>
    <row r="555063" spans="8:8">
      <c r="H555063" s="12"/>
    </row>
    <row r="555064" spans="8:8">
      <c r="H555064" s="12"/>
    </row>
    <row r="555065" spans="8:8">
      <c r="H555065" s="12"/>
    </row>
    <row r="555066" spans="8:8">
      <c r="H555066" s="12"/>
    </row>
    <row r="555067" spans="8:8">
      <c r="H555067" s="12"/>
    </row>
    <row r="555068" spans="8:8">
      <c r="H555068" s="12"/>
    </row>
    <row r="555069" spans="8:8">
      <c r="H555069" s="12"/>
    </row>
    <row r="555070" spans="8:8">
      <c r="H555070" s="12"/>
    </row>
    <row r="555071" spans="8:8">
      <c r="H555071" s="12"/>
    </row>
    <row r="555072" spans="8:8">
      <c r="H555072" s="12"/>
    </row>
    <row r="555073" spans="8:8">
      <c r="H555073" s="12"/>
    </row>
    <row r="555074" spans="8:8">
      <c r="H555074" s="12"/>
    </row>
    <row r="555075" spans="8:8">
      <c r="H555075" s="12"/>
    </row>
    <row r="555076" spans="8:8">
      <c r="H555076" s="12"/>
    </row>
    <row r="555077" spans="8:8">
      <c r="H555077" s="12"/>
    </row>
    <row r="555078" spans="8:8">
      <c r="H555078" s="12"/>
    </row>
    <row r="555079" spans="8:8">
      <c r="H555079" s="12"/>
    </row>
    <row r="555080" spans="8:8">
      <c r="H555080" s="12"/>
    </row>
    <row r="555081" spans="8:8">
      <c r="H555081" s="12"/>
    </row>
    <row r="555082" spans="8:8">
      <c r="H555082" s="12"/>
    </row>
    <row r="555083" spans="8:8">
      <c r="H555083" s="12"/>
    </row>
    <row r="555084" spans="8:8">
      <c r="H555084" s="12"/>
    </row>
    <row r="555085" spans="8:8">
      <c r="H555085" s="12"/>
    </row>
    <row r="555086" spans="8:8">
      <c r="H555086" s="12"/>
    </row>
    <row r="555087" spans="8:8">
      <c r="H555087" s="12"/>
    </row>
    <row r="555088" spans="8:8">
      <c r="H555088" s="12"/>
    </row>
    <row r="555089" spans="8:8">
      <c r="H555089" s="12"/>
    </row>
    <row r="555090" spans="8:8">
      <c r="H555090" s="12"/>
    </row>
    <row r="555091" spans="8:8">
      <c r="H555091" s="12"/>
    </row>
    <row r="555092" spans="8:8">
      <c r="H555092" s="12"/>
    </row>
    <row r="555093" spans="8:8">
      <c r="H555093" s="12"/>
    </row>
    <row r="555094" spans="8:8">
      <c r="H555094" s="12"/>
    </row>
    <row r="555095" spans="8:8">
      <c r="H555095" s="12"/>
    </row>
    <row r="555096" spans="8:8">
      <c r="H555096" s="12"/>
    </row>
    <row r="555097" spans="8:8">
      <c r="H555097" s="12"/>
    </row>
    <row r="555098" spans="8:8">
      <c r="H555098" s="12"/>
    </row>
    <row r="555099" spans="8:8">
      <c r="H555099" s="12"/>
    </row>
    <row r="555100" spans="8:8">
      <c r="H555100" s="12"/>
    </row>
    <row r="555101" spans="8:8">
      <c r="H555101" s="12"/>
    </row>
    <row r="555102" spans="8:8">
      <c r="H555102" s="12"/>
    </row>
    <row r="555103" spans="8:8">
      <c r="H555103" s="12"/>
    </row>
    <row r="555104" spans="8:8">
      <c r="H555104" s="12"/>
    </row>
    <row r="555105" spans="8:8">
      <c r="H555105" s="12"/>
    </row>
    <row r="555106" spans="8:8">
      <c r="H555106" s="12"/>
    </row>
    <row r="555107" spans="8:8">
      <c r="H555107" s="12"/>
    </row>
    <row r="555108" spans="8:8">
      <c r="H555108" s="12"/>
    </row>
    <row r="555109" spans="8:8">
      <c r="H555109" s="12"/>
    </row>
    <row r="555110" spans="8:8">
      <c r="H555110" s="12"/>
    </row>
    <row r="555111" spans="8:8">
      <c r="H555111" s="12"/>
    </row>
    <row r="555112" spans="8:8">
      <c r="H555112" s="12"/>
    </row>
    <row r="555113" spans="8:8">
      <c r="H555113" s="12"/>
    </row>
    <row r="555114" spans="8:8">
      <c r="H555114" s="12"/>
    </row>
    <row r="555115" spans="8:8">
      <c r="H555115" s="12"/>
    </row>
    <row r="555116" spans="8:8">
      <c r="H555116" s="12"/>
    </row>
    <row r="555117" spans="8:8">
      <c r="H555117" s="12"/>
    </row>
    <row r="555118" spans="8:8">
      <c r="H555118" s="12"/>
    </row>
    <row r="555119" spans="8:8">
      <c r="H555119" s="12"/>
    </row>
    <row r="555120" spans="8:8">
      <c r="H555120" s="12"/>
    </row>
    <row r="555121" spans="8:8">
      <c r="H555121" s="12"/>
    </row>
    <row r="555122" spans="8:8">
      <c r="H555122" s="12"/>
    </row>
    <row r="555123" spans="8:8">
      <c r="H555123" s="12"/>
    </row>
    <row r="555124" spans="8:8">
      <c r="H555124" s="12"/>
    </row>
    <row r="555125" spans="8:8">
      <c r="H555125" s="12"/>
    </row>
    <row r="555126" spans="8:8">
      <c r="H555126" s="12"/>
    </row>
    <row r="555127" spans="8:8">
      <c r="H555127" s="12"/>
    </row>
    <row r="555128" spans="8:8">
      <c r="H555128" s="12"/>
    </row>
    <row r="555129" spans="8:8">
      <c r="H555129" s="12"/>
    </row>
    <row r="555130" spans="8:8">
      <c r="H555130" s="12"/>
    </row>
    <row r="555131" spans="8:8">
      <c r="H555131" s="12"/>
    </row>
    <row r="555132" spans="8:8">
      <c r="H555132" s="12"/>
    </row>
    <row r="555133" spans="8:8">
      <c r="H555133" s="12"/>
    </row>
    <row r="555134" spans="8:8">
      <c r="H555134" s="12"/>
    </row>
    <row r="555135" spans="8:8">
      <c r="H555135" s="12"/>
    </row>
    <row r="555136" spans="8:8">
      <c r="H555136" s="12"/>
    </row>
    <row r="555137" spans="8:8">
      <c r="H555137" s="12"/>
    </row>
    <row r="555138" spans="8:8">
      <c r="H555138" s="12"/>
    </row>
    <row r="555139" spans="8:8">
      <c r="H555139" s="12"/>
    </row>
    <row r="555140" spans="8:8">
      <c r="H555140" s="12"/>
    </row>
    <row r="555141" spans="8:8">
      <c r="H555141" s="12"/>
    </row>
    <row r="555142" spans="8:8">
      <c r="H555142" s="12"/>
    </row>
    <row r="555143" spans="8:8">
      <c r="H555143" s="12"/>
    </row>
    <row r="555144" spans="8:8">
      <c r="H555144" s="12"/>
    </row>
    <row r="555145" spans="8:8">
      <c r="H555145" s="12"/>
    </row>
    <row r="555146" spans="8:8">
      <c r="H555146" s="12"/>
    </row>
    <row r="555147" spans="8:8">
      <c r="H555147" s="12"/>
    </row>
    <row r="555148" spans="8:8">
      <c r="H555148" s="12"/>
    </row>
    <row r="555149" spans="8:8">
      <c r="H555149" s="12"/>
    </row>
    <row r="555150" spans="8:8">
      <c r="H555150" s="12"/>
    </row>
    <row r="555151" spans="8:8">
      <c r="H555151" s="12"/>
    </row>
    <row r="555152" spans="8:8">
      <c r="H555152" s="12"/>
    </row>
    <row r="555153" spans="8:8">
      <c r="H555153" s="12"/>
    </row>
    <row r="555154" spans="8:8">
      <c r="H555154" s="12"/>
    </row>
    <row r="555155" spans="8:8">
      <c r="H555155" s="12"/>
    </row>
    <row r="555156" spans="8:8">
      <c r="H555156" s="12"/>
    </row>
    <row r="555157" spans="8:8">
      <c r="H555157" s="12"/>
    </row>
    <row r="555158" spans="8:8">
      <c r="H555158" s="12"/>
    </row>
    <row r="555159" spans="8:8">
      <c r="H555159" s="12"/>
    </row>
    <row r="555160" spans="8:8">
      <c r="H555160" s="12"/>
    </row>
    <row r="555161" spans="8:8">
      <c r="H555161" s="12"/>
    </row>
    <row r="555162" spans="8:8">
      <c r="H555162" s="12"/>
    </row>
    <row r="555163" spans="8:8">
      <c r="H555163" s="12"/>
    </row>
    <row r="555164" spans="8:8">
      <c r="H555164" s="12"/>
    </row>
    <row r="555165" spans="8:8">
      <c r="H555165" s="12"/>
    </row>
    <row r="555166" spans="8:8">
      <c r="H555166" s="12"/>
    </row>
    <row r="555167" spans="8:8">
      <c r="H555167" s="12"/>
    </row>
    <row r="555168" spans="8:8">
      <c r="H555168" s="12"/>
    </row>
    <row r="555169" spans="8:8">
      <c r="H555169" s="12"/>
    </row>
    <row r="555170" spans="8:8">
      <c r="H555170" s="12"/>
    </row>
    <row r="555171" spans="8:8">
      <c r="H555171" s="12"/>
    </row>
    <row r="555172" spans="8:8">
      <c r="H555172" s="12"/>
    </row>
    <row r="555173" spans="8:8">
      <c r="H555173" s="12"/>
    </row>
    <row r="555174" spans="8:8">
      <c r="H555174" s="12"/>
    </row>
    <row r="555175" spans="8:8">
      <c r="H555175" s="12"/>
    </row>
    <row r="555176" spans="8:8">
      <c r="H555176" s="12"/>
    </row>
    <row r="555177" spans="8:8">
      <c r="H555177" s="12"/>
    </row>
    <row r="555178" spans="8:8">
      <c r="H555178" s="12"/>
    </row>
    <row r="555179" spans="8:8">
      <c r="H555179" s="12"/>
    </row>
    <row r="555180" spans="8:8">
      <c r="H555180" s="12"/>
    </row>
    <row r="555181" spans="8:8">
      <c r="H555181" s="12"/>
    </row>
    <row r="555182" spans="8:8">
      <c r="H555182" s="12"/>
    </row>
    <row r="555183" spans="8:8">
      <c r="H555183" s="12"/>
    </row>
    <row r="555184" spans="8:8">
      <c r="H555184" s="12"/>
    </row>
    <row r="555185" spans="8:8">
      <c r="H555185" s="12"/>
    </row>
    <row r="555186" spans="8:8">
      <c r="H555186" s="12"/>
    </row>
    <row r="555187" spans="8:8">
      <c r="H555187" s="12"/>
    </row>
    <row r="555188" spans="8:8">
      <c r="H555188" s="12"/>
    </row>
    <row r="555189" spans="8:8">
      <c r="H555189" s="12"/>
    </row>
    <row r="555190" spans="8:8">
      <c r="H555190" s="12"/>
    </row>
    <row r="555191" spans="8:8">
      <c r="H555191" s="12"/>
    </row>
    <row r="555192" spans="8:8">
      <c r="H555192" s="12"/>
    </row>
    <row r="555193" spans="8:8">
      <c r="H555193" s="12"/>
    </row>
    <row r="555194" spans="8:8">
      <c r="H555194" s="12"/>
    </row>
    <row r="555195" spans="8:8">
      <c r="H555195" s="12"/>
    </row>
    <row r="555196" spans="8:8">
      <c r="H555196" s="12"/>
    </row>
    <row r="555197" spans="8:8">
      <c r="H555197" s="12"/>
    </row>
    <row r="555198" spans="8:8">
      <c r="H555198" s="12"/>
    </row>
    <row r="555199" spans="8:8">
      <c r="H555199" s="12"/>
    </row>
    <row r="555200" spans="8:8">
      <c r="H555200" s="12"/>
    </row>
    <row r="555201" spans="8:8">
      <c r="H555201" s="12"/>
    </row>
    <row r="555202" spans="8:8">
      <c r="H555202" s="12"/>
    </row>
    <row r="555203" spans="8:8">
      <c r="H555203" s="12"/>
    </row>
    <row r="555204" spans="8:8">
      <c r="H555204" s="12"/>
    </row>
    <row r="555205" spans="8:8">
      <c r="H555205" s="12"/>
    </row>
    <row r="555206" spans="8:8">
      <c r="H555206" s="12"/>
    </row>
    <row r="555207" spans="8:8">
      <c r="H555207" s="12"/>
    </row>
    <row r="555208" spans="8:8">
      <c r="H555208" s="12"/>
    </row>
    <row r="555209" spans="8:8">
      <c r="H555209" s="12"/>
    </row>
    <row r="555210" spans="8:8">
      <c r="H555210" s="12"/>
    </row>
    <row r="555211" spans="8:8">
      <c r="H555211" s="12"/>
    </row>
    <row r="555212" spans="8:8">
      <c r="H555212" s="12"/>
    </row>
    <row r="555213" spans="8:8">
      <c r="H555213" s="12"/>
    </row>
    <row r="555214" spans="8:8">
      <c r="H555214" s="12"/>
    </row>
    <row r="555215" spans="8:8">
      <c r="H555215" s="12"/>
    </row>
    <row r="555216" spans="8:8">
      <c r="H555216" s="12"/>
    </row>
    <row r="555217" spans="8:8">
      <c r="H555217" s="12"/>
    </row>
    <row r="555218" spans="8:8">
      <c r="H555218" s="12"/>
    </row>
    <row r="555219" spans="8:8">
      <c r="H555219" s="12"/>
    </row>
    <row r="555220" spans="8:8">
      <c r="H555220" s="12"/>
    </row>
    <row r="555221" spans="8:8">
      <c r="H555221" s="12"/>
    </row>
    <row r="555222" spans="8:8">
      <c r="H555222" s="12"/>
    </row>
    <row r="555223" spans="8:8">
      <c r="H555223" s="12"/>
    </row>
    <row r="555224" spans="8:8">
      <c r="H555224" s="12"/>
    </row>
    <row r="555225" spans="8:8">
      <c r="H555225" s="12"/>
    </row>
    <row r="555226" spans="8:8">
      <c r="H555226" s="12"/>
    </row>
    <row r="555227" spans="8:8">
      <c r="H555227" s="12"/>
    </row>
    <row r="555228" spans="8:8">
      <c r="H555228" s="12"/>
    </row>
    <row r="555229" spans="8:8">
      <c r="H555229" s="12"/>
    </row>
    <row r="555230" spans="8:8">
      <c r="H555230" s="12"/>
    </row>
    <row r="555231" spans="8:8">
      <c r="H555231" s="12"/>
    </row>
    <row r="555232" spans="8:8">
      <c r="H555232" s="12"/>
    </row>
    <row r="555233" spans="8:8">
      <c r="H555233" s="12"/>
    </row>
    <row r="555234" spans="8:8">
      <c r="H555234" s="12"/>
    </row>
    <row r="555235" spans="8:8">
      <c r="H555235" s="12"/>
    </row>
    <row r="555236" spans="8:8">
      <c r="H555236" s="12"/>
    </row>
    <row r="555237" spans="8:8">
      <c r="H555237" s="12"/>
    </row>
    <row r="555238" spans="8:8">
      <c r="H555238" s="12"/>
    </row>
    <row r="555239" spans="8:8">
      <c r="H555239" s="12"/>
    </row>
    <row r="555240" spans="8:8">
      <c r="H555240" s="12"/>
    </row>
    <row r="555241" spans="8:8">
      <c r="H555241" s="12"/>
    </row>
    <row r="555242" spans="8:8">
      <c r="H555242" s="12"/>
    </row>
    <row r="555243" spans="8:8">
      <c r="H555243" s="12"/>
    </row>
    <row r="555244" spans="8:8">
      <c r="H555244" s="12"/>
    </row>
    <row r="555245" spans="8:8">
      <c r="H555245" s="12"/>
    </row>
    <row r="555246" spans="8:8">
      <c r="H555246" s="12"/>
    </row>
    <row r="555247" spans="8:8">
      <c r="H555247" s="12"/>
    </row>
    <row r="555248" spans="8:8">
      <c r="H555248" s="12"/>
    </row>
    <row r="555249" spans="8:8">
      <c r="H555249" s="12"/>
    </row>
    <row r="555250" spans="8:8">
      <c r="H555250" s="12"/>
    </row>
    <row r="555251" spans="8:8">
      <c r="H555251" s="12"/>
    </row>
    <row r="555252" spans="8:8">
      <c r="H555252" s="12"/>
    </row>
    <row r="555253" spans="8:8">
      <c r="H555253" s="12"/>
    </row>
    <row r="555254" spans="8:8">
      <c r="H555254" s="12"/>
    </row>
    <row r="555255" spans="8:8">
      <c r="H555255" s="12"/>
    </row>
    <row r="555256" spans="8:8">
      <c r="H555256" s="12"/>
    </row>
    <row r="555257" spans="8:8">
      <c r="H555257" s="12"/>
    </row>
    <row r="555258" spans="8:8">
      <c r="H555258" s="12"/>
    </row>
    <row r="555259" spans="8:8">
      <c r="H555259" s="12"/>
    </row>
    <row r="555260" spans="8:8">
      <c r="H555260" s="12"/>
    </row>
    <row r="555261" spans="8:8">
      <c r="H555261" s="12"/>
    </row>
    <row r="555262" spans="8:8">
      <c r="H555262" s="12"/>
    </row>
    <row r="555263" spans="8:8">
      <c r="H555263" s="12"/>
    </row>
    <row r="555264" spans="8:8">
      <c r="H555264" s="12"/>
    </row>
    <row r="555265" spans="8:8">
      <c r="H555265" s="12"/>
    </row>
    <row r="555266" spans="8:8">
      <c r="H555266" s="12"/>
    </row>
    <row r="555267" spans="8:8">
      <c r="H555267" s="12"/>
    </row>
    <row r="555268" spans="8:8">
      <c r="H555268" s="12"/>
    </row>
    <row r="555269" spans="8:8">
      <c r="H555269" s="12"/>
    </row>
    <row r="555270" spans="8:8">
      <c r="H555270" s="12"/>
    </row>
    <row r="555271" spans="8:8">
      <c r="H555271" s="12"/>
    </row>
    <row r="555272" spans="8:8">
      <c r="H555272" s="12"/>
    </row>
    <row r="555273" spans="8:8">
      <c r="H555273" s="12"/>
    </row>
    <row r="555274" spans="8:8">
      <c r="H555274" s="12"/>
    </row>
    <row r="555275" spans="8:8">
      <c r="H555275" s="12"/>
    </row>
    <row r="555276" spans="8:8">
      <c r="H555276" s="12"/>
    </row>
    <row r="555277" spans="8:8">
      <c r="H555277" s="12"/>
    </row>
    <row r="555278" spans="8:8">
      <c r="H555278" s="12"/>
    </row>
    <row r="555279" spans="8:8">
      <c r="H555279" s="12"/>
    </row>
    <row r="555280" spans="8:8">
      <c r="H555280" s="12"/>
    </row>
    <row r="555281" spans="8:8">
      <c r="H555281" s="12"/>
    </row>
    <row r="555282" spans="8:8">
      <c r="H555282" s="12"/>
    </row>
    <row r="555283" spans="8:8">
      <c r="H555283" s="12"/>
    </row>
    <row r="555284" spans="8:8">
      <c r="H555284" s="12"/>
    </row>
    <row r="555285" spans="8:8">
      <c r="H555285" s="12"/>
    </row>
    <row r="555286" spans="8:8">
      <c r="H555286" s="12"/>
    </row>
    <row r="555287" spans="8:8">
      <c r="H555287" s="12"/>
    </row>
    <row r="555288" spans="8:8">
      <c r="H555288" s="12"/>
    </row>
    <row r="555289" spans="8:8">
      <c r="H555289" s="12"/>
    </row>
    <row r="555290" spans="8:8">
      <c r="H555290" s="12"/>
    </row>
    <row r="555291" spans="8:8">
      <c r="H555291" s="12"/>
    </row>
    <row r="555292" spans="8:8">
      <c r="H555292" s="12"/>
    </row>
    <row r="555293" spans="8:8">
      <c r="H555293" s="12"/>
    </row>
    <row r="555294" spans="8:8">
      <c r="H555294" s="12"/>
    </row>
    <row r="555295" spans="8:8">
      <c r="H555295" s="12"/>
    </row>
    <row r="555296" spans="8:8">
      <c r="H555296" s="12"/>
    </row>
    <row r="555297" spans="8:8">
      <c r="H555297" s="12"/>
    </row>
    <row r="555298" spans="8:8">
      <c r="H555298" s="12"/>
    </row>
    <row r="555299" spans="8:8">
      <c r="H555299" s="12"/>
    </row>
    <row r="555300" spans="8:8">
      <c r="H555300" s="12"/>
    </row>
    <row r="555301" spans="8:8">
      <c r="H555301" s="12"/>
    </row>
    <row r="555302" spans="8:8">
      <c r="H555302" s="12"/>
    </row>
    <row r="555303" spans="8:8">
      <c r="H555303" s="12"/>
    </row>
    <row r="555304" spans="8:8">
      <c r="H555304" s="12"/>
    </row>
    <row r="555305" spans="8:8">
      <c r="H555305" s="12"/>
    </row>
    <row r="555306" spans="8:8">
      <c r="H555306" s="12"/>
    </row>
    <row r="555307" spans="8:8">
      <c r="H555307" s="12"/>
    </row>
    <row r="555308" spans="8:8">
      <c r="H555308" s="12"/>
    </row>
    <row r="555309" spans="8:8">
      <c r="H555309" s="12"/>
    </row>
    <row r="555310" spans="8:8">
      <c r="H555310" s="12"/>
    </row>
    <row r="555311" spans="8:8">
      <c r="H555311" s="12"/>
    </row>
    <row r="555312" spans="8:8">
      <c r="H555312" s="12"/>
    </row>
    <row r="555313" spans="8:8">
      <c r="H555313" s="12"/>
    </row>
    <row r="555314" spans="8:8">
      <c r="H555314" s="12"/>
    </row>
    <row r="555315" spans="8:8">
      <c r="H555315" s="12"/>
    </row>
    <row r="555316" spans="8:8">
      <c r="H555316" s="12"/>
    </row>
    <row r="555317" spans="8:8">
      <c r="H555317" s="12"/>
    </row>
    <row r="555318" spans="8:8">
      <c r="H555318" s="12"/>
    </row>
    <row r="555319" spans="8:8">
      <c r="H555319" s="12"/>
    </row>
    <row r="555320" spans="8:8">
      <c r="H555320" s="12"/>
    </row>
    <row r="555321" spans="8:8">
      <c r="H555321" s="12"/>
    </row>
    <row r="555322" spans="8:8">
      <c r="H555322" s="12"/>
    </row>
    <row r="555323" spans="8:8">
      <c r="H555323" s="12"/>
    </row>
    <row r="555324" spans="8:8">
      <c r="H555324" s="12"/>
    </row>
    <row r="555325" spans="8:8">
      <c r="H555325" s="12"/>
    </row>
    <row r="555326" spans="8:8">
      <c r="H555326" s="12"/>
    </row>
    <row r="555327" spans="8:8">
      <c r="H555327" s="12"/>
    </row>
    <row r="555328" spans="8:8">
      <c r="H555328" s="12"/>
    </row>
    <row r="555329" spans="8:8">
      <c r="H555329" s="12"/>
    </row>
    <row r="555330" spans="8:8">
      <c r="H555330" s="12"/>
    </row>
    <row r="555331" spans="8:8">
      <c r="H555331" s="12"/>
    </row>
    <row r="555332" spans="8:8">
      <c r="H555332" s="12"/>
    </row>
    <row r="555333" spans="8:8">
      <c r="H555333" s="12"/>
    </row>
    <row r="555334" spans="8:8">
      <c r="H555334" s="12"/>
    </row>
    <row r="555335" spans="8:8">
      <c r="H555335" s="12"/>
    </row>
    <row r="555336" spans="8:8">
      <c r="H555336" s="12"/>
    </row>
    <row r="555337" spans="8:8">
      <c r="H555337" s="12"/>
    </row>
    <row r="555338" spans="8:8">
      <c r="H555338" s="12"/>
    </row>
    <row r="555339" spans="8:8">
      <c r="H555339" s="12"/>
    </row>
    <row r="555340" spans="8:8">
      <c r="H555340" s="12"/>
    </row>
    <row r="555341" spans="8:8">
      <c r="H555341" s="12"/>
    </row>
    <row r="555342" spans="8:8">
      <c r="H555342" s="12"/>
    </row>
    <row r="555343" spans="8:8">
      <c r="H555343" s="12"/>
    </row>
    <row r="555344" spans="8:8">
      <c r="H555344" s="12"/>
    </row>
    <row r="555345" spans="8:8">
      <c r="H555345" s="12"/>
    </row>
    <row r="555346" spans="8:8">
      <c r="H555346" s="12"/>
    </row>
    <row r="555347" spans="8:8">
      <c r="H555347" s="12"/>
    </row>
    <row r="555348" spans="8:8">
      <c r="H555348" s="12"/>
    </row>
    <row r="555349" spans="8:8">
      <c r="H555349" s="12"/>
    </row>
    <row r="555350" spans="8:8">
      <c r="H555350" s="12"/>
    </row>
    <row r="555351" spans="8:8">
      <c r="H555351" s="12"/>
    </row>
    <row r="555352" spans="8:8">
      <c r="H555352" s="12"/>
    </row>
    <row r="555353" spans="8:8">
      <c r="H555353" s="12"/>
    </row>
    <row r="555354" spans="8:8">
      <c r="H555354" s="12"/>
    </row>
    <row r="555355" spans="8:8">
      <c r="H555355" s="12"/>
    </row>
    <row r="555356" spans="8:8">
      <c r="H555356" s="12"/>
    </row>
    <row r="555357" spans="8:8">
      <c r="H555357" s="12"/>
    </row>
    <row r="555358" spans="8:8">
      <c r="H555358" s="12"/>
    </row>
    <row r="555359" spans="8:8">
      <c r="H555359" s="12"/>
    </row>
    <row r="555360" spans="8:8">
      <c r="H555360" s="12"/>
    </row>
    <row r="555361" spans="8:8">
      <c r="H555361" s="12"/>
    </row>
    <row r="555362" spans="8:8">
      <c r="H555362" s="12"/>
    </row>
    <row r="555363" spans="8:8">
      <c r="H555363" s="12"/>
    </row>
    <row r="555364" spans="8:8">
      <c r="H555364" s="12"/>
    </row>
    <row r="555365" spans="8:8">
      <c r="H555365" s="12"/>
    </row>
    <row r="555366" spans="8:8">
      <c r="H555366" s="12"/>
    </row>
    <row r="555367" spans="8:8">
      <c r="H555367" s="12"/>
    </row>
    <row r="555368" spans="8:8">
      <c r="H555368" s="12"/>
    </row>
    <row r="555369" spans="8:8">
      <c r="H555369" s="12"/>
    </row>
    <row r="555370" spans="8:8">
      <c r="H555370" s="12"/>
    </row>
    <row r="555371" spans="8:8">
      <c r="H555371" s="12"/>
    </row>
    <row r="555372" spans="8:8">
      <c r="H555372" s="12"/>
    </row>
    <row r="555373" spans="8:8">
      <c r="H555373" s="12"/>
    </row>
    <row r="555374" spans="8:8">
      <c r="H555374" s="12"/>
    </row>
    <row r="555375" spans="8:8">
      <c r="H555375" s="12"/>
    </row>
    <row r="555376" spans="8:8">
      <c r="H555376" s="12"/>
    </row>
    <row r="555377" spans="8:8">
      <c r="H555377" s="12"/>
    </row>
    <row r="555378" spans="8:8">
      <c r="H555378" s="12"/>
    </row>
    <row r="555379" spans="8:8">
      <c r="H555379" s="12"/>
    </row>
    <row r="555380" spans="8:8">
      <c r="H555380" s="12"/>
    </row>
    <row r="555381" spans="8:8">
      <c r="H555381" s="12"/>
    </row>
    <row r="555382" spans="8:8">
      <c r="H555382" s="12"/>
    </row>
    <row r="555383" spans="8:8">
      <c r="H555383" s="12"/>
    </row>
    <row r="555384" spans="8:8">
      <c r="H555384" s="12"/>
    </row>
    <row r="555385" spans="8:8">
      <c r="H555385" s="12"/>
    </row>
    <row r="555386" spans="8:8">
      <c r="H555386" s="12"/>
    </row>
    <row r="555387" spans="8:8">
      <c r="H555387" s="12"/>
    </row>
    <row r="555388" spans="8:8">
      <c r="H555388" s="12"/>
    </row>
    <row r="555389" spans="8:8">
      <c r="H555389" s="12"/>
    </row>
    <row r="555390" spans="8:8">
      <c r="H555390" s="12"/>
    </row>
    <row r="555391" spans="8:8">
      <c r="H555391" s="12"/>
    </row>
    <row r="555392" spans="8:8">
      <c r="H555392" s="12"/>
    </row>
    <row r="555393" spans="8:8">
      <c r="H555393" s="12"/>
    </row>
    <row r="555394" spans="8:8">
      <c r="H555394" s="12"/>
    </row>
    <row r="555395" spans="8:8">
      <c r="H555395" s="12"/>
    </row>
    <row r="555396" spans="8:8">
      <c r="H555396" s="12"/>
    </row>
    <row r="555397" spans="8:8">
      <c r="H555397" s="12"/>
    </row>
    <row r="555398" spans="8:8">
      <c r="H555398" s="12"/>
    </row>
    <row r="555399" spans="8:8">
      <c r="H555399" s="12"/>
    </row>
    <row r="555400" spans="8:8">
      <c r="H555400" s="12"/>
    </row>
    <row r="555401" spans="8:8">
      <c r="H555401" s="12"/>
    </row>
    <row r="555402" spans="8:8">
      <c r="H555402" s="12"/>
    </row>
    <row r="555403" spans="8:8">
      <c r="H555403" s="12"/>
    </row>
    <row r="555404" spans="8:8">
      <c r="H555404" s="12"/>
    </row>
    <row r="555405" spans="8:8">
      <c r="H555405" s="12"/>
    </row>
    <row r="555406" spans="8:8">
      <c r="H555406" s="12"/>
    </row>
    <row r="555407" spans="8:8">
      <c r="H555407" s="12"/>
    </row>
    <row r="555408" spans="8:8">
      <c r="H555408" s="12"/>
    </row>
    <row r="555409" spans="8:8">
      <c r="H555409" s="12"/>
    </row>
    <row r="555410" spans="8:8">
      <c r="H555410" s="12"/>
    </row>
    <row r="555411" spans="8:8">
      <c r="H555411" s="12"/>
    </row>
    <row r="555412" spans="8:8">
      <c r="H555412" s="12"/>
    </row>
    <row r="555413" spans="8:8">
      <c r="H555413" s="12"/>
    </row>
    <row r="555414" spans="8:8">
      <c r="H555414" s="12"/>
    </row>
    <row r="555415" spans="8:8">
      <c r="H555415" s="12"/>
    </row>
    <row r="555416" spans="8:8">
      <c r="H555416" s="12"/>
    </row>
    <row r="555417" spans="8:8">
      <c r="H555417" s="12"/>
    </row>
    <row r="555418" spans="8:8">
      <c r="H555418" s="12"/>
    </row>
    <row r="555419" spans="8:8">
      <c r="H555419" s="12"/>
    </row>
    <row r="555420" spans="8:8">
      <c r="H555420" s="12"/>
    </row>
    <row r="555421" spans="8:8">
      <c r="H555421" s="12"/>
    </row>
    <row r="555422" spans="8:8">
      <c r="H555422" s="12"/>
    </row>
    <row r="555423" spans="8:8">
      <c r="H555423" s="12"/>
    </row>
    <row r="555424" spans="8:8">
      <c r="H555424" s="12"/>
    </row>
    <row r="555425" spans="8:8">
      <c r="H555425" s="12"/>
    </row>
    <row r="555426" spans="8:8">
      <c r="H555426" s="12"/>
    </row>
    <row r="555427" spans="8:8">
      <c r="H555427" s="12"/>
    </row>
    <row r="555428" spans="8:8">
      <c r="H555428" s="12"/>
    </row>
    <row r="555429" spans="8:8">
      <c r="H555429" s="12"/>
    </row>
    <row r="555430" spans="8:8">
      <c r="H555430" s="12"/>
    </row>
    <row r="555431" spans="8:8">
      <c r="H555431" s="12"/>
    </row>
    <row r="555432" spans="8:8">
      <c r="H555432" s="12"/>
    </row>
    <row r="555433" spans="8:8">
      <c r="H555433" s="12"/>
    </row>
    <row r="555434" spans="8:8">
      <c r="H555434" s="12"/>
    </row>
    <row r="555435" spans="8:8">
      <c r="H555435" s="12"/>
    </row>
    <row r="555436" spans="8:8">
      <c r="H555436" s="12"/>
    </row>
    <row r="555437" spans="8:8">
      <c r="H555437" s="12"/>
    </row>
    <row r="555438" spans="8:8">
      <c r="H555438" s="12"/>
    </row>
    <row r="555439" spans="8:8">
      <c r="H555439" s="12"/>
    </row>
    <row r="555440" spans="8:8">
      <c r="H555440" s="12"/>
    </row>
    <row r="555441" spans="8:8">
      <c r="H555441" s="12"/>
    </row>
    <row r="555442" spans="8:8">
      <c r="H555442" s="12"/>
    </row>
    <row r="555443" spans="8:8">
      <c r="H555443" s="12"/>
    </row>
    <row r="555444" spans="8:8">
      <c r="H555444" s="12"/>
    </row>
    <row r="555445" spans="8:8">
      <c r="H555445" s="12"/>
    </row>
    <row r="555446" spans="8:8">
      <c r="H555446" s="12"/>
    </row>
    <row r="555447" spans="8:8">
      <c r="H555447" s="12"/>
    </row>
    <row r="555448" spans="8:8">
      <c r="H555448" s="12"/>
    </row>
    <row r="555449" spans="8:8">
      <c r="H555449" s="12"/>
    </row>
    <row r="555450" spans="8:8">
      <c r="H555450" s="12"/>
    </row>
    <row r="555451" spans="8:8">
      <c r="H555451" s="12"/>
    </row>
    <row r="555452" spans="8:8">
      <c r="H555452" s="12"/>
    </row>
    <row r="555453" spans="8:8">
      <c r="H555453" s="12"/>
    </row>
    <row r="555454" spans="8:8">
      <c r="H555454" s="12"/>
    </row>
    <row r="555455" spans="8:8">
      <c r="H555455" s="12"/>
    </row>
    <row r="555456" spans="8:8">
      <c r="H555456" s="12"/>
    </row>
    <row r="555457" spans="8:8">
      <c r="H555457" s="12"/>
    </row>
    <row r="555458" spans="8:8">
      <c r="H555458" s="12"/>
    </row>
    <row r="555459" spans="8:8">
      <c r="H555459" s="12"/>
    </row>
    <row r="555460" spans="8:8">
      <c r="H555460" s="12"/>
    </row>
    <row r="555461" spans="8:8">
      <c r="H555461" s="12"/>
    </row>
    <row r="555462" spans="8:8">
      <c r="H555462" s="12"/>
    </row>
    <row r="555463" spans="8:8">
      <c r="H555463" s="12"/>
    </row>
    <row r="555464" spans="8:8">
      <c r="H555464" s="12"/>
    </row>
    <row r="555465" spans="8:8">
      <c r="H555465" s="12"/>
    </row>
    <row r="555466" spans="8:8">
      <c r="H555466" s="12"/>
    </row>
    <row r="555467" spans="8:8">
      <c r="H555467" s="12"/>
    </row>
    <row r="555468" spans="8:8">
      <c r="H555468" s="12"/>
    </row>
    <row r="555469" spans="8:8">
      <c r="H555469" s="12"/>
    </row>
    <row r="555470" spans="8:8">
      <c r="H555470" s="12"/>
    </row>
    <row r="555471" spans="8:8">
      <c r="H555471" s="12"/>
    </row>
    <row r="555472" spans="8:8">
      <c r="H555472" s="12"/>
    </row>
    <row r="555473" spans="8:8">
      <c r="H555473" s="12"/>
    </row>
    <row r="555474" spans="8:8">
      <c r="H555474" s="12"/>
    </row>
    <row r="555475" spans="8:8">
      <c r="H555475" s="12"/>
    </row>
    <row r="555476" spans="8:8">
      <c r="H555476" s="12"/>
    </row>
    <row r="555477" spans="8:8">
      <c r="H555477" s="12"/>
    </row>
    <row r="555478" spans="8:8">
      <c r="H555478" s="12"/>
    </row>
    <row r="555479" spans="8:8">
      <c r="H555479" s="12"/>
    </row>
    <row r="555480" spans="8:8">
      <c r="H555480" s="12"/>
    </row>
    <row r="555481" spans="8:8">
      <c r="H555481" s="12"/>
    </row>
    <row r="555482" spans="8:8">
      <c r="H555482" s="12"/>
    </row>
    <row r="555483" spans="8:8">
      <c r="H555483" s="12"/>
    </row>
    <row r="555484" spans="8:8">
      <c r="H555484" s="12"/>
    </row>
    <row r="555485" spans="8:8">
      <c r="H555485" s="12"/>
    </row>
    <row r="555486" spans="8:8">
      <c r="H555486" s="12"/>
    </row>
    <row r="555487" spans="8:8">
      <c r="H555487" s="12"/>
    </row>
    <row r="555488" spans="8:8">
      <c r="H555488" s="12"/>
    </row>
    <row r="555489" spans="8:8">
      <c r="H555489" s="12"/>
    </row>
    <row r="555490" spans="8:8">
      <c r="H555490" s="12"/>
    </row>
    <row r="555491" spans="8:8">
      <c r="H555491" s="12"/>
    </row>
    <row r="555492" spans="8:8">
      <c r="H555492" s="12"/>
    </row>
    <row r="555493" spans="8:8">
      <c r="H555493" s="12"/>
    </row>
    <row r="555494" spans="8:8">
      <c r="H555494" s="12"/>
    </row>
    <row r="555495" spans="8:8">
      <c r="H555495" s="12"/>
    </row>
    <row r="555496" spans="8:8">
      <c r="H555496" s="12"/>
    </row>
    <row r="555497" spans="8:8">
      <c r="H555497" s="12"/>
    </row>
    <row r="555498" spans="8:8">
      <c r="H555498" s="12"/>
    </row>
    <row r="555499" spans="8:8">
      <c r="H555499" s="12"/>
    </row>
    <row r="555500" spans="8:8">
      <c r="H555500" s="12"/>
    </row>
    <row r="555501" spans="8:8">
      <c r="H555501" s="12"/>
    </row>
    <row r="555502" spans="8:8">
      <c r="H555502" s="12"/>
    </row>
    <row r="555503" spans="8:8">
      <c r="H555503" s="12"/>
    </row>
    <row r="555504" spans="8:8">
      <c r="H555504" s="12"/>
    </row>
    <row r="555505" spans="8:8">
      <c r="H555505" s="12"/>
    </row>
    <row r="555506" spans="8:8">
      <c r="H555506" s="12"/>
    </row>
    <row r="555507" spans="8:8">
      <c r="H555507" s="12"/>
    </row>
    <row r="555508" spans="8:8">
      <c r="H555508" s="12"/>
    </row>
    <row r="555509" spans="8:8">
      <c r="H555509" s="12"/>
    </row>
    <row r="555510" spans="8:8">
      <c r="H555510" s="12"/>
    </row>
    <row r="555511" spans="8:8">
      <c r="H555511" s="12"/>
    </row>
    <row r="555512" spans="8:8">
      <c r="H555512" s="12"/>
    </row>
    <row r="555513" spans="8:8">
      <c r="H555513" s="12"/>
    </row>
    <row r="555514" spans="8:8">
      <c r="H555514" s="12"/>
    </row>
    <row r="555515" spans="8:8">
      <c r="H555515" s="12"/>
    </row>
    <row r="555516" spans="8:8">
      <c r="H555516" s="12"/>
    </row>
    <row r="555517" spans="8:8">
      <c r="H555517" s="12"/>
    </row>
    <row r="555518" spans="8:8">
      <c r="H555518" s="12"/>
    </row>
    <row r="555519" spans="8:8">
      <c r="H555519" s="12"/>
    </row>
    <row r="555520" spans="8:8">
      <c r="H555520" s="12"/>
    </row>
    <row r="555521" spans="8:8">
      <c r="H555521" s="12"/>
    </row>
    <row r="555522" spans="8:8">
      <c r="H555522" s="12"/>
    </row>
    <row r="555523" spans="8:8">
      <c r="H555523" s="12"/>
    </row>
    <row r="555524" spans="8:8">
      <c r="H555524" s="12"/>
    </row>
    <row r="555525" spans="8:8">
      <c r="H555525" s="12"/>
    </row>
    <row r="555526" spans="8:8">
      <c r="H555526" s="12"/>
    </row>
    <row r="555527" spans="8:8">
      <c r="H555527" s="12"/>
    </row>
    <row r="555528" spans="8:8">
      <c r="H555528" s="12"/>
    </row>
    <row r="555529" spans="8:8">
      <c r="H555529" s="12"/>
    </row>
    <row r="555530" spans="8:8">
      <c r="H555530" s="12"/>
    </row>
    <row r="555531" spans="8:8">
      <c r="H555531" s="12"/>
    </row>
    <row r="555532" spans="8:8">
      <c r="H555532" s="12"/>
    </row>
    <row r="555533" spans="8:8">
      <c r="H555533" s="12"/>
    </row>
    <row r="555534" spans="8:8">
      <c r="H555534" s="12"/>
    </row>
    <row r="555535" spans="8:8">
      <c r="H555535" s="12"/>
    </row>
    <row r="555536" spans="8:8">
      <c r="H555536" s="12"/>
    </row>
    <row r="555537" spans="8:8">
      <c r="H555537" s="12"/>
    </row>
    <row r="555538" spans="8:8">
      <c r="H555538" s="12"/>
    </row>
    <row r="555539" spans="8:8">
      <c r="H555539" s="12"/>
    </row>
    <row r="555540" spans="8:8">
      <c r="H555540" s="12"/>
    </row>
    <row r="555541" spans="8:8">
      <c r="H555541" s="12"/>
    </row>
    <row r="555542" spans="8:8">
      <c r="H555542" s="12"/>
    </row>
    <row r="555543" spans="8:8">
      <c r="H555543" s="12"/>
    </row>
    <row r="555544" spans="8:8">
      <c r="H555544" s="12"/>
    </row>
    <row r="555545" spans="8:8">
      <c r="H555545" s="12"/>
    </row>
    <row r="555546" spans="8:8">
      <c r="H555546" s="12"/>
    </row>
    <row r="555547" spans="8:8">
      <c r="H555547" s="12"/>
    </row>
    <row r="555548" spans="8:8">
      <c r="H555548" s="12"/>
    </row>
    <row r="555549" spans="8:8">
      <c r="H555549" s="12"/>
    </row>
    <row r="555550" spans="8:8">
      <c r="H555550" s="12"/>
    </row>
    <row r="555551" spans="8:8">
      <c r="H555551" s="12"/>
    </row>
    <row r="555552" spans="8:8">
      <c r="H555552" s="12"/>
    </row>
    <row r="555553" spans="8:8">
      <c r="H555553" s="12"/>
    </row>
    <row r="555554" spans="8:8">
      <c r="H555554" s="12"/>
    </row>
    <row r="555555" spans="8:8">
      <c r="H555555" s="12"/>
    </row>
    <row r="555556" spans="8:8">
      <c r="H555556" s="12"/>
    </row>
    <row r="555557" spans="8:8">
      <c r="H555557" s="12"/>
    </row>
    <row r="555558" spans="8:8">
      <c r="H555558" s="12"/>
    </row>
    <row r="555559" spans="8:8">
      <c r="H555559" s="12"/>
    </row>
    <row r="555560" spans="8:8">
      <c r="H555560" s="12"/>
    </row>
    <row r="555561" spans="8:8">
      <c r="H555561" s="12"/>
    </row>
    <row r="555562" spans="8:8">
      <c r="H555562" s="12"/>
    </row>
    <row r="555563" spans="8:8">
      <c r="H555563" s="12"/>
    </row>
    <row r="555564" spans="8:8">
      <c r="H555564" s="12"/>
    </row>
    <row r="555565" spans="8:8">
      <c r="H555565" s="12"/>
    </row>
    <row r="555566" spans="8:8">
      <c r="H555566" s="12"/>
    </row>
    <row r="555567" spans="8:8">
      <c r="H555567" s="12"/>
    </row>
    <row r="555568" spans="8:8">
      <c r="H555568" s="12"/>
    </row>
    <row r="555569" spans="8:8">
      <c r="H555569" s="12"/>
    </row>
    <row r="555570" spans="8:8">
      <c r="H555570" s="12"/>
    </row>
    <row r="555571" spans="8:8">
      <c r="H555571" s="12"/>
    </row>
    <row r="555572" spans="8:8">
      <c r="H555572" s="12"/>
    </row>
    <row r="555573" spans="8:8">
      <c r="H555573" s="12"/>
    </row>
    <row r="555574" spans="8:8">
      <c r="H555574" s="12"/>
    </row>
    <row r="555575" spans="8:8">
      <c r="H555575" s="12"/>
    </row>
    <row r="555576" spans="8:8">
      <c r="H555576" s="12"/>
    </row>
    <row r="555577" spans="8:8">
      <c r="H555577" s="12"/>
    </row>
    <row r="555578" spans="8:8">
      <c r="H555578" s="12"/>
    </row>
    <row r="555579" spans="8:8">
      <c r="H555579" s="12"/>
    </row>
    <row r="555580" spans="8:8">
      <c r="H555580" s="12"/>
    </row>
    <row r="555581" spans="8:8">
      <c r="H555581" s="12"/>
    </row>
    <row r="555582" spans="8:8">
      <c r="H555582" s="12"/>
    </row>
    <row r="555583" spans="8:8">
      <c r="H555583" s="12"/>
    </row>
    <row r="555584" spans="8:8">
      <c r="H555584" s="12"/>
    </row>
    <row r="555585" spans="8:8">
      <c r="H555585" s="12"/>
    </row>
    <row r="555586" spans="8:8">
      <c r="H555586" s="12"/>
    </row>
    <row r="555587" spans="8:8">
      <c r="H555587" s="12"/>
    </row>
    <row r="555588" spans="8:8">
      <c r="H555588" s="12"/>
    </row>
    <row r="555589" spans="8:8">
      <c r="H555589" s="12"/>
    </row>
    <row r="555590" spans="8:8">
      <c r="H555590" s="12"/>
    </row>
    <row r="555591" spans="8:8">
      <c r="H555591" s="12"/>
    </row>
    <row r="555592" spans="8:8">
      <c r="H555592" s="12"/>
    </row>
    <row r="555593" spans="8:8">
      <c r="H555593" s="12"/>
    </row>
    <row r="555594" spans="8:8">
      <c r="H555594" s="12"/>
    </row>
    <row r="555595" spans="8:8">
      <c r="H555595" s="12"/>
    </row>
    <row r="555596" spans="8:8">
      <c r="H555596" s="12"/>
    </row>
    <row r="555597" spans="8:8">
      <c r="H555597" s="12"/>
    </row>
    <row r="555598" spans="8:8">
      <c r="H555598" s="12"/>
    </row>
    <row r="555599" spans="8:8">
      <c r="H555599" s="12"/>
    </row>
    <row r="555600" spans="8:8">
      <c r="H555600" s="12"/>
    </row>
    <row r="555601" spans="8:8">
      <c r="H555601" s="12"/>
    </row>
    <row r="555602" spans="8:8">
      <c r="H555602" s="12"/>
    </row>
    <row r="555603" spans="8:8">
      <c r="H555603" s="12"/>
    </row>
    <row r="555604" spans="8:8">
      <c r="H555604" s="12"/>
    </row>
    <row r="555605" spans="8:8">
      <c r="H555605" s="12"/>
    </row>
    <row r="555606" spans="8:8">
      <c r="H555606" s="12"/>
    </row>
    <row r="555607" spans="8:8">
      <c r="H555607" s="12"/>
    </row>
    <row r="555608" spans="8:8">
      <c r="H555608" s="12"/>
    </row>
    <row r="555609" spans="8:8">
      <c r="H555609" s="12"/>
    </row>
    <row r="555610" spans="8:8">
      <c r="H555610" s="12"/>
    </row>
    <row r="555611" spans="8:8">
      <c r="H555611" s="12"/>
    </row>
    <row r="555612" spans="8:8">
      <c r="H555612" s="12"/>
    </row>
    <row r="555613" spans="8:8">
      <c r="H555613" s="12"/>
    </row>
    <row r="555614" spans="8:8">
      <c r="H555614" s="12"/>
    </row>
    <row r="555615" spans="8:8">
      <c r="H555615" s="12"/>
    </row>
    <row r="555616" spans="8:8">
      <c r="H555616" s="12"/>
    </row>
    <row r="555617" spans="8:8">
      <c r="H555617" s="12"/>
    </row>
    <row r="555618" spans="8:8">
      <c r="H555618" s="12"/>
    </row>
    <row r="555619" spans="8:8">
      <c r="H555619" s="12"/>
    </row>
    <row r="555620" spans="8:8">
      <c r="H555620" s="12"/>
    </row>
    <row r="555621" spans="8:8">
      <c r="H555621" s="12"/>
    </row>
    <row r="555622" spans="8:8">
      <c r="H555622" s="12"/>
    </row>
    <row r="555623" spans="8:8">
      <c r="H555623" s="12"/>
    </row>
    <row r="555624" spans="8:8">
      <c r="H555624" s="12"/>
    </row>
    <row r="555625" spans="8:8">
      <c r="H555625" s="12"/>
    </row>
    <row r="555626" spans="8:8">
      <c r="H555626" s="12"/>
    </row>
    <row r="555627" spans="8:8">
      <c r="H555627" s="12"/>
    </row>
    <row r="555628" spans="8:8">
      <c r="H555628" s="12"/>
    </row>
    <row r="555629" spans="8:8">
      <c r="H555629" s="12"/>
    </row>
    <row r="555630" spans="8:8">
      <c r="H555630" s="12"/>
    </row>
    <row r="555631" spans="8:8">
      <c r="H555631" s="12"/>
    </row>
    <row r="555632" spans="8:8">
      <c r="H555632" s="12"/>
    </row>
    <row r="555633" spans="8:8">
      <c r="H555633" s="12"/>
    </row>
    <row r="555634" spans="8:8">
      <c r="H555634" s="12"/>
    </row>
    <row r="555635" spans="8:8">
      <c r="H555635" s="12"/>
    </row>
    <row r="555636" spans="8:8">
      <c r="H555636" s="12"/>
    </row>
    <row r="555637" spans="8:8">
      <c r="H555637" s="12"/>
    </row>
    <row r="555638" spans="8:8">
      <c r="H555638" s="12"/>
    </row>
    <row r="555639" spans="8:8">
      <c r="H555639" s="12"/>
    </row>
    <row r="555640" spans="8:8">
      <c r="H555640" s="12"/>
    </row>
    <row r="555641" spans="8:8">
      <c r="H555641" s="12"/>
    </row>
    <row r="555642" spans="8:8">
      <c r="H555642" s="12"/>
    </row>
    <row r="555643" spans="8:8">
      <c r="H555643" s="12"/>
    </row>
    <row r="555644" spans="8:8">
      <c r="H555644" s="12"/>
    </row>
    <row r="555645" spans="8:8">
      <c r="H555645" s="12"/>
    </row>
    <row r="555646" spans="8:8">
      <c r="H555646" s="12"/>
    </row>
    <row r="555647" spans="8:8">
      <c r="H555647" s="12"/>
    </row>
    <row r="555648" spans="8:8">
      <c r="H555648" s="12"/>
    </row>
    <row r="555649" spans="8:8">
      <c r="H555649" s="12"/>
    </row>
    <row r="555650" spans="8:8">
      <c r="H555650" s="12"/>
    </row>
    <row r="555651" spans="8:8">
      <c r="H555651" s="12"/>
    </row>
    <row r="555652" spans="8:8">
      <c r="H555652" s="12"/>
    </row>
    <row r="555653" spans="8:8">
      <c r="H555653" s="12"/>
    </row>
    <row r="555654" spans="8:8">
      <c r="H555654" s="12"/>
    </row>
    <row r="555655" spans="8:8">
      <c r="H555655" s="12"/>
    </row>
    <row r="555656" spans="8:8">
      <c r="H555656" s="12"/>
    </row>
    <row r="555657" spans="8:8">
      <c r="H555657" s="12"/>
    </row>
    <row r="555658" spans="8:8">
      <c r="H555658" s="12"/>
    </row>
    <row r="555659" spans="8:8">
      <c r="H555659" s="12"/>
    </row>
    <row r="555660" spans="8:8">
      <c r="H555660" s="12"/>
    </row>
    <row r="555661" spans="8:8">
      <c r="H555661" s="12"/>
    </row>
    <row r="555662" spans="8:8">
      <c r="H555662" s="12"/>
    </row>
    <row r="555663" spans="8:8">
      <c r="H555663" s="12"/>
    </row>
    <row r="555664" spans="8:8">
      <c r="H555664" s="12"/>
    </row>
    <row r="555665" spans="8:8">
      <c r="H555665" s="12"/>
    </row>
    <row r="555666" spans="8:8">
      <c r="H555666" s="12"/>
    </row>
    <row r="555667" spans="8:8">
      <c r="H555667" s="12"/>
    </row>
    <row r="555668" spans="8:8">
      <c r="H555668" s="12"/>
    </row>
    <row r="555669" spans="8:8">
      <c r="H555669" s="12"/>
    </row>
    <row r="555670" spans="8:8">
      <c r="H555670" s="12"/>
    </row>
    <row r="555671" spans="8:8">
      <c r="H555671" s="12"/>
    </row>
    <row r="555672" spans="8:8">
      <c r="H555672" s="12"/>
    </row>
    <row r="555673" spans="8:8">
      <c r="H555673" s="12"/>
    </row>
    <row r="555674" spans="8:8">
      <c r="H555674" s="12"/>
    </row>
    <row r="555675" spans="8:8">
      <c r="H555675" s="12"/>
    </row>
    <row r="555676" spans="8:8">
      <c r="H555676" s="12"/>
    </row>
    <row r="555677" spans="8:8">
      <c r="H555677" s="12"/>
    </row>
    <row r="555678" spans="8:8">
      <c r="H555678" s="12"/>
    </row>
    <row r="555679" spans="8:8">
      <c r="H555679" s="12"/>
    </row>
    <row r="555680" spans="8:8">
      <c r="H555680" s="12"/>
    </row>
    <row r="555681" spans="8:8">
      <c r="H555681" s="12"/>
    </row>
    <row r="555682" spans="8:8">
      <c r="H555682" s="12"/>
    </row>
    <row r="555683" spans="8:8">
      <c r="H555683" s="12"/>
    </row>
    <row r="555684" spans="8:8">
      <c r="H555684" s="12"/>
    </row>
    <row r="555685" spans="8:8">
      <c r="H555685" s="12"/>
    </row>
    <row r="555686" spans="8:8">
      <c r="H555686" s="12"/>
    </row>
    <row r="555687" spans="8:8">
      <c r="H555687" s="12"/>
    </row>
    <row r="555688" spans="8:8">
      <c r="H555688" s="12"/>
    </row>
    <row r="555689" spans="8:8">
      <c r="H555689" s="12"/>
    </row>
    <row r="555690" spans="8:8">
      <c r="H555690" s="12"/>
    </row>
    <row r="555691" spans="8:8">
      <c r="H555691" s="12"/>
    </row>
    <row r="555692" spans="8:8">
      <c r="H555692" s="12"/>
    </row>
    <row r="555693" spans="8:8">
      <c r="H555693" s="12"/>
    </row>
    <row r="555694" spans="8:8">
      <c r="H555694" s="12"/>
    </row>
    <row r="555695" spans="8:8">
      <c r="H555695" s="12"/>
    </row>
    <row r="555696" spans="8:8">
      <c r="H555696" s="12"/>
    </row>
    <row r="555697" spans="8:8">
      <c r="H555697" s="12"/>
    </row>
    <row r="555698" spans="8:8">
      <c r="H555698" s="12"/>
    </row>
    <row r="555699" spans="8:8">
      <c r="H555699" s="12"/>
    </row>
    <row r="555700" spans="8:8">
      <c r="H555700" s="12"/>
    </row>
    <row r="555701" spans="8:8">
      <c r="H555701" s="12"/>
    </row>
    <row r="555702" spans="8:8">
      <c r="H555702" s="12"/>
    </row>
    <row r="555703" spans="8:8">
      <c r="H555703" s="12"/>
    </row>
    <row r="555704" spans="8:8">
      <c r="H555704" s="12"/>
    </row>
    <row r="555705" spans="8:8">
      <c r="H555705" s="12"/>
    </row>
    <row r="555706" spans="8:8">
      <c r="H555706" s="12"/>
    </row>
    <row r="555707" spans="8:8">
      <c r="H555707" s="12"/>
    </row>
    <row r="555708" spans="8:8">
      <c r="H555708" s="12"/>
    </row>
    <row r="555709" spans="8:8">
      <c r="H555709" s="12"/>
    </row>
    <row r="555710" spans="8:8">
      <c r="H555710" s="12"/>
    </row>
    <row r="555711" spans="8:8">
      <c r="H555711" s="12"/>
    </row>
    <row r="555712" spans="8:8">
      <c r="H555712" s="12"/>
    </row>
    <row r="555713" spans="8:8">
      <c r="H555713" s="12"/>
    </row>
    <row r="555714" spans="8:8">
      <c r="H555714" s="12"/>
    </row>
    <row r="555715" spans="8:8">
      <c r="H555715" s="12"/>
    </row>
    <row r="555716" spans="8:8">
      <c r="H555716" s="12"/>
    </row>
    <row r="555717" spans="8:8">
      <c r="H555717" s="12"/>
    </row>
    <row r="555718" spans="8:8">
      <c r="H555718" s="12"/>
    </row>
    <row r="555719" spans="8:8">
      <c r="H555719" s="12"/>
    </row>
    <row r="555720" spans="8:8">
      <c r="H555720" s="12"/>
    </row>
    <row r="555721" spans="8:8">
      <c r="H555721" s="12"/>
    </row>
    <row r="555722" spans="8:8">
      <c r="H555722" s="12"/>
    </row>
    <row r="555723" spans="8:8">
      <c r="H555723" s="12"/>
    </row>
    <row r="555724" spans="8:8">
      <c r="H555724" s="12"/>
    </row>
    <row r="555725" spans="8:8">
      <c r="H555725" s="12"/>
    </row>
    <row r="555726" spans="8:8">
      <c r="H555726" s="12"/>
    </row>
    <row r="555727" spans="8:8">
      <c r="H555727" s="12"/>
    </row>
    <row r="555728" spans="8:8">
      <c r="H555728" s="12"/>
    </row>
    <row r="555729" spans="8:8">
      <c r="H555729" s="12"/>
    </row>
    <row r="555730" spans="8:8">
      <c r="H555730" s="12"/>
    </row>
    <row r="555731" spans="8:8">
      <c r="H555731" s="12"/>
    </row>
    <row r="555732" spans="8:8">
      <c r="H555732" s="12"/>
    </row>
    <row r="555733" spans="8:8">
      <c r="H555733" s="12"/>
    </row>
    <row r="555734" spans="8:8">
      <c r="H555734" s="12"/>
    </row>
    <row r="555735" spans="8:8">
      <c r="H555735" s="12"/>
    </row>
    <row r="555736" spans="8:8">
      <c r="H555736" s="12"/>
    </row>
    <row r="555737" spans="8:8">
      <c r="H555737" s="12"/>
    </row>
    <row r="555738" spans="8:8">
      <c r="H555738" s="12"/>
    </row>
    <row r="555739" spans="8:8">
      <c r="H555739" s="12"/>
    </row>
    <row r="555740" spans="8:8">
      <c r="H555740" s="12"/>
    </row>
    <row r="555741" spans="8:8">
      <c r="H555741" s="12"/>
    </row>
    <row r="555742" spans="8:8">
      <c r="H555742" s="12"/>
    </row>
    <row r="555743" spans="8:8">
      <c r="H555743" s="12"/>
    </row>
    <row r="555744" spans="8:8">
      <c r="H555744" s="12"/>
    </row>
    <row r="555745" spans="8:8">
      <c r="H555745" s="12"/>
    </row>
    <row r="555746" spans="8:8">
      <c r="H555746" s="12"/>
    </row>
    <row r="555747" spans="8:8">
      <c r="H555747" s="12"/>
    </row>
    <row r="555748" spans="8:8">
      <c r="H555748" s="12"/>
    </row>
    <row r="555749" spans="8:8">
      <c r="H555749" s="12"/>
    </row>
    <row r="555750" spans="8:8">
      <c r="H555750" s="12"/>
    </row>
    <row r="555751" spans="8:8">
      <c r="H555751" s="12"/>
    </row>
    <row r="555752" spans="8:8">
      <c r="H555752" s="12"/>
    </row>
    <row r="555753" spans="8:8">
      <c r="H555753" s="12"/>
    </row>
    <row r="555754" spans="8:8">
      <c r="H555754" s="12"/>
    </row>
    <row r="555755" spans="8:8">
      <c r="H555755" s="12"/>
    </row>
    <row r="555756" spans="8:8">
      <c r="H555756" s="12"/>
    </row>
    <row r="555757" spans="8:8">
      <c r="H555757" s="12"/>
    </row>
    <row r="555758" spans="8:8">
      <c r="H555758" s="12"/>
    </row>
    <row r="555759" spans="8:8">
      <c r="H555759" s="12"/>
    </row>
    <row r="555760" spans="8:8">
      <c r="H555760" s="12"/>
    </row>
    <row r="555761" spans="8:8">
      <c r="H555761" s="12"/>
    </row>
    <row r="555762" spans="8:8">
      <c r="H555762" s="12"/>
    </row>
    <row r="555763" spans="8:8">
      <c r="H555763" s="12"/>
    </row>
    <row r="555764" spans="8:8">
      <c r="H555764" s="12"/>
    </row>
    <row r="555765" spans="8:8">
      <c r="H555765" s="12"/>
    </row>
    <row r="555766" spans="8:8">
      <c r="H555766" s="12"/>
    </row>
    <row r="555767" spans="8:8">
      <c r="H555767" s="12"/>
    </row>
    <row r="555768" spans="8:8">
      <c r="H555768" s="12"/>
    </row>
    <row r="555769" spans="8:8">
      <c r="H555769" s="12"/>
    </row>
    <row r="555770" spans="8:8">
      <c r="H555770" s="12"/>
    </row>
    <row r="555771" spans="8:8">
      <c r="H555771" s="12"/>
    </row>
    <row r="555772" spans="8:8">
      <c r="H555772" s="12"/>
    </row>
    <row r="555773" spans="8:8">
      <c r="H555773" s="12"/>
    </row>
    <row r="555774" spans="8:8">
      <c r="H555774" s="12"/>
    </row>
    <row r="555775" spans="8:8">
      <c r="H555775" s="12"/>
    </row>
    <row r="555776" spans="8:8">
      <c r="H555776" s="12"/>
    </row>
    <row r="555777" spans="8:8">
      <c r="H555777" s="12"/>
    </row>
    <row r="555778" spans="8:8">
      <c r="H555778" s="12"/>
    </row>
    <row r="555779" spans="8:8">
      <c r="H555779" s="12"/>
    </row>
    <row r="555780" spans="8:8">
      <c r="H555780" s="12"/>
    </row>
    <row r="555781" spans="8:8">
      <c r="H555781" s="12"/>
    </row>
    <row r="555782" spans="8:8">
      <c r="H555782" s="12"/>
    </row>
    <row r="555783" spans="8:8">
      <c r="H555783" s="12"/>
    </row>
    <row r="555784" spans="8:8">
      <c r="H555784" s="12"/>
    </row>
    <row r="555785" spans="8:8">
      <c r="H555785" s="12"/>
    </row>
    <row r="555786" spans="8:8">
      <c r="H555786" s="12"/>
    </row>
    <row r="555787" spans="8:8">
      <c r="H555787" s="12"/>
    </row>
    <row r="555788" spans="8:8">
      <c r="H555788" s="12"/>
    </row>
    <row r="555789" spans="8:8">
      <c r="H555789" s="12"/>
    </row>
    <row r="555790" spans="8:8">
      <c r="H555790" s="12"/>
    </row>
    <row r="555791" spans="8:8">
      <c r="H555791" s="12"/>
    </row>
    <row r="555792" spans="8:8">
      <c r="H555792" s="12"/>
    </row>
    <row r="555793" spans="8:8">
      <c r="H555793" s="12"/>
    </row>
    <row r="555794" spans="8:8">
      <c r="H555794" s="12"/>
    </row>
    <row r="555795" spans="8:8">
      <c r="H555795" s="12"/>
    </row>
    <row r="555796" spans="8:8">
      <c r="H555796" s="12"/>
    </row>
    <row r="555797" spans="8:8">
      <c r="H555797" s="12"/>
    </row>
    <row r="555798" spans="8:8">
      <c r="H555798" s="12"/>
    </row>
    <row r="555799" spans="8:8">
      <c r="H555799" s="12"/>
    </row>
    <row r="555800" spans="8:8">
      <c r="H555800" s="12"/>
    </row>
    <row r="555801" spans="8:8">
      <c r="H555801" s="12"/>
    </row>
    <row r="555802" spans="8:8">
      <c r="H555802" s="12"/>
    </row>
    <row r="555803" spans="8:8">
      <c r="H555803" s="12"/>
    </row>
    <row r="555804" spans="8:8">
      <c r="H555804" s="12"/>
    </row>
    <row r="555805" spans="8:8">
      <c r="H555805" s="12"/>
    </row>
    <row r="555806" spans="8:8">
      <c r="H555806" s="12"/>
    </row>
    <row r="555807" spans="8:8">
      <c r="H555807" s="12"/>
    </row>
    <row r="555808" spans="8:8">
      <c r="H555808" s="12"/>
    </row>
    <row r="555809" spans="8:8">
      <c r="H555809" s="12"/>
    </row>
    <row r="555810" spans="8:8">
      <c r="H555810" s="12"/>
    </row>
    <row r="555811" spans="8:8">
      <c r="H555811" s="12"/>
    </row>
    <row r="555812" spans="8:8">
      <c r="H555812" s="12"/>
    </row>
    <row r="555813" spans="8:8">
      <c r="H555813" s="12"/>
    </row>
    <row r="555814" spans="8:8">
      <c r="H555814" s="12"/>
    </row>
    <row r="555815" spans="8:8">
      <c r="H555815" s="12"/>
    </row>
    <row r="555816" spans="8:8">
      <c r="H555816" s="12"/>
    </row>
    <row r="555817" spans="8:8">
      <c r="H555817" s="12"/>
    </row>
    <row r="555818" spans="8:8">
      <c r="H555818" s="12"/>
    </row>
    <row r="555819" spans="8:8">
      <c r="H555819" s="12"/>
    </row>
    <row r="555820" spans="8:8">
      <c r="H555820" s="12"/>
    </row>
    <row r="555821" spans="8:8">
      <c r="H555821" s="12"/>
    </row>
    <row r="555822" spans="8:8">
      <c r="H555822" s="12"/>
    </row>
    <row r="555823" spans="8:8">
      <c r="H555823" s="12"/>
    </row>
    <row r="555824" spans="8:8">
      <c r="H555824" s="12"/>
    </row>
    <row r="555825" spans="8:8">
      <c r="H555825" s="12"/>
    </row>
    <row r="555826" spans="8:8">
      <c r="H555826" s="12"/>
    </row>
    <row r="555827" spans="8:8">
      <c r="H555827" s="12"/>
    </row>
    <row r="555828" spans="8:8">
      <c r="H555828" s="12"/>
    </row>
    <row r="555829" spans="8:8">
      <c r="H555829" s="12"/>
    </row>
    <row r="555830" spans="8:8">
      <c r="H555830" s="12"/>
    </row>
    <row r="555831" spans="8:8">
      <c r="H555831" s="12"/>
    </row>
    <row r="555832" spans="8:8">
      <c r="H555832" s="12"/>
    </row>
    <row r="555833" spans="8:8">
      <c r="H555833" s="12"/>
    </row>
    <row r="555834" spans="8:8">
      <c r="H555834" s="12"/>
    </row>
    <row r="555835" spans="8:8">
      <c r="H555835" s="12"/>
    </row>
    <row r="555836" spans="8:8">
      <c r="H555836" s="12"/>
    </row>
    <row r="555837" spans="8:8">
      <c r="H555837" s="12"/>
    </row>
    <row r="555838" spans="8:8">
      <c r="H555838" s="12"/>
    </row>
    <row r="555839" spans="8:8">
      <c r="H555839" s="12"/>
    </row>
    <row r="555840" spans="8:8">
      <c r="H555840" s="12"/>
    </row>
    <row r="555841" spans="8:8">
      <c r="H555841" s="12"/>
    </row>
    <row r="555842" spans="8:8">
      <c r="H555842" s="12"/>
    </row>
    <row r="555843" spans="8:8">
      <c r="H555843" s="12"/>
    </row>
    <row r="555844" spans="8:8">
      <c r="H555844" s="12"/>
    </row>
    <row r="555845" spans="8:8">
      <c r="H555845" s="12"/>
    </row>
    <row r="555846" spans="8:8">
      <c r="H555846" s="12"/>
    </row>
    <row r="555847" spans="8:8">
      <c r="H555847" s="12"/>
    </row>
    <row r="555848" spans="8:8">
      <c r="H555848" s="12"/>
    </row>
    <row r="555849" spans="8:8">
      <c r="H555849" s="12"/>
    </row>
    <row r="555850" spans="8:8">
      <c r="H555850" s="12"/>
    </row>
    <row r="555851" spans="8:8">
      <c r="H555851" s="12"/>
    </row>
    <row r="555852" spans="8:8">
      <c r="H555852" s="12"/>
    </row>
    <row r="555853" spans="8:8">
      <c r="H555853" s="12"/>
    </row>
    <row r="555854" spans="8:8">
      <c r="H555854" s="12"/>
    </row>
    <row r="555855" spans="8:8">
      <c r="H555855" s="12"/>
    </row>
    <row r="555856" spans="8:8">
      <c r="H555856" s="12"/>
    </row>
    <row r="555857" spans="8:8">
      <c r="H555857" s="12"/>
    </row>
    <row r="555858" spans="8:8">
      <c r="H555858" s="12"/>
    </row>
    <row r="555859" spans="8:8">
      <c r="H555859" s="12"/>
    </row>
    <row r="555860" spans="8:8">
      <c r="H555860" s="12"/>
    </row>
    <row r="555861" spans="8:8">
      <c r="H555861" s="12"/>
    </row>
    <row r="555862" spans="8:8">
      <c r="H555862" s="12"/>
    </row>
    <row r="555863" spans="8:8">
      <c r="H555863" s="12"/>
    </row>
    <row r="555864" spans="8:8">
      <c r="H555864" s="12"/>
    </row>
    <row r="555865" spans="8:8">
      <c r="H555865" s="12"/>
    </row>
    <row r="555866" spans="8:8">
      <c r="H555866" s="12"/>
    </row>
    <row r="555867" spans="8:8">
      <c r="H555867" s="12"/>
    </row>
    <row r="555868" spans="8:8">
      <c r="H555868" s="12"/>
    </row>
    <row r="555869" spans="8:8">
      <c r="H555869" s="12"/>
    </row>
    <row r="555870" spans="8:8">
      <c r="H555870" s="12"/>
    </row>
    <row r="555871" spans="8:8">
      <c r="H555871" s="12"/>
    </row>
    <row r="555872" spans="8:8">
      <c r="H555872" s="12"/>
    </row>
    <row r="555873" spans="8:8">
      <c r="H555873" s="12"/>
    </row>
    <row r="555874" spans="8:8">
      <c r="H555874" s="12"/>
    </row>
    <row r="555875" spans="8:8">
      <c r="H555875" s="12"/>
    </row>
    <row r="555876" spans="8:8">
      <c r="H555876" s="12"/>
    </row>
    <row r="555877" spans="8:8">
      <c r="H555877" s="12"/>
    </row>
    <row r="555878" spans="8:8">
      <c r="H555878" s="12"/>
    </row>
    <row r="555879" spans="8:8">
      <c r="H555879" s="12"/>
    </row>
    <row r="555880" spans="8:8">
      <c r="H555880" s="12"/>
    </row>
    <row r="555881" spans="8:8">
      <c r="H555881" s="12"/>
    </row>
    <row r="555882" spans="8:8">
      <c r="H555882" s="12"/>
    </row>
    <row r="555883" spans="8:8">
      <c r="H555883" s="12"/>
    </row>
    <row r="555884" spans="8:8">
      <c r="H555884" s="12"/>
    </row>
    <row r="555885" spans="8:8">
      <c r="H555885" s="12"/>
    </row>
    <row r="555886" spans="8:8">
      <c r="H555886" s="12"/>
    </row>
    <row r="555887" spans="8:8">
      <c r="H555887" s="12"/>
    </row>
    <row r="555888" spans="8:8">
      <c r="H555888" s="12"/>
    </row>
    <row r="555889" spans="8:8">
      <c r="H555889" s="12"/>
    </row>
    <row r="555890" spans="8:8">
      <c r="H555890" s="12"/>
    </row>
    <row r="555891" spans="8:8">
      <c r="H555891" s="12"/>
    </row>
    <row r="555892" spans="8:8">
      <c r="H555892" s="12"/>
    </row>
    <row r="555893" spans="8:8">
      <c r="H555893" s="12"/>
    </row>
    <row r="555894" spans="8:8">
      <c r="H555894" s="12"/>
    </row>
    <row r="555895" spans="8:8">
      <c r="H555895" s="12"/>
    </row>
    <row r="555896" spans="8:8">
      <c r="H555896" s="12"/>
    </row>
    <row r="555897" spans="8:8">
      <c r="H555897" s="12"/>
    </row>
    <row r="555898" spans="8:8">
      <c r="H555898" s="12"/>
    </row>
    <row r="555899" spans="8:8">
      <c r="H555899" s="12"/>
    </row>
    <row r="555900" spans="8:8">
      <c r="H555900" s="12"/>
    </row>
    <row r="555901" spans="8:8">
      <c r="H555901" s="12"/>
    </row>
    <row r="555902" spans="8:8">
      <c r="H555902" s="12"/>
    </row>
    <row r="555903" spans="8:8">
      <c r="H555903" s="12"/>
    </row>
    <row r="555904" spans="8:8">
      <c r="H555904" s="12"/>
    </row>
    <row r="555905" spans="8:8">
      <c r="H555905" s="12"/>
    </row>
    <row r="555906" spans="8:8">
      <c r="H555906" s="12"/>
    </row>
    <row r="555907" spans="8:8">
      <c r="H555907" s="12"/>
    </row>
    <row r="555908" spans="8:8">
      <c r="H555908" s="12"/>
    </row>
    <row r="555909" spans="8:8">
      <c r="H555909" s="12"/>
    </row>
    <row r="555910" spans="8:8">
      <c r="H555910" s="12"/>
    </row>
    <row r="555911" spans="8:8">
      <c r="H555911" s="12"/>
    </row>
    <row r="555912" spans="8:8">
      <c r="H555912" s="12"/>
    </row>
    <row r="555913" spans="8:8">
      <c r="H555913" s="12"/>
    </row>
    <row r="555914" spans="8:8">
      <c r="H555914" s="12"/>
    </row>
    <row r="555915" spans="8:8">
      <c r="H555915" s="12"/>
    </row>
    <row r="555916" spans="8:8">
      <c r="H555916" s="12"/>
    </row>
    <row r="555917" spans="8:8">
      <c r="H555917" s="12"/>
    </row>
    <row r="555918" spans="8:8">
      <c r="H555918" s="12"/>
    </row>
    <row r="555919" spans="8:8">
      <c r="H555919" s="12"/>
    </row>
    <row r="555920" spans="8:8">
      <c r="H555920" s="12"/>
    </row>
    <row r="555921" spans="8:8">
      <c r="H555921" s="12"/>
    </row>
    <row r="555922" spans="8:8">
      <c r="H555922" s="12"/>
    </row>
    <row r="555923" spans="8:8">
      <c r="H555923" s="12"/>
    </row>
    <row r="555924" spans="8:8">
      <c r="H555924" s="12"/>
    </row>
    <row r="555925" spans="8:8">
      <c r="H555925" s="12"/>
    </row>
    <row r="555926" spans="8:8">
      <c r="H555926" s="12"/>
    </row>
    <row r="555927" spans="8:8">
      <c r="H555927" s="12"/>
    </row>
    <row r="555928" spans="8:8">
      <c r="H555928" s="12"/>
    </row>
    <row r="555929" spans="8:8">
      <c r="H555929" s="12"/>
    </row>
    <row r="555930" spans="8:8">
      <c r="H555930" s="12"/>
    </row>
    <row r="555931" spans="8:8">
      <c r="H555931" s="12"/>
    </row>
    <row r="555932" spans="8:8">
      <c r="H555932" s="12"/>
    </row>
    <row r="555933" spans="8:8">
      <c r="H555933" s="12"/>
    </row>
    <row r="555934" spans="8:8">
      <c r="H555934" s="12"/>
    </row>
    <row r="555935" spans="8:8">
      <c r="H555935" s="12"/>
    </row>
    <row r="555936" spans="8:8">
      <c r="H555936" s="12"/>
    </row>
    <row r="555937" spans="8:8">
      <c r="H555937" s="12"/>
    </row>
    <row r="555938" spans="8:8">
      <c r="H555938" s="12"/>
    </row>
    <row r="555939" spans="8:8">
      <c r="H555939" s="12"/>
    </row>
    <row r="555940" spans="8:8">
      <c r="H555940" s="12"/>
    </row>
    <row r="555941" spans="8:8">
      <c r="H555941" s="12"/>
    </row>
    <row r="555942" spans="8:8">
      <c r="H555942" s="12"/>
    </row>
    <row r="555943" spans="8:8">
      <c r="H555943" s="12"/>
    </row>
    <row r="555944" spans="8:8">
      <c r="H555944" s="12"/>
    </row>
    <row r="555945" spans="8:8">
      <c r="H555945" s="12"/>
    </row>
    <row r="555946" spans="8:8">
      <c r="H555946" s="12"/>
    </row>
    <row r="555947" spans="8:8">
      <c r="H555947" s="12"/>
    </row>
    <row r="555948" spans="8:8">
      <c r="H555948" s="12"/>
    </row>
    <row r="555949" spans="8:8">
      <c r="H555949" s="12"/>
    </row>
    <row r="555950" spans="8:8">
      <c r="H555950" s="12"/>
    </row>
    <row r="555951" spans="8:8">
      <c r="H555951" s="12"/>
    </row>
    <row r="555952" spans="8:8">
      <c r="H555952" s="12"/>
    </row>
    <row r="555953" spans="8:8">
      <c r="H555953" s="12"/>
    </row>
    <row r="555954" spans="8:8">
      <c r="H555954" s="12"/>
    </row>
    <row r="555955" spans="8:8">
      <c r="H555955" s="12"/>
    </row>
    <row r="555956" spans="8:8">
      <c r="H555956" s="12"/>
    </row>
    <row r="555957" spans="8:8">
      <c r="H555957" s="12"/>
    </row>
    <row r="555958" spans="8:8">
      <c r="H555958" s="12"/>
    </row>
    <row r="555959" spans="8:8">
      <c r="H555959" s="12"/>
    </row>
    <row r="555960" spans="8:8">
      <c r="H555960" s="12"/>
    </row>
    <row r="555961" spans="8:8">
      <c r="H555961" s="12"/>
    </row>
    <row r="555962" spans="8:8">
      <c r="H555962" s="12"/>
    </row>
    <row r="555963" spans="8:8">
      <c r="H555963" s="12"/>
    </row>
    <row r="555964" spans="8:8">
      <c r="H555964" s="12"/>
    </row>
    <row r="555965" spans="8:8">
      <c r="H555965" s="12"/>
    </row>
    <row r="555966" spans="8:8">
      <c r="H555966" s="12"/>
    </row>
    <row r="555967" spans="8:8">
      <c r="H555967" s="12"/>
    </row>
    <row r="555968" spans="8:8">
      <c r="H555968" s="12"/>
    </row>
    <row r="555969" spans="8:8">
      <c r="H555969" s="12"/>
    </row>
    <row r="555970" spans="8:8">
      <c r="H555970" s="12"/>
    </row>
    <row r="555971" spans="8:8">
      <c r="H555971" s="12"/>
    </row>
    <row r="555972" spans="8:8">
      <c r="H555972" s="12"/>
    </row>
    <row r="555973" spans="8:8">
      <c r="H555973" s="12"/>
    </row>
    <row r="555974" spans="8:8">
      <c r="H555974" s="12"/>
    </row>
    <row r="555975" spans="8:8">
      <c r="H555975" s="12"/>
    </row>
    <row r="555976" spans="8:8">
      <c r="H555976" s="12"/>
    </row>
    <row r="555977" spans="8:8">
      <c r="H555977" s="12"/>
    </row>
    <row r="555978" spans="8:8">
      <c r="H555978" s="12"/>
    </row>
    <row r="555979" spans="8:8">
      <c r="H555979" s="12"/>
    </row>
    <row r="555980" spans="8:8">
      <c r="H555980" s="12"/>
    </row>
    <row r="555981" spans="8:8">
      <c r="H555981" s="12"/>
    </row>
    <row r="555982" spans="8:8">
      <c r="H555982" s="12"/>
    </row>
    <row r="555983" spans="8:8">
      <c r="H555983" s="12"/>
    </row>
    <row r="555984" spans="8:8">
      <c r="H555984" s="12"/>
    </row>
    <row r="555985" spans="8:8">
      <c r="H555985" s="12"/>
    </row>
    <row r="555986" spans="8:8">
      <c r="H555986" s="12"/>
    </row>
    <row r="555987" spans="8:8">
      <c r="H555987" s="12"/>
    </row>
    <row r="555988" spans="8:8">
      <c r="H555988" s="12"/>
    </row>
    <row r="555989" spans="8:8">
      <c r="H555989" s="12"/>
    </row>
    <row r="555990" spans="8:8">
      <c r="H555990" s="12"/>
    </row>
    <row r="555991" spans="8:8">
      <c r="H555991" s="12"/>
    </row>
    <row r="555992" spans="8:8">
      <c r="H555992" s="12"/>
    </row>
    <row r="555993" spans="8:8">
      <c r="H555993" s="12"/>
    </row>
    <row r="555994" spans="8:8">
      <c r="H555994" s="12"/>
    </row>
    <row r="555995" spans="8:8">
      <c r="H555995" s="12"/>
    </row>
    <row r="555996" spans="8:8">
      <c r="H555996" s="12"/>
    </row>
    <row r="555997" spans="8:8">
      <c r="H555997" s="12"/>
    </row>
    <row r="555998" spans="8:8">
      <c r="H555998" s="12"/>
    </row>
    <row r="555999" spans="8:8">
      <c r="H555999" s="12"/>
    </row>
    <row r="556000" spans="8:8">
      <c r="H556000" s="12"/>
    </row>
    <row r="556001" spans="8:8">
      <c r="H556001" s="12"/>
    </row>
    <row r="556002" spans="8:8">
      <c r="H556002" s="12"/>
    </row>
    <row r="556003" spans="8:8">
      <c r="H556003" s="12"/>
    </row>
    <row r="556004" spans="8:8">
      <c r="H556004" s="12"/>
    </row>
    <row r="556005" spans="8:8">
      <c r="H556005" s="12"/>
    </row>
    <row r="556006" spans="8:8">
      <c r="H556006" s="12"/>
    </row>
    <row r="556007" spans="8:8">
      <c r="H556007" s="12"/>
    </row>
    <row r="556008" spans="8:8">
      <c r="H556008" s="12"/>
    </row>
    <row r="556009" spans="8:8">
      <c r="H556009" s="12"/>
    </row>
    <row r="556010" spans="8:8">
      <c r="H556010" s="12"/>
    </row>
    <row r="556011" spans="8:8">
      <c r="H556011" s="12"/>
    </row>
    <row r="556012" spans="8:8">
      <c r="H556012" s="12"/>
    </row>
    <row r="556013" spans="8:8">
      <c r="H556013" s="12"/>
    </row>
    <row r="556014" spans="8:8">
      <c r="H556014" s="12"/>
    </row>
    <row r="556015" spans="8:8">
      <c r="H556015" s="12"/>
    </row>
    <row r="556016" spans="8:8">
      <c r="H556016" s="12"/>
    </row>
    <row r="556017" spans="8:8">
      <c r="H556017" s="12"/>
    </row>
    <row r="556018" spans="8:8">
      <c r="H556018" s="12"/>
    </row>
    <row r="556019" spans="8:8">
      <c r="H556019" s="12"/>
    </row>
    <row r="556020" spans="8:8">
      <c r="H556020" s="12"/>
    </row>
    <row r="556021" spans="8:8">
      <c r="H556021" s="12"/>
    </row>
    <row r="556022" spans="8:8">
      <c r="H556022" s="12"/>
    </row>
    <row r="556023" spans="8:8">
      <c r="H556023" s="12"/>
    </row>
    <row r="556024" spans="8:8">
      <c r="H556024" s="12"/>
    </row>
    <row r="556025" spans="8:8">
      <c r="H556025" s="12"/>
    </row>
    <row r="556026" spans="8:8">
      <c r="H556026" s="12"/>
    </row>
    <row r="556027" spans="8:8">
      <c r="H556027" s="12"/>
    </row>
    <row r="556028" spans="8:8">
      <c r="H556028" s="12"/>
    </row>
    <row r="556029" spans="8:8">
      <c r="H556029" s="12"/>
    </row>
    <row r="556030" spans="8:8">
      <c r="H556030" s="12"/>
    </row>
    <row r="556031" spans="8:8">
      <c r="H556031" s="12"/>
    </row>
    <row r="556032" spans="8:8">
      <c r="H556032" s="12"/>
    </row>
    <row r="556033" spans="8:8">
      <c r="H556033" s="12"/>
    </row>
    <row r="556034" spans="8:8">
      <c r="H556034" s="12"/>
    </row>
    <row r="556035" spans="8:8">
      <c r="H556035" s="12"/>
    </row>
    <row r="556036" spans="8:8">
      <c r="H556036" s="12"/>
    </row>
    <row r="556037" spans="8:8">
      <c r="H556037" s="12"/>
    </row>
    <row r="556038" spans="8:8">
      <c r="H556038" s="12"/>
    </row>
    <row r="556039" spans="8:8">
      <c r="H556039" s="12"/>
    </row>
    <row r="556040" spans="8:8">
      <c r="H556040" s="12"/>
    </row>
    <row r="556041" spans="8:8">
      <c r="H556041" s="12"/>
    </row>
    <row r="556042" spans="8:8">
      <c r="H556042" s="12"/>
    </row>
    <row r="556043" spans="8:8">
      <c r="H556043" s="12"/>
    </row>
    <row r="556044" spans="8:8">
      <c r="H556044" s="12"/>
    </row>
    <row r="556045" spans="8:8">
      <c r="H556045" s="12"/>
    </row>
    <row r="556046" spans="8:8">
      <c r="H556046" s="12"/>
    </row>
    <row r="556047" spans="8:8">
      <c r="H556047" s="12"/>
    </row>
    <row r="556048" spans="8:8">
      <c r="H556048" s="12"/>
    </row>
    <row r="556049" spans="8:8">
      <c r="H556049" s="12"/>
    </row>
    <row r="556050" spans="8:8">
      <c r="H556050" s="12"/>
    </row>
    <row r="556051" spans="8:8">
      <c r="H556051" s="12"/>
    </row>
    <row r="556052" spans="8:8">
      <c r="H556052" s="12"/>
    </row>
    <row r="556053" spans="8:8">
      <c r="H556053" s="12"/>
    </row>
    <row r="556054" spans="8:8">
      <c r="H556054" s="12"/>
    </row>
    <row r="556055" spans="8:8">
      <c r="H556055" s="12"/>
    </row>
    <row r="556056" spans="8:8">
      <c r="H556056" s="12"/>
    </row>
    <row r="556057" spans="8:8">
      <c r="H556057" s="12"/>
    </row>
    <row r="556058" spans="8:8">
      <c r="H556058" s="12"/>
    </row>
    <row r="556059" spans="8:8">
      <c r="H556059" s="12"/>
    </row>
    <row r="556060" spans="8:8">
      <c r="H556060" s="12"/>
    </row>
    <row r="556061" spans="8:8">
      <c r="H556061" s="12"/>
    </row>
    <row r="556062" spans="8:8">
      <c r="H556062" s="12"/>
    </row>
    <row r="556063" spans="8:8">
      <c r="H556063" s="12"/>
    </row>
    <row r="556064" spans="8:8">
      <c r="H556064" s="12"/>
    </row>
    <row r="556065" spans="8:8">
      <c r="H556065" s="12"/>
    </row>
    <row r="556066" spans="8:8">
      <c r="H556066" s="12"/>
    </row>
    <row r="556067" spans="8:8">
      <c r="H556067" s="12"/>
    </row>
    <row r="556068" spans="8:8">
      <c r="H556068" s="12"/>
    </row>
    <row r="556069" spans="8:8">
      <c r="H556069" s="12"/>
    </row>
    <row r="556070" spans="8:8">
      <c r="H556070" s="12"/>
    </row>
    <row r="556071" spans="8:8">
      <c r="H556071" s="12"/>
    </row>
    <row r="556072" spans="8:8">
      <c r="H556072" s="12"/>
    </row>
    <row r="556073" spans="8:8">
      <c r="H556073" s="12"/>
    </row>
    <row r="556074" spans="8:8">
      <c r="H556074" s="12"/>
    </row>
    <row r="556075" spans="8:8">
      <c r="H556075" s="12"/>
    </row>
    <row r="556076" spans="8:8">
      <c r="H556076" s="12"/>
    </row>
    <row r="556077" spans="8:8">
      <c r="H556077" s="12"/>
    </row>
    <row r="556078" spans="8:8">
      <c r="H556078" s="12"/>
    </row>
    <row r="556079" spans="8:8">
      <c r="H556079" s="12"/>
    </row>
    <row r="556080" spans="8:8">
      <c r="H556080" s="12"/>
    </row>
    <row r="556081" spans="8:8">
      <c r="H556081" s="12"/>
    </row>
    <row r="556082" spans="8:8">
      <c r="H556082" s="12"/>
    </row>
    <row r="556083" spans="8:8">
      <c r="H556083" s="12"/>
    </row>
    <row r="556084" spans="8:8">
      <c r="H556084" s="12"/>
    </row>
    <row r="556085" spans="8:8">
      <c r="H556085" s="12"/>
    </row>
    <row r="556086" spans="8:8">
      <c r="H556086" s="12"/>
    </row>
    <row r="556087" spans="8:8">
      <c r="H556087" s="12"/>
    </row>
    <row r="556088" spans="8:8">
      <c r="H556088" s="12"/>
    </row>
    <row r="556089" spans="8:8">
      <c r="H556089" s="12"/>
    </row>
    <row r="556090" spans="8:8">
      <c r="H556090" s="12"/>
    </row>
    <row r="556091" spans="8:8">
      <c r="H556091" s="12"/>
    </row>
    <row r="556092" spans="8:8">
      <c r="H556092" s="12"/>
    </row>
    <row r="556093" spans="8:8">
      <c r="H556093" s="12"/>
    </row>
    <row r="556094" spans="8:8">
      <c r="H556094" s="12"/>
    </row>
    <row r="556095" spans="8:8">
      <c r="H556095" s="12"/>
    </row>
    <row r="556096" spans="8:8">
      <c r="H556096" s="12"/>
    </row>
    <row r="556097" spans="8:8">
      <c r="H556097" s="12"/>
    </row>
    <row r="556098" spans="8:8">
      <c r="H556098" s="12"/>
    </row>
    <row r="556099" spans="8:8">
      <c r="H556099" s="12"/>
    </row>
    <row r="556100" spans="8:8">
      <c r="H556100" s="12"/>
    </row>
    <row r="556101" spans="8:8">
      <c r="H556101" s="12"/>
    </row>
    <row r="556102" spans="8:8">
      <c r="H556102" s="12"/>
    </row>
    <row r="556103" spans="8:8">
      <c r="H556103" s="12"/>
    </row>
    <row r="556104" spans="8:8">
      <c r="H556104" s="12"/>
    </row>
    <row r="556105" spans="8:8">
      <c r="H556105" s="12"/>
    </row>
    <row r="556106" spans="8:8">
      <c r="H556106" s="12"/>
    </row>
    <row r="556107" spans="8:8">
      <c r="H556107" s="12"/>
    </row>
    <row r="556108" spans="8:8">
      <c r="H556108" s="12"/>
    </row>
    <row r="556109" spans="8:8">
      <c r="H556109" s="12"/>
    </row>
    <row r="556110" spans="8:8">
      <c r="H556110" s="12"/>
    </row>
    <row r="556111" spans="8:8">
      <c r="H556111" s="12"/>
    </row>
    <row r="556112" spans="8:8">
      <c r="H556112" s="12"/>
    </row>
    <row r="556113" spans="8:8">
      <c r="H556113" s="12"/>
    </row>
    <row r="556114" spans="8:8">
      <c r="H556114" s="12"/>
    </row>
    <row r="556115" spans="8:8">
      <c r="H556115" s="12"/>
    </row>
    <row r="556116" spans="8:8">
      <c r="H556116" s="12"/>
    </row>
    <row r="556117" spans="8:8">
      <c r="H556117" s="12"/>
    </row>
    <row r="556118" spans="8:8">
      <c r="H556118" s="12"/>
    </row>
    <row r="556119" spans="8:8">
      <c r="H556119" s="12"/>
    </row>
    <row r="556120" spans="8:8">
      <c r="H556120" s="12"/>
    </row>
    <row r="556121" spans="8:8">
      <c r="H556121" s="12"/>
    </row>
    <row r="556122" spans="8:8">
      <c r="H556122" s="12"/>
    </row>
    <row r="556123" spans="8:8">
      <c r="H556123" s="12"/>
    </row>
    <row r="556124" spans="8:8">
      <c r="H556124" s="12"/>
    </row>
    <row r="556125" spans="8:8">
      <c r="H556125" s="12"/>
    </row>
    <row r="556126" spans="8:8">
      <c r="H556126" s="12"/>
    </row>
    <row r="556127" spans="8:8">
      <c r="H556127" s="12"/>
    </row>
    <row r="556128" spans="8:8">
      <c r="H556128" s="12"/>
    </row>
    <row r="556129" spans="8:8">
      <c r="H556129" s="12"/>
    </row>
    <row r="556130" spans="8:8">
      <c r="H556130" s="12"/>
    </row>
    <row r="556131" spans="8:8">
      <c r="H556131" s="12"/>
    </row>
    <row r="556132" spans="8:8">
      <c r="H556132" s="12"/>
    </row>
    <row r="556133" spans="8:8">
      <c r="H556133" s="12"/>
    </row>
    <row r="556134" spans="8:8">
      <c r="H556134" s="12"/>
    </row>
    <row r="556135" spans="8:8">
      <c r="H556135" s="12"/>
    </row>
    <row r="556136" spans="8:8">
      <c r="H556136" s="12"/>
    </row>
    <row r="556137" spans="8:8">
      <c r="H556137" s="12"/>
    </row>
    <row r="556138" spans="8:8">
      <c r="H556138" s="12"/>
    </row>
    <row r="556139" spans="8:8">
      <c r="H556139" s="12"/>
    </row>
    <row r="556140" spans="8:8">
      <c r="H556140" s="12"/>
    </row>
    <row r="556141" spans="8:8">
      <c r="H556141" s="12"/>
    </row>
    <row r="556142" spans="8:8">
      <c r="H556142" s="12"/>
    </row>
    <row r="556143" spans="8:8">
      <c r="H556143" s="12"/>
    </row>
    <row r="556144" spans="8:8">
      <c r="H556144" s="12"/>
    </row>
    <row r="556145" spans="8:8">
      <c r="H556145" s="12"/>
    </row>
    <row r="556146" spans="8:8">
      <c r="H556146" s="12"/>
    </row>
    <row r="556147" spans="8:8">
      <c r="H556147" s="12"/>
    </row>
    <row r="556148" spans="8:8">
      <c r="H556148" s="12"/>
    </row>
    <row r="556149" spans="8:8">
      <c r="H556149" s="12"/>
    </row>
    <row r="556150" spans="8:8">
      <c r="H556150" s="12"/>
    </row>
    <row r="556151" spans="8:8">
      <c r="H556151" s="12"/>
    </row>
    <row r="556152" spans="8:8">
      <c r="H556152" s="12"/>
    </row>
    <row r="556153" spans="8:8">
      <c r="H556153" s="12"/>
    </row>
    <row r="556154" spans="8:8">
      <c r="H556154" s="12"/>
    </row>
    <row r="556155" spans="8:8">
      <c r="H556155" s="12"/>
    </row>
    <row r="556156" spans="8:8">
      <c r="H556156" s="12"/>
    </row>
    <row r="556157" spans="8:8">
      <c r="H556157" s="12"/>
    </row>
    <row r="556158" spans="8:8">
      <c r="H556158" s="12"/>
    </row>
    <row r="556159" spans="8:8">
      <c r="H556159" s="12"/>
    </row>
    <row r="556160" spans="8:8">
      <c r="H556160" s="12"/>
    </row>
    <row r="556161" spans="8:8">
      <c r="H556161" s="12"/>
    </row>
    <row r="556162" spans="8:8">
      <c r="H556162" s="12"/>
    </row>
    <row r="556163" spans="8:8">
      <c r="H556163" s="12"/>
    </row>
    <row r="556164" spans="8:8">
      <c r="H556164" s="12"/>
    </row>
    <row r="556165" spans="8:8">
      <c r="H556165" s="12"/>
    </row>
    <row r="556166" spans="8:8">
      <c r="H556166" s="12"/>
    </row>
    <row r="556167" spans="8:8">
      <c r="H556167" s="12"/>
    </row>
    <row r="556168" spans="8:8">
      <c r="H556168" s="12"/>
    </row>
    <row r="556169" spans="8:8">
      <c r="H556169" s="12"/>
    </row>
    <row r="556170" spans="8:8">
      <c r="H556170" s="12"/>
    </row>
    <row r="556171" spans="8:8">
      <c r="H556171" s="12"/>
    </row>
    <row r="556172" spans="8:8">
      <c r="H556172" s="12"/>
    </row>
    <row r="556173" spans="8:8">
      <c r="H556173" s="12"/>
    </row>
    <row r="556174" spans="8:8">
      <c r="H556174" s="12"/>
    </row>
    <row r="556175" spans="8:8">
      <c r="H556175" s="12"/>
    </row>
    <row r="556176" spans="8:8">
      <c r="H556176" s="12"/>
    </row>
    <row r="556177" spans="8:8">
      <c r="H556177" s="12"/>
    </row>
    <row r="556178" spans="8:8">
      <c r="H556178" s="12"/>
    </row>
    <row r="556179" spans="8:8">
      <c r="H556179" s="12"/>
    </row>
    <row r="556180" spans="8:8">
      <c r="H556180" s="12"/>
    </row>
    <row r="556181" spans="8:8">
      <c r="H556181" s="12"/>
    </row>
    <row r="556182" spans="8:8">
      <c r="H556182" s="12"/>
    </row>
    <row r="556183" spans="8:8">
      <c r="H556183" s="12"/>
    </row>
    <row r="556184" spans="8:8">
      <c r="H556184" s="12"/>
    </row>
    <row r="556185" spans="8:8">
      <c r="H556185" s="12"/>
    </row>
    <row r="556186" spans="8:8">
      <c r="H556186" s="12"/>
    </row>
    <row r="556187" spans="8:8">
      <c r="H556187" s="12"/>
    </row>
    <row r="556188" spans="8:8">
      <c r="H556188" s="12"/>
    </row>
    <row r="556189" spans="8:8">
      <c r="H556189" s="12"/>
    </row>
    <row r="556190" spans="8:8">
      <c r="H556190" s="12"/>
    </row>
    <row r="556191" spans="8:8">
      <c r="H556191" s="12"/>
    </row>
    <row r="556192" spans="8:8">
      <c r="H556192" s="12"/>
    </row>
    <row r="556193" spans="8:8">
      <c r="H556193" s="12"/>
    </row>
    <row r="556194" spans="8:8">
      <c r="H556194" s="12"/>
    </row>
    <row r="556195" spans="8:8">
      <c r="H556195" s="12"/>
    </row>
    <row r="556196" spans="8:8">
      <c r="H556196" s="12"/>
    </row>
    <row r="556197" spans="8:8">
      <c r="H556197" s="12"/>
    </row>
    <row r="556198" spans="8:8">
      <c r="H556198" s="12"/>
    </row>
    <row r="556199" spans="8:8">
      <c r="H556199" s="12"/>
    </row>
    <row r="556200" spans="8:8">
      <c r="H556200" s="12"/>
    </row>
    <row r="556201" spans="8:8">
      <c r="H556201" s="12"/>
    </row>
    <row r="556202" spans="8:8">
      <c r="H556202" s="12"/>
    </row>
    <row r="556203" spans="8:8">
      <c r="H556203" s="12"/>
    </row>
    <row r="556204" spans="8:8">
      <c r="H556204" s="12"/>
    </row>
    <row r="556205" spans="8:8">
      <c r="H556205" s="12"/>
    </row>
    <row r="556206" spans="8:8">
      <c r="H556206" s="12"/>
    </row>
    <row r="556207" spans="8:8">
      <c r="H556207" s="12"/>
    </row>
    <row r="556208" spans="8:8">
      <c r="H556208" s="12"/>
    </row>
    <row r="556209" spans="8:8">
      <c r="H556209" s="12"/>
    </row>
    <row r="556210" spans="8:8">
      <c r="H556210" s="12"/>
    </row>
    <row r="556211" spans="8:8">
      <c r="H556211" s="12"/>
    </row>
    <row r="556212" spans="8:8">
      <c r="H556212" s="12"/>
    </row>
    <row r="556213" spans="8:8">
      <c r="H556213" s="12"/>
    </row>
    <row r="556214" spans="8:8">
      <c r="H556214" s="12"/>
    </row>
    <row r="556215" spans="8:8">
      <c r="H556215" s="12"/>
    </row>
    <row r="556216" spans="8:8">
      <c r="H556216" s="12"/>
    </row>
    <row r="556217" spans="8:8">
      <c r="H556217" s="12"/>
    </row>
    <row r="556218" spans="8:8">
      <c r="H556218" s="12"/>
    </row>
    <row r="556219" spans="8:8">
      <c r="H556219" s="12"/>
    </row>
    <row r="556220" spans="8:8">
      <c r="H556220" s="12"/>
    </row>
    <row r="556221" spans="8:8">
      <c r="H556221" s="12"/>
    </row>
    <row r="556222" spans="8:8">
      <c r="H556222" s="12"/>
    </row>
    <row r="556223" spans="8:8">
      <c r="H556223" s="12"/>
    </row>
    <row r="556224" spans="8:8">
      <c r="H556224" s="12"/>
    </row>
    <row r="556225" spans="8:8">
      <c r="H556225" s="12"/>
    </row>
    <row r="556226" spans="8:8">
      <c r="H556226" s="12"/>
    </row>
    <row r="556227" spans="8:8">
      <c r="H556227" s="12"/>
    </row>
    <row r="556228" spans="8:8">
      <c r="H556228" s="12"/>
    </row>
    <row r="556229" spans="8:8">
      <c r="H556229" s="12"/>
    </row>
    <row r="556230" spans="8:8">
      <c r="H556230" s="12"/>
    </row>
    <row r="556231" spans="8:8">
      <c r="H556231" s="12"/>
    </row>
    <row r="556232" spans="8:8">
      <c r="H556232" s="12"/>
    </row>
    <row r="556233" spans="8:8">
      <c r="H556233" s="12"/>
    </row>
    <row r="556234" spans="8:8">
      <c r="H556234" s="12"/>
    </row>
    <row r="556235" spans="8:8">
      <c r="H556235" s="12"/>
    </row>
    <row r="556236" spans="8:8">
      <c r="H556236" s="12"/>
    </row>
    <row r="556237" spans="8:8">
      <c r="H556237" s="12"/>
    </row>
    <row r="556238" spans="8:8">
      <c r="H556238" s="12"/>
    </row>
    <row r="556239" spans="8:8">
      <c r="H556239" s="12"/>
    </row>
    <row r="556240" spans="8:8">
      <c r="H556240" s="12"/>
    </row>
    <row r="556241" spans="8:8">
      <c r="H556241" s="12"/>
    </row>
    <row r="556242" spans="8:8">
      <c r="H556242" s="12"/>
    </row>
    <row r="556243" spans="8:8">
      <c r="H556243" s="12"/>
    </row>
    <row r="556244" spans="8:8">
      <c r="H556244" s="12"/>
    </row>
    <row r="556245" spans="8:8">
      <c r="H556245" s="12"/>
    </row>
    <row r="556246" spans="8:8">
      <c r="H556246" s="12"/>
    </row>
    <row r="556247" spans="8:8">
      <c r="H556247" s="12"/>
    </row>
    <row r="556248" spans="8:8">
      <c r="H556248" s="12"/>
    </row>
    <row r="556249" spans="8:8">
      <c r="H556249" s="12"/>
    </row>
    <row r="556250" spans="8:8">
      <c r="H556250" s="12"/>
    </row>
    <row r="556251" spans="8:8">
      <c r="H556251" s="12"/>
    </row>
    <row r="556252" spans="8:8">
      <c r="H556252" s="12"/>
    </row>
    <row r="556253" spans="8:8">
      <c r="H556253" s="12"/>
    </row>
    <row r="556254" spans="8:8">
      <c r="H556254" s="12"/>
    </row>
    <row r="556255" spans="8:8">
      <c r="H556255" s="12"/>
    </row>
    <row r="556256" spans="8:8">
      <c r="H556256" s="12"/>
    </row>
    <row r="556257" spans="8:8">
      <c r="H556257" s="12"/>
    </row>
    <row r="556258" spans="8:8">
      <c r="H556258" s="12"/>
    </row>
    <row r="556259" spans="8:8">
      <c r="H556259" s="12"/>
    </row>
    <row r="556260" spans="8:8">
      <c r="H556260" s="12"/>
    </row>
    <row r="556261" spans="8:8">
      <c r="H556261" s="12"/>
    </row>
    <row r="556262" spans="8:8">
      <c r="H556262" s="12"/>
    </row>
    <row r="556263" spans="8:8">
      <c r="H556263" s="12"/>
    </row>
    <row r="556264" spans="8:8">
      <c r="H556264" s="12"/>
    </row>
    <row r="556265" spans="8:8">
      <c r="H556265" s="12"/>
    </row>
    <row r="556266" spans="8:8">
      <c r="H556266" s="12"/>
    </row>
    <row r="556267" spans="8:8">
      <c r="H556267" s="12"/>
    </row>
    <row r="556268" spans="8:8">
      <c r="H556268" s="12"/>
    </row>
    <row r="556269" spans="8:8">
      <c r="H556269" s="12"/>
    </row>
    <row r="556270" spans="8:8">
      <c r="H556270" s="12"/>
    </row>
    <row r="556271" spans="8:8">
      <c r="H556271" s="12"/>
    </row>
    <row r="556272" spans="8:8">
      <c r="H556272" s="12"/>
    </row>
    <row r="556273" spans="8:8">
      <c r="H556273" s="12"/>
    </row>
    <row r="556274" spans="8:8">
      <c r="H556274" s="12"/>
    </row>
    <row r="556275" spans="8:8">
      <c r="H556275" s="12"/>
    </row>
    <row r="556276" spans="8:8">
      <c r="H556276" s="12"/>
    </row>
    <row r="556277" spans="8:8">
      <c r="H556277" s="12"/>
    </row>
    <row r="556278" spans="8:8">
      <c r="H556278" s="12"/>
    </row>
    <row r="556279" spans="8:8">
      <c r="H556279" s="12"/>
    </row>
    <row r="556280" spans="8:8">
      <c r="H556280" s="12"/>
    </row>
    <row r="556281" spans="8:8">
      <c r="H556281" s="12"/>
    </row>
    <row r="556282" spans="8:8">
      <c r="H556282" s="12"/>
    </row>
    <row r="556283" spans="8:8">
      <c r="H556283" s="12"/>
    </row>
    <row r="556284" spans="8:8">
      <c r="H556284" s="12"/>
    </row>
    <row r="556285" spans="8:8">
      <c r="H556285" s="12"/>
    </row>
    <row r="556286" spans="8:8">
      <c r="H556286" s="12"/>
    </row>
    <row r="556287" spans="8:8">
      <c r="H556287" s="12"/>
    </row>
    <row r="556288" spans="8:8">
      <c r="H556288" s="12"/>
    </row>
    <row r="556289" spans="8:8">
      <c r="H556289" s="12"/>
    </row>
    <row r="556290" spans="8:8">
      <c r="H556290" s="12"/>
    </row>
    <row r="556291" spans="8:8">
      <c r="H556291" s="12"/>
    </row>
    <row r="556292" spans="8:8">
      <c r="H556292" s="12"/>
    </row>
    <row r="556293" spans="8:8">
      <c r="H556293" s="12"/>
    </row>
    <row r="556294" spans="8:8">
      <c r="H556294" s="12"/>
    </row>
    <row r="556295" spans="8:8">
      <c r="H556295" s="12"/>
    </row>
    <row r="556296" spans="8:8">
      <c r="H556296" s="12"/>
    </row>
    <row r="556297" spans="8:8">
      <c r="H556297" s="12"/>
    </row>
    <row r="556298" spans="8:8">
      <c r="H556298" s="12"/>
    </row>
    <row r="556299" spans="8:8">
      <c r="H556299" s="12"/>
    </row>
    <row r="556300" spans="8:8">
      <c r="H556300" s="12"/>
    </row>
    <row r="556301" spans="8:8">
      <c r="H556301" s="12"/>
    </row>
    <row r="556302" spans="8:8">
      <c r="H556302" s="12"/>
    </row>
    <row r="556303" spans="8:8">
      <c r="H556303" s="12"/>
    </row>
    <row r="556304" spans="8:8">
      <c r="H556304" s="12"/>
    </row>
    <row r="556305" spans="8:8">
      <c r="H556305" s="12"/>
    </row>
    <row r="556306" spans="8:8">
      <c r="H556306" s="12"/>
    </row>
    <row r="556307" spans="8:8">
      <c r="H556307" s="12"/>
    </row>
    <row r="556308" spans="8:8">
      <c r="H556308" s="12"/>
    </row>
    <row r="556309" spans="8:8">
      <c r="H556309" s="12"/>
    </row>
    <row r="556310" spans="8:8">
      <c r="H556310" s="12"/>
    </row>
    <row r="556311" spans="8:8">
      <c r="H556311" s="12"/>
    </row>
    <row r="556312" spans="8:8">
      <c r="H556312" s="12"/>
    </row>
    <row r="556313" spans="8:8">
      <c r="H556313" s="12"/>
    </row>
    <row r="556314" spans="8:8">
      <c r="H556314" s="12"/>
    </row>
    <row r="556315" spans="8:8">
      <c r="H556315" s="12"/>
    </row>
    <row r="556316" spans="8:8">
      <c r="H556316" s="12"/>
    </row>
    <row r="556317" spans="8:8">
      <c r="H556317" s="12"/>
    </row>
    <row r="556318" spans="8:8">
      <c r="H556318" s="12"/>
    </row>
    <row r="556319" spans="8:8">
      <c r="H556319" s="12"/>
    </row>
    <row r="556320" spans="8:8">
      <c r="H556320" s="12"/>
    </row>
    <row r="556321" spans="8:8">
      <c r="H556321" s="12"/>
    </row>
    <row r="556322" spans="8:8">
      <c r="H556322" s="12"/>
    </row>
    <row r="556323" spans="8:8">
      <c r="H556323" s="12"/>
    </row>
    <row r="556324" spans="8:8">
      <c r="H556324" s="12"/>
    </row>
    <row r="556325" spans="8:8">
      <c r="H556325" s="12"/>
    </row>
    <row r="556326" spans="8:8">
      <c r="H556326" s="12"/>
    </row>
    <row r="556327" spans="8:8">
      <c r="H556327" s="12"/>
    </row>
    <row r="556328" spans="8:8">
      <c r="H556328" s="12"/>
    </row>
    <row r="556329" spans="8:8">
      <c r="H556329" s="12"/>
    </row>
    <row r="556330" spans="8:8">
      <c r="H556330" s="12"/>
    </row>
    <row r="556331" spans="8:8">
      <c r="H556331" s="12"/>
    </row>
    <row r="556332" spans="8:8">
      <c r="H556332" s="12"/>
    </row>
    <row r="556333" spans="8:8">
      <c r="H556333" s="12"/>
    </row>
    <row r="556334" spans="8:8">
      <c r="H556334" s="12"/>
    </row>
    <row r="556335" spans="8:8">
      <c r="H556335" s="12"/>
    </row>
    <row r="556336" spans="8:8">
      <c r="H556336" s="12"/>
    </row>
    <row r="556337" spans="8:8">
      <c r="H556337" s="12"/>
    </row>
    <row r="556338" spans="8:8">
      <c r="H556338" s="12"/>
    </row>
    <row r="556339" spans="8:8">
      <c r="H556339" s="12"/>
    </row>
    <row r="556340" spans="8:8">
      <c r="H556340" s="12"/>
    </row>
    <row r="556341" spans="8:8">
      <c r="H556341" s="12"/>
    </row>
    <row r="556342" spans="8:8">
      <c r="H556342" s="12"/>
    </row>
    <row r="556343" spans="8:8">
      <c r="H556343" s="12"/>
    </row>
    <row r="556344" spans="8:8">
      <c r="H556344" s="12"/>
    </row>
    <row r="556345" spans="8:8">
      <c r="H556345" s="12"/>
    </row>
    <row r="556346" spans="8:8">
      <c r="H556346" s="12"/>
    </row>
    <row r="556347" spans="8:8">
      <c r="H556347" s="12"/>
    </row>
    <row r="556348" spans="8:8">
      <c r="H556348" s="12"/>
    </row>
    <row r="556349" spans="8:8">
      <c r="H556349" s="12"/>
    </row>
    <row r="556350" spans="8:8">
      <c r="H556350" s="12"/>
    </row>
    <row r="556351" spans="8:8">
      <c r="H556351" s="12"/>
    </row>
    <row r="556352" spans="8:8">
      <c r="H556352" s="12"/>
    </row>
    <row r="556353" spans="8:8">
      <c r="H556353" s="12"/>
    </row>
    <row r="556354" spans="8:8">
      <c r="H556354" s="12"/>
    </row>
    <row r="556355" spans="8:8">
      <c r="H556355" s="12"/>
    </row>
    <row r="556356" spans="8:8">
      <c r="H556356" s="12"/>
    </row>
    <row r="556357" spans="8:8">
      <c r="H556357" s="12"/>
    </row>
    <row r="556358" spans="8:8">
      <c r="H556358" s="12"/>
    </row>
    <row r="556359" spans="8:8">
      <c r="H556359" s="12"/>
    </row>
    <row r="556360" spans="8:8">
      <c r="H556360" s="12"/>
    </row>
    <row r="556361" spans="8:8">
      <c r="H556361" s="12"/>
    </row>
    <row r="556362" spans="8:8">
      <c r="H556362" s="12"/>
    </row>
    <row r="556363" spans="8:8">
      <c r="H556363" s="12"/>
    </row>
    <row r="556364" spans="8:8">
      <c r="H556364" s="12"/>
    </row>
    <row r="556365" spans="8:8">
      <c r="H556365" s="12"/>
    </row>
    <row r="556366" spans="8:8">
      <c r="H556366" s="12"/>
    </row>
    <row r="556367" spans="8:8">
      <c r="H556367" s="12"/>
    </row>
    <row r="556368" spans="8:8">
      <c r="H556368" s="12"/>
    </row>
    <row r="556369" spans="8:8">
      <c r="H556369" s="12"/>
    </row>
    <row r="556370" spans="8:8">
      <c r="H556370" s="12"/>
    </row>
    <row r="556371" spans="8:8">
      <c r="H556371" s="12"/>
    </row>
    <row r="556372" spans="8:8">
      <c r="H556372" s="12"/>
    </row>
    <row r="556373" spans="8:8">
      <c r="H556373" s="12"/>
    </row>
    <row r="556374" spans="8:8">
      <c r="H556374" s="12"/>
    </row>
    <row r="556375" spans="8:8">
      <c r="H556375" s="12"/>
    </row>
    <row r="556376" spans="8:8">
      <c r="H556376" s="12"/>
    </row>
    <row r="556377" spans="8:8">
      <c r="H556377" s="12"/>
    </row>
    <row r="556378" spans="8:8">
      <c r="H556378" s="12"/>
    </row>
    <row r="556379" spans="8:8">
      <c r="H556379" s="12"/>
    </row>
    <row r="556380" spans="8:8">
      <c r="H556380" s="12"/>
    </row>
    <row r="556381" spans="8:8">
      <c r="H556381" s="12"/>
    </row>
    <row r="556382" spans="8:8">
      <c r="H556382" s="12"/>
    </row>
    <row r="556383" spans="8:8">
      <c r="H556383" s="12"/>
    </row>
    <row r="556384" spans="8:8">
      <c r="H556384" s="12"/>
    </row>
    <row r="556385" spans="8:8">
      <c r="H556385" s="12"/>
    </row>
    <row r="556386" spans="8:8">
      <c r="H556386" s="12"/>
    </row>
    <row r="556387" spans="8:8">
      <c r="H556387" s="12"/>
    </row>
    <row r="556388" spans="8:8">
      <c r="H556388" s="12"/>
    </row>
    <row r="556389" spans="8:8">
      <c r="H556389" s="12"/>
    </row>
    <row r="556390" spans="8:8">
      <c r="H556390" s="12"/>
    </row>
    <row r="556391" spans="8:8">
      <c r="H556391" s="12"/>
    </row>
    <row r="556392" spans="8:8">
      <c r="H556392" s="12"/>
    </row>
    <row r="556393" spans="8:8">
      <c r="H556393" s="12"/>
    </row>
    <row r="556394" spans="8:8">
      <c r="H556394" s="12"/>
    </row>
    <row r="556395" spans="8:8">
      <c r="H556395" s="12"/>
    </row>
    <row r="556396" spans="8:8">
      <c r="H556396" s="12"/>
    </row>
    <row r="556397" spans="8:8">
      <c r="H556397" s="12"/>
    </row>
    <row r="556398" spans="8:8">
      <c r="H556398" s="12"/>
    </row>
    <row r="556399" spans="8:8">
      <c r="H556399" s="12"/>
    </row>
    <row r="556400" spans="8:8">
      <c r="H556400" s="12"/>
    </row>
    <row r="556401" spans="8:8">
      <c r="H556401" s="12"/>
    </row>
    <row r="556402" spans="8:8">
      <c r="H556402" s="12"/>
    </row>
    <row r="556403" spans="8:8">
      <c r="H556403" s="12"/>
    </row>
    <row r="556404" spans="8:8">
      <c r="H556404" s="12"/>
    </row>
    <row r="556405" spans="8:8">
      <c r="H556405" s="12"/>
    </row>
    <row r="556406" spans="8:8">
      <c r="H556406" s="12"/>
    </row>
    <row r="556407" spans="8:8">
      <c r="H556407" s="12"/>
    </row>
    <row r="556408" spans="8:8">
      <c r="H556408" s="12"/>
    </row>
    <row r="556409" spans="8:8">
      <c r="H556409" s="12"/>
    </row>
    <row r="556410" spans="8:8">
      <c r="H556410" s="12"/>
    </row>
    <row r="556411" spans="8:8">
      <c r="H556411" s="12"/>
    </row>
    <row r="556412" spans="8:8">
      <c r="H556412" s="12"/>
    </row>
    <row r="556413" spans="8:8">
      <c r="H556413" s="12"/>
    </row>
    <row r="556414" spans="8:8">
      <c r="H556414" s="12"/>
    </row>
    <row r="556415" spans="8:8">
      <c r="H556415" s="12"/>
    </row>
    <row r="556416" spans="8:8">
      <c r="H556416" s="12"/>
    </row>
    <row r="556417" spans="8:8">
      <c r="H556417" s="12"/>
    </row>
    <row r="556418" spans="8:8">
      <c r="H556418" s="12"/>
    </row>
    <row r="556419" spans="8:8">
      <c r="H556419" s="12"/>
    </row>
    <row r="556420" spans="8:8">
      <c r="H556420" s="12"/>
    </row>
    <row r="556421" spans="8:8">
      <c r="H556421" s="12"/>
    </row>
    <row r="556422" spans="8:8">
      <c r="H556422" s="12"/>
    </row>
    <row r="556423" spans="8:8">
      <c r="H556423" s="12"/>
    </row>
    <row r="556424" spans="8:8">
      <c r="H556424" s="12"/>
    </row>
    <row r="556425" spans="8:8">
      <c r="H556425" s="12"/>
    </row>
    <row r="556426" spans="8:8">
      <c r="H556426" s="12"/>
    </row>
    <row r="556427" spans="8:8">
      <c r="H556427" s="12"/>
    </row>
    <row r="556428" spans="8:8">
      <c r="H556428" s="12"/>
    </row>
    <row r="556429" spans="8:8">
      <c r="H556429" s="12"/>
    </row>
    <row r="556430" spans="8:8">
      <c r="H556430" s="12"/>
    </row>
    <row r="556431" spans="8:8">
      <c r="H556431" s="12"/>
    </row>
    <row r="556432" spans="8:8">
      <c r="H556432" s="12"/>
    </row>
    <row r="556433" spans="8:8">
      <c r="H556433" s="12"/>
    </row>
    <row r="556434" spans="8:8">
      <c r="H556434" s="12"/>
    </row>
    <row r="556435" spans="8:8">
      <c r="H556435" s="12"/>
    </row>
    <row r="556436" spans="8:8">
      <c r="H556436" s="12"/>
    </row>
    <row r="556437" spans="8:8">
      <c r="H556437" s="12"/>
    </row>
    <row r="556438" spans="8:8">
      <c r="H556438" s="12"/>
    </row>
    <row r="556439" spans="8:8">
      <c r="H556439" s="12"/>
    </row>
    <row r="556440" spans="8:8">
      <c r="H556440" s="12"/>
    </row>
    <row r="556441" spans="8:8">
      <c r="H556441" s="12"/>
    </row>
    <row r="556442" spans="8:8">
      <c r="H556442" s="12"/>
    </row>
    <row r="556443" spans="8:8">
      <c r="H556443" s="12"/>
    </row>
    <row r="556444" spans="8:8">
      <c r="H556444" s="12"/>
    </row>
    <row r="556445" spans="8:8">
      <c r="H556445" s="12"/>
    </row>
    <row r="556446" spans="8:8">
      <c r="H556446" s="12"/>
    </row>
    <row r="556447" spans="8:8">
      <c r="H556447" s="12"/>
    </row>
    <row r="556448" spans="8:8">
      <c r="H556448" s="12"/>
    </row>
    <row r="556449" spans="8:8">
      <c r="H556449" s="12"/>
    </row>
    <row r="556450" spans="8:8">
      <c r="H556450" s="12"/>
    </row>
    <row r="556451" spans="8:8">
      <c r="H556451" s="12"/>
    </row>
    <row r="556452" spans="8:8">
      <c r="H556452" s="12"/>
    </row>
    <row r="556453" spans="8:8">
      <c r="H556453" s="12"/>
    </row>
    <row r="556454" spans="8:8">
      <c r="H556454" s="12"/>
    </row>
    <row r="556455" spans="8:8">
      <c r="H556455" s="12"/>
    </row>
    <row r="556456" spans="8:8">
      <c r="H556456" s="12"/>
    </row>
    <row r="556457" spans="8:8">
      <c r="H556457" s="12"/>
    </row>
    <row r="556458" spans="8:8">
      <c r="H556458" s="12"/>
    </row>
    <row r="556459" spans="8:8">
      <c r="H556459" s="12"/>
    </row>
    <row r="556460" spans="8:8">
      <c r="H556460" s="12"/>
    </row>
    <row r="556461" spans="8:8">
      <c r="H556461" s="12"/>
    </row>
    <row r="556462" spans="8:8">
      <c r="H556462" s="12"/>
    </row>
    <row r="556463" spans="8:8">
      <c r="H556463" s="12"/>
    </row>
    <row r="556464" spans="8:8">
      <c r="H556464" s="12"/>
    </row>
    <row r="556465" spans="8:8">
      <c r="H556465" s="12"/>
    </row>
    <row r="556466" spans="8:8">
      <c r="H556466" s="12"/>
    </row>
    <row r="556467" spans="8:8">
      <c r="H556467" s="12"/>
    </row>
    <row r="556468" spans="8:8">
      <c r="H556468" s="12"/>
    </row>
    <row r="556469" spans="8:8">
      <c r="H556469" s="12"/>
    </row>
    <row r="556470" spans="8:8">
      <c r="H556470" s="12"/>
    </row>
    <row r="556471" spans="8:8">
      <c r="H556471" s="12"/>
    </row>
    <row r="556472" spans="8:8">
      <c r="H556472" s="12"/>
    </row>
    <row r="556473" spans="8:8">
      <c r="H556473" s="12"/>
    </row>
    <row r="556474" spans="8:8">
      <c r="H556474" s="12"/>
    </row>
    <row r="556475" spans="8:8">
      <c r="H556475" s="12"/>
    </row>
    <row r="556476" spans="8:8">
      <c r="H556476" s="12"/>
    </row>
    <row r="556477" spans="8:8">
      <c r="H556477" s="12"/>
    </row>
    <row r="556478" spans="8:8">
      <c r="H556478" s="12"/>
    </row>
    <row r="556479" spans="8:8">
      <c r="H556479" s="12"/>
    </row>
    <row r="556480" spans="8:8">
      <c r="H556480" s="12"/>
    </row>
    <row r="556481" spans="8:8">
      <c r="H556481" s="12"/>
    </row>
    <row r="556482" spans="8:8">
      <c r="H556482" s="12"/>
    </row>
    <row r="556483" spans="8:8">
      <c r="H556483" s="12"/>
    </row>
    <row r="556484" spans="8:8">
      <c r="H556484" s="12"/>
    </row>
    <row r="556485" spans="8:8">
      <c r="H556485" s="12"/>
    </row>
    <row r="556486" spans="8:8">
      <c r="H556486" s="12"/>
    </row>
    <row r="556487" spans="8:8">
      <c r="H556487" s="12"/>
    </row>
    <row r="556488" spans="8:8">
      <c r="H556488" s="12"/>
    </row>
    <row r="556489" spans="8:8">
      <c r="H556489" s="12"/>
    </row>
    <row r="556490" spans="8:8">
      <c r="H556490" s="12"/>
    </row>
    <row r="556491" spans="8:8">
      <c r="H556491" s="12"/>
    </row>
    <row r="556492" spans="8:8">
      <c r="H556492" s="12"/>
    </row>
    <row r="556493" spans="8:8">
      <c r="H556493" s="12"/>
    </row>
    <row r="556494" spans="8:8">
      <c r="H556494" s="12"/>
    </row>
    <row r="556495" spans="8:8">
      <c r="H556495" s="12"/>
    </row>
    <row r="556496" spans="8:8">
      <c r="H556496" s="12"/>
    </row>
    <row r="556497" spans="8:8">
      <c r="H556497" s="12"/>
    </row>
    <row r="556498" spans="8:8">
      <c r="H556498" s="12"/>
    </row>
    <row r="556499" spans="8:8">
      <c r="H556499" s="12"/>
    </row>
    <row r="556500" spans="8:8">
      <c r="H556500" s="12"/>
    </row>
    <row r="556501" spans="8:8">
      <c r="H556501" s="12"/>
    </row>
    <row r="556502" spans="8:8">
      <c r="H556502" s="12"/>
    </row>
    <row r="556503" spans="8:8">
      <c r="H556503" s="12"/>
    </row>
    <row r="556504" spans="8:8">
      <c r="H556504" s="12"/>
    </row>
    <row r="556505" spans="8:8">
      <c r="H556505" s="12"/>
    </row>
    <row r="556506" spans="8:8">
      <c r="H556506" s="12"/>
    </row>
    <row r="556507" spans="8:8">
      <c r="H556507" s="12"/>
    </row>
    <row r="556508" spans="8:8">
      <c r="H556508" s="12"/>
    </row>
    <row r="556509" spans="8:8">
      <c r="H556509" s="12"/>
    </row>
    <row r="556510" spans="8:8">
      <c r="H556510" s="12"/>
    </row>
    <row r="556511" spans="8:8">
      <c r="H556511" s="12"/>
    </row>
    <row r="556512" spans="8:8">
      <c r="H556512" s="12"/>
    </row>
    <row r="556513" spans="8:8">
      <c r="H556513" s="12"/>
    </row>
    <row r="556514" spans="8:8">
      <c r="H556514" s="12"/>
    </row>
    <row r="556515" spans="8:8">
      <c r="H556515" s="12"/>
    </row>
    <row r="556516" spans="8:8">
      <c r="H556516" s="12"/>
    </row>
    <row r="556517" spans="8:8">
      <c r="H556517" s="12"/>
    </row>
    <row r="556518" spans="8:8">
      <c r="H556518" s="12"/>
    </row>
    <row r="556519" spans="8:8">
      <c r="H556519" s="12"/>
    </row>
    <row r="556520" spans="8:8">
      <c r="H556520" s="12"/>
    </row>
    <row r="556521" spans="8:8">
      <c r="H556521" s="12"/>
    </row>
    <row r="556522" spans="8:8">
      <c r="H556522" s="12"/>
    </row>
    <row r="556523" spans="8:8">
      <c r="H556523" s="12"/>
    </row>
    <row r="556524" spans="8:8">
      <c r="H556524" s="12"/>
    </row>
    <row r="556525" spans="8:8">
      <c r="H556525" s="12"/>
    </row>
    <row r="556526" spans="8:8">
      <c r="H556526" s="12"/>
    </row>
    <row r="556527" spans="8:8">
      <c r="H556527" s="12"/>
    </row>
    <row r="556528" spans="8:8">
      <c r="H556528" s="12"/>
    </row>
    <row r="556529" spans="8:8">
      <c r="H556529" s="12"/>
    </row>
    <row r="556530" spans="8:8">
      <c r="H556530" s="12"/>
    </row>
    <row r="556531" spans="8:8">
      <c r="H556531" s="12"/>
    </row>
    <row r="556532" spans="8:8">
      <c r="H556532" s="12"/>
    </row>
    <row r="556533" spans="8:8">
      <c r="H556533" s="12"/>
    </row>
    <row r="556534" spans="8:8">
      <c r="H556534" s="12"/>
    </row>
    <row r="556535" spans="8:8">
      <c r="H556535" s="12"/>
    </row>
    <row r="556536" spans="8:8">
      <c r="H556536" s="12"/>
    </row>
    <row r="556537" spans="8:8">
      <c r="H556537" s="12"/>
    </row>
    <row r="556538" spans="8:8">
      <c r="H556538" s="12"/>
    </row>
    <row r="556539" spans="8:8">
      <c r="H556539" s="12"/>
    </row>
    <row r="556540" spans="8:8">
      <c r="H556540" s="12"/>
    </row>
    <row r="556541" spans="8:8">
      <c r="H556541" s="12"/>
    </row>
    <row r="556542" spans="8:8">
      <c r="H556542" s="12"/>
    </row>
    <row r="556543" spans="8:8">
      <c r="H556543" s="12"/>
    </row>
    <row r="556544" spans="8:8">
      <c r="H556544" s="12"/>
    </row>
    <row r="556545" spans="8:8">
      <c r="H556545" s="12"/>
    </row>
    <row r="556546" spans="8:8">
      <c r="H556546" s="12"/>
    </row>
    <row r="556547" spans="8:8">
      <c r="H556547" s="12"/>
    </row>
    <row r="556548" spans="8:8">
      <c r="H556548" s="12"/>
    </row>
    <row r="556549" spans="8:8">
      <c r="H556549" s="12"/>
    </row>
    <row r="556550" spans="8:8">
      <c r="H556550" s="12"/>
    </row>
    <row r="556551" spans="8:8">
      <c r="H556551" s="12"/>
    </row>
    <row r="556552" spans="8:8">
      <c r="H556552" s="12"/>
    </row>
    <row r="556553" spans="8:8">
      <c r="H556553" s="12"/>
    </row>
    <row r="556554" spans="8:8">
      <c r="H556554" s="12"/>
    </row>
    <row r="556555" spans="8:8">
      <c r="H556555" s="12"/>
    </row>
    <row r="556556" spans="8:8">
      <c r="H556556" s="12"/>
    </row>
    <row r="556557" spans="8:8">
      <c r="H556557" s="12"/>
    </row>
    <row r="556558" spans="8:8">
      <c r="H556558" s="12"/>
    </row>
    <row r="556559" spans="8:8">
      <c r="H556559" s="12"/>
    </row>
    <row r="556560" spans="8:8">
      <c r="H556560" s="12"/>
    </row>
    <row r="556561" spans="8:8">
      <c r="H556561" s="12"/>
    </row>
    <row r="556562" spans="8:8">
      <c r="H556562" s="12"/>
    </row>
    <row r="556563" spans="8:8">
      <c r="H556563" s="12"/>
    </row>
    <row r="556564" spans="8:8">
      <c r="H556564" s="12"/>
    </row>
    <row r="556565" spans="8:8">
      <c r="H556565" s="12"/>
    </row>
    <row r="556566" spans="8:8">
      <c r="H556566" s="12"/>
    </row>
    <row r="556567" spans="8:8">
      <c r="H556567" s="12"/>
    </row>
    <row r="556568" spans="8:8">
      <c r="H556568" s="12"/>
    </row>
    <row r="556569" spans="8:8">
      <c r="H556569" s="12"/>
    </row>
    <row r="556570" spans="8:8">
      <c r="H556570" s="12"/>
    </row>
    <row r="556571" spans="8:8">
      <c r="H556571" s="12"/>
    </row>
    <row r="556572" spans="8:8">
      <c r="H556572" s="12"/>
    </row>
    <row r="556573" spans="8:8">
      <c r="H556573" s="12"/>
    </row>
    <row r="556574" spans="8:8">
      <c r="H556574" s="12"/>
    </row>
    <row r="556575" spans="8:8">
      <c r="H556575" s="12"/>
    </row>
    <row r="556576" spans="8:8">
      <c r="H556576" s="12"/>
    </row>
    <row r="556577" spans="8:8">
      <c r="H556577" s="12"/>
    </row>
    <row r="556578" spans="8:8">
      <c r="H556578" s="12"/>
    </row>
    <row r="556579" spans="8:8">
      <c r="H556579" s="12"/>
    </row>
    <row r="556580" spans="8:8">
      <c r="H556580" s="12"/>
    </row>
    <row r="556581" spans="8:8">
      <c r="H556581" s="12"/>
    </row>
    <row r="556582" spans="8:8">
      <c r="H556582" s="12"/>
    </row>
    <row r="556583" spans="8:8">
      <c r="H556583" s="12"/>
    </row>
    <row r="556584" spans="8:8">
      <c r="H556584" s="12"/>
    </row>
    <row r="556585" spans="8:8">
      <c r="H556585" s="12"/>
    </row>
    <row r="556586" spans="8:8">
      <c r="H556586" s="12"/>
    </row>
    <row r="556587" spans="8:8">
      <c r="H556587" s="12"/>
    </row>
    <row r="556588" spans="8:8">
      <c r="H556588" s="12"/>
    </row>
    <row r="556589" spans="8:8">
      <c r="H556589" s="12"/>
    </row>
    <row r="556590" spans="8:8">
      <c r="H556590" s="12"/>
    </row>
    <row r="556591" spans="8:8">
      <c r="H556591" s="12"/>
    </row>
    <row r="556592" spans="8:8">
      <c r="H556592" s="12"/>
    </row>
    <row r="556593" spans="8:8">
      <c r="H556593" s="12"/>
    </row>
    <row r="556594" spans="8:8">
      <c r="H556594" s="12"/>
    </row>
    <row r="556595" spans="8:8">
      <c r="H556595" s="12"/>
    </row>
    <row r="556596" spans="8:8">
      <c r="H556596" s="12"/>
    </row>
    <row r="556597" spans="8:8">
      <c r="H556597" s="12"/>
    </row>
    <row r="556598" spans="8:8">
      <c r="H556598" s="12"/>
    </row>
    <row r="556599" spans="8:8">
      <c r="H556599" s="12"/>
    </row>
    <row r="556600" spans="8:8">
      <c r="H556600" s="12"/>
    </row>
    <row r="556601" spans="8:8">
      <c r="H556601" s="12"/>
    </row>
    <row r="556602" spans="8:8">
      <c r="H556602" s="12"/>
    </row>
    <row r="556603" spans="8:8">
      <c r="H556603" s="12"/>
    </row>
    <row r="556604" spans="8:8">
      <c r="H556604" s="12"/>
    </row>
    <row r="556605" spans="8:8">
      <c r="H556605" s="12"/>
    </row>
    <row r="556606" spans="8:8">
      <c r="H556606" s="12"/>
    </row>
    <row r="556607" spans="8:8">
      <c r="H556607" s="12"/>
    </row>
    <row r="556608" spans="8:8">
      <c r="H556608" s="12"/>
    </row>
    <row r="556609" spans="8:8">
      <c r="H556609" s="12"/>
    </row>
    <row r="556610" spans="8:8">
      <c r="H556610" s="12"/>
    </row>
    <row r="556611" spans="8:8">
      <c r="H556611" s="12"/>
    </row>
    <row r="556612" spans="8:8">
      <c r="H556612" s="12"/>
    </row>
    <row r="556613" spans="8:8">
      <c r="H556613" s="12"/>
    </row>
    <row r="556614" spans="8:8">
      <c r="H556614" s="12"/>
    </row>
    <row r="556615" spans="8:8">
      <c r="H556615" s="12"/>
    </row>
    <row r="556616" spans="8:8">
      <c r="H556616" s="12"/>
    </row>
    <row r="556617" spans="8:8">
      <c r="H556617" s="12"/>
    </row>
    <row r="556618" spans="8:8">
      <c r="H556618" s="12"/>
    </row>
    <row r="556619" spans="8:8">
      <c r="H556619" s="12"/>
    </row>
    <row r="556620" spans="8:8">
      <c r="H556620" s="12"/>
    </row>
    <row r="556621" spans="8:8">
      <c r="H556621" s="12"/>
    </row>
    <row r="556622" spans="8:8">
      <c r="H556622" s="12"/>
    </row>
    <row r="556623" spans="8:8">
      <c r="H556623" s="12"/>
    </row>
    <row r="556624" spans="8:8">
      <c r="H556624" s="12"/>
    </row>
    <row r="556625" spans="8:8">
      <c r="H556625" s="12"/>
    </row>
    <row r="556626" spans="8:8">
      <c r="H556626" s="12"/>
    </row>
    <row r="556627" spans="8:8">
      <c r="H556627" s="12"/>
    </row>
    <row r="556628" spans="8:8">
      <c r="H556628" s="12"/>
    </row>
    <row r="556629" spans="8:8">
      <c r="H556629" s="12"/>
    </row>
    <row r="556630" spans="8:8">
      <c r="H556630" s="12"/>
    </row>
    <row r="556631" spans="8:8">
      <c r="H556631" s="12"/>
    </row>
    <row r="556632" spans="8:8">
      <c r="H556632" s="12"/>
    </row>
    <row r="556633" spans="8:8">
      <c r="H556633" s="12"/>
    </row>
    <row r="556634" spans="8:8">
      <c r="H556634" s="12"/>
    </row>
    <row r="556635" spans="8:8">
      <c r="H556635" s="12"/>
    </row>
    <row r="556636" spans="8:8">
      <c r="H556636" s="12"/>
    </row>
    <row r="556637" spans="8:8">
      <c r="H556637" s="12"/>
    </row>
    <row r="556638" spans="8:8">
      <c r="H556638" s="12"/>
    </row>
    <row r="556639" spans="8:8">
      <c r="H556639" s="12"/>
    </row>
    <row r="556640" spans="8:8">
      <c r="H556640" s="12"/>
    </row>
    <row r="556641" spans="8:8">
      <c r="H556641" s="12"/>
    </row>
    <row r="556642" spans="8:8">
      <c r="H556642" s="12"/>
    </row>
    <row r="556643" spans="8:8">
      <c r="H556643" s="12"/>
    </row>
    <row r="556644" spans="8:8">
      <c r="H556644" s="12"/>
    </row>
    <row r="556645" spans="8:8">
      <c r="H556645" s="12"/>
    </row>
    <row r="556646" spans="8:8">
      <c r="H556646" s="12"/>
    </row>
    <row r="556647" spans="8:8">
      <c r="H556647" s="12"/>
    </row>
    <row r="556648" spans="8:8">
      <c r="H556648" s="12"/>
    </row>
    <row r="556649" spans="8:8">
      <c r="H556649" s="12"/>
    </row>
    <row r="556650" spans="8:8">
      <c r="H556650" s="12"/>
    </row>
    <row r="556651" spans="8:8">
      <c r="H556651" s="12"/>
    </row>
    <row r="556652" spans="8:8">
      <c r="H556652" s="12"/>
    </row>
    <row r="556653" spans="8:8">
      <c r="H556653" s="12"/>
    </row>
    <row r="556654" spans="8:8">
      <c r="H556654" s="12"/>
    </row>
    <row r="556655" spans="8:8">
      <c r="H556655" s="12"/>
    </row>
    <row r="556656" spans="8:8">
      <c r="H556656" s="12"/>
    </row>
    <row r="556657" spans="8:8">
      <c r="H556657" s="12"/>
    </row>
    <row r="556658" spans="8:8">
      <c r="H556658" s="12"/>
    </row>
    <row r="556659" spans="8:8">
      <c r="H556659" s="12"/>
    </row>
    <row r="556660" spans="8:8">
      <c r="H556660" s="12"/>
    </row>
    <row r="556661" spans="8:8">
      <c r="H556661" s="12"/>
    </row>
    <row r="556662" spans="8:8">
      <c r="H556662" s="12"/>
    </row>
    <row r="556663" spans="8:8">
      <c r="H556663" s="12"/>
    </row>
    <row r="556664" spans="8:8">
      <c r="H556664" s="12"/>
    </row>
    <row r="556665" spans="8:8">
      <c r="H556665" s="12"/>
    </row>
    <row r="556666" spans="8:8">
      <c r="H556666" s="12"/>
    </row>
    <row r="556667" spans="8:8">
      <c r="H556667" s="12"/>
    </row>
    <row r="556668" spans="8:8">
      <c r="H556668" s="12"/>
    </row>
    <row r="556669" spans="8:8">
      <c r="H556669" s="12"/>
    </row>
    <row r="556670" spans="8:8">
      <c r="H556670" s="12"/>
    </row>
    <row r="556671" spans="8:8">
      <c r="H556671" s="12"/>
    </row>
    <row r="556672" spans="8:8">
      <c r="H556672" s="12"/>
    </row>
    <row r="556673" spans="8:8">
      <c r="H556673" s="12"/>
    </row>
    <row r="556674" spans="8:8">
      <c r="H556674" s="12"/>
    </row>
    <row r="556675" spans="8:8">
      <c r="H556675" s="12"/>
    </row>
    <row r="556676" spans="8:8">
      <c r="H556676" s="12"/>
    </row>
    <row r="556677" spans="8:8">
      <c r="H556677" s="12"/>
    </row>
    <row r="556678" spans="8:8">
      <c r="H556678" s="12"/>
    </row>
    <row r="556679" spans="8:8">
      <c r="H556679" s="12"/>
    </row>
    <row r="556680" spans="8:8">
      <c r="H556680" s="12"/>
    </row>
    <row r="556681" spans="8:8">
      <c r="H556681" s="12"/>
    </row>
    <row r="556682" spans="8:8">
      <c r="H556682" s="12"/>
    </row>
    <row r="556683" spans="8:8">
      <c r="H556683" s="12"/>
    </row>
    <row r="556684" spans="8:8">
      <c r="H556684" s="12"/>
    </row>
    <row r="556685" spans="8:8">
      <c r="H556685" s="12"/>
    </row>
    <row r="556686" spans="8:8">
      <c r="H556686" s="12"/>
    </row>
    <row r="556687" spans="8:8">
      <c r="H556687" s="12"/>
    </row>
    <row r="556688" spans="8:8">
      <c r="H556688" s="12"/>
    </row>
    <row r="556689" spans="8:8">
      <c r="H556689" s="12"/>
    </row>
    <row r="556690" spans="8:8">
      <c r="H556690" s="12"/>
    </row>
    <row r="556691" spans="8:8">
      <c r="H556691" s="12"/>
    </row>
    <row r="556692" spans="8:8">
      <c r="H556692" s="12"/>
    </row>
    <row r="556693" spans="8:8">
      <c r="H556693" s="12"/>
    </row>
    <row r="556694" spans="8:8">
      <c r="H556694" s="12"/>
    </row>
    <row r="556695" spans="8:8">
      <c r="H556695" s="12"/>
    </row>
    <row r="556696" spans="8:8">
      <c r="H556696" s="12"/>
    </row>
    <row r="556697" spans="8:8">
      <c r="H556697" s="12"/>
    </row>
    <row r="556698" spans="8:8">
      <c r="H556698" s="12"/>
    </row>
    <row r="556699" spans="8:8">
      <c r="H556699" s="12"/>
    </row>
    <row r="556700" spans="8:8">
      <c r="H556700" s="12"/>
    </row>
    <row r="556701" spans="8:8">
      <c r="H556701" s="12"/>
    </row>
    <row r="556702" spans="8:8">
      <c r="H556702" s="12"/>
    </row>
    <row r="556703" spans="8:8">
      <c r="H556703" s="12"/>
    </row>
    <row r="556704" spans="8:8">
      <c r="H556704" s="12"/>
    </row>
    <row r="556705" spans="8:8">
      <c r="H556705" s="12"/>
    </row>
    <row r="556706" spans="8:8">
      <c r="H556706" s="12"/>
    </row>
    <row r="556707" spans="8:8">
      <c r="H556707" s="12"/>
    </row>
    <row r="556708" spans="8:8">
      <c r="H556708" s="12"/>
    </row>
    <row r="556709" spans="8:8">
      <c r="H556709" s="12"/>
    </row>
    <row r="556710" spans="8:8">
      <c r="H556710" s="12"/>
    </row>
    <row r="556711" spans="8:8">
      <c r="H556711" s="12"/>
    </row>
    <row r="556712" spans="8:8">
      <c r="H556712" s="12"/>
    </row>
    <row r="556713" spans="8:8">
      <c r="H556713" s="12"/>
    </row>
    <row r="556714" spans="8:8">
      <c r="H556714" s="12"/>
    </row>
    <row r="556715" spans="8:8">
      <c r="H556715" s="12"/>
    </row>
    <row r="556716" spans="8:8">
      <c r="H556716" s="12"/>
    </row>
    <row r="556717" spans="8:8">
      <c r="H556717" s="12"/>
    </row>
    <row r="556718" spans="8:8">
      <c r="H556718" s="12"/>
    </row>
    <row r="556719" spans="8:8">
      <c r="H556719" s="12"/>
    </row>
    <row r="556720" spans="8:8">
      <c r="H556720" s="12"/>
    </row>
    <row r="556721" spans="8:8">
      <c r="H556721" s="12"/>
    </row>
    <row r="556722" spans="8:8">
      <c r="H556722" s="12"/>
    </row>
    <row r="556723" spans="8:8">
      <c r="H556723" s="12"/>
    </row>
    <row r="556724" spans="8:8">
      <c r="H556724" s="12"/>
    </row>
    <row r="556725" spans="8:8">
      <c r="H556725" s="12"/>
    </row>
    <row r="556726" spans="8:8">
      <c r="H556726" s="12"/>
    </row>
    <row r="556727" spans="8:8">
      <c r="H556727" s="12"/>
    </row>
    <row r="556728" spans="8:8">
      <c r="H556728" s="12"/>
    </row>
    <row r="556729" spans="8:8">
      <c r="H556729" s="12"/>
    </row>
    <row r="556730" spans="8:8">
      <c r="H556730" s="12"/>
    </row>
    <row r="556731" spans="8:8">
      <c r="H556731" s="12"/>
    </row>
    <row r="556732" spans="8:8">
      <c r="H556732" s="12"/>
    </row>
    <row r="556733" spans="8:8">
      <c r="H556733" s="12"/>
    </row>
    <row r="556734" spans="8:8">
      <c r="H556734" s="12"/>
    </row>
    <row r="556735" spans="8:8">
      <c r="H556735" s="12"/>
    </row>
    <row r="556736" spans="8:8">
      <c r="H556736" s="12"/>
    </row>
    <row r="556737" spans="8:8">
      <c r="H556737" s="12"/>
    </row>
    <row r="556738" spans="8:8">
      <c r="H556738" s="12"/>
    </row>
    <row r="556739" spans="8:8">
      <c r="H556739" s="12"/>
    </row>
    <row r="556740" spans="8:8">
      <c r="H556740" s="12"/>
    </row>
    <row r="556741" spans="8:8">
      <c r="H556741" s="12"/>
    </row>
    <row r="556742" spans="8:8">
      <c r="H556742" s="12"/>
    </row>
    <row r="556743" spans="8:8">
      <c r="H556743" s="12"/>
    </row>
    <row r="556744" spans="8:8">
      <c r="H556744" s="12"/>
    </row>
    <row r="556745" spans="8:8">
      <c r="H556745" s="12"/>
    </row>
    <row r="556746" spans="8:8">
      <c r="H556746" s="12"/>
    </row>
    <row r="556747" spans="8:8">
      <c r="H556747" s="12"/>
    </row>
    <row r="556748" spans="8:8">
      <c r="H556748" s="12"/>
    </row>
    <row r="556749" spans="8:8">
      <c r="H556749" s="12"/>
    </row>
    <row r="556750" spans="8:8">
      <c r="H556750" s="12"/>
    </row>
    <row r="556751" spans="8:8">
      <c r="H556751" s="12"/>
    </row>
    <row r="556752" spans="8:8">
      <c r="H556752" s="12"/>
    </row>
    <row r="556753" spans="8:8">
      <c r="H556753" s="12"/>
    </row>
    <row r="556754" spans="8:8">
      <c r="H556754" s="12"/>
    </row>
    <row r="556755" spans="8:8">
      <c r="H556755" s="12"/>
    </row>
    <row r="556756" spans="8:8">
      <c r="H556756" s="12"/>
    </row>
    <row r="556757" spans="8:8">
      <c r="H556757" s="12"/>
    </row>
    <row r="556758" spans="8:8">
      <c r="H556758" s="12"/>
    </row>
    <row r="556759" spans="8:8">
      <c r="H556759" s="12"/>
    </row>
    <row r="556760" spans="8:8">
      <c r="H556760" s="12"/>
    </row>
    <row r="556761" spans="8:8">
      <c r="H556761" s="12"/>
    </row>
    <row r="556762" spans="8:8">
      <c r="H556762" s="12"/>
    </row>
    <row r="556763" spans="8:8">
      <c r="H556763" s="12"/>
    </row>
    <row r="556764" spans="8:8">
      <c r="H556764" s="12"/>
    </row>
    <row r="556765" spans="8:8">
      <c r="H556765" s="12"/>
    </row>
    <row r="556766" spans="8:8">
      <c r="H556766" s="12"/>
    </row>
    <row r="556767" spans="8:8">
      <c r="H556767" s="12"/>
    </row>
    <row r="556768" spans="8:8">
      <c r="H556768" s="12"/>
    </row>
    <row r="556769" spans="8:8">
      <c r="H556769" s="12"/>
    </row>
    <row r="556770" spans="8:8">
      <c r="H556770" s="12"/>
    </row>
    <row r="556771" spans="8:8">
      <c r="H556771" s="12"/>
    </row>
    <row r="556772" spans="8:8">
      <c r="H556772" s="12"/>
    </row>
    <row r="556773" spans="8:8">
      <c r="H556773" s="12"/>
    </row>
    <row r="556774" spans="8:8">
      <c r="H556774" s="12"/>
    </row>
    <row r="556775" spans="8:8">
      <c r="H556775" s="12"/>
    </row>
    <row r="556776" spans="8:8">
      <c r="H556776" s="12"/>
    </row>
    <row r="556777" spans="8:8">
      <c r="H556777" s="12"/>
    </row>
    <row r="556778" spans="8:8">
      <c r="H556778" s="12"/>
    </row>
    <row r="556779" spans="8:8">
      <c r="H556779" s="12"/>
    </row>
    <row r="556780" spans="8:8">
      <c r="H556780" s="12"/>
    </row>
    <row r="556781" spans="8:8">
      <c r="H556781" s="12"/>
    </row>
    <row r="556782" spans="8:8">
      <c r="H556782" s="12"/>
    </row>
    <row r="556783" spans="8:8">
      <c r="H556783" s="12"/>
    </row>
    <row r="556784" spans="8:8">
      <c r="H556784" s="12"/>
    </row>
    <row r="556785" spans="8:8">
      <c r="H556785" s="12"/>
    </row>
    <row r="556786" spans="8:8">
      <c r="H556786" s="12"/>
    </row>
    <row r="556787" spans="8:8">
      <c r="H556787" s="12"/>
    </row>
    <row r="556788" spans="8:8">
      <c r="H556788" s="12"/>
    </row>
    <row r="556789" spans="8:8">
      <c r="H556789" s="12"/>
    </row>
    <row r="556790" spans="8:8">
      <c r="H556790" s="12"/>
    </row>
    <row r="556791" spans="8:8">
      <c r="H556791" s="12"/>
    </row>
    <row r="556792" spans="8:8">
      <c r="H556792" s="12"/>
    </row>
    <row r="556793" spans="8:8">
      <c r="H556793" s="12"/>
    </row>
    <row r="556794" spans="8:8">
      <c r="H556794" s="12"/>
    </row>
    <row r="556795" spans="8:8">
      <c r="H556795" s="12"/>
    </row>
    <row r="556796" spans="8:8">
      <c r="H556796" s="12"/>
    </row>
    <row r="556797" spans="8:8">
      <c r="H556797" s="12"/>
    </row>
    <row r="556798" spans="8:8">
      <c r="H556798" s="12"/>
    </row>
    <row r="556799" spans="8:8">
      <c r="H556799" s="12"/>
    </row>
    <row r="556800" spans="8:8">
      <c r="H556800" s="12"/>
    </row>
    <row r="556801" spans="8:8">
      <c r="H556801" s="12"/>
    </row>
    <row r="556802" spans="8:8">
      <c r="H556802" s="12"/>
    </row>
    <row r="556803" spans="8:8">
      <c r="H556803" s="12"/>
    </row>
    <row r="556804" spans="8:8">
      <c r="H556804" s="12"/>
    </row>
    <row r="556805" spans="8:8">
      <c r="H556805" s="12"/>
    </row>
    <row r="556806" spans="8:8">
      <c r="H556806" s="12"/>
    </row>
    <row r="556807" spans="8:8">
      <c r="H556807" s="12"/>
    </row>
    <row r="556808" spans="8:8">
      <c r="H556808" s="12"/>
    </row>
    <row r="556809" spans="8:8">
      <c r="H556809" s="12"/>
    </row>
    <row r="556810" spans="8:8">
      <c r="H556810" s="12"/>
    </row>
    <row r="556811" spans="8:8">
      <c r="H556811" s="12"/>
    </row>
    <row r="556812" spans="8:8">
      <c r="H556812" s="12"/>
    </row>
    <row r="556813" spans="8:8">
      <c r="H556813" s="12"/>
    </row>
    <row r="556814" spans="8:8">
      <c r="H556814" s="12"/>
    </row>
    <row r="556815" spans="8:8">
      <c r="H556815" s="12"/>
    </row>
    <row r="556816" spans="8:8">
      <c r="H556816" s="12"/>
    </row>
    <row r="556817" spans="8:8">
      <c r="H556817" s="12"/>
    </row>
    <row r="556818" spans="8:8">
      <c r="H556818" s="12"/>
    </row>
    <row r="556819" spans="8:8">
      <c r="H556819" s="12"/>
    </row>
    <row r="556820" spans="8:8">
      <c r="H556820" s="12"/>
    </row>
    <row r="556821" spans="8:8">
      <c r="H556821" s="12"/>
    </row>
    <row r="556822" spans="8:8">
      <c r="H556822" s="12"/>
    </row>
    <row r="556823" spans="8:8">
      <c r="H556823" s="12"/>
    </row>
    <row r="556824" spans="8:8">
      <c r="H556824" s="12"/>
    </row>
    <row r="556825" spans="8:8">
      <c r="H556825" s="12"/>
    </row>
    <row r="556826" spans="8:8">
      <c r="H556826" s="12"/>
    </row>
    <row r="556827" spans="8:8">
      <c r="H556827" s="12"/>
    </row>
    <row r="556828" spans="8:8">
      <c r="H556828" s="12"/>
    </row>
    <row r="556829" spans="8:8">
      <c r="H556829" s="12"/>
    </row>
    <row r="556830" spans="8:8">
      <c r="H556830" s="12"/>
    </row>
    <row r="556831" spans="8:8">
      <c r="H556831" s="12"/>
    </row>
    <row r="556832" spans="8:8">
      <c r="H556832" s="12"/>
    </row>
    <row r="556833" spans="8:8">
      <c r="H556833" s="12"/>
    </row>
    <row r="556834" spans="8:8">
      <c r="H556834" s="12"/>
    </row>
    <row r="556835" spans="8:8">
      <c r="H556835" s="12"/>
    </row>
    <row r="556836" spans="8:8">
      <c r="H556836" s="12"/>
    </row>
    <row r="556837" spans="8:8">
      <c r="H556837" s="12"/>
    </row>
    <row r="556838" spans="8:8">
      <c r="H556838" s="12"/>
    </row>
    <row r="556839" spans="8:8">
      <c r="H556839" s="12"/>
    </row>
    <row r="556840" spans="8:8">
      <c r="H556840" s="12"/>
    </row>
    <row r="556841" spans="8:8">
      <c r="H556841" s="12"/>
    </row>
    <row r="556842" spans="8:8">
      <c r="H556842" s="12"/>
    </row>
    <row r="556843" spans="8:8">
      <c r="H556843" s="12"/>
    </row>
    <row r="556844" spans="8:8">
      <c r="H556844" s="12"/>
    </row>
    <row r="556845" spans="8:8">
      <c r="H556845" s="12"/>
    </row>
    <row r="556846" spans="8:8">
      <c r="H556846" s="12"/>
    </row>
    <row r="556847" spans="8:8">
      <c r="H556847" s="12"/>
    </row>
    <row r="556848" spans="8:8">
      <c r="H556848" s="12"/>
    </row>
    <row r="556849" spans="8:8">
      <c r="H556849" s="12"/>
    </row>
    <row r="556850" spans="8:8">
      <c r="H556850" s="12"/>
    </row>
    <row r="556851" spans="8:8">
      <c r="H556851" s="12"/>
    </row>
    <row r="556852" spans="8:8">
      <c r="H556852" s="12"/>
    </row>
    <row r="556853" spans="8:8">
      <c r="H556853" s="12"/>
    </row>
    <row r="556854" spans="8:8">
      <c r="H556854" s="12"/>
    </row>
    <row r="556855" spans="8:8">
      <c r="H556855" s="12"/>
    </row>
    <row r="556856" spans="8:8">
      <c r="H556856" s="12"/>
    </row>
    <row r="556857" spans="8:8">
      <c r="H556857" s="12"/>
    </row>
    <row r="556858" spans="8:8">
      <c r="H556858" s="12"/>
    </row>
    <row r="556859" spans="8:8">
      <c r="H556859" s="12"/>
    </row>
    <row r="556860" spans="8:8">
      <c r="H556860" s="12"/>
    </row>
    <row r="556861" spans="8:8">
      <c r="H556861" s="12"/>
    </row>
    <row r="556862" spans="8:8">
      <c r="H556862" s="12"/>
    </row>
    <row r="556863" spans="8:8">
      <c r="H556863" s="12"/>
    </row>
    <row r="556864" spans="8:8">
      <c r="H556864" s="12"/>
    </row>
    <row r="556865" spans="8:8">
      <c r="H556865" s="12"/>
    </row>
    <row r="556866" spans="8:8">
      <c r="H556866" s="12"/>
    </row>
    <row r="556867" spans="8:8">
      <c r="H556867" s="12"/>
    </row>
    <row r="556868" spans="8:8">
      <c r="H556868" s="12"/>
    </row>
    <row r="556869" spans="8:8">
      <c r="H556869" s="12"/>
    </row>
    <row r="556870" spans="8:8">
      <c r="H556870" s="12"/>
    </row>
    <row r="556871" spans="8:8">
      <c r="H556871" s="12"/>
    </row>
    <row r="556872" spans="8:8">
      <c r="H556872" s="12"/>
    </row>
    <row r="556873" spans="8:8">
      <c r="H556873" s="12"/>
    </row>
    <row r="556874" spans="8:8">
      <c r="H556874" s="12"/>
    </row>
    <row r="556875" spans="8:8">
      <c r="H556875" s="12"/>
    </row>
    <row r="556876" spans="8:8">
      <c r="H556876" s="12"/>
    </row>
    <row r="556877" spans="8:8">
      <c r="H556877" s="12"/>
    </row>
    <row r="556878" spans="8:8">
      <c r="H556878" s="12"/>
    </row>
    <row r="556879" spans="8:8">
      <c r="H556879" s="12"/>
    </row>
    <row r="556880" spans="8:8">
      <c r="H556880" s="12"/>
    </row>
    <row r="556881" spans="8:8">
      <c r="H556881" s="12"/>
    </row>
    <row r="556882" spans="8:8">
      <c r="H556882" s="12"/>
    </row>
    <row r="556883" spans="8:8">
      <c r="H556883" s="12"/>
    </row>
    <row r="556884" spans="8:8">
      <c r="H556884" s="12"/>
    </row>
    <row r="556885" spans="8:8">
      <c r="H556885" s="12"/>
    </row>
    <row r="556886" spans="8:8">
      <c r="H556886" s="12"/>
    </row>
    <row r="556887" spans="8:8">
      <c r="H556887" s="12"/>
    </row>
    <row r="556888" spans="8:8">
      <c r="H556888" s="12"/>
    </row>
    <row r="556889" spans="8:8">
      <c r="H556889" s="12"/>
    </row>
    <row r="556890" spans="8:8">
      <c r="H556890" s="12"/>
    </row>
    <row r="556891" spans="8:8">
      <c r="H556891" s="12"/>
    </row>
    <row r="556892" spans="8:8">
      <c r="H556892" s="12"/>
    </row>
    <row r="556893" spans="8:8">
      <c r="H556893" s="12"/>
    </row>
    <row r="556894" spans="8:8">
      <c r="H556894" s="12"/>
    </row>
    <row r="556895" spans="8:8">
      <c r="H556895" s="12"/>
    </row>
    <row r="556896" spans="8:8">
      <c r="H556896" s="12"/>
    </row>
    <row r="556897" spans="8:8">
      <c r="H556897" s="12"/>
    </row>
    <row r="556898" spans="8:8">
      <c r="H556898" s="12"/>
    </row>
    <row r="556899" spans="8:8">
      <c r="H556899" s="12"/>
    </row>
    <row r="556900" spans="8:8">
      <c r="H556900" s="12"/>
    </row>
    <row r="556901" spans="8:8">
      <c r="H556901" s="12"/>
    </row>
    <row r="556902" spans="8:8">
      <c r="H556902" s="12"/>
    </row>
    <row r="556903" spans="8:8">
      <c r="H556903" s="12"/>
    </row>
    <row r="556904" spans="8:8">
      <c r="H556904" s="12"/>
    </row>
    <row r="556905" spans="8:8">
      <c r="H556905" s="12"/>
    </row>
    <row r="556906" spans="8:8">
      <c r="H556906" s="12"/>
    </row>
    <row r="556907" spans="8:8">
      <c r="H556907" s="12"/>
    </row>
    <row r="556908" spans="8:8">
      <c r="H556908" s="12"/>
    </row>
    <row r="556909" spans="8:8">
      <c r="H556909" s="12"/>
    </row>
    <row r="556910" spans="8:8">
      <c r="H556910" s="12"/>
    </row>
    <row r="556911" spans="8:8">
      <c r="H556911" s="12"/>
    </row>
    <row r="556912" spans="8:8">
      <c r="H556912" s="12"/>
    </row>
    <row r="556913" spans="8:8">
      <c r="H556913" s="12"/>
    </row>
    <row r="556914" spans="8:8">
      <c r="H556914" s="12"/>
    </row>
    <row r="556915" spans="8:8">
      <c r="H556915" s="12"/>
    </row>
    <row r="556916" spans="8:8">
      <c r="H556916" s="12"/>
    </row>
    <row r="556917" spans="8:8">
      <c r="H556917" s="12"/>
    </row>
    <row r="556918" spans="8:8">
      <c r="H556918" s="12"/>
    </row>
    <row r="556919" spans="8:8">
      <c r="H556919" s="12"/>
    </row>
    <row r="556920" spans="8:8">
      <c r="H556920" s="12"/>
    </row>
    <row r="556921" spans="8:8">
      <c r="H556921" s="12"/>
    </row>
    <row r="556922" spans="8:8">
      <c r="H556922" s="12"/>
    </row>
    <row r="556923" spans="8:8">
      <c r="H556923" s="12"/>
    </row>
    <row r="556924" spans="8:8">
      <c r="H556924" s="12"/>
    </row>
    <row r="556925" spans="8:8">
      <c r="H556925" s="12"/>
    </row>
    <row r="556926" spans="8:8">
      <c r="H556926" s="12"/>
    </row>
    <row r="556927" spans="8:8">
      <c r="H556927" s="12"/>
    </row>
    <row r="556928" spans="8:8">
      <c r="H556928" s="12"/>
    </row>
    <row r="556929" spans="8:8">
      <c r="H556929" s="12"/>
    </row>
    <row r="556930" spans="8:8">
      <c r="H556930" s="12"/>
    </row>
    <row r="556931" spans="8:8">
      <c r="H556931" s="12"/>
    </row>
    <row r="556932" spans="8:8">
      <c r="H556932" s="12"/>
    </row>
    <row r="556933" spans="8:8">
      <c r="H556933" s="12"/>
    </row>
    <row r="556934" spans="8:8">
      <c r="H556934" s="12"/>
    </row>
    <row r="556935" spans="8:8">
      <c r="H556935" s="12"/>
    </row>
    <row r="556936" spans="8:8">
      <c r="H556936" s="12"/>
    </row>
    <row r="556937" spans="8:8">
      <c r="H556937" s="12"/>
    </row>
    <row r="556938" spans="8:8">
      <c r="H556938" s="12"/>
    </row>
    <row r="556939" spans="8:8">
      <c r="H556939" s="12"/>
    </row>
    <row r="556940" spans="8:8">
      <c r="H556940" s="12"/>
    </row>
    <row r="556941" spans="8:8">
      <c r="H556941" s="12"/>
    </row>
    <row r="556942" spans="8:8">
      <c r="H556942" s="12"/>
    </row>
    <row r="556943" spans="8:8">
      <c r="H556943" s="12"/>
    </row>
    <row r="556944" spans="8:8">
      <c r="H556944" s="12"/>
    </row>
    <row r="556945" spans="8:8">
      <c r="H556945" s="12"/>
    </row>
    <row r="556946" spans="8:8">
      <c r="H556946" s="12"/>
    </row>
    <row r="556947" spans="8:8">
      <c r="H556947" s="12"/>
    </row>
    <row r="556948" spans="8:8">
      <c r="H556948" s="12"/>
    </row>
    <row r="556949" spans="8:8">
      <c r="H556949" s="12"/>
    </row>
    <row r="556950" spans="8:8">
      <c r="H556950" s="12"/>
    </row>
    <row r="556951" spans="8:8">
      <c r="H556951" s="12"/>
    </row>
    <row r="556952" spans="8:8">
      <c r="H556952" s="12"/>
    </row>
    <row r="556953" spans="8:8">
      <c r="H556953" s="12"/>
    </row>
    <row r="556954" spans="8:8">
      <c r="H556954" s="12"/>
    </row>
    <row r="556955" spans="8:8">
      <c r="H556955" s="12"/>
    </row>
    <row r="556956" spans="8:8">
      <c r="H556956" s="12"/>
    </row>
    <row r="556957" spans="8:8">
      <c r="H556957" s="12"/>
    </row>
    <row r="556958" spans="8:8">
      <c r="H556958" s="12"/>
    </row>
    <row r="556959" spans="8:8">
      <c r="H556959" s="12"/>
    </row>
    <row r="556960" spans="8:8">
      <c r="H556960" s="12"/>
    </row>
    <row r="556961" spans="8:8">
      <c r="H556961" s="12"/>
    </row>
    <row r="556962" spans="8:8">
      <c r="H556962" s="12"/>
    </row>
    <row r="556963" spans="8:8">
      <c r="H556963" s="12"/>
    </row>
    <row r="556964" spans="8:8">
      <c r="H556964" s="12"/>
    </row>
    <row r="556965" spans="8:8">
      <c r="H556965" s="12"/>
    </row>
    <row r="556966" spans="8:8">
      <c r="H556966" s="12"/>
    </row>
    <row r="556967" spans="8:8">
      <c r="H556967" s="12"/>
    </row>
    <row r="556968" spans="8:8">
      <c r="H556968" s="12"/>
    </row>
    <row r="556969" spans="8:8">
      <c r="H556969" s="12"/>
    </row>
    <row r="556970" spans="8:8">
      <c r="H556970" s="12"/>
    </row>
    <row r="556971" spans="8:8">
      <c r="H556971" s="12"/>
    </row>
    <row r="556972" spans="8:8">
      <c r="H556972" s="12"/>
    </row>
    <row r="556973" spans="8:8">
      <c r="H556973" s="12"/>
    </row>
    <row r="556974" spans="8:8">
      <c r="H556974" s="12"/>
    </row>
    <row r="556975" spans="8:8">
      <c r="H556975" s="12"/>
    </row>
    <row r="556976" spans="8:8">
      <c r="H556976" s="12"/>
    </row>
    <row r="556977" spans="8:8">
      <c r="H556977" s="12"/>
    </row>
    <row r="556978" spans="8:8">
      <c r="H556978" s="12"/>
    </row>
    <row r="556979" spans="8:8">
      <c r="H556979" s="12"/>
    </row>
    <row r="556980" spans="8:8">
      <c r="H556980" s="12"/>
    </row>
    <row r="556981" spans="8:8">
      <c r="H556981" s="12"/>
    </row>
    <row r="556982" spans="8:8">
      <c r="H556982" s="12"/>
    </row>
    <row r="556983" spans="8:8">
      <c r="H556983" s="12"/>
    </row>
    <row r="556984" spans="8:8">
      <c r="H556984" s="12"/>
    </row>
    <row r="556985" spans="8:8">
      <c r="H556985" s="12"/>
    </row>
    <row r="556986" spans="8:8">
      <c r="H556986" s="12"/>
    </row>
    <row r="556987" spans="8:8">
      <c r="H556987" s="12"/>
    </row>
    <row r="556988" spans="8:8">
      <c r="H556988" s="12"/>
    </row>
    <row r="556989" spans="8:8">
      <c r="H556989" s="12"/>
    </row>
    <row r="556990" spans="8:8">
      <c r="H556990" s="12"/>
    </row>
    <row r="556991" spans="8:8">
      <c r="H556991" s="12"/>
    </row>
    <row r="556992" spans="8:8">
      <c r="H556992" s="12"/>
    </row>
    <row r="556993" spans="8:8">
      <c r="H556993" s="12"/>
    </row>
    <row r="556994" spans="8:8">
      <c r="H556994" s="12"/>
    </row>
    <row r="556995" spans="8:8">
      <c r="H556995" s="12"/>
    </row>
    <row r="556996" spans="8:8">
      <c r="H556996" s="12"/>
    </row>
    <row r="556997" spans="8:8">
      <c r="H556997" s="12"/>
    </row>
    <row r="556998" spans="8:8">
      <c r="H556998" s="12"/>
    </row>
    <row r="556999" spans="8:8">
      <c r="H556999" s="12"/>
    </row>
    <row r="557000" spans="8:8">
      <c r="H557000" s="12"/>
    </row>
    <row r="557001" spans="8:8">
      <c r="H557001" s="12"/>
    </row>
    <row r="557002" spans="8:8">
      <c r="H557002" s="12"/>
    </row>
    <row r="557003" spans="8:8">
      <c r="H557003" s="12"/>
    </row>
    <row r="557004" spans="8:8">
      <c r="H557004" s="12"/>
    </row>
    <row r="557005" spans="8:8">
      <c r="H557005" s="12"/>
    </row>
    <row r="557006" spans="8:8">
      <c r="H557006" s="12"/>
    </row>
    <row r="557007" spans="8:8">
      <c r="H557007" s="12"/>
    </row>
    <row r="557008" spans="8:8">
      <c r="H557008" s="12"/>
    </row>
    <row r="557009" spans="8:8">
      <c r="H557009" s="12"/>
    </row>
    <row r="557010" spans="8:8">
      <c r="H557010" s="12"/>
    </row>
    <row r="557011" spans="8:8">
      <c r="H557011" s="12"/>
    </row>
    <row r="557012" spans="8:8">
      <c r="H557012" s="12"/>
    </row>
    <row r="557013" spans="8:8">
      <c r="H557013" s="12"/>
    </row>
    <row r="557014" spans="8:8">
      <c r="H557014" s="12"/>
    </row>
    <row r="557015" spans="8:8">
      <c r="H557015" s="12"/>
    </row>
    <row r="557016" spans="8:8">
      <c r="H557016" s="12"/>
    </row>
    <row r="557017" spans="8:8">
      <c r="H557017" s="12"/>
    </row>
    <row r="557018" spans="8:8">
      <c r="H557018" s="12"/>
    </row>
    <row r="557019" spans="8:8">
      <c r="H557019" s="12"/>
    </row>
    <row r="557020" spans="8:8">
      <c r="H557020" s="12"/>
    </row>
    <row r="557021" spans="8:8">
      <c r="H557021" s="12"/>
    </row>
    <row r="557022" spans="8:8">
      <c r="H557022" s="12"/>
    </row>
    <row r="557023" spans="8:8">
      <c r="H557023" s="12"/>
    </row>
    <row r="557024" spans="8:8">
      <c r="H557024" s="12"/>
    </row>
    <row r="557025" spans="8:8">
      <c r="H557025" s="12"/>
    </row>
    <row r="557026" spans="8:8">
      <c r="H557026" s="12"/>
    </row>
    <row r="557027" spans="8:8">
      <c r="H557027" s="12"/>
    </row>
    <row r="557028" spans="8:8">
      <c r="H557028" s="12"/>
    </row>
    <row r="557029" spans="8:8">
      <c r="H557029" s="12"/>
    </row>
    <row r="557030" spans="8:8">
      <c r="H557030" s="12"/>
    </row>
    <row r="557031" spans="8:8">
      <c r="H557031" s="12"/>
    </row>
    <row r="557032" spans="8:8">
      <c r="H557032" s="12"/>
    </row>
    <row r="557033" spans="8:8">
      <c r="H557033" s="12"/>
    </row>
    <row r="557034" spans="8:8">
      <c r="H557034" s="12"/>
    </row>
    <row r="557035" spans="8:8">
      <c r="H557035" s="12"/>
    </row>
    <row r="557036" spans="8:8">
      <c r="H557036" s="12"/>
    </row>
    <row r="557037" spans="8:8">
      <c r="H557037" s="12"/>
    </row>
    <row r="557038" spans="8:8">
      <c r="H557038" s="12"/>
    </row>
    <row r="557039" spans="8:8">
      <c r="H557039" s="12"/>
    </row>
    <row r="557040" spans="8:8">
      <c r="H557040" s="12"/>
    </row>
    <row r="557041" spans="8:8">
      <c r="H557041" s="12"/>
    </row>
    <row r="557042" spans="8:8">
      <c r="H557042" s="12"/>
    </row>
    <row r="557043" spans="8:8">
      <c r="H557043" s="12"/>
    </row>
    <row r="557044" spans="8:8">
      <c r="H557044" s="12"/>
    </row>
    <row r="557045" spans="8:8">
      <c r="H557045" s="12"/>
    </row>
    <row r="557046" spans="8:8">
      <c r="H557046" s="12"/>
    </row>
    <row r="557047" spans="8:8">
      <c r="H557047" s="12"/>
    </row>
    <row r="557048" spans="8:8">
      <c r="H557048" s="12"/>
    </row>
    <row r="557049" spans="8:8">
      <c r="H557049" s="12"/>
    </row>
    <row r="557050" spans="8:8">
      <c r="H557050" s="12"/>
    </row>
    <row r="557051" spans="8:8">
      <c r="H557051" s="12"/>
    </row>
    <row r="557052" spans="8:8">
      <c r="H557052" s="12"/>
    </row>
    <row r="557053" spans="8:8">
      <c r="H557053" s="12"/>
    </row>
    <row r="557054" spans="8:8">
      <c r="H557054" s="12"/>
    </row>
    <row r="557055" spans="8:8">
      <c r="H557055" s="12"/>
    </row>
    <row r="557056" spans="8:8">
      <c r="H557056" s="12"/>
    </row>
    <row r="557057" spans="8:8">
      <c r="H557057" s="12"/>
    </row>
    <row r="557058" spans="8:8">
      <c r="H557058" s="12"/>
    </row>
    <row r="557059" spans="8:8">
      <c r="H557059" s="12"/>
    </row>
    <row r="557060" spans="8:8">
      <c r="H557060" s="12"/>
    </row>
    <row r="557061" spans="8:8">
      <c r="H557061" s="12"/>
    </row>
    <row r="557062" spans="8:8">
      <c r="H557062" s="12"/>
    </row>
    <row r="557063" spans="8:8">
      <c r="H557063" s="12"/>
    </row>
    <row r="557064" spans="8:8">
      <c r="H557064" s="12"/>
    </row>
    <row r="557065" spans="8:8">
      <c r="H557065" s="12"/>
    </row>
    <row r="557066" spans="8:8">
      <c r="H557066" s="12"/>
    </row>
    <row r="557067" spans="8:8">
      <c r="H557067" s="12"/>
    </row>
    <row r="557068" spans="8:8">
      <c r="H557068" s="12"/>
    </row>
    <row r="557069" spans="8:8">
      <c r="H557069" s="12"/>
    </row>
    <row r="557070" spans="8:8">
      <c r="H557070" s="12"/>
    </row>
    <row r="557071" spans="8:8">
      <c r="H557071" s="12"/>
    </row>
    <row r="557072" spans="8:8">
      <c r="H557072" s="12"/>
    </row>
    <row r="557073" spans="8:8">
      <c r="H557073" s="12"/>
    </row>
    <row r="557074" spans="8:8">
      <c r="H557074" s="12"/>
    </row>
    <row r="557075" spans="8:8">
      <c r="H557075" s="12"/>
    </row>
    <row r="557076" spans="8:8">
      <c r="H557076" s="12"/>
    </row>
    <row r="557077" spans="8:8">
      <c r="H557077" s="12"/>
    </row>
    <row r="557078" spans="8:8">
      <c r="H557078" s="12"/>
    </row>
    <row r="557079" spans="8:8">
      <c r="H557079" s="12"/>
    </row>
    <row r="557080" spans="8:8">
      <c r="H557080" s="12"/>
    </row>
    <row r="557081" spans="8:8">
      <c r="H557081" s="12"/>
    </row>
    <row r="557082" spans="8:8">
      <c r="H557082" s="12"/>
    </row>
    <row r="557083" spans="8:8">
      <c r="H557083" s="12"/>
    </row>
    <row r="557084" spans="8:8">
      <c r="H557084" s="12"/>
    </row>
    <row r="557085" spans="8:8">
      <c r="H557085" s="12"/>
    </row>
    <row r="557086" spans="8:8">
      <c r="H557086" s="12"/>
    </row>
    <row r="557087" spans="8:8">
      <c r="H557087" s="12"/>
    </row>
    <row r="557088" spans="8:8">
      <c r="H557088" s="12"/>
    </row>
    <row r="557089" spans="8:8">
      <c r="H557089" s="12"/>
    </row>
    <row r="557090" spans="8:8">
      <c r="H557090" s="12"/>
    </row>
    <row r="557091" spans="8:8">
      <c r="H557091" s="12"/>
    </row>
    <row r="557092" spans="8:8">
      <c r="H557092" s="12"/>
    </row>
    <row r="557093" spans="8:8">
      <c r="H557093" s="12"/>
    </row>
    <row r="557094" spans="8:8">
      <c r="H557094" s="12"/>
    </row>
    <row r="557095" spans="8:8">
      <c r="H557095" s="12"/>
    </row>
    <row r="557096" spans="8:8">
      <c r="H557096" s="12"/>
    </row>
    <row r="557097" spans="8:8">
      <c r="H557097" s="12"/>
    </row>
    <row r="557098" spans="8:8">
      <c r="H557098" s="12"/>
    </row>
    <row r="557099" spans="8:8">
      <c r="H557099" s="12"/>
    </row>
    <row r="557100" spans="8:8">
      <c r="H557100" s="12"/>
    </row>
    <row r="557101" spans="8:8">
      <c r="H557101" s="12"/>
    </row>
    <row r="557102" spans="8:8">
      <c r="H557102" s="12"/>
    </row>
    <row r="557103" spans="8:8">
      <c r="H557103" s="12"/>
    </row>
    <row r="557104" spans="8:8">
      <c r="H557104" s="12"/>
    </row>
    <row r="557105" spans="8:8">
      <c r="H557105" s="12"/>
    </row>
    <row r="557106" spans="8:8">
      <c r="H557106" s="12"/>
    </row>
    <row r="557107" spans="8:8">
      <c r="H557107" s="12"/>
    </row>
    <row r="557108" spans="8:8">
      <c r="H557108" s="12"/>
    </row>
    <row r="557109" spans="8:8">
      <c r="H557109" s="12"/>
    </row>
    <row r="557110" spans="8:8">
      <c r="H557110" s="12"/>
    </row>
    <row r="557111" spans="8:8">
      <c r="H557111" s="12"/>
    </row>
    <row r="557112" spans="8:8">
      <c r="H557112" s="12"/>
    </row>
    <row r="557113" spans="8:8">
      <c r="H557113" s="12"/>
    </row>
    <row r="557114" spans="8:8">
      <c r="H557114" s="12"/>
    </row>
    <row r="557115" spans="8:8">
      <c r="H557115" s="12"/>
    </row>
    <row r="557116" spans="8:8">
      <c r="H557116" s="12"/>
    </row>
    <row r="557117" spans="8:8">
      <c r="H557117" s="12"/>
    </row>
    <row r="557118" spans="8:8">
      <c r="H557118" s="12"/>
    </row>
    <row r="557119" spans="8:8">
      <c r="H557119" s="12"/>
    </row>
    <row r="557120" spans="8:8">
      <c r="H557120" s="12"/>
    </row>
    <row r="557121" spans="8:8">
      <c r="H557121" s="12"/>
    </row>
    <row r="557122" spans="8:8">
      <c r="H557122" s="12"/>
    </row>
    <row r="557123" spans="8:8">
      <c r="H557123" s="12"/>
    </row>
    <row r="557124" spans="8:8">
      <c r="H557124" s="12"/>
    </row>
    <row r="557125" spans="8:8">
      <c r="H557125" s="12"/>
    </row>
    <row r="557126" spans="8:8">
      <c r="H557126" s="12"/>
    </row>
    <row r="557127" spans="8:8">
      <c r="H557127" s="12"/>
    </row>
    <row r="557128" spans="8:8">
      <c r="H557128" s="12"/>
    </row>
    <row r="557129" spans="8:8">
      <c r="H557129" s="12"/>
    </row>
    <row r="557130" spans="8:8">
      <c r="H557130" s="12"/>
    </row>
    <row r="557131" spans="8:8">
      <c r="H557131" s="12"/>
    </row>
    <row r="557132" spans="8:8">
      <c r="H557132" s="12"/>
    </row>
    <row r="557133" spans="8:8">
      <c r="H557133" s="12"/>
    </row>
    <row r="557134" spans="8:8">
      <c r="H557134" s="12"/>
    </row>
    <row r="557135" spans="8:8">
      <c r="H557135" s="12"/>
    </row>
    <row r="557136" spans="8:8">
      <c r="H557136" s="12"/>
    </row>
    <row r="557137" spans="8:8">
      <c r="H557137" s="12"/>
    </row>
    <row r="557138" spans="8:8">
      <c r="H557138" s="12"/>
    </row>
    <row r="557139" spans="8:8">
      <c r="H557139" s="12"/>
    </row>
    <row r="557140" spans="8:8">
      <c r="H557140" s="12"/>
    </row>
    <row r="557141" spans="8:8">
      <c r="H557141" s="12"/>
    </row>
    <row r="557142" spans="8:8">
      <c r="H557142" s="12"/>
    </row>
    <row r="557143" spans="8:8">
      <c r="H557143" s="12"/>
    </row>
    <row r="557144" spans="8:8">
      <c r="H557144" s="12"/>
    </row>
    <row r="557145" spans="8:8">
      <c r="H557145" s="12"/>
    </row>
    <row r="557146" spans="8:8">
      <c r="H557146" s="12"/>
    </row>
    <row r="557147" spans="8:8">
      <c r="H557147" s="12"/>
    </row>
    <row r="557148" spans="8:8">
      <c r="H557148" s="12"/>
    </row>
    <row r="557149" spans="8:8">
      <c r="H557149" s="12"/>
    </row>
    <row r="557150" spans="8:8">
      <c r="H557150" s="12"/>
    </row>
    <row r="557151" spans="8:8">
      <c r="H557151" s="12"/>
    </row>
    <row r="557152" spans="8:8">
      <c r="H557152" s="12"/>
    </row>
    <row r="557153" spans="8:8">
      <c r="H557153" s="12"/>
    </row>
    <row r="557154" spans="8:8">
      <c r="H557154" s="12"/>
    </row>
    <row r="557155" spans="8:8">
      <c r="H557155" s="12"/>
    </row>
    <row r="557156" spans="8:8">
      <c r="H557156" s="12"/>
    </row>
    <row r="557157" spans="8:8">
      <c r="H557157" s="12"/>
    </row>
    <row r="557158" spans="8:8">
      <c r="H557158" s="12"/>
    </row>
    <row r="557159" spans="8:8">
      <c r="H557159" s="12"/>
    </row>
    <row r="557160" spans="8:8">
      <c r="H557160" s="12"/>
    </row>
    <row r="557161" spans="8:8">
      <c r="H557161" s="12"/>
    </row>
    <row r="557162" spans="8:8">
      <c r="H557162" s="12"/>
    </row>
    <row r="557163" spans="8:8">
      <c r="H557163" s="12"/>
    </row>
    <row r="557164" spans="8:8">
      <c r="H557164" s="12"/>
    </row>
    <row r="557165" spans="8:8">
      <c r="H557165" s="12"/>
    </row>
    <row r="557166" spans="8:8">
      <c r="H557166" s="12"/>
    </row>
    <row r="557167" spans="8:8">
      <c r="H557167" s="12"/>
    </row>
    <row r="557168" spans="8:8">
      <c r="H557168" s="12"/>
    </row>
    <row r="557169" spans="8:8">
      <c r="H557169" s="12"/>
    </row>
    <row r="557170" spans="8:8">
      <c r="H557170" s="12"/>
    </row>
    <row r="557171" spans="8:8">
      <c r="H557171" s="12"/>
    </row>
    <row r="557172" spans="8:8">
      <c r="H557172" s="12"/>
    </row>
    <row r="557173" spans="8:8">
      <c r="H557173" s="12"/>
    </row>
    <row r="557174" spans="8:8">
      <c r="H557174" s="12"/>
    </row>
    <row r="557175" spans="8:8">
      <c r="H557175" s="12"/>
    </row>
    <row r="557176" spans="8:8">
      <c r="H557176" s="12"/>
    </row>
    <row r="557177" spans="8:8">
      <c r="H557177" s="12"/>
    </row>
    <row r="557178" spans="8:8">
      <c r="H557178" s="12"/>
    </row>
    <row r="557179" spans="8:8">
      <c r="H557179" s="12"/>
    </row>
    <row r="557180" spans="8:8">
      <c r="H557180" s="12"/>
    </row>
    <row r="557181" spans="8:8">
      <c r="H557181" s="12"/>
    </row>
    <row r="557182" spans="8:8">
      <c r="H557182" s="12"/>
    </row>
    <row r="557183" spans="8:8">
      <c r="H557183" s="12"/>
    </row>
    <row r="557184" spans="8:8">
      <c r="H557184" s="12"/>
    </row>
    <row r="557185" spans="8:8">
      <c r="H557185" s="12"/>
    </row>
    <row r="557186" spans="8:8">
      <c r="H557186" s="12"/>
    </row>
    <row r="557187" spans="8:8">
      <c r="H557187" s="12"/>
    </row>
    <row r="557188" spans="8:8">
      <c r="H557188" s="12"/>
    </row>
    <row r="557189" spans="8:8">
      <c r="H557189" s="12"/>
    </row>
    <row r="557190" spans="8:8">
      <c r="H557190" s="12"/>
    </row>
    <row r="557191" spans="8:8">
      <c r="H557191" s="12"/>
    </row>
    <row r="557192" spans="8:8">
      <c r="H557192" s="12"/>
    </row>
    <row r="557193" spans="8:8">
      <c r="H557193" s="12"/>
    </row>
    <row r="557194" spans="8:8">
      <c r="H557194" s="12"/>
    </row>
    <row r="557195" spans="8:8">
      <c r="H557195" s="12"/>
    </row>
    <row r="557196" spans="8:8">
      <c r="H557196" s="12"/>
    </row>
    <row r="557197" spans="8:8">
      <c r="H557197" s="12"/>
    </row>
    <row r="557198" spans="8:8">
      <c r="H557198" s="12"/>
    </row>
    <row r="557199" spans="8:8">
      <c r="H557199" s="12"/>
    </row>
    <row r="557200" spans="8:8">
      <c r="H557200" s="12"/>
    </row>
    <row r="557201" spans="8:8">
      <c r="H557201" s="12"/>
    </row>
    <row r="557202" spans="8:8">
      <c r="H557202" s="12"/>
    </row>
    <row r="557203" spans="8:8">
      <c r="H557203" s="12"/>
    </row>
    <row r="557204" spans="8:8">
      <c r="H557204" s="12"/>
    </row>
    <row r="557205" spans="8:8">
      <c r="H557205" s="12"/>
    </row>
    <row r="557206" spans="8:8">
      <c r="H557206" s="12"/>
    </row>
    <row r="557207" spans="8:8">
      <c r="H557207" s="12"/>
    </row>
    <row r="557208" spans="8:8">
      <c r="H557208" s="12"/>
    </row>
    <row r="557209" spans="8:8">
      <c r="H557209" s="12"/>
    </row>
    <row r="557210" spans="8:8">
      <c r="H557210" s="12"/>
    </row>
    <row r="557211" spans="8:8">
      <c r="H557211" s="12"/>
    </row>
    <row r="557212" spans="8:8">
      <c r="H557212" s="12"/>
    </row>
    <row r="557213" spans="8:8">
      <c r="H557213" s="12"/>
    </row>
    <row r="557214" spans="8:8">
      <c r="H557214" s="12"/>
    </row>
    <row r="557215" spans="8:8">
      <c r="H557215" s="12"/>
    </row>
    <row r="557216" spans="8:8">
      <c r="H557216" s="12"/>
    </row>
    <row r="557217" spans="8:8">
      <c r="H557217" s="12"/>
    </row>
    <row r="557218" spans="8:8">
      <c r="H557218" s="12"/>
    </row>
    <row r="557219" spans="8:8">
      <c r="H557219" s="12"/>
    </row>
    <row r="557220" spans="8:8">
      <c r="H557220" s="12"/>
    </row>
    <row r="557221" spans="8:8">
      <c r="H557221" s="12"/>
    </row>
    <row r="557222" spans="8:8">
      <c r="H557222" s="12"/>
    </row>
    <row r="557223" spans="8:8">
      <c r="H557223" s="12"/>
    </row>
    <row r="557224" spans="8:8">
      <c r="H557224" s="12"/>
    </row>
    <row r="557225" spans="8:8">
      <c r="H557225" s="12"/>
    </row>
    <row r="557226" spans="8:8">
      <c r="H557226" s="12"/>
    </row>
    <row r="557227" spans="8:8">
      <c r="H557227" s="12"/>
    </row>
    <row r="557228" spans="8:8">
      <c r="H557228" s="12"/>
    </row>
    <row r="557229" spans="8:8">
      <c r="H557229" s="12"/>
    </row>
    <row r="557230" spans="8:8">
      <c r="H557230" s="12"/>
    </row>
    <row r="557231" spans="8:8">
      <c r="H557231" s="12"/>
    </row>
    <row r="557232" spans="8:8">
      <c r="H557232" s="12"/>
    </row>
    <row r="557233" spans="8:8">
      <c r="H557233" s="12"/>
    </row>
    <row r="557234" spans="8:8">
      <c r="H557234" s="12"/>
    </row>
    <row r="557235" spans="8:8">
      <c r="H557235" s="12"/>
    </row>
    <row r="557236" spans="8:8">
      <c r="H557236" s="12"/>
    </row>
    <row r="557237" spans="8:8">
      <c r="H557237" s="12"/>
    </row>
    <row r="557238" spans="8:8">
      <c r="H557238" s="12"/>
    </row>
    <row r="557239" spans="8:8">
      <c r="H557239" s="12"/>
    </row>
    <row r="557240" spans="8:8">
      <c r="H557240" s="12"/>
    </row>
    <row r="557241" spans="8:8">
      <c r="H557241" s="12"/>
    </row>
    <row r="557242" spans="8:8">
      <c r="H557242" s="12"/>
    </row>
    <row r="557243" spans="8:8">
      <c r="H557243" s="12"/>
    </row>
    <row r="557244" spans="8:8">
      <c r="H557244" s="12"/>
    </row>
    <row r="557245" spans="8:8">
      <c r="H557245" s="12"/>
    </row>
    <row r="557246" spans="8:8">
      <c r="H557246" s="12"/>
    </row>
    <row r="557247" spans="8:8">
      <c r="H557247" s="12"/>
    </row>
    <row r="557248" spans="8:8">
      <c r="H557248" s="12"/>
    </row>
    <row r="557249" spans="8:8">
      <c r="H557249" s="12"/>
    </row>
    <row r="557250" spans="8:8">
      <c r="H557250" s="12"/>
    </row>
    <row r="557251" spans="8:8">
      <c r="H557251" s="12"/>
    </row>
    <row r="557252" spans="8:8">
      <c r="H557252" s="12"/>
    </row>
    <row r="557253" spans="8:8">
      <c r="H557253" s="12"/>
    </row>
    <row r="557254" spans="8:8">
      <c r="H557254" s="12"/>
    </row>
    <row r="557255" spans="8:8">
      <c r="H557255" s="12"/>
    </row>
    <row r="557256" spans="8:8">
      <c r="H557256" s="12"/>
    </row>
    <row r="557257" spans="8:8">
      <c r="H557257" s="12"/>
    </row>
    <row r="557258" spans="8:8">
      <c r="H557258" s="12"/>
    </row>
    <row r="557259" spans="8:8">
      <c r="H557259" s="12"/>
    </row>
    <row r="557260" spans="8:8">
      <c r="H557260" s="12"/>
    </row>
    <row r="557261" spans="8:8">
      <c r="H557261" s="12"/>
    </row>
    <row r="557262" spans="8:8">
      <c r="H557262" s="12"/>
    </row>
    <row r="557263" spans="8:8">
      <c r="H557263" s="12"/>
    </row>
    <row r="557264" spans="8:8">
      <c r="H557264" s="12"/>
    </row>
    <row r="557265" spans="8:8">
      <c r="H557265" s="12"/>
    </row>
    <row r="557266" spans="8:8">
      <c r="H557266" s="12"/>
    </row>
    <row r="557267" spans="8:8">
      <c r="H557267" s="12"/>
    </row>
    <row r="557268" spans="8:8">
      <c r="H557268" s="12"/>
    </row>
    <row r="557269" spans="8:8">
      <c r="H557269" s="12"/>
    </row>
    <row r="557270" spans="8:8">
      <c r="H557270" s="12"/>
    </row>
    <row r="557271" spans="8:8">
      <c r="H557271" s="12"/>
    </row>
    <row r="557272" spans="8:8">
      <c r="H557272" s="12"/>
    </row>
    <row r="557273" spans="8:8">
      <c r="H557273" s="12"/>
    </row>
    <row r="557274" spans="8:8">
      <c r="H557274" s="12"/>
    </row>
    <row r="557275" spans="8:8">
      <c r="H557275" s="12"/>
    </row>
    <row r="557276" spans="8:8">
      <c r="H557276" s="12"/>
    </row>
    <row r="557277" spans="8:8">
      <c r="H557277" s="12"/>
    </row>
    <row r="557278" spans="8:8">
      <c r="H557278" s="12"/>
    </row>
    <row r="557279" spans="8:8">
      <c r="H557279" s="12"/>
    </row>
    <row r="557280" spans="8:8">
      <c r="H557280" s="12"/>
    </row>
    <row r="557281" spans="8:8">
      <c r="H557281" s="12"/>
    </row>
    <row r="557282" spans="8:8">
      <c r="H557282" s="12"/>
    </row>
    <row r="557283" spans="8:8">
      <c r="H557283" s="12"/>
    </row>
    <row r="557284" spans="8:8">
      <c r="H557284" s="12"/>
    </row>
    <row r="557285" spans="8:8">
      <c r="H557285" s="12"/>
    </row>
    <row r="557286" spans="8:8">
      <c r="H557286" s="12"/>
    </row>
    <row r="557287" spans="8:8">
      <c r="H557287" s="12"/>
    </row>
    <row r="557288" spans="8:8">
      <c r="H557288" s="12"/>
    </row>
    <row r="557289" spans="8:8">
      <c r="H557289" s="12"/>
    </row>
    <row r="557290" spans="8:8">
      <c r="H557290" s="12"/>
    </row>
    <row r="557291" spans="8:8">
      <c r="H557291" s="12"/>
    </row>
    <row r="557292" spans="8:8">
      <c r="H557292" s="12"/>
    </row>
    <row r="557293" spans="8:8">
      <c r="H557293" s="12"/>
    </row>
    <row r="557294" spans="8:8">
      <c r="H557294" s="12"/>
    </row>
    <row r="557295" spans="8:8">
      <c r="H557295" s="12"/>
    </row>
    <row r="557296" spans="8:8">
      <c r="H557296" s="12"/>
    </row>
    <row r="557297" spans="8:8">
      <c r="H557297" s="12"/>
    </row>
    <row r="557298" spans="8:8">
      <c r="H557298" s="12"/>
    </row>
    <row r="557299" spans="8:8">
      <c r="H557299" s="12"/>
    </row>
    <row r="557300" spans="8:8">
      <c r="H557300" s="12"/>
    </row>
    <row r="557301" spans="8:8">
      <c r="H557301" s="12"/>
    </row>
    <row r="557302" spans="8:8">
      <c r="H557302" s="12"/>
    </row>
    <row r="557303" spans="8:8">
      <c r="H557303" s="12"/>
    </row>
    <row r="557304" spans="8:8">
      <c r="H557304" s="12"/>
    </row>
    <row r="557305" spans="8:8">
      <c r="H557305" s="12"/>
    </row>
    <row r="557306" spans="8:8">
      <c r="H557306" s="12"/>
    </row>
    <row r="557307" spans="8:8">
      <c r="H557307" s="12"/>
    </row>
    <row r="557308" spans="8:8">
      <c r="H557308" s="12"/>
    </row>
    <row r="557309" spans="8:8">
      <c r="H557309" s="12"/>
    </row>
    <row r="557310" spans="8:8">
      <c r="H557310" s="12"/>
    </row>
    <row r="557311" spans="8:8">
      <c r="H557311" s="12"/>
    </row>
    <row r="557312" spans="8:8">
      <c r="H557312" s="12"/>
    </row>
    <row r="557313" spans="8:8">
      <c r="H557313" s="12"/>
    </row>
    <row r="557314" spans="8:8">
      <c r="H557314" s="12"/>
    </row>
    <row r="557315" spans="8:8">
      <c r="H557315" s="12"/>
    </row>
    <row r="557316" spans="8:8">
      <c r="H557316" s="12"/>
    </row>
    <row r="557317" spans="8:8">
      <c r="H557317" s="12"/>
    </row>
    <row r="557318" spans="8:8">
      <c r="H557318" s="12"/>
    </row>
    <row r="557319" spans="8:8">
      <c r="H557319" s="12"/>
    </row>
    <row r="557320" spans="8:8">
      <c r="H557320" s="12"/>
    </row>
    <row r="557321" spans="8:8">
      <c r="H557321" s="12"/>
    </row>
    <row r="557322" spans="8:8">
      <c r="H557322" s="12"/>
    </row>
    <row r="557323" spans="8:8">
      <c r="H557323" s="12"/>
    </row>
    <row r="557324" spans="8:8">
      <c r="H557324" s="12"/>
    </row>
    <row r="557325" spans="8:8">
      <c r="H557325" s="12"/>
    </row>
    <row r="557326" spans="8:8">
      <c r="H557326" s="12"/>
    </row>
    <row r="557327" spans="8:8">
      <c r="H557327" s="12"/>
    </row>
    <row r="557328" spans="8:8">
      <c r="H557328" s="12"/>
    </row>
    <row r="557329" spans="8:8">
      <c r="H557329" s="12"/>
    </row>
    <row r="557330" spans="8:8">
      <c r="H557330" s="12"/>
    </row>
    <row r="557331" spans="8:8">
      <c r="H557331" s="12"/>
    </row>
    <row r="557332" spans="8:8">
      <c r="H557332" s="12"/>
    </row>
    <row r="557333" spans="8:8">
      <c r="H557333" s="12"/>
    </row>
    <row r="557334" spans="8:8">
      <c r="H557334" s="12"/>
    </row>
    <row r="557335" spans="8:8">
      <c r="H557335" s="12"/>
    </row>
    <row r="557336" spans="8:8">
      <c r="H557336" s="12"/>
    </row>
    <row r="557337" spans="8:8">
      <c r="H557337" s="12"/>
    </row>
    <row r="557338" spans="8:8">
      <c r="H557338" s="12"/>
    </row>
    <row r="557339" spans="8:8">
      <c r="H557339" s="12"/>
    </row>
    <row r="557340" spans="8:8">
      <c r="H557340" s="12"/>
    </row>
    <row r="557341" spans="8:8">
      <c r="H557341" s="12"/>
    </row>
    <row r="557342" spans="8:8">
      <c r="H557342" s="12"/>
    </row>
    <row r="557343" spans="8:8">
      <c r="H557343" s="12"/>
    </row>
    <row r="557344" spans="8:8">
      <c r="H557344" s="12"/>
    </row>
    <row r="557345" spans="8:8">
      <c r="H557345" s="12"/>
    </row>
    <row r="557346" spans="8:8">
      <c r="H557346" s="12"/>
    </row>
    <row r="557347" spans="8:8">
      <c r="H557347" s="12"/>
    </row>
    <row r="557348" spans="8:8">
      <c r="H557348" s="12"/>
    </row>
    <row r="557349" spans="8:8">
      <c r="H557349" s="12"/>
    </row>
    <row r="557350" spans="8:8">
      <c r="H557350" s="12"/>
    </row>
    <row r="557351" spans="8:8">
      <c r="H557351" s="12"/>
    </row>
    <row r="557352" spans="8:8">
      <c r="H557352" s="12"/>
    </row>
    <row r="557353" spans="8:8">
      <c r="H557353" s="12"/>
    </row>
    <row r="557354" spans="8:8">
      <c r="H557354" s="12"/>
    </row>
    <row r="557355" spans="8:8">
      <c r="H557355" s="12"/>
    </row>
    <row r="557356" spans="8:8">
      <c r="H557356" s="12"/>
    </row>
    <row r="557357" spans="8:8">
      <c r="H557357" s="12"/>
    </row>
    <row r="557358" spans="8:8">
      <c r="H557358" s="12"/>
    </row>
    <row r="557359" spans="8:8">
      <c r="H557359" s="12"/>
    </row>
    <row r="557360" spans="8:8">
      <c r="H557360" s="12"/>
    </row>
    <row r="557361" spans="8:8">
      <c r="H557361" s="12"/>
    </row>
    <row r="557362" spans="8:8">
      <c r="H557362" s="12"/>
    </row>
    <row r="557363" spans="8:8">
      <c r="H557363" s="12"/>
    </row>
    <row r="557364" spans="8:8">
      <c r="H557364" s="12"/>
    </row>
    <row r="557365" spans="8:8">
      <c r="H557365" s="12"/>
    </row>
    <row r="557366" spans="8:8">
      <c r="H557366" s="12"/>
    </row>
    <row r="557367" spans="8:8">
      <c r="H557367" s="12"/>
    </row>
    <row r="557368" spans="8:8">
      <c r="H557368" s="12"/>
    </row>
    <row r="557369" spans="8:8">
      <c r="H557369" s="12"/>
    </row>
    <row r="557370" spans="8:8">
      <c r="H557370" s="12"/>
    </row>
    <row r="557371" spans="8:8">
      <c r="H557371" s="12"/>
    </row>
    <row r="557372" spans="8:8">
      <c r="H557372" s="12"/>
    </row>
    <row r="557373" spans="8:8">
      <c r="H557373" s="12"/>
    </row>
    <row r="557374" spans="8:8">
      <c r="H557374" s="12"/>
    </row>
    <row r="557375" spans="8:8">
      <c r="H557375" s="12"/>
    </row>
    <row r="557376" spans="8:8">
      <c r="H557376" s="12"/>
    </row>
    <row r="557377" spans="8:8">
      <c r="H557377" s="12"/>
    </row>
    <row r="557378" spans="8:8">
      <c r="H557378" s="12"/>
    </row>
    <row r="557379" spans="8:8">
      <c r="H557379" s="12"/>
    </row>
    <row r="557380" spans="8:8">
      <c r="H557380" s="12"/>
    </row>
    <row r="557381" spans="8:8">
      <c r="H557381" s="12"/>
    </row>
    <row r="557382" spans="8:8">
      <c r="H557382" s="12"/>
    </row>
    <row r="557383" spans="8:8">
      <c r="H557383" s="12"/>
    </row>
    <row r="557384" spans="8:8">
      <c r="H557384" s="12"/>
    </row>
    <row r="557385" spans="8:8">
      <c r="H557385" s="12"/>
    </row>
    <row r="557386" spans="8:8">
      <c r="H557386" s="12"/>
    </row>
    <row r="557387" spans="8:8">
      <c r="H557387" s="12"/>
    </row>
    <row r="557388" spans="8:8">
      <c r="H557388" s="12"/>
    </row>
    <row r="557389" spans="8:8">
      <c r="H557389" s="12"/>
    </row>
    <row r="557390" spans="8:8">
      <c r="H557390" s="12"/>
    </row>
    <row r="557391" spans="8:8">
      <c r="H557391" s="12"/>
    </row>
    <row r="557392" spans="8:8">
      <c r="H557392" s="12"/>
    </row>
    <row r="557393" spans="8:8">
      <c r="H557393" s="12"/>
    </row>
    <row r="557394" spans="8:8">
      <c r="H557394" s="12"/>
    </row>
    <row r="557395" spans="8:8">
      <c r="H557395" s="12"/>
    </row>
    <row r="557396" spans="8:8">
      <c r="H557396" s="12"/>
    </row>
    <row r="557397" spans="8:8">
      <c r="H557397" s="12"/>
    </row>
    <row r="557398" spans="8:8">
      <c r="H557398" s="12"/>
    </row>
    <row r="557399" spans="8:8">
      <c r="H557399" s="12"/>
    </row>
    <row r="557400" spans="8:8">
      <c r="H557400" s="12"/>
    </row>
    <row r="557401" spans="8:8">
      <c r="H557401" s="12"/>
    </row>
    <row r="557402" spans="8:8">
      <c r="H557402" s="12"/>
    </row>
    <row r="557403" spans="8:8">
      <c r="H557403" s="12"/>
    </row>
    <row r="557404" spans="8:8">
      <c r="H557404" s="12"/>
    </row>
    <row r="557405" spans="8:8">
      <c r="H557405" s="12"/>
    </row>
    <row r="557406" spans="8:8">
      <c r="H557406" s="12"/>
    </row>
    <row r="557407" spans="8:8">
      <c r="H557407" s="12"/>
    </row>
    <row r="557408" spans="8:8">
      <c r="H557408" s="12"/>
    </row>
    <row r="557409" spans="8:8">
      <c r="H557409" s="12"/>
    </row>
    <row r="557410" spans="8:8">
      <c r="H557410" s="12"/>
    </row>
    <row r="557411" spans="8:8">
      <c r="H557411" s="12"/>
    </row>
    <row r="557412" spans="8:8">
      <c r="H557412" s="12"/>
    </row>
    <row r="557413" spans="8:8">
      <c r="H557413" s="12"/>
    </row>
    <row r="557414" spans="8:8">
      <c r="H557414" s="12"/>
    </row>
    <row r="557415" spans="8:8">
      <c r="H557415" s="12"/>
    </row>
    <row r="557416" spans="8:8">
      <c r="H557416" s="12"/>
    </row>
    <row r="557417" spans="8:8">
      <c r="H557417" s="12"/>
    </row>
    <row r="557418" spans="8:8">
      <c r="H557418" s="12"/>
    </row>
    <row r="557419" spans="8:8">
      <c r="H557419" s="12"/>
    </row>
    <row r="557420" spans="8:8">
      <c r="H557420" s="12"/>
    </row>
    <row r="557421" spans="8:8">
      <c r="H557421" s="12"/>
    </row>
    <row r="557422" spans="8:8">
      <c r="H557422" s="12"/>
    </row>
    <row r="557423" spans="8:8">
      <c r="H557423" s="12"/>
    </row>
    <row r="557424" spans="8:8">
      <c r="H557424" s="12"/>
    </row>
    <row r="557425" spans="8:8">
      <c r="H557425" s="12"/>
    </row>
    <row r="557426" spans="8:8">
      <c r="H557426" s="12"/>
    </row>
    <row r="557427" spans="8:8">
      <c r="H557427" s="12"/>
    </row>
    <row r="557428" spans="8:8">
      <c r="H557428" s="12"/>
    </row>
    <row r="557429" spans="8:8">
      <c r="H557429" s="12"/>
    </row>
    <row r="557430" spans="8:8">
      <c r="H557430" s="12"/>
    </row>
    <row r="557431" spans="8:8">
      <c r="H557431" s="12"/>
    </row>
    <row r="557432" spans="8:8">
      <c r="H557432" s="12"/>
    </row>
    <row r="557433" spans="8:8">
      <c r="H557433" s="12"/>
    </row>
    <row r="557434" spans="8:8">
      <c r="H557434" s="12"/>
    </row>
    <row r="557435" spans="8:8">
      <c r="H557435" s="12"/>
    </row>
    <row r="557436" spans="8:8">
      <c r="H557436" s="12"/>
    </row>
    <row r="557437" spans="8:8">
      <c r="H557437" s="12"/>
    </row>
    <row r="557438" spans="8:8">
      <c r="H557438" s="12"/>
    </row>
    <row r="557439" spans="8:8">
      <c r="H557439" s="12"/>
    </row>
    <row r="557440" spans="8:8">
      <c r="H557440" s="12"/>
    </row>
    <row r="557441" spans="8:8">
      <c r="H557441" s="12"/>
    </row>
    <row r="557442" spans="8:8">
      <c r="H557442" s="12"/>
    </row>
    <row r="557443" spans="8:8">
      <c r="H557443" s="12"/>
    </row>
    <row r="557444" spans="8:8">
      <c r="H557444" s="12"/>
    </row>
    <row r="557445" spans="8:8">
      <c r="H557445" s="12"/>
    </row>
    <row r="557446" spans="8:8">
      <c r="H557446" s="12"/>
    </row>
    <row r="557447" spans="8:8">
      <c r="H557447" s="12"/>
    </row>
    <row r="557448" spans="8:8">
      <c r="H557448" s="12"/>
    </row>
    <row r="557449" spans="8:8">
      <c r="H557449" s="12"/>
    </row>
    <row r="557450" spans="8:8">
      <c r="H557450" s="12"/>
    </row>
    <row r="557451" spans="8:8">
      <c r="H557451" s="12"/>
    </row>
    <row r="557452" spans="8:8">
      <c r="H557452" s="12"/>
    </row>
    <row r="557453" spans="8:8">
      <c r="H557453" s="12"/>
    </row>
    <row r="557454" spans="8:8">
      <c r="H557454" s="12"/>
    </row>
    <row r="557455" spans="8:8">
      <c r="H557455" s="12"/>
    </row>
    <row r="557456" spans="8:8">
      <c r="H557456" s="12"/>
    </row>
    <row r="557457" spans="8:8">
      <c r="H557457" s="12"/>
    </row>
    <row r="557458" spans="8:8">
      <c r="H557458" s="12"/>
    </row>
    <row r="557459" spans="8:8">
      <c r="H557459" s="12"/>
    </row>
    <row r="557460" spans="8:8">
      <c r="H557460" s="12"/>
    </row>
    <row r="557461" spans="8:8">
      <c r="H557461" s="12"/>
    </row>
    <row r="557462" spans="8:8">
      <c r="H557462" s="12"/>
    </row>
    <row r="557463" spans="8:8">
      <c r="H557463" s="12"/>
    </row>
    <row r="557464" spans="8:8">
      <c r="H557464" s="12"/>
    </row>
    <row r="557465" spans="8:8">
      <c r="H557465" s="12"/>
    </row>
    <row r="557466" spans="8:8">
      <c r="H557466" s="12"/>
    </row>
    <row r="557467" spans="8:8">
      <c r="H557467" s="12"/>
    </row>
    <row r="557468" spans="8:8">
      <c r="H557468" s="12"/>
    </row>
    <row r="557469" spans="8:8">
      <c r="H557469" s="12"/>
    </row>
    <row r="557470" spans="8:8">
      <c r="H557470" s="12"/>
    </row>
    <row r="557471" spans="8:8">
      <c r="H557471" s="12"/>
    </row>
    <row r="557472" spans="8:8">
      <c r="H557472" s="12"/>
    </row>
    <row r="557473" spans="8:8">
      <c r="H557473" s="12"/>
    </row>
    <row r="557474" spans="8:8">
      <c r="H557474" s="12"/>
    </row>
    <row r="557475" spans="8:8">
      <c r="H557475" s="12"/>
    </row>
    <row r="557476" spans="8:8">
      <c r="H557476" s="12"/>
    </row>
    <row r="557477" spans="8:8">
      <c r="H557477" s="12"/>
    </row>
    <row r="557478" spans="8:8">
      <c r="H557478" s="12"/>
    </row>
    <row r="557479" spans="8:8">
      <c r="H557479" s="12"/>
    </row>
    <row r="557480" spans="8:8">
      <c r="H557480" s="12"/>
    </row>
    <row r="557481" spans="8:8">
      <c r="H557481" s="12"/>
    </row>
    <row r="557482" spans="8:8">
      <c r="H557482" s="12"/>
    </row>
    <row r="557483" spans="8:8">
      <c r="H557483" s="12"/>
    </row>
    <row r="557484" spans="8:8">
      <c r="H557484" s="12"/>
    </row>
    <row r="557485" spans="8:8">
      <c r="H557485" s="12"/>
    </row>
    <row r="557486" spans="8:8">
      <c r="H557486" s="12"/>
    </row>
    <row r="557487" spans="8:8">
      <c r="H557487" s="12"/>
    </row>
    <row r="557488" spans="8:8">
      <c r="H557488" s="12"/>
    </row>
    <row r="557489" spans="8:8">
      <c r="H557489" s="12"/>
    </row>
    <row r="557490" spans="8:8">
      <c r="H557490" s="12"/>
    </row>
    <row r="557491" spans="8:8">
      <c r="H557491" s="12"/>
    </row>
    <row r="557492" spans="8:8">
      <c r="H557492" s="12"/>
    </row>
    <row r="557493" spans="8:8">
      <c r="H557493" s="12"/>
    </row>
    <row r="557494" spans="8:8">
      <c r="H557494" s="12"/>
    </row>
    <row r="557495" spans="8:8">
      <c r="H557495" s="12"/>
    </row>
    <row r="557496" spans="8:8">
      <c r="H557496" s="12"/>
    </row>
    <row r="557497" spans="8:8">
      <c r="H557497" s="12"/>
    </row>
    <row r="557498" spans="8:8">
      <c r="H557498" s="12"/>
    </row>
    <row r="557499" spans="8:8">
      <c r="H557499" s="12"/>
    </row>
    <row r="557500" spans="8:8">
      <c r="H557500" s="12"/>
    </row>
    <row r="557501" spans="8:8">
      <c r="H557501" s="12"/>
    </row>
    <row r="557502" spans="8:8">
      <c r="H557502" s="12"/>
    </row>
    <row r="557503" spans="8:8">
      <c r="H557503" s="12"/>
    </row>
    <row r="557504" spans="8:8">
      <c r="H557504" s="12"/>
    </row>
    <row r="557505" spans="8:8">
      <c r="H557505" s="12"/>
    </row>
    <row r="557506" spans="8:8">
      <c r="H557506" s="12"/>
    </row>
    <row r="557507" spans="8:8">
      <c r="H557507" s="12"/>
    </row>
    <row r="557508" spans="8:8">
      <c r="H557508" s="12"/>
    </row>
    <row r="557509" spans="8:8">
      <c r="H557509" s="12"/>
    </row>
    <row r="557510" spans="8:8">
      <c r="H557510" s="12"/>
    </row>
    <row r="557511" spans="8:8">
      <c r="H557511" s="12"/>
    </row>
    <row r="557512" spans="8:8">
      <c r="H557512" s="12"/>
    </row>
    <row r="557513" spans="8:8">
      <c r="H557513" s="12"/>
    </row>
    <row r="557514" spans="8:8">
      <c r="H557514" s="12"/>
    </row>
    <row r="557515" spans="8:8">
      <c r="H557515" s="12"/>
    </row>
    <row r="557516" spans="8:8">
      <c r="H557516" s="12"/>
    </row>
    <row r="557517" spans="8:8">
      <c r="H557517" s="12"/>
    </row>
    <row r="557518" spans="8:8">
      <c r="H557518" s="12"/>
    </row>
    <row r="557519" spans="8:8">
      <c r="H557519" s="12"/>
    </row>
    <row r="557520" spans="8:8">
      <c r="H557520" s="12"/>
    </row>
    <row r="557521" spans="8:8">
      <c r="H557521" s="12"/>
    </row>
    <row r="557522" spans="8:8">
      <c r="H557522" s="12"/>
    </row>
    <row r="557523" spans="8:8">
      <c r="H557523" s="12"/>
    </row>
    <row r="557524" spans="8:8">
      <c r="H557524" s="12"/>
    </row>
    <row r="557525" spans="8:8">
      <c r="H557525" s="12"/>
    </row>
    <row r="557526" spans="8:8">
      <c r="H557526" s="12"/>
    </row>
    <row r="557527" spans="8:8">
      <c r="H557527" s="12"/>
    </row>
    <row r="557528" spans="8:8">
      <c r="H557528" s="12"/>
    </row>
    <row r="557529" spans="8:8">
      <c r="H557529" s="12"/>
    </row>
    <row r="557530" spans="8:8">
      <c r="H557530" s="12"/>
    </row>
    <row r="557531" spans="8:8">
      <c r="H557531" s="12"/>
    </row>
    <row r="557532" spans="8:8">
      <c r="H557532" s="12"/>
    </row>
    <row r="557533" spans="8:8">
      <c r="H557533" s="12"/>
    </row>
    <row r="557534" spans="8:8">
      <c r="H557534" s="12"/>
    </row>
    <row r="557535" spans="8:8">
      <c r="H557535" s="12"/>
    </row>
    <row r="557536" spans="8:8">
      <c r="H557536" s="12"/>
    </row>
    <row r="557537" spans="8:8">
      <c r="H557537" s="12"/>
    </row>
    <row r="557538" spans="8:8">
      <c r="H557538" s="12"/>
    </row>
    <row r="557539" spans="8:8">
      <c r="H557539" s="12"/>
    </row>
    <row r="557540" spans="8:8">
      <c r="H557540" s="12"/>
    </row>
    <row r="557541" spans="8:8">
      <c r="H557541" s="12"/>
    </row>
    <row r="557542" spans="8:8">
      <c r="H557542" s="12"/>
    </row>
    <row r="557543" spans="8:8">
      <c r="H557543" s="12"/>
    </row>
    <row r="557544" spans="8:8">
      <c r="H557544" s="12"/>
    </row>
    <row r="557545" spans="8:8">
      <c r="H557545" s="12"/>
    </row>
    <row r="557546" spans="8:8">
      <c r="H557546" s="12"/>
    </row>
    <row r="557547" spans="8:8">
      <c r="H557547" s="12"/>
    </row>
    <row r="557548" spans="8:8">
      <c r="H557548" s="12"/>
    </row>
    <row r="557549" spans="8:8">
      <c r="H557549" s="12"/>
    </row>
    <row r="557550" spans="8:8">
      <c r="H557550" s="12"/>
    </row>
    <row r="557551" spans="8:8">
      <c r="H557551" s="12"/>
    </row>
    <row r="557552" spans="8:8">
      <c r="H557552" s="12"/>
    </row>
    <row r="557553" spans="8:8">
      <c r="H557553" s="12"/>
    </row>
    <row r="557554" spans="8:8">
      <c r="H557554" s="12"/>
    </row>
    <row r="557555" spans="8:8">
      <c r="H557555" s="12"/>
    </row>
    <row r="557556" spans="8:8">
      <c r="H557556" s="12"/>
    </row>
    <row r="557557" spans="8:8">
      <c r="H557557" s="12"/>
    </row>
    <row r="557558" spans="8:8">
      <c r="H557558" s="12"/>
    </row>
    <row r="557559" spans="8:8">
      <c r="H557559" s="12"/>
    </row>
    <row r="557560" spans="8:8">
      <c r="H557560" s="12"/>
    </row>
    <row r="557561" spans="8:8">
      <c r="H557561" s="12"/>
    </row>
    <row r="557562" spans="8:8">
      <c r="H557562" s="12"/>
    </row>
    <row r="557563" spans="8:8">
      <c r="H557563" s="12"/>
    </row>
    <row r="557564" spans="8:8">
      <c r="H557564" s="12"/>
    </row>
    <row r="557565" spans="8:8">
      <c r="H557565" s="12"/>
    </row>
    <row r="557566" spans="8:8">
      <c r="H557566" s="12"/>
    </row>
    <row r="557567" spans="8:8">
      <c r="H557567" s="12"/>
    </row>
    <row r="557568" spans="8:8">
      <c r="H557568" s="12"/>
    </row>
    <row r="557569" spans="8:8">
      <c r="H557569" s="12"/>
    </row>
    <row r="557570" spans="8:8">
      <c r="H557570" s="12"/>
    </row>
    <row r="557571" spans="8:8">
      <c r="H557571" s="12"/>
    </row>
    <row r="557572" spans="8:8">
      <c r="H557572" s="12"/>
    </row>
    <row r="557573" spans="8:8">
      <c r="H557573" s="12"/>
    </row>
    <row r="557574" spans="8:8">
      <c r="H557574" s="12"/>
    </row>
    <row r="557575" spans="8:8">
      <c r="H557575" s="12"/>
    </row>
    <row r="557576" spans="8:8">
      <c r="H557576" s="12"/>
    </row>
    <row r="557577" spans="8:8">
      <c r="H557577" s="12"/>
    </row>
    <row r="557578" spans="8:8">
      <c r="H557578" s="12"/>
    </row>
    <row r="557579" spans="8:8">
      <c r="H557579" s="12"/>
    </row>
    <row r="557580" spans="8:8">
      <c r="H557580" s="12"/>
    </row>
    <row r="557581" spans="8:8">
      <c r="H557581" s="12"/>
    </row>
    <row r="557582" spans="8:8">
      <c r="H557582" s="12"/>
    </row>
    <row r="557583" spans="8:8">
      <c r="H557583" s="12"/>
    </row>
    <row r="557584" spans="8:8">
      <c r="H557584" s="12"/>
    </row>
    <row r="557585" spans="8:8">
      <c r="H557585" s="12"/>
    </row>
    <row r="557586" spans="8:8">
      <c r="H557586" s="12"/>
    </row>
    <row r="557587" spans="8:8">
      <c r="H557587" s="12"/>
    </row>
    <row r="557588" spans="8:8">
      <c r="H557588" s="12"/>
    </row>
    <row r="557589" spans="8:8">
      <c r="H557589" s="12"/>
    </row>
    <row r="557590" spans="8:8">
      <c r="H557590" s="12"/>
    </row>
    <row r="557591" spans="8:8">
      <c r="H557591" s="12"/>
    </row>
    <row r="557592" spans="8:8">
      <c r="H557592" s="12"/>
    </row>
    <row r="557593" spans="8:8">
      <c r="H557593" s="12"/>
    </row>
    <row r="557594" spans="8:8">
      <c r="H557594" s="12"/>
    </row>
    <row r="557595" spans="8:8">
      <c r="H557595" s="12"/>
    </row>
    <row r="557596" spans="8:8">
      <c r="H557596" s="12"/>
    </row>
    <row r="557597" spans="8:8">
      <c r="H557597" s="12"/>
    </row>
    <row r="557598" spans="8:8">
      <c r="H557598" s="12"/>
    </row>
    <row r="557599" spans="8:8">
      <c r="H557599" s="12"/>
    </row>
    <row r="557600" spans="8:8">
      <c r="H557600" s="12"/>
    </row>
    <row r="557601" spans="8:8">
      <c r="H557601" s="12"/>
    </row>
    <row r="557602" spans="8:8">
      <c r="H557602" s="12"/>
    </row>
    <row r="557603" spans="8:8">
      <c r="H557603" s="12"/>
    </row>
    <row r="557604" spans="8:8">
      <c r="H557604" s="12"/>
    </row>
    <row r="557605" spans="8:8">
      <c r="H557605" s="12"/>
    </row>
    <row r="557606" spans="8:8">
      <c r="H557606" s="12"/>
    </row>
    <row r="557607" spans="8:8">
      <c r="H557607" s="12"/>
    </row>
    <row r="557608" spans="8:8">
      <c r="H557608" s="12"/>
    </row>
    <row r="557609" spans="8:8">
      <c r="H557609" s="12"/>
    </row>
    <row r="557610" spans="8:8">
      <c r="H557610" s="12"/>
    </row>
    <row r="557611" spans="8:8">
      <c r="H557611" s="12"/>
    </row>
    <row r="557612" spans="8:8">
      <c r="H557612" s="12"/>
    </row>
    <row r="557613" spans="8:8">
      <c r="H557613" s="12"/>
    </row>
    <row r="557614" spans="8:8">
      <c r="H557614" s="12"/>
    </row>
    <row r="557615" spans="8:8">
      <c r="H557615" s="12"/>
    </row>
    <row r="557616" spans="8:8">
      <c r="H557616" s="12"/>
    </row>
    <row r="557617" spans="8:8">
      <c r="H557617" s="12"/>
    </row>
    <row r="557618" spans="8:8">
      <c r="H557618" s="12"/>
    </row>
    <row r="557619" spans="8:8">
      <c r="H557619" s="12"/>
    </row>
    <row r="557620" spans="8:8">
      <c r="H557620" s="12"/>
    </row>
    <row r="557621" spans="8:8">
      <c r="H557621" s="12"/>
    </row>
    <row r="557622" spans="8:8">
      <c r="H557622" s="12"/>
    </row>
    <row r="557623" spans="8:8">
      <c r="H557623" s="12"/>
    </row>
    <row r="557624" spans="8:8">
      <c r="H557624" s="12"/>
    </row>
    <row r="557625" spans="8:8">
      <c r="H557625" s="12"/>
    </row>
    <row r="557626" spans="8:8">
      <c r="H557626" s="12"/>
    </row>
    <row r="557627" spans="8:8">
      <c r="H557627" s="12"/>
    </row>
    <row r="557628" spans="8:8">
      <c r="H557628" s="12"/>
    </row>
    <row r="557629" spans="8:8">
      <c r="H557629" s="12"/>
    </row>
    <row r="557630" spans="8:8">
      <c r="H557630" s="12"/>
    </row>
    <row r="557631" spans="8:8">
      <c r="H557631" s="12"/>
    </row>
    <row r="557632" spans="8:8">
      <c r="H557632" s="12"/>
    </row>
    <row r="557633" spans="8:8">
      <c r="H557633" s="12"/>
    </row>
    <row r="557634" spans="8:8">
      <c r="H557634" s="12"/>
    </row>
    <row r="557635" spans="8:8">
      <c r="H557635" s="12"/>
    </row>
    <row r="557636" spans="8:8">
      <c r="H557636" s="12"/>
    </row>
    <row r="557637" spans="8:8">
      <c r="H557637" s="12"/>
    </row>
    <row r="557638" spans="8:8">
      <c r="H557638" s="12"/>
    </row>
    <row r="557639" spans="8:8">
      <c r="H557639" s="12"/>
    </row>
    <row r="557640" spans="8:8">
      <c r="H557640" s="12"/>
    </row>
    <row r="557641" spans="8:8">
      <c r="H557641" s="12"/>
    </row>
    <row r="557642" spans="8:8">
      <c r="H557642" s="12"/>
    </row>
    <row r="557643" spans="8:8">
      <c r="H557643" s="12"/>
    </row>
    <row r="557644" spans="8:8">
      <c r="H557644" s="12"/>
    </row>
    <row r="557645" spans="8:8">
      <c r="H557645" s="12"/>
    </row>
    <row r="557646" spans="8:8">
      <c r="H557646" s="12"/>
    </row>
    <row r="557647" spans="8:8">
      <c r="H557647" s="12"/>
    </row>
    <row r="557648" spans="8:8">
      <c r="H557648" s="12"/>
    </row>
    <row r="557649" spans="8:8">
      <c r="H557649" s="12"/>
    </row>
    <row r="557650" spans="8:8">
      <c r="H557650" s="12"/>
    </row>
    <row r="557651" spans="8:8">
      <c r="H557651" s="12"/>
    </row>
    <row r="557652" spans="8:8">
      <c r="H557652" s="12"/>
    </row>
    <row r="557653" spans="8:8">
      <c r="H557653" s="12"/>
    </row>
    <row r="557654" spans="8:8">
      <c r="H557654" s="12"/>
    </row>
    <row r="557655" spans="8:8">
      <c r="H557655" s="12"/>
    </row>
    <row r="557656" spans="8:8">
      <c r="H557656" s="12"/>
    </row>
    <row r="557657" spans="8:8">
      <c r="H557657" s="12"/>
    </row>
    <row r="557658" spans="8:8">
      <c r="H557658" s="12"/>
    </row>
    <row r="557659" spans="8:8">
      <c r="H557659" s="12"/>
    </row>
    <row r="557660" spans="8:8">
      <c r="H557660" s="12"/>
    </row>
    <row r="557661" spans="8:8">
      <c r="H557661" s="12"/>
    </row>
    <row r="557662" spans="8:8">
      <c r="H557662" s="12"/>
    </row>
    <row r="557663" spans="8:8">
      <c r="H557663" s="12"/>
    </row>
    <row r="557664" spans="8:8">
      <c r="H557664" s="12"/>
    </row>
    <row r="557665" spans="8:8">
      <c r="H557665" s="12"/>
    </row>
    <row r="557666" spans="8:8">
      <c r="H557666" s="12"/>
    </row>
    <row r="557667" spans="8:8">
      <c r="H557667" s="12"/>
    </row>
    <row r="557668" spans="8:8">
      <c r="H557668" s="12"/>
    </row>
    <row r="557669" spans="8:8">
      <c r="H557669" s="12"/>
    </row>
    <row r="557670" spans="8:8">
      <c r="H557670" s="12"/>
    </row>
    <row r="557671" spans="8:8">
      <c r="H557671" s="12"/>
    </row>
    <row r="557672" spans="8:8">
      <c r="H557672" s="12"/>
    </row>
    <row r="557673" spans="8:8">
      <c r="H557673" s="12"/>
    </row>
    <row r="557674" spans="8:8">
      <c r="H557674" s="12"/>
    </row>
    <row r="557675" spans="8:8">
      <c r="H557675" s="12"/>
    </row>
    <row r="557676" spans="8:8">
      <c r="H557676" s="12"/>
    </row>
    <row r="557677" spans="8:8">
      <c r="H557677" s="12"/>
    </row>
    <row r="557678" spans="8:8">
      <c r="H557678" s="12"/>
    </row>
    <row r="557679" spans="8:8">
      <c r="H557679" s="12"/>
    </row>
    <row r="557680" spans="8:8">
      <c r="H557680" s="12"/>
    </row>
    <row r="557681" spans="8:8">
      <c r="H557681" s="12"/>
    </row>
    <row r="557682" spans="8:8">
      <c r="H557682" s="12"/>
    </row>
    <row r="557683" spans="8:8">
      <c r="H557683" s="12"/>
    </row>
    <row r="557684" spans="8:8">
      <c r="H557684" s="12"/>
    </row>
    <row r="557685" spans="8:8">
      <c r="H557685" s="12"/>
    </row>
    <row r="557686" spans="8:8">
      <c r="H557686" s="12"/>
    </row>
    <row r="557687" spans="8:8">
      <c r="H557687" s="12"/>
    </row>
    <row r="557688" spans="8:8">
      <c r="H557688" s="12"/>
    </row>
    <row r="557689" spans="8:8">
      <c r="H557689" s="12"/>
    </row>
    <row r="557690" spans="8:8">
      <c r="H557690" s="12"/>
    </row>
    <row r="557691" spans="8:8">
      <c r="H557691" s="12"/>
    </row>
    <row r="557692" spans="8:8">
      <c r="H557692" s="12"/>
    </row>
    <row r="557693" spans="8:8">
      <c r="H557693" s="12"/>
    </row>
    <row r="557694" spans="8:8">
      <c r="H557694" s="12"/>
    </row>
    <row r="557695" spans="8:8">
      <c r="H557695" s="12"/>
    </row>
    <row r="557696" spans="8:8">
      <c r="H557696" s="12"/>
    </row>
    <row r="557697" spans="8:8">
      <c r="H557697" s="12"/>
    </row>
    <row r="557698" spans="8:8">
      <c r="H557698" s="12"/>
    </row>
    <row r="557699" spans="8:8">
      <c r="H557699" s="12"/>
    </row>
    <row r="557700" spans="8:8">
      <c r="H557700" s="12"/>
    </row>
    <row r="557701" spans="8:8">
      <c r="H557701" s="12"/>
    </row>
    <row r="557702" spans="8:8">
      <c r="H557702" s="12"/>
    </row>
    <row r="557703" spans="8:8">
      <c r="H557703" s="12"/>
    </row>
    <row r="557704" spans="8:8">
      <c r="H557704" s="12"/>
    </row>
    <row r="557705" spans="8:8">
      <c r="H557705" s="12"/>
    </row>
    <row r="557706" spans="8:8">
      <c r="H557706" s="12"/>
    </row>
    <row r="557707" spans="8:8">
      <c r="H557707" s="12"/>
    </row>
    <row r="557708" spans="8:8">
      <c r="H557708" s="12"/>
    </row>
    <row r="557709" spans="8:8">
      <c r="H557709" s="12"/>
    </row>
    <row r="557710" spans="8:8">
      <c r="H557710" s="12"/>
    </row>
    <row r="557711" spans="8:8">
      <c r="H557711" s="12"/>
    </row>
    <row r="557712" spans="8:8">
      <c r="H557712" s="12"/>
    </row>
    <row r="557713" spans="8:8">
      <c r="H557713" s="12"/>
    </row>
    <row r="557714" spans="8:8">
      <c r="H557714" s="12"/>
    </row>
    <row r="557715" spans="8:8">
      <c r="H557715" s="12"/>
    </row>
    <row r="557716" spans="8:8">
      <c r="H557716" s="12"/>
    </row>
    <row r="557717" spans="8:8">
      <c r="H557717" s="12"/>
    </row>
    <row r="557718" spans="8:8">
      <c r="H557718" s="12"/>
    </row>
    <row r="557719" spans="8:8">
      <c r="H557719" s="12"/>
    </row>
    <row r="557720" spans="8:8">
      <c r="H557720" s="12"/>
    </row>
    <row r="557721" spans="8:8">
      <c r="H557721" s="12"/>
    </row>
    <row r="557722" spans="8:8">
      <c r="H557722" s="12"/>
    </row>
    <row r="557723" spans="8:8">
      <c r="H557723" s="12"/>
    </row>
    <row r="557724" spans="8:8">
      <c r="H557724" s="12"/>
    </row>
    <row r="557725" spans="8:8">
      <c r="H557725" s="12"/>
    </row>
    <row r="557726" spans="8:8">
      <c r="H557726" s="12"/>
    </row>
    <row r="557727" spans="8:8">
      <c r="H557727" s="12"/>
    </row>
    <row r="557728" spans="8:8">
      <c r="H557728" s="12"/>
    </row>
    <row r="557729" spans="8:8">
      <c r="H557729" s="12"/>
    </row>
    <row r="557730" spans="8:8">
      <c r="H557730" s="12"/>
    </row>
    <row r="557731" spans="8:8">
      <c r="H557731" s="12"/>
    </row>
    <row r="557732" spans="8:8">
      <c r="H557732" s="12"/>
    </row>
    <row r="557733" spans="8:8">
      <c r="H557733" s="12"/>
    </row>
    <row r="557734" spans="8:8">
      <c r="H557734" s="12"/>
    </row>
    <row r="557735" spans="8:8">
      <c r="H557735" s="12"/>
    </row>
    <row r="557736" spans="8:8">
      <c r="H557736" s="12"/>
    </row>
    <row r="557737" spans="8:8">
      <c r="H557737" s="12"/>
    </row>
    <row r="557738" spans="8:8">
      <c r="H557738" s="12"/>
    </row>
    <row r="557739" spans="8:8">
      <c r="H557739" s="12"/>
    </row>
    <row r="557740" spans="8:8">
      <c r="H557740" s="12"/>
    </row>
    <row r="557741" spans="8:8">
      <c r="H557741" s="12"/>
    </row>
    <row r="557742" spans="8:8">
      <c r="H557742" s="12"/>
    </row>
    <row r="557743" spans="8:8">
      <c r="H557743" s="12"/>
    </row>
    <row r="557744" spans="8:8">
      <c r="H557744" s="12"/>
    </row>
    <row r="557745" spans="8:8">
      <c r="H557745" s="12"/>
    </row>
    <row r="557746" spans="8:8">
      <c r="H557746" s="12"/>
    </row>
    <row r="557747" spans="8:8">
      <c r="H557747" s="12"/>
    </row>
    <row r="557748" spans="8:8">
      <c r="H557748" s="12"/>
    </row>
    <row r="557749" spans="8:8">
      <c r="H557749" s="12"/>
    </row>
    <row r="557750" spans="8:8">
      <c r="H557750" s="12"/>
    </row>
    <row r="557751" spans="8:8">
      <c r="H557751" s="12"/>
    </row>
    <row r="557752" spans="8:8">
      <c r="H557752" s="12"/>
    </row>
    <row r="557753" spans="8:8">
      <c r="H557753" s="12"/>
    </row>
    <row r="557754" spans="8:8">
      <c r="H557754" s="12"/>
    </row>
    <row r="557755" spans="8:8">
      <c r="H557755" s="12"/>
    </row>
    <row r="557756" spans="8:8">
      <c r="H557756" s="12"/>
    </row>
    <row r="557757" spans="8:8">
      <c r="H557757" s="12"/>
    </row>
    <row r="557758" spans="8:8">
      <c r="H557758" s="12"/>
    </row>
    <row r="557759" spans="8:8">
      <c r="H557759" s="12"/>
    </row>
    <row r="557760" spans="8:8">
      <c r="H557760" s="12"/>
    </row>
    <row r="557761" spans="8:8">
      <c r="H557761" s="12"/>
    </row>
    <row r="557762" spans="8:8">
      <c r="H557762" s="12"/>
    </row>
    <row r="557763" spans="8:8">
      <c r="H557763" s="12"/>
    </row>
    <row r="557764" spans="8:8">
      <c r="H557764" s="12"/>
    </row>
    <row r="557765" spans="8:8">
      <c r="H557765" s="12"/>
    </row>
    <row r="557766" spans="8:8">
      <c r="H557766" s="12"/>
    </row>
    <row r="557767" spans="8:8">
      <c r="H557767" s="12"/>
    </row>
    <row r="557768" spans="8:8">
      <c r="H557768" s="12"/>
    </row>
    <row r="557769" spans="8:8">
      <c r="H557769" s="12"/>
    </row>
    <row r="557770" spans="8:8">
      <c r="H557770" s="12"/>
    </row>
    <row r="557771" spans="8:8">
      <c r="H557771" s="12"/>
    </row>
    <row r="557772" spans="8:8">
      <c r="H557772" s="12"/>
    </row>
    <row r="557773" spans="8:8">
      <c r="H557773" s="12"/>
    </row>
    <row r="557774" spans="8:8">
      <c r="H557774" s="12"/>
    </row>
    <row r="557775" spans="8:8">
      <c r="H557775" s="12"/>
    </row>
    <row r="557776" spans="8:8">
      <c r="H557776" s="12"/>
    </row>
    <row r="557777" spans="8:8">
      <c r="H557777" s="12"/>
    </row>
    <row r="557778" spans="8:8">
      <c r="H557778" s="12"/>
    </row>
    <row r="557779" spans="8:8">
      <c r="H557779" s="12"/>
    </row>
    <row r="557780" spans="8:8">
      <c r="H557780" s="12"/>
    </row>
    <row r="557781" spans="8:8">
      <c r="H557781" s="12"/>
    </row>
    <row r="557782" spans="8:8">
      <c r="H557782" s="12"/>
    </row>
    <row r="557783" spans="8:8">
      <c r="H557783" s="12"/>
    </row>
    <row r="557784" spans="8:8">
      <c r="H557784" s="12"/>
    </row>
    <row r="557785" spans="8:8">
      <c r="H557785" s="12"/>
    </row>
    <row r="557786" spans="8:8">
      <c r="H557786" s="12"/>
    </row>
    <row r="557787" spans="8:8">
      <c r="H557787" s="12"/>
    </row>
    <row r="557788" spans="8:8">
      <c r="H557788" s="12"/>
    </row>
    <row r="557789" spans="8:8">
      <c r="H557789" s="12"/>
    </row>
    <row r="557790" spans="8:8">
      <c r="H557790" s="12"/>
    </row>
    <row r="557791" spans="8:8">
      <c r="H557791" s="12"/>
    </row>
    <row r="557792" spans="8:8">
      <c r="H557792" s="12"/>
    </row>
    <row r="557793" spans="8:8">
      <c r="H557793" s="12"/>
    </row>
    <row r="557794" spans="8:8">
      <c r="H557794" s="12"/>
    </row>
    <row r="557795" spans="8:8">
      <c r="H557795" s="12"/>
    </row>
    <row r="557796" spans="8:8">
      <c r="H557796" s="12"/>
    </row>
    <row r="557797" spans="8:8">
      <c r="H557797" s="12"/>
    </row>
    <row r="557798" spans="8:8">
      <c r="H557798" s="12"/>
    </row>
    <row r="557799" spans="8:8">
      <c r="H557799" s="12"/>
    </row>
    <row r="557800" spans="8:8">
      <c r="H557800" s="12"/>
    </row>
    <row r="557801" spans="8:8">
      <c r="H557801" s="12"/>
    </row>
    <row r="557802" spans="8:8">
      <c r="H557802" s="12"/>
    </row>
    <row r="557803" spans="8:8">
      <c r="H557803" s="12"/>
    </row>
    <row r="557804" spans="8:8">
      <c r="H557804" s="12"/>
    </row>
    <row r="557805" spans="8:8">
      <c r="H557805" s="12"/>
    </row>
    <row r="557806" spans="8:8">
      <c r="H557806" s="12"/>
    </row>
    <row r="557807" spans="8:8">
      <c r="H557807" s="12"/>
    </row>
    <row r="557808" spans="8:8">
      <c r="H557808" s="12"/>
    </row>
    <row r="557809" spans="8:8">
      <c r="H557809" s="12"/>
    </row>
    <row r="557810" spans="8:8">
      <c r="H557810" s="12"/>
    </row>
    <row r="557811" spans="8:8">
      <c r="H557811" s="12"/>
    </row>
    <row r="557812" spans="8:8">
      <c r="H557812" s="12"/>
    </row>
    <row r="557813" spans="8:8">
      <c r="H557813" s="12"/>
    </row>
    <row r="557814" spans="8:8">
      <c r="H557814" s="12"/>
    </row>
    <row r="557815" spans="8:8">
      <c r="H557815" s="12"/>
    </row>
    <row r="557816" spans="8:8">
      <c r="H557816" s="12"/>
    </row>
    <row r="557817" spans="8:8">
      <c r="H557817" s="12"/>
    </row>
    <row r="557818" spans="8:8">
      <c r="H557818" s="12"/>
    </row>
    <row r="557819" spans="8:8">
      <c r="H557819" s="12"/>
    </row>
    <row r="557820" spans="8:8">
      <c r="H557820" s="12"/>
    </row>
    <row r="557821" spans="8:8">
      <c r="H557821" s="12"/>
    </row>
    <row r="557822" spans="8:8">
      <c r="H557822" s="12"/>
    </row>
    <row r="557823" spans="8:8">
      <c r="H557823" s="12"/>
    </row>
    <row r="557824" spans="8:8">
      <c r="H557824" s="12"/>
    </row>
    <row r="557825" spans="8:8">
      <c r="H557825" s="12"/>
    </row>
    <row r="557826" spans="8:8">
      <c r="H557826" s="12"/>
    </row>
    <row r="557827" spans="8:8">
      <c r="H557827" s="12"/>
    </row>
    <row r="557828" spans="8:8">
      <c r="H557828" s="12"/>
    </row>
    <row r="557829" spans="8:8">
      <c r="H557829" s="12"/>
    </row>
    <row r="557830" spans="8:8">
      <c r="H557830" s="12"/>
    </row>
    <row r="557831" spans="8:8">
      <c r="H557831" s="12"/>
    </row>
    <row r="557832" spans="8:8">
      <c r="H557832" s="12"/>
    </row>
    <row r="557833" spans="8:8">
      <c r="H557833" s="12"/>
    </row>
    <row r="557834" spans="8:8">
      <c r="H557834" s="12"/>
    </row>
    <row r="557835" spans="8:8">
      <c r="H557835" s="12"/>
    </row>
    <row r="557836" spans="8:8">
      <c r="H557836" s="12"/>
    </row>
    <row r="557837" spans="8:8">
      <c r="H557837" s="12"/>
    </row>
    <row r="557838" spans="8:8">
      <c r="H557838" s="12"/>
    </row>
    <row r="557839" spans="8:8">
      <c r="H557839" s="12"/>
    </row>
    <row r="557840" spans="8:8">
      <c r="H557840" s="12"/>
    </row>
    <row r="557841" spans="8:8">
      <c r="H557841" s="12"/>
    </row>
    <row r="557842" spans="8:8">
      <c r="H557842" s="12"/>
    </row>
    <row r="557843" spans="8:8">
      <c r="H557843" s="12"/>
    </row>
    <row r="557844" spans="8:8">
      <c r="H557844" s="12"/>
    </row>
    <row r="557845" spans="8:8">
      <c r="H557845" s="12"/>
    </row>
    <row r="557846" spans="8:8">
      <c r="H557846" s="12"/>
    </row>
    <row r="557847" spans="8:8">
      <c r="H557847" s="12"/>
    </row>
    <row r="557848" spans="8:8">
      <c r="H557848" s="12"/>
    </row>
    <row r="557849" spans="8:8">
      <c r="H557849" s="12"/>
    </row>
    <row r="557850" spans="8:8">
      <c r="H557850" s="12"/>
    </row>
    <row r="557851" spans="8:8">
      <c r="H557851" s="12"/>
    </row>
    <row r="557852" spans="8:8">
      <c r="H557852" s="12"/>
    </row>
    <row r="557853" spans="8:8">
      <c r="H557853" s="12"/>
    </row>
    <row r="557854" spans="8:8">
      <c r="H557854" s="12"/>
    </row>
    <row r="557855" spans="8:8">
      <c r="H557855" s="12"/>
    </row>
    <row r="557856" spans="8:8">
      <c r="H557856" s="12"/>
    </row>
    <row r="557857" spans="8:8">
      <c r="H557857" s="12"/>
    </row>
    <row r="557858" spans="8:8">
      <c r="H557858" s="12"/>
    </row>
    <row r="557859" spans="8:8">
      <c r="H557859" s="12"/>
    </row>
    <row r="557860" spans="8:8">
      <c r="H557860" s="12"/>
    </row>
    <row r="557861" spans="8:8">
      <c r="H557861" s="12"/>
    </row>
    <row r="557862" spans="8:8">
      <c r="H557862" s="12"/>
    </row>
    <row r="557863" spans="8:8">
      <c r="H557863" s="12"/>
    </row>
    <row r="557864" spans="8:8">
      <c r="H557864" s="12"/>
    </row>
    <row r="557865" spans="8:8">
      <c r="H557865" s="12"/>
    </row>
    <row r="557866" spans="8:8">
      <c r="H557866" s="12"/>
    </row>
    <row r="557867" spans="8:8">
      <c r="H557867" s="12"/>
    </row>
    <row r="557868" spans="8:8">
      <c r="H557868" s="12"/>
    </row>
    <row r="557869" spans="8:8">
      <c r="H557869" s="12"/>
    </row>
    <row r="557870" spans="8:8">
      <c r="H557870" s="12"/>
    </row>
    <row r="557871" spans="8:8">
      <c r="H557871" s="12"/>
    </row>
    <row r="557872" spans="8:8">
      <c r="H557872" s="12"/>
    </row>
    <row r="557873" spans="8:8">
      <c r="H557873" s="12"/>
    </row>
    <row r="557874" spans="8:8">
      <c r="H557874" s="12"/>
    </row>
    <row r="557875" spans="8:8">
      <c r="H557875" s="12"/>
    </row>
    <row r="557876" spans="8:8">
      <c r="H557876" s="12"/>
    </row>
    <row r="557877" spans="8:8">
      <c r="H557877" s="12"/>
    </row>
    <row r="557878" spans="8:8">
      <c r="H557878" s="12"/>
    </row>
    <row r="557879" spans="8:8">
      <c r="H557879" s="12"/>
    </row>
    <row r="557880" spans="8:8">
      <c r="H557880" s="12"/>
    </row>
    <row r="557881" spans="8:8">
      <c r="H557881" s="12"/>
    </row>
    <row r="557882" spans="8:8">
      <c r="H557882" s="12"/>
    </row>
    <row r="557883" spans="8:8">
      <c r="H557883" s="12"/>
    </row>
    <row r="557884" spans="8:8">
      <c r="H557884" s="12"/>
    </row>
    <row r="557885" spans="8:8">
      <c r="H557885" s="12"/>
    </row>
    <row r="557886" spans="8:8">
      <c r="H557886" s="12"/>
    </row>
    <row r="557887" spans="8:8">
      <c r="H557887" s="12"/>
    </row>
    <row r="557888" spans="8:8">
      <c r="H557888" s="12"/>
    </row>
    <row r="557889" spans="8:8">
      <c r="H557889" s="12"/>
    </row>
    <row r="557890" spans="8:8">
      <c r="H557890" s="12"/>
    </row>
    <row r="557891" spans="8:8">
      <c r="H557891" s="12"/>
    </row>
    <row r="557892" spans="8:8">
      <c r="H557892" s="12"/>
    </row>
    <row r="557893" spans="8:8">
      <c r="H557893" s="12"/>
    </row>
    <row r="557894" spans="8:8">
      <c r="H557894" s="12"/>
    </row>
    <row r="557895" spans="8:8">
      <c r="H557895" s="12"/>
    </row>
    <row r="557896" spans="8:8">
      <c r="H557896" s="12"/>
    </row>
    <row r="557897" spans="8:8">
      <c r="H557897" s="12"/>
    </row>
    <row r="557898" spans="8:8">
      <c r="H557898" s="12"/>
    </row>
    <row r="557899" spans="8:8">
      <c r="H557899" s="12"/>
    </row>
    <row r="557900" spans="8:8">
      <c r="H557900" s="12"/>
    </row>
    <row r="557901" spans="8:8">
      <c r="H557901" s="12"/>
    </row>
    <row r="557902" spans="8:8">
      <c r="H557902" s="12"/>
    </row>
    <row r="557903" spans="8:8">
      <c r="H557903" s="12"/>
    </row>
    <row r="557904" spans="8:8">
      <c r="H557904" s="12"/>
    </row>
    <row r="557905" spans="8:8">
      <c r="H557905" s="12"/>
    </row>
    <row r="557906" spans="8:8">
      <c r="H557906" s="12"/>
    </row>
    <row r="557907" spans="8:8">
      <c r="H557907" s="12"/>
    </row>
    <row r="557908" spans="8:8">
      <c r="H557908" s="12"/>
    </row>
    <row r="557909" spans="8:8">
      <c r="H557909" s="12"/>
    </row>
    <row r="557910" spans="8:8">
      <c r="H557910" s="12"/>
    </row>
    <row r="557911" spans="8:8">
      <c r="H557911" s="12"/>
    </row>
    <row r="557912" spans="8:8">
      <c r="H557912" s="12"/>
    </row>
    <row r="557913" spans="8:8">
      <c r="H557913" s="12"/>
    </row>
    <row r="557914" spans="8:8">
      <c r="H557914" s="12"/>
    </row>
    <row r="557915" spans="8:8">
      <c r="H557915" s="12"/>
    </row>
    <row r="557916" spans="8:8">
      <c r="H557916" s="12"/>
    </row>
    <row r="557917" spans="8:8">
      <c r="H557917" s="12"/>
    </row>
    <row r="557918" spans="8:8">
      <c r="H557918" s="12"/>
    </row>
    <row r="557919" spans="8:8">
      <c r="H557919" s="12"/>
    </row>
    <row r="557920" spans="8:8">
      <c r="H557920" s="12"/>
    </row>
    <row r="557921" spans="8:8">
      <c r="H557921" s="12"/>
    </row>
    <row r="557922" spans="8:8">
      <c r="H557922" s="12"/>
    </row>
    <row r="557923" spans="8:8">
      <c r="H557923" s="12"/>
    </row>
    <row r="557924" spans="8:8">
      <c r="H557924" s="12"/>
    </row>
    <row r="557925" spans="8:8">
      <c r="H557925" s="12"/>
    </row>
    <row r="557926" spans="8:8">
      <c r="H557926" s="12"/>
    </row>
    <row r="557927" spans="8:8">
      <c r="H557927" s="12"/>
    </row>
    <row r="557928" spans="8:8">
      <c r="H557928" s="12"/>
    </row>
    <row r="557929" spans="8:8">
      <c r="H557929" s="12"/>
    </row>
    <row r="557930" spans="8:8">
      <c r="H557930" s="12"/>
    </row>
    <row r="557931" spans="8:8">
      <c r="H557931" s="12"/>
    </row>
    <row r="557932" spans="8:8">
      <c r="H557932" s="12"/>
    </row>
    <row r="557933" spans="8:8">
      <c r="H557933" s="12"/>
    </row>
    <row r="557934" spans="8:8">
      <c r="H557934" s="12"/>
    </row>
    <row r="557935" spans="8:8">
      <c r="H557935" s="12"/>
    </row>
    <row r="557936" spans="8:8">
      <c r="H557936" s="12"/>
    </row>
    <row r="557937" spans="8:8">
      <c r="H557937" s="12"/>
    </row>
    <row r="557938" spans="8:8">
      <c r="H557938" s="12"/>
    </row>
    <row r="557939" spans="8:8">
      <c r="H557939" s="12"/>
    </row>
    <row r="557940" spans="8:8">
      <c r="H557940" s="12"/>
    </row>
    <row r="557941" spans="8:8">
      <c r="H557941" s="12"/>
    </row>
    <row r="557942" spans="8:8">
      <c r="H557942" s="12"/>
    </row>
    <row r="557943" spans="8:8">
      <c r="H557943" s="12"/>
    </row>
    <row r="557944" spans="8:8">
      <c r="H557944" s="12"/>
    </row>
    <row r="557945" spans="8:8">
      <c r="H557945" s="12"/>
    </row>
    <row r="557946" spans="8:8">
      <c r="H557946" s="12"/>
    </row>
    <row r="557947" spans="8:8">
      <c r="H557947" s="12"/>
    </row>
    <row r="557948" spans="8:8">
      <c r="H557948" s="12"/>
    </row>
    <row r="557949" spans="8:8">
      <c r="H557949" s="12"/>
    </row>
    <row r="557950" spans="8:8">
      <c r="H557950" s="12"/>
    </row>
    <row r="557951" spans="8:8">
      <c r="H557951" s="12"/>
    </row>
    <row r="557952" spans="8:8">
      <c r="H557952" s="12"/>
    </row>
    <row r="557953" spans="8:8">
      <c r="H557953" s="12"/>
    </row>
    <row r="557954" spans="8:8">
      <c r="H557954" s="12"/>
    </row>
    <row r="557955" spans="8:8">
      <c r="H557955" s="12"/>
    </row>
    <row r="557956" spans="8:8">
      <c r="H557956" s="12"/>
    </row>
    <row r="557957" spans="8:8">
      <c r="H557957" s="12"/>
    </row>
    <row r="557958" spans="8:8">
      <c r="H557958" s="12"/>
    </row>
    <row r="557959" spans="8:8">
      <c r="H557959" s="12"/>
    </row>
    <row r="557960" spans="8:8">
      <c r="H557960" s="12"/>
    </row>
    <row r="557961" spans="8:8">
      <c r="H557961" s="12"/>
    </row>
    <row r="557962" spans="8:8">
      <c r="H557962" s="12"/>
    </row>
    <row r="557963" spans="8:8">
      <c r="H557963" s="12"/>
    </row>
    <row r="557964" spans="8:8">
      <c r="H557964" s="12"/>
    </row>
    <row r="557965" spans="8:8">
      <c r="H557965" s="12"/>
    </row>
    <row r="557966" spans="8:8">
      <c r="H557966" s="12"/>
    </row>
    <row r="557967" spans="8:8">
      <c r="H557967" s="12"/>
    </row>
    <row r="557968" spans="8:8">
      <c r="H557968" s="12"/>
    </row>
    <row r="557969" spans="8:8">
      <c r="H557969" s="12"/>
    </row>
    <row r="557970" spans="8:8">
      <c r="H557970" s="12"/>
    </row>
    <row r="557971" spans="8:8">
      <c r="H557971" s="12"/>
    </row>
    <row r="557972" spans="8:8">
      <c r="H557972" s="12"/>
    </row>
    <row r="557973" spans="8:8">
      <c r="H557973" s="12"/>
    </row>
    <row r="557974" spans="8:8">
      <c r="H557974" s="12"/>
    </row>
    <row r="557975" spans="8:8">
      <c r="H557975" s="12"/>
    </row>
    <row r="557976" spans="8:8">
      <c r="H557976" s="12"/>
    </row>
    <row r="557977" spans="8:8">
      <c r="H557977" s="12"/>
    </row>
    <row r="557978" spans="8:8">
      <c r="H557978" s="12"/>
    </row>
    <row r="557979" spans="8:8">
      <c r="H557979" s="12"/>
    </row>
    <row r="557980" spans="8:8">
      <c r="H557980" s="12"/>
    </row>
    <row r="557981" spans="8:8">
      <c r="H557981" s="12"/>
    </row>
    <row r="557982" spans="8:8">
      <c r="H557982" s="12"/>
    </row>
    <row r="557983" spans="8:8">
      <c r="H557983" s="12"/>
    </row>
    <row r="557984" spans="8:8">
      <c r="H557984" s="12"/>
    </row>
    <row r="557985" spans="8:8">
      <c r="H557985" s="12"/>
    </row>
    <row r="557986" spans="8:8">
      <c r="H557986" s="12"/>
    </row>
    <row r="557987" spans="8:8">
      <c r="H557987" s="12"/>
    </row>
    <row r="557988" spans="8:8">
      <c r="H557988" s="12"/>
    </row>
    <row r="557989" spans="8:8">
      <c r="H557989" s="12"/>
    </row>
    <row r="557990" spans="8:8">
      <c r="H557990" s="12"/>
    </row>
    <row r="557991" spans="8:8">
      <c r="H557991" s="12"/>
    </row>
    <row r="557992" spans="8:8">
      <c r="H557992" s="12"/>
    </row>
    <row r="557993" spans="8:8">
      <c r="H557993" s="12"/>
    </row>
    <row r="557994" spans="8:8">
      <c r="H557994" s="12"/>
    </row>
    <row r="557995" spans="8:8">
      <c r="H557995" s="12"/>
    </row>
    <row r="557996" spans="8:8">
      <c r="H557996" s="12"/>
    </row>
    <row r="557997" spans="8:8">
      <c r="H557997" s="12"/>
    </row>
    <row r="557998" spans="8:8">
      <c r="H557998" s="12"/>
    </row>
    <row r="557999" spans="8:8">
      <c r="H557999" s="12"/>
    </row>
    <row r="558000" spans="8:8">
      <c r="H558000" s="12"/>
    </row>
    <row r="558001" spans="8:8">
      <c r="H558001" s="12"/>
    </row>
    <row r="558002" spans="8:8">
      <c r="H558002" s="12"/>
    </row>
    <row r="558003" spans="8:8">
      <c r="H558003" s="12"/>
    </row>
    <row r="558004" spans="8:8">
      <c r="H558004" s="12"/>
    </row>
    <row r="558005" spans="8:8">
      <c r="H558005" s="12"/>
    </row>
    <row r="558006" spans="8:8">
      <c r="H558006" s="12"/>
    </row>
    <row r="558007" spans="8:8">
      <c r="H558007" s="12"/>
    </row>
    <row r="558008" spans="8:8">
      <c r="H558008" s="12"/>
    </row>
    <row r="558009" spans="8:8">
      <c r="H558009" s="12"/>
    </row>
    <row r="558010" spans="8:8">
      <c r="H558010" s="12"/>
    </row>
    <row r="558011" spans="8:8">
      <c r="H558011" s="12"/>
    </row>
    <row r="558012" spans="8:8">
      <c r="H558012" s="12"/>
    </row>
    <row r="558013" spans="8:8">
      <c r="H558013" s="12"/>
    </row>
    <row r="558014" spans="8:8">
      <c r="H558014" s="12"/>
    </row>
    <row r="558015" spans="8:8">
      <c r="H558015" s="12"/>
    </row>
    <row r="558016" spans="8:8">
      <c r="H558016" s="12"/>
    </row>
    <row r="558017" spans="8:8">
      <c r="H558017" s="12"/>
    </row>
    <row r="558018" spans="8:8">
      <c r="H558018" s="12"/>
    </row>
    <row r="558019" spans="8:8">
      <c r="H558019" s="12"/>
    </row>
    <row r="558020" spans="8:8">
      <c r="H558020" s="12"/>
    </row>
    <row r="558021" spans="8:8">
      <c r="H558021" s="12"/>
    </row>
    <row r="558022" spans="8:8">
      <c r="H558022" s="12"/>
    </row>
    <row r="558023" spans="8:8">
      <c r="H558023" s="12"/>
    </row>
    <row r="558024" spans="8:8">
      <c r="H558024" s="12"/>
    </row>
    <row r="558025" spans="8:8">
      <c r="H558025" s="12"/>
    </row>
    <row r="558026" spans="8:8">
      <c r="H558026" s="12"/>
    </row>
    <row r="558027" spans="8:8">
      <c r="H558027" s="12"/>
    </row>
    <row r="558028" spans="8:8">
      <c r="H558028" s="12"/>
    </row>
    <row r="558029" spans="8:8">
      <c r="H558029" s="12"/>
    </row>
    <row r="558030" spans="8:8">
      <c r="H558030" s="12"/>
    </row>
    <row r="558031" spans="8:8">
      <c r="H558031" s="12"/>
    </row>
    <row r="558032" spans="8:8">
      <c r="H558032" s="12"/>
    </row>
    <row r="558033" spans="8:8">
      <c r="H558033" s="12"/>
    </row>
    <row r="558034" spans="8:8">
      <c r="H558034" s="12"/>
    </row>
    <row r="558035" spans="8:8">
      <c r="H558035" s="12"/>
    </row>
    <row r="558036" spans="8:8">
      <c r="H558036" s="12"/>
    </row>
    <row r="558037" spans="8:8">
      <c r="H558037" s="12"/>
    </row>
    <row r="558038" spans="8:8">
      <c r="H558038" s="12"/>
    </row>
    <row r="558039" spans="8:8">
      <c r="H558039" s="12"/>
    </row>
    <row r="558040" spans="8:8">
      <c r="H558040" s="12"/>
    </row>
    <row r="558041" spans="8:8">
      <c r="H558041" s="12"/>
    </row>
    <row r="558042" spans="8:8">
      <c r="H558042" s="12"/>
    </row>
    <row r="558043" spans="8:8">
      <c r="H558043" s="12"/>
    </row>
    <row r="558044" spans="8:8">
      <c r="H558044" s="12"/>
    </row>
    <row r="558045" spans="8:8">
      <c r="H558045" s="12"/>
    </row>
    <row r="558046" spans="8:8">
      <c r="H558046" s="12"/>
    </row>
    <row r="558047" spans="8:8">
      <c r="H558047" s="12"/>
    </row>
    <row r="558048" spans="8:8">
      <c r="H558048" s="12"/>
    </row>
    <row r="558049" spans="8:8">
      <c r="H558049" s="12"/>
    </row>
    <row r="558050" spans="8:8">
      <c r="H558050" s="12"/>
    </row>
    <row r="558051" spans="8:8">
      <c r="H558051" s="12"/>
    </row>
    <row r="558052" spans="8:8">
      <c r="H558052" s="12"/>
    </row>
    <row r="558053" spans="8:8">
      <c r="H558053" s="12"/>
    </row>
    <row r="558054" spans="8:8">
      <c r="H558054" s="12"/>
    </row>
    <row r="558055" spans="8:8">
      <c r="H558055" s="12"/>
    </row>
    <row r="558056" spans="8:8">
      <c r="H558056" s="12"/>
    </row>
    <row r="558057" spans="8:8">
      <c r="H558057" s="12"/>
    </row>
    <row r="558058" spans="8:8">
      <c r="H558058" s="12"/>
    </row>
    <row r="558059" spans="8:8">
      <c r="H558059" s="12"/>
    </row>
    <row r="558060" spans="8:8">
      <c r="H558060" s="12"/>
    </row>
    <row r="558061" spans="8:8">
      <c r="H558061" s="12"/>
    </row>
    <row r="558062" spans="8:8">
      <c r="H558062" s="12"/>
    </row>
    <row r="558063" spans="8:8">
      <c r="H558063" s="12"/>
    </row>
    <row r="558064" spans="8:8">
      <c r="H558064" s="12"/>
    </row>
    <row r="558065" spans="8:8">
      <c r="H558065" s="12"/>
    </row>
    <row r="558066" spans="8:8">
      <c r="H558066" s="12"/>
    </row>
    <row r="558067" spans="8:8">
      <c r="H558067" s="12"/>
    </row>
    <row r="558068" spans="8:8">
      <c r="H558068" s="12"/>
    </row>
    <row r="558069" spans="8:8">
      <c r="H558069" s="12"/>
    </row>
    <row r="558070" spans="8:8">
      <c r="H558070" s="12"/>
    </row>
    <row r="558071" spans="8:8">
      <c r="H558071" s="12"/>
    </row>
    <row r="558072" spans="8:8">
      <c r="H558072" s="12"/>
    </row>
    <row r="558073" spans="8:8">
      <c r="H558073" s="12"/>
    </row>
    <row r="558074" spans="8:8">
      <c r="H558074" s="12"/>
    </row>
    <row r="558075" spans="8:8">
      <c r="H558075" s="12"/>
    </row>
    <row r="558076" spans="8:8">
      <c r="H558076" s="12"/>
    </row>
    <row r="558077" spans="8:8">
      <c r="H558077" s="12"/>
    </row>
    <row r="558078" spans="8:8">
      <c r="H558078" s="12"/>
    </row>
    <row r="558079" spans="8:8">
      <c r="H558079" s="12"/>
    </row>
    <row r="558080" spans="8:8">
      <c r="H558080" s="12"/>
    </row>
    <row r="558081" spans="8:8">
      <c r="H558081" s="12"/>
    </row>
    <row r="558082" spans="8:8">
      <c r="H558082" s="12"/>
    </row>
    <row r="558083" spans="8:8">
      <c r="H558083" s="12"/>
    </row>
    <row r="558084" spans="8:8">
      <c r="H558084" s="12"/>
    </row>
    <row r="558085" spans="8:8">
      <c r="H558085" s="12"/>
    </row>
    <row r="558086" spans="8:8">
      <c r="H558086" s="12"/>
    </row>
    <row r="558087" spans="8:8">
      <c r="H558087" s="12"/>
    </row>
    <row r="558088" spans="8:8">
      <c r="H558088" s="12"/>
    </row>
    <row r="558089" spans="8:8">
      <c r="H558089" s="12"/>
    </row>
    <row r="558090" spans="8:8">
      <c r="H558090" s="12"/>
    </row>
    <row r="558091" spans="8:8">
      <c r="H558091" s="12"/>
    </row>
    <row r="558092" spans="8:8">
      <c r="H558092" s="12"/>
    </row>
    <row r="558093" spans="8:8">
      <c r="H558093" s="12"/>
    </row>
    <row r="558094" spans="8:8">
      <c r="H558094" s="12"/>
    </row>
    <row r="558095" spans="8:8">
      <c r="H558095" s="12"/>
    </row>
    <row r="558096" spans="8:8">
      <c r="H558096" s="12"/>
    </row>
    <row r="558097" spans="8:8">
      <c r="H558097" s="12"/>
    </row>
    <row r="558098" spans="8:8">
      <c r="H558098" s="12"/>
    </row>
    <row r="558099" spans="8:8">
      <c r="H558099" s="12"/>
    </row>
    <row r="558100" spans="8:8">
      <c r="H558100" s="12"/>
    </row>
    <row r="558101" spans="8:8">
      <c r="H558101" s="12"/>
    </row>
    <row r="558102" spans="8:8">
      <c r="H558102" s="12"/>
    </row>
    <row r="558103" spans="8:8">
      <c r="H558103" s="12"/>
    </row>
    <row r="558104" spans="8:8">
      <c r="H558104" s="12"/>
    </row>
    <row r="558105" spans="8:8">
      <c r="H558105" s="12"/>
    </row>
    <row r="558106" spans="8:8">
      <c r="H558106" s="12"/>
    </row>
    <row r="558107" spans="8:8">
      <c r="H558107" s="12"/>
    </row>
    <row r="558108" spans="8:8">
      <c r="H558108" s="12"/>
    </row>
    <row r="558109" spans="8:8">
      <c r="H558109" s="12"/>
    </row>
    <row r="558110" spans="8:8">
      <c r="H558110" s="12"/>
    </row>
    <row r="558111" spans="8:8">
      <c r="H558111" s="12"/>
    </row>
    <row r="558112" spans="8:8">
      <c r="H558112" s="12"/>
    </row>
    <row r="558113" spans="8:8">
      <c r="H558113" s="12"/>
    </row>
    <row r="558114" spans="8:8">
      <c r="H558114" s="12"/>
    </row>
    <row r="558115" spans="8:8">
      <c r="H558115" s="12"/>
    </row>
    <row r="558116" spans="8:8">
      <c r="H558116" s="12"/>
    </row>
    <row r="558117" spans="8:8">
      <c r="H558117" s="12"/>
    </row>
    <row r="558118" spans="8:8">
      <c r="H558118" s="12"/>
    </row>
    <row r="558119" spans="8:8">
      <c r="H558119" s="12"/>
    </row>
    <row r="558120" spans="8:8">
      <c r="H558120" s="12"/>
    </row>
    <row r="558121" spans="8:8">
      <c r="H558121" s="12"/>
    </row>
    <row r="558122" spans="8:8">
      <c r="H558122" s="12"/>
    </row>
    <row r="558123" spans="8:8">
      <c r="H558123" s="12"/>
    </row>
    <row r="558124" spans="8:8">
      <c r="H558124" s="12"/>
    </row>
    <row r="558125" spans="8:8">
      <c r="H558125" s="12"/>
    </row>
    <row r="558126" spans="8:8">
      <c r="H558126" s="12"/>
    </row>
    <row r="558127" spans="8:8">
      <c r="H558127" s="12"/>
    </row>
    <row r="558128" spans="8:8">
      <c r="H558128" s="12"/>
    </row>
    <row r="558129" spans="8:8">
      <c r="H558129" s="12"/>
    </row>
    <row r="558130" spans="8:8">
      <c r="H558130" s="12"/>
    </row>
    <row r="558131" spans="8:8">
      <c r="H558131" s="12"/>
    </row>
    <row r="558132" spans="8:8">
      <c r="H558132" s="12"/>
    </row>
    <row r="558133" spans="8:8">
      <c r="H558133" s="12"/>
    </row>
    <row r="558134" spans="8:8">
      <c r="H558134" s="12"/>
    </row>
    <row r="558135" spans="8:8">
      <c r="H558135" s="12"/>
    </row>
    <row r="558136" spans="8:8">
      <c r="H558136" s="12"/>
    </row>
    <row r="558137" spans="8:8">
      <c r="H558137" s="12"/>
    </row>
    <row r="558138" spans="8:8">
      <c r="H558138" s="12"/>
    </row>
    <row r="558139" spans="8:8">
      <c r="H558139" s="12"/>
    </row>
    <row r="558140" spans="8:8">
      <c r="H558140" s="12"/>
    </row>
    <row r="558141" spans="8:8">
      <c r="H558141" s="12"/>
    </row>
    <row r="558142" spans="8:8">
      <c r="H558142" s="12"/>
    </row>
    <row r="558143" spans="8:8">
      <c r="H558143" s="12"/>
    </row>
    <row r="558144" spans="8:8">
      <c r="H558144" s="12"/>
    </row>
    <row r="558145" spans="8:8">
      <c r="H558145" s="12"/>
    </row>
    <row r="558146" spans="8:8">
      <c r="H558146" s="12"/>
    </row>
    <row r="558147" spans="8:8">
      <c r="H558147" s="12"/>
    </row>
    <row r="558148" spans="8:8">
      <c r="H558148" s="12"/>
    </row>
    <row r="558149" spans="8:8">
      <c r="H558149" s="12"/>
    </row>
    <row r="558150" spans="8:8">
      <c r="H558150" s="12"/>
    </row>
    <row r="558151" spans="8:8">
      <c r="H558151" s="12"/>
    </row>
    <row r="558152" spans="8:8">
      <c r="H558152" s="12"/>
    </row>
    <row r="558153" spans="8:8">
      <c r="H558153" s="12"/>
    </row>
    <row r="558154" spans="8:8">
      <c r="H558154" s="12"/>
    </row>
    <row r="558155" spans="8:8">
      <c r="H558155" s="12"/>
    </row>
    <row r="558156" spans="8:8">
      <c r="H558156" s="12"/>
    </row>
    <row r="558157" spans="8:8">
      <c r="H558157" s="12"/>
    </row>
    <row r="558158" spans="8:8">
      <c r="H558158" s="12"/>
    </row>
    <row r="558159" spans="8:8">
      <c r="H558159" s="12"/>
    </row>
    <row r="558160" spans="8:8">
      <c r="H558160" s="12"/>
    </row>
    <row r="558161" spans="8:8">
      <c r="H558161" s="12"/>
    </row>
    <row r="558162" spans="8:8">
      <c r="H558162" s="12"/>
    </row>
    <row r="558163" spans="8:8">
      <c r="H558163" s="12"/>
    </row>
    <row r="558164" spans="8:8">
      <c r="H558164" s="12"/>
    </row>
    <row r="558165" spans="8:8">
      <c r="H558165" s="12"/>
    </row>
    <row r="558166" spans="8:8">
      <c r="H558166" s="12"/>
    </row>
    <row r="558167" spans="8:8">
      <c r="H558167" s="12"/>
    </row>
    <row r="558168" spans="8:8">
      <c r="H558168" s="12"/>
    </row>
    <row r="558169" spans="8:8">
      <c r="H558169" s="12"/>
    </row>
    <row r="558170" spans="8:8">
      <c r="H558170" s="12"/>
    </row>
    <row r="558171" spans="8:8">
      <c r="H558171" s="12"/>
    </row>
    <row r="558172" spans="8:8">
      <c r="H558172" s="12"/>
    </row>
    <row r="558173" spans="8:8">
      <c r="H558173" s="12"/>
    </row>
    <row r="558174" spans="8:8">
      <c r="H558174" s="12"/>
    </row>
    <row r="558175" spans="8:8">
      <c r="H558175" s="12"/>
    </row>
    <row r="558176" spans="8:8">
      <c r="H558176" s="12"/>
    </row>
    <row r="558177" spans="8:8">
      <c r="H558177" s="12"/>
    </row>
    <row r="558178" spans="8:8">
      <c r="H558178" s="12"/>
    </row>
    <row r="558179" spans="8:8">
      <c r="H558179" s="12"/>
    </row>
    <row r="558180" spans="8:8">
      <c r="H558180" s="12"/>
    </row>
    <row r="558181" spans="8:8">
      <c r="H558181" s="12"/>
    </row>
    <row r="558182" spans="8:8">
      <c r="H558182" s="12"/>
    </row>
    <row r="558183" spans="8:8">
      <c r="H558183" s="12"/>
    </row>
    <row r="558184" spans="8:8">
      <c r="H558184" s="12"/>
    </row>
    <row r="558185" spans="8:8">
      <c r="H558185" s="12"/>
    </row>
    <row r="558186" spans="8:8">
      <c r="H558186" s="12"/>
    </row>
    <row r="558187" spans="8:8">
      <c r="H558187" s="12"/>
    </row>
    <row r="558188" spans="8:8">
      <c r="H558188" s="12"/>
    </row>
    <row r="558189" spans="8:8">
      <c r="H558189" s="12"/>
    </row>
    <row r="558190" spans="8:8">
      <c r="H558190" s="12"/>
    </row>
    <row r="558191" spans="8:8">
      <c r="H558191" s="12"/>
    </row>
    <row r="558192" spans="8:8">
      <c r="H558192" s="12"/>
    </row>
    <row r="558193" spans="8:8">
      <c r="H558193" s="12"/>
    </row>
    <row r="558194" spans="8:8">
      <c r="H558194" s="12"/>
    </row>
    <row r="558195" spans="8:8">
      <c r="H558195" s="12"/>
    </row>
    <row r="558196" spans="8:8">
      <c r="H558196" s="12"/>
    </row>
    <row r="558197" spans="8:8">
      <c r="H558197" s="12"/>
    </row>
    <row r="558198" spans="8:8">
      <c r="H558198" s="12"/>
    </row>
    <row r="558199" spans="8:8">
      <c r="H558199" s="12"/>
    </row>
    <row r="558200" spans="8:8">
      <c r="H558200" s="12"/>
    </row>
    <row r="558201" spans="8:8">
      <c r="H558201" s="12"/>
    </row>
    <row r="558202" spans="8:8">
      <c r="H558202" s="12"/>
    </row>
    <row r="558203" spans="8:8">
      <c r="H558203" s="12"/>
    </row>
    <row r="558204" spans="8:8">
      <c r="H558204" s="12"/>
    </row>
    <row r="558205" spans="8:8">
      <c r="H558205" s="12"/>
    </row>
    <row r="558206" spans="8:8">
      <c r="H558206" s="12"/>
    </row>
    <row r="558207" spans="8:8">
      <c r="H558207" s="12"/>
    </row>
    <row r="558208" spans="8:8">
      <c r="H558208" s="12"/>
    </row>
    <row r="558209" spans="8:8">
      <c r="H558209" s="12"/>
    </row>
    <row r="558210" spans="8:8">
      <c r="H558210" s="12"/>
    </row>
    <row r="558211" spans="8:8">
      <c r="H558211" s="12"/>
    </row>
    <row r="558212" spans="8:8">
      <c r="H558212" s="12"/>
    </row>
    <row r="558213" spans="8:8">
      <c r="H558213" s="12"/>
    </row>
    <row r="558214" spans="8:8">
      <c r="H558214" s="12"/>
    </row>
    <row r="558215" spans="8:8">
      <c r="H558215" s="12"/>
    </row>
    <row r="558216" spans="8:8">
      <c r="H558216" s="12"/>
    </row>
    <row r="558217" spans="8:8">
      <c r="H558217" s="12"/>
    </row>
    <row r="558218" spans="8:8">
      <c r="H558218" s="12"/>
    </row>
    <row r="558219" spans="8:8">
      <c r="H558219" s="12"/>
    </row>
    <row r="558220" spans="8:8">
      <c r="H558220" s="12"/>
    </row>
    <row r="558221" spans="8:8">
      <c r="H558221" s="12"/>
    </row>
    <row r="558222" spans="8:8">
      <c r="H558222" s="12"/>
    </row>
    <row r="558223" spans="8:8">
      <c r="H558223" s="12"/>
    </row>
    <row r="558224" spans="8:8">
      <c r="H558224" s="12"/>
    </row>
    <row r="558225" spans="8:8">
      <c r="H558225" s="12"/>
    </row>
    <row r="558226" spans="8:8">
      <c r="H558226" s="12"/>
    </row>
    <row r="558227" spans="8:8">
      <c r="H558227" s="12"/>
    </row>
    <row r="558228" spans="8:8">
      <c r="H558228" s="12"/>
    </row>
    <row r="558229" spans="8:8">
      <c r="H558229" s="12"/>
    </row>
    <row r="558230" spans="8:8">
      <c r="H558230" s="12"/>
    </row>
    <row r="558231" spans="8:8">
      <c r="H558231" s="12"/>
    </row>
    <row r="558232" spans="8:8">
      <c r="H558232" s="12"/>
    </row>
    <row r="558233" spans="8:8">
      <c r="H558233" s="12"/>
    </row>
    <row r="558234" spans="8:8">
      <c r="H558234" s="12"/>
    </row>
    <row r="558235" spans="8:8">
      <c r="H558235" s="12"/>
    </row>
    <row r="558236" spans="8:8">
      <c r="H558236" s="12"/>
    </row>
    <row r="558237" spans="8:8">
      <c r="H558237" s="12"/>
    </row>
    <row r="558238" spans="8:8">
      <c r="H558238" s="12"/>
    </row>
    <row r="558239" spans="8:8">
      <c r="H558239" s="12"/>
    </row>
    <row r="558240" spans="8:8">
      <c r="H558240" s="12"/>
    </row>
    <row r="558241" spans="8:8">
      <c r="H558241" s="12"/>
    </row>
    <row r="558242" spans="8:8">
      <c r="H558242" s="12"/>
    </row>
    <row r="558243" spans="8:8">
      <c r="H558243" s="12"/>
    </row>
    <row r="558244" spans="8:8">
      <c r="H558244" s="12"/>
    </row>
    <row r="558245" spans="8:8">
      <c r="H558245" s="12"/>
    </row>
    <row r="558246" spans="8:8">
      <c r="H558246" s="12"/>
    </row>
    <row r="558247" spans="8:8">
      <c r="H558247" s="12"/>
    </row>
    <row r="558248" spans="8:8">
      <c r="H558248" s="12"/>
    </row>
    <row r="558249" spans="8:8">
      <c r="H558249" s="12"/>
    </row>
    <row r="558250" spans="8:8">
      <c r="H558250" s="12"/>
    </row>
    <row r="558251" spans="8:8">
      <c r="H558251" s="12"/>
    </row>
    <row r="558252" spans="8:8">
      <c r="H558252" s="12"/>
    </row>
    <row r="558253" spans="8:8">
      <c r="H558253" s="12"/>
    </row>
    <row r="558254" spans="8:8">
      <c r="H558254" s="12"/>
    </row>
    <row r="558255" spans="8:8">
      <c r="H558255" s="12"/>
    </row>
    <row r="558256" spans="8:8">
      <c r="H558256" s="12"/>
    </row>
    <row r="558257" spans="8:8">
      <c r="H558257" s="12"/>
    </row>
    <row r="558258" spans="8:8">
      <c r="H558258" s="12"/>
    </row>
    <row r="558259" spans="8:8">
      <c r="H558259" s="12"/>
    </row>
    <row r="558260" spans="8:8">
      <c r="H558260" s="12"/>
    </row>
    <row r="558261" spans="8:8">
      <c r="H558261" s="12"/>
    </row>
    <row r="558262" spans="8:8">
      <c r="H558262" s="12"/>
    </row>
    <row r="558263" spans="8:8">
      <c r="H558263" s="12"/>
    </row>
    <row r="558264" spans="8:8">
      <c r="H558264" s="12"/>
    </row>
    <row r="558265" spans="8:8">
      <c r="H558265" s="12"/>
    </row>
    <row r="558266" spans="8:8">
      <c r="H558266" s="12"/>
    </row>
    <row r="558267" spans="8:8">
      <c r="H558267" s="12"/>
    </row>
    <row r="558268" spans="8:8">
      <c r="H558268" s="12"/>
    </row>
    <row r="558269" spans="8:8">
      <c r="H558269" s="12"/>
    </row>
    <row r="558270" spans="8:8">
      <c r="H558270" s="12"/>
    </row>
    <row r="558271" spans="8:8">
      <c r="H558271" s="12"/>
    </row>
    <row r="558272" spans="8:8">
      <c r="H558272" s="12"/>
    </row>
    <row r="558273" spans="8:8">
      <c r="H558273" s="12"/>
    </row>
    <row r="558274" spans="8:8">
      <c r="H558274" s="12"/>
    </row>
    <row r="558275" spans="8:8">
      <c r="H558275" s="12"/>
    </row>
    <row r="558276" spans="8:8">
      <c r="H558276" s="12"/>
    </row>
    <row r="558277" spans="8:8">
      <c r="H558277" s="12"/>
    </row>
    <row r="558278" spans="8:8">
      <c r="H558278" s="12"/>
    </row>
    <row r="558279" spans="8:8">
      <c r="H558279" s="12"/>
    </row>
    <row r="558280" spans="8:8">
      <c r="H558280" s="12"/>
    </row>
    <row r="558281" spans="8:8">
      <c r="H558281" s="12"/>
    </row>
    <row r="558282" spans="8:8">
      <c r="H558282" s="12"/>
    </row>
    <row r="558283" spans="8:8">
      <c r="H558283" s="12"/>
    </row>
    <row r="558284" spans="8:8">
      <c r="H558284" s="12"/>
    </row>
    <row r="558285" spans="8:8">
      <c r="H558285" s="12"/>
    </row>
    <row r="558286" spans="8:8">
      <c r="H558286" s="12"/>
    </row>
    <row r="558287" spans="8:8">
      <c r="H558287" s="12"/>
    </row>
    <row r="558288" spans="8:8">
      <c r="H558288" s="12"/>
    </row>
    <row r="558289" spans="8:8">
      <c r="H558289" s="12"/>
    </row>
    <row r="558290" spans="8:8">
      <c r="H558290" s="12"/>
    </row>
    <row r="558291" spans="8:8">
      <c r="H558291" s="12"/>
    </row>
    <row r="558292" spans="8:8">
      <c r="H558292" s="12"/>
    </row>
    <row r="558293" spans="8:8">
      <c r="H558293" s="12"/>
    </row>
    <row r="558294" spans="8:8">
      <c r="H558294" s="12"/>
    </row>
    <row r="558295" spans="8:8">
      <c r="H558295" s="12"/>
    </row>
    <row r="558296" spans="8:8">
      <c r="H558296" s="12"/>
    </row>
    <row r="558297" spans="8:8">
      <c r="H558297" s="12"/>
    </row>
    <row r="558298" spans="8:8">
      <c r="H558298" s="12"/>
    </row>
    <row r="558299" spans="8:8">
      <c r="H558299" s="12"/>
    </row>
    <row r="558300" spans="8:8">
      <c r="H558300" s="12"/>
    </row>
    <row r="558301" spans="8:8">
      <c r="H558301" s="12"/>
    </row>
    <row r="558302" spans="8:8">
      <c r="H558302" s="12"/>
    </row>
    <row r="558303" spans="8:8">
      <c r="H558303" s="12"/>
    </row>
    <row r="558304" spans="8:8">
      <c r="H558304" s="12"/>
    </row>
    <row r="558305" spans="8:8">
      <c r="H558305" s="12"/>
    </row>
    <row r="558306" spans="8:8">
      <c r="H558306" s="12"/>
    </row>
    <row r="558307" spans="8:8">
      <c r="H558307" s="12"/>
    </row>
    <row r="558308" spans="8:8">
      <c r="H558308" s="12"/>
    </row>
    <row r="558309" spans="8:8">
      <c r="H558309" s="12"/>
    </row>
    <row r="558310" spans="8:8">
      <c r="H558310" s="12"/>
    </row>
    <row r="558311" spans="8:8">
      <c r="H558311" s="12"/>
    </row>
    <row r="558312" spans="8:8">
      <c r="H558312" s="12"/>
    </row>
    <row r="558313" spans="8:8">
      <c r="H558313" s="12"/>
    </row>
    <row r="558314" spans="8:8">
      <c r="H558314" s="12"/>
    </row>
    <row r="558315" spans="8:8">
      <c r="H558315" s="12"/>
    </row>
    <row r="558316" spans="8:8">
      <c r="H558316" s="12"/>
    </row>
    <row r="558317" spans="8:8">
      <c r="H558317" s="12"/>
    </row>
    <row r="558318" spans="8:8">
      <c r="H558318" s="12"/>
    </row>
    <row r="558319" spans="8:8">
      <c r="H558319" s="12"/>
    </row>
    <row r="558320" spans="8:8">
      <c r="H558320" s="12"/>
    </row>
    <row r="558321" spans="8:8">
      <c r="H558321" s="12"/>
    </row>
    <row r="558322" spans="8:8">
      <c r="H558322" s="12"/>
    </row>
    <row r="558323" spans="8:8">
      <c r="H558323" s="12"/>
    </row>
    <row r="558324" spans="8:8">
      <c r="H558324" s="12"/>
    </row>
    <row r="558325" spans="8:8">
      <c r="H558325" s="12"/>
    </row>
    <row r="558326" spans="8:8">
      <c r="H558326" s="12"/>
    </row>
    <row r="558327" spans="8:8">
      <c r="H558327" s="12"/>
    </row>
    <row r="558328" spans="8:8">
      <c r="H558328" s="12"/>
    </row>
    <row r="558329" spans="8:8">
      <c r="H558329" s="12"/>
    </row>
    <row r="558330" spans="8:8">
      <c r="H558330" s="12"/>
    </row>
    <row r="558331" spans="8:8">
      <c r="H558331" s="12"/>
    </row>
    <row r="558332" spans="8:8">
      <c r="H558332" s="12"/>
    </row>
    <row r="558333" spans="8:8">
      <c r="H558333" s="12"/>
    </row>
    <row r="558334" spans="8:8">
      <c r="H558334" s="12"/>
    </row>
    <row r="558335" spans="8:8">
      <c r="H558335" s="12"/>
    </row>
    <row r="558336" spans="8:8">
      <c r="H558336" s="12"/>
    </row>
    <row r="558337" spans="8:8">
      <c r="H558337" s="12"/>
    </row>
    <row r="558338" spans="8:8">
      <c r="H558338" s="12"/>
    </row>
    <row r="558339" spans="8:8">
      <c r="H558339" s="12"/>
    </row>
    <row r="558340" spans="8:8">
      <c r="H558340" s="12"/>
    </row>
    <row r="558341" spans="8:8">
      <c r="H558341" s="12"/>
    </row>
    <row r="558342" spans="8:8">
      <c r="H558342" s="12"/>
    </row>
    <row r="558343" spans="8:8">
      <c r="H558343" s="12"/>
    </row>
    <row r="558344" spans="8:8">
      <c r="H558344" s="12"/>
    </row>
    <row r="558345" spans="8:8">
      <c r="H558345" s="12"/>
    </row>
    <row r="558346" spans="8:8">
      <c r="H558346" s="12"/>
    </row>
    <row r="558347" spans="8:8">
      <c r="H558347" s="12"/>
    </row>
    <row r="558348" spans="8:8">
      <c r="H558348" s="12"/>
    </row>
    <row r="558349" spans="8:8">
      <c r="H558349" s="12"/>
    </row>
    <row r="558350" spans="8:8">
      <c r="H558350" s="12"/>
    </row>
    <row r="558351" spans="8:8">
      <c r="H558351" s="12"/>
    </row>
    <row r="558352" spans="8:8">
      <c r="H558352" s="12"/>
    </row>
    <row r="558353" spans="8:8">
      <c r="H558353" s="12"/>
    </row>
    <row r="558354" spans="8:8">
      <c r="H558354" s="12"/>
    </row>
    <row r="558355" spans="8:8">
      <c r="H558355" s="12"/>
    </row>
    <row r="558356" spans="8:8">
      <c r="H558356" s="12"/>
    </row>
    <row r="558357" spans="8:8">
      <c r="H558357" s="12"/>
    </row>
    <row r="558358" spans="8:8">
      <c r="H558358" s="12"/>
    </row>
    <row r="558359" spans="8:8">
      <c r="H558359" s="12"/>
    </row>
    <row r="558360" spans="8:8">
      <c r="H558360" s="12"/>
    </row>
    <row r="558361" spans="8:8">
      <c r="H558361" s="12"/>
    </row>
    <row r="558362" spans="8:8">
      <c r="H558362" s="12"/>
    </row>
    <row r="558363" spans="8:8">
      <c r="H558363" s="12"/>
    </row>
    <row r="558364" spans="8:8">
      <c r="H558364" s="12"/>
    </row>
    <row r="558365" spans="8:8">
      <c r="H558365" s="12"/>
    </row>
    <row r="558366" spans="8:8">
      <c r="H558366" s="12"/>
    </row>
    <row r="558367" spans="8:8">
      <c r="H558367" s="12"/>
    </row>
    <row r="558368" spans="8:8">
      <c r="H558368" s="12"/>
    </row>
    <row r="558369" spans="8:8">
      <c r="H558369" s="12"/>
    </row>
    <row r="558370" spans="8:8">
      <c r="H558370" s="12"/>
    </row>
    <row r="558371" spans="8:8">
      <c r="H558371" s="12"/>
    </row>
    <row r="558372" spans="8:8">
      <c r="H558372" s="12"/>
    </row>
    <row r="558373" spans="8:8">
      <c r="H558373" s="12"/>
    </row>
    <row r="558374" spans="8:8">
      <c r="H558374" s="12"/>
    </row>
    <row r="558375" spans="8:8">
      <c r="H558375" s="12"/>
    </row>
    <row r="558376" spans="8:8">
      <c r="H558376" s="12"/>
    </row>
    <row r="558377" spans="8:8">
      <c r="H558377" s="12"/>
    </row>
    <row r="558378" spans="8:8">
      <c r="H558378" s="12"/>
    </row>
    <row r="558379" spans="8:8">
      <c r="H558379" s="12"/>
    </row>
    <row r="558380" spans="8:8">
      <c r="H558380" s="12"/>
    </row>
    <row r="558381" spans="8:8">
      <c r="H558381" s="12"/>
    </row>
    <row r="558382" spans="8:8">
      <c r="H558382" s="12"/>
    </row>
    <row r="558383" spans="8:8">
      <c r="H558383" s="12"/>
    </row>
    <row r="558384" spans="8:8">
      <c r="H558384" s="12"/>
    </row>
    <row r="558385" spans="8:8">
      <c r="H558385" s="12"/>
    </row>
    <row r="558386" spans="8:8">
      <c r="H558386" s="12"/>
    </row>
    <row r="558387" spans="8:8">
      <c r="H558387" s="12"/>
    </row>
    <row r="558388" spans="8:8">
      <c r="H558388" s="12"/>
    </row>
    <row r="558389" spans="8:8">
      <c r="H558389" s="12"/>
    </row>
    <row r="558390" spans="8:8">
      <c r="H558390" s="12"/>
    </row>
    <row r="558391" spans="8:8">
      <c r="H558391" s="12"/>
    </row>
    <row r="558392" spans="8:8">
      <c r="H558392" s="12"/>
    </row>
    <row r="558393" spans="8:8">
      <c r="H558393" s="12"/>
    </row>
    <row r="558394" spans="8:8">
      <c r="H558394" s="12"/>
    </row>
    <row r="558395" spans="8:8">
      <c r="H558395" s="12"/>
    </row>
    <row r="558396" spans="8:8">
      <c r="H558396" s="12"/>
    </row>
    <row r="558397" spans="8:8">
      <c r="H558397" s="12"/>
    </row>
    <row r="558398" spans="8:8">
      <c r="H558398" s="12"/>
    </row>
    <row r="558399" spans="8:8">
      <c r="H558399" s="12"/>
    </row>
    <row r="558400" spans="8:8">
      <c r="H558400" s="12"/>
    </row>
    <row r="558401" spans="8:8">
      <c r="H558401" s="12"/>
    </row>
    <row r="558402" spans="8:8">
      <c r="H558402" s="12"/>
    </row>
    <row r="558403" spans="8:8">
      <c r="H558403" s="12"/>
    </row>
    <row r="558404" spans="8:8">
      <c r="H558404" s="12"/>
    </row>
    <row r="558405" spans="8:8">
      <c r="H558405" s="12"/>
    </row>
    <row r="558406" spans="8:8">
      <c r="H558406" s="12"/>
    </row>
    <row r="558407" spans="8:8">
      <c r="H558407" s="12"/>
    </row>
    <row r="558408" spans="8:8">
      <c r="H558408" s="12"/>
    </row>
    <row r="558409" spans="8:8">
      <c r="H558409" s="12"/>
    </row>
    <row r="558410" spans="8:8">
      <c r="H558410" s="12"/>
    </row>
    <row r="558411" spans="8:8">
      <c r="H558411" s="12"/>
    </row>
    <row r="558412" spans="8:8">
      <c r="H558412" s="12"/>
    </row>
    <row r="558413" spans="8:8">
      <c r="H558413" s="12"/>
    </row>
    <row r="558414" spans="8:8">
      <c r="H558414" s="12"/>
    </row>
    <row r="558415" spans="8:8">
      <c r="H558415" s="12"/>
    </row>
    <row r="558416" spans="8:8">
      <c r="H558416" s="12"/>
    </row>
    <row r="558417" spans="8:8">
      <c r="H558417" s="12"/>
    </row>
    <row r="558418" spans="8:8">
      <c r="H558418" s="12"/>
    </row>
    <row r="558419" spans="8:8">
      <c r="H558419" s="12"/>
    </row>
    <row r="558420" spans="8:8">
      <c r="H558420" s="12"/>
    </row>
    <row r="558421" spans="8:8">
      <c r="H558421" s="12"/>
    </row>
    <row r="558422" spans="8:8">
      <c r="H558422" s="12"/>
    </row>
    <row r="558423" spans="8:8">
      <c r="H558423" s="12"/>
    </row>
    <row r="558424" spans="8:8">
      <c r="H558424" s="12"/>
    </row>
    <row r="558425" spans="8:8">
      <c r="H558425" s="12"/>
    </row>
    <row r="558426" spans="8:8">
      <c r="H558426" s="12"/>
    </row>
    <row r="558427" spans="8:8">
      <c r="H558427" s="12"/>
    </row>
    <row r="558428" spans="8:8">
      <c r="H558428" s="12"/>
    </row>
    <row r="558429" spans="8:8">
      <c r="H558429" s="12"/>
    </row>
    <row r="558430" spans="8:8">
      <c r="H558430" s="12"/>
    </row>
    <row r="558431" spans="8:8">
      <c r="H558431" s="12"/>
    </row>
    <row r="558432" spans="8:8">
      <c r="H558432" s="12"/>
    </row>
    <row r="558433" spans="8:8">
      <c r="H558433" s="12"/>
    </row>
    <row r="558434" spans="8:8">
      <c r="H558434" s="12"/>
    </row>
    <row r="558435" spans="8:8">
      <c r="H558435" s="12"/>
    </row>
    <row r="558436" spans="8:8">
      <c r="H558436" s="12"/>
    </row>
    <row r="558437" spans="8:8">
      <c r="H558437" s="12"/>
    </row>
    <row r="558438" spans="8:8">
      <c r="H558438" s="12"/>
    </row>
    <row r="558439" spans="8:8">
      <c r="H558439" s="12"/>
    </row>
    <row r="558440" spans="8:8">
      <c r="H558440" s="12"/>
    </row>
    <row r="558441" spans="8:8">
      <c r="H558441" s="12"/>
    </row>
    <row r="558442" spans="8:8">
      <c r="H558442" s="12"/>
    </row>
    <row r="558443" spans="8:8">
      <c r="H558443" s="12"/>
    </row>
    <row r="558444" spans="8:8">
      <c r="H558444" s="12"/>
    </row>
    <row r="558445" spans="8:8">
      <c r="H558445" s="12"/>
    </row>
    <row r="558446" spans="8:8">
      <c r="H558446" s="12"/>
    </row>
    <row r="558447" spans="8:8">
      <c r="H558447" s="12"/>
    </row>
    <row r="558448" spans="8:8">
      <c r="H558448" s="12"/>
    </row>
    <row r="558449" spans="8:8">
      <c r="H558449" s="12"/>
    </row>
    <row r="558450" spans="8:8">
      <c r="H558450" s="12"/>
    </row>
    <row r="558451" spans="8:8">
      <c r="H558451" s="12"/>
    </row>
    <row r="558452" spans="8:8">
      <c r="H558452" s="12"/>
    </row>
    <row r="558453" spans="8:8">
      <c r="H558453" s="12"/>
    </row>
    <row r="558454" spans="8:8">
      <c r="H558454" s="12"/>
    </row>
    <row r="558455" spans="8:8">
      <c r="H558455" s="12"/>
    </row>
    <row r="558456" spans="8:8">
      <c r="H558456" s="12"/>
    </row>
    <row r="558457" spans="8:8">
      <c r="H558457" s="12"/>
    </row>
    <row r="558458" spans="8:8">
      <c r="H558458" s="12"/>
    </row>
    <row r="558459" spans="8:8">
      <c r="H558459" s="12"/>
    </row>
    <row r="558460" spans="8:8">
      <c r="H558460" s="12"/>
    </row>
    <row r="558461" spans="8:8">
      <c r="H558461" s="12"/>
    </row>
    <row r="558462" spans="8:8">
      <c r="H558462" s="12"/>
    </row>
    <row r="558463" spans="8:8">
      <c r="H558463" s="12"/>
    </row>
    <row r="558464" spans="8:8">
      <c r="H558464" s="12"/>
    </row>
    <row r="558465" spans="8:8">
      <c r="H558465" s="12"/>
    </row>
    <row r="558466" spans="8:8">
      <c r="H558466" s="12"/>
    </row>
    <row r="558467" spans="8:8">
      <c r="H558467" s="12"/>
    </row>
    <row r="558468" spans="8:8">
      <c r="H558468" s="12"/>
    </row>
    <row r="558469" spans="8:8">
      <c r="H558469" s="12"/>
    </row>
    <row r="558470" spans="8:8">
      <c r="H558470" s="12"/>
    </row>
    <row r="558471" spans="8:8">
      <c r="H558471" s="12"/>
    </row>
    <row r="558472" spans="8:8">
      <c r="H558472" s="12"/>
    </row>
    <row r="558473" spans="8:8">
      <c r="H558473" s="12"/>
    </row>
    <row r="558474" spans="8:8">
      <c r="H558474" s="12"/>
    </row>
    <row r="558475" spans="8:8">
      <c r="H558475" s="12"/>
    </row>
    <row r="558476" spans="8:8">
      <c r="H558476" s="12"/>
    </row>
    <row r="558477" spans="8:8">
      <c r="H558477" s="12"/>
    </row>
    <row r="558478" spans="8:8">
      <c r="H558478" s="12"/>
    </row>
    <row r="558479" spans="8:8">
      <c r="H558479" s="12"/>
    </row>
    <row r="558480" spans="8:8">
      <c r="H558480" s="12"/>
    </row>
    <row r="558481" spans="8:8">
      <c r="H558481" s="12"/>
    </row>
    <row r="558482" spans="8:8">
      <c r="H558482" s="12"/>
    </row>
    <row r="558483" spans="8:8">
      <c r="H558483" s="12"/>
    </row>
    <row r="558484" spans="8:8">
      <c r="H558484" s="12"/>
    </row>
    <row r="558485" spans="8:8">
      <c r="H558485" s="12"/>
    </row>
    <row r="558486" spans="8:8">
      <c r="H558486" s="12"/>
    </row>
    <row r="558487" spans="8:8">
      <c r="H558487" s="12"/>
    </row>
    <row r="558488" spans="8:8">
      <c r="H558488" s="12"/>
    </row>
    <row r="558489" spans="8:8">
      <c r="H558489" s="12"/>
    </row>
    <row r="558490" spans="8:8">
      <c r="H558490" s="12"/>
    </row>
    <row r="558491" spans="8:8">
      <c r="H558491" s="12"/>
    </row>
    <row r="558492" spans="8:8">
      <c r="H558492" s="12"/>
    </row>
    <row r="558493" spans="8:8">
      <c r="H558493" s="12"/>
    </row>
    <row r="558494" spans="8:8">
      <c r="H558494" s="12"/>
    </row>
    <row r="558495" spans="8:8">
      <c r="H558495" s="12"/>
    </row>
    <row r="558496" spans="8:8">
      <c r="H558496" s="12"/>
    </row>
    <row r="558497" spans="8:8">
      <c r="H558497" s="12"/>
    </row>
    <row r="558498" spans="8:8">
      <c r="H558498" s="12"/>
    </row>
    <row r="558499" spans="8:8">
      <c r="H558499" s="12"/>
    </row>
    <row r="558500" spans="8:8">
      <c r="H558500" s="12"/>
    </row>
    <row r="558501" spans="8:8">
      <c r="H558501" s="12"/>
    </row>
    <row r="558502" spans="8:8">
      <c r="H558502" s="12"/>
    </row>
    <row r="558503" spans="8:8">
      <c r="H558503" s="12"/>
    </row>
    <row r="558504" spans="8:8">
      <c r="H558504" s="12"/>
    </row>
    <row r="558505" spans="8:8">
      <c r="H558505" s="12"/>
    </row>
    <row r="558506" spans="8:8">
      <c r="H558506" s="12"/>
    </row>
    <row r="558507" spans="8:8">
      <c r="H558507" s="12"/>
    </row>
    <row r="558508" spans="8:8">
      <c r="H558508" s="12"/>
    </row>
    <row r="558509" spans="8:8">
      <c r="H558509" s="12"/>
    </row>
    <row r="558510" spans="8:8">
      <c r="H558510" s="12"/>
    </row>
    <row r="558511" spans="8:8">
      <c r="H558511" s="12"/>
    </row>
    <row r="558512" spans="8:8">
      <c r="H558512" s="12"/>
    </row>
    <row r="558513" spans="8:8">
      <c r="H558513" s="12"/>
    </row>
    <row r="558514" spans="8:8">
      <c r="H558514" s="12"/>
    </row>
    <row r="558515" spans="8:8">
      <c r="H558515" s="12"/>
    </row>
    <row r="558516" spans="8:8">
      <c r="H558516" s="12"/>
    </row>
    <row r="558517" spans="8:8">
      <c r="H558517" s="12"/>
    </row>
    <row r="558518" spans="8:8">
      <c r="H558518" s="12"/>
    </row>
    <row r="558519" spans="8:8">
      <c r="H558519" s="12"/>
    </row>
    <row r="558520" spans="8:8">
      <c r="H558520" s="12"/>
    </row>
    <row r="558521" spans="8:8">
      <c r="H558521" s="12"/>
    </row>
    <row r="558522" spans="8:8">
      <c r="H558522" s="12"/>
    </row>
    <row r="558523" spans="8:8">
      <c r="H558523" s="12"/>
    </row>
    <row r="558524" spans="8:8">
      <c r="H558524" s="12"/>
    </row>
    <row r="558525" spans="8:8">
      <c r="H558525" s="12"/>
    </row>
    <row r="558526" spans="8:8">
      <c r="H558526" s="12"/>
    </row>
    <row r="558527" spans="8:8">
      <c r="H558527" s="12"/>
    </row>
    <row r="558528" spans="8:8">
      <c r="H558528" s="12"/>
    </row>
    <row r="558529" spans="8:8">
      <c r="H558529" s="12"/>
    </row>
    <row r="558530" spans="8:8">
      <c r="H558530" s="12"/>
    </row>
    <row r="558531" spans="8:8">
      <c r="H558531" s="12"/>
    </row>
    <row r="558532" spans="8:8">
      <c r="H558532" s="12"/>
    </row>
    <row r="558533" spans="8:8">
      <c r="H558533" s="12"/>
    </row>
    <row r="558534" spans="8:8">
      <c r="H558534" s="12"/>
    </row>
    <row r="558535" spans="8:8">
      <c r="H558535" s="12"/>
    </row>
    <row r="558536" spans="8:8">
      <c r="H558536" s="12"/>
    </row>
    <row r="558537" spans="8:8">
      <c r="H558537" s="12"/>
    </row>
    <row r="558538" spans="8:8">
      <c r="H558538" s="12"/>
    </row>
    <row r="558539" spans="8:8">
      <c r="H558539" s="12"/>
    </row>
    <row r="558540" spans="8:8">
      <c r="H558540" s="12"/>
    </row>
    <row r="558541" spans="8:8">
      <c r="H558541" s="12"/>
    </row>
    <row r="558542" spans="8:8">
      <c r="H558542" s="12"/>
    </row>
    <row r="558543" spans="8:8">
      <c r="H558543" s="12"/>
    </row>
    <row r="558544" spans="8:8">
      <c r="H558544" s="12"/>
    </row>
    <row r="558545" spans="8:8">
      <c r="H558545" s="12"/>
    </row>
    <row r="558546" spans="8:8">
      <c r="H558546" s="12"/>
    </row>
    <row r="558547" spans="8:8">
      <c r="H558547" s="12"/>
    </row>
    <row r="558548" spans="8:8">
      <c r="H558548" s="12"/>
    </row>
    <row r="558549" spans="8:8">
      <c r="H558549" s="12"/>
    </row>
    <row r="558550" spans="8:8">
      <c r="H558550" s="12"/>
    </row>
    <row r="558551" spans="8:8">
      <c r="H558551" s="12"/>
    </row>
    <row r="558552" spans="8:8">
      <c r="H558552" s="12"/>
    </row>
    <row r="558553" spans="8:8">
      <c r="H558553" s="12"/>
    </row>
    <row r="558554" spans="8:8">
      <c r="H558554" s="12"/>
    </row>
    <row r="558555" spans="8:8">
      <c r="H558555" s="12"/>
    </row>
    <row r="558556" spans="8:8">
      <c r="H558556" s="12"/>
    </row>
    <row r="558557" spans="8:8">
      <c r="H558557" s="12"/>
    </row>
    <row r="558558" spans="8:8">
      <c r="H558558" s="12"/>
    </row>
    <row r="558559" spans="8:8">
      <c r="H558559" s="12"/>
    </row>
    <row r="558560" spans="8:8">
      <c r="H558560" s="12"/>
    </row>
    <row r="558561" spans="8:8">
      <c r="H558561" s="12"/>
    </row>
    <row r="558562" spans="8:8">
      <c r="H558562" s="12"/>
    </row>
    <row r="558563" spans="8:8">
      <c r="H558563" s="12"/>
    </row>
    <row r="558564" spans="8:8">
      <c r="H558564" s="12"/>
    </row>
    <row r="558565" spans="8:8">
      <c r="H558565" s="12"/>
    </row>
    <row r="558566" spans="8:8">
      <c r="H558566" s="12"/>
    </row>
    <row r="558567" spans="8:8">
      <c r="H558567" s="12"/>
    </row>
    <row r="558568" spans="8:8">
      <c r="H558568" s="12"/>
    </row>
    <row r="558569" spans="8:8">
      <c r="H558569" s="12"/>
    </row>
    <row r="558570" spans="8:8">
      <c r="H558570" s="12"/>
    </row>
    <row r="558571" spans="8:8">
      <c r="H558571" s="12"/>
    </row>
    <row r="558572" spans="8:8">
      <c r="H558572" s="12"/>
    </row>
    <row r="558573" spans="8:8">
      <c r="H558573" s="12"/>
    </row>
    <row r="558574" spans="8:8">
      <c r="H558574" s="12"/>
    </row>
    <row r="558575" spans="8:8">
      <c r="H558575" s="12"/>
    </row>
    <row r="558576" spans="8:8">
      <c r="H558576" s="12"/>
    </row>
    <row r="558577" spans="8:8">
      <c r="H558577" s="12"/>
    </row>
    <row r="558578" spans="8:8">
      <c r="H558578" s="12"/>
    </row>
    <row r="558579" spans="8:8">
      <c r="H558579" s="12"/>
    </row>
    <row r="558580" spans="8:8">
      <c r="H558580" s="12"/>
    </row>
    <row r="558581" spans="8:8">
      <c r="H558581" s="12"/>
    </row>
    <row r="558582" spans="8:8">
      <c r="H558582" s="12"/>
    </row>
    <row r="558583" spans="8:8">
      <c r="H558583" s="12"/>
    </row>
    <row r="558584" spans="8:8">
      <c r="H558584" s="12"/>
    </row>
    <row r="558585" spans="8:8">
      <c r="H558585" s="12"/>
    </row>
    <row r="558586" spans="8:8">
      <c r="H558586" s="12"/>
    </row>
    <row r="558587" spans="8:8">
      <c r="H558587" s="12"/>
    </row>
    <row r="558588" spans="8:8">
      <c r="H558588" s="12"/>
    </row>
    <row r="558589" spans="8:8">
      <c r="H558589" s="12"/>
    </row>
    <row r="558590" spans="8:8">
      <c r="H558590" s="12"/>
    </row>
    <row r="558591" spans="8:8">
      <c r="H558591" s="12"/>
    </row>
    <row r="558592" spans="8:8">
      <c r="H558592" s="12"/>
    </row>
    <row r="558593" spans="8:8">
      <c r="H558593" s="12"/>
    </row>
    <row r="558594" spans="8:8">
      <c r="H558594" s="12"/>
    </row>
    <row r="558595" spans="8:8">
      <c r="H558595" s="12"/>
    </row>
    <row r="558596" spans="8:8">
      <c r="H558596" s="12"/>
    </row>
    <row r="558597" spans="8:8">
      <c r="H558597" s="12"/>
    </row>
    <row r="558598" spans="8:8">
      <c r="H558598" s="12"/>
    </row>
    <row r="558599" spans="8:8">
      <c r="H558599" s="12"/>
    </row>
    <row r="558600" spans="8:8">
      <c r="H558600" s="12"/>
    </row>
    <row r="558601" spans="8:8">
      <c r="H558601" s="12"/>
    </row>
    <row r="558602" spans="8:8">
      <c r="H558602" s="12"/>
    </row>
    <row r="558603" spans="8:8">
      <c r="H558603" s="12"/>
    </row>
    <row r="558604" spans="8:8">
      <c r="H558604" s="12"/>
    </row>
    <row r="558605" spans="8:8">
      <c r="H558605" s="12"/>
    </row>
    <row r="558606" spans="8:8">
      <c r="H558606" s="12"/>
    </row>
    <row r="558607" spans="8:8">
      <c r="H558607" s="12"/>
    </row>
    <row r="558608" spans="8:8">
      <c r="H558608" s="12"/>
    </row>
    <row r="558609" spans="8:8">
      <c r="H558609" s="12"/>
    </row>
    <row r="558610" spans="8:8">
      <c r="H558610" s="12"/>
    </row>
    <row r="558611" spans="8:8">
      <c r="H558611" s="12"/>
    </row>
    <row r="558612" spans="8:8">
      <c r="H558612" s="12"/>
    </row>
    <row r="558613" spans="8:8">
      <c r="H558613" s="12"/>
    </row>
    <row r="558614" spans="8:8">
      <c r="H558614" s="12"/>
    </row>
    <row r="558615" spans="8:8">
      <c r="H558615" s="12"/>
    </row>
    <row r="558616" spans="8:8">
      <c r="H558616" s="12"/>
    </row>
    <row r="558617" spans="8:8">
      <c r="H558617" s="12"/>
    </row>
    <row r="558618" spans="8:8">
      <c r="H558618" s="12"/>
    </row>
    <row r="558619" spans="8:8">
      <c r="H558619" s="12"/>
    </row>
    <row r="558620" spans="8:8">
      <c r="H558620" s="12"/>
    </row>
    <row r="558621" spans="8:8">
      <c r="H558621" s="12"/>
    </row>
    <row r="558622" spans="8:8">
      <c r="H558622" s="12"/>
    </row>
    <row r="558623" spans="8:8">
      <c r="H558623" s="12"/>
    </row>
    <row r="558624" spans="8:8">
      <c r="H558624" s="12"/>
    </row>
    <row r="558625" spans="8:8">
      <c r="H558625" s="12"/>
    </row>
    <row r="558626" spans="8:8">
      <c r="H558626" s="12"/>
    </row>
    <row r="558627" spans="8:8">
      <c r="H558627" s="12"/>
    </row>
    <row r="558628" spans="8:8">
      <c r="H558628" s="12"/>
    </row>
    <row r="558629" spans="8:8">
      <c r="H558629" s="12"/>
    </row>
    <row r="558630" spans="8:8">
      <c r="H558630" s="12"/>
    </row>
    <row r="558631" spans="8:8">
      <c r="H558631" s="12"/>
    </row>
    <row r="558632" spans="8:8">
      <c r="H558632" s="12"/>
    </row>
    <row r="558633" spans="8:8">
      <c r="H558633" s="12"/>
    </row>
    <row r="558634" spans="8:8">
      <c r="H558634" s="12"/>
    </row>
    <row r="558635" spans="8:8">
      <c r="H558635" s="12"/>
    </row>
    <row r="558636" spans="8:8">
      <c r="H558636" s="12"/>
    </row>
    <row r="558637" spans="8:8">
      <c r="H558637" s="12"/>
    </row>
    <row r="558638" spans="8:8">
      <c r="H558638" s="12"/>
    </row>
    <row r="558639" spans="8:8">
      <c r="H558639" s="12"/>
    </row>
    <row r="558640" spans="8:8">
      <c r="H558640" s="12"/>
    </row>
    <row r="558641" spans="8:8">
      <c r="H558641" s="12"/>
    </row>
    <row r="558642" spans="8:8">
      <c r="H558642" s="12"/>
    </row>
    <row r="558643" spans="8:8">
      <c r="H558643" s="12"/>
    </row>
    <row r="558644" spans="8:8">
      <c r="H558644" s="12"/>
    </row>
    <row r="558645" spans="8:8">
      <c r="H558645" s="12"/>
    </row>
    <row r="558646" spans="8:8">
      <c r="H558646" s="12"/>
    </row>
    <row r="558647" spans="8:8">
      <c r="H558647" s="12"/>
    </row>
    <row r="558648" spans="8:8">
      <c r="H558648" s="12"/>
    </row>
    <row r="558649" spans="8:8">
      <c r="H558649" s="12"/>
    </row>
    <row r="558650" spans="8:8">
      <c r="H558650" s="12"/>
    </row>
    <row r="558651" spans="8:8">
      <c r="H558651" s="12"/>
    </row>
    <row r="558652" spans="8:8">
      <c r="H558652" s="12"/>
    </row>
    <row r="558653" spans="8:8">
      <c r="H558653" s="12"/>
    </row>
    <row r="558654" spans="8:8">
      <c r="H558654" s="12"/>
    </row>
    <row r="558655" spans="8:8">
      <c r="H558655" s="12"/>
    </row>
    <row r="558656" spans="8:8">
      <c r="H558656" s="12"/>
    </row>
    <row r="558657" spans="8:8">
      <c r="H558657" s="12"/>
    </row>
    <row r="558658" spans="8:8">
      <c r="H558658" s="12"/>
    </row>
    <row r="558659" spans="8:8">
      <c r="H558659" s="12"/>
    </row>
    <row r="558660" spans="8:8">
      <c r="H558660" s="12"/>
    </row>
    <row r="558661" spans="8:8">
      <c r="H558661" s="12"/>
    </row>
    <row r="558662" spans="8:8">
      <c r="H558662" s="12"/>
    </row>
    <row r="558663" spans="8:8">
      <c r="H558663" s="12"/>
    </row>
    <row r="558664" spans="8:8">
      <c r="H558664" s="12"/>
    </row>
    <row r="558665" spans="8:8">
      <c r="H558665" s="12"/>
    </row>
    <row r="558666" spans="8:8">
      <c r="H558666" s="12"/>
    </row>
    <row r="558667" spans="8:8">
      <c r="H558667" s="12"/>
    </row>
    <row r="558668" spans="8:8">
      <c r="H558668" s="12"/>
    </row>
    <row r="558669" spans="8:8">
      <c r="H558669" s="12"/>
    </row>
    <row r="558670" spans="8:8">
      <c r="H558670" s="12"/>
    </row>
    <row r="558671" spans="8:8">
      <c r="H558671" s="12"/>
    </row>
    <row r="558672" spans="8:8">
      <c r="H558672" s="12"/>
    </row>
    <row r="558673" spans="8:8">
      <c r="H558673" s="12"/>
    </row>
    <row r="558674" spans="8:8">
      <c r="H558674" s="12"/>
    </row>
    <row r="558675" spans="8:8">
      <c r="H558675" s="12"/>
    </row>
    <row r="558676" spans="8:8">
      <c r="H558676" s="12"/>
    </row>
    <row r="558677" spans="8:8">
      <c r="H558677" s="12"/>
    </row>
    <row r="558678" spans="8:8">
      <c r="H558678" s="12"/>
    </row>
    <row r="558679" spans="8:8">
      <c r="H558679" s="12"/>
    </row>
    <row r="558680" spans="8:8">
      <c r="H558680" s="12"/>
    </row>
    <row r="558681" spans="8:8">
      <c r="H558681" s="12"/>
    </row>
    <row r="558682" spans="8:8">
      <c r="H558682" s="12"/>
    </row>
    <row r="558683" spans="8:8">
      <c r="H558683" s="12"/>
    </row>
    <row r="558684" spans="8:8">
      <c r="H558684" s="12"/>
    </row>
    <row r="558685" spans="8:8">
      <c r="H558685" s="12"/>
    </row>
    <row r="558686" spans="8:8">
      <c r="H558686" s="12"/>
    </row>
    <row r="558687" spans="8:8">
      <c r="H558687" s="12"/>
    </row>
    <row r="558688" spans="8:8">
      <c r="H558688" s="12"/>
    </row>
    <row r="558689" spans="8:8">
      <c r="H558689" s="12"/>
    </row>
    <row r="558690" spans="8:8">
      <c r="H558690" s="12"/>
    </row>
    <row r="558691" spans="8:8">
      <c r="H558691" s="12"/>
    </row>
    <row r="558692" spans="8:8">
      <c r="H558692" s="12"/>
    </row>
    <row r="558693" spans="8:8">
      <c r="H558693" s="12"/>
    </row>
    <row r="558694" spans="8:8">
      <c r="H558694" s="12"/>
    </row>
    <row r="558695" spans="8:8">
      <c r="H558695" s="12"/>
    </row>
    <row r="558696" spans="8:8">
      <c r="H558696" s="12"/>
    </row>
    <row r="558697" spans="8:8">
      <c r="H558697" s="12"/>
    </row>
    <row r="558698" spans="8:8">
      <c r="H558698" s="12"/>
    </row>
    <row r="558699" spans="8:8">
      <c r="H558699" s="12"/>
    </row>
    <row r="558700" spans="8:8">
      <c r="H558700" s="12"/>
    </row>
    <row r="558701" spans="8:8">
      <c r="H558701" s="12"/>
    </row>
    <row r="558702" spans="8:8">
      <c r="H558702" s="12"/>
    </row>
    <row r="558703" spans="8:8">
      <c r="H558703" s="12"/>
    </row>
    <row r="558704" spans="8:8">
      <c r="H558704" s="12"/>
    </row>
    <row r="558705" spans="8:8">
      <c r="H558705" s="12"/>
    </row>
    <row r="558706" spans="8:8">
      <c r="H558706" s="12"/>
    </row>
    <row r="558707" spans="8:8">
      <c r="H558707" s="12"/>
    </row>
    <row r="558708" spans="8:8">
      <c r="H558708" s="12"/>
    </row>
    <row r="558709" spans="8:8">
      <c r="H558709" s="12"/>
    </row>
    <row r="558710" spans="8:8">
      <c r="H558710" s="12"/>
    </row>
    <row r="558711" spans="8:8">
      <c r="H558711" s="12"/>
    </row>
    <row r="558712" spans="8:8">
      <c r="H558712" s="12"/>
    </row>
    <row r="558713" spans="8:8">
      <c r="H558713" s="12"/>
    </row>
    <row r="558714" spans="8:8">
      <c r="H558714" s="12"/>
    </row>
    <row r="558715" spans="8:8">
      <c r="H558715" s="12"/>
    </row>
    <row r="558716" spans="8:8">
      <c r="H558716" s="12"/>
    </row>
    <row r="558717" spans="8:8">
      <c r="H558717" s="12"/>
    </row>
    <row r="558718" spans="8:8">
      <c r="H558718" s="12"/>
    </row>
    <row r="558719" spans="8:8">
      <c r="H558719" s="12"/>
    </row>
    <row r="558720" spans="8:8">
      <c r="H558720" s="12"/>
    </row>
    <row r="558721" spans="8:8">
      <c r="H558721" s="12"/>
    </row>
    <row r="558722" spans="8:8">
      <c r="H558722" s="12"/>
    </row>
    <row r="558723" spans="8:8">
      <c r="H558723" s="12"/>
    </row>
    <row r="558724" spans="8:8">
      <c r="H558724" s="12"/>
    </row>
    <row r="558725" spans="8:8">
      <c r="H558725" s="12"/>
    </row>
    <row r="558726" spans="8:8">
      <c r="H558726" s="12"/>
    </row>
    <row r="558727" spans="8:8">
      <c r="H558727" s="12"/>
    </row>
    <row r="558728" spans="8:8">
      <c r="H558728" s="12"/>
    </row>
    <row r="558729" spans="8:8">
      <c r="H558729" s="12"/>
    </row>
    <row r="558730" spans="8:8">
      <c r="H558730" s="12"/>
    </row>
    <row r="558731" spans="8:8">
      <c r="H558731" s="12"/>
    </row>
    <row r="558732" spans="8:8">
      <c r="H558732" s="12"/>
    </row>
    <row r="558733" spans="8:8">
      <c r="H558733" s="12"/>
    </row>
    <row r="558734" spans="8:8">
      <c r="H558734" s="12"/>
    </row>
    <row r="558735" spans="8:8">
      <c r="H558735" s="12"/>
    </row>
    <row r="558736" spans="8:8">
      <c r="H558736" s="12"/>
    </row>
    <row r="558737" spans="8:8">
      <c r="H558737" s="12"/>
    </row>
    <row r="558738" spans="8:8">
      <c r="H558738" s="12"/>
    </row>
    <row r="558739" spans="8:8">
      <c r="H558739" s="12"/>
    </row>
    <row r="558740" spans="8:8">
      <c r="H558740" s="12"/>
    </row>
    <row r="558741" spans="8:8">
      <c r="H558741" s="12"/>
    </row>
    <row r="558742" spans="8:8">
      <c r="H558742" s="12"/>
    </row>
    <row r="558743" spans="8:8">
      <c r="H558743" s="12"/>
    </row>
    <row r="558744" spans="8:8">
      <c r="H558744" s="12"/>
    </row>
    <row r="558745" spans="8:8">
      <c r="H558745" s="12"/>
    </row>
    <row r="558746" spans="8:8">
      <c r="H558746" s="12"/>
    </row>
    <row r="558747" spans="8:8">
      <c r="H558747" s="12"/>
    </row>
    <row r="558748" spans="8:8">
      <c r="H558748" s="12"/>
    </row>
    <row r="558749" spans="8:8">
      <c r="H558749" s="12"/>
    </row>
    <row r="558750" spans="8:8">
      <c r="H558750" s="12"/>
    </row>
    <row r="558751" spans="8:8">
      <c r="H558751" s="12"/>
    </row>
    <row r="558752" spans="8:8">
      <c r="H558752" s="12"/>
    </row>
    <row r="558753" spans="8:8">
      <c r="H558753" s="12"/>
    </row>
    <row r="558754" spans="8:8">
      <c r="H558754" s="12"/>
    </row>
    <row r="558755" spans="8:8">
      <c r="H558755" s="12"/>
    </row>
    <row r="558756" spans="8:8">
      <c r="H558756" s="12"/>
    </row>
    <row r="558757" spans="8:8">
      <c r="H558757" s="12"/>
    </row>
    <row r="558758" spans="8:8">
      <c r="H558758" s="12"/>
    </row>
    <row r="558759" spans="8:8">
      <c r="H558759" s="12"/>
    </row>
    <row r="558760" spans="8:8">
      <c r="H558760" s="12"/>
    </row>
    <row r="558761" spans="8:8">
      <c r="H558761" s="12"/>
    </row>
    <row r="558762" spans="8:8">
      <c r="H558762" s="12"/>
    </row>
    <row r="558763" spans="8:8">
      <c r="H558763" s="12"/>
    </row>
    <row r="558764" spans="8:8">
      <c r="H558764" s="12"/>
    </row>
    <row r="558765" spans="8:8">
      <c r="H558765" s="12"/>
    </row>
    <row r="558766" spans="8:8">
      <c r="H558766" s="12"/>
    </row>
    <row r="558767" spans="8:8">
      <c r="H558767" s="12"/>
    </row>
    <row r="558768" spans="8:8">
      <c r="H558768" s="12"/>
    </row>
    <row r="558769" spans="8:8">
      <c r="H558769" s="12"/>
    </row>
    <row r="558770" spans="8:8">
      <c r="H558770" s="12"/>
    </row>
    <row r="558771" spans="8:8">
      <c r="H558771" s="12"/>
    </row>
    <row r="558772" spans="8:8">
      <c r="H558772" s="12"/>
    </row>
    <row r="558773" spans="8:8">
      <c r="H558773" s="12"/>
    </row>
    <row r="558774" spans="8:8">
      <c r="H558774" s="12"/>
    </row>
    <row r="558775" spans="8:8">
      <c r="H558775" s="12"/>
    </row>
    <row r="558776" spans="8:8">
      <c r="H558776" s="12"/>
    </row>
    <row r="558777" spans="8:8">
      <c r="H558777" s="12"/>
    </row>
    <row r="558778" spans="8:8">
      <c r="H558778" s="12"/>
    </row>
    <row r="558779" spans="8:8">
      <c r="H558779" s="12"/>
    </row>
    <row r="558780" spans="8:8">
      <c r="H558780" s="12"/>
    </row>
    <row r="558781" spans="8:8">
      <c r="H558781" s="12"/>
    </row>
    <row r="558782" spans="8:8">
      <c r="H558782" s="12"/>
    </row>
    <row r="558783" spans="8:8">
      <c r="H558783" s="12"/>
    </row>
    <row r="558784" spans="8:8">
      <c r="H558784" s="12"/>
    </row>
    <row r="558785" spans="8:8">
      <c r="H558785" s="12"/>
    </row>
    <row r="558786" spans="8:8">
      <c r="H558786" s="12"/>
    </row>
    <row r="558787" spans="8:8">
      <c r="H558787" s="12"/>
    </row>
    <row r="558788" spans="8:8">
      <c r="H558788" s="12"/>
    </row>
    <row r="558789" spans="8:8">
      <c r="H558789" s="12"/>
    </row>
    <row r="558790" spans="8:8">
      <c r="H558790" s="12"/>
    </row>
    <row r="558791" spans="8:8">
      <c r="H558791" s="12"/>
    </row>
    <row r="558792" spans="8:8">
      <c r="H558792" s="12"/>
    </row>
    <row r="558793" spans="8:8">
      <c r="H558793" s="12"/>
    </row>
    <row r="558794" spans="8:8">
      <c r="H558794" s="12"/>
    </row>
    <row r="558795" spans="8:8">
      <c r="H558795" s="12"/>
    </row>
    <row r="558796" spans="8:8">
      <c r="H558796" s="12"/>
    </row>
    <row r="558797" spans="8:8">
      <c r="H558797" s="12"/>
    </row>
    <row r="558798" spans="8:8">
      <c r="H558798" s="12"/>
    </row>
    <row r="558799" spans="8:8">
      <c r="H558799" s="12"/>
    </row>
    <row r="558800" spans="8:8">
      <c r="H558800" s="12"/>
    </row>
    <row r="558801" spans="8:8">
      <c r="H558801" s="12"/>
    </row>
    <row r="558802" spans="8:8">
      <c r="H558802" s="12"/>
    </row>
    <row r="558803" spans="8:8">
      <c r="H558803" s="12"/>
    </row>
    <row r="558804" spans="8:8">
      <c r="H558804" s="12"/>
    </row>
    <row r="558805" spans="8:8">
      <c r="H558805" s="12"/>
    </row>
    <row r="558806" spans="8:8">
      <c r="H558806" s="12"/>
    </row>
    <row r="558807" spans="8:8">
      <c r="H558807" s="12"/>
    </row>
    <row r="558808" spans="8:8">
      <c r="H558808" s="12"/>
    </row>
    <row r="558809" spans="8:8">
      <c r="H558809" s="12"/>
    </row>
    <row r="558810" spans="8:8">
      <c r="H558810" s="12"/>
    </row>
    <row r="558811" spans="8:8">
      <c r="H558811" s="12"/>
    </row>
    <row r="558812" spans="8:8">
      <c r="H558812" s="12"/>
    </row>
    <row r="558813" spans="8:8">
      <c r="H558813" s="12"/>
    </row>
    <row r="558814" spans="8:8">
      <c r="H558814" s="12"/>
    </row>
    <row r="558815" spans="8:8">
      <c r="H558815" s="12"/>
    </row>
    <row r="558816" spans="8:8">
      <c r="H558816" s="12"/>
    </row>
    <row r="558817" spans="8:8">
      <c r="H558817" s="12"/>
    </row>
    <row r="558818" spans="8:8">
      <c r="H558818" s="12"/>
    </row>
    <row r="558819" spans="8:8">
      <c r="H558819" s="12"/>
    </row>
    <row r="558820" spans="8:8">
      <c r="H558820" s="12"/>
    </row>
    <row r="558821" spans="8:8">
      <c r="H558821" s="12"/>
    </row>
    <row r="558822" spans="8:8">
      <c r="H558822" s="12"/>
    </row>
    <row r="558823" spans="8:8">
      <c r="H558823" s="12"/>
    </row>
    <row r="558824" spans="8:8">
      <c r="H558824" s="12"/>
    </row>
    <row r="558825" spans="8:8">
      <c r="H558825" s="12"/>
    </row>
    <row r="558826" spans="8:8">
      <c r="H558826" s="12"/>
    </row>
    <row r="558827" spans="8:8">
      <c r="H558827" s="12"/>
    </row>
    <row r="558828" spans="8:8">
      <c r="H558828" s="12"/>
    </row>
    <row r="558829" spans="8:8">
      <c r="H558829" s="12"/>
    </row>
    <row r="558830" spans="8:8">
      <c r="H558830" s="12"/>
    </row>
    <row r="558831" spans="8:8">
      <c r="H558831" s="12"/>
    </row>
    <row r="558832" spans="8:8">
      <c r="H558832" s="12"/>
    </row>
    <row r="558833" spans="8:8">
      <c r="H558833" s="12"/>
    </row>
    <row r="558834" spans="8:8">
      <c r="H558834" s="12"/>
    </row>
    <row r="558835" spans="8:8">
      <c r="H558835" s="12"/>
    </row>
    <row r="558836" spans="8:8">
      <c r="H558836" s="12"/>
    </row>
    <row r="558837" spans="8:8">
      <c r="H558837" s="12"/>
    </row>
    <row r="558838" spans="8:8">
      <c r="H558838" s="12"/>
    </row>
    <row r="558839" spans="8:8">
      <c r="H558839" s="12"/>
    </row>
    <row r="558840" spans="8:8">
      <c r="H558840" s="12"/>
    </row>
    <row r="558841" spans="8:8">
      <c r="H558841" s="12"/>
    </row>
    <row r="558842" spans="8:8">
      <c r="H558842" s="12"/>
    </row>
    <row r="558843" spans="8:8">
      <c r="H558843" s="12"/>
    </row>
    <row r="558844" spans="8:8">
      <c r="H558844" s="12"/>
    </row>
    <row r="558845" spans="8:8">
      <c r="H558845" s="12"/>
    </row>
    <row r="558846" spans="8:8">
      <c r="H558846" s="12"/>
    </row>
    <row r="558847" spans="8:8">
      <c r="H558847" s="12"/>
    </row>
    <row r="558848" spans="8:8">
      <c r="H558848" s="12"/>
    </row>
    <row r="558849" spans="8:8">
      <c r="H558849" s="12"/>
    </row>
    <row r="558850" spans="8:8">
      <c r="H558850" s="12"/>
    </row>
    <row r="558851" spans="8:8">
      <c r="H558851" s="12"/>
    </row>
    <row r="558852" spans="8:8">
      <c r="H558852" s="12"/>
    </row>
    <row r="558853" spans="8:8">
      <c r="H558853" s="12"/>
    </row>
    <row r="558854" spans="8:8">
      <c r="H558854" s="12"/>
    </row>
    <row r="558855" spans="8:8">
      <c r="H558855" s="12"/>
    </row>
    <row r="558856" spans="8:8">
      <c r="H558856" s="12"/>
    </row>
    <row r="558857" spans="8:8">
      <c r="H558857" s="12"/>
    </row>
    <row r="558858" spans="8:8">
      <c r="H558858" s="12"/>
    </row>
    <row r="558859" spans="8:8">
      <c r="H558859" s="12"/>
    </row>
    <row r="558860" spans="8:8">
      <c r="H558860" s="12"/>
    </row>
    <row r="558861" spans="8:8">
      <c r="H558861" s="12"/>
    </row>
    <row r="558862" spans="8:8">
      <c r="H558862" s="12"/>
    </row>
    <row r="558863" spans="8:8">
      <c r="H558863" s="12"/>
    </row>
    <row r="558864" spans="8:8">
      <c r="H558864" s="12"/>
    </row>
    <row r="558865" spans="8:8">
      <c r="H558865" s="12"/>
    </row>
    <row r="558866" spans="8:8">
      <c r="H558866" s="12"/>
    </row>
    <row r="558867" spans="8:8">
      <c r="H558867" s="12"/>
    </row>
    <row r="558868" spans="8:8">
      <c r="H558868" s="12"/>
    </row>
    <row r="558869" spans="8:8">
      <c r="H558869" s="12"/>
    </row>
    <row r="558870" spans="8:8">
      <c r="H558870" s="12"/>
    </row>
    <row r="558871" spans="8:8">
      <c r="H558871" s="12"/>
    </row>
    <row r="558872" spans="8:8">
      <c r="H558872" s="12"/>
    </row>
    <row r="558873" spans="8:8">
      <c r="H558873" s="12"/>
    </row>
    <row r="558874" spans="8:8">
      <c r="H558874" s="12"/>
    </row>
    <row r="558875" spans="8:8">
      <c r="H558875" s="12"/>
    </row>
    <row r="558876" spans="8:8">
      <c r="H558876" s="12"/>
    </row>
    <row r="558877" spans="8:8">
      <c r="H558877" s="12"/>
    </row>
    <row r="558878" spans="8:8">
      <c r="H558878" s="12"/>
    </row>
    <row r="558879" spans="8:8">
      <c r="H558879" s="12"/>
    </row>
    <row r="558880" spans="8:8">
      <c r="H558880" s="12"/>
    </row>
    <row r="558881" spans="8:8">
      <c r="H558881" s="12"/>
    </row>
    <row r="558882" spans="8:8">
      <c r="H558882" s="12"/>
    </row>
    <row r="558883" spans="8:8">
      <c r="H558883" s="12"/>
    </row>
    <row r="558884" spans="8:8">
      <c r="H558884" s="12"/>
    </row>
    <row r="558885" spans="8:8">
      <c r="H558885" s="12"/>
    </row>
    <row r="558886" spans="8:8">
      <c r="H558886" s="12"/>
    </row>
    <row r="558887" spans="8:8">
      <c r="H558887" s="12"/>
    </row>
    <row r="558888" spans="8:8">
      <c r="H558888" s="12"/>
    </row>
    <row r="558889" spans="8:8">
      <c r="H558889" s="12"/>
    </row>
    <row r="558890" spans="8:8">
      <c r="H558890" s="12"/>
    </row>
    <row r="558891" spans="8:8">
      <c r="H558891" s="12"/>
    </row>
    <row r="558892" spans="8:8">
      <c r="H558892" s="12"/>
    </row>
    <row r="558893" spans="8:8">
      <c r="H558893" s="12"/>
    </row>
    <row r="558894" spans="8:8">
      <c r="H558894" s="12"/>
    </row>
    <row r="558895" spans="8:8">
      <c r="H558895" s="12"/>
    </row>
    <row r="558896" spans="8:8">
      <c r="H558896" s="12"/>
    </row>
    <row r="558897" spans="8:8">
      <c r="H558897" s="12"/>
    </row>
    <row r="558898" spans="8:8">
      <c r="H558898" s="12"/>
    </row>
    <row r="558899" spans="8:8">
      <c r="H558899" s="12"/>
    </row>
    <row r="558900" spans="8:8">
      <c r="H558900" s="12"/>
    </row>
    <row r="558901" spans="8:8">
      <c r="H558901" s="12"/>
    </row>
    <row r="558902" spans="8:8">
      <c r="H558902" s="12"/>
    </row>
    <row r="558903" spans="8:8">
      <c r="H558903" s="12"/>
    </row>
    <row r="558904" spans="8:8">
      <c r="H558904" s="12"/>
    </row>
    <row r="558905" spans="8:8">
      <c r="H558905" s="12"/>
    </row>
    <row r="558906" spans="8:8">
      <c r="H558906" s="12"/>
    </row>
    <row r="558907" spans="8:8">
      <c r="H558907" s="12"/>
    </row>
    <row r="558908" spans="8:8">
      <c r="H558908" s="12"/>
    </row>
    <row r="558909" spans="8:8">
      <c r="H558909" s="12"/>
    </row>
    <row r="558910" spans="8:8">
      <c r="H558910" s="12"/>
    </row>
    <row r="558911" spans="8:8">
      <c r="H558911" s="12"/>
    </row>
    <row r="558912" spans="8:8">
      <c r="H558912" s="12"/>
    </row>
    <row r="558913" spans="8:8">
      <c r="H558913" s="12"/>
    </row>
    <row r="558914" spans="8:8">
      <c r="H558914" s="12"/>
    </row>
    <row r="558915" spans="8:8">
      <c r="H558915" s="12"/>
    </row>
    <row r="558916" spans="8:8">
      <c r="H558916" s="12"/>
    </row>
    <row r="558917" spans="8:8">
      <c r="H558917" s="12"/>
    </row>
    <row r="558918" spans="8:8">
      <c r="H558918" s="12"/>
    </row>
    <row r="558919" spans="8:8">
      <c r="H558919" s="12"/>
    </row>
    <row r="558920" spans="8:8">
      <c r="H558920" s="12"/>
    </row>
    <row r="558921" spans="8:8">
      <c r="H558921" s="12"/>
    </row>
    <row r="558922" spans="8:8">
      <c r="H558922" s="12"/>
    </row>
    <row r="558923" spans="8:8">
      <c r="H558923" s="12"/>
    </row>
    <row r="558924" spans="8:8">
      <c r="H558924" s="12"/>
    </row>
    <row r="558925" spans="8:8">
      <c r="H558925" s="12"/>
    </row>
    <row r="558926" spans="8:8">
      <c r="H558926" s="12"/>
    </row>
    <row r="558927" spans="8:8">
      <c r="H558927" s="12"/>
    </row>
    <row r="558928" spans="8:8">
      <c r="H558928" s="12"/>
    </row>
    <row r="558929" spans="8:8">
      <c r="H558929" s="12"/>
    </row>
    <row r="558930" spans="8:8">
      <c r="H558930" s="12"/>
    </row>
    <row r="558931" spans="8:8">
      <c r="H558931" s="12"/>
    </row>
    <row r="558932" spans="8:8">
      <c r="H558932" s="12"/>
    </row>
    <row r="558933" spans="8:8">
      <c r="H558933" s="12"/>
    </row>
    <row r="558934" spans="8:8">
      <c r="H558934" s="12"/>
    </row>
    <row r="558935" spans="8:8">
      <c r="H558935" s="12"/>
    </row>
    <row r="558936" spans="8:8">
      <c r="H558936" s="12"/>
    </row>
    <row r="558937" spans="8:8">
      <c r="H558937" s="12"/>
    </row>
    <row r="558938" spans="8:8">
      <c r="H558938" s="12"/>
    </row>
    <row r="558939" spans="8:8">
      <c r="H558939" s="12"/>
    </row>
    <row r="558940" spans="8:8">
      <c r="H558940" s="12"/>
    </row>
    <row r="558941" spans="8:8">
      <c r="H558941" s="12"/>
    </row>
    <row r="558942" spans="8:8">
      <c r="H558942" s="12"/>
    </row>
    <row r="558943" spans="8:8">
      <c r="H558943" s="12"/>
    </row>
    <row r="558944" spans="8:8">
      <c r="H558944" s="12"/>
    </row>
    <row r="558945" spans="8:8">
      <c r="H558945" s="12"/>
    </row>
    <row r="558946" spans="8:8">
      <c r="H558946" s="12"/>
    </row>
    <row r="558947" spans="8:8">
      <c r="H558947" s="12"/>
    </row>
    <row r="558948" spans="8:8">
      <c r="H558948" s="12"/>
    </row>
    <row r="558949" spans="8:8">
      <c r="H558949" s="12"/>
    </row>
    <row r="558950" spans="8:8">
      <c r="H558950" s="12"/>
    </row>
    <row r="558951" spans="8:8">
      <c r="H558951" s="12"/>
    </row>
    <row r="558952" spans="8:8">
      <c r="H558952" s="12"/>
    </row>
    <row r="558953" spans="8:8">
      <c r="H558953" s="12"/>
    </row>
    <row r="558954" spans="8:8">
      <c r="H558954" s="12"/>
    </row>
    <row r="558955" spans="8:8">
      <c r="H558955" s="12"/>
    </row>
    <row r="558956" spans="8:8">
      <c r="H558956" s="12"/>
    </row>
    <row r="558957" spans="8:8">
      <c r="H558957" s="12"/>
    </row>
    <row r="558958" spans="8:8">
      <c r="H558958" s="12"/>
    </row>
    <row r="558959" spans="8:8">
      <c r="H558959" s="12"/>
    </row>
    <row r="558960" spans="8:8">
      <c r="H558960" s="12"/>
    </row>
    <row r="558961" spans="8:8">
      <c r="H558961" s="12"/>
    </row>
    <row r="558962" spans="8:8">
      <c r="H558962" s="12"/>
    </row>
    <row r="558963" spans="8:8">
      <c r="H558963" s="12"/>
    </row>
    <row r="558964" spans="8:8">
      <c r="H558964" s="12"/>
    </row>
    <row r="558965" spans="8:8">
      <c r="H558965" s="12"/>
    </row>
    <row r="558966" spans="8:8">
      <c r="H558966" s="12"/>
    </row>
    <row r="558967" spans="8:8">
      <c r="H558967" s="12"/>
    </row>
    <row r="558968" spans="8:8">
      <c r="H558968" s="12"/>
    </row>
    <row r="558969" spans="8:8">
      <c r="H558969" s="12"/>
    </row>
    <row r="558970" spans="8:8">
      <c r="H558970" s="12"/>
    </row>
    <row r="558971" spans="8:8">
      <c r="H558971" s="12"/>
    </row>
    <row r="558972" spans="8:8">
      <c r="H558972" s="12"/>
    </row>
    <row r="558973" spans="8:8">
      <c r="H558973" s="12"/>
    </row>
    <row r="558974" spans="8:8">
      <c r="H558974" s="12"/>
    </row>
    <row r="558975" spans="8:8">
      <c r="H558975" s="12"/>
    </row>
    <row r="558976" spans="8:8">
      <c r="H558976" s="12"/>
    </row>
    <row r="558977" spans="8:8">
      <c r="H558977" s="12"/>
    </row>
    <row r="558978" spans="8:8">
      <c r="H558978" s="12"/>
    </row>
    <row r="558979" spans="8:8">
      <c r="H558979" s="12"/>
    </row>
    <row r="558980" spans="8:8">
      <c r="H558980" s="12"/>
    </row>
    <row r="558981" spans="8:8">
      <c r="H558981" s="12"/>
    </row>
    <row r="558982" spans="8:8">
      <c r="H558982" s="12"/>
    </row>
    <row r="558983" spans="8:8">
      <c r="H558983" s="12"/>
    </row>
    <row r="558984" spans="8:8">
      <c r="H558984" s="12"/>
    </row>
    <row r="558985" spans="8:8">
      <c r="H558985" s="12"/>
    </row>
    <row r="558986" spans="8:8">
      <c r="H558986" s="12"/>
    </row>
    <row r="558987" spans="8:8">
      <c r="H558987" s="12"/>
    </row>
    <row r="558988" spans="8:8">
      <c r="H558988" s="12"/>
    </row>
    <row r="558989" spans="8:8">
      <c r="H558989" s="12"/>
    </row>
    <row r="558990" spans="8:8">
      <c r="H558990" s="12"/>
    </row>
    <row r="558991" spans="8:8">
      <c r="H558991" s="12"/>
    </row>
    <row r="558992" spans="8:8">
      <c r="H558992" s="12"/>
    </row>
    <row r="558993" spans="8:8">
      <c r="H558993" s="12"/>
    </row>
    <row r="558994" spans="8:8">
      <c r="H558994" s="12"/>
    </row>
    <row r="558995" spans="8:8">
      <c r="H558995" s="12"/>
    </row>
    <row r="558996" spans="8:8">
      <c r="H558996" s="12"/>
    </row>
    <row r="558997" spans="8:8">
      <c r="H558997" s="12"/>
    </row>
    <row r="558998" spans="8:8">
      <c r="H558998" s="12"/>
    </row>
    <row r="558999" spans="8:8">
      <c r="H558999" s="12"/>
    </row>
    <row r="559000" spans="8:8">
      <c r="H559000" s="12"/>
    </row>
    <row r="559001" spans="8:8">
      <c r="H559001" s="12"/>
    </row>
    <row r="559002" spans="8:8">
      <c r="H559002" s="12"/>
    </row>
    <row r="559003" spans="8:8">
      <c r="H559003" s="12"/>
    </row>
    <row r="559004" spans="8:8">
      <c r="H559004" s="12"/>
    </row>
    <row r="559005" spans="8:8">
      <c r="H559005" s="12"/>
    </row>
    <row r="559006" spans="8:8">
      <c r="H559006" s="12"/>
    </row>
    <row r="559007" spans="8:8">
      <c r="H559007" s="12"/>
    </row>
    <row r="559008" spans="8:8">
      <c r="H559008" s="12"/>
    </row>
    <row r="559009" spans="8:8">
      <c r="H559009" s="12"/>
    </row>
    <row r="559010" spans="8:8">
      <c r="H559010" s="12"/>
    </row>
    <row r="559011" spans="8:8">
      <c r="H559011" s="12"/>
    </row>
    <row r="559012" spans="8:8">
      <c r="H559012" s="12"/>
    </row>
    <row r="559013" spans="8:8">
      <c r="H559013" s="12"/>
    </row>
    <row r="559014" spans="8:8">
      <c r="H559014" s="12"/>
    </row>
    <row r="559015" spans="8:8">
      <c r="H559015" s="12"/>
    </row>
    <row r="559016" spans="8:8">
      <c r="H559016" s="12"/>
    </row>
    <row r="559017" spans="8:8">
      <c r="H559017" s="12"/>
    </row>
    <row r="559018" spans="8:8">
      <c r="H559018" s="12"/>
    </row>
    <row r="559019" spans="8:8">
      <c r="H559019" s="12"/>
    </row>
    <row r="559020" spans="8:8">
      <c r="H559020" s="12"/>
    </row>
    <row r="559021" spans="8:8">
      <c r="H559021" s="12"/>
    </row>
    <row r="559022" spans="8:8">
      <c r="H559022" s="12"/>
    </row>
    <row r="559023" spans="8:8">
      <c r="H559023" s="12"/>
    </row>
    <row r="559024" spans="8:8">
      <c r="H559024" s="12"/>
    </row>
    <row r="559025" spans="8:8">
      <c r="H559025" s="12"/>
    </row>
    <row r="559026" spans="8:8">
      <c r="H559026" s="12"/>
    </row>
    <row r="559027" spans="8:8">
      <c r="H559027" s="12"/>
    </row>
    <row r="559028" spans="8:8">
      <c r="H559028" s="12"/>
    </row>
    <row r="559029" spans="8:8">
      <c r="H559029" s="12"/>
    </row>
    <row r="559030" spans="8:8">
      <c r="H559030" s="12"/>
    </row>
    <row r="559031" spans="8:8">
      <c r="H559031" s="12"/>
    </row>
    <row r="559032" spans="8:8">
      <c r="H559032" s="12"/>
    </row>
    <row r="559033" spans="8:8">
      <c r="H559033" s="12"/>
    </row>
    <row r="559034" spans="8:8">
      <c r="H559034" s="12"/>
    </row>
    <row r="559035" spans="8:8">
      <c r="H559035" s="12"/>
    </row>
    <row r="559036" spans="8:8">
      <c r="H559036" s="12"/>
    </row>
    <row r="559037" spans="8:8">
      <c r="H559037" s="12"/>
    </row>
    <row r="559038" spans="8:8">
      <c r="H559038" s="12"/>
    </row>
    <row r="559039" spans="8:8">
      <c r="H559039" s="12"/>
    </row>
    <row r="559040" spans="8:8">
      <c r="H559040" s="12"/>
    </row>
    <row r="559041" spans="8:8">
      <c r="H559041" s="12"/>
    </row>
    <row r="559042" spans="8:8">
      <c r="H559042" s="12"/>
    </row>
    <row r="559043" spans="8:8">
      <c r="H559043" s="12"/>
    </row>
    <row r="559044" spans="8:8">
      <c r="H559044" s="12"/>
    </row>
    <row r="559045" spans="8:8">
      <c r="H559045" s="12"/>
    </row>
    <row r="559046" spans="8:8">
      <c r="H559046" s="12"/>
    </row>
    <row r="559047" spans="8:8">
      <c r="H559047" s="12"/>
    </row>
    <row r="559048" spans="8:8">
      <c r="H559048" s="12"/>
    </row>
    <row r="559049" spans="8:8">
      <c r="H559049" s="12"/>
    </row>
    <row r="559050" spans="8:8">
      <c r="H559050" s="12"/>
    </row>
    <row r="559051" spans="8:8">
      <c r="H559051" s="12"/>
    </row>
    <row r="559052" spans="8:8">
      <c r="H559052" s="12"/>
    </row>
    <row r="559053" spans="8:8">
      <c r="H559053" s="12"/>
    </row>
    <row r="559054" spans="8:8">
      <c r="H559054" s="12"/>
    </row>
    <row r="559055" spans="8:8">
      <c r="H559055" s="12"/>
    </row>
    <row r="559056" spans="8:8">
      <c r="H559056" s="12"/>
    </row>
    <row r="559057" spans="8:8">
      <c r="H559057" s="12"/>
    </row>
    <row r="559058" spans="8:8">
      <c r="H559058" s="12"/>
    </row>
    <row r="559059" spans="8:8">
      <c r="H559059" s="12"/>
    </row>
    <row r="559060" spans="8:8">
      <c r="H559060" s="12"/>
    </row>
    <row r="559061" spans="8:8">
      <c r="H559061" s="12"/>
    </row>
    <row r="559062" spans="8:8">
      <c r="H559062" s="12"/>
    </row>
    <row r="559063" spans="8:8">
      <c r="H559063" s="12"/>
    </row>
    <row r="559064" spans="8:8">
      <c r="H559064" s="12"/>
    </row>
    <row r="559065" spans="8:8">
      <c r="H559065" s="12"/>
    </row>
    <row r="559066" spans="8:8">
      <c r="H559066" s="12"/>
    </row>
    <row r="559067" spans="8:8">
      <c r="H559067" s="12"/>
    </row>
    <row r="559068" spans="8:8">
      <c r="H559068" s="12"/>
    </row>
    <row r="559069" spans="8:8">
      <c r="H559069" s="12"/>
    </row>
    <row r="559070" spans="8:8">
      <c r="H559070" s="12"/>
    </row>
    <row r="559071" spans="8:8">
      <c r="H559071" s="12"/>
    </row>
    <row r="559072" spans="8:8">
      <c r="H559072" s="12"/>
    </row>
    <row r="559073" spans="8:8">
      <c r="H559073" s="12"/>
    </row>
    <row r="559074" spans="8:8">
      <c r="H559074" s="12"/>
    </row>
    <row r="559075" spans="8:8">
      <c r="H559075" s="12"/>
    </row>
    <row r="559076" spans="8:8">
      <c r="H559076" s="12"/>
    </row>
    <row r="559077" spans="8:8">
      <c r="H559077" s="12"/>
    </row>
    <row r="559078" spans="8:8">
      <c r="H559078" s="12"/>
    </row>
    <row r="559079" spans="8:8">
      <c r="H559079" s="12"/>
    </row>
    <row r="559080" spans="8:8">
      <c r="H559080" s="12"/>
    </row>
    <row r="559081" spans="8:8">
      <c r="H559081" s="12"/>
    </row>
    <row r="559082" spans="8:8">
      <c r="H559082" s="12"/>
    </row>
    <row r="559083" spans="8:8">
      <c r="H559083" s="12"/>
    </row>
    <row r="559084" spans="8:8">
      <c r="H559084" s="12"/>
    </row>
    <row r="559085" spans="8:8">
      <c r="H559085" s="12"/>
    </row>
    <row r="559086" spans="8:8">
      <c r="H559086" s="12"/>
    </row>
    <row r="559087" spans="8:8">
      <c r="H559087" s="12"/>
    </row>
    <row r="559088" spans="8:8">
      <c r="H559088" s="12"/>
    </row>
    <row r="559089" spans="8:8">
      <c r="H559089" s="12"/>
    </row>
    <row r="559090" spans="8:8">
      <c r="H559090" s="12"/>
    </row>
    <row r="559091" spans="8:8">
      <c r="H559091" s="12"/>
    </row>
    <row r="559092" spans="8:8">
      <c r="H559092" s="12"/>
    </row>
    <row r="559093" spans="8:8">
      <c r="H559093" s="12"/>
    </row>
    <row r="559094" spans="8:8">
      <c r="H559094" s="12"/>
    </row>
    <row r="559095" spans="8:8">
      <c r="H559095" s="12"/>
    </row>
    <row r="559096" spans="8:8">
      <c r="H559096" s="12"/>
    </row>
    <row r="559097" spans="8:8">
      <c r="H559097" s="12"/>
    </row>
    <row r="559098" spans="8:8">
      <c r="H559098" s="12"/>
    </row>
    <row r="559099" spans="8:8">
      <c r="H559099" s="12"/>
    </row>
    <row r="559100" spans="8:8">
      <c r="H559100" s="12"/>
    </row>
    <row r="559101" spans="8:8">
      <c r="H559101" s="12"/>
    </row>
    <row r="559102" spans="8:8">
      <c r="H559102" s="12"/>
    </row>
    <row r="559103" spans="8:8">
      <c r="H559103" s="12"/>
    </row>
    <row r="559104" spans="8:8">
      <c r="H559104" s="12"/>
    </row>
    <row r="559105" spans="8:8">
      <c r="H559105" s="12"/>
    </row>
    <row r="559106" spans="8:8">
      <c r="H559106" s="12"/>
    </row>
    <row r="559107" spans="8:8">
      <c r="H559107" s="12"/>
    </row>
    <row r="559108" spans="8:8">
      <c r="H559108" s="12"/>
    </row>
    <row r="559109" spans="8:8">
      <c r="H559109" s="12"/>
    </row>
    <row r="559110" spans="8:8">
      <c r="H559110" s="12"/>
    </row>
    <row r="559111" spans="8:8">
      <c r="H559111" s="12"/>
    </row>
    <row r="559112" spans="8:8">
      <c r="H559112" s="12"/>
    </row>
    <row r="559113" spans="8:8">
      <c r="H559113" s="12"/>
    </row>
    <row r="559114" spans="8:8">
      <c r="H559114" s="12"/>
    </row>
    <row r="559115" spans="8:8">
      <c r="H559115" s="12"/>
    </row>
    <row r="559116" spans="8:8">
      <c r="H559116" s="12"/>
    </row>
    <row r="559117" spans="8:8">
      <c r="H559117" s="12"/>
    </row>
    <row r="559118" spans="8:8">
      <c r="H559118" s="12"/>
    </row>
    <row r="559119" spans="8:8">
      <c r="H559119" s="12"/>
    </row>
    <row r="559120" spans="8:8">
      <c r="H559120" s="12"/>
    </row>
    <row r="559121" spans="8:8">
      <c r="H559121" s="12"/>
    </row>
    <row r="559122" spans="8:8">
      <c r="H559122" s="12"/>
    </row>
    <row r="559123" spans="8:8">
      <c r="H559123" s="12"/>
    </row>
    <row r="559124" spans="8:8">
      <c r="H559124" s="12"/>
    </row>
    <row r="559125" spans="8:8">
      <c r="H559125" s="12"/>
    </row>
    <row r="559126" spans="8:8">
      <c r="H559126" s="12"/>
    </row>
    <row r="559127" spans="8:8">
      <c r="H559127" s="12"/>
    </row>
    <row r="559128" spans="8:8">
      <c r="H559128" s="12"/>
    </row>
    <row r="559129" spans="8:8">
      <c r="H559129" s="12"/>
    </row>
    <row r="559130" spans="8:8">
      <c r="H559130" s="12"/>
    </row>
    <row r="559131" spans="8:8">
      <c r="H559131" s="12"/>
    </row>
    <row r="559132" spans="8:8">
      <c r="H559132" s="12"/>
    </row>
    <row r="559133" spans="8:8">
      <c r="H559133" s="12"/>
    </row>
    <row r="559134" spans="8:8">
      <c r="H559134" s="12"/>
    </row>
    <row r="559135" spans="8:8">
      <c r="H559135" s="12"/>
    </row>
    <row r="559136" spans="8:8">
      <c r="H559136" s="12"/>
    </row>
    <row r="559137" spans="8:8">
      <c r="H559137" s="12"/>
    </row>
    <row r="559138" spans="8:8">
      <c r="H559138" s="12"/>
    </row>
    <row r="559139" spans="8:8">
      <c r="H559139" s="12"/>
    </row>
    <row r="559140" spans="8:8">
      <c r="H559140" s="12"/>
    </row>
    <row r="559141" spans="8:8">
      <c r="H559141" s="12"/>
    </row>
    <row r="559142" spans="8:8">
      <c r="H559142" s="12"/>
    </row>
    <row r="559143" spans="8:8">
      <c r="H559143" s="12"/>
    </row>
    <row r="559144" spans="8:8">
      <c r="H559144" s="12"/>
    </row>
    <row r="559145" spans="8:8">
      <c r="H559145" s="12"/>
    </row>
    <row r="559146" spans="8:8">
      <c r="H559146" s="12"/>
    </row>
    <row r="559147" spans="8:8">
      <c r="H559147" s="12"/>
    </row>
    <row r="559148" spans="8:8">
      <c r="H559148" s="12"/>
    </row>
    <row r="559149" spans="8:8">
      <c r="H559149" s="12"/>
    </row>
    <row r="559150" spans="8:8">
      <c r="H559150" s="12"/>
    </row>
    <row r="559151" spans="8:8">
      <c r="H559151" s="12"/>
    </row>
    <row r="559152" spans="8:8">
      <c r="H559152" s="12"/>
    </row>
    <row r="559153" spans="8:8">
      <c r="H559153" s="12"/>
    </row>
    <row r="559154" spans="8:8">
      <c r="H559154" s="12"/>
    </row>
    <row r="559155" spans="8:8">
      <c r="H559155" s="12"/>
    </row>
    <row r="559156" spans="8:8">
      <c r="H559156" s="12"/>
    </row>
    <row r="559157" spans="8:8">
      <c r="H559157" s="12"/>
    </row>
    <row r="559158" spans="8:8">
      <c r="H559158" s="12"/>
    </row>
    <row r="559159" spans="8:8">
      <c r="H559159" s="12"/>
    </row>
    <row r="559160" spans="8:8">
      <c r="H559160" s="12"/>
    </row>
    <row r="559161" spans="8:8">
      <c r="H559161" s="12"/>
    </row>
    <row r="559162" spans="8:8">
      <c r="H559162" s="12"/>
    </row>
    <row r="559163" spans="8:8">
      <c r="H559163" s="12"/>
    </row>
    <row r="559164" spans="8:8">
      <c r="H559164" s="12"/>
    </row>
    <row r="559165" spans="8:8">
      <c r="H559165" s="12"/>
    </row>
    <row r="559166" spans="8:8">
      <c r="H559166" s="12"/>
    </row>
    <row r="559167" spans="8:8">
      <c r="H559167" s="12"/>
    </row>
    <row r="559168" spans="8:8">
      <c r="H559168" s="12"/>
    </row>
    <row r="559169" spans="8:8">
      <c r="H559169" s="12"/>
    </row>
    <row r="559170" spans="8:8">
      <c r="H559170" s="12"/>
    </row>
    <row r="559171" spans="8:8">
      <c r="H559171" s="12"/>
    </row>
    <row r="559172" spans="8:8">
      <c r="H559172" s="12"/>
    </row>
    <row r="559173" spans="8:8">
      <c r="H559173" s="12"/>
    </row>
    <row r="559174" spans="8:8">
      <c r="H559174" s="12"/>
    </row>
    <row r="559175" spans="8:8">
      <c r="H559175" s="12"/>
    </row>
    <row r="559176" spans="8:8">
      <c r="H559176" s="12"/>
    </row>
    <row r="559177" spans="8:8">
      <c r="H559177" s="12"/>
    </row>
    <row r="559178" spans="8:8">
      <c r="H559178" s="12"/>
    </row>
    <row r="559179" spans="8:8">
      <c r="H559179" s="12"/>
    </row>
    <row r="559180" spans="8:8">
      <c r="H559180" s="12"/>
    </row>
    <row r="559181" spans="8:8">
      <c r="H559181" s="12"/>
    </row>
    <row r="559182" spans="8:8">
      <c r="H559182" s="12"/>
    </row>
    <row r="559183" spans="8:8">
      <c r="H559183" s="12"/>
    </row>
    <row r="559184" spans="8:8">
      <c r="H559184" s="12"/>
    </row>
    <row r="559185" spans="8:8">
      <c r="H559185" s="12"/>
    </row>
    <row r="559186" spans="8:8">
      <c r="H559186" s="12"/>
    </row>
    <row r="559187" spans="8:8">
      <c r="H559187" s="12"/>
    </row>
    <row r="559188" spans="8:8">
      <c r="H559188" s="12"/>
    </row>
    <row r="559189" spans="8:8">
      <c r="H559189" s="12"/>
    </row>
    <row r="559190" spans="8:8">
      <c r="H559190" s="12"/>
    </row>
    <row r="559191" spans="8:8">
      <c r="H559191" s="12"/>
    </row>
    <row r="559192" spans="8:8">
      <c r="H559192" s="12"/>
    </row>
    <row r="559193" spans="8:8">
      <c r="H559193" s="12"/>
    </row>
    <row r="559194" spans="8:8">
      <c r="H559194" s="12"/>
    </row>
    <row r="559195" spans="8:8">
      <c r="H559195" s="12"/>
    </row>
    <row r="559196" spans="8:8">
      <c r="H559196" s="12"/>
    </row>
    <row r="559197" spans="8:8">
      <c r="H559197" s="12"/>
    </row>
    <row r="559198" spans="8:8">
      <c r="H559198" s="12"/>
    </row>
    <row r="559199" spans="8:8">
      <c r="H559199" s="12"/>
    </row>
    <row r="559200" spans="8:8">
      <c r="H559200" s="12"/>
    </row>
    <row r="559201" spans="8:8">
      <c r="H559201" s="12"/>
    </row>
    <row r="559202" spans="8:8">
      <c r="H559202" s="12"/>
    </row>
    <row r="559203" spans="8:8">
      <c r="H559203" s="12"/>
    </row>
    <row r="559204" spans="8:8">
      <c r="H559204" s="12"/>
    </row>
    <row r="559205" spans="8:8">
      <c r="H559205" s="12"/>
    </row>
    <row r="559206" spans="8:8">
      <c r="H559206" s="12"/>
    </row>
    <row r="559207" spans="8:8">
      <c r="H559207" s="12"/>
    </row>
    <row r="559208" spans="8:8">
      <c r="H559208" s="12"/>
    </row>
    <row r="559209" spans="8:8">
      <c r="H559209" s="12"/>
    </row>
    <row r="559210" spans="8:8">
      <c r="H559210" s="12"/>
    </row>
    <row r="559211" spans="8:8">
      <c r="H559211" s="12"/>
    </row>
    <row r="559212" spans="8:8">
      <c r="H559212" s="12"/>
    </row>
    <row r="559213" spans="8:8">
      <c r="H559213" s="12"/>
    </row>
    <row r="559214" spans="8:8">
      <c r="H559214" s="12"/>
    </row>
    <row r="559215" spans="8:8">
      <c r="H559215" s="12"/>
    </row>
    <row r="559216" spans="8:8">
      <c r="H559216" s="12"/>
    </row>
    <row r="559217" spans="8:8">
      <c r="H559217" s="12"/>
    </row>
    <row r="559218" spans="8:8">
      <c r="H559218" s="12"/>
    </row>
    <row r="559219" spans="8:8">
      <c r="H559219" s="12"/>
    </row>
    <row r="559220" spans="8:8">
      <c r="H559220" s="12"/>
    </row>
    <row r="559221" spans="8:8">
      <c r="H559221" s="12"/>
    </row>
    <row r="559222" spans="8:8">
      <c r="H559222" s="12"/>
    </row>
    <row r="559223" spans="8:8">
      <c r="H559223" s="12"/>
    </row>
    <row r="559224" spans="8:8">
      <c r="H559224" s="12"/>
    </row>
    <row r="559225" spans="8:8">
      <c r="H559225" s="12"/>
    </row>
    <row r="559226" spans="8:8">
      <c r="H559226" s="12"/>
    </row>
    <row r="559227" spans="8:8">
      <c r="H559227" s="12"/>
    </row>
    <row r="559228" spans="8:8">
      <c r="H559228" s="12"/>
    </row>
    <row r="559229" spans="8:8">
      <c r="H559229" s="12"/>
    </row>
    <row r="559230" spans="8:8">
      <c r="H559230" s="12"/>
    </row>
    <row r="559231" spans="8:8">
      <c r="H559231" s="12"/>
    </row>
    <row r="559232" spans="8:8">
      <c r="H559232" s="12"/>
    </row>
    <row r="559233" spans="8:8">
      <c r="H559233" s="12"/>
    </row>
    <row r="559234" spans="8:8">
      <c r="H559234" s="12"/>
    </row>
    <row r="559235" spans="8:8">
      <c r="H559235" s="12"/>
    </row>
    <row r="559236" spans="8:8">
      <c r="H559236" s="12"/>
    </row>
    <row r="559237" spans="8:8">
      <c r="H559237" s="12"/>
    </row>
    <row r="559238" spans="8:8">
      <c r="H559238" s="12"/>
    </row>
    <row r="559239" spans="8:8">
      <c r="H559239" s="12"/>
    </row>
    <row r="559240" spans="8:8">
      <c r="H559240" s="12"/>
    </row>
    <row r="559241" spans="8:8">
      <c r="H559241" s="12"/>
    </row>
    <row r="559242" spans="8:8">
      <c r="H559242" s="12"/>
    </row>
    <row r="559243" spans="8:8">
      <c r="H559243" s="12"/>
    </row>
    <row r="559244" spans="8:8">
      <c r="H559244" s="12"/>
    </row>
    <row r="559245" spans="8:8">
      <c r="H559245" s="12"/>
    </row>
    <row r="559246" spans="8:8">
      <c r="H559246" s="12"/>
    </row>
    <row r="559247" spans="8:8">
      <c r="H559247" s="12"/>
    </row>
    <row r="559248" spans="8:8">
      <c r="H559248" s="12"/>
    </row>
    <row r="559249" spans="8:8">
      <c r="H559249" s="12"/>
    </row>
    <row r="559250" spans="8:8">
      <c r="H559250" s="12"/>
    </row>
    <row r="559251" spans="8:8">
      <c r="H559251" s="12"/>
    </row>
    <row r="559252" spans="8:8">
      <c r="H559252" s="12"/>
    </row>
    <row r="559253" spans="8:8">
      <c r="H559253" s="12"/>
    </row>
    <row r="559254" spans="8:8">
      <c r="H559254" s="12"/>
    </row>
    <row r="559255" spans="8:8">
      <c r="H559255" s="12"/>
    </row>
    <row r="559256" spans="8:8">
      <c r="H559256" s="12"/>
    </row>
    <row r="559257" spans="8:8">
      <c r="H559257" s="12"/>
    </row>
    <row r="559258" spans="8:8">
      <c r="H559258" s="12"/>
    </row>
    <row r="559259" spans="8:8">
      <c r="H559259" s="12"/>
    </row>
    <row r="559260" spans="8:8">
      <c r="H559260" s="12"/>
    </row>
    <row r="559261" spans="8:8">
      <c r="H559261" s="12"/>
    </row>
    <row r="559262" spans="8:8">
      <c r="H559262" s="12"/>
    </row>
    <row r="559263" spans="8:8">
      <c r="H559263" s="12"/>
    </row>
    <row r="559264" spans="8:8">
      <c r="H559264" s="12"/>
    </row>
    <row r="559265" spans="8:8">
      <c r="H559265" s="12"/>
    </row>
    <row r="559266" spans="8:8">
      <c r="H559266" s="12"/>
    </row>
    <row r="559267" spans="8:8">
      <c r="H559267" s="12"/>
    </row>
    <row r="559268" spans="8:8">
      <c r="H559268" s="12"/>
    </row>
    <row r="559269" spans="8:8">
      <c r="H559269" s="12"/>
    </row>
    <row r="559270" spans="8:8">
      <c r="H559270" s="12"/>
    </row>
    <row r="559271" spans="8:8">
      <c r="H559271" s="12"/>
    </row>
    <row r="559272" spans="8:8">
      <c r="H559272" s="12"/>
    </row>
    <row r="559273" spans="8:8">
      <c r="H559273" s="12"/>
    </row>
    <row r="559274" spans="8:8">
      <c r="H559274" s="12"/>
    </row>
    <row r="559275" spans="8:8">
      <c r="H559275" s="12"/>
    </row>
    <row r="559276" spans="8:8">
      <c r="H559276" s="12"/>
    </row>
    <row r="559277" spans="8:8">
      <c r="H559277" s="12"/>
    </row>
    <row r="559278" spans="8:8">
      <c r="H559278" s="12"/>
    </row>
    <row r="559279" spans="8:8">
      <c r="H559279" s="12"/>
    </row>
    <row r="559280" spans="8:8">
      <c r="H559280" s="12"/>
    </row>
    <row r="559281" spans="8:8">
      <c r="H559281" s="12"/>
    </row>
    <row r="559282" spans="8:8">
      <c r="H559282" s="12"/>
    </row>
    <row r="559283" spans="8:8">
      <c r="H559283" s="12"/>
    </row>
    <row r="559284" spans="8:8">
      <c r="H559284" s="12"/>
    </row>
    <row r="559285" spans="8:8">
      <c r="H559285" s="12"/>
    </row>
    <row r="559286" spans="8:8">
      <c r="H559286" s="12"/>
    </row>
    <row r="559287" spans="8:8">
      <c r="H559287" s="12"/>
    </row>
    <row r="559288" spans="8:8">
      <c r="H559288" s="12"/>
    </row>
    <row r="559289" spans="8:8">
      <c r="H559289" s="12"/>
    </row>
    <row r="559290" spans="8:8">
      <c r="H559290" s="12"/>
    </row>
    <row r="559291" spans="8:8">
      <c r="H559291" s="12"/>
    </row>
    <row r="559292" spans="8:8">
      <c r="H559292" s="12"/>
    </row>
    <row r="559293" spans="8:8">
      <c r="H559293" s="12"/>
    </row>
    <row r="559294" spans="8:8">
      <c r="H559294" s="12"/>
    </row>
    <row r="559295" spans="8:8">
      <c r="H559295" s="12"/>
    </row>
    <row r="559296" spans="8:8">
      <c r="H559296" s="12"/>
    </row>
    <row r="559297" spans="8:8">
      <c r="H559297" s="12"/>
    </row>
    <row r="559298" spans="8:8">
      <c r="H559298" s="12"/>
    </row>
    <row r="559299" spans="8:8">
      <c r="H559299" s="12"/>
    </row>
    <row r="559300" spans="8:8">
      <c r="H559300" s="12"/>
    </row>
    <row r="559301" spans="8:8">
      <c r="H559301" s="12"/>
    </row>
    <row r="559302" spans="8:8">
      <c r="H559302" s="12"/>
    </row>
    <row r="559303" spans="8:8">
      <c r="H559303" s="12"/>
    </row>
    <row r="559304" spans="8:8">
      <c r="H559304" s="12"/>
    </row>
    <row r="559305" spans="8:8">
      <c r="H559305" s="12"/>
    </row>
    <row r="559306" spans="8:8">
      <c r="H559306" s="12"/>
    </row>
    <row r="559307" spans="8:8">
      <c r="H559307" s="12"/>
    </row>
    <row r="559308" spans="8:8">
      <c r="H559308" s="12"/>
    </row>
    <row r="559309" spans="8:8">
      <c r="H559309" s="12"/>
    </row>
    <row r="559310" spans="8:8">
      <c r="H559310" s="12"/>
    </row>
    <row r="559311" spans="8:8">
      <c r="H559311" s="12"/>
    </row>
    <row r="559312" spans="8:8">
      <c r="H559312" s="12"/>
    </row>
    <row r="559313" spans="8:8">
      <c r="H559313" s="12"/>
    </row>
    <row r="559314" spans="8:8">
      <c r="H559314" s="12"/>
    </row>
    <row r="559315" spans="8:8">
      <c r="H559315" s="12"/>
    </row>
    <row r="559316" spans="8:8">
      <c r="H559316" s="12"/>
    </row>
    <row r="559317" spans="8:8">
      <c r="H559317" s="12"/>
    </row>
    <row r="559318" spans="8:8">
      <c r="H559318" s="12"/>
    </row>
    <row r="559319" spans="8:8">
      <c r="H559319" s="12"/>
    </row>
    <row r="559320" spans="8:8">
      <c r="H559320" s="12"/>
    </row>
    <row r="559321" spans="8:8">
      <c r="H559321" s="12"/>
    </row>
    <row r="559322" spans="8:8">
      <c r="H559322" s="12"/>
    </row>
    <row r="559323" spans="8:8">
      <c r="H559323" s="12"/>
    </row>
    <row r="559324" spans="8:8">
      <c r="H559324" s="12"/>
    </row>
    <row r="559325" spans="8:8">
      <c r="H559325" s="12"/>
    </row>
    <row r="559326" spans="8:8">
      <c r="H559326" s="12"/>
    </row>
    <row r="559327" spans="8:8">
      <c r="H559327" s="12"/>
    </row>
    <row r="559328" spans="8:8">
      <c r="H559328" s="12"/>
    </row>
    <row r="559329" spans="8:8">
      <c r="H559329" s="12"/>
    </row>
    <row r="559330" spans="8:8">
      <c r="H559330" s="12"/>
    </row>
    <row r="559331" spans="8:8">
      <c r="H559331" s="12"/>
    </row>
    <row r="559332" spans="8:8">
      <c r="H559332" s="12"/>
    </row>
    <row r="559333" spans="8:8">
      <c r="H559333" s="12"/>
    </row>
    <row r="559334" spans="8:8">
      <c r="H559334" s="12"/>
    </row>
    <row r="559335" spans="8:8">
      <c r="H559335" s="12"/>
    </row>
    <row r="559336" spans="8:8">
      <c r="H559336" s="12"/>
    </row>
    <row r="559337" spans="8:8">
      <c r="H559337" s="12"/>
    </row>
    <row r="559338" spans="8:8">
      <c r="H559338" s="12"/>
    </row>
    <row r="559339" spans="8:8">
      <c r="H559339" s="12"/>
    </row>
    <row r="559340" spans="8:8">
      <c r="H559340" s="12"/>
    </row>
    <row r="559341" spans="8:8">
      <c r="H559341" s="12"/>
    </row>
    <row r="559342" spans="8:8">
      <c r="H559342" s="12"/>
    </row>
    <row r="559343" spans="8:8">
      <c r="H559343" s="12"/>
    </row>
    <row r="559344" spans="8:8">
      <c r="H559344" s="12"/>
    </row>
    <row r="559345" spans="8:8">
      <c r="H559345" s="12"/>
    </row>
    <row r="559346" spans="8:8">
      <c r="H559346" s="12"/>
    </row>
    <row r="559347" spans="8:8">
      <c r="H559347" s="12"/>
    </row>
    <row r="559348" spans="8:8">
      <c r="H559348" s="12"/>
    </row>
    <row r="559349" spans="8:8">
      <c r="H559349" s="12"/>
    </row>
    <row r="559350" spans="8:8">
      <c r="H559350" s="12"/>
    </row>
    <row r="559351" spans="8:8">
      <c r="H559351" s="12"/>
    </row>
    <row r="559352" spans="8:8">
      <c r="H559352" s="12"/>
    </row>
    <row r="559353" spans="8:8">
      <c r="H559353" s="12"/>
    </row>
    <row r="559354" spans="8:8">
      <c r="H559354" s="12"/>
    </row>
    <row r="559355" spans="8:8">
      <c r="H559355" s="12"/>
    </row>
    <row r="559356" spans="8:8">
      <c r="H559356" s="12"/>
    </row>
    <row r="559357" spans="8:8">
      <c r="H559357" s="12"/>
    </row>
    <row r="559358" spans="8:8">
      <c r="H559358" s="12"/>
    </row>
    <row r="559359" spans="8:8">
      <c r="H559359" s="12"/>
    </row>
    <row r="559360" spans="8:8">
      <c r="H559360" s="12"/>
    </row>
    <row r="559361" spans="8:8">
      <c r="H559361" s="12"/>
    </row>
    <row r="559362" spans="8:8">
      <c r="H559362" s="12"/>
    </row>
    <row r="559363" spans="8:8">
      <c r="H559363" s="12"/>
    </row>
    <row r="559364" spans="8:8">
      <c r="H559364" s="12"/>
    </row>
    <row r="559365" spans="8:8">
      <c r="H559365" s="12"/>
    </row>
    <row r="559366" spans="8:8">
      <c r="H559366" s="12"/>
    </row>
    <row r="559367" spans="8:8">
      <c r="H559367" s="12"/>
    </row>
    <row r="559368" spans="8:8">
      <c r="H559368" s="12"/>
    </row>
    <row r="559369" spans="8:8">
      <c r="H559369" s="12"/>
    </row>
    <row r="559370" spans="8:8">
      <c r="H559370" s="12"/>
    </row>
    <row r="559371" spans="8:8">
      <c r="H559371" s="12"/>
    </row>
    <row r="559372" spans="8:8">
      <c r="H559372" s="12"/>
    </row>
    <row r="559373" spans="8:8">
      <c r="H559373" s="12"/>
    </row>
    <row r="559374" spans="8:8">
      <c r="H559374" s="12"/>
    </row>
    <row r="559375" spans="8:8">
      <c r="H559375" s="12"/>
    </row>
    <row r="559376" spans="8:8">
      <c r="H559376" s="12"/>
    </row>
    <row r="559377" spans="8:8">
      <c r="H559377" s="12"/>
    </row>
    <row r="559378" spans="8:8">
      <c r="H559378" s="12"/>
    </row>
    <row r="559379" spans="8:8">
      <c r="H559379" s="12"/>
    </row>
    <row r="559380" spans="8:8">
      <c r="H559380" s="12"/>
    </row>
    <row r="559381" spans="8:8">
      <c r="H559381" s="12"/>
    </row>
    <row r="559382" spans="8:8">
      <c r="H559382" s="12"/>
    </row>
    <row r="559383" spans="8:8">
      <c r="H559383" s="12"/>
    </row>
    <row r="559384" spans="8:8">
      <c r="H559384" s="12"/>
    </row>
    <row r="559385" spans="8:8">
      <c r="H559385" s="12"/>
    </row>
    <row r="559386" spans="8:8">
      <c r="H559386" s="12"/>
    </row>
    <row r="559387" spans="8:8">
      <c r="H559387" s="12"/>
    </row>
    <row r="559388" spans="8:8">
      <c r="H559388" s="12"/>
    </row>
    <row r="559389" spans="8:8">
      <c r="H559389" s="12"/>
    </row>
    <row r="559390" spans="8:8">
      <c r="H559390" s="12"/>
    </row>
    <row r="559391" spans="8:8">
      <c r="H559391" s="12"/>
    </row>
    <row r="559392" spans="8:8">
      <c r="H559392" s="12"/>
    </row>
    <row r="559393" spans="8:8">
      <c r="H559393" s="12"/>
    </row>
    <row r="559394" spans="8:8">
      <c r="H559394" s="12"/>
    </row>
    <row r="559395" spans="8:8">
      <c r="H559395" s="12"/>
    </row>
    <row r="559396" spans="8:8">
      <c r="H559396" s="12"/>
    </row>
    <row r="559397" spans="8:8">
      <c r="H559397" s="12"/>
    </row>
    <row r="559398" spans="8:8">
      <c r="H559398" s="12"/>
    </row>
    <row r="559399" spans="8:8">
      <c r="H559399" s="12"/>
    </row>
    <row r="559400" spans="8:8">
      <c r="H559400" s="12"/>
    </row>
    <row r="559401" spans="8:8">
      <c r="H559401" s="12"/>
    </row>
    <row r="559402" spans="8:8">
      <c r="H559402" s="12"/>
    </row>
    <row r="559403" spans="8:8">
      <c r="H559403" s="12"/>
    </row>
    <row r="559404" spans="8:8">
      <c r="H559404" s="12"/>
    </row>
    <row r="559405" spans="8:8">
      <c r="H559405" s="12"/>
    </row>
    <row r="559406" spans="8:8">
      <c r="H559406" s="12"/>
    </row>
    <row r="559407" spans="8:8">
      <c r="H559407" s="12"/>
    </row>
    <row r="559408" spans="8:8">
      <c r="H559408" s="12"/>
    </row>
    <row r="559409" spans="8:8">
      <c r="H559409" s="12"/>
    </row>
    <row r="559410" spans="8:8">
      <c r="H559410" s="12"/>
    </row>
    <row r="559411" spans="8:8">
      <c r="H559411" s="12"/>
    </row>
    <row r="559412" spans="8:8">
      <c r="H559412" s="12"/>
    </row>
    <row r="559413" spans="8:8">
      <c r="H559413" s="12"/>
    </row>
    <row r="559414" spans="8:8">
      <c r="H559414" s="12"/>
    </row>
    <row r="559415" spans="8:8">
      <c r="H559415" s="12"/>
    </row>
    <row r="559416" spans="8:8">
      <c r="H559416" s="12"/>
    </row>
    <row r="559417" spans="8:8">
      <c r="H559417" s="12"/>
    </row>
    <row r="559418" spans="8:8">
      <c r="H559418" s="12"/>
    </row>
    <row r="559419" spans="8:8">
      <c r="H559419" s="12"/>
    </row>
    <row r="559420" spans="8:8">
      <c r="H559420" s="12"/>
    </row>
    <row r="559421" spans="8:8">
      <c r="H559421" s="12"/>
    </row>
    <row r="559422" spans="8:8">
      <c r="H559422" s="12"/>
    </row>
    <row r="559423" spans="8:8">
      <c r="H559423" s="12"/>
    </row>
    <row r="559424" spans="8:8">
      <c r="H559424" s="12"/>
    </row>
    <row r="559425" spans="8:8">
      <c r="H559425" s="12"/>
    </row>
    <row r="559426" spans="8:8">
      <c r="H559426" s="12"/>
    </row>
    <row r="559427" spans="8:8">
      <c r="H559427" s="12"/>
    </row>
    <row r="559428" spans="8:8">
      <c r="H559428" s="12"/>
    </row>
    <row r="559429" spans="8:8">
      <c r="H559429" s="12"/>
    </row>
    <row r="559430" spans="8:8">
      <c r="H559430" s="12"/>
    </row>
    <row r="559431" spans="8:8">
      <c r="H559431" s="12"/>
    </row>
    <row r="559432" spans="8:8">
      <c r="H559432" s="12"/>
    </row>
    <row r="559433" spans="8:8">
      <c r="H559433" s="12"/>
    </row>
    <row r="559434" spans="8:8">
      <c r="H559434" s="12"/>
    </row>
    <row r="559435" spans="8:8">
      <c r="H559435" s="12"/>
    </row>
    <row r="559436" spans="8:8">
      <c r="H559436" s="12"/>
    </row>
    <row r="559437" spans="8:8">
      <c r="H559437" s="12"/>
    </row>
    <row r="559438" spans="8:8">
      <c r="H559438" s="12"/>
    </row>
    <row r="559439" spans="8:8">
      <c r="H559439" s="12"/>
    </row>
    <row r="559440" spans="8:8">
      <c r="H559440" s="12"/>
    </row>
    <row r="559441" spans="8:8">
      <c r="H559441" s="12"/>
    </row>
    <row r="559442" spans="8:8">
      <c r="H559442" s="12"/>
    </row>
    <row r="559443" spans="8:8">
      <c r="H559443" s="12"/>
    </row>
    <row r="559444" spans="8:8">
      <c r="H559444" s="12"/>
    </row>
    <row r="559445" spans="8:8">
      <c r="H559445" s="12"/>
    </row>
    <row r="559446" spans="8:8">
      <c r="H559446" s="12"/>
    </row>
    <row r="559447" spans="8:8">
      <c r="H559447" s="12"/>
    </row>
    <row r="559448" spans="8:8">
      <c r="H559448" s="12"/>
    </row>
    <row r="559449" spans="8:8">
      <c r="H559449" s="12"/>
    </row>
    <row r="559450" spans="8:8">
      <c r="H559450" s="12"/>
    </row>
    <row r="559451" spans="8:8">
      <c r="H559451" s="12"/>
    </row>
    <row r="559452" spans="8:8">
      <c r="H559452" s="12"/>
    </row>
    <row r="559453" spans="8:8">
      <c r="H559453" s="12"/>
    </row>
    <row r="559454" spans="8:8">
      <c r="H559454" s="12"/>
    </row>
    <row r="559455" spans="8:8">
      <c r="H559455" s="12"/>
    </row>
    <row r="559456" spans="8:8">
      <c r="H559456" s="12"/>
    </row>
    <row r="559457" spans="8:8">
      <c r="H559457" s="12"/>
    </row>
    <row r="559458" spans="8:8">
      <c r="H559458" s="12"/>
    </row>
    <row r="559459" spans="8:8">
      <c r="H559459" s="12"/>
    </row>
    <row r="559460" spans="8:8">
      <c r="H559460" s="12"/>
    </row>
    <row r="559461" spans="8:8">
      <c r="H559461" s="12"/>
    </row>
    <row r="559462" spans="8:8">
      <c r="H559462" s="12"/>
    </row>
    <row r="559463" spans="8:8">
      <c r="H559463" s="12"/>
    </row>
    <row r="559464" spans="8:8">
      <c r="H559464" s="12"/>
    </row>
    <row r="559465" spans="8:8">
      <c r="H559465" s="12"/>
    </row>
    <row r="559466" spans="8:8">
      <c r="H559466" s="12"/>
    </row>
    <row r="559467" spans="8:8">
      <c r="H559467" s="12"/>
    </row>
    <row r="559468" spans="8:8">
      <c r="H559468" s="12"/>
    </row>
    <row r="559469" spans="8:8">
      <c r="H559469" s="12"/>
    </row>
    <row r="559470" spans="8:8">
      <c r="H559470" s="12"/>
    </row>
    <row r="559471" spans="8:8">
      <c r="H559471" s="12"/>
    </row>
    <row r="559472" spans="8:8">
      <c r="H559472" s="12"/>
    </row>
    <row r="559473" spans="8:8">
      <c r="H559473" s="12"/>
    </row>
    <row r="559474" spans="8:8">
      <c r="H559474" s="12"/>
    </row>
    <row r="559475" spans="8:8">
      <c r="H559475" s="12"/>
    </row>
    <row r="559476" spans="8:8">
      <c r="H559476" s="12"/>
    </row>
    <row r="559477" spans="8:8">
      <c r="H559477" s="12"/>
    </row>
    <row r="559478" spans="8:8">
      <c r="H559478" s="12"/>
    </row>
    <row r="559479" spans="8:8">
      <c r="H559479" s="12"/>
    </row>
    <row r="559480" spans="8:8">
      <c r="H559480" s="12"/>
    </row>
    <row r="559481" spans="8:8">
      <c r="H559481" s="12"/>
    </row>
    <row r="559482" spans="8:8">
      <c r="H559482" s="12"/>
    </row>
    <row r="559483" spans="8:8">
      <c r="H559483" s="12"/>
    </row>
    <row r="559484" spans="8:8">
      <c r="H559484" s="12"/>
    </row>
    <row r="559485" spans="8:8">
      <c r="H559485" s="12"/>
    </row>
    <row r="559486" spans="8:8">
      <c r="H559486" s="12"/>
    </row>
    <row r="559487" spans="8:8">
      <c r="H559487" s="12"/>
    </row>
    <row r="559488" spans="8:8">
      <c r="H559488" s="12"/>
    </row>
    <row r="559489" spans="8:8">
      <c r="H559489" s="12"/>
    </row>
    <row r="559490" spans="8:8">
      <c r="H559490" s="12"/>
    </row>
    <row r="559491" spans="8:8">
      <c r="H559491" s="12"/>
    </row>
    <row r="559492" spans="8:8">
      <c r="H559492" s="12"/>
    </row>
    <row r="559493" spans="8:8">
      <c r="H559493" s="12"/>
    </row>
    <row r="559494" spans="8:8">
      <c r="H559494" s="12"/>
    </row>
    <row r="559495" spans="8:8">
      <c r="H559495" s="12"/>
    </row>
    <row r="559496" spans="8:8">
      <c r="H559496" s="12"/>
    </row>
    <row r="559497" spans="8:8">
      <c r="H559497" s="12"/>
    </row>
    <row r="559498" spans="8:8">
      <c r="H559498" s="12"/>
    </row>
    <row r="559499" spans="8:8">
      <c r="H559499" s="12"/>
    </row>
    <row r="559500" spans="8:8">
      <c r="H559500" s="12"/>
    </row>
    <row r="559501" spans="8:8">
      <c r="H559501" s="12"/>
    </row>
    <row r="559502" spans="8:8">
      <c r="H559502" s="12"/>
    </row>
    <row r="559503" spans="8:8">
      <c r="H559503" s="12"/>
    </row>
    <row r="559504" spans="8:8">
      <c r="H559504" s="12"/>
    </row>
    <row r="559505" spans="8:8">
      <c r="H559505" s="12"/>
    </row>
    <row r="559506" spans="8:8">
      <c r="H559506" s="12"/>
    </row>
    <row r="559507" spans="8:8">
      <c r="H559507" s="12"/>
    </row>
    <row r="559508" spans="8:8">
      <c r="H559508" s="12"/>
    </row>
    <row r="559509" spans="8:8">
      <c r="H559509" s="12"/>
    </row>
    <row r="559510" spans="8:8">
      <c r="H559510" s="12"/>
    </row>
    <row r="559511" spans="8:8">
      <c r="H559511" s="12"/>
    </row>
    <row r="559512" spans="8:8">
      <c r="H559512" s="12"/>
    </row>
    <row r="559513" spans="8:8">
      <c r="H559513" s="12"/>
    </row>
    <row r="559514" spans="8:8">
      <c r="H559514" s="12"/>
    </row>
    <row r="559515" spans="8:8">
      <c r="H559515" s="12"/>
    </row>
    <row r="559516" spans="8:8">
      <c r="H559516" s="12"/>
    </row>
    <row r="559517" spans="8:8">
      <c r="H559517" s="12"/>
    </row>
    <row r="559518" spans="8:8">
      <c r="H559518" s="12"/>
    </row>
    <row r="559519" spans="8:8">
      <c r="H559519" s="12"/>
    </row>
    <row r="559520" spans="8:8">
      <c r="H559520" s="12"/>
    </row>
    <row r="559521" spans="8:8">
      <c r="H559521" s="12"/>
    </row>
    <row r="559522" spans="8:8">
      <c r="H559522" s="12"/>
    </row>
    <row r="559523" spans="8:8">
      <c r="H559523" s="12"/>
    </row>
    <row r="559524" spans="8:8">
      <c r="H559524" s="12"/>
    </row>
    <row r="559525" spans="8:8">
      <c r="H559525" s="12"/>
    </row>
    <row r="559526" spans="8:8">
      <c r="H559526" s="12"/>
    </row>
    <row r="559527" spans="8:8">
      <c r="H559527" s="12"/>
    </row>
    <row r="559528" spans="8:8">
      <c r="H559528" s="12"/>
    </row>
    <row r="559529" spans="8:8">
      <c r="H559529" s="12"/>
    </row>
    <row r="559530" spans="8:8">
      <c r="H559530" s="12"/>
    </row>
    <row r="559531" spans="8:8">
      <c r="H559531" s="12"/>
    </row>
    <row r="559532" spans="8:8">
      <c r="H559532" s="12"/>
    </row>
    <row r="559533" spans="8:8">
      <c r="H559533" s="12"/>
    </row>
    <row r="559534" spans="8:8">
      <c r="H559534" s="12"/>
    </row>
    <row r="559535" spans="8:8">
      <c r="H559535" s="12"/>
    </row>
    <row r="559536" spans="8:8">
      <c r="H559536" s="12"/>
    </row>
    <row r="559537" spans="8:8">
      <c r="H559537" s="12"/>
    </row>
    <row r="559538" spans="8:8">
      <c r="H559538" s="12"/>
    </row>
    <row r="559539" spans="8:8">
      <c r="H559539" s="12"/>
    </row>
    <row r="559540" spans="8:8">
      <c r="H559540" s="12"/>
    </row>
    <row r="559541" spans="8:8">
      <c r="H559541" s="12"/>
    </row>
    <row r="559542" spans="8:8">
      <c r="H559542" s="12"/>
    </row>
    <row r="559543" spans="8:8">
      <c r="H559543" s="12"/>
    </row>
    <row r="559544" spans="8:8">
      <c r="H559544" s="12"/>
    </row>
    <row r="559545" spans="8:8">
      <c r="H559545" s="12"/>
    </row>
    <row r="559546" spans="8:8">
      <c r="H559546" s="12"/>
    </row>
    <row r="559547" spans="8:8">
      <c r="H559547" s="12"/>
    </row>
    <row r="559548" spans="8:8">
      <c r="H559548" s="12"/>
    </row>
    <row r="559549" spans="8:8">
      <c r="H559549" s="12"/>
    </row>
    <row r="559550" spans="8:8">
      <c r="H559550" s="12"/>
    </row>
    <row r="559551" spans="8:8">
      <c r="H559551" s="12"/>
    </row>
    <row r="559552" spans="8:8">
      <c r="H559552" s="12"/>
    </row>
    <row r="559553" spans="8:8">
      <c r="H559553" s="12"/>
    </row>
    <row r="559554" spans="8:8">
      <c r="H559554" s="12"/>
    </row>
    <row r="559555" spans="8:8">
      <c r="H559555" s="12"/>
    </row>
    <row r="559556" spans="8:8">
      <c r="H559556" s="12"/>
    </row>
    <row r="559557" spans="8:8">
      <c r="H559557" s="12"/>
    </row>
    <row r="559558" spans="8:8">
      <c r="H559558" s="12"/>
    </row>
    <row r="559559" spans="8:8">
      <c r="H559559" s="12"/>
    </row>
    <row r="559560" spans="8:8">
      <c r="H559560" s="12"/>
    </row>
    <row r="559561" spans="8:8">
      <c r="H559561" s="12"/>
    </row>
    <row r="559562" spans="8:8">
      <c r="H559562" s="12"/>
    </row>
    <row r="559563" spans="8:8">
      <c r="H559563" s="12"/>
    </row>
    <row r="559564" spans="8:8">
      <c r="H559564" s="12"/>
    </row>
    <row r="559565" spans="8:8">
      <c r="H559565" s="12"/>
    </row>
    <row r="559566" spans="8:8">
      <c r="H559566" s="12"/>
    </row>
    <row r="559567" spans="8:8">
      <c r="H559567" s="12"/>
    </row>
    <row r="559568" spans="8:8">
      <c r="H559568" s="12"/>
    </row>
    <row r="559569" spans="8:8">
      <c r="H559569" s="12"/>
    </row>
    <row r="559570" spans="8:8">
      <c r="H559570" s="12"/>
    </row>
    <row r="559571" spans="8:8">
      <c r="H559571" s="12"/>
    </row>
    <row r="559572" spans="8:8">
      <c r="H559572" s="12"/>
    </row>
    <row r="559573" spans="8:8">
      <c r="H559573" s="12"/>
    </row>
    <row r="559574" spans="8:8">
      <c r="H559574" s="12"/>
    </row>
    <row r="559575" spans="8:8">
      <c r="H559575" s="12"/>
    </row>
    <row r="559576" spans="8:8">
      <c r="H559576" s="12"/>
    </row>
    <row r="559577" spans="8:8">
      <c r="H559577" s="12"/>
    </row>
    <row r="559578" spans="8:8">
      <c r="H559578" s="12"/>
    </row>
    <row r="559579" spans="8:8">
      <c r="H559579" s="12"/>
    </row>
    <row r="559580" spans="8:8">
      <c r="H559580" s="12"/>
    </row>
    <row r="559581" spans="8:8">
      <c r="H559581" s="12"/>
    </row>
    <row r="559582" spans="8:8">
      <c r="H559582" s="12"/>
    </row>
    <row r="559583" spans="8:8">
      <c r="H559583" s="12"/>
    </row>
    <row r="559584" spans="8:8">
      <c r="H559584" s="12"/>
    </row>
    <row r="559585" spans="8:8">
      <c r="H559585" s="12"/>
    </row>
    <row r="559586" spans="8:8">
      <c r="H559586" s="12"/>
    </row>
    <row r="559587" spans="8:8">
      <c r="H559587" s="12"/>
    </row>
    <row r="559588" spans="8:8">
      <c r="H559588" s="12"/>
    </row>
    <row r="559589" spans="8:8">
      <c r="H559589" s="12"/>
    </row>
    <row r="559590" spans="8:8">
      <c r="H559590" s="12"/>
    </row>
    <row r="559591" spans="8:8">
      <c r="H559591" s="12"/>
    </row>
    <row r="559592" spans="8:8">
      <c r="H559592" s="12"/>
    </row>
    <row r="559593" spans="8:8">
      <c r="H559593" s="12"/>
    </row>
    <row r="559594" spans="8:8">
      <c r="H559594" s="12"/>
    </row>
    <row r="559595" spans="8:8">
      <c r="H559595" s="12"/>
    </row>
    <row r="559596" spans="8:8">
      <c r="H559596" s="12"/>
    </row>
    <row r="559597" spans="8:8">
      <c r="H559597" s="12"/>
    </row>
    <row r="559598" spans="8:8">
      <c r="H559598" s="12"/>
    </row>
    <row r="559599" spans="8:8">
      <c r="H559599" s="12"/>
    </row>
    <row r="559600" spans="8:8">
      <c r="H559600" s="12"/>
    </row>
    <row r="559601" spans="8:8">
      <c r="H559601" s="12"/>
    </row>
    <row r="559602" spans="8:8">
      <c r="H559602" s="12"/>
    </row>
    <row r="559603" spans="8:8">
      <c r="H559603" s="12"/>
    </row>
    <row r="559604" spans="8:8">
      <c r="H559604" s="12"/>
    </row>
    <row r="559605" spans="8:8">
      <c r="H559605" s="12"/>
    </row>
    <row r="559606" spans="8:8">
      <c r="H559606" s="12"/>
    </row>
    <row r="559607" spans="8:8">
      <c r="H559607" s="12"/>
    </row>
    <row r="559608" spans="8:8">
      <c r="H559608" s="12"/>
    </row>
    <row r="559609" spans="8:8">
      <c r="H559609" s="12"/>
    </row>
    <row r="559610" spans="8:8">
      <c r="H559610" s="12"/>
    </row>
    <row r="559611" spans="8:8">
      <c r="H559611" s="12"/>
    </row>
    <row r="559612" spans="8:8">
      <c r="H559612" s="12"/>
    </row>
    <row r="559613" spans="8:8">
      <c r="H559613" s="12"/>
    </row>
    <row r="559614" spans="8:8">
      <c r="H559614" s="12"/>
    </row>
    <row r="559615" spans="8:8">
      <c r="H559615" s="12"/>
    </row>
    <row r="559616" spans="8:8">
      <c r="H559616" s="12"/>
    </row>
    <row r="559617" spans="8:8">
      <c r="H559617" s="12"/>
    </row>
    <row r="559618" spans="8:8">
      <c r="H559618" s="12"/>
    </row>
    <row r="559619" spans="8:8">
      <c r="H559619" s="12"/>
    </row>
    <row r="559620" spans="8:8">
      <c r="H559620" s="12"/>
    </row>
    <row r="559621" spans="8:8">
      <c r="H559621" s="12"/>
    </row>
    <row r="559622" spans="8:8">
      <c r="H559622" s="12"/>
    </row>
    <row r="559623" spans="8:8">
      <c r="H559623" s="12"/>
    </row>
    <row r="559624" spans="8:8">
      <c r="H559624" s="12"/>
    </row>
    <row r="559625" spans="8:8">
      <c r="H559625" s="12"/>
    </row>
    <row r="559626" spans="8:8">
      <c r="H559626" s="12"/>
    </row>
    <row r="559627" spans="8:8">
      <c r="H559627" s="12"/>
    </row>
    <row r="559628" spans="8:8">
      <c r="H559628" s="12"/>
    </row>
    <row r="559629" spans="8:8">
      <c r="H559629" s="12"/>
    </row>
    <row r="559630" spans="8:8">
      <c r="H559630" s="12"/>
    </row>
    <row r="559631" spans="8:8">
      <c r="H559631" s="12"/>
    </row>
    <row r="559632" spans="8:8">
      <c r="H559632" s="12"/>
    </row>
    <row r="559633" spans="8:8">
      <c r="H559633" s="12"/>
    </row>
    <row r="559634" spans="8:8">
      <c r="H559634" s="12"/>
    </row>
    <row r="559635" spans="8:8">
      <c r="H559635" s="12"/>
    </row>
    <row r="559636" spans="8:8">
      <c r="H559636" s="12"/>
    </row>
    <row r="559637" spans="8:8">
      <c r="H559637" s="12"/>
    </row>
    <row r="559638" spans="8:8">
      <c r="H559638" s="12"/>
    </row>
    <row r="559639" spans="8:8">
      <c r="H559639" s="12"/>
    </row>
    <row r="559640" spans="8:8">
      <c r="H559640" s="12"/>
    </row>
    <row r="559641" spans="8:8">
      <c r="H559641" s="12"/>
    </row>
    <row r="559642" spans="8:8">
      <c r="H559642" s="12"/>
    </row>
    <row r="559643" spans="8:8">
      <c r="H559643" s="12"/>
    </row>
    <row r="559644" spans="8:8">
      <c r="H559644" s="12"/>
    </row>
    <row r="559645" spans="8:8">
      <c r="H559645" s="12"/>
    </row>
    <row r="559646" spans="8:8">
      <c r="H559646" s="12"/>
    </row>
    <row r="559647" spans="8:8">
      <c r="H559647" s="12"/>
    </row>
    <row r="559648" spans="8:8">
      <c r="H559648" s="12"/>
    </row>
    <row r="559649" spans="8:8">
      <c r="H559649" s="12"/>
    </row>
    <row r="559650" spans="8:8">
      <c r="H559650" s="12"/>
    </row>
    <row r="559651" spans="8:8">
      <c r="H559651" s="12"/>
    </row>
    <row r="559652" spans="8:8">
      <c r="H559652" s="12"/>
    </row>
    <row r="559653" spans="8:8">
      <c r="H559653" s="12"/>
    </row>
    <row r="559654" spans="8:8">
      <c r="H559654" s="12"/>
    </row>
    <row r="559655" spans="8:8">
      <c r="H559655" s="12"/>
    </row>
    <row r="559656" spans="8:8">
      <c r="H559656" s="12"/>
    </row>
    <row r="559657" spans="8:8">
      <c r="H559657" s="12"/>
    </row>
    <row r="559658" spans="8:8">
      <c r="H559658" s="12"/>
    </row>
    <row r="559659" spans="8:8">
      <c r="H559659" s="12"/>
    </row>
    <row r="559660" spans="8:8">
      <c r="H559660" s="12"/>
    </row>
    <row r="559661" spans="8:8">
      <c r="H559661" s="12"/>
    </row>
    <row r="559662" spans="8:8">
      <c r="H559662" s="12"/>
    </row>
    <row r="559663" spans="8:8">
      <c r="H559663" s="12"/>
    </row>
    <row r="559664" spans="8:8">
      <c r="H559664" s="12"/>
    </row>
    <row r="559665" spans="8:8">
      <c r="H559665" s="12"/>
    </row>
    <row r="559666" spans="8:8">
      <c r="H559666" s="12"/>
    </row>
    <row r="559667" spans="8:8">
      <c r="H559667" s="12"/>
    </row>
    <row r="559668" spans="8:8">
      <c r="H559668" s="12"/>
    </row>
    <row r="559669" spans="8:8">
      <c r="H559669" s="12"/>
    </row>
    <row r="559670" spans="8:8">
      <c r="H559670" s="12"/>
    </row>
    <row r="559671" spans="8:8">
      <c r="H559671" s="12"/>
    </row>
    <row r="559672" spans="8:8">
      <c r="H559672" s="12"/>
    </row>
    <row r="559673" spans="8:8">
      <c r="H559673" s="12"/>
    </row>
    <row r="559674" spans="8:8">
      <c r="H559674" s="12"/>
    </row>
    <row r="559675" spans="8:8">
      <c r="H559675" s="12"/>
    </row>
    <row r="559676" spans="8:8">
      <c r="H559676" s="12"/>
    </row>
    <row r="559677" spans="8:8">
      <c r="H559677" s="12"/>
    </row>
    <row r="559678" spans="8:8">
      <c r="H559678" s="12"/>
    </row>
    <row r="559679" spans="8:8">
      <c r="H559679" s="12"/>
    </row>
    <row r="559680" spans="8:8">
      <c r="H559680" s="12"/>
    </row>
    <row r="559681" spans="8:8">
      <c r="H559681" s="12"/>
    </row>
    <row r="559682" spans="8:8">
      <c r="H559682" s="12"/>
    </row>
    <row r="559683" spans="8:8">
      <c r="H559683" s="12"/>
    </row>
    <row r="559684" spans="8:8">
      <c r="H559684" s="12"/>
    </row>
    <row r="559685" spans="8:8">
      <c r="H559685" s="12"/>
    </row>
    <row r="559686" spans="8:8">
      <c r="H559686" s="12"/>
    </row>
    <row r="559687" spans="8:8">
      <c r="H559687" s="12"/>
    </row>
    <row r="559688" spans="8:8">
      <c r="H559688" s="12"/>
    </row>
    <row r="559689" spans="8:8">
      <c r="H559689" s="12"/>
    </row>
    <row r="559690" spans="8:8">
      <c r="H559690" s="12"/>
    </row>
    <row r="559691" spans="8:8">
      <c r="H559691" s="12"/>
    </row>
    <row r="559692" spans="8:8">
      <c r="H559692" s="12"/>
    </row>
    <row r="559693" spans="8:8">
      <c r="H559693" s="12"/>
    </row>
    <row r="559694" spans="8:8">
      <c r="H559694" s="12"/>
    </row>
    <row r="559695" spans="8:8">
      <c r="H559695" s="12"/>
    </row>
    <row r="559696" spans="8:8">
      <c r="H559696" s="12"/>
    </row>
    <row r="559697" spans="8:8">
      <c r="H559697" s="12"/>
    </row>
    <row r="559698" spans="8:8">
      <c r="H559698" s="12"/>
    </row>
    <row r="559699" spans="8:8">
      <c r="H559699" s="12"/>
    </row>
    <row r="559700" spans="8:8">
      <c r="H559700" s="12"/>
    </row>
    <row r="559701" spans="8:8">
      <c r="H559701" s="12"/>
    </row>
    <row r="559702" spans="8:8">
      <c r="H559702" s="12"/>
    </row>
    <row r="559703" spans="8:8">
      <c r="H559703" s="12"/>
    </row>
    <row r="559704" spans="8:8">
      <c r="H559704" s="12"/>
    </row>
    <row r="559705" spans="8:8">
      <c r="H559705" s="12"/>
    </row>
    <row r="559706" spans="8:8">
      <c r="H559706" s="12"/>
    </row>
    <row r="559707" spans="8:8">
      <c r="H559707" s="12"/>
    </row>
    <row r="559708" spans="8:8">
      <c r="H559708" s="12"/>
    </row>
    <row r="559709" spans="8:8">
      <c r="H559709" s="12"/>
    </row>
    <row r="559710" spans="8:8">
      <c r="H559710" s="12"/>
    </row>
    <row r="559711" spans="8:8">
      <c r="H559711" s="12"/>
    </row>
    <row r="559712" spans="8:8">
      <c r="H559712" s="12"/>
    </row>
    <row r="559713" spans="8:8">
      <c r="H559713" s="12"/>
    </row>
    <row r="559714" spans="8:8">
      <c r="H559714" s="12"/>
    </row>
    <row r="559715" spans="8:8">
      <c r="H559715" s="12"/>
    </row>
    <row r="559716" spans="8:8">
      <c r="H559716" s="12"/>
    </row>
    <row r="559717" spans="8:8">
      <c r="H559717" s="12"/>
    </row>
    <row r="559718" spans="8:8">
      <c r="H559718" s="12"/>
    </row>
    <row r="559719" spans="8:8">
      <c r="H559719" s="12"/>
    </row>
    <row r="559720" spans="8:8">
      <c r="H559720" s="12"/>
    </row>
    <row r="559721" spans="8:8">
      <c r="H559721" s="12"/>
    </row>
    <row r="559722" spans="8:8">
      <c r="H559722" s="12"/>
    </row>
    <row r="559723" spans="8:8">
      <c r="H559723" s="12"/>
    </row>
    <row r="559724" spans="8:8">
      <c r="H559724" s="12"/>
    </row>
    <row r="559725" spans="8:8">
      <c r="H559725" s="12"/>
    </row>
    <row r="559726" spans="8:8">
      <c r="H559726" s="12"/>
    </row>
    <row r="559727" spans="8:8">
      <c r="H559727" s="12"/>
    </row>
    <row r="559728" spans="8:8">
      <c r="H559728" s="12"/>
    </row>
    <row r="559729" spans="8:8">
      <c r="H559729" s="12"/>
    </row>
    <row r="559730" spans="8:8">
      <c r="H559730" s="12"/>
    </row>
    <row r="559731" spans="8:8">
      <c r="H559731" s="12"/>
    </row>
    <row r="559732" spans="8:8">
      <c r="H559732" s="12"/>
    </row>
    <row r="559733" spans="8:8">
      <c r="H559733" s="12"/>
    </row>
    <row r="559734" spans="8:8">
      <c r="H559734" s="12"/>
    </row>
    <row r="559735" spans="8:8">
      <c r="H559735" s="12"/>
    </row>
    <row r="559736" spans="8:8">
      <c r="H559736" s="12"/>
    </row>
    <row r="559737" spans="8:8">
      <c r="H559737" s="12"/>
    </row>
    <row r="559738" spans="8:8">
      <c r="H559738" s="12"/>
    </row>
    <row r="559739" spans="8:8">
      <c r="H559739" s="12"/>
    </row>
    <row r="559740" spans="8:8">
      <c r="H559740" s="12"/>
    </row>
    <row r="559741" spans="8:8">
      <c r="H559741" s="12"/>
    </row>
    <row r="559742" spans="8:8">
      <c r="H559742" s="12"/>
    </row>
    <row r="559743" spans="8:8">
      <c r="H559743" s="12"/>
    </row>
    <row r="559744" spans="8:8">
      <c r="H559744" s="12"/>
    </row>
    <row r="559745" spans="8:8">
      <c r="H559745" s="12"/>
    </row>
    <row r="559746" spans="8:8">
      <c r="H559746" s="12"/>
    </row>
    <row r="559747" spans="8:8">
      <c r="H559747" s="12"/>
    </row>
    <row r="559748" spans="8:8">
      <c r="H559748" s="12"/>
    </row>
    <row r="559749" spans="8:8">
      <c r="H559749" s="12"/>
    </row>
    <row r="559750" spans="8:8">
      <c r="H559750" s="12"/>
    </row>
    <row r="559751" spans="8:8">
      <c r="H559751" s="12"/>
    </row>
    <row r="559752" spans="8:8">
      <c r="H559752" s="12"/>
    </row>
    <row r="559753" spans="8:8">
      <c r="H559753" s="12"/>
    </row>
    <row r="559754" spans="8:8">
      <c r="H559754" s="12"/>
    </row>
    <row r="559755" spans="8:8">
      <c r="H559755" s="12"/>
    </row>
    <row r="559756" spans="8:8">
      <c r="H559756" s="12"/>
    </row>
    <row r="559757" spans="8:8">
      <c r="H559757" s="12"/>
    </row>
    <row r="559758" spans="8:8">
      <c r="H559758" s="12"/>
    </row>
    <row r="559759" spans="8:8">
      <c r="H559759" s="12"/>
    </row>
    <row r="559760" spans="8:8">
      <c r="H559760" s="12"/>
    </row>
    <row r="559761" spans="8:8">
      <c r="H559761" s="12"/>
    </row>
    <row r="559762" spans="8:8">
      <c r="H559762" s="12"/>
    </row>
    <row r="559763" spans="8:8">
      <c r="H559763" s="12"/>
    </row>
    <row r="559764" spans="8:8">
      <c r="H559764" s="12"/>
    </row>
    <row r="559765" spans="8:8">
      <c r="H559765" s="12"/>
    </row>
    <row r="559766" spans="8:8">
      <c r="H559766" s="12"/>
    </row>
    <row r="559767" spans="8:8">
      <c r="H559767" s="12"/>
    </row>
    <row r="559768" spans="8:8">
      <c r="H559768" s="12"/>
    </row>
    <row r="559769" spans="8:8">
      <c r="H559769" s="12"/>
    </row>
    <row r="559770" spans="8:8">
      <c r="H559770" s="12"/>
    </row>
    <row r="559771" spans="8:8">
      <c r="H559771" s="12"/>
    </row>
    <row r="559772" spans="8:8">
      <c r="H559772" s="12"/>
    </row>
    <row r="559773" spans="8:8">
      <c r="H559773" s="12"/>
    </row>
    <row r="559774" spans="8:8">
      <c r="H559774" s="12"/>
    </row>
    <row r="559775" spans="8:8">
      <c r="H559775" s="12"/>
    </row>
    <row r="559776" spans="8:8">
      <c r="H559776" s="12"/>
    </row>
    <row r="559777" spans="8:8">
      <c r="H559777" s="12"/>
    </row>
    <row r="559778" spans="8:8">
      <c r="H559778" s="12"/>
    </row>
    <row r="559779" spans="8:8">
      <c r="H559779" s="12"/>
    </row>
    <row r="559780" spans="8:8">
      <c r="H559780" s="12"/>
    </row>
    <row r="559781" spans="8:8">
      <c r="H559781" s="12"/>
    </row>
    <row r="559782" spans="8:8">
      <c r="H559782" s="12"/>
    </row>
    <row r="559783" spans="8:8">
      <c r="H559783" s="12"/>
    </row>
    <row r="559784" spans="8:8">
      <c r="H559784" s="12"/>
    </row>
    <row r="559785" spans="8:8">
      <c r="H559785" s="12"/>
    </row>
    <row r="559786" spans="8:8">
      <c r="H559786" s="12"/>
    </row>
    <row r="559787" spans="8:8">
      <c r="H559787" s="12"/>
    </row>
    <row r="559788" spans="8:8">
      <c r="H559788" s="12"/>
    </row>
    <row r="559789" spans="8:8">
      <c r="H559789" s="12"/>
    </row>
    <row r="559790" spans="8:8">
      <c r="H559790" s="12"/>
    </row>
    <row r="559791" spans="8:8">
      <c r="H559791" s="12"/>
    </row>
    <row r="559792" spans="8:8">
      <c r="H559792" s="12"/>
    </row>
    <row r="559793" spans="8:8">
      <c r="H559793" s="12"/>
    </row>
    <row r="559794" spans="8:8">
      <c r="H559794" s="12"/>
    </row>
    <row r="559795" spans="8:8">
      <c r="H559795" s="12"/>
    </row>
    <row r="559796" spans="8:8">
      <c r="H559796" s="12"/>
    </row>
    <row r="559797" spans="8:8">
      <c r="H559797" s="12"/>
    </row>
    <row r="559798" spans="8:8">
      <c r="H559798" s="12"/>
    </row>
    <row r="559799" spans="8:8">
      <c r="H559799" s="12"/>
    </row>
    <row r="559800" spans="8:8">
      <c r="H559800" s="12"/>
    </row>
    <row r="559801" spans="8:8">
      <c r="H559801" s="12"/>
    </row>
    <row r="559802" spans="8:8">
      <c r="H559802" s="12"/>
    </row>
    <row r="559803" spans="8:8">
      <c r="H559803" s="12"/>
    </row>
    <row r="559804" spans="8:8">
      <c r="H559804" s="12"/>
    </row>
    <row r="559805" spans="8:8">
      <c r="H559805" s="12"/>
    </row>
    <row r="559806" spans="8:8">
      <c r="H559806" s="12"/>
    </row>
    <row r="559807" spans="8:8">
      <c r="H559807" s="12"/>
    </row>
    <row r="559808" spans="8:8">
      <c r="H559808" s="12"/>
    </row>
    <row r="559809" spans="8:8">
      <c r="H559809" s="12"/>
    </row>
    <row r="559810" spans="8:8">
      <c r="H559810" s="12"/>
    </row>
    <row r="559811" spans="8:8">
      <c r="H559811" s="12"/>
    </row>
    <row r="559812" spans="8:8">
      <c r="H559812" s="12"/>
    </row>
    <row r="559813" spans="8:8">
      <c r="H559813" s="12"/>
    </row>
    <row r="559814" spans="8:8">
      <c r="H559814" s="12"/>
    </row>
    <row r="559815" spans="8:8">
      <c r="H559815" s="12"/>
    </row>
    <row r="559816" spans="8:8">
      <c r="H559816" s="12"/>
    </row>
    <row r="559817" spans="8:8">
      <c r="H559817" s="12"/>
    </row>
    <row r="559818" spans="8:8">
      <c r="H559818" s="12"/>
    </row>
    <row r="559819" spans="8:8">
      <c r="H559819" s="12"/>
    </row>
    <row r="559820" spans="8:8">
      <c r="H559820" s="12"/>
    </row>
    <row r="559821" spans="8:8">
      <c r="H559821" s="12"/>
    </row>
    <row r="559822" spans="8:8">
      <c r="H559822" s="12"/>
    </row>
    <row r="559823" spans="8:8">
      <c r="H559823" s="12"/>
    </row>
    <row r="559824" spans="8:8">
      <c r="H559824" s="12"/>
    </row>
    <row r="559825" spans="8:8">
      <c r="H559825" s="12"/>
    </row>
    <row r="559826" spans="8:8">
      <c r="H559826" s="12"/>
    </row>
    <row r="559827" spans="8:8">
      <c r="H559827" s="12"/>
    </row>
    <row r="559828" spans="8:8">
      <c r="H559828" s="12"/>
    </row>
    <row r="559829" spans="8:8">
      <c r="H559829" s="12"/>
    </row>
    <row r="559830" spans="8:8">
      <c r="H559830" s="12"/>
    </row>
    <row r="559831" spans="8:8">
      <c r="H559831" s="12"/>
    </row>
    <row r="559832" spans="8:8">
      <c r="H559832" s="12"/>
    </row>
    <row r="559833" spans="8:8">
      <c r="H559833" s="12"/>
    </row>
    <row r="559834" spans="8:8">
      <c r="H559834" s="12"/>
    </row>
    <row r="559835" spans="8:8">
      <c r="H559835" s="12"/>
    </row>
    <row r="559836" spans="8:8">
      <c r="H559836" s="12"/>
    </row>
    <row r="559837" spans="8:8">
      <c r="H559837" s="12"/>
    </row>
    <row r="559838" spans="8:8">
      <c r="H559838" s="12"/>
    </row>
    <row r="559839" spans="8:8">
      <c r="H559839" s="12"/>
    </row>
    <row r="559840" spans="8:8">
      <c r="H559840" s="12"/>
    </row>
    <row r="559841" spans="8:8">
      <c r="H559841" s="12"/>
    </row>
    <row r="559842" spans="8:8">
      <c r="H559842" s="12"/>
    </row>
    <row r="559843" spans="8:8">
      <c r="H559843" s="12"/>
    </row>
    <row r="559844" spans="8:8">
      <c r="H559844" s="12"/>
    </row>
    <row r="559845" spans="8:8">
      <c r="H559845" s="12"/>
    </row>
    <row r="559846" spans="8:8">
      <c r="H559846" s="12"/>
    </row>
    <row r="559847" spans="8:8">
      <c r="H559847" s="12"/>
    </row>
    <row r="559848" spans="8:8">
      <c r="H559848" s="12"/>
    </row>
    <row r="559849" spans="8:8">
      <c r="H559849" s="12"/>
    </row>
    <row r="559850" spans="8:8">
      <c r="H559850" s="12"/>
    </row>
    <row r="559851" spans="8:8">
      <c r="H559851" s="12"/>
    </row>
    <row r="559852" spans="8:8">
      <c r="H559852" s="12"/>
    </row>
    <row r="559853" spans="8:8">
      <c r="H559853" s="12"/>
    </row>
    <row r="559854" spans="8:8">
      <c r="H559854" s="12"/>
    </row>
    <row r="559855" spans="8:8">
      <c r="H559855" s="12"/>
    </row>
    <row r="559856" spans="8:8">
      <c r="H559856" s="12"/>
    </row>
    <row r="559857" spans="8:8">
      <c r="H559857" s="12"/>
    </row>
    <row r="559858" spans="8:8">
      <c r="H559858" s="12"/>
    </row>
    <row r="559859" spans="8:8">
      <c r="H559859" s="12"/>
    </row>
    <row r="559860" spans="8:8">
      <c r="H559860" s="12"/>
    </row>
    <row r="559861" spans="8:8">
      <c r="H559861" s="12"/>
    </row>
    <row r="559862" spans="8:8">
      <c r="H559862" s="12"/>
    </row>
    <row r="559863" spans="8:8">
      <c r="H559863" s="12"/>
    </row>
    <row r="559864" spans="8:8">
      <c r="H559864" s="12"/>
    </row>
    <row r="559865" spans="8:8">
      <c r="H559865" s="12"/>
    </row>
    <row r="559866" spans="8:8">
      <c r="H559866" s="12"/>
    </row>
    <row r="559867" spans="8:8">
      <c r="H559867" s="12"/>
    </row>
    <row r="559868" spans="8:8">
      <c r="H559868" s="12"/>
    </row>
    <row r="559869" spans="8:8">
      <c r="H559869" s="12"/>
    </row>
    <row r="559870" spans="8:8">
      <c r="H559870" s="12"/>
    </row>
    <row r="559871" spans="8:8">
      <c r="H559871" s="12"/>
    </row>
    <row r="559872" spans="8:8">
      <c r="H559872" s="12"/>
    </row>
    <row r="559873" spans="8:8">
      <c r="H559873" s="12"/>
    </row>
    <row r="559874" spans="8:8">
      <c r="H559874" s="12"/>
    </row>
    <row r="559875" spans="8:8">
      <c r="H559875" s="12"/>
    </row>
    <row r="559876" spans="8:8">
      <c r="H559876" s="12"/>
    </row>
    <row r="559877" spans="8:8">
      <c r="H559877" s="12"/>
    </row>
    <row r="559878" spans="8:8">
      <c r="H559878" s="12"/>
    </row>
    <row r="559879" spans="8:8">
      <c r="H559879" s="12"/>
    </row>
    <row r="559880" spans="8:8">
      <c r="H559880" s="12"/>
    </row>
    <row r="559881" spans="8:8">
      <c r="H559881" s="12"/>
    </row>
    <row r="559882" spans="8:8">
      <c r="H559882" s="12"/>
    </row>
    <row r="559883" spans="8:8">
      <c r="H559883" s="12"/>
    </row>
    <row r="559884" spans="8:8">
      <c r="H559884" s="12"/>
    </row>
    <row r="559885" spans="8:8">
      <c r="H559885" s="12"/>
    </row>
    <row r="559886" spans="8:8">
      <c r="H559886" s="12"/>
    </row>
    <row r="559887" spans="8:8">
      <c r="H559887" s="12"/>
    </row>
    <row r="559888" spans="8:8">
      <c r="H559888" s="12"/>
    </row>
    <row r="559889" spans="8:8">
      <c r="H559889" s="12"/>
    </row>
    <row r="559890" spans="8:8">
      <c r="H559890" s="12"/>
    </row>
    <row r="559891" spans="8:8">
      <c r="H559891" s="12"/>
    </row>
    <row r="559892" spans="8:8">
      <c r="H559892" s="12"/>
    </row>
    <row r="559893" spans="8:8">
      <c r="H559893" s="12"/>
    </row>
    <row r="559894" spans="8:8">
      <c r="H559894" s="12"/>
    </row>
    <row r="559895" spans="8:8">
      <c r="H559895" s="12"/>
    </row>
    <row r="559896" spans="8:8">
      <c r="H559896" s="12"/>
    </row>
    <row r="559897" spans="8:8">
      <c r="H559897" s="12"/>
    </row>
    <row r="559898" spans="8:8">
      <c r="H559898" s="12"/>
    </row>
    <row r="559899" spans="8:8">
      <c r="H559899" s="12"/>
    </row>
    <row r="559900" spans="8:8">
      <c r="H559900" s="12"/>
    </row>
    <row r="559901" spans="8:8">
      <c r="H559901" s="12"/>
    </row>
    <row r="559902" spans="8:8">
      <c r="H559902" s="12"/>
    </row>
    <row r="559903" spans="8:8">
      <c r="H559903" s="12"/>
    </row>
    <row r="559904" spans="8:8">
      <c r="H559904" s="12"/>
    </row>
    <row r="559905" spans="8:8">
      <c r="H559905" s="12"/>
    </row>
    <row r="559906" spans="8:8">
      <c r="H559906" s="12"/>
    </row>
    <row r="559907" spans="8:8">
      <c r="H559907" s="12"/>
    </row>
    <row r="559908" spans="8:8">
      <c r="H559908" s="12"/>
    </row>
    <row r="559909" spans="8:8">
      <c r="H559909" s="12"/>
    </row>
    <row r="559910" spans="8:8">
      <c r="H559910" s="12"/>
    </row>
    <row r="559911" spans="8:8">
      <c r="H559911" s="12"/>
    </row>
    <row r="559912" spans="8:8">
      <c r="H559912" s="12"/>
    </row>
    <row r="559913" spans="8:8">
      <c r="H559913" s="12"/>
    </row>
    <row r="559914" spans="8:8">
      <c r="H559914" s="12"/>
    </row>
    <row r="559915" spans="8:8">
      <c r="H559915" s="12"/>
    </row>
    <row r="559916" spans="8:8">
      <c r="H559916" s="12"/>
    </row>
    <row r="559917" spans="8:8">
      <c r="H559917" s="12"/>
    </row>
    <row r="559918" spans="8:8">
      <c r="H559918" s="12"/>
    </row>
    <row r="559919" spans="8:8">
      <c r="H559919" s="12"/>
    </row>
    <row r="559920" spans="8:8">
      <c r="H559920" s="12"/>
    </row>
    <row r="559921" spans="8:8">
      <c r="H559921" s="12"/>
    </row>
    <row r="559922" spans="8:8">
      <c r="H559922" s="12"/>
    </row>
    <row r="559923" spans="8:8">
      <c r="H559923" s="12"/>
    </row>
    <row r="559924" spans="8:8">
      <c r="H559924" s="12"/>
    </row>
    <row r="559925" spans="8:8">
      <c r="H559925" s="12"/>
    </row>
    <row r="559926" spans="8:8">
      <c r="H559926" s="12"/>
    </row>
    <row r="559927" spans="8:8">
      <c r="H559927" s="12"/>
    </row>
    <row r="559928" spans="8:8">
      <c r="H559928" s="12"/>
    </row>
    <row r="559929" spans="8:8">
      <c r="H559929" s="12"/>
    </row>
    <row r="559930" spans="8:8">
      <c r="H559930" s="12"/>
    </row>
    <row r="559931" spans="8:8">
      <c r="H559931" s="12"/>
    </row>
    <row r="559932" spans="8:8">
      <c r="H559932" s="12"/>
    </row>
    <row r="559933" spans="8:8">
      <c r="H559933" s="12"/>
    </row>
    <row r="559934" spans="8:8">
      <c r="H559934" s="12"/>
    </row>
    <row r="559935" spans="8:8">
      <c r="H559935" s="12"/>
    </row>
    <row r="559936" spans="8:8">
      <c r="H559936" s="12"/>
    </row>
    <row r="559937" spans="8:8">
      <c r="H559937" s="12"/>
    </row>
    <row r="559938" spans="8:8">
      <c r="H559938" s="12"/>
    </row>
    <row r="559939" spans="8:8">
      <c r="H559939" s="12"/>
    </row>
    <row r="559940" spans="8:8">
      <c r="H559940" s="12"/>
    </row>
    <row r="559941" spans="8:8">
      <c r="H559941" s="12"/>
    </row>
    <row r="559942" spans="8:8">
      <c r="H559942" s="12"/>
    </row>
    <row r="559943" spans="8:8">
      <c r="H559943" s="12"/>
    </row>
    <row r="559944" spans="8:8">
      <c r="H559944" s="12"/>
    </row>
    <row r="559945" spans="8:8">
      <c r="H559945" s="12"/>
    </row>
    <row r="559946" spans="8:8">
      <c r="H559946" s="12"/>
    </row>
    <row r="559947" spans="8:8">
      <c r="H559947" s="12"/>
    </row>
    <row r="559948" spans="8:8">
      <c r="H559948" s="12"/>
    </row>
    <row r="559949" spans="8:8">
      <c r="H559949" s="12"/>
    </row>
    <row r="559950" spans="8:8">
      <c r="H559950" s="12"/>
    </row>
    <row r="559951" spans="8:8">
      <c r="H559951" s="12"/>
    </row>
    <row r="559952" spans="8:8">
      <c r="H559952" s="12"/>
    </row>
    <row r="559953" spans="8:8">
      <c r="H559953" s="12"/>
    </row>
    <row r="559954" spans="8:8">
      <c r="H559954" s="12"/>
    </row>
    <row r="559955" spans="8:8">
      <c r="H559955" s="12"/>
    </row>
    <row r="559956" spans="8:8">
      <c r="H559956" s="12"/>
    </row>
    <row r="559957" spans="8:8">
      <c r="H559957" s="12"/>
    </row>
    <row r="559958" spans="8:8">
      <c r="H559958" s="12"/>
    </row>
    <row r="559959" spans="8:8">
      <c r="H559959" s="12"/>
    </row>
    <row r="559960" spans="8:8">
      <c r="H559960" s="12"/>
    </row>
    <row r="559961" spans="8:8">
      <c r="H559961" s="12"/>
    </row>
    <row r="559962" spans="8:8">
      <c r="H559962" s="12"/>
    </row>
    <row r="559963" spans="8:8">
      <c r="H559963" s="12"/>
    </row>
    <row r="559964" spans="8:8">
      <c r="H559964" s="12"/>
    </row>
    <row r="559965" spans="8:8">
      <c r="H559965" s="12"/>
    </row>
    <row r="559966" spans="8:8">
      <c r="H559966" s="12"/>
    </row>
    <row r="559967" spans="8:8">
      <c r="H559967" s="12"/>
    </row>
    <row r="559968" spans="8:8">
      <c r="H559968" s="12"/>
    </row>
    <row r="559969" spans="8:8">
      <c r="H559969" s="12"/>
    </row>
    <row r="559970" spans="8:8">
      <c r="H559970" s="12"/>
    </row>
    <row r="559971" spans="8:8">
      <c r="H559971" s="12"/>
    </row>
    <row r="559972" spans="8:8">
      <c r="H559972" s="12"/>
    </row>
    <row r="559973" spans="8:8">
      <c r="H559973" s="12"/>
    </row>
    <row r="559974" spans="8:8">
      <c r="H559974" s="12"/>
    </row>
    <row r="559975" spans="8:8">
      <c r="H559975" s="12"/>
    </row>
    <row r="559976" spans="8:8">
      <c r="H559976" s="12"/>
    </row>
    <row r="559977" spans="8:8">
      <c r="H559977" s="12"/>
    </row>
    <row r="559978" spans="8:8">
      <c r="H559978" s="12"/>
    </row>
    <row r="559979" spans="8:8">
      <c r="H559979" s="12"/>
    </row>
    <row r="559980" spans="8:8">
      <c r="H559980" s="12"/>
    </row>
    <row r="559981" spans="8:8">
      <c r="H559981" s="12"/>
    </row>
    <row r="559982" spans="8:8">
      <c r="H559982" s="12"/>
    </row>
    <row r="559983" spans="8:8">
      <c r="H559983" s="12"/>
    </row>
    <row r="559984" spans="8:8">
      <c r="H559984" s="12"/>
    </row>
    <row r="559985" spans="8:8">
      <c r="H559985" s="12"/>
    </row>
    <row r="559986" spans="8:8">
      <c r="H559986" s="12"/>
    </row>
    <row r="559987" spans="8:8">
      <c r="H559987" s="12"/>
    </row>
    <row r="559988" spans="8:8">
      <c r="H559988" s="12"/>
    </row>
    <row r="559989" spans="8:8">
      <c r="H559989" s="12"/>
    </row>
    <row r="559990" spans="8:8">
      <c r="H559990" s="12"/>
    </row>
    <row r="559991" spans="8:8">
      <c r="H559991" s="12"/>
    </row>
    <row r="559992" spans="8:8">
      <c r="H559992" s="12"/>
    </row>
    <row r="559993" spans="8:8">
      <c r="H559993" s="12"/>
    </row>
    <row r="559994" spans="8:8">
      <c r="H559994" s="12"/>
    </row>
    <row r="559995" spans="8:8">
      <c r="H559995" s="12"/>
    </row>
    <row r="559996" spans="8:8">
      <c r="H559996" s="12"/>
    </row>
    <row r="559997" spans="8:8">
      <c r="H559997" s="12"/>
    </row>
    <row r="559998" spans="8:8">
      <c r="H559998" s="12"/>
    </row>
    <row r="559999" spans="8:8">
      <c r="H559999" s="12"/>
    </row>
    <row r="560000" spans="8:8">
      <c r="H560000" s="12"/>
    </row>
    <row r="560001" spans="8:8">
      <c r="H560001" s="12"/>
    </row>
    <row r="560002" spans="8:8">
      <c r="H560002" s="12"/>
    </row>
    <row r="560003" spans="8:8">
      <c r="H560003" s="12"/>
    </row>
    <row r="560004" spans="8:8">
      <c r="H560004" s="12"/>
    </row>
    <row r="560005" spans="8:8">
      <c r="H560005" s="12"/>
    </row>
    <row r="560006" spans="8:8">
      <c r="H560006" s="12"/>
    </row>
    <row r="560007" spans="8:8">
      <c r="H560007" s="12"/>
    </row>
    <row r="560008" spans="8:8">
      <c r="H560008" s="12"/>
    </row>
    <row r="560009" spans="8:8">
      <c r="H560009" s="12"/>
    </row>
    <row r="560010" spans="8:8">
      <c r="H560010" s="12"/>
    </row>
    <row r="560011" spans="8:8">
      <c r="H560011" s="12"/>
    </row>
    <row r="560012" spans="8:8">
      <c r="H560012" s="12"/>
    </row>
    <row r="560013" spans="8:8">
      <c r="H560013" s="12"/>
    </row>
    <row r="560014" spans="8:8">
      <c r="H560014" s="12"/>
    </row>
    <row r="560015" spans="8:8">
      <c r="H560015" s="12"/>
    </row>
    <row r="560016" spans="8:8">
      <c r="H560016" s="12"/>
    </row>
    <row r="560017" spans="8:8">
      <c r="H560017" s="12"/>
    </row>
    <row r="560018" spans="8:8">
      <c r="H560018" s="12"/>
    </row>
    <row r="560019" spans="8:8">
      <c r="H560019" s="12"/>
    </row>
    <row r="560020" spans="8:8">
      <c r="H560020" s="12"/>
    </row>
    <row r="560021" spans="8:8">
      <c r="H560021" s="12"/>
    </row>
    <row r="560022" spans="8:8">
      <c r="H560022" s="12"/>
    </row>
    <row r="560023" spans="8:8">
      <c r="H560023" s="12"/>
    </row>
    <row r="560024" spans="8:8">
      <c r="H560024" s="12"/>
    </row>
    <row r="560025" spans="8:8">
      <c r="H560025" s="12"/>
    </row>
    <row r="560026" spans="8:8">
      <c r="H560026" s="12"/>
    </row>
    <row r="560027" spans="8:8">
      <c r="H560027" s="12"/>
    </row>
    <row r="560028" spans="8:8">
      <c r="H560028" s="12"/>
    </row>
    <row r="560029" spans="8:8">
      <c r="H560029" s="12"/>
    </row>
    <row r="560030" spans="8:8">
      <c r="H560030" s="12"/>
    </row>
    <row r="560031" spans="8:8">
      <c r="H560031" s="12"/>
    </row>
    <row r="560032" spans="8:8">
      <c r="H560032" s="12"/>
    </row>
    <row r="560033" spans="8:8">
      <c r="H560033" s="12"/>
    </row>
    <row r="560034" spans="8:8">
      <c r="H560034" s="12"/>
    </row>
    <row r="560035" spans="8:8">
      <c r="H560035" s="12"/>
    </row>
    <row r="560036" spans="8:8">
      <c r="H560036" s="12"/>
    </row>
    <row r="560037" spans="8:8">
      <c r="H560037" s="12"/>
    </row>
    <row r="560038" spans="8:8">
      <c r="H560038" s="12"/>
    </row>
    <row r="560039" spans="8:8">
      <c r="H560039" s="12"/>
    </row>
    <row r="560040" spans="8:8">
      <c r="H560040" s="12"/>
    </row>
    <row r="560041" spans="8:8">
      <c r="H560041" s="12"/>
    </row>
    <row r="560042" spans="8:8">
      <c r="H560042" s="12"/>
    </row>
    <row r="560043" spans="8:8">
      <c r="H560043" s="12"/>
    </row>
    <row r="560044" spans="8:8">
      <c r="H560044" s="12"/>
    </row>
    <row r="560045" spans="8:8">
      <c r="H560045" s="12"/>
    </row>
    <row r="560046" spans="8:8">
      <c r="H560046" s="12"/>
    </row>
    <row r="560047" spans="8:8">
      <c r="H560047" s="12"/>
    </row>
    <row r="560048" spans="8:8">
      <c r="H560048" s="12"/>
    </row>
    <row r="560049" spans="8:8">
      <c r="H560049" s="12"/>
    </row>
    <row r="560050" spans="8:8">
      <c r="H560050" s="12"/>
    </row>
    <row r="560051" spans="8:8">
      <c r="H560051" s="12"/>
    </row>
    <row r="560052" spans="8:8">
      <c r="H560052" s="12"/>
    </row>
    <row r="560053" spans="8:8">
      <c r="H560053" s="12"/>
    </row>
    <row r="560054" spans="8:8">
      <c r="H560054" s="12"/>
    </row>
    <row r="560055" spans="8:8">
      <c r="H560055" s="12"/>
    </row>
    <row r="560056" spans="8:8">
      <c r="H560056" s="12"/>
    </row>
    <row r="560057" spans="8:8">
      <c r="H560057" s="12"/>
    </row>
    <row r="560058" spans="8:8">
      <c r="H560058" s="12"/>
    </row>
    <row r="560059" spans="8:8">
      <c r="H560059" s="12"/>
    </row>
    <row r="560060" spans="8:8">
      <c r="H560060" s="12"/>
    </row>
    <row r="560061" spans="8:8">
      <c r="H560061" s="12"/>
    </row>
    <row r="560062" spans="8:8">
      <c r="H560062" s="12"/>
    </row>
    <row r="560063" spans="8:8">
      <c r="H560063" s="12"/>
    </row>
    <row r="560064" spans="8:8">
      <c r="H560064" s="12"/>
    </row>
    <row r="560065" spans="8:8">
      <c r="H560065" s="12"/>
    </row>
    <row r="560066" spans="8:8">
      <c r="H560066" s="12"/>
    </row>
    <row r="560067" spans="8:8">
      <c r="H560067" s="12"/>
    </row>
    <row r="560068" spans="8:8">
      <c r="H560068" s="12"/>
    </row>
    <row r="560069" spans="8:8">
      <c r="H560069" s="12"/>
    </row>
    <row r="560070" spans="8:8">
      <c r="H560070" s="12"/>
    </row>
    <row r="560071" spans="8:8">
      <c r="H560071" s="12"/>
    </row>
    <row r="560072" spans="8:8">
      <c r="H560072" s="12"/>
    </row>
    <row r="560073" spans="8:8">
      <c r="H560073" s="12"/>
    </row>
    <row r="560074" spans="8:8">
      <c r="H560074" s="12"/>
    </row>
    <row r="560075" spans="8:8">
      <c r="H560075" s="12"/>
    </row>
    <row r="560076" spans="8:8">
      <c r="H560076" s="12"/>
    </row>
    <row r="560077" spans="8:8">
      <c r="H560077" s="12"/>
    </row>
    <row r="560078" spans="8:8">
      <c r="H560078" s="12"/>
    </row>
    <row r="560079" spans="8:8">
      <c r="H560079" s="12"/>
    </row>
    <row r="560080" spans="8:8">
      <c r="H560080" s="12"/>
    </row>
    <row r="560081" spans="8:8">
      <c r="H560081" s="12"/>
    </row>
    <row r="560082" spans="8:8">
      <c r="H560082" s="12"/>
    </row>
    <row r="560083" spans="8:8">
      <c r="H560083" s="12"/>
    </row>
    <row r="560084" spans="8:8">
      <c r="H560084" s="12"/>
    </row>
    <row r="560085" spans="8:8">
      <c r="H560085" s="12"/>
    </row>
    <row r="560086" spans="8:8">
      <c r="H560086" s="12"/>
    </row>
    <row r="560087" spans="8:8">
      <c r="H560087" s="12"/>
    </row>
    <row r="560088" spans="8:8">
      <c r="H560088" s="12"/>
    </row>
    <row r="560089" spans="8:8">
      <c r="H560089" s="12"/>
    </row>
    <row r="560090" spans="8:8">
      <c r="H560090" s="12"/>
    </row>
    <row r="560091" spans="8:8">
      <c r="H560091" s="12"/>
    </row>
    <row r="560092" spans="8:8">
      <c r="H560092" s="12"/>
    </row>
    <row r="560093" spans="8:8">
      <c r="H560093" s="12"/>
    </row>
    <row r="560094" spans="8:8">
      <c r="H560094" s="12"/>
    </row>
    <row r="560095" spans="8:8">
      <c r="H560095" s="12"/>
    </row>
    <row r="560096" spans="8:8">
      <c r="H560096" s="12"/>
    </row>
    <row r="560097" spans="8:8">
      <c r="H560097" s="12"/>
    </row>
    <row r="560098" spans="8:8">
      <c r="H560098" s="12"/>
    </row>
    <row r="560099" spans="8:8">
      <c r="H560099" s="12"/>
    </row>
    <row r="560100" spans="8:8">
      <c r="H560100" s="12"/>
    </row>
    <row r="560101" spans="8:8">
      <c r="H560101" s="12"/>
    </row>
    <row r="560102" spans="8:8">
      <c r="H560102" s="12"/>
    </row>
    <row r="560103" spans="8:8">
      <c r="H560103" s="12"/>
    </row>
    <row r="560104" spans="8:8">
      <c r="H560104" s="12"/>
    </row>
    <row r="560105" spans="8:8">
      <c r="H560105" s="12"/>
    </row>
    <row r="560106" spans="8:8">
      <c r="H560106" s="12"/>
    </row>
    <row r="560107" spans="8:8">
      <c r="H560107" s="12"/>
    </row>
    <row r="560108" spans="8:8">
      <c r="H560108" s="12"/>
    </row>
    <row r="560109" spans="8:8">
      <c r="H560109" s="12"/>
    </row>
    <row r="560110" spans="8:8">
      <c r="H560110" s="12"/>
    </row>
    <row r="560111" spans="8:8">
      <c r="H560111" s="12"/>
    </row>
    <row r="560112" spans="8:8">
      <c r="H560112" s="12"/>
    </row>
    <row r="560113" spans="8:8">
      <c r="H560113" s="12"/>
    </row>
    <row r="560114" spans="8:8">
      <c r="H560114" s="12"/>
    </row>
    <row r="560115" spans="8:8">
      <c r="H560115" s="12"/>
    </row>
    <row r="560116" spans="8:8">
      <c r="H560116" s="12"/>
    </row>
    <row r="560117" spans="8:8">
      <c r="H560117" s="12"/>
    </row>
    <row r="560118" spans="8:8">
      <c r="H560118" s="12"/>
    </row>
    <row r="560119" spans="8:8">
      <c r="H560119" s="12"/>
    </row>
    <row r="560120" spans="8:8">
      <c r="H560120" s="12"/>
    </row>
    <row r="560121" spans="8:8">
      <c r="H560121" s="12"/>
    </row>
    <row r="560122" spans="8:8">
      <c r="H560122" s="12"/>
    </row>
    <row r="560123" spans="8:8">
      <c r="H560123" s="12"/>
    </row>
    <row r="560124" spans="8:8">
      <c r="H560124" s="12"/>
    </row>
    <row r="560125" spans="8:8">
      <c r="H560125" s="12"/>
    </row>
    <row r="560126" spans="8:8">
      <c r="H560126" s="12"/>
    </row>
    <row r="560127" spans="8:8">
      <c r="H560127" s="12"/>
    </row>
    <row r="560128" spans="8:8">
      <c r="H560128" s="12"/>
    </row>
    <row r="560129" spans="8:8">
      <c r="H560129" s="12"/>
    </row>
    <row r="560130" spans="8:8">
      <c r="H560130" s="12"/>
    </row>
    <row r="560131" spans="8:8">
      <c r="H560131" s="12"/>
    </row>
    <row r="560132" spans="8:8">
      <c r="H560132" s="12"/>
    </row>
    <row r="560133" spans="8:8">
      <c r="H560133" s="12"/>
    </row>
    <row r="560134" spans="8:8">
      <c r="H560134" s="12"/>
    </row>
    <row r="560135" spans="8:8">
      <c r="H560135" s="12"/>
    </row>
    <row r="560136" spans="8:8">
      <c r="H560136" s="12"/>
    </row>
    <row r="560137" spans="8:8">
      <c r="H560137" s="12"/>
    </row>
    <row r="560138" spans="8:8">
      <c r="H560138" s="12"/>
    </row>
    <row r="560139" spans="8:8">
      <c r="H560139" s="12"/>
    </row>
    <row r="560140" spans="8:8">
      <c r="H560140" s="12"/>
    </row>
    <row r="560141" spans="8:8">
      <c r="H560141" s="12"/>
    </row>
    <row r="560142" spans="8:8">
      <c r="H560142" s="12"/>
    </row>
    <row r="560143" spans="8:8">
      <c r="H560143" s="12"/>
    </row>
    <row r="560144" spans="8:8">
      <c r="H560144" s="12"/>
    </row>
    <row r="560145" spans="8:8">
      <c r="H560145" s="12"/>
    </row>
    <row r="560146" spans="8:8">
      <c r="H560146" s="12"/>
    </row>
    <row r="560147" spans="8:8">
      <c r="H560147" s="12"/>
    </row>
    <row r="560148" spans="8:8">
      <c r="H560148" s="12"/>
    </row>
    <row r="560149" spans="8:8">
      <c r="H560149" s="12"/>
    </row>
    <row r="560150" spans="8:8">
      <c r="H560150" s="12"/>
    </row>
    <row r="560151" spans="8:8">
      <c r="H560151" s="12"/>
    </row>
    <row r="560152" spans="8:8">
      <c r="H560152" s="12"/>
    </row>
    <row r="560153" spans="8:8">
      <c r="H560153" s="12"/>
    </row>
    <row r="560154" spans="8:8">
      <c r="H560154" s="12"/>
    </row>
    <row r="560155" spans="8:8">
      <c r="H560155" s="12"/>
    </row>
    <row r="560156" spans="8:8">
      <c r="H560156" s="12"/>
    </row>
    <row r="560157" spans="8:8">
      <c r="H560157" s="12"/>
    </row>
    <row r="560158" spans="8:8">
      <c r="H560158" s="12"/>
    </row>
    <row r="560159" spans="8:8">
      <c r="H560159" s="12"/>
    </row>
    <row r="560160" spans="8:8">
      <c r="H560160" s="12"/>
    </row>
    <row r="560161" spans="8:8">
      <c r="H560161" s="12"/>
    </row>
    <row r="560162" spans="8:8">
      <c r="H560162" s="12"/>
    </row>
    <row r="560163" spans="8:8">
      <c r="H560163" s="12"/>
    </row>
    <row r="560164" spans="8:8">
      <c r="H560164" s="12"/>
    </row>
    <row r="560165" spans="8:8">
      <c r="H560165" s="12"/>
    </row>
    <row r="560166" spans="8:8">
      <c r="H560166" s="12"/>
    </row>
    <row r="560167" spans="8:8">
      <c r="H560167" s="12"/>
    </row>
    <row r="560168" spans="8:8">
      <c r="H560168" s="12"/>
    </row>
    <row r="560169" spans="8:8">
      <c r="H560169" s="12"/>
    </row>
    <row r="560170" spans="8:8">
      <c r="H560170" s="12"/>
    </row>
    <row r="560171" spans="8:8">
      <c r="H560171" s="12"/>
    </row>
    <row r="560172" spans="8:8">
      <c r="H560172" s="12"/>
    </row>
    <row r="560173" spans="8:8">
      <c r="H560173" s="12"/>
    </row>
    <row r="560174" spans="8:8">
      <c r="H560174" s="12"/>
    </row>
    <row r="560175" spans="8:8">
      <c r="H560175" s="12"/>
    </row>
    <row r="560176" spans="8:8">
      <c r="H560176" s="12"/>
    </row>
    <row r="560177" spans="8:8">
      <c r="H560177" s="12"/>
    </row>
    <row r="560178" spans="8:8">
      <c r="H560178" s="12"/>
    </row>
    <row r="560179" spans="8:8">
      <c r="H560179" s="12"/>
    </row>
    <row r="560180" spans="8:8">
      <c r="H560180" s="12"/>
    </row>
    <row r="560181" spans="8:8">
      <c r="H560181" s="12"/>
    </row>
    <row r="560182" spans="8:8">
      <c r="H560182" s="12"/>
    </row>
    <row r="560183" spans="8:8">
      <c r="H560183" s="12"/>
    </row>
    <row r="560184" spans="8:8">
      <c r="H560184" s="12"/>
    </row>
    <row r="560185" spans="8:8">
      <c r="H560185" s="12"/>
    </row>
    <row r="560186" spans="8:8">
      <c r="H560186" s="12"/>
    </row>
    <row r="560187" spans="8:8">
      <c r="H560187" s="12"/>
    </row>
    <row r="560188" spans="8:8">
      <c r="H560188" s="12"/>
    </row>
    <row r="560189" spans="8:8">
      <c r="H560189" s="12"/>
    </row>
    <row r="560190" spans="8:8">
      <c r="H560190" s="12"/>
    </row>
    <row r="560191" spans="8:8">
      <c r="H560191" s="12"/>
    </row>
    <row r="560192" spans="8:8">
      <c r="H560192" s="12"/>
    </row>
    <row r="560193" spans="8:8">
      <c r="H560193" s="12"/>
    </row>
    <row r="560194" spans="8:8">
      <c r="H560194" s="12"/>
    </row>
    <row r="560195" spans="8:8">
      <c r="H560195" s="12"/>
    </row>
    <row r="560196" spans="8:8">
      <c r="H560196" s="12"/>
    </row>
    <row r="560197" spans="8:8">
      <c r="H560197" s="12"/>
    </row>
    <row r="560198" spans="8:8">
      <c r="H560198" s="12"/>
    </row>
    <row r="560199" spans="8:8">
      <c r="H560199" s="12"/>
    </row>
    <row r="560200" spans="8:8">
      <c r="H560200" s="12"/>
    </row>
    <row r="560201" spans="8:8">
      <c r="H560201" s="12"/>
    </row>
    <row r="560202" spans="8:8">
      <c r="H560202" s="12"/>
    </row>
    <row r="560203" spans="8:8">
      <c r="H560203" s="12"/>
    </row>
    <row r="560204" spans="8:8">
      <c r="H560204" s="12"/>
    </row>
    <row r="560205" spans="8:8">
      <c r="H560205" s="12"/>
    </row>
    <row r="560206" spans="8:8">
      <c r="H560206" s="12"/>
    </row>
    <row r="560207" spans="8:8">
      <c r="H560207" s="12"/>
    </row>
    <row r="560208" spans="8:8">
      <c r="H560208" s="12"/>
    </row>
    <row r="560209" spans="8:8">
      <c r="H560209" s="12"/>
    </row>
    <row r="560210" spans="8:8">
      <c r="H560210" s="12"/>
    </row>
    <row r="560211" spans="8:8">
      <c r="H560211" s="12"/>
    </row>
    <row r="560212" spans="8:8">
      <c r="H560212" s="12"/>
    </row>
    <row r="560213" spans="8:8">
      <c r="H560213" s="12"/>
    </row>
    <row r="560214" spans="8:8">
      <c r="H560214" s="12"/>
    </row>
    <row r="560215" spans="8:8">
      <c r="H560215" s="12"/>
    </row>
    <row r="560216" spans="8:8">
      <c r="H560216" s="12"/>
    </row>
    <row r="560217" spans="8:8">
      <c r="H560217" s="12"/>
    </row>
    <row r="560218" spans="8:8">
      <c r="H560218" s="12"/>
    </row>
    <row r="560219" spans="8:8">
      <c r="H560219" s="12"/>
    </row>
    <row r="560220" spans="8:8">
      <c r="H560220" s="12"/>
    </row>
    <row r="560221" spans="8:8">
      <c r="H560221" s="12"/>
    </row>
    <row r="560222" spans="8:8">
      <c r="H560222" s="12"/>
    </row>
    <row r="560223" spans="8:8">
      <c r="H560223" s="12"/>
    </row>
    <row r="560224" spans="8:8">
      <c r="H560224" s="12"/>
    </row>
    <row r="560225" spans="8:8">
      <c r="H560225" s="12"/>
    </row>
    <row r="560226" spans="8:8">
      <c r="H560226" s="12"/>
    </row>
    <row r="560227" spans="8:8">
      <c r="H560227" s="12"/>
    </row>
    <row r="560228" spans="8:8">
      <c r="H560228" s="12"/>
    </row>
    <row r="560229" spans="8:8">
      <c r="H560229" s="12"/>
    </row>
    <row r="560230" spans="8:8">
      <c r="H560230" s="12"/>
    </row>
    <row r="560231" spans="8:8">
      <c r="H560231" s="12"/>
    </row>
    <row r="560232" spans="8:8">
      <c r="H560232" s="12"/>
    </row>
    <row r="560233" spans="8:8">
      <c r="H560233" s="12"/>
    </row>
    <row r="560234" spans="8:8">
      <c r="H560234" s="12"/>
    </row>
    <row r="560235" spans="8:8">
      <c r="H560235" s="12"/>
    </row>
    <row r="560236" spans="8:8">
      <c r="H560236" s="12"/>
    </row>
    <row r="560237" spans="8:8">
      <c r="H560237" s="12"/>
    </row>
    <row r="560238" spans="8:8">
      <c r="H560238" s="12"/>
    </row>
    <row r="560239" spans="8:8">
      <c r="H560239" s="12"/>
    </row>
    <row r="560240" spans="8:8">
      <c r="H560240" s="12"/>
    </row>
    <row r="560241" spans="8:8">
      <c r="H560241" s="12"/>
    </row>
    <row r="560242" spans="8:8">
      <c r="H560242" s="12"/>
    </row>
    <row r="560243" spans="8:8">
      <c r="H560243" s="12"/>
    </row>
    <row r="560244" spans="8:8">
      <c r="H560244" s="12"/>
    </row>
    <row r="560245" spans="8:8">
      <c r="H560245" s="12"/>
    </row>
    <row r="560246" spans="8:8">
      <c r="H560246" s="12"/>
    </row>
    <row r="560247" spans="8:8">
      <c r="H560247" s="12"/>
    </row>
    <row r="560248" spans="8:8">
      <c r="H560248" s="12"/>
    </row>
    <row r="560249" spans="8:8">
      <c r="H560249" s="12"/>
    </row>
    <row r="560250" spans="8:8">
      <c r="H560250" s="12"/>
    </row>
    <row r="560251" spans="8:8">
      <c r="H560251" s="12"/>
    </row>
    <row r="560252" spans="8:8">
      <c r="H560252" s="12"/>
    </row>
    <row r="560253" spans="8:8">
      <c r="H560253" s="12"/>
    </row>
    <row r="560254" spans="8:8">
      <c r="H560254" s="12"/>
    </row>
    <row r="560255" spans="8:8">
      <c r="H560255" s="12"/>
    </row>
    <row r="560256" spans="8:8">
      <c r="H560256" s="12"/>
    </row>
    <row r="560257" spans="8:8">
      <c r="H560257" s="12"/>
    </row>
    <row r="560258" spans="8:8">
      <c r="H560258" s="12"/>
    </row>
    <row r="560259" spans="8:8">
      <c r="H560259" s="12"/>
    </row>
    <row r="560260" spans="8:8">
      <c r="H560260" s="12"/>
    </row>
    <row r="560261" spans="8:8">
      <c r="H560261" s="12"/>
    </row>
    <row r="560262" spans="8:8">
      <c r="H560262" s="12"/>
    </row>
    <row r="560263" spans="8:8">
      <c r="H560263" s="12"/>
    </row>
    <row r="560264" spans="8:8">
      <c r="H560264" s="12"/>
    </row>
    <row r="560265" spans="8:8">
      <c r="H560265" s="12"/>
    </row>
    <row r="560266" spans="8:8">
      <c r="H560266" s="12"/>
    </row>
    <row r="560267" spans="8:8">
      <c r="H560267" s="12"/>
    </row>
    <row r="560268" spans="8:8">
      <c r="H560268" s="12"/>
    </row>
    <row r="560269" spans="8:8">
      <c r="H560269" s="12"/>
    </row>
    <row r="560270" spans="8:8">
      <c r="H560270" s="12"/>
    </row>
    <row r="560271" spans="8:8">
      <c r="H560271" s="12"/>
    </row>
    <row r="560272" spans="8:8">
      <c r="H560272" s="12"/>
    </row>
    <row r="560273" spans="8:8">
      <c r="H560273" s="12"/>
    </row>
    <row r="560274" spans="8:8">
      <c r="H560274" s="12"/>
    </row>
    <row r="560275" spans="8:8">
      <c r="H560275" s="12"/>
    </row>
    <row r="560276" spans="8:8">
      <c r="H560276" s="12"/>
    </row>
    <row r="560277" spans="8:8">
      <c r="H560277" s="12"/>
    </row>
    <row r="560278" spans="8:8">
      <c r="H560278" s="12"/>
    </row>
    <row r="560279" spans="8:8">
      <c r="H560279" s="12"/>
    </row>
    <row r="560280" spans="8:8">
      <c r="H560280" s="12"/>
    </row>
    <row r="560281" spans="8:8">
      <c r="H560281" s="12"/>
    </row>
    <row r="560282" spans="8:8">
      <c r="H560282" s="12"/>
    </row>
    <row r="560283" spans="8:8">
      <c r="H560283" s="12"/>
    </row>
    <row r="560284" spans="8:8">
      <c r="H560284" s="12"/>
    </row>
    <row r="560285" spans="8:8">
      <c r="H560285" s="12"/>
    </row>
    <row r="560286" spans="8:8">
      <c r="H560286" s="12"/>
    </row>
    <row r="560287" spans="8:8">
      <c r="H560287" s="12"/>
    </row>
    <row r="560288" spans="8:8">
      <c r="H560288" s="12"/>
    </row>
    <row r="560289" spans="8:8">
      <c r="H560289" s="12"/>
    </row>
    <row r="560290" spans="8:8">
      <c r="H560290" s="12"/>
    </row>
    <row r="560291" spans="8:8">
      <c r="H560291" s="12"/>
    </row>
    <row r="560292" spans="8:8">
      <c r="H560292" s="12"/>
    </row>
    <row r="560293" spans="8:8">
      <c r="H560293" s="12"/>
    </row>
    <row r="560294" spans="8:8">
      <c r="H560294" s="12"/>
    </row>
    <row r="560295" spans="8:8">
      <c r="H560295" s="12"/>
    </row>
    <row r="560296" spans="8:8">
      <c r="H560296" s="12"/>
    </row>
    <row r="560297" spans="8:8">
      <c r="H560297" s="12"/>
    </row>
    <row r="560298" spans="8:8">
      <c r="H560298" s="12"/>
    </row>
    <row r="560299" spans="8:8">
      <c r="H560299" s="12"/>
    </row>
    <row r="560300" spans="8:8">
      <c r="H560300" s="12"/>
    </row>
    <row r="560301" spans="8:8">
      <c r="H560301" s="12"/>
    </row>
    <row r="560302" spans="8:8">
      <c r="H560302" s="12"/>
    </row>
    <row r="560303" spans="8:8">
      <c r="H560303" s="12"/>
    </row>
    <row r="560304" spans="8:8">
      <c r="H560304" s="12"/>
    </row>
    <row r="560305" spans="8:8">
      <c r="H560305" s="12"/>
    </row>
    <row r="560306" spans="8:8">
      <c r="H560306" s="12"/>
    </row>
    <row r="560307" spans="8:8">
      <c r="H560307" s="12"/>
    </row>
    <row r="560308" spans="8:8">
      <c r="H560308" s="12"/>
    </row>
    <row r="560309" spans="8:8">
      <c r="H560309" s="12"/>
    </row>
    <row r="560310" spans="8:8">
      <c r="H560310" s="12"/>
    </row>
    <row r="560311" spans="8:8">
      <c r="H560311" s="12"/>
    </row>
    <row r="560312" spans="8:8">
      <c r="H560312" s="12"/>
    </row>
    <row r="560313" spans="8:8">
      <c r="H560313" s="12"/>
    </row>
    <row r="560314" spans="8:8">
      <c r="H560314" s="12"/>
    </row>
    <row r="560315" spans="8:8">
      <c r="H560315" s="12"/>
    </row>
    <row r="560316" spans="8:8">
      <c r="H560316" s="12"/>
    </row>
    <row r="560317" spans="8:8">
      <c r="H560317" s="12"/>
    </row>
    <row r="560318" spans="8:8">
      <c r="H560318" s="12"/>
    </row>
    <row r="560319" spans="8:8">
      <c r="H560319" s="12"/>
    </row>
    <row r="560320" spans="8:8">
      <c r="H560320" s="12"/>
    </row>
    <row r="560321" spans="8:8">
      <c r="H560321" s="12"/>
    </row>
    <row r="560322" spans="8:8">
      <c r="H560322" s="12"/>
    </row>
    <row r="560323" spans="8:8">
      <c r="H560323" s="12"/>
    </row>
    <row r="560324" spans="8:8">
      <c r="H560324" s="12"/>
    </row>
    <row r="560325" spans="8:8">
      <c r="H560325" s="12"/>
    </row>
    <row r="560326" spans="8:8">
      <c r="H560326" s="12"/>
    </row>
    <row r="560327" spans="8:8">
      <c r="H560327" s="12"/>
    </row>
    <row r="560328" spans="8:8">
      <c r="H560328" s="12"/>
    </row>
    <row r="560329" spans="8:8">
      <c r="H560329" s="12"/>
    </row>
    <row r="560330" spans="8:8">
      <c r="H560330" s="12"/>
    </row>
    <row r="560331" spans="8:8">
      <c r="H560331" s="12"/>
    </row>
    <row r="560332" spans="8:8">
      <c r="H560332" s="12"/>
    </row>
    <row r="560333" spans="8:8">
      <c r="H560333" s="12"/>
    </row>
    <row r="560334" spans="8:8">
      <c r="H560334" s="12"/>
    </row>
    <row r="560335" spans="8:8">
      <c r="H560335" s="12"/>
    </row>
    <row r="560336" spans="8:8">
      <c r="H560336" s="12"/>
    </row>
    <row r="560337" spans="8:8">
      <c r="H560337" s="12"/>
    </row>
    <row r="560338" spans="8:8">
      <c r="H560338" s="12"/>
    </row>
    <row r="560339" spans="8:8">
      <c r="H560339" s="12"/>
    </row>
    <row r="560340" spans="8:8">
      <c r="H560340" s="12"/>
    </row>
    <row r="560341" spans="8:8">
      <c r="H560341" s="12"/>
    </row>
    <row r="560342" spans="8:8">
      <c r="H560342" s="12"/>
    </row>
    <row r="560343" spans="8:8">
      <c r="H560343" s="12"/>
    </row>
    <row r="560344" spans="8:8">
      <c r="H560344" s="12"/>
    </row>
    <row r="560345" spans="8:8">
      <c r="H560345" s="12"/>
    </row>
    <row r="560346" spans="8:8">
      <c r="H560346" s="12"/>
    </row>
    <row r="560347" spans="8:8">
      <c r="H560347" s="12"/>
    </row>
    <row r="560348" spans="8:8">
      <c r="H560348" s="12"/>
    </row>
    <row r="560349" spans="8:8">
      <c r="H560349" s="12"/>
    </row>
    <row r="560350" spans="8:8">
      <c r="H560350" s="12"/>
    </row>
    <row r="560351" spans="8:8">
      <c r="H560351" s="12"/>
    </row>
    <row r="560352" spans="8:8">
      <c r="H560352" s="12"/>
    </row>
    <row r="560353" spans="8:8">
      <c r="H560353" s="12"/>
    </row>
    <row r="560354" spans="8:8">
      <c r="H560354" s="12"/>
    </row>
    <row r="560355" spans="8:8">
      <c r="H560355" s="12"/>
    </row>
    <row r="560356" spans="8:8">
      <c r="H560356" s="12"/>
    </row>
    <row r="560357" spans="8:8">
      <c r="H560357" s="12"/>
    </row>
    <row r="560358" spans="8:8">
      <c r="H560358" s="12"/>
    </row>
    <row r="560359" spans="8:8">
      <c r="H560359" s="12"/>
    </row>
    <row r="560360" spans="8:8">
      <c r="H560360" s="12"/>
    </row>
    <row r="560361" spans="8:8">
      <c r="H560361" s="12"/>
    </row>
    <row r="560362" spans="8:8">
      <c r="H560362" s="12"/>
    </row>
    <row r="560363" spans="8:8">
      <c r="H560363" s="12"/>
    </row>
    <row r="560364" spans="8:8">
      <c r="H560364" s="12"/>
    </row>
    <row r="560365" spans="8:8">
      <c r="H560365" s="12"/>
    </row>
    <row r="560366" spans="8:8">
      <c r="H560366" s="12"/>
    </row>
    <row r="560367" spans="8:8">
      <c r="H560367" s="12"/>
    </row>
    <row r="560368" spans="8:8">
      <c r="H560368" s="12"/>
    </row>
    <row r="560369" spans="8:8">
      <c r="H560369" s="12"/>
    </row>
    <row r="560370" spans="8:8">
      <c r="H560370" s="12"/>
    </row>
    <row r="560371" spans="8:8">
      <c r="H560371" s="12"/>
    </row>
    <row r="560372" spans="8:8">
      <c r="H560372" s="12"/>
    </row>
    <row r="560373" spans="8:8">
      <c r="H560373" s="12"/>
    </row>
    <row r="560374" spans="8:8">
      <c r="H560374" s="12"/>
    </row>
    <row r="560375" spans="8:8">
      <c r="H560375" s="12"/>
    </row>
    <row r="560376" spans="8:8">
      <c r="H560376" s="12"/>
    </row>
    <row r="560377" spans="8:8">
      <c r="H560377" s="12"/>
    </row>
    <row r="560378" spans="8:8">
      <c r="H560378" s="12"/>
    </row>
    <row r="560379" spans="8:8">
      <c r="H560379" s="12"/>
    </row>
    <row r="560380" spans="8:8">
      <c r="H560380" s="12"/>
    </row>
    <row r="560381" spans="8:8">
      <c r="H560381" s="12"/>
    </row>
    <row r="560382" spans="8:8">
      <c r="H560382" s="12"/>
    </row>
    <row r="560383" spans="8:8">
      <c r="H560383" s="12"/>
    </row>
    <row r="560384" spans="8:8">
      <c r="H560384" s="12"/>
    </row>
    <row r="560385" spans="8:8">
      <c r="H560385" s="12"/>
    </row>
    <row r="560386" spans="8:8">
      <c r="H560386" s="12"/>
    </row>
    <row r="560387" spans="8:8">
      <c r="H560387" s="12"/>
    </row>
    <row r="560388" spans="8:8">
      <c r="H560388" s="12"/>
    </row>
    <row r="560389" spans="8:8">
      <c r="H560389" s="12"/>
    </row>
    <row r="560390" spans="8:8">
      <c r="H560390" s="12"/>
    </row>
    <row r="560391" spans="8:8">
      <c r="H560391" s="12"/>
    </row>
    <row r="560392" spans="8:8">
      <c r="H560392" s="12"/>
    </row>
    <row r="560393" spans="8:8">
      <c r="H560393" s="12"/>
    </row>
    <row r="560394" spans="8:8">
      <c r="H560394" s="12"/>
    </row>
    <row r="560395" spans="8:8">
      <c r="H560395" s="12"/>
    </row>
    <row r="560396" spans="8:8">
      <c r="H560396" s="12"/>
    </row>
    <row r="560397" spans="8:8">
      <c r="H560397" s="12"/>
    </row>
    <row r="560398" spans="8:8">
      <c r="H560398" s="12"/>
    </row>
    <row r="560399" spans="8:8">
      <c r="H560399" s="12"/>
    </row>
    <row r="560400" spans="8:8">
      <c r="H560400" s="12"/>
    </row>
    <row r="560401" spans="8:8">
      <c r="H560401" s="12"/>
    </row>
    <row r="560402" spans="8:8">
      <c r="H560402" s="12"/>
    </row>
    <row r="560403" spans="8:8">
      <c r="H560403" s="12"/>
    </row>
    <row r="560404" spans="8:8">
      <c r="H560404" s="12"/>
    </row>
    <row r="560405" spans="8:8">
      <c r="H560405" s="12"/>
    </row>
    <row r="560406" spans="8:8">
      <c r="H560406" s="12"/>
    </row>
    <row r="560407" spans="8:8">
      <c r="H560407" s="12"/>
    </row>
    <row r="560408" spans="8:8">
      <c r="H560408" s="12"/>
    </row>
    <row r="560409" spans="8:8">
      <c r="H560409" s="12"/>
    </row>
    <row r="560410" spans="8:8">
      <c r="H560410" s="12"/>
    </row>
    <row r="560411" spans="8:8">
      <c r="H560411" s="12"/>
    </row>
    <row r="560412" spans="8:8">
      <c r="H560412" s="12"/>
    </row>
    <row r="560413" spans="8:8">
      <c r="H560413" s="12"/>
    </row>
    <row r="560414" spans="8:8">
      <c r="H560414" s="12"/>
    </row>
    <row r="560415" spans="8:8">
      <c r="H560415" s="12"/>
    </row>
    <row r="560416" spans="8:8">
      <c r="H560416" s="12"/>
    </row>
    <row r="560417" spans="8:8">
      <c r="H560417" s="12"/>
    </row>
    <row r="560418" spans="8:8">
      <c r="H560418" s="12"/>
    </row>
    <row r="560419" spans="8:8">
      <c r="H560419" s="12"/>
    </row>
    <row r="560420" spans="8:8">
      <c r="H560420" s="12"/>
    </row>
    <row r="560421" spans="8:8">
      <c r="H560421" s="12"/>
    </row>
    <row r="560422" spans="8:8">
      <c r="H560422" s="12"/>
    </row>
    <row r="560423" spans="8:8">
      <c r="H560423" s="12"/>
    </row>
    <row r="560424" spans="8:8">
      <c r="H560424" s="12"/>
    </row>
    <row r="560425" spans="8:8">
      <c r="H560425" s="12"/>
    </row>
    <row r="560426" spans="8:8">
      <c r="H560426" s="12"/>
    </row>
    <row r="560427" spans="8:8">
      <c r="H560427" s="12"/>
    </row>
    <row r="560428" spans="8:8">
      <c r="H560428" s="12"/>
    </row>
    <row r="560429" spans="8:8">
      <c r="H560429" s="12"/>
    </row>
    <row r="560430" spans="8:8">
      <c r="H560430" s="12"/>
    </row>
    <row r="560431" spans="8:8">
      <c r="H560431" s="12"/>
    </row>
    <row r="560432" spans="8:8">
      <c r="H560432" s="12"/>
    </row>
    <row r="560433" spans="8:8">
      <c r="H560433" s="12"/>
    </row>
    <row r="560434" spans="8:8">
      <c r="H560434" s="12"/>
    </row>
    <row r="560435" spans="8:8">
      <c r="H560435" s="12"/>
    </row>
    <row r="560436" spans="8:8">
      <c r="H560436" s="12"/>
    </row>
    <row r="560437" spans="8:8">
      <c r="H560437" s="12"/>
    </row>
    <row r="560438" spans="8:8">
      <c r="H560438" s="12"/>
    </row>
    <row r="560439" spans="8:8">
      <c r="H560439" s="12"/>
    </row>
    <row r="560440" spans="8:8">
      <c r="H560440" s="12"/>
    </row>
    <row r="560441" spans="8:8">
      <c r="H560441" s="12"/>
    </row>
    <row r="560442" spans="8:8">
      <c r="H560442" s="12"/>
    </row>
    <row r="560443" spans="8:8">
      <c r="H560443" s="12"/>
    </row>
    <row r="560444" spans="8:8">
      <c r="H560444" s="12"/>
    </row>
    <row r="560445" spans="8:8">
      <c r="H560445" s="12"/>
    </row>
    <row r="560446" spans="8:8">
      <c r="H560446" s="12"/>
    </row>
    <row r="560447" spans="8:8">
      <c r="H560447" s="12"/>
    </row>
    <row r="560448" spans="8:8">
      <c r="H560448" s="12"/>
    </row>
    <row r="560449" spans="8:8">
      <c r="H560449" s="12"/>
    </row>
    <row r="560450" spans="8:8">
      <c r="H560450" s="12"/>
    </row>
    <row r="560451" spans="8:8">
      <c r="H560451" s="12"/>
    </row>
    <row r="560452" spans="8:8">
      <c r="H560452" s="12"/>
    </row>
    <row r="560453" spans="8:8">
      <c r="H560453" s="12"/>
    </row>
    <row r="560454" spans="8:8">
      <c r="H560454" s="12"/>
    </row>
    <row r="560455" spans="8:8">
      <c r="H560455" s="12"/>
    </row>
    <row r="560456" spans="8:8">
      <c r="H560456" s="12"/>
    </row>
    <row r="560457" spans="8:8">
      <c r="H560457" s="12"/>
    </row>
    <row r="560458" spans="8:8">
      <c r="H560458" s="12"/>
    </row>
    <row r="560459" spans="8:8">
      <c r="H560459" s="12"/>
    </row>
    <row r="560460" spans="8:8">
      <c r="H560460" s="12"/>
    </row>
    <row r="560461" spans="8:8">
      <c r="H560461" s="12"/>
    </row>
    <row r="560462" spans="8:8">
      <c r="H560462" s="12"/>
    </row>
    <row r="560463" spans="8:8">
      <c r="H560463" s="12"/>
    </row>
    <row r="560464" spans="8:8">
      <c r="H560464" s="12"/>
    </row>
    <row r="560465" spans="8:8">
      <c r="H560465" s="12"/>
    </row>
    <row r="560466" spans="8:8">
      <c r="H560466" s="12"/>
    </row>
    <row r="560467" spans="8:8">
      <c r="H560467" s="12"/>
    </row>
    <row r="560468" spans="8:8">
      <c r="H560468" s="12"/>
    </row>
    <row r="560469" spans="8:8">
      <c r="H560469" s="12"/>
    </row>
    <row r="560470" spans="8:8">
      <c r="H560470" s="12"/>
    </row>
    <row r="560471" spans="8:8">
      <c r="H560471" s="12"/>
    </row>
    <row r="560472" spans="8:8">
      <c r="H560472" s="12"/>
    </row>
    <row r="560473" spans="8:8">
      <c r="H560473" s="12"/>
    </row>
    <row r="560474" spans="8:8">
      <c r="H560474" s="12"/>
    </row>
    <row r="560475" spans="8:8">
      <c r="H560475" s="12"/>
    </row>
    <row r="560476" spans="8:8">
      <c r="H560476" s="12"/>
    </row>
    <row r="560477" spans="8:8">
      <c r="H560477" s="12"/>
    </row>
    <row r="560478" spans="8:8">
      <c r="H560478" s="12"/>
    </row>
    <row r="560479" spans="8:8">
      <c r="H560479" s="12"/>
    </row>
    <row r="560480" spans="8:8">
      <c r="H560480" s="12"/>
    </row>
    <row r="560481" spans="8:8">
      <c r="H560481" s="12"/>
    </row>
    <row r="560482" spans="8:8">
      <c r="H560482" s="12"/>
    </row>
    <row r="560483" spans="8:8">
      <c r="H560483" s="12"/>
    </row>
    <row r="560484" spans="8:8">
      <c r="H560484" s="12"/>
    </row>
    <row r="560485" spans="8:8">
      <c r="H560485" s="12"/>
    </row>
    <row r="560486" spans="8:8">
      <c r="H560486" s="12"/>
    </row>
    <row r="560487" spans="8:8">
      <c r="H560487" s="12"/>
    </row>
    <row r="560488" spans="8:8">
      <c r="H560488" s="12"/>
    </row>
    <row r="560489" spans="8:8">
      <c r="H560489" s="12"/>
    </row>
    <row r="560490" spans="8:8">
      <c r="H560490" s="12"/>
    </row>
    <row r="560491" spans="8:8">
      <c r="H560491" s="12"/>
    </row>
    <row r="560492" spans="8:8">
      <c r="H560492" s="12"/>
    </row>
    <row r="560493" spans="8:8">
      <c r="H560493" s="12"/>
    </row>
    <row r="560494" spans="8:8">
      <c r="H560494" s="12"/>
    </row>
    <row r="560495" spans="8:8">
      <c r="H560495" s="12"/>
    </row>
    <row r="560496" spans="8:8">
      <c r="H560496" s="12"/>
    </row>
    <row r="560497" spans="8:8">
      <c r="H560497" s="12"/>
    </row>
    <row r="560498" spans="8:8">
      <c r="H560498" s="12"/>
    </row>
    <row r="560499" spans="8:8">
      <c r="H560499" s="12"/>
    </row>
    <row r="560500" spans="8:8">
      <c r="H560500" s="12"/>
    </row>
    <row r="560501" spans="8:8">
      <c r="H560501" s="12"/>
    </row>
    <row r="560502" spans="8:8">
      <c r="H560502" s="12"/>
    </row>
    <row r="560503" spans="8:8">
      <c r="H560503" s="12"/>
    </row>
    <row r="560504" spans="8:8">
      <c r="H560504" s="12"/>
    </row>
    <row r="560505" spans="8:8">
      <c r="H560505" s="12"/>
    </row>
    <row r="560506" spans="8:8">
      <c r="H560506" s="12"/>
    </row>
    <row r="560507" spans="8:8">
      <c r="H560507" s="12"/>
    </row>
    <row r="560508" spans="8:8">
      <c r="H560508" s="12"/>
    </row>
    <row r="560509" spans="8:8">
      <c r="H560509" s="12"/>
    </row>
    <row r="560510" spans="8:8">
      <c r="H560510" s="12"/>
    </row>
    <row r="560511" spans="8:8">
      <c r="H560511" s="12"/>
    </row>
    <row r="560512" spans="8:8">
      <c r="H560512" s="12"/>
    </row>
    <row r="560513" spans="8:8">
      <c r="H560513" s="12"/>
    </row>
    <row r="560514" spans="8:8">
      <c r="H560514" s="12"/>
    </row>
    <row r="560515" spans="8:8">
      <c r="H560515" s="12"/>
    </row>
    <row r="560516" spans="8:8">
      <c r="H560516" s="12"/>
    </row>
    <row r="560517" spans="8:8">
      <c r="H560517" s="12"/>
    </row>
    <row r="560518" spans="8:8">
      <c r="H560518" s="12"/>
    </row>
    <row r="560519" spans="8:8">
      <c r="H560519" s="12"/>
    </row>
    <row r="560520" spans="8:8">
      <c r="H560520" s="12"/>
    </row>
    <row r="560521" spans="8:8">
      <c r="H560521" s="12"/>
    </row>
    <row r="560522" spans="8:8">
      <c r="H560522" s="12"/>
    </row>
    <row r="560523" spans="8:8">
      <c r="H560523" s="12"/>
    </row>
    <row r="560524" spans="8:8">
      <c r="H560524" s="12"/>
    </row>
    <row r="560525" spans="8:8">
      <c r="H560525" s="12"/>
    </row>
    <row r="560526" spans="8:8">
      <c r="H560526" s="12"/>
    </row>
    <row r="560527" spans="8:8">
      <c r="H560527" s="12"/>
    </row>
    <row r="560528" spans="8:8">
      <c r="H560528" s="12"/>
    </row>
    <row r="560529" spans="8:8">
      <c r="H560529" s="12"/>
    </row>
    <row r="560530" spans="8:8">
      <c r="H560530" s="12"/>
    </row>
    <row r="560531" spans="8:8">
      <c r="H560531" s="12"/>
    </row>
    <row r="560532" spans="8:8">
      <c r="H560532" s="12"/>
    </row>
    <row r="560533" spans="8:8">
      <c r="H560533" s="12"/>
    </row>
    <row r="560534" spans="8:8">
      <c r="H560534" s="12"/>
    </row>
    <row r="560535" spans="8:8">
      <c r="H560535" s="12"/>
    </row>
    <row r="560536" spans="8:8">
      <c r="H560536" s="12"/>
    </row>
    <row r="560537" spans="8:8">
      <c r="H560537" s="12"/>
    </row>
    <row r="560538" spans="8:8">
      <c r="H560538" s="12"/>
    </row>
    <row r="560539" spans="8:8">
      <c r="H560539" s="12"/>
    </row>
    <row r="560540" spans="8:8">
      <c r="H560540" s="12"/>
    </row>
    <row r="560541" spans="8:8">
      <c r="H560541" s="12"/>
    </row>
    <row r="560542" spans="8:8">
      <c r="H560542" s="12"/>
    </row>
    <row r="560543" spans="8:8">
      <c r="H560543" s="12"/>
    </row>
    <row r="560544" spans="8:8">
      <c r="H560544" s="12"/>
    </row>
    <row r="560545" spans="8:8">
      <c r="H560545" s="12"/>
    </row>
    <row r="560546" spans="8:8">
      <c r="H560546" s="12"/>
    </row>
    <row r="560547" spans="8:8">
      <c r="H560547" s="12"/>
    </row>
    <row r="560548" spans="8:8">
      <c r="H560548" s="12"/>
    </row>
    <row r="560549" spans="8:8">
      <c r="H560549" s="12"/>
    </row>
    <row r="560550" spans="8:8">
      <c r="H560550" s="12"/>
    </row>
    <row r="560551" spans="8:8">
      <c r="H560551" s="12"/>
    </row>
    <row r="560552" spans="8:8">
      <c r="H560552" s="12"/>
    </row>
    <row r="560553" spans="8:8">
      <c r="H560553" s="12"/>
    </row>
    <row r="560554" spans="8:8">
      <c r="H560554" s="12"/>
    </row>
    <row r="560555" spans="8:8">
      <c r="H560555" s="12"/>
    </row>
    <row r="560556" spans="8:8">
      <c r="H560556" s="12"/>
    </row>
    <row r="560557" spans="8:8">
      <c r="H560557" s="12"/>
    </row>
    <row r="560558" spans="8:8">
      <c r="H560558" s="12"/>
    </row>
    <row r="560559" spans="8:8">
      <c r="H560559" s="12"/>
    </row>
    <row r="560560" spans="8:8">
      <c r="H560560" s="12"/>
    </row>
    <row r="560561" spans="8:8">
      <c r="H560561" s="12"/>
    </row>
    <row r="560562" spans="8:8">
      <c r="H560562" s="12"/>
    </row>
    <row r="560563" spans="8:8">
      <c r="H560563" s="12"/>
    </row>
    <row r="560564" spans="8:8">
      <c r="H560564" s="12"/>
    </row>
    <row r="560565" spans="8:8">
      <c r="H560565" s="12"/>
    </row>
    <row r="560566" spans="8:8">
      <c r="H560566" s="12"/>
    </row>
    <row r="560567" spans="8:8">
      <c r="H560567" s="12"/>
    </row>
    <row r="560568" spans="8:8">
      <c r="H560568" s="12"/>
    </row>
    <row r="560569" spans="8:8">
      <c r="H560569" s="12"/>
    </row>
    <row r="560570" spans="8:8">
      <c r="H560570" s="12"/>
    </row>
    <row r="560571" spans="8:8">
      <c r="H560571" s="12"/>
    </row>
    <row r="560572" spans="8:8">
      <c r="H560572" s="12"/>
    </row>
    <row r="560573" spans="8:8">
      <c r="H560573" s="12"/>
    </row>
    <row r="560574" spans="8:8">
      <c r="H560574" s="12"/>
    </row>
    <row r="560575" spans="8:8">
      <c r="H560575" s="12"/>
    </row>
    <row r="560576" spans="8:8">
      <c r="H560576" s="12"/>
    </row>
    <row r="560577" spans="8:8">
      <c r="H560577" s="12"/>
    </row>
    <row r="560578" spans="8:8">
      <c r="H560578" s="12"/>
    </row>
    <row r="560579" spans="8:8">
      <c r="H560579" s="12"/>
    </row>
    <row r="560580" spans="8:8">
      <c r="H560580" s="12"/>
    </row>
    <row r="560581" spans="8:8">
      <c r="H560581" s="12"/>
    </row>
    <row r="560582" spans="8:8">
      <c r="H560582" s="12"/>
    </row>
    <row r="560583" spans="8:8">
      <c r="H560583" s="12"/>
    </row>
    <row r="560584" spans="8:8">
      <c r="H560584" s="12"/>
    </row>
    <row r="560585" spans="8:8">
      <c r="H560585" s="12"/>
    </row>
    <row r="560586" spans="8:8">
      <c r="H560586" s="12"/>
    </row>
    <row r="560587" spans="8:8">
      <c r="H560587" s="12"/>
    </row>
    <row r="560588" spans="8:8">
      <c r="H560588" s="12"/>
    </row>
    <row r="560589" spans="8:8">
      <c r="H560589" s="12"/>
    </row>
    <row r="560590" spans="8:8">
      <c r="H560590" s="12"/>
    </row>
    <row r="560591" spans="8:8">
      <c r="H560591" s="12"/>
    </row>
    <row r="560592" spans="8:8">
      <c r="H560592" s="12"/>
    </row>
    <row r="560593" spans="8:8">
      <c r="H560593" s="12"/>
    </row>
    <row r="560594" spans="8:8">
      <c r="H560594" s="12"/>
    </row>
    <row r="560595" spans="8:8">
      <c r="H560595" s="12"/>
    </row>
    <row r="560596" spans="8:8">
      <c r="H560596" s="12"/>
    </row>
    <row r="560597" spans="8:8">
      <c r="H560597" s="12"/>
    </row>
    <row r="560598" spans="8:8">
      <c r="H560598" s="12"/>
    </row>
    <row r="560599" spans="8:8">
      <c r="H560599" s="12"/>
    </row>
    <row r="560600" spans="8:8">
      <c r="H560600" s="12"/>
    </row>
    <row r="560601" spans="8:8">
      <c r="H560601" s="12"/>
    </row>
    <row r="560602" spans="8:8">
      <c r="H560602" s="12"/>
    </row>
    <row r="560603" spans="8:8">
      <c r="H560603" s="12"/>
    </row>
    <row r="560604" spans="8:8">
      <c r="H560604" s="12"/>
    </row>
    <row r="560605" spans="8:8">
      <c r="H560605" s="12"/>
    </row>
    <row r="560606" spans="8:8">
      <c r="H560606" s="12"/>
    </row>
    <row r="560607" spans="8:8">
      <c r="H560607" s="12"/>
    </row>
    <row r="560608" spans="8:8">
      <c r="H560608" s="12"/>
    </row>
    <row r="560609" spans="8:8">
      <c r="H560609" s="12"/>
    </row>
    <row r="560610" spans="8:8">
      <c r="H560610" s="12"/>
    </row>
    <row r="560611" spans="8:8">
      <c r="H560611" s="12"/>
    </row>
    <row r="560612" spans="8:8">
      <c r="H560612" s="12"/>
    </row>
    <row r="560613" spans="8:8">
      <c r="H560613" s="12"/>
    </row>
    <row r="560614" spans="8:8">
      <c r="H560614" s="12"/>
    </row>
    <row r="560615" spans="8:8">
      <c r="H560615" s="12"/>
    </row>
    <row r="560616" spans="8:8">
      <c r="H560616" s="12"/>
    </row>
    <row r="560617" spans="8:8">
      <c r="H560617" s="12"/>
    </row>
    <row r="560618" spans="8:8">
      <c r="H560618" s="12"/>
    </row>
    <row r="560619" spans="8:8">
      <c r="H560619" s="12"/>
    </row>
    <row r="560620" spans="8:8">
      <c r="H560620" s="12"/>
    </row>
    <row r="560621" spans="8:8">
      <c r="H560621" s="12"/>
    </row>
    <row r="560622" spans="8:8">
      <c r="H560622" s="12"/>
    </row>
    <row r="560623" spans="8:8">
      <c r="H560623" s="12"/>
    </row>
    <row r="560624" spans="8:8">
      <c r="H560624" s="12"/>
    </row>
    <row r="560625" spans="8:8">
      <c r="H560625" s="12"/>
    </row>
    <row r="560626" spans="8:8">
      <c r="H560626" s="12"/>
    </row>
    <row r="560627" spans="8:8">
      <c r="H560627" s="12"/>
    </row>
    <row r="560628" spans="8:8">
      <c r="H560628" s="12"/>
    </row>
    <row r="560629" spans="8:8">
      <c r="H560629" s="12"/>
    </row>
    <row r="560630" spans="8:8">
      <c r="H560630" s="12"/>
    </row>
    <row r="560631" spans="8:8">
      <c r="H560631" s="12"/>
    </row>
    <row r="560632" spans="8:8">
      <c r="H560632" s="12"/>
    </row>
    <row r="560633" spans="8:8">
      <c r="H560633" s="12"/>
    </row>
    <row r="560634" spans="8:8">
      <c r="H560634" s="12"/>
    </row>
    <row r="560635" spans="8:8">
      <c r="H560635" s="12"/>
    </row>
    <row r="560636" spans="8:8">
      <c r="H560636" s="12"/>
    </row>
    <row r="560637" spans="8:8">
      <c r="H560637" s="12"/>
    </row>
    <row r="560638" spans="8:8">
      <c r="H560638" s="12"/>
    </row>
    <row r="560639" spans="8:8">
      <c r="H560639" s="12"/>
    </row>
    <row r="560640" spans="8:8">
      <c r="H560640" s="12"/>
    </row>
    <row r="560641" spans="8:8">
      <c r="H560641" s="12"/>
    </row>
    <row r="560642" spans="8:8">
      <c r="H560642" s="12"/>
    </row>
    <row r="560643" spans="8:8">
      <c r="H560643" s="12"/>
    </row>
    <row r="560644" spans="8:8">
      <c r="H560644" s="12"/>
    </row>
    <row r="560645" spans="8:8">
      <c r="H560645" s="12"/>
    </row>
    <row r="560646" spans="8:8">
      <c r="H560646" s="12"/>
    </row>
    <row r="560647" spans="8:8">
      <c r="H560647" s="12"/>
    </row>
    <row r="560648" spans="8:8">
      <c r="H560648" s="12"/>
    </row>
    <row r="560649" spans="8:8">
      <c r="H560649" s="12"/>
    </row>
    <row r="560650" spans="8:8">
      <c r="H560650" s="12"/>
    </row>
    <row r="560651" spans="8:8">
      <c r="H560651" s="12"/>
    </row>
    <row r="560652" spans="8:8">
      <c r="H560652" s="12"/>
    </row>
    <row r="560653" spans="8:8">
      <c r="H560653" s="12"/>
    </row>
    <row r="560654" spans="8:8">
      <c r="H560654" s="12"/>
    </row>
    <row r="560655" spans="8:8">
      <c r="H560655" s="12"/>
    </row>
    <row r="560656" spans="8:8">
      <c r="H560656" s="12"/>
    </row>
    <row r="560657" spans="8:8">
      <c r="H560657" s="12"/>
    </row>
    <row r="560658" spans="8:8">
      <c r="H560658" s="12"/>
    </row>
    <row r="560659" spans="8:8">
      <c r="H560659" s="12"/>
    </row>
    <row r="560660" spans="8:8">
      <c r="H560660" s="12"/>
    </row>
    <row r="560661" spans="8:8">
      <c r="H560661" s="12"/>
    </row>
    <row r="560662" spans="8:8">
      <c r="H560662" s="12"/>
    </row>
    <row r="560663" spans="8:8">
      <c r="H560663" s="12"/>
    </row>
    <row r="560664" spans="8:8">
      <c r="H560664" s="12"/>
    </row>
    <row r="560665" spans="8:8">
      <c r="H560665" s="12"/>
    </row>
    <row r="560666" spans="8:8">
      <c r="H560666" s="12"/>
    </row>
    <row r="560667" spans="8:8">
      <c r="H560667" s="12"/>
    </row>
    <row r="560668" spans="8:8">
      <c r="H560668" s="12"/>
    </row>
    <row r="560669" spans="8:8">
      <c r="H560669" s="12"/>
    </row>
    <row r="560670" spans="8:8">
      <c r="H560670" s="12"/>
    </row>
    <row r="560671" spans="8:8">
      <c r="H560671" s="12"/>
    </row>
    <row r="560672" spans="8:8">
      <c r="H560672" s="12"/>
    </row>
    <row r="560673" spans="8:8">
      <c r="H560673" s="12"/>
    </row>
    <row r="560674" spans="8:8">
      <c r="H560674" s="12"/>
    </row>
    <row r="560675" spans="8:8">
      <c r="H560675" s="12"/>
    </row>
    <row r="560676" spans="8:8">
      <c r="H560676" s="12"/>
    </row>
    <row r="560677" spans="8:8">
      <c r="H560677" s="12"/>
    </row>
    <row r="560678" spans="8:8">
      <c r="H560678" s="12"/>
    </row>
    <row r="560679" spans="8:8">
      <c r="H560679" s="12"/>
    </row>
    <row r="560680" spans="8:8">
      <c r="H560680" s="12"/>
    </row>
    <row r="560681" spans="8:8">
      <c r="H560681" s="12"/>
    </row>
    <row r="560682" spans="8:8">
      <c r="H560682" s="12"/>
    </row>
    <row r="560683" spans="8:8">
      <c r="H560683" s="12"/>
    </row>
    <row r="560684" spans="8:8">
      <c r="H560684" s="12"/>
    </row>
    <row r="560685" spans="8:8">
      <c r="H560685" s="12"/>
    </row>
    <row r="560686" spans="8:8">
      <c r="H560686" s="12"/>
    </row>
    <row r="560687" spans="8:8">
      <c r="H560687" s="12"/>
    </row>
    <row r="560688" spans="8:8">
      <c r="H560688" s="12"/>
    </row>
    <row r="560689" spans="8:8">
      <c r="H560689" s="12"/>
    </row>
    <row r="560690" spans="8:8">
      <c r="H560690" s="12"/>
    </row>
    <row r="560691" spans="8:8">
      <c r="H560691" s="12"/>
    </row>
    <row r="560692" spans="8:8">
      <c r="H560692" s="12"/>
    </row>
    <row r="560693" spans="8:8">
      <c r="H560693" s="12"/>
    </row>
    <row r="560694" spans="8:8">
      <c r="H560694" s="12"/>
    </row>
    <row r="560695" spans="8:8">
      <c r="H560695" s="12"/>
    </row>
    <row r="560696" spans="8:8">
      <c r="H560696" s="12"/>
    </row>
    <row r="560697" spans="8:8">
      <c r="H560697" s="12"/>
    </row>
    <row r="560698" spans="8:8">
      <c r="H560698" s="12"/>
    </row>
    <row r="560699" spans="8:8">
      <c r="H560699" s="12"/>
    </row>
    <row r="560700" spans="8:8">
      <c r="H560700" s="12"/>
    </row>
    <row r="560701" spans="8:8">
      <c r="H560701" s="12"/>
    </row>
    <row r="560702" spans="8:8">
      <c r="H560702" s="12"/>
    </row>
    <row r="560703" spans="8:8">
      <c r="H560703" s="12"/>
    </row>
    <row r="560704" spans="8:8">
      <c r="H560704" s="12"/>
    </row>
    <row r="560705" spans="8:8">
      <c r="H560705" s="12"/>
    </row>
    <row r="560706" spans="8:8">
      <c r="H560706" s="12"/>
    </row>
    <row r="560707" spans="8:8">
      <c r="H560707" s="12"/>
    </row>
    <row r="560708" spans="8:8">
      <c r="H560708" s="12"/>
    </row>
    <row r="560709" spans="8:8">
      <c r="H560709" s="12"/>
    </row>
    <row r="560710" spans="8:8">
      <c r="H560710" s="12"/>
    </row>
    <row r="560711" spans="8:8">
      <c r="H560711" s="12"/>
    </row>
    <row r="560712" spans="8:8">
      <c r="H560712" s="12"/>
    </row>
    <row r="560713" spans="8:8">
      <c r="H560713" s="12"/>
    </row>
    <row r="560714" spans="8:8">
      <c r="H560714" s="12"/>
    </row>
    <row r="560715" spans="8:8">
      <c r="H560715" s="12"/>
    </row>
    <row r="560716" spans="8:8">
      <c r="H560716" s="12"/>
    </row>
    <row r="560717" spans="8:8">
      <c r="H560717" s="12"/>
    </row>
    <row r="560718" spans="8:8">
      <c r="H560718" s="12"/>
    </row>
    <row r="560719" spans="8:8">
      <c r="H560719" s="12"/>
    </row>
    <row r="560720" spans="8:8">
      <c r="H560720" s="12"/>
    </row>
    <row r="560721" spans="8:8">
      <c r="H560721" s="12"/>
    </row>
    <row r="560722" spans="8:8">
      <c r="H560722" s="12"/>
    </row>
    <row r="560723" spans="8:8">
      <c r="H560723" s="12"/>
    </row>
    <row r="560724" spans="8:8">
      <c r="H560724" s="12"/>
    </row>
    <row r="560725" spans="8:8">
      <c r="H560725" s="12"/>
    </row>
    <row r="560726" spans="8:8">
      <c r="H560726" s="12"/>
    </row>
    <row r="560727" spans="8:8">
      <c r="H560727" s="12"/>
    </row>
    <row r="560728" spans="8:8">
      <c r="H560728" s="12"/>
    </row>
    <row r="560729" spans="8:8">
      <c r="H560729" s="12"/>
    </row>
    <row r="560730" spans="8:8">
      <c r="H560730" s="12"/>
    </row>
    <row r="560731" spans="8:8">
      <c r="H560731" s="12"/>
    </row>
    <row r="560732" spans="8:8">
      <c r="H560732" s="12"/>
    </row>
    <row r="560733" spans="8:8">
      <c r="H560733" s="12"/>
    </row>
    <row r="560734" spans="8:8">
      <c r="H560734" s="12"/>
    </row>
    <row r="560735" spans="8:8">
      <c r="H560735" s="12"/>
    </row>
    <row r="560736" spans="8:8">
      <c r="H560736" s="12"/>
    </row>
    <row r="560737" spans="8:8">
      <c r="H560737" s="12"/>
    </row>
    <row r="560738" spans="8:8">
      <c r="H560738" s="12"/>
    </row>
    <row r="560739" spans="8:8">
      <c r="H560739" s="12"/>
    </row>
    <row r="560740" spans="8:8">
      <c r="H560740" s="12"/>
    </row>
    <row r="560741" spans="8:8">
      <c r="H560741" s="12"/>
    </row>
    <row r="560742" spans="8:8">
      <c r="H560742" s="12"/>
    </row>
    <row r="560743" spans="8:8">
      <c r="H560743" s="12"/>
    </row>
    <row r="560744" spans="8:8">
      <c r="H560744" s="12"/>
    </row>
    <row r="560745" spans="8:8">
      <c r="H560745" s="12"/>
    </row>
    <row r="560746" spans="8:8">
      <c r="H560746" s="12"/>
    </row>
    <row r="560747" spans="8:8">
      <c r="H560747" s="12"/>
    </row>
    <row r="560748" spans="8:8">
      <c r="H560748" s="12"/>
    </row>
    <row r="560749" spans="8:8">
      <c r="H560749" s="12"/>
    </row>
    <row r="560750" spans="8:8">
      <c r="H560750" s="12"/>
    </row>
    <row r="560751" spans="8:8">
      <c r="H560751" s="12"/>
    </row>
    <row r="560752" spans="8:8">
      <c r="H560752" s="12"/>
    </row>
    <row r="560753" spans="8:8">
      <c r="H560753" s="12"/>
    </row>
    <row r="560754" spans="8:8">
      <c r="H560754" s="12"/>
    </row>
    <row r="560755" spans="8:8">
      <c r="H560755" s="12"/>
    </row>
    <row r="560756" spans="8:8">
      <c r="H560756" s="12"/>
    </row>
    <row r="560757" spans="8:8">
      <c r="H560757" s="12"/>
    </row>
    <row r="560758" spans="8:8">
      <c r="H560758" s="12"/>
    </row>
    <row r="560759" spans="8:8">
      <c r="H560759" s="12"/>
    </row>
    <row r="560760" spans="8:8">
      <c r="H560760" s="12"/>
    </row>
    <row r="560761" spans="8:8">
      <c r="H560761" s="12"/>
    </row>
    <row r="560762" spans="8:8">
      <c r="H560762" s="12"/>
    </row>
    <row r="560763" spans="8:8">
      <c r="H560763" s="12"/>
    </row>
    <row r="560764" spans="8:8">
      <c r="H560764" s="12"/>
    </row>
    <row r="560765" spans="8:8">
      <c r="H560765" s="12"/>
    </row>
    <row r="560766" spans="8:8">
      <c r="H560766" s="12"/>
    </row>
    <row r="560767" spans="8:8">
      <c r="H560767" s="12"/>
    </row>
    <row r="560768" spans="8:8">
      <c r="H560768" s="12"/>
    </row>
    <row r="560769" spans="8:8">
      <c r="H560769" s="12"/>
    </row>
    <row r="560770" spans="8:8">
      <c r="H560770" s="12"/>
    </row>
    <row r="560771" spans="8:8">
      <c r="H560771" s="12"/>
    </row>
    <row r="560772" spans="8:8">
      <c r="H560772" s="12"/>
    </row>
    <row r="560773" spans="8:8">
      <c r="H560773" s="12"/>
    </row>
    <row r="560774" spans="8:8">
      <c r="H560774" s="12"/>
    </row>
    <row r="560775" spans="8:8">
      <c r="H560775" s="12"/>
    </row>
    <row r="560776" spans="8:8">
      <c r="H560776" s="12"/>
    </row>
    <row r="560777" spans="8:8">
      <c r="H560777" s="12"/>
    </row>
    <row r="560778" spans="8:8">
      <c r="H560778" s="12"/>
    </row>
    <row r="560779" spans="8:8">
      <c r="H560779" s="12"/>
    </row>
    <row r="560780" spans="8:8">
      <c r="H560780" s="12"/>
    </row>
    <row r="560781" spans="8:8">
      <c r="H560781" s="12"/>
    </row>
    <row r="560782" spans="8:8">
      <c r="H560782" s="12"/>
    </row>
    <row r="560783" spans="8:8">
      <c r="H560783" s="12"/>
    </row>
    <row r="560784" spans="8:8">
      <c r="H560784" s="12"/>
    </row>
    <row r="560785" spans="8:8">
      <c r="H560785" s="12"/>
    </row>
    <row r="560786" spans="8:8">
      <c r="H560786" s="12"/>
    </row>
    <row r="560787" spans="8:8">
      <c r="H560787" s="12"/>
    </row>
    <row r="560788" spans="8:8">
      <c r="H560788" s="12"/>
    </row>
    <row r="560789" spans="8:8">
      <c r="H560789" s="12"/>
    </row>
    <row r="560790" spans="8:8">
      <c r="H560790" s="12"/>
    </row>
    <row r="560791" spans="8:8">
      <c r="H560791" s="12"/>
    </row>
    <row r="560792" spans="8:8">
      <c r="H560792" s="12"/>
    </row>
    <row r="560793" spans="8:8">
      <c r="H560793" s="12"/>
    </row>
    <row r="560794" spans="8:8">
      <c r="H560794" s="12"/>
    </row>
    <row r="560795" spans="8:8">
      <c r="H560795" s="12"/>
    </row>
    <row r="560796" spans="8:8">
      <c r="H560796" s="12"/>
    </row>
    <row r="560797" spans="8:8">
      <c r="H560797" s="12"/>
    </row>
    <row r="560798" spans="8:8">
      <c r="H560798" s="12"/>
    </row>
    <row r="560799" spans="8:8">
      <c r="H560799" s="12"/>
    </row>
    <row r="560800" spans="8:8">
      <c r="H560800" s="12"/>
    </row>
    <row r="560801" spans="8:8">
      <c r="H560801" s="12"/>
    </row>
    <row r="560802" spans="8:8">
      <c r="H560802" s="12"/>
    </row>
    <row r="560803" spans="8:8">
      <c r="H560803" s="12"/>
    </row>
    <row r="560804" spans="8:8">
      <c r="H560804" s="12"/>
    </row>
    <row r="560805" spans="8:8">
      <c r="H560805" s="12"/>
    </row>
    <row r="560806" spans="8:8">
      <c r="H560806" s="12"/>
    </row>
    <row r="560807" spans="8:8">
      <c r="H560807" s="12"/>
    </row>
    <row r="560808" spans="8:8">
      <c r="H560808" s="12"/>
    </row>
    <row r="560809" spans="8:8">
      <c r="H560809" s="12"/>
    </row>
    <row r="560810" spans="8:8">
      <c r="H560810" s="12"/>
    </row>
    <row r="560811" spans="8:8">
      <c r="H560811" s="12"/>
    </row>
    <row r="560812" spans="8:8">
      <c r="H560812" s="12"/>
    </row>
    <row r="560813" spans="8:8">
      <c r="H560813" s="12"/>
    </row>
    <row r="560814" spans="8:8">
      <c r="H560814" s="12"/>
    </row>
    <row r="560815" spans="8:8">
      <c r="H560815" s="12"/>
    </row>
    <row r="560816" spans="8:8">
      <c r="H560816" s="12"/>
    </row>
    <row r="560817" spans="8:8">
      <c r="H560817" s="12"/>
    </row>
    <row r="560818" spans="8:8">
      <c r="H560818" s="12"/>
    </row>
    <row r="560819" spans="8:8">
      <c r="H560819" s="12"/>
    </row>
    <row r="560820" spans="8:8">
      <c r="H560820" s="12"/>
    </row>
    <row r="560821" spans="8:8">
      <c r="H560821" s="12"/>
    </row>
    <row r="560822" spans="8:8">
      <c r="H560822" s="12"/>
    </row>
    <row r="560823" spans="8:8">
      <c r="H560823" s="12"/>
    </row>
    <row r="560824" spans="8:8">
      <c r="H560824" s="12"/>
    </row>
    <row r="560825" spans="8:8">
      <c r="H560825" s="12"/>
    </row>
    <row r="560826" spans="8:8">
      <c r="H560826" s="12"/>
    </row>
    <row r="560827" spans="8:8">
      <c r="H560827" s="12"/>
    </row>
    <row r="560828" spans="8:8">
      <c r="H560828" s="12"/>
    </row>
    <row r="560829" spans="8:8">
      <c r="H560829" s="12"/>
    </row>
    <row r="560830" spans="8:8">
      <c r="H560830" s="12"/>
    </row>
    <row r="560831" spans="8:8">
      <c r="H560831" s="12"/>
    </row>
    <row r="560832" spans="8:8">
      <c r="H560832" s="12"/>
    </row>
    <row r="560833" spans="8:8">
      <c r="H560833" s="12"/>
    </row>
    <row r="560834" spans="8:8">
      <c r="H560834" s="12"/>
    </row>
    <row r="560835" spans="8:8">
      <c r="H560835" s="12"/>
    </row>
    <row r="560836" spans="8:8">
      <c r="H560836" s="12"/>
    </row>
    <row r="560837" spans="8:8">
      <c r="H560837" s="12"/>
    </row>
    <row r="560838" spans="8:8">
      <c r="H560838" s="12"/>
    </row>
    <row r="560839" spans="8:8">
      <c r="H560839" s="12"/>
    </row>
    <row r="560840" spans="8:8">
      <c r="H560840" s="12"/>
    </row>
    <row r="560841" spans="8:8">
      <c r="H560841" s="12"/>
    </row>
    <row r="560842" spans="8:8">
      <c r="H560842" s="12"/>
    </row>
    <row r="560843" spans="8:8">
      <c r="H560843" s="12"/>
    </row>
    <row r="560844" spans="8:8">
      <c r="H560844" s="12"/>
    </row>
    <row r="560845" spans="8:8">
      <c r="H560845" s="12"/>
    </row>
    <row r="560846" spans="8:8">
      <c r="H560846" s="12"/>
    </row>
    <row r="560847" spans="8:8">
      <c r="H560847" s="12"/>
    </row>
    <row r="560848" spans="8:8">
      <c r="H560848" s="12"/>
    </row>
    <row r="560849" spans="8:8">
      <c r="H560849" s="12"/>
    </row>
    <row r="560850" spans="8:8">
      <c r="H560850" s="12"/>
    </row>
    <row r="560851" spans="8:8">
      <c r="H560851" s="12"/>
    </row>
    <row r="560852" spans="8:8">
      <c r="H560852" s="12"/>
    </row>
    <row r="560853" spans="8:8">
      <c r="H560853" s="12"/>
    </row>
    <row r="560854" spans="8:8">
      <c r="H560854" s="12"/>
    </row>
    <row r="560855" spans="8:8">
      <c r="H560855" s="12"/>
    </row>
    <row r="560856" spans="8:8">
      <c r="H560856" s="12"/>
    </row>
    <row r="560857" spans="8:8">
      <c r="H560857" s="12"/>
    </row>
    <row r="560858" spans="8:8">
      <c r="H560858" s="12"/>
    </row>
    <row r="560859" spans="8:8">
      <c r="H560859" s="12"/>
    </row>
    <row r="560860" spans="8:8">
      <c r="H560860" s="12"/>
    </row>
    <row r="560861" spans="8:8">
      <c r="H560861" s="12"/>
    </row>
    <row r="560862" spans="8:8">
      <c r="H560862" s="12"/>
    </row>
    <row r="560863" spans="8:8">
      <c r="H560863" s="12"/>
    </row>
    <row r="560864" spans="8:8">
      <c r="H560864" s="12"/>
    </row>
    <row r="560865" spans="8:8">
      <c r="H560865" s="12"/>
    </row>
    <row r="560866" spans="8:8">
      <c r="H560866" s="12"/>
    </row>
    <row r="560867" spans="8:8">
      <c r="H560867" s="12"/>
    </row>
    <row r="560868" spans="8:8">
      <c r="H560868" s="12"/>
    </row>
    <row r="560869" spans="8:8">
      <c r="H560869" s="12"/>
    </row>
    <row r="560870" spans="8:8">
      <c r="H560870" s="12"/>
    </row>
    <row r="560871" spans="8:8">
      <c r="H560871" s="12"/>
    </row>
    <row r="560872" spans="8:8">
      <c r="H560872" s="12"/>
    </row>
    <row r="560873" spans="8:8">
      <c r="H560873" s="12"/>
    </row>
    <row r="560874" spans="8:8">
      <c r="H560874" s="12"/>
    </row>
    <row r="560875" spans="8:8">
      <c r="H560875" s="12"/>
    </row>
    <row r="560876" spans="8:8">
      <c r="H560876" s="12"/>
    </row>
    <row r="560877" spans="8:8">
      <c r="H560877" s="12"/>
    </row>
    <row r="560878" spans="8:8">
      <c r="H560878" s="12"/>
    </row>
    <row r="560879" spans="8:8">
      <c r="H560879" s="12"/>
    </row>
    <row r="560880" spans="8:8">
      <c r="H560880" s="12"/>
    </row>
    <row r="560881" spans="8:8">
      <c r="H560881" s="12"/>
    </row>
    <row r="560882" spans="8:8">
      <c r="H560882" s="12"/>
    </row>
    <row r="560883" spans="8:8">
      <c r="H560883" s="12"/>
    </row>
    <row r="560884" spans="8:8">
      <c r="H560884" s="12"/>
    </row>
    <row r="560885" spans="8:8">
      <c r="H560885" s="12"/>
    </row>
    <row r="560886" spans="8:8">
      <c r="H560886" s="12"/>
    </row>
    <row r="560887" spans="8:8">
      <c r="H560887" s="12"/>
    </row>
    <row r="560888" spans="8:8">
      <c r="H560888" s="12"/>
    </row>
    <row r="560889" spans="8:8">
      <c r="H560889" s="12"/>
    </row>
    <row r="560890" spans="8:8">
      <c r="H560890" s="12"/>
    </row>
    <row r="560891" spans="8:8">
      <c r="H560891" s="12"/>
    </row>
    <row r="560892" spans="8:8">
      <c r="H560892" s="12"/>
    </row>
    <row r="560893" spans="8:8">
      <c r="H560893" s="12"/>
    </row>
    <row r="560894" spans="8:8">
      <c r="H560894" s="12"/>
    </row>
    <row r="560895" spans="8:8">
      <c r="H560895" s="12"/>
    </row>
    <row r="560896" spans="8:8">
      <c r="H560896" s="12"/>
    </row>
    <row r="560897" spans="8:8">
      <c r="H560897" s="12"/>
    </row>
    <row r="560898" spans="8:8">
      <c r="H560898" s="12"/>
    </row>
    <row r="560899" spans="8:8">
      <c r="H560899" s="12"/>
    </row>
    <row r="560900" spans="8:8">
      <c r="H560900" s="12"/>
    </row>
    <row r="560901" spans="8:8">
      <c r="H560901" s="12"/>
    </row>
    <row r="560902" spans="8:8">
      <c r="H560902" s="12"/>
    </row>
    <row r="560903" spans="8:8">
      <c r="H560903" s="12"/>
    </row>
    <row r="560904" spans="8:8">
      <c r="H560904" s="12"/>
    </row>
    <row r="560905" spans="8:8">
      <c r="H560905" s="12"/>
    </row>
    <row r="560906" spans="8:8">
      <c r="H560906" s="12"/>
    </row>
    <row r="560907" spans="8:8">
      <c r="H560907" s="12"/>
    </row>
    <row r="560908" spans="8:8">
      <c r="H560908" s="12"/>
    </row>
    <row r="560909" spans="8:8">
      <c r="H560909" s="12"/>
    </row>
    <row r="560910" spans="8:8">
      <c r="H560910" s="12"/>
    </row>
    <row r="560911" spans="8:8">
      <c r="H560911" s="12"/>
    </row>
    <row r="560912" spans="8:8">
      <c r="H560912" s="12"/>
    </row>
    <row r="560913" spans="8:8">
      <c r="H560913" s="12"/>
    </row>
    <row r="560914" spans="8:8">
      <c r="H560914" s="12"/>
    </row>
    <row r="560915" spans="8:8">
      <c r="H560915" s="12"/>
    </row>
    <row r="560916" spans="8:8">
      <c r="H560916" s="12"/>
    </row>
    <row r="560917" spans="8:8">
      <c r="H560917" s="12"/>
    </row>
    <row r="560918" spans="8:8">
      <c r="H560918" s="12"/>
    </row>
    <row r="560919" spans="8:8">
      <c r="H560919" s="12"/>
    </row>
    <row r="560920" spans="8:8">
      <c r="H560920" s="12"/>
    </row>
    <row r="560921" spans="8:8">
      <c r="H560921" s="12"/>
    </row>
    <row r="560922" spans="8:8">
      <c r="H560922" s="12"/>
    </row>
    <row r="560923" spans="8:8">
      <c r="H560923" s="12"/>
    </row>
    <row r="560924" spans="8:8">
      <c r="H560924" s="12"/>
    </row>
    <row r="560925" spans="8:8">
      <c r="H560925" s="12"/>
    </row>
    <row r="560926" spans="8:8">
      <c r="H560926" s="12"/>
    </row>
    <row r="560927" spans="8:8">
      <c r="H560927" s="12"/>
    </row>
    <row r="560928" spans="8:8">
      <c r="H560928" s="12"/>
    </row>
    <row r="560929" spans="8:8">
      <c r="H560929" s="12"/>
    </row>
    <row r="560930" spans="8:8">
      <c r="H560930" s="12"/>
    </row>
    <row r="560931" spans="8:8">
      <c r="H560931" s="12"/>
    </row>
    <row r="560932" spans="8:8">
      <c r="H560932" s="12"/>
    </row>
    <row r="560933" spans="8:8">
      <c r="H560933" s="12"/>
    </row>
    <row r="560934" spans="8:8">
      <c r="H560934" s="12"/>
    </row>
    <row r="560935" spans="8:8">
      <c r="H560935" s="12"/>
    </row>
    <row r="560936" spans="8:8">
      <c r="H560936" s="12"/>
    </row>
    <row r="560937" spans="8:8">
      <c r="H560937" s="12"/>
    </row>
    <row r="560938" spans="8:8">
      <c r="H560938" s="12"/>
    </row>
    <row r="560939" spans="8:8">
      <c r="H560939" s="12"/>
    </row>
    <row r="560940" spans="8:8">
      <c r="H560940" s="12"/>
    </row>
    <row r="560941" spans="8:8">
      <c r="H560941" s="12"/>
    </row>
    <row r="560942" spans="8:8">
      <c r="H560942" s="12"/>
    </row>
    <row r="560943" spans="8:8">
      <c r="H560943" s="12"/>
    </row>
    <row r="560944" spans="8:8">
      <c r="H560944" s="12"/>
    </row>
    <row r="560945" spans="8:8">
      <c r="H560945" s="12"/>
    </row>
    <row r="560946" spans="8:8">
      <c r="H560946" s="12"/>
    </row>
    <row r="560947" spans="8:8">
      <c r="H560947" s="12"/>
    </row>
    <row r="560948" spans="8:8">
      <c r="H560948" s="12"/>
    </row>
    <row r="560949" spans="8:8">
      <c r="H560949" s="12"/>
    </row>
    <row r="560950" spans="8:8">
      <c r="H560950" s="12"/>
    </row>
    <row r="560951" spans="8:8">
      <c r="H560951" s="12"/>
    </row>
    <row r="560952" spans="8:8">
      <c r="H560952" s="12"/>
    </row>
    <row r="560953" spans="8:8">
      <c r="H560953" s="12"/>
    </row>
    <row r="560954" spans="8:8">
      <c r="H560954" s="12"/>
    </row>
    <row r="560955" spans="8:8">
      <c r="H560955" s="12"/>
    </row>
    <row r="560956" spans="8:8">
      <c r="H560956" s="12"/>
    </row>
    <row r="560957" spans="8:8">
      <c r="H560957" s="12"/>
    </row>
    <row r="560958" spans="8:8">
      <c r="H560958" s="12"/>
    </row>
    <row r="560959" spans="8:8">
      <c r="H560959" s="12"/>
    </row>
    <row r="560960" spans="8:8">
      <c r="H560960" s="12"/>
    </row>
    <row r="560961" spans="8:8">
      <c r="H560961" s="12"/>
    </row>
    <row r="560962" spans="8:8">
      <c r="H560962" s="12"/>
    </row>
    <row r="560963" spans="8:8">
      <c r="H560963" s="12"/>
    </row>
    <row r="560964" spans="8:8">
      <c r="H560964" s="12"/>
    </row>
    <row r="560965" spans="8:8">
      <c r="H560965" s="12"/>
    </row>
    <row r="560966" spans="8:8">
      <c r="H560966" s="12"/>
    </row>
    <row r="560967" spans="8:8">
      <c r="H560967" s="12"/>
    </row>
    <row r="560968" spans="8:8">
      <c r="H560968" s="12"/>
    </row>
    <row r="560969" spans="8:8">
      <c r="H560969" s="12"/>
    </row>
    <row r="560970" spans="8:8">
      <c r="H560970" s="12"/>
    </row>
    <row r="560971" spans="8:8">
      <c r="H560971" s="12"/>
    </row>
    <row r="560972" spans="8:8">
      <c r="H560972" s="12"/>
    </row>
    <row r="560973" spans="8:8">
      <c r="H560973" s="12"/>
    </row>
    <row r="560974" spans="8:8">
      <c r="H560974" s="12"/>
    </row>
    <row r="560975" spans="8:8">
      <c r="H560975" s="12"/>
    </row>
    <row r="560976" spans="8:8">
      <c r="H560976" s="12"/>
    </row>
    <row r="560977" spans="8:8">
      <c r="H560977" s="12"/>
    </row>
    <row r="560978" spans="8:8">
      <c r="H560978" s="12"/>
    </row>
    <row r="560979" spans="8:8">
      <c r="H560979" s="12"/>
    </row>
    <row r="560980" spans="8:8">
      <c r="H560980" s="12"/>
    </row>
    <row r="560981" spans="8:8">
      <c r="H560981" s="12"/>
    </row>
    <row r="560982" spans="8:8">
      <c r="H560982" s="12"/>
    </row>
    <row r="560983" spans="8:8">
      <c r="H560983" s="12"/>
    </row>
    <row r="560984" spans="8:8">
      <c r="H560984" s="12"/>
    </row>
    <row r="560985" spans="8:8">
      <c r="H560985" s="12"/>
    </row>
    <row r="560986" spans="8:8">
      <c r="H560986" s="12"/>
    </row>
    <row r="560987" spans="8:8">
      <c r="H560987" s="12"/>
    </row>
    <row r="560988" spans="8:8">
      <c r="H560988" s="12"/>
    </row>
    <row r="560989" spans="8:8">
      <c r="H560989" s="12"/>
    </row>
    <row r="560990" spans="8:8">
      <c r="H560990" s="12"/>
    </row>
    <row r="560991" spans="8:8">
      <c r="H560991" s="12"/>
    </row>
    <row r="560992" spans="8:8">
      <c r="H560992" s="12"/>
    </row>
    <row r="560993" spans="8:8">
      <c r="H560993" s="12"/>
    </row>
    <row r="560994" spans="8:8">
      <c r="H560994" s="12"/>
    </row>
    <row r="560995" spans="8:8">
      <c r="H560995" s="12"/>
    </row>
    <row r="560996" spans="8:8">
      <c r="H560996" s="12"/>
    </row>
    <row r="560997" spans="8:8">
      <c r="H560997" s="12"/>
    </row>
    <row r="560998" spans="8:8">
      <c r="H560998" s="12"/>
    </row>
    <row r="560999" spans="8:8">
      <c r="H560999" s="12"/>
    </row>
    <row r="561000" spans="8:8">
      <c r="H561000" s="12"/>
    </row>
    <row r="561001" spans="8:8">
      <c r="H561001" s="12"/>
    </row>
    <row r="561002" spans="8:8">
      <c r="H561002" s="12"/>
    </row>
    <row r="561003" spans="8:8">
      <c r="H561003" s="12"/>
    </row>
    <row r="561004" spans="8:8">
      <c r="H561004" s="12"/>
    </row>
    <row r="561005" spans="8:8">
      <c r="H561005" s="12"/>
    </row>
    <row r="561006" spans="8:8">
      <c r="H561006" s="12"/>
    </row>
    <row r="561007" spans="8:8">
      <c r="H561007" s="12"/>
    </row>
    <row r="561008" spans="8:8">
      <c r="H561008" s="12"/>
    </row>
    <row r="561009" spans="8:8">
      <c r="H561009" s="12"/>
    </row>
    <row r="561010" spans="8:8">
      <c r="H561010" s="12"/>
    </row>
    <row r="561011" spans="8:8">
      <c r="H561011" s="12"/>
    </row>
    <row r="561012" spans="8:8">
      <c r="H561012" s="12"/>
    </row>
    <row r="561013" spans="8:8">
      <c r="H561013" s="12"/>
    </row>
    <row r="561014" spans="8:8">
      <c r="H561014" s="12"/>
    </row>
    <row r="561015" spans="8:8">
      <c r="H561015" s="12"/>
    </row>
    <row r="561016" spans="8:8">
      <c r="H561016" s="12"/>
    </row>
    <row r="561017" spans="8:8">
      <c r="H561017" s="12"/>
    </row>
    <row r="561018" spans="8:8">
      <c r="H561018" s="12"/>
    </row>
    <row r="561019" spans="8:8">
      <c r="H561019" s="12"/>
    </row>
    <row r="561020" spans="8:8">
      <c r="H561020" s="12"/>
    </row>
    <row r="561021" spans="8:8">
      <c r="H561021" s="12"/>
    </row>
    <row r="561022" spans="8:8">
      <c r="H561022" s="12"/>
    </row>
    <row r="561023" spans="8:8">
      <c r="H561023" s="12"/>
    </row>
    <row r="561024" spans="8:8">
      <c r="H561024" s="12"/>
    </row>
    <row r="561025" spans="8:8">
      <c r="H561025" s="12"/>
    </row>
    <row r="561026" spans="8:8">
      <c r="H561026" s="12"/>
    </row>
    <row r="561027" spans="8:8">
      <c r="H561027" s="12"/>
    </row>
    <row r="561028" spans="8:8">
      <c r="H561028" s="12"/>
    </row>
    <row r="561029" spans="8:8">
      <c r="H561029" s="12"/>
    </row>
    <row r="561030" spans="8:8">
      <c r="H561030" s="12"/>
    </row>
    <row r="561031" spans="8:8">
      <c r="H561031" s="12"/>
    </row>
    <row r="561032" spans="8:8">
      <c r="H561032" s="12"/>
    </row>
    <row r="561033" spans="8:8">
      <c r="H561033" s="12"/>
    </row>
    <row r="561034" spans="8:8">
      <c r="H561034" s="12"/>
    </row>
    <row r="561035" spans="8:8">
      <c r="H561035" s="12"/>
    </row>
    <row r="561036" spans="8:8">
      <c r="H561036" s="12"/>
    </row>
    <row r="561037" spans="8:8">
      <c r="H561037" s="12"/>
    </row>
    <row r="561038" spans="8:8">
      <c r="H561038" s="12"/>
    </row>
    <row r="561039" spans="8:8">
      <c r="H561039" s="12"/>
    </row>
    <row r="561040" spans="8:8">
      <c r="H561040" s="12"/>
    </row>
    <row r="561041" spans="8:8">
      <c r="H561041" s="12"/>
    </row>
    <row r="561042" spans="8:8">
      <c r="H561042" s="12"/>
    </row>
    <row r="561043" spans="8:8">
      <c r="H561043" s="12"/>
    </row>
    <row r="561044" spans="8:8">
      <c r="H561044" s="12"/>
    </row>
    <row r="561045" spans="8:8">
      <c r="H561045" s="12"/>
    </row>
    <row r="561046" spans="8:8">
      <c r="H561046" s="12"/>
    </row>
    <row r="561047" spans="8:8">
      <c r="H561047" s="12"/>
    </row>
    <row r="561048" spans="8:8">
      <c r="H561048" s="12"/>
    </row>
    <row r="561049" spans="8:8">
      <c r="H561049" s="12"/>
    </row>
    <row r="561050" spans="8:8">
      <c r="H561050" s="12"/>
    </row>
    <row r="561051" spans="8:8">
      <c r="H561051" s="12"/>
    </row>
    <row r="561052" spans="8:8">
      <c r="H561052" s="12"/>
    </row>
    <row r="561053" spans="8:8">
      <c r="H561053" s="12"/>
    </row>
    <row r="561054" spans="8:8">
      <c r="H561054" s="12"/>
    </row>
    <row r="561055" spans="8:8">
      <c r="H561055" s="12"/>
    </row>
    <row r="561056" spans="8:8">
      <c r="H561056" s="12"/>
    </row>
    <row r="561057" spans="8:8">
      <c r="H561057" s="12"/>
    </row>
    <row r="561058" spans="8:8">
      <c r="H561058" s="12"/>
    </row>
    <row r="561059" spans="8:8">
      <c r="H561059" s="12"/>
    </row>
    <row r="561060" spans="8:8">
      <c r="H561060" s="12"/>
    </row>
    <row r="561061" spans="8:8">
      <c r="H561061" s="12"/>
    </row>
    <row r="561062" spans="8:8">
      <c r="H561062" s="12"/>
    </row>
    <row r="561063" spans="8:8">
      <c r="H561063" s="12"/>
    </row>
    <row r="561064" spans="8:8">
      <c r="H561064" s="12"/>
    </row>
    <row r="561065" spans="8:8">
      <c r="H561065" s="12"/>
    </row>
    <row r="561066" spans="8:8">
      <c r="H561066" s="12"/>
    </row>
    <row r="561067" spans="8:8">
      <c r="H561067" s="12"/>
    </row>
    <row r="561068" spans="8:8">
      <c r="H561068" s="12"/>
    </row>
    <row r="561069" spans="8:8">
      <c r="H561069" s="12"/>
    </row>
    <row r="561070" spans="8:8">
      <c r="H561070" s="12"/>
    </row>
    <row r="561071" spans="8:8">
      <c r="H561071" s="12"/>
    </row>
    <row r="561072" spans="8:8">
      <c r="H561072" s="12"/>
    </row>
    <row r="561073" spans="8:8">
      <c r="H561073" s="12"/>
    </row>
    <row r="561074" spans="8:8">
      <c r="H561074" s="12"/>
    </row>
    <row r="561075" spans="8:8">
      <c r="H561075" s="12"/>
    </row>
    <row r="561076" spans="8:8">
      <c r="H561076" s="12"/>
    </row>
    <row r="561077" spans="8:8">
      <c r="H561077" s="12"/>
    </row>
    <row r="561078" spans="8:8">
      <c r="H561078" s="12"/>
    </row>
    <row r="561079" spans="8:8">
      <c r="H561079" s="12"/>
    </row>
    <row r="561080" spans="8:8">
      <c r="H561080" s="12"/>
    </row>
    <row r="561081" spans="8:8">
      <c r="H561081" s="12"/>
    </row>
    <row r="561082" spans="8:8">
      <c r="H561082" s="12"/>
    </row>
    <row r="561083" spans="8:8">
      <c r="H561083" s="12"/>
    </row>
    <row r="561084" spans="8:8">
      <c r="H561084" s="12"/>
    </row>
    <row r="561085" spans="8:8">
      <c r="H561085" s="12"/>
    </row>
    <row r="561086" spans="8:8">
      <c r="H561086" s="12"/>
    </row>
    <row r="561087" spans="8:8">
      <c r="H561087" s="12"/>
    </row>
    <row r="561088" spans="8:8">
      <c r="H561088" s="12"/>
    </row>
    <row r="561089" spans="8:8">
      <c r="H561089" s="12"/>
    </row>
    <row r="561090" spans="8:8">
      <c r="H561090" s="12"/>
    </row>
    <row r="561091" spans="8:8">
      <c r="H561091" s="12"/>
    </row>
    <row r="561092" spans="8:8">
      <c r="H561092" s="12"/>
    </row>
    <row r="561093" spans="8:8">
      <c r="H561093" s="12"/>
    </row>
    <row r="561094" spans="8:8">
      <c r="H561094" s="12"/>
    </row>
    <row r="561095" spans="8:8">
      <c r="H561095" s="12"/>
    </row>
    <row r="561096" spans="8:8">
      <c r="H561096" s="12"/>
    </row>
    <row r="561097" spans="8:8">
      <c r="H561097" s="12"/>
    </row>
    <row r="561098" spans="8:8">
      <c r="H561098" s="12"/>
    </row>
    <row r="561099" spans="8:8">
      <c r="H561099" s="12"/>
    </row>
    <row r="561100" spans="8:8">
      <c r="H561100" s="12"/>
    </row>
    <row r="561101" spans="8:8">
      <c r="H561101" s="12"/>
    </row>
    <row r="561102" spans="8:8">
      <c r="H561102" s="12"/>
    </row>
    <row r="561103" spans="8:8">
      <c r="H561103" s="12"/>
    </row>
    <row r="561104" spans="8:8">
      <c r="H561104" s="12"/>
    </row>
    <row r="561105" spans="8:8">
      <c r="H561105" s="12"/>
    </row>
    <row r="561106" spans="8:8">
      <c r="H561106" s="12"/>
    </row>
    <row r="561107" spans="8:8">
      <c r="H561107" s="12"/>
    </row>
    <row r="561108" spans="8:8">
      <c r="H561108" s="12"/>
    </row>
    <row r="561109" spans="8:8">
      <c r="H561109" s="12"/>
    </row>
    <row r="561110" spans="8:8">
      <c r="H561110" s="12"/>
    </row>
    <row r="561111" spans="8:8">
      <c r="H561111" s="12"/>
    </row>
    <row r="561112" spans="8:8">
      <c r="H561112" s="12"/>
    </row>
    <row r="561113" spans="8:8">
      <c r="H561113" s="12"/>
    </row>
    <row r="561114" spans="8:8">
      <c r="H561114" s="12"/>
    </row>
    <row r="561115" spans="8:8">
      <c r="H561115" s="12"/>
    </row>
    <row r="561116" spans="8:8">
      <c r="H561116" s="12"/>
    </row>
    <row r="561117" spans="8:8">
      <c r="H561117" s="12"/>
    </row>
    <row r="561118" spans="8:8">
      <c r="H561118" s="12"/>
    </row>
    <row r="561119" spans="8:8">
      <c r="H561119" s="12"/>
    </row>
    <row r="561120" spans="8:8">
      <c r="H561120" s="12"/>
    </row>
    <row r="561121" spans="8:8">
      <c r="H561121" s="12"/>
    </row>
    <row r="561122" spans="8:8">
      <c r="H561122" s="12"/>
    </row>
    <row r="561123" spans="8:8">
      <c r="H561123" s="12"/>
    </row>
    <row r="561124" spans="8:8">
      <c r="H561124" s="12"/>
    </row>
    <row r="561125" spans="8:8">
      <c r="H561125" s="12"/>
    </row>
    <row r="561126" spans="8:8">
      <c r="H561126" s="12"/>
    </row>
    <row r="561127" spans="8:8">
      <c r="H561127" s="12"/>
    </row>
    <row r="561128" spans="8:8">
      <c r="H561128" s="12"/>
    </row>
    <row r="561129" spans="8:8">
      <c r="H561129" s="12"/>
    </row>
    <row r="561130" spans="8:8">
      <c r="H561130" s="12"/>
    </row>
    <row r="561131" spans="8:8">
      <c r="H561131" s="12"/>
    </row>
    <row r="561132" spans="8:8">
      <c r="H561132" s="12"/>
    </row>
    <row r="561133" spans="8:8">
      <c r="H561133" s="12"/>
    </row>
    <row r="561134" spans="8:8">
      <c r="H561134" s="12"/>
    </row>
    <row r="561135" spans="8:8">
      <c r="H561135" s="12"/>
    </row>
    <row r="561136" spans="8:8">
      <c r="H561136" s="12"/>
    </row>
    <row r="561137" spans="8:8">
      <c r="H561137" s="12"/>
    </row>
    <row r="561138" spans="8:8">
      <c r="H561138" s="12"/>
    </row>
    <row r="561139" spans="8:8">
      <c r="H561139" s="12"/>
    </row>
    <row r="561140" spans="8:8">
      <c r="H561140" s="12"/>
    </row>
    <row r="561141" spans="8:8">
      <c r="H561141" s="12"/>
    </row>
    <row r="561142" spans="8:8">
      <c r="H561142" s="12"/>
    </row>
    <row r="561143" spans="8:8">
      <c r="H561143" s="12"/>
    </row>
    <row r="561144" spans="8:8">
      <c r="H561144" s="12"/>
    </row>
    <row r="561145" spans="8:8">
      <c r="H561145" s="12"/>
    </row>
    <row r="561146" spans="8:8">
      <c r="H561146" s="12"/>
    </row>
    <row r="561147" spans="8:8">
      <c r="H561147" s="12"/>
    </row>
    <row r="561148" spans="8:8">
      <c r="H561148" s="12"/>
    </row>
    <row r="561149" spans="8:8">
      <c r="H561149" s="12"/>
    </row>
    <row r="561150" spans="8:8">
      <c r="H561150" s="12"/>
    </row>
    <row r="561151" spans="8:8">
      <c r="H561151" s="12"/>
    </row>
    <row r="561152" spans="8:8">
      <c r="H561152" s="12"/>
    </row>
    <row r="561153" spans="8:8">
      <c r="H561153" s="12"/>
    </row>
    <row r="561154" spans="8:8">
      <c r="H561154" s="12"/>
    </row>
    <row r="561155" spans="8:8">
      <c r="H561155" s="12"/>
    </row>
    <row r="561156" spans="8:8">
      <c r="H561156" s="12"/>
    </row>
    <row r="561157" spans="8:8">
      <c r="H561157" s="12"/>
    </row>
    <row r="561158" spans="8:8">
      <c r="H561158" s="12"/>
    </row>
    <row r="561159" spans="8:8">
      <c r="H561159" s="12"/>
    </row>
    <row r="561160" spans="8:8">
      <c r="H561160" s="12"/>
    </row>
    <row r="561161" spans="8:8">
      <c r="H561161" s="12"/>
    </row>
    <row r="561162" spans="8:8">
      <c r="H561162" s="12"/>
    </row>
    <row r="561163" spans="8:8">
      <c r="H561163" s="12"/>
    </row>
    <row r="561164" spans="8:8">
      <c r="H561164" s="12"/>
    </row>
    <row r="561165" spans="8:8">
      <c r="H561165" s="12"/>
    </row>
    <row r="561166" spans="8:8">
      <c r="H561166" s="12"/>
    </row>
    <row r="561167" spans="8:8">
      <c r="H561167" s="12"/>
    </row>
    <row r="561168" spans="8:8">
      <c r="H561168" s="12"/>
    </row>
    <row r="561169" spans="8:8">
      <c r="H561169" s="12"/>
    </row>
    <row r="561170" spans="8:8">
      <c r="H561170" s="12"/>
    </row>
    <row r="561171" spans="8:8">
      <c r="H561171" s="12"/>
    </row>
    <row r="561172" spans="8:8">
      <c r="H561172" s="12"/>
    </row>
    <row r="561173" spans="8:8">
      <c r="H561173" s="12"/>
    </row>
    <row r="561174" spans="8:8">
      <c r="H561174" s="12"/>
    </row>
    <row r="561175" spans="8:8">
      <c r="H561175" s="12"/>
    </row>
    <row r="561176" spans="8:8">
      <c r="H561176" s="12"/>
    </row>
    <row r="561177" spans="8:8">
      <c r="H561177" s="12"/>
    </row>
    <row r="561178" spans="8:8">
      <c r="H561178" s="12"/>
    </row>
    <row r="561179" spans="8:8">
      <c r="H561179" s="12"/>
    </row>
    <row r="561180" spans="8:8">
      <c r="H561180" s="12"/>
    </row>
    <row r="561181" spans="8:8">
      <c r="H561181" s="12"/>
    </row>
    <row r="561182" spans="8:8">
      <c r="H561182" s="12"/>
    </row>
    <row r="561183" spans="8:8">
      <c r="H561183" s="12"/>
    </row>
    <row r="561184" spans="8:8">
      <c r="H561184" s="12"/>
    </row>
    <row r="561185" spans="8:8">
      <c r="H561185" s="12"/>
    </row>
    <row r="561186" spans="8:8">
      <c r="H561186" s="12"/>
    </row>
    <row r="561187" spans="8:8">
      <c r="H561187" s="12"/>
    </row>
    <row r="561188" spans="8:8">
      <c r="H561188" s="12"/>
    </row>
    <row r="561189" spans="8:8">
      <c r="H561189" s="12"/>
    </row>
    <row r="561190" spans="8:8">
      <c r="H561190" s="12"/>
    </row>
    <row r="561191" spans="8:8">
      <c r="H561191" s="12"/>
    </row>
    <row r="561192" spans="8:8">
      <c r="H561192" s="12"/>
    </row>
    <row r="561193" spans="8:8">
      <c r="H561193" s="12"/>
    </row>
    <row r="561194" spans="8:8">
      <c r="H561194" s="12"/>
    </row>
    <row r="561195" spans="8:8">
      <c r="H561195" s="12"/>
    </row>
    <row r="561196" spans="8:8">
      <c r="H561196" s="12"/>
    </row>
    <row r="561197" spans="8:8">
      <c r="H561197" s="12"/>
    </row>
    <row r="561198" spans="8:8">
      <c r="H561198" s="12"/>
    </row>
    <row r="561199" spans="8:8">
      <c r="H561199" s="12"/>
    </row>
    <row r="561200" spans="8:8">
      <c r="H561200" s="12"/>
    </row>
    <row r="561201" spans="8:8">
      <c r="H561201" s="12"/>
    </row>
    <row r="561202" spans="8:8">
      <c r="H561202" s="12"/>
    </row>
    <row r="561203" spans="8:8">
      <c r="H561203" s="12"/>
    </row>
    <row r="561204" spans="8:8">
      <c r="H561204" s="12"/>
    </row>
    <row r="561205" spans="8:8">
      <c r="H561205" s="12"/>
    </row>
    <row r="561206" spans="8:8">
      <c r="H561206" s="12"/>
    </row>
    <row r="561207" spans="8:8">
      <c r="H561207" s="12"/>
    </row>
    <row r="561208" spans="8:8">
      <c r="H561208" s="12"/>
    </row>
    <row r="561209" spans="8:8">
      <c r="H561209" s="12"/>
    </row>
    <row r="561210" spans="8:8">
      <c r="H561210" s="12"/>
    </row>
    <row r="561211" spans="8:8">
      <c r="H561211" s="12"/>
    </row>
    <row r="561212" spans="8:8">
      <c r="H561212" s="12"/>
    </row>
    <row r="561213" spans="8:8">
      <c r="H561213" s="12"/>
    </row>
    <row r="561214" spans="8:8">
      <c r="H561214" s="12"/>
    </row>
    <row r="561215" spans="8:8">
      <c r="H561215" s="12"/>
    </row>
    <row r="561216" spans="8:8">
      <c r="H561216" s="12"/>
    </row>
    <row r="561217" spans="8:8">
      <c r="H561217" s="12"/>
    </row>
    <row r="561218" spans="8:8">
      <c r="H561218" s="12"/>
    </row>
    <row r="561219" spans="8:8">
      <c r="H561219" s="12"/>
    </row>
    <row r="561220" spans="8:8">
      <c r="H561220" s="12"/>
    </row>
    <row r="561221" spans="8:8">
      <c r="H561221" s="12"/>
    </row>
    <row r="561222" spans="8:8">
      <c r="H561222" s="12"/>
    </row>
    <row r="561223" spans="8:8">
      <c r="H561223" s="12"/>
    </row>
    <row r="561224" spans="8:8">
      <c r="H561224" s="12"/>
    </row>
    <row r="561225" spans="8:8">
      <c r="H561225" s="12"/>
    </row>
    <row r="561226" spans="8:8">
      <c r="H561226" s="12"/>
    </row>
    <row r="561227" spans="8:8">
      <c r="H561227" s="12"/>
    </row>
    <row r="561228" spans="8:8">
      <c r="H561228" s="12"/>
    </row>
    <row r="561229" spans="8:8">
      <c r="H561229" s="12"/>
    </row>
    <row r="561230" spans="8:8">
      <c r="H561230" s="12"/>
    </row>
    <row r="561231" spans="8:8">
      <c r="H561231" s="12"/>
    </row>
    <row r="561232" spans="8:8">
      <c r="H561232" s="12"/>
    </row>
    <row r="561233" spans="8:8">
      <c r="H561233" s="12"/>
    </row>
    <row r="561234" spans="8:8">
      <c r="H561234" s="12"/>
    </row>
    <row r="561235" spans="8:8">
      <c r="H561235" s="12"/>
    </row>
    <row r="561236" spans="8:8">
      <c r="H561236" s="12"/>
    </row>
    <row r="561237" spans="8:8">
      <c r="H561237" s="12"/>
    </row>
    <row r="561238" spans="8:8">
      <c r="H561238" s="12"/>
    </row>
    <row r="561239" spans="8:8">
      <c r="H561239" s="12"/>
    </row>
    <row r="561240" spans="8:8">
      <c r="H561240" s="12"/>
    </row>
    <row r="561241" spans="8:8">
      <c r="H561241" s="12"/>
    </row>
    <row r="561242" spans="8:8">
      <c r="H561242" s="12"/>
    </row>
    <row r="561243" spans="8:8">
      <c r="H561243" s="12"/>
    </row>
    <row r="561244" spans="8:8">
      <c r="H561244" s="12"/>
    </row>
    <row r="561245" spans="8:8">
      <c r="H561245" s="12"/>
    </row>
    <row r="561246" spans="8:8">
      <c r="H561246" s="12"/>
    </row>
    <row r="561247" spans="8:8">
      <c r="H561247" s="12"/>
    </row>
    <row r="561248" spans="8:8">
      <c r="H561248" s="12"/>
    </row>
    <row r="561249" spans="8:8">
      <c r="H561249" s="12"/>
    </row>
    <row r="561250" spans="8:8">
      <c r="H561250" s="12"/>
    </row>
    <row r="561251" spans="8:8">
      <c r="H561251" s="12"/>
    </row>
    <row r="561252" spans="8:8">
      <c r="H561252" s="12"/>
    </row>
    <row r="561253" spans="8:8">
      <c r="H561253" s="12"/>
    </row>
    <row r="561254" spans="8:8">
      <c r="H561254" s="12"/>
    </row>
    <row r="561255" spans="8:8">
      <c r="H561255" s="12"/>
    </row>
    <row r="561256" spans="8:8">
      <c r="H561256" s="12"/>
    </row>
    <row r="561257" spans="8:8">
      <c r="H561257" s="12"/>
    </row>
    <row r="561258" spans="8:8">
      <c r="H561258" s="12"/>
    </row>
    <row r="561259" spans="8:8">
      <c r="H561259" s="12"/>
    </row>
    <row r="561260" spans="8:8">
      <c r="H561260" s="12"/>
    </row>
    <row r="561261" spans="8:8">
      <c r="H561261" s="12"/>
    </row>
    <row r="561262" spans="8:8">
      <c r="H561262" s="12"/>
    </row>
    <row r="561263" spans="8:8">
      <c r="H561263" s="12"/>
    </row>
    <row r="561264" spans="8:8">
      <c r="H561264" s="12"/>
    </row>
    <row r="561265" spans="8:8">
      <c r="H561265" s="12"/>
    </row>
    <row r="561266" spans="8:8">
      <c r="H561266" s="12"/>
    </row>
    <row r="561267" spans="8:8">
      <c r="H561267" s="12"/>
    </row>
    <row r="561268" spans="8:8">
      <c r="H561268" s="12"/>
    </row>
    <row r="561269" spans="8:8">
      <c r="H561269" s="12"/>
    </row>
    <row r="561270" spans="8:8">
      <c r="H561270" s="12"/>
    </row>
    <row r="561271" spans="8:8">
      <c r="H561271" s="12"/>
    </row>
    <row r="561272" spans="8:8">
      <c r="H561272" s="12"/>
    </row>
    <row r="561273" spans="8:8">
      <c r="H561273" s="12"/>
    </row>
    <row r="561274" spans="8:8">
      <c r="H561274" s="12"/>
    </row>
    <row r="561275" spans="8:8">
      <c r="H561275" s="12"/>
    </row>
    <row r="561276" spans="8:8">
      <c r="H561276" s="12"/>
    </row>
    <row r="561277" spans="8:8">
      <c r="H561277" s="12"/>
    </row>
    <row r="561278" spans="8:8">
      <c r="H561278" s="12"/>
    </row>
    <row r="561279" spans="8:8">
      <c r="H561279" s="12"/>
    </row>
    <row r="561280" spans="8:8">
      <c r="H561280" s="12"/>
    </row>
    <row r="561281" spans="8:8">
      <c r="H561281" s="12"/>
    </row>
    <row r="561282" spans="8:8">
      <c r="H561282" s="12"/>
    </row>
    <row r="561283" spans="8:8">
      <c r="H561283" s="12"/>
    </row>
    <row r="561284" spans="8:8">
      <c r="H561284" s="12"/>
    </row>
    <row r="561285" spans="8:8">
      <c r="H561285" s="12"/>
    </row>
    <row r="561286" spans="8:8">
      <c r="H561286" s="12"/>
    </row>
    <row r="561287" spans="8:8">
      <c r="H561287" s="12"/>
    </row>
    <row r="561288" spans="8:8">
      <c r="H561288" s="12"/>
    </row>
    <row r="561289" spans="8:8">
      <c r="H561289" s="12"/>
    </row>
    <row r="561290" spans="8:8">
      <c r="H561290" s="12"/>
    </row>
    <row r="561291" spans="8:8">
      <c r="H561291" s="12"/>
    </row>
    <row r="561292" spans="8:8">
      <c r="H561292" s="12"/>
    </row>
    <row r="561293" spans="8:8">
      <c r="H561293" s="12"/>
    </row>
    <row r="561294" spans="8:8">
      <c r="H561294" s="12"/>
    </row>
    <row r="561295" spans="8:8">
      <c r="H561295" s="12"/>
    </row>
    <row r="561296" spans="8:8">
      <c r="H561296" s="12"/>
    </row>
    <row r="561297" spans="8:8">
      <c r="H561297" s="12"/>
    </row>
    <row r="561298" spans="8:8">
      <c r="H561298" s="12"/>
    </row>
    <row r="561299" spans="8:8">
      <c r="H561299" s="12"/>
    </row>
    <row r="561300" spans="8:8">
      <c r="H561300" s="12"/>
    </row>
    <row r="561301" spans="8:8">
      <c r="H561301" s="12"/>
    </row>
    <row r="561302" spans="8:8">
      <c r="H561302" s="12"/>
    </row>
    <row r="561303" spans="8:8">
      <c r="H561303" s="12"/>
    </row>
    <row r="561304" spans="8:8">
      <c r="H561304" s="12"/>
    </row>
    <row r="561305" spans="8:8">
      <c r="H561305" s="12"/>
    </row>
    <row r="561306" spans="8:8">
      <c r="H561306" s="12"/>
    </row>
    <row r="561307" spans="8:8">
      <c r="H561307" s="12"/>
    </row>
    <row r="561308" spans="8:8">
      <c r="H561308" s="12"/>
    </row>
    <row r="561309" spans="8:8">
      <c r="H561309" s="12"/>
    </row>
    <row r="561310" spans="8:8">
      <c r="H561310" s="12"/>
    </row>
    <row r="561311" spans="8:8">
      <c r="H561311" s="12"/>
    </row>
    <row r="561312" spans="8:8">
      <c r="H561312" s="12"/>
    </row>
    <row r="561313" spans="8:8">
      <c r="H561313" s="12"/>
    </row>
    <row r="561314" spans="8:8">
      <c r="H561314" s="12"/>
    </row>
    <row r="561315" spans="8:8">
      <c r="H561315" s="12"/>
    </row>
    <row r="561316" spans="8:8">
      <c r="H561316" s="12"/>
    </row>
    <row r="561317" spans="8:8">
      <c r="H561317" s="12"/>
    </row>
    <row r="561318" spans="8:8">
      <c r="H561318" s="12"/>
    </row>
    <row r="561319" spans="8:8">
      <c r="H561319" s="12"/>
    </row>
    <row r="561320" spans="8:8">
      <c r="H561320" s="12"/>
    </row>
    <row r="561321" spans="8:8">
      <c r="H561321" s="12"/>
    </row>
    <row r="561322" spans="8:8">
      <c r="H561322" s="12"/>
    </row>
    <row r="561323" spans="8:8">
      <c r="H561323" s="12"/>
    </row>
    <row r="561324" spans="8:8">
      <c r="H561324" s="12"/>
    </row>
    <row r="561325" spans="8:8">
      <c r="H561325" s="12"/>
    </row>
    <row r="561326" spans="8:8">
      <c r="H561326" s="12"/>
    </row>
    <row r="561327" spans="8:8">
      <c r="H561327" s="12"/>
    </row>
    <row r="561328" spans="8:8">
      <c r="H561328" s="12"/>
    </row>
    <row r="561329" spans="8:8">
      <c r="H561329" s="12"/>
    </row>
    <row r="561330" spans="8:8">
      <c r="H561330" s="12"/>
    </row>
    <row r="561331" spans="8:8">
      <c r="H561331" s="12"/>
    </row>
    <row r="561332" spans="8:8">
      <c r="H561332" s="12"/>
    </row>
    <row r="561333" spans="8:8">
      <c r="H561333" s="12"/>
    </row>
    <row r="561334" spans="8:8">
      <c r="H561334" s="12"/>
    </row>
    <row r="561335" spans="8:8">
      <c r="H561335" s="12"/>
    </row>
    <row r="561336" spans="8:8">
      <c r="H561336" s="12"/>
    </row>
    <row r="561337" spans="8:8">
      <c r="H561337" s="12"/>
    </row>
    <row r="561338" spans="8:8">
      <c r="H561338" s="12"/>
    </row>
    <row r="561339" spans="8:8">
      <c r="H561339" s="12"/>
    </row>
    <row r="561340" spans="8:8">
      <c r="H561340" s="12"/>
    </row>
    <row r="561341" spans="8:8">
      <c r="H561341" s="12"/>
    </row>
    <row r="561342" spans="8:8">
      <c r="H561342" s="12"/>
    </row>
    <row r="561343" spans="8:8">
      <c r="H561343" s="12"/>
    </row>
    <row r="561344" spans="8:8">
      <c r="H561344" s="12"/>
    </row>
    <row r="561345" spans="8:8">
      <c r="H561345" s="12"/>
    </row>
    <row r="561346" spans="8:8">
      <c r="H561346" s="12"/>
    </row>
    <row r="561347" spans="8:8">
      <c r="H561347" s="12"/>
    </row>
    <row r="561348" spans="8:8">
      <c r="H561348" s="12"/>
    </row>
    <row r="561349" spans="8:8">
      <c r="H561349" s="12"/>
    </row>
    <row r="561350" spans="8:8">
      <c r="H561350" s="12"/>
    </row>
    <row r="561351" spans="8:8">
      <c r="H561351" s="12"/>
    </row>
    <row r="561352" spans="8:8">
      <c r="H561352" s="12"/>
    </row>
    <row r="561353" spans="8:8">
      <c r="H561353" s="12"/>
    </row>
    <row r="561354" spans="8:8">
      <c r="H561354" s="12"/>
    </row>
    <row r="561355" spans="8:8">
      <c r="H561355" s="12"/>
    </row>
    <row r="561356" spans="8:8">
      <c r="H561356" s="12"/>
    </row>
    <row r="561357" spans="8:8">
      <c r="H561357" s="12"/>
    </row>
    <row r="561358" spans="8:8">
      <c r="H561358" s="12"/>
    </row>
    <row r="561359" spans="8:8">
      <c r="H561359" s="12"/>
    </row>
    <row r="561360" spans="8:8">
      <c r="H561360" s="12"/>
    </row>
    <row r="561361" spans="8:8">
      <c r="H561361" s="12"/>
    </row>
    <row r="561362" spans="8:8">
      <c r="H561362" s="12"/>
    </row>
    <row r="561363" spans="8:8">
      <c r="H561363" s="12"/>
    </row>
    <row r="561364" spans="8:8">
      <c r="H561364" s="12"/>
    </row>
    <row r="561365" spans="8:8">
      <c r="H561365" s="12"/>
    </row>
    <row r="561366" spans="8:8">
      <c r="H561366" s="12"/>
    </row>
    <row r="561367" spans="8:8">
      <c r="H561367" s="12"/>
    </row>
    <row r="561368" spans="8:8">
      <c r="H561368" s="12"/>
    </row>
    <row r="561369" spans="8:8">
      <c r="H561369" s="12"/>
    </row>
    <row r="561370" spans="8:8">
      <c r="H561370" s="12"/>
    </row>
    <row r="561371" spans="8:8">
      <c r="H561371" s="12"/>
    </row>
    <row r="561372" spans="8:8">
      <c r="H561372" s="12"/>
    </row>
    <row r="561373" spans="8:8">
      <c r="H561373" s="12"/>
    </row>
    <row r="561374" spans="8:8">
      <c r="H561374" s="12"/>
    </row>
    <row r="561375" spans="8:8">
      <c r="H561375" s="12"/>
    </row>
    <row r="561376" spans="8:8">
      <c r="H561376" s="12"/>
    </row>
    <row r="561377" spans="8:8">
      <c r="H561377" s="12"/>
    </row>
    <row r="561378" spans="8:8">
      <c r="H561378" s="12"/>
    </row>
    <row r="561379" spans="8:8">
      <c r="H561379" s="12"/>
    </row>
    <row r="561380" spans="8:8">
      <c r="H561380" s="12"/>
    </row>
    <row r="561381" spans="8:8">
      <c r="H561381" s="12"/>
    </row>
    <row r="561382" spans="8:8">
      <c r="H561382" s="12"/>
    </row>
    <row r="561383" spans="8:8">
      <c r="H561383" s="12"/>
    </row>
    <row r="561384" spans="8:8">
      <c r="H561384" s="12"/>
    </row>
    <row r="561385" spans="8:8">
      <c r="H561385" s="12"/>
    </row>
    <row r="561386" spans="8:8">
      <c r="H561386" s="12"/>
    </row>
    <row r="561387" spans="8:8">
      <c r="H561387" s="12"/>
    </row>
    <row r="561388" spans="8:8">
      <c r="H561388" s="12"/>
    </row>
    <row r="561389" spans="8:8">
      <c r="H561389" s="12"/>
    </row>
    <row r="561390" spans="8:8">
      <c r="H561390" s="12"/>
    </row>
    <row r="561391" spans="8:8">
      <c r="H561391" s="12"/>
    </row>
    <row r="561392" spans="8:8">
      <c r="H561392" s="12"/>
    </row>
    <row r="561393" spans="8:8">
      <c r="H561393" s="12"/>
    </row>
    <row r="561394" spans="8:8">
      <c r="H561394" s="12"/>
    </row>
    <row r="561395" spans="8:8">
      <c r="H561395" s="12"/>
    </row>
    <row r="561396" spans="8:8">
      <c r="H561396" s="12"/>
    </row>
    <row r="561397" spans="8:8">
      <c r="H561397" s="12"/>
    </row>
    <row r="561398" spans="8:8">
      <c r="H561398" s="12"/>
    </row>
    <row r="561399" spans="8:8">
      <c r="H561399" s="12"/>
    </row>
    <row r="561400" spans="8:8">
      <c r="H561400" s="12"/>
    </row>
    <row r="561401" spans="8:8">
      <c r="H561401" s="12"/>
    </row>
    <row r="561402" spans="8:8">
      <c r="H561402" s="12"/>
    </row>
    <row r="561403" spans="8:8">
      <c r="H561403" s="12"/>
    </row>
    <row r="561404" spans="8:8">
      <c r="H561404" s="12"/>
    </row>
    <row r="561405" spans="8:8">
      <c r="H561405" s="12"/>
    </row>
    <row r="561406" spans="8:8">
      <c r="H561406" s="12"/>
    </row>
    <row r="561407" spans="8:8">
      <c r="H561407" s="12"/>
    </row>
    <row r="561408" spans="8:8">
      <c r="H561408" s="12"/>
    </row>
    <row r="561409" spans="8:8">
      <c r="H561409" s="12"/>
    </row>
    <row r="561410" spans="8:8">
      <c r="H561410" s="12"/>
    </row>
    <row r="561411" spans="8:8">
      <c r="H561411" s="12"/>
    </row>
    <row r="561412" spans="8:8">
      <c r="H561412" s="12"/>
    </row>
    <row r="561413" spans="8:8">
      <c r="H561413" s="12"/>
    </row>
    <row r="561414" spans="8:8">
      <c r="H561414" s="12"/>
    </row>
    <row r="561415" spans="8:8">
      <c r="H561415" s="12"/>
    </row>
    <row r="561416" spans="8:8">
      <c r="H561416" s="12"/>
    </row>
    <row r="561417" spans="8:8">
      <c r="H561417" s="12"/>
    </row>
    <row r="561418" spans="8:8">
      <c r="H561418" s="12"/>
    </row>
    <row r="561419" spans="8:8">
      <c r="H561419" s="12"/>
    </row>
    <row r="561420" spans="8:8">
      <c r="H561420" s="12"/>
    </row>
    <row r="561421" spans="8:8">
      <c r="H561421" s="12"/>
    </row>
    <row r="561422" spans="8:8">
      <c r="H561422" s="12"/>
    </row>
    <row r="561423" spans="8:8">
      <c r="H561423" s="12"/>
    </row>
    <row r="561424" spans="8:8">
      <c r="H561424" s="12"/>
    </row>
    <row r="561425" spans="8:8">
      <c r="H561425" s="12"/>
    </row>
    <row r="561426" spans="8:8">
      <c r="H561426" s="12"/>
    </row>
    <row r="561427" spans="8:8">
      <c r="H561427" s="12"/>
    </row>
    <row r="561428" spans="8:8">
      <c r="H561428" s="12"/>
    </row>
    <row r="561429" spans="8:8">
      <c r="H561429" s="12"/>
    </row>
    <row r="561430" spans="8:8">
      <c r="H561430" s="12"/>
    </row>
    <row r="561431" spans="8:8">
      <c r="H561431" s="12"/>
    </row>
    <row r="561432" spans="8:8">
      <c r="H561432" s="12"/>
    </row>
    <row r="561433" spans="8:8">
      <c r="H561433" s="12"/>
    </row>
    <row r="561434" spans="8:8">
      <c r="H561434" s="12"/>
    </row>
    <row r="561435" spans="8:8">
      <c r="H561435" s="12"/>
    </row>
    <row r="561436" spans="8:8">
      <c r="H561436" s="12"/>
    </row>
    <row r="561437" spans="8:8">
      <c r="H561437" s="12"/>
    </row>
    <row r="561438" spans="8:8">
      <c r="H561438" s="12"/>
    </row>
    <row r="561439" spans="8:8">
      <c r="H561439" s="12"/>
    </row>
    <row r="561440" spans="8:8">
      <c r="H561440" s="12"/>
    </row>
    <row r="561441" spans="8:8">
      <c r="H561441" s="12"/>
    </row>
    <row r="561442" spans="8:8">
      <c r="H561442" s="12"/>
    </row>
    <row r="561443" spans="8:8">
      <c r="H561443" s="12"/>
    </row>
    <row r="561444" spans="8:8">
      <c r="H561444" s="12"/>
    </row>
    <row r="561445" spans="8:8">
      <c r="H561445" s="12"/>
    </row>
    <row r="561446" spans="8:8">
      <c r="H561446" s="12"/>
    </row>
    <row r="561447" spans="8:8">
      <c r="H561447" s="12"/>
    </row>
    <row r="561448" spans="8:8">
      <c r="H561448" s="12"/>
    </row>
    <row r="561449" spans="8:8">
      <c r="H561449" s="12"/>
    </row>
    <row r="561450" spans="8:8">
      <c r="H561450" s="12"/>
    </row>
    <row r="561451" spans="8:8">
      <c r="H561451" s="12"/>
    </row>
    <row r="561452" spans="8:8">
      <c r="H561452" s="12"/>
    </row>
    <row r="561453" spans="8:8">
      <c r="H561453" s="12"/>
    </row>
    <row r="561454" spans="8:8">
      <c r="H561454" s="12"/>
    </row>
    <row r="561455" spans="8:8">
      <c r="H561455" s="12"/>
    </row>
    <row r="561456" spans="8:8">
      <c r="H561456" s="12"/>
    </row>
    <row r="561457" spans="8:8">
      <c r="H561457" s="12"/>
    </row>
    <row r="561458" spans="8:8">
      <c r="H561458" s="12"/>
    </row>
    <row r="561459" spans="8:8">
      <c r="H561459" s="12"/>
    </row>
    <row r="561460" spans="8:8">
      <c r="H561460" s="12"/>
    </row>
    <row r="561461" spans="8:8">
      <c r="H561461" s="12"/>
    </row>
    <row r="561462" spans="8:8">
      <c r="H561462" s="12"/>
    </row>
    <row r="561463" spans="8:8">
      <c r="H561463" s="12"/>
    </row>
    <row r="561464" spans="8:8">
      <c r="H561464" s="12"/>
    </row>
    <row r="561465" spans="8:8">
      <c r="H561465" s="12"/>
    </row>
    <row r="561466" spans="8:8">
      <c r="H561466" s="12"/>
    </row>
    <row r="561467" spans="8:8">
      <c r="H561467" s="12"/>
    </row>
    <row r="561468" spans="8:8">
      <c r="H561468" s="12"/>
    </row>
    <row r="561469" spans="8:8">
      <c r="H561469" s="12"/>
    </row>
    <row r="561470" spans="8:8">
      <c r="H561470" s="12"/>
    </row>
    <row r="561471" spans="8:8">
      <c r="H561471" s="12"/>
    </row>
    <row r="561472" spans="8:8">
      <c r="H561472" s="12"/>
    </row>
    <row r="561473" spans="8:8">
      <c r="H561473" s="12"/>
    </row>
    <row r="561474" spans="8:8">
      <c r="H561474" s="12"/>
    </row>
    <row r="561475" spans="8:8">
      <c r="H561475" s="12"/>
    </row>
    <row r="561476" spans="8:8">
      <c r="H561476" s="12"/>
    </row>
    <row r="561477" spans="8:8">
      <c r="H561477" s="12"/>
    </row>
    <row r="561478" spans="8:8">
      <c r="H561478" s="12"/>
    </row>
    <row r="561479" spans="8:8">
      <c r="H561479" s="12"/>
    </row>
    <row r="561480" spans="8:8">
      <c r="H561480" s="12"/>
    </row>
    <row r="561481" spans="8:8">
      <c r="H561481" s="12"/>
    </row>
    <row r="561482" spans="8:8">
      <c r="H561482" s="12"/>
    </row>
    <row r="561483" spans="8:8">
      <c r="H561483" s="12"/>
    </row>
    <row r="561484" spans="8:8">
      <c r="H561484" s="12"/>
    </row>
    <row r="561485" spans="8:8">
      <c r="H561485" s="12"/>
    </row>
    <row r="561486" spans="8:8">
      <c r="H561486" s="12"/>
    </row>
    <row r="561487" spans="8:8">
      <c r="H561487" s="12"/>
    </row>
    <row r="561488" spans="8:8">
      <c r="H561488" s="12"/>
    </row>
    <row r="561489" spans="8:8">
      <c r="H561489" s="12"/>
    </row>
    <row r="561490" spans="8:8">
      <c r="H561490" s="12"/>
    </row>
    <row r="561491" spans="8:8">
      <c r="H561491" s="12"/>
    </row>
    <row r="561492" spans="8:8">
      <c r="H561492" s="12"/>
    </row>
    <row r="561493" spans="8:8">
      <c r="H561493" s="12"/>
    </row>
    <row r="561494" spans="8:8">
      <c r="H561494" s="12"/>
    </row>
    <row r="561495" spans="8:8">
      <c r="H561495" s="12"/>
    </row>
    <row r="561496" spans="8:8">
      <c r="H561496" s="12"/>
    </row>
    <row r="561497" spans="8:8">
      <c r="H561497" s="12"/>
    </row>
    <row r="561498" spans="8:8">
      <c r="H561498" s="12"/>
    </row>
    <row r="561499" spans="8:8">
      <c r="H561499" s="12"/>
    </row>
    <row r="561500" spans="8:8">
      <c r="H561500" s="12"/>
    </row>
    <row r="561501" spans="8:8">
      <c r="H561501" s="12"/>
    </row>
    <row r="561502" spans="8:8">
      <c r="H561502" s="12"/>
    </row>
    <row r="561503" spans="8:8">
      <c r="H561503" s="12"/>
    </row>
    <row r="561504" spans="8:8">
      <c r="H561504" s="12"/>
    </row>
    <row r="561505" spans="8:8">
      <c r="H561505" s="12"/>
    </row>
    <row r="561506" spans="8:8">
      <c r="H561506" s="12"/>
    </row>
    <row r="561507" spans="8:8">
      <c r="H561507" s="12"/>
    </row>
    <row r="561508" spans="8:8">
      <c r="H561508" s="12"/>
    </row>
    <row r="561509" spans="8:8">
      <c r="H561509" s="12"/>
    </row>
    <row r="561510" spans="8:8">
      <c r="H561510" s="12"/>
    </row>
    <row r="561511" spans="8:8">
      <c r="H561511" s="12"/>
    </row>
    <row r="561512" spans="8:8">
      <c r="H561512" s="12"/>
    </row>
    <row r="561513" spans="8:8">
      <c r="H561513" s="12"/>
    </row>
    <row r="561514" spans="8:8">
      <c r="H561514" s="12"/>
    </row>
    <row r="561515" spans="8:8">
      <c r="H561515" s="12"/>
    </row>
    <row r="561516" spans="8:8">
      <c r="H561516" s="12"/>
    </row>
    <row r="561517" spans="8:8">
      <c r="H561517" s="12"/>
    </row>
    <row r="561518" spans="8:8">
      <c r="H561518" s="12"/>
    </row>
    <row r="561519" spans="8:8">
      <c r="H561519" s="12"/>
    </row>
    <row r="561520" spans="8:8">
      <c r="H561520" s="12"/>
    </row>
    <row r="561521" spans="8:8">
      <c r="H561521" s="12"/>
    </row>
    <row r="561522" spans="8:8">
      <c r="H561522" s="12"/>
    </row>
    <row r="561523" spans="8:8">
      <c r="H561523" s="12"/>
    </row>
    <row r="561524" spans="8:8">
      <c r="H561524" s="12"/>
    </row>
    <row r="561525" spans="8:8">
      <c r="H561525" s="12"/>
    </row>
    <row r="561526" spans="8:8">
      <c r="H561526" s="12"/>
    </row>
    <row r="561527" spans="8:8">
      <c r="H561527" s="12"/>
    </row>
    <row r="561528" spans="8:8">
      <c r="H561528" s="12"/>
    </row>
    <row r="561529" spans="8:8">
      <c r="H561529" s="12"/>
    </row>
    <row r="561530" spans="8:8">
      <c r="H561530" s="12"/>
    </row>
    <row r="561531" spans="8:8">
      <c r="H561531" s="12"/>
    </row>
    <row r="561532" spans="8:8">
      <c r="H561532" s="12"/>
    </row>
    <row r="561533" spans="8:8">
      <c r="H561533" s="12"/>
    </row>
    <row r="561534" spans="8:8">
      <c r="H561534" s="12"/>
    </row>
    <row r="561535" spans="8:8">
      <c r="H561535" s="12"/>
    </row>
    <row r="561536" spans="8:8">
      <c r="H561536" s="12"/>
    </row>
    <row r="561537" spans="8:8">
      <c r="H561537" s="12"/>
    </row>
    <row r="561538" spans="8:8">
      <c r="H561538" s="12"/>
    </row>
    <row r="561539" spans="8:8">
      <c r="H561539" s="12"/>
    </row>
    <row r="561540" spans="8:8">
      <c r="H561540" s="12"/>
    </row>
    <row r="561541" spans="8:8">
      <c r="H561541" s="12"/>
    </row>
    <row r="561542" spans="8:8">
      <c r="H561542" s="12"/>
    </row>
    <row r="561543" spans="8:8">
      <c r="H561543" s="12"/>
    </row>
    <row r="561544" spans="8:8">
      <c r="H561544" s="12"/>
    </row>
    <row r="561545" spans="8:8">
      <c r="H561545" s="12"/>
    </row>
    <row r="561546" spans="8:8">
      <c r="H561546" s="12"/>
    </row>
    <row r="561547" spans="8:8">
      <c r="H561547" s="12"/>
    </row>
    <row r="561548" spans="8:8">
      <c r="H561548" s="12"/>
    </row>
    <row r="561549" spans="8:8">
      <c r="H561549" s="12"/>
    </row>
    <row r="561550" spans="8:8">
      <c r="H561550" s="12"/>
    </row>
    <row r="561551" spans="8:8">
      <c r="H561551" s="12"/>
    </row>
    <row r="561552" spans="8:8">
      <c r="H561552" s="12"/>
    </row>
    <row r="561553" spans="8:8">
      <c r="H561553" s="12"/>
    </row>
    <row r="561554" spans="8:8">
      <c r="H561554" s="12"/>
    </row>
    <row r="561555" spans="8:8">
      <c r="H561555" s="12"/>
    </row>
    <row r="561556" spans="8:8">
      <c r="H561556" s="12"/>
    </row>
    <row r="561557" spans="8:8">
      <c r="H561557" s="12"/>
    </row>
    <row r="561558" spans="8:8">
      <c r="H561558" s="12"/>
    </row>
    <row r="561559" spans="8:8">
      <c r="H561559" s="12"/>
    </row>
    <row r="561560" spans="8:8">
      <c r="H561560" s="12"/>
    </row>
    <row r="561561" spans="8:8">
      <c r="H561561" s="12"/>
    </row>
    <row r="561562" spans="8:8">
      <c r="H561562" s="12"/>
    </row>
    <row r="561563" spans="8:8">
      <c r="H561563" s="12"/>
    </row>
    <row r="561564" spans="8:8">
      <c r="H561564" s="12"/>
    </row>
    <row r="561565" spans="8:8">
      <c r="H561565" s="12"/>
    </row>
    <row r="561566" spans="8:8">
      <c r="H561566" s="12"/>
    </row>
    <row r="561567" spans="8:8">
      <c r="H561567" s="12"/>
    </row>
    <row r="561568" spans="8:8">
      <c r="H561568" s="12"/>
    </row>
    <row r="561569" spans="8:8">
      <c r="H561569" s="12"/>
    </row>
    <row r="561570" spans="8:8">
      <c r="H561570" s="12"/>
    </row>
    <row r="561571" spans="8:8">
      <c r="H561571" s="12"/>
    </row>
    <row r="561572" spans="8:8">
      <c r="H561572" s="12"/>
    </row>
    <row r="561573" spans="8:8">
      <c r="H561573" s="12"/>
    </row>
    <row r="561574" spans="8:8">
      <c r="H561574" s="12"/>
    </row>
    <row r="561575" spans="8:8">
      <c r="H561575" s="12"/>
    </row>
    <row r="561576" spans="8:8">
      <c r="H561576" s="12"/>
    </row>
    <row r="561577" spans="8:8">
      <c r="H561577" s="12"/>
    </row>
    <row r="561578" spans="8:8">
      <c r="H561578" s="12"/>
    </row>
    <row r="561579" spans="8:8">
      <c r="H561579" s="12"/>
    </row>
    <row r="561580" spans="8:8">
      <c r="H561580" s="12"/>
    </row>
    <row r="561581" spans="8:8">
      <c r="H561581" s="12"/>
    </row>
    <row r="561582" spans="8:8">
      <c r="H561582" s="12"/>
    </row>
    <row r="561583" spans="8:8">
      <c r="H561583" s="12"/>
    </row>
    <row r="561584" spans="8:8">
      <c r="H561584" s="12"/>
    </row>
    <row r="561585" spans="8:8">
      <c r="H561585" s="12"/>
    </row>
    <row r="561586" spans="8:8">
      <c r="H561586" s="12"/>
    </row>
    <row r="561587" spans="8:8">
      <c r="H561587" s="12"/>
    </row>
    <row r="561588" spans="8:8">
      <c r="H561588" s="12"/>
    </row>
    <row r="561589" spans="8:8">
      <c r="H561589" s="12"/>
    </row>
    <row r="561590" spans="8:8">
      <c r="H561590" s="12"/>
    </row>
    <row r="561591" spans="8:8">
      <c r="H561591" s="12"/>
    </row>
    <row r="561592" spans="8:8">
      <c r="H561592" s="12"/>
    </row>
    <row r="561593" spans="8:8">
      <c r="H561593" s="12"/>
    </row>
    <row r="561594" spans="8:8">
      <c r="H561594" s="12"/>
    </row>
    <row r="561595" spans="8:8">
      <c r="H561595" s="12"/>
    </row>
    <row r="561596" spans="8:8">
      <c r="H561596" s="12"/>
    </row>
    <row r="561597" spans="8:8">
      <c r="H561597" s="12"/>
    </row>
    <row r="561598" spans="8:8">
      <c r="H561598" s="12"/>
    </row>
    <row r="561599" spans="8:8">
      <c r="H561599" s="12"/>
    </row>
    <row r="561600" spans="8:8">
      <c r="H561600" s="12"/>
    </row>
    <row r="561601" spans="8:8">
      <c r="H561601" s="12"/>
    </row>
    <row r="561602" spans="8:8">
      <c r="H561602" s="12"/>
    </row>
    <row r="561603" spans="8:8">
      <c r="H561603" s="12"/>
    </row>
    <row r="561604" spans="8:8">
      <c r="H561604" s="12"/>
    </row>
    <row r="561605" spans="8:8">
      <c r="H561605" s="12"/>
    </row>
    <row r="561606" spans="8:8">
      <c r="H561606" s="12"/>
    </row>
    <row r="561607" spans="8:8">
      <c r="H561607" s="12"/>
    </row>
    <row r="561608" spans="8:8">
      <c r="H561608" s="12"/>
    </row>
    <row r="561609" spans="8:8">
      <c r="H561609" s="12"/>
    </row>
    <row r="561610" spans="8:8">
      <c r="H561610" s="12"/>
    </row>
    <row r="561611" spans="8:8">
      <c r="H561611" s="12"/>
    </row>
    <row r="561612" spans="8:8">
      <c r="H561612" s="12"/>
    </row>
    <row r="561613" spans="8:8">
      <c r="H561613" s="12"/>
    </row>
    <row r="561614" spans="8:8">
      <c r="H561614" s="12"/>
    </row>
    <row r="561615" spans="8:8">
      <c r="H561615" s="12"/>
    </row>
    <row r="561616" spans="8:8">
      <c r="H561616" s="12"/>
    </row>
    <row r="561617" spans="8:8">
      <c r="H561617" s="12"/>
    </row>
    <row r="561618" spans="8:8">
      <c r="H561618" s="12"/>
    </row>
    <row r="561619" spans="8:8">
      <c r="H561619" s="12"/>
    </row>
    <row r="561620" spans="8:8">
      <c r="H561620" s="12"/>
    </row>
    <row r="561621" spans="8:8">
      <c r="H561621" s="12"/>
    </row>
    <row r="561622" spans="8:8">
      <c r="H561622" s="12"/>
    </row>
    <row r="561623" spans="8:8">
      <c r="H561623" s="12"/>
    </row>
    <row r="561624" spans="8:8">
      <c r="H561624" s="12"/>
    </row>
    <row r="561625" spans="8:8">
      <c r="H561625" s="12"/>
    </row>
    <row r="561626" spans="8:8">
      <c r="H561626" s="12"/>
    </row>
    <row r="561627" spans="8:8">
      <c r="H561627" s="12"/>
    </row>
    <row r="561628" spans="8:8">
      <c r="H561628" s="12"/>
    </row>
    <row r="561629" spans="8:8">
      <c r="H561629" s="12"/>
    </row>
    <row r="561630" spans="8:8">
      <c r="H561630" s="12"/>
    </row>
    <row r="561631" spans="8:8">
      <c r="H561631" s="12"/>
    </row>
    <row r="561632" spans="8:8">
      <c r="H561632" s="12"/>
    </row>
    <row r="561633" spans="8:8">
      <c r="H561633" s="12"/>
    </row>
    <row r="561634" spans="8:8">
      <c r="H561634" s="12"/>
    </row>
    <row r="561635" spans="8:8">
      <c r="H561635" s="12"/>
    </row>
    <row r="561636" spans="8:8">
      <c r="H561636" s="12"/>
    </row>
    <row r="561637" spans="8:8">
      <c r="H561637" s="12"/>
    </row>
    <row r="561638" spans="8:8">
      <c r="H561638" s="12"/>
    </row>
    <row r="561639" spans="8:8">
      <c r="H561639" s="12"/>
    </row>
    <row r="561640" spans="8:8">
      <c r="H561640" s="12"/>
    </row>
    <row r="561641" spans="8:8">
      <c r="H561641" s="12"/>
    </row>
    <row r="561642" spans="8:8">
      <c r="H561642" s="12"/>
    </row>
    <row r="561643" spans="8:8">
      <c r="H561643" s="12"/>
    </row>
    <row r="561644" spans="8:8">
      <c r="H561644" s="12"/>
    </row>
    <row r="561645" spans="8:8">
      <c r="H561645" s="12"/>
    </row>
    <row r="561646" spans="8:8">
      <c r="H561646" s="12"/>
    </row>
    <row r="561647" spans="8:8">
      <c r="H561647" s="12"/>
    </row>
    <row r="561648" spans="8:8">
      <c r="H561648" s="12"/>
    </row>
    <row r="561649" spans="8:8">
      <c r="H561649" s="12"/>
    </row>
    <row r="561650" spans="8:8">
      <c r="H561650" s="12"/>
    </row>
    <row r="561651" spans="8:8">
      <c r="H561651" s="12"/>
    </row>
    <row r="561652" spans="8:8">
      <c r="H561652" s="12"/>
    </row>
    <row r="561653" spans="8:8">
      <c r="H561653" s="12"/>
    </row>
    <row r="561654" spans="8:8">
      <c r="H561654" s="12"/>
    </row>
    <row r="561655" spans="8:8">
      <c r="H561655" s="12"/>
    </row>
    <row r="561656" spans="8:8">
      <c r="H561656" s="12"/>
    </row>
    <row r="561657" spans="8:8">
      <c r="H561657" s="12"/>
    </row>
    <row r="561658" spans="8:8">
      <c r="H561658" s="12"/>
    </row>
    <row r="561659" spans="8:8">
      <c r="H561659" s="12"/>
    </row>
    <row r="561660" spans="8:8">
      <c r="H561660" s="12"/>
    </row>
    <row r="561661" spans="8:8">
      <c r="H561661" s="12"/>
    </row>
    <row r="561662" spans="8:8">
      <c r="H561662" s="12"/>
    </row>
    <row r="561663" spans="8:8">
      <c r="H561663" s="12"/>
    </row>
    <row r="561664" spans="8:8">
      <c r="H561664" s="12"/>
    </row>
    <row r="561665" spans="8:8">
      <c r="H561665" s="12"/>
    </row>
    <row r="561666" spans="8:8">
      <c r="H561666" s="12"/>
    </row>
    <row r="561667" spans="8:8">
      <c r="H561667" s="12"/>
    </row>
    <row r="561668" spans="8:8">
      <c r="H561668" s="12"/>
    </row>
    <row r="561669" spans="8:8">
      <c r="H561669" s="12"/>
    </row>
    <row r="561670" spans="8:8">
      <c r="H561670" s="12"/>
    </row>
    <row r="561671" spans="8:8">
      <c r="H561671" s="12"/>
    </row>
    <row r="561672" spans="8:8">
      <c r="H561672" s="12"/>
    </row>
    <row r="561673" spans="8:8">
      <c r="H561673" s="12"/>
    </row>
    <row r="561674" spans="8:8">
      <c r="H561674" s="12"/>
    </row>
    <row r="561675" spans="8:8">
      <c r="H561675" s="12"/>
    </row>
    <row r="561676" spans="8:8">
      <c r="H561676" s="12"/>
    </row>
    <row r="561677" spans="8:8">
      <c r="H561677" s="12"/>
    </row>
    <row r="561678" spans="8:8">
      <c r="H561678" s="12"/>
    </row>
    <row r="561679" spans="8:8">
      <c r="H561679" s="12"/>
    </row>
    <row r="561680" spans="8:8">
      <c r="H561680" s="12"/>
    </row>
    <row r="561681" spans="8:8">
      <c r="H561681" s="12"/>
    </row>
    <row r="561682" spans="8:8">
      <c r="H561682" s="12"/>
    </row>
    <row r="561683" spans="8:8">
      <c r="H561683" s="12"/>
    </row>
    <row r="561684" spans="8:8">
      <c r="H561684" s="12"/>
    </row>
    <row r="561685" spans="8:8">
      <c r="H561685" s="12"/>
    </row>
    <row r="561686" spans="8:8">
      <c r="H561686" s="12"/>
    </row>
    <row r="561687" spans="8:8">
      <c r="H561687" s="12"/>
    </row>
    <row r="561688" spans="8:8">
      <c r="H561688" s="12"/>
    </row>
    <row r="561689" spans="8:8">
      <c r="H561689" s="12"/>
    </row>
    <row r="561690" spans="8:8">
      <c r="H561690" s="12"/>
    </row>
    <row r="561691" spans="8:8">
      <c r="H561691" s="12"/>
    </row>
    <row r="561692" spans="8:8">
      <c r="H561692" s="12"/>
    </row>
    <row r="561693" spans="8:8">
      <c r="H561693" s="12"/>
    </row>
    <row r="561694" spans="8:8">
      <c r="H561694" s="12"/>
    </row>
    <row r="561695" spans="8:8">
      <c r="H561695" s="12"/>
    </row>
    <row r="561696" spans="8:8">
      <c r="H561696" s="12"/>
    </row>
    <row r="561697" spans="8:8">
      <c r="H561697" s="12"/>
    </row>
    <row r="561698" spans="8:8">
      <c r="H561698" s="12"/>
    </row>
    <row r="561699" spans="8:8">
      <c r="H561699" s="12"/>
    </row>
    <row r="561700" spans="8:8">
      <c r="H561700" s="12"/>
    </row>
    <row r="561701" spans="8:8">
      <c r="H561701" s="12"/>
    </row>
    <row r="561702" spans="8:8">
      <c r="H561702" s="12"/>
    </row>
    <row r="561703" spans="8:8">
      <c r="H561703" s="12"/>
    </row>
    <row r="561704" spans="8:8">
      <c r="H561704" s="12"/>
    </row>
    <row r="561705" spans="8:8">
      <c r="H561705" s="12"/>
    </row>
    <row r="561706" spans="8:8">
      <c r="H561706" s="12"/>
    </row>
    <row r="561707" spans="8:8">
      <c r="H561707" s="12"/>
    </row>
    <row r="561708" spans="8:8">
      <c r="H561708" s="12"/>
    </row>
    <row r="561709" spans="8:8">
      <c r="H561709" s="12"/>
    </row>
    <row r="561710" spans="8:8">
      <c r="H561710" s="12"/>
    </row>
    <row r="561711" spans="8:8">
      <c r="H561711" s="12"/>
    </row>
    <row r="561712" spans="8:8">
      <c r="H561712" s="12"/>
    </row>
    <row r="561713" spans="8:8">
      <c r="H561713" s="12"/>
    </row>
    <row r="561714" spans="8:8">
      <c r="H561714" s="12"/>
    </row>
    <row r="561715" spans="8:8">
      <c r="H561715" s="12"/>
    </row>
    <row r="561716" spans="8:8">
      <c r="H561716" s="12"/>
    </row>
    <row r="561717" spans="8:8">
      <c r="H561717" s="12"/>
    </row>
    <row r="561718" spans="8:8">
      <c r="H561718" s="12"/>
    </row>
    <row r="561719" spans="8:8">
      <c r="H561719" s="12"/>
    </row>
    <row r="561720" spans="8:8">
      <c r="H561720" s="12"/>
    </row>
    <row r="561721" spans="8:8">
      <c r="H561721" s="12"/>
    </row>
    <row r="561722" spans="8:8">
      <c r="H561722" s="12"/>
    </row>
    <row r="561723" spans="8:8">
      <c r="H561723" s="12"/>
    </row>
    <row r="561724" spans="8:8">
      <c r="H561724" s="12"/>
    </row>
    <row r="561725" spans="8:8">
      <c r="H561725" s="12"/>
    </row>
    <row r="561726" spans="8:8">
      <c r="H561726" s="12"/>
    </row>
    <row r="561727" spans="8:8">
      <c r="H561727" s="12"/>
    </row>
    <row r="561728" spans="8:8">
      <c r="H561728" s="12"/>
    </row>
    <row r="561729" spans="8:8">
      <c r="H561729" s="12"/>
    </row>
    <row r="561730" spans="8:8">
      <c r="H561730" s="12"/>
    </row>
    <row r="561731" spans="8:8">
      <c r="H561731" s="12"/>
    </row>
    <row r="561732" spans="8:8">
      <c r="H561732" s="12"/>
    </row>
    <row r="561733" spans="8:8">
      <c r="H561733" s="12"/>
    </row>
    <row r="561734" spans="8:8">
      <c r="H561734" s="12"/>
    </row>
    <row r="561735" spans="8:8">
      <c r="H561735" s="12"/>
    </row>
    <row r="561736" spans="8:8">
      <c r="H561736" s="12"/>
    </row>
    <row r="561737" spans="8:8">
      <c r="H561737" s="12"/>
    </row>
    <row r="561738" spans="8:8">
      <c r="H561738" s="12"/>
    </row>
    <row r="561739" spans="8:8">
      <c r="H561739" s="12"/>
    </row>
    <row r="561740" spans="8:8">
      <c r="H561740" s="12"/>
    </row>
    <row r="561741" spans="8:8">
      <c r="H561741" s="12"/>
    </row>
    <row r="561742" spans="8:8">
      <c r="H561742" s="12"/>
    </row>
    <row r="561743" spans="8:8">
      <c r="H561743" s="12"/>
    </row>
    <row r="561744" spans="8:8">
      <c r="H561744" s="12"/>
    </row>
    <row r="561745" spans="8:8">
      <c r="H561745" s="12"/>
    </row>
    <row r="561746" spans="8:8">
      <c r="H561746" s="12"/>
    </row>
    <row r="561747" spans="8:8">
      <c r="H561747" s="12"/>
    </row>
    <row r="561748" spans="8:8">
      <c r="H561748" s="12"/>
    </row>
    <row r="561749" spans="8:8">
      <c r="H561749" s="12"/>
    </row>
    <row r="561750" spans="8:8">
      <c r="H561750" s="12"/>
    </row>
    <row r="561751" spans="8:8">
      <c r="H561751" s="12"/>
    </row>
    <row r="561752" spans="8:8">
      <c r="H561752" s="12"/>
    </row>
    <row r="561753" spans="8:8">
      <c r="H561753" s="12"/>
    </row>
    <row r="561754" spans="8:8">
      <c r="H561754" s="12"/>
    </row>
    <row r="561755" spans="8:8">
      <c r="H561755" s="12"/>
    </row>
    <row r="561756" spans="8:8">
      <c r="H561756" s="12"/>
    </row>
    <row r="561757" spans="8:8">
      <c r="H561757" s="12"/>
    </row>
    <row r="561758" spans="8:8">
      <c r="H561758" s="12"/>
    </row>
    <row r="561759" spans="8:8">
      <c r="H561759" s="12"/>
    </row>
    <row r="561760" spans="8:8">
      <c r="H561760" s="12"/>
    </row>
    <row r="561761" spans="8:8">
      <c r="H561761" s="12"/>
    </row>
    <row r="561762" spans="8:8">
      <c r="H561762" s="12"/>
    </row>
    <row r="561763" spans="8:8">
      <c r="H561763" s="12"/>
    </row>
    <row r="561764" spans="8:8">
      <c r="H561764" s="12"/>
    </row>
    <row r="561765" spans="8:8">
      <c r="H561765" s="12"/>
    </row>
    <row r="561766" spans="8:8">
      <c r="H561766" s="12"/>
    </row>
    <row r="561767" spans="8:8">
      <c r="H561767" s="12"/>
    </row>
    <row r="561768" spans="8:8">
      <c r="H561768" s="12"/>
    </row>
    <row r="561769" spans="8:8">
      <c r="H561769" s="12"/>
    </row>
    <row r="561770" spans="8:8">
      <c r="H561770" s="12"/>
    </row>
    <row r="561771" spans="8:8">
      <c r="H561771" s="12"/>
    </row>
    <row r="561772" spans="8:8">
      <c r="H561772" s="12"/>
    </row>
    <row r="561773" spans="8:8">
      <c r="H561773" s="12"/>
    </row>
    <row r="561774" spans="8:8">
      <c r="H561774" s="12"/>
    </row>
    <row r="561775" spans="8:8">
      <c r="H561775" s="12"/>
    </row>
    <row r="561776" spans="8:8">
      <c r="H561776" s="12"/>
    </row>
    <row r="561777" spans="8:8">
      <c r="H561777" s="12"/>
    </row>
    <row r="561778" spans="8:8">
      <c r="H561778" s="12"/>
    </row>
    <row r="561779" spans="8:8">
      <c r="H561779" s="12"/>
    </row>
    <row r="561780" spans="8:8">
      <c r="H561780" s="12"/>
    </row>
    <row r="561781" spans="8:8">
      <c r="H561781" s="12"/>
    </row>
    <row r="561782" spans="8:8">
      <c r="H561782" s="12"/>
    </row>
    <row r="561783" spans="8:8">
      <c r="H561783" s="12"/>
    </row>
    <row r="561784" spans="8:8">
      <c r="H561784" s="12"/>
    </row>
    <row r="561785" spans="8:8">
      <c r="H561785" s="12"/>
    </row>
    <row r="561786" spans="8:8">
      <c r="H561786" s="12"/>
    </row>
    <row r="561787" spans="8:8">
      <c r="H561787" s="12"/>
    </row>
    <row r="561788" spans="8:8">
      <c r="H561788" s="12"/>
    </row>
    <row r="561789" spans="8:8">
      <c r="H561789" s="12"/>
    </row>
    <row r="561790" spans="8:8">
      <c r="H561790" s="12"/>
    </row>
    <row r="561791" spans="8:8">
      <c r="H561791" s="12"/>
    </row>
    <row r="561792" spans="8:8">
      <c r="H561792" s="12"/>
    </row>
    <row r="561793" spans="8:8">
      <c r="H561793" s="12"/>
    </row>
    <row r="561794" spans="8:8">
      <c r="H561794" s="12"/>
    </row>
    <row r="561795" spans="8:8">
      <c r="H561795" s="12"/>
    </row>
    <row r="561796" spans="8:8">
      <c r="H561796" s="12"/>
    </row>
    <row r="561797" spans="8:8">
      <c r="H561797" s="12"/>
    </row>
    <row r="561798" spans="8:8">
      <c r="H561798" s="12"/>
    </row>
    <row r="561799" spans="8:8">
      <c r="H561799" s="12"/>
    </row>
    <row r="561800" spans="8:8">
      <c r="H561800" s="12"/>
    </row>
    <row r="561801" spans="8:8">
      <c r="H561801" s="12"/>
    </row>
    <row r="561802" spans="8:8">
      <c r="H561802" s="12"/>
    </row>
    <row r="561803" spans="8:8">
      <c r="H561803" s="12"/>
    </row>
    <row r="561804" spans="8:8">
      <c r="H561804" s="12"/>
    </row>
    <row r="561805" spans="8:8">
      <c r="H561805" s="12"/>
    </row>
    <row r="561806" spans="8:8">
      <c r="H561806" s="12"/>
    </row>
    <row r="561807" spans="8:8">
      <c r="H561807" s="12"/>
    </row>
    <row r="561808" spans="8:8">
      <c r="H561808" s="12"/>
    </row>
    <row r="561809" spans="8:8">
      <c r="H561809" s="12"/>
    </row>
    <row r="561810" spans="8:8">
      <c r="H561810" s="12"/>
    </row>
    <row r="561811" spans="8:8">
      <c r="H561811" s="12"/>
    </row>
    <row r="561812" spans="8:8">
      <c r="H561812" s="12"/>
    </row>
    <row r="561813" spans="8:8">
      <c r="H561813" s="12"/>
    </row>
    <row r="561814" spans="8:8">
      <c r="H561814" s="12"/>
    </row>
    <row r="561815" spans="8:8">
      <c r="H561815" s="12"/>
    </row>
    <row r="561816" spans="8:8">
      <c r="H561816" s="12"/>
    </row>
    <row r="561817" spans="8:8">
      <c r="H561817" s="12"/>
    </row>
    <row r="561818" spans="8:8">
      <c r="H561818" s="12"/>
    </row>
    <row r="561819" spans="8:8">
      <c r="H561819" s="12"/>
    </row>
    <row r="561820" spans="8:8">
      <c r="H561820" s="12"/>
    </row>
    <row r="561821" spans="8:8">
      <c r="H561821" s="12"/>
    </row>
    <row r="561822" spans="8:8">
      <c r="H561822" s="12"/>
    </row>
    <row r="561823" spans="8:8">
      <c r="H561823" s="12"/>
    </row>
    <row r="561824" spans="8:8">
      <c r="H561824" s="12"/>
    </row>
    <row r="561825" spans="8:8">
      <c r="H561825" s="12"/>
    </row>
    <row r="561826" spans="8:8">
      <c r="H561826" s="12"/>
    </row>
    <row r="561827" spans="8:8">
      <c r="H561827" s="12"/>
    </row>
    <row r="561828" spans="8:8">
      <c r="H561828" s="12"/>
    </row>
    <row r="561829" spans="8:8">
      <c r="H561829" s="12"/>
    </row>
    <row r="561830" spans="8:8">
      <c r="H561830" s="12"/>
    </row>
    <row r="561831" spans="8:8">
      <c r="H561831" s="12"/>
    </row>
    <row r="561832" spans="8:8">
      <c r="H561832" s="12"/>
    </row>
    <row r="561833" spans="8:8">
      <c r="H561833" s="12"/>
    </row>
    <row r="561834" spans="8:8">
      <c r="H561834" s="12"/>
    </row>
    <row r="561835" spans="8:8">
      <c r="H561835" s="12"/>
    </row>
    <row r="561836" spans="8:8">
      <c r="H561836" s="12"/>
    </row>
    <row r="561837" spans="8:8">
      <c r="H561837" s="12"/>
    </row>
    <row r="561838" spans="8:8">
      <c r="H561838" s="12"/>
    </row>
    <row r="561839" spans="8:8">
      <c r="H561839" s="12"/>
    </row>
    <row r="561840" spans="8:8">
      <c r="H561840" s="12"/>
    </row>
    <row r="561841" spans="8:8">
      <c r="H561841" s="12"/>
    </row>
    <row r="561842" spans="8:8">
      <c r="H561842" s="12"/>
    </row>
    <row r="561843" spans="8:8">
      <c r="H561843" s="12"/>
    </row>
    <row r="561844" spans="8:8">
      <c r="H561844" s="12"/>
    </row>
    <row r="561845" spans="8:8">
      <c r="H561845" s="12"/>
    </row>
    <row r="561846" spans="8:8">
      <c r="H561846" s="12"/>
    </row>
    <row r="561847" spans="8:8">
      <c r="H561847" s="12"/>
    </row>
    <row r="561848" spans="8:8">
      <c r="H561848" s="12"/>
    </row>
    <row r="561849" spans="8:8">
      <c r="H561849" s="12"/>
    </row>
    <row r="561850" spans="8:8">
      <c r="H561850" s="12"/>
    </row>
    <row r="561851" spans="8:8">
      <c r="H561851" s="12"/>
    </row>
    <row r="561852" spans="8:8">
      <c r="H561852" s="12"/>
    </row>
    <row r="561853" spans="8:8">
      <c r="H561853" s="12"/>
    </row>
    <row r="561854" spans="8:8">
      <c r="H561854" s="12"/>
    </row>
    <row r="561855" spans="8:8">
      <c r="H561855" s="12"/>
    </row>
    <row r="561856" spans="8:8">
      <c r="H561856" s="12"/>
    </row>
    <row r="561857" spans="8:8">
      <c r="H561857" s="12"/>
    </row>
    <row r="561858" spans="8:8">
      <c r="H561858" s="12"/>
    </row>
    <row r="561859" spans="8:8">
      <c r="H561859" s="12"/>
    </row>
    <row r="561860" spans="8:8">
      <c r="H561860" s="12"/>
    </row>
    <row r="561861" spans="8:8">
      <c r="H561861" s="12"/>
    </row>
    <row r="561862" spans="8:8">
      <c r="H561862" s="12"/>
    </row>
    <row r="561863" spans="8:8">
      <c r="H561863" s="12"/>
    </row>
    <row r="561864" spans="8:8">
      <c r="H561864" s="12"/>
    </row>
    <row r="561865" spans="8:8">
      <c r="H561865" s="12"/>
    </row>
    <row r="561866" spans="8:8">
      <c r="H561866" s="12"/>
    </row>
    <row r="561867" spans="8:8">
      <c r="H561867" s="12"/>
    </row>
    <row r="561868" spans="8:8">
      <c r="H561868" s="12"/>
    </row>
    <row r="561869" spans="8:8">
      <c r="H561869" s="12"/>
    </row>
    <row r="561870" spans="8:8">
      <c r="H561870" s="12"/>
    </row>
    <row r="561871" spans="8:8">
      <c r="H561871" s="12"/>
    </row>
    <row r="561872" spans="8:8">
      <c r="H561872" s="12"/>
    </row>
    <row r="561873" spans="8:8">
      <c r="H561873" s="12"/>
    </row>
    <row r="561874" spans="8:8">
      <c r="H561874" s="12"/>
    </row>
    <row r="561875" spans="8:8">
      <c r="H561875" s="12"/>
    </row>
    <row r="561876" spans="8:8">
      <c r="H561876" s="12"/>
    </row>
    <row r="561877" spans="8:8">
      <c r="H561877" s="12"/>
    </row>
    <row r="561878" spans="8:8">
      <c r="H561878" s="12"/>
    </row>
    <row r="561879" spans="8:8">
      <c r="H561879" s="12"/>
    </row>
    <row r="561880" spans="8:8">
      <c r="H561880" s="12"/>
    </row>
    <row r="561881" spans="8:8">
      <c r="H561881" s="12"/>
    </row>
    <row r="561882" spans="8:8">
      <c r="H561882" s="12"/>
    </row>
    <row r="561883" spans="8:8">
      <c r="H561883" s="12"/>
    </row>
    <row r="561884" spans="8:8">
      <c r="H561884" s="12"/>
    </row>
    <row r="561885" spans="8:8">
      <c r="H561885" s="12"/>
    </row>
    <row r="561886" spans="8:8">
      <c r="H561886" s="12"/>
    </row>
    <row r="561887" spans="8:8">
      <c r="H561887" s="12"/>
    </row>
    <row r="561888" spans="8:8">
      <c r="H561888" s="12"/>
    </row>
    <row r="561889" spans="8:8">
      <c r="H561889" s="12"/>
    </row>
    <row r="561890" spans="8:8">
      <c r="H561890" s="12"/>
    </row>
    <row r="561891" spans="8:8">
      <c r="H561891" s="12"/>
    </row>
    <row r="561892" spans="8:8">
      <c r="H561892" s="12"/>
    </row>
    <row r="561893" spans="8:8">
      <c r="H561893" s="12"/>
    </row>
    <row r="561894" spans="8:8">
      <c r="H561894" s="12"/>
    </row>
    <row r="561895" spans="8:8">
      <c r="H561895" s="12"/>
    </row>
    <row r="561896" spans="8:8">
      <c r="H561896" s="12"/>
    </row>
    <row r="561897" spans="8:8">
      <c r="H561897" s="12"/>
    </row>
    <row r="561898" spans="8:8">
      <c r="H561898" s="12"/>
    </row>
    <row r="561899" spans="8:8">
      <c r="H561899" s="12"/>
    </row>
    <row r="561900" spans="8:8">
      <c r="H561900" s="12"/>
    </row>
    <row r="561901" spans="8:8">
      <c r="H561901" s="12"/>
    </row>
    <row r="561902" spans="8:8">
      <c r="H561902" s="12"/>
    </row>
    <row r="561903" spans="8:8">
      <c r="H561903" s="12"/>
    </row>
    <row r="561904" spans="8:8">
      <c r="H561904" s="12"/>
    </row>
    <row r="561905" spans="8:8">
      <c r="H561905" s="12"/>
    </row>
    <row r="561906" spans="8:8">
      <c r="H561906" s="12"/>
    </row>
    <row r="561907" spans="8:8">
      <c r="H561907" s="12"/>
    </row>
    <row r="561908" spans="8:8">
      <c r="H561908" s="12"/>
    </row>
    <row r="561909" spans="8:8">
      <c r="H561909" s="12"/>
    </row>
    <row r="561910" spans="8:8">
      <c r="H561910" s="12"/>
    </row>
    <row r="561911" spans="8:8">
      <c r="H561911" s="12"/>
    </row>
    <row r="561912" spans="8:8">
      <c r="H561912" s="12"/>
    </row>
    <row r="561913" spans="8:8">
      <c r="H561913" s="12"/>
    </row>
    <row r="561914" spans="8:8">
      <c r="H561914" s="12"/>
    </row>
    <row r="561915" spans="8:8">
      <c r="H561915" s="12"/>
    </row>
    <row r="561916" spans="8:8">
      <c r="H561916" s="12"/>
    </row>
    <row r="561917" spans="8:8">
      <c r="H561917" s="12"/>
    </row>
    <row r="561918" spans="8:8">
      <c r="H561918" s="12"/>
    </row>
    <row r="561919" spans="8:8">
      <c r="H561919" s="12"/>
    </row>
    <row r="561920" spans="8:8">
      <c r="H561920" s="12"/>
    </row>
    <row r="561921" spans="8:8">
      <c r="H561921" s="12"/>
    </row>
    <row r="561922" spans="8:8">
      <c r="H561922" s="12"/>
    </row>
    <row r="561923" spans="8:8">
      <c r="H561923" s="12"/>
    </row>
    <row r="561924" spans="8:8">
      <c r="H561924" s="12"/>
    </row>
    <row r="561925" spans="8:8">
      <c r="H561925" s="12"/>
    </row>
    <row r="561926" spans="8:8">
      <c r="H561926" s="12"/>
    </row>
    <row r="561927" spans="8:8">
      <c r="H561927" s="12"/>
    </row>
    <row r="561928" spans="8:8">
      <c r="H561928" s="12"/>
    </row>
    <row r="561929" spans="8:8">
      <c r="H561929" s="12"/>
    </row>
    <row r="561930" spans="8:8">
      <c r="H561930" s="12"/>
    </row>
    <row r="561931" spans="8:8">
      <c r="H561931" s="12"/>
    </row>
    <row r="561932" spans="8:8">
      <c r="H561932" s="12"/>
    </row>
    <row r="561933" spans="8:8">
      <c r="H561933" s="12"/>
    </row>
    <row r="561934" spans="8:8">
      <c r="H561934" s="12"/>
    </row>
    <row r="561935" spans="8:8">
      <c r="H561935" s="12"/>
    </row>
    <row r="561936" spans="8:8">
      <c r="H561936" s="12"/>
    </row>
    <row r="561937" spans="8:8">
      <c r="H561937" s="12"/>
    </row>
    <row r="561938" spans="8:8">
      <c r="H561938" s="12"/>
    </row>
    <row r="561939" spans="8:8">
      <c r="H561939" s="12"/>
    </row>
    <row r="561940" spans="8:8">
      <c r="H561940" s="12"/>
    </row>
    <row r="561941" spans="8:8">
      <c r="H561941" s="12"/>
    </row>
    <row r="561942" spans="8:8">
      <c r="H561942" s="12"/>
    </row>
    <row r="561943" spans="8:8">
      <c r="H561943" s="12"/>
    </row>
    <row r="561944" spans="8:8">
      <c r="H561944" s="12"/>
    </row>
    <row r="561945" spans="8:8">
      <c r="H561945" s="12"/>
    </row>
    <row r="561946" spans="8:8">
      <c r="H561946" s="12"/>
    </row>
    <row r="561947" spans="8:8">
      <c r="H561947" s="12"/>
    </row>
    <row r="561948" spans="8:8">
      <c r="H561948" s="12"/>
    </row>
    <row r="561949" spans="8:8">
      <c r="H561949" s="12"/>
    </row>
    <row r="561950" spans="8:8">
      <c r="H561950" s="12"/>
    </row>
    <row r="561951" spans="8:8">
      <c r="H561951" s="12"/>
    </row>
    <row r="561952" spans="8:8">
      <c r="H561952" s="12"/>
    </row>
    <row r="561953" spans="8:8">
      <c r="H561953" s="12"/>
    </row>
    <row r="561954" spans="8:8">
      <c r="H561954" s="12"/>
    </row>
    <row r="561955" spans="8:8">
      <c r="H561955" s="12"/>
    </row>
    <row r="561956" spans="8:8">
      <c r="H561956" s="12"/>
    </row>
    <row r="561957" spans="8:8">
      <c r="H561957" s="12"/>
    </row>
    <row r="561958" spans="8:8">
      <c r="H561958" s="12"/>
    </row>
    <row r="561959" spans="8:8">
      <c r="H561959" s="12"/>
    </row>
    <row r="561960" spans="8:8">
      <c r="H561960" s="12"/>
    </row>
    <row r="561961" spans="8:8">
      <c r="H561961" s="12"/>
    </row>
    <row r="561962" spans="8:8">
      <c r="H561962" s="12"/>
    </row>
    <row r="561963" spans="8:8">
      <c r="H561963" s="12"/>
    </row>
    <row r="561964" spans="8:8">
      <c r="H561964" s="12"/>
    </row>
    <row r="561965" spans="8:8">
      <c r="H561965" s="12"/>
    </row>
    <row r="561966" spans="8:8">
      <c r="H561966" s="12"/>
    </row>
    <row r="561967" spans="8:8">
      <c r="H561967" s="12"/>
    </row>
    <row r="561968" spans="8:8">
      <c r="H561968" s="12"/>
    </row>
    <row r="561969" spans="8:8">
      <c r="H561969" s="12"/>
    </row>
    <row r="561970" spans="8:8">
      <c r="H561970" s="12"/>
    </row>
    <row r="561971" spans="8:8">
      <c r="H561971" s="12"/>
    </row>
    <row r="561972" spans="8:8">
      <c r="H561972" s="12"/>
    </row>
    <row r="561973" spans="8:8">
      <c r="H561973" s="12"/>
    </row>
    <row r="561974" spans="8:8">
      <c r="H561974" s="12"/>
    </row>
    <row r="561975" spans="8:8">
      <c r="H561975" s="12"/>
    </row>
    <row r="561976" spans="8:8">
      <c r="H561976" s="12"/>
    </row>
    <row r="561977" spans="8:8">
      <c r="H561977" s="12"/>
    </row>
    <row r="561978" spans="8:8">
      <c r="H561978" s="12"/>
    </row>
    <row r="561979" spans="8:8">
      <c r="H561979" s="12"/>
    </row>
    <row r="561980" spans="8:8">
      <c r="H561980" s="12"/>
    </row>
    <row r="561981" spans="8:8">
      <c r="H561981" s="12"/>
    </row>
    <row r="561982" spans="8:8">
      <c r="H561982" s="12"/>
    </row>
    <row r="561983" spans="8:8">
      <c r="H561983" s="12"/>
    </row>
    <row r="561984" spans="8:8">
      <c r="H561984" s="12"/>
    </row>
    <row r="561985" spans="8:8">
      <c r="H561985" s="12"/>
    </row>
    <row r="561986" spans="8:8">
      <c r="H561986" s="12"/>
    </row>
    <row r="561987" spans="8:8">
      <c r="H561987" s="12"/>
    </row>
    <row r="561988" spans="8:8">
      <c r="H561988" s="12"/>
    </row>
    <row r="561989" spans="8:8">
      <c r="H561989" s="12"/>
    </row>
    <row r="561990" spans="8:8">
      <c r="H561990" s="12"/>
    </row>
    <row r="561991" spans="8:8">
      <c r="H561991" s="12"/>
    </row>
    <row r="561992" spans="8:8">
      <c r="H561992" s="12"/>
    </row>
    <row r="561993" spans="8:8">
      <c r="H561993" s="12"/>
    </row>
    <row r="561994" spans="8:8">
      <c r="H561994" s="12"/>
    </row>
    <row r="561995" spans="8:8">
      <c r="H561995" s="12"/>
    </row>
    <row r="561996" spans="8:8">
      <c r="H561996" s="12"/>
    </row>
    <row r="561997" spans="8:8">
      <c r="H561997" s="12"/>
    </row>
    <row r="561998" spans="8:8">
      <c r="H561998" s="12"/>
    </row>
    <row r="561999" spans="8:8">
      <c r="H561999" s="12"/>
    </row>
    <row r="562000" spans="8:8">
      <c r="H562000" s="12"/>
    </row>
    <row r="562001" spans="8:8">
      <c r="H562001" s="12"/>
    </row>
    <row r="562002" spans="8:8">
      <c r="H562002" s="12"/>
    </row>
    <row r="562003" spans="8:8">
      <c r="H562003" s="12"/>
    </row>
    <row r="562004" spans="8:8">
      <c r="H562004" s="12"/>
    </row>
    <row r="562005" spans="8:8">
      <c r="H562005" s="12"/>
    </row>
    <row r="562006" spans="8:8">
      <c r="H562006" s="12"/>
    </row>
    <row r="562007" spans="8:8">
      <c r="H562007" s="12"/>
    </row>
    <row r="562008" spans="8:8">
      <c r="H562008" s="12"/>
    </row>
    <row r="562009" spans="8:8">
      <c r="H562009" s="12"/>
    </row>
    <row r="562010" spans="8:8">
      <c r="H562010" s="12"/>
    </row>
    <row r="562011" spans="8:8">
      <c r="H562011" s="12"/>
    </row>
    <row r="562012" spans="8:8">
      <c r="H562012" s="12"/>
    </row>
    <row r="562013" spans="8:8">
      <c r="H562013" s="12"/>
    </row>
    <row r="562014" spans="8:8">
      <c r="H562014" s="12"/>
    </row>
    <row r="562015" spans="8:8">
      <c r="H562015" s="12"/>
    </row>
    <row r="562016" spans="8:8">
      <c r="H562016" s="12"/>
    </row>
    <row r="562017" spans="8:8">
      <c r="H562017" s="12"/>
    </row>
    <row r="562018" spans="8:8">
      <c r="H562018" s="12"/>
    </row>
    <row r="562019" spans="8:8">
      <c r="H562019" s="12"/>
    </row>
    <row r="562020" spans="8:8">
      <c r="H562020" s="12"/>
    </row>
    <row r="562021" spans="8:8">
      <c r="H562021" s="12"/>
    </row>
    <row r="562022" spans="8:8">
      <c r="H562022" s="12"/>
    </row>
    <row r="562023" spans="8:8">
      <c r="H562023" s="12"/>
    </row>
    <row r="562024" spans="8:8">
      <c r="H562024" s="12"/>
    </row>
    <row r="562025" spans="8:8">
      <c r="H562025" s="12"/>
    </row>
    <row r="562026" spans="8:8">
      <c r="H562026" s="12"/>
    </row>
    <row r="562027" spans="8:8">
      <c r="H562027" s="12"/>
    </row>
    <row r="562028" spans="8:8">
      <c r="H562028" s="12"/>
    </row>
    <row r="562029" spans="8:8">
      <c r="H562029" s="12"/>
    </row>
    <row r="562030" spans="8:8">
      <c r="H562030" s="12"/>
    </row>
    <row r="562031" spans="8:8">
      <c r="H562031" s="12"/>
    </row>
    <row r="562032" spans="8:8">
      <c r="H562032" s="12"/>
    </row>
    <row r="562033" spans="8:8">
      <c r="H562033" s="12"/>
    </row>
    <row r="562034" spans="8:8">
      <c r="H562034" s="12"/>
    </row>
    <row r="562035" spans="8:8">
      <c r="H562035" s="12"/>
    </row>
    <row r="562036" spans="8:8">
      <c r="H562036" s="12"/>
    </row>
    <row r="562037" spans="8:8">
      <c r="H562037" s="12"/>
    </row>
    <row r="562038" spans="8:8">
      <c r="H562038" s="12"/>
    </row>
    <row r="562039" spans="8:8">
      <c r="H562039" s="12"/>
    </row>
    <row r="562040" spans="8:8">
      <c r="H562040" s="12"/>
    </row>
    <row r="562041" spans="8:8">
      <c r="H562041" s="12"/>
    </row>
    <row r="562042" spans="8:8">
      <c r="H562042" s="12"/>
    </row>
    <row r="562043" spans="8:8">
      <c r="H562043" s="12"/>
    </row>
    <row r="562044" spans="8:8">
      <c r="H562044" s="12"/>
    </row>
    <row r="562045" spans="8:8">
      <c r="H562045" s="12"/>
    </row>
    <row r="562046" spans="8:8">
      <c r="H562046" s="12"/>
    </row>
    <row r="562047" spans="8:8">
      <c r="H562047" s="12"/>
    </row>
    <row r="562048" spans="8:8">
      <c r="H562048" s="12"/>
    </row>
    <row r="562049" spans="8:8">
      <c r="H562049" s="12"/>
    </row>
    <row r="562050" spans="8:8">
      <c r="H562050" s="12"/>
    </row>
    <row r="562051" spans="8:8">
      <c r="H562051" s="12"/>
    </row>
    <row r="562052" spans="8:8">
      <c r="H562052" s="12"/>
    </row>
    <row r="562053" spans="8:8">
      <c r="H562053" s="12"/>
    </row>
    <row r="562054" spans="8:8">
      <c r="H562054" s="12"/>
    </row>
    <row r="562055" spans="8:8">
      <c r="H562055" s="12"/>
    </row>
    <row r="562056" spans="8:8">
      <c r="H562056" s="12"/>
    </row>
    <row r="562057" spans="8:8">
      <c r="H562057" s="12"/>
    </row>
    <row r="562058" spans="8:8">
      <c r="H562058" s="12"/>
    </row>
    <row r="562059" spans="8:8">
      <c r="H562059" s="12"/>
    </row>
    <row r="562060" spans="8:8">
      <c r="H562060" s="12"/>
    </row>
    <row r="562061" spans="8:8">
      <c r="H562061" s="12"/>
    </row>
    <row r="562062" spans="8:8">
      <c r="H562062" s="12"/>
    </row>
    <row r="562063" spans="8:8">
      <c r="H562063" s="12"/>
    </row>
    <row r="562064" spans="8:8">
      <c r="H562064" s="12"/>
    </row>
    <row r="562065" spans="8:8">
      <c r="H562065" s="12"/>
    </row>
    <row r="562066" spans="8:8">
      <c r="H562066" s="12"/>
    </row>
    <row r="562067" spans="8:8">
      <c r="H562067" s="12"/>
    </row>
    <row r="562068" spans="8:8">
      <c r="H562068" s="12"/>
    </row>
    <row r="562069" spans="8:8">
      <c r="H562069" s="12"/>
    </row>
    <row r="562070" spans="8:8">
      <c r="H562070" s="12"/>
    </row>
    <row r="562071" spans="8:8">
      <c r="H562071" s="12"/>
    </row>
    <row r="562072" spans="8:8">
      <c r="H562072" s="12"/>
    </row>
    <row r="562073" spans="8:8">
      <c r="H562073" s="12"/>
    </row>
    <row r="562074" spans="8:8">
      <c r="H562074" s="12"/>
    </row>
    <row r="562075" spans="8:8">
      <c r="H562075" s="12"/>
    </row>
    <row r="562076" spans="8:8">
      <c r="H562076" s="12"/>
    </row>
    <row r="562077" spans="8:8">
      <c r="H562077" s="12"/>
    </row>
    <row r="562078" spans="8:8">
      <c r="H562078" s="12"/>
    </row>
    <row r="562079" spans="8:8">
      <c r="H562079" s="12"/>
    </row>
    <row r="562080" spans="8:8">
      <c r="H562080" s="12"/>
    </row>
    <row r="562081" spans="8:8">
      <c r="H562081" s="12"/>
    </row>
    <row r="562082" spans="8:8">
      <c r="H562082" s="12"/>
    </row>
    <row r="562083" spans="8:8">
      <c r="H562083" s="12"/>
    </row>
    <row r="562084" spans="8:8">
      <c r="H562084" s="12"/>
    </row>
    <row r="562085" spans="8:8">
      <c r="H562085" s="12"/>
    </row>
    <row r="562086" spans="8:8">
      <c r="H562086" s="12"/>
    </row>
    <row r="562087" spans="8:8">
      <c r="H562087" s="12"/>
    </row>
    <row r="562088" spans="8:8">
      <c r="H562088" s="12"/>
    </row>
    <row r="562089" spans="8:8">
      <c r="H562089" s="12"/>
    </row>
    <row r="562090" spans="8:8">
      <c r="H562090" s="12"/>
    </row>
    <row r="562091" spans="8:8">
      <c r="H562091" s="12"/>
    </row>
    <row r="562092" spans="8:8">
      <c r="H562092" s="12"/>
    </row>
    <row r="562093" spans="8:8">
      <c r="H562093" s="12"/>
    </row>
    <row r="562094" spans="8:8">
      <c r="H562094" s="12"/>
    </row>
    <row r="562095" spans="8:8">
      <c r="H562095" s="12"/>
    </row>
    <row r="562096" spans="8:8">
      <c r="H562096" s="12"/>
    </row>
    <row r="562097" spans="8:8">
      <c r="H562097" s="12"/>
    </row>
    <row r="562098" spans="8:8">
      <c r="H562098" s="12"/>
    </row>
    <row r="562099" spans="8:8">
      <c r="H562099" s="12"/>
    </row>
    <row r="562100" spans="8:8">
      <c r="H562100" s="12"/>
    </row>
    <row r="562101" spans="8:8">
      <c r="H562101" s="12"/>
    </row>
    <row r="562102" spans="8:8">
      <c r="H562102" s="12"/>
    </row>
    <row r="562103" spans="8:8">
      <c r="H562103" s="12"/>
    </row>
    <row r="562104" spans="8:8">
      <c r="H562104" s="12"/>
    </row>
    <row r="562105" spans="8:8">
      <c r="H562105" s="12"/>
    </row>
    <row r="562106" spans="8:8">
      <c r="H562106" s="12"/>
    </row>
    <row r="562107" spans="8:8">
      <c r="H562107" s="12"/>
    </row>
    <row r="562108" spans="8:8">
      <c r="H562108" s="12"/>
    </row>
    <row r="562109" spans="8:8">
      <c r="H562109" s="12"/>
    </row>
    <row r="562110" spans="8:8">
      <c r="H562110" s="12"/>
    </row>
    <row r="562111" spans="8:8">
      <c r="H562111" s="12"/>
    </row>
    <row r="562112" spans="8:8">
      <c r="H562112" s="12"/>
    </row>
    <row r="562113" spans="8:8">
      <c r="H562113" s="12"/>
    </row>
    <row r="562114" spans="8:8">
      <c r="H562114" s="12"/>
    </row>
    <row r="562115" spans="8:8">
      <c r="H562115" s="12"/>
    </row>
    <row r="562116" spans="8:8">
      <c r="H562116" s="12"/>
    </row>
    <row r="562117" spans="8:8">
      <c r="H562117" s="12"/>
    </row>
    <row r="562118" spans="8:8">
      <c r="H562118" s="12"/>
    </row>
    <row r="562119" spans="8:8">
      <c r="H562119" s="12"/>
    </row>
    <row r="562120" spans="8:8">
      <c r="H562120" s="12"/>
    </row>
    <row r="562121" spans="8:8">
      <c r="H562121" s="12"/>
    </row>
    <row r="562122" spans="8:8">
      <c r="H562122" s="12"/>
    </row>
    <row r="562123" spans="8:8">
      <c r="H562123" s="12"/>
    </row>
    <row r="562124" spans="8:8">
      <c r="H562124" s="12"/>
    </row>
    <row r="562125" spans="8:8">
      <c r="H562125" s="12"/>
    </row>
    <row r="562126" spans="8:8">
      <c r="H562126" s="12"/>
    </row>
    <row r="562127" spans="8:8">
      <c r="H562127" s="12"/>
    </row>
    <row r="562128" spans="8:8">
      <c r="H562128" s="12"/>
    </row>
    <row r="562129" spans="8:8">
      <c r="H562129" s="12"/>
    </row>
    <row r="562130" spans="8:8">
      <c r="H562130" s="12"/>
    </row>
    <row r="562131" spans="8:8">
      <c r="H562131" s="12"/>
    </row>
    <row r="562132" spans="8:8">
      <c r="H562132" s="12"/>
    </row>
    <row r="562133" spans="8:8">
      <c r="H562133" s="12"/>
    </row>
    <row r="562134" spans="8:8">
      <c r="H562134" s="12"/>
    </row>
    <row r="562135" spans="8:8">
      <c r="H562135" s="12"/>
    </row>
    <row r="562136" spans="8:8">
      <c r="H562136" s="12"/>
    </row>
    <row r="562137" spans="8:8">
      <c r="H562137" s="12"/>
    </row>
    <row r="562138" spans="8:8">
      <c r="H562138" s="12"/>
    </row>
    <row r="562139" spans="8:8">
      <c r="H562139" s="12"/>
    </row>
    <row r="562140" spans="8:8">
      <c r="H562140" s="12"/>
    </row>
    <row r="562141" spans="8:8">
      <c r="H562141" s="12"/>
    </row>
    <row r="562142" spans="8:8">
      <c r="H562142" s="12"/>
    </row>
    <row r="562143" spans="8:8">
      <c r="H562143" s="12"/>
    </row>
    <row r="562144" spans="8:8">
      <c r="H562144" s="12"/>
    </row>
    <row r="562145" spans="8:8">
      <c r="H562145" s="12"/>
    </row>
    <row r="562146" spans="8:8">
      <c r="H562146" s="12"/>
    </row>
    <row r="562147" spans="8:8">
      <c r="H562147" s="12"/>
    </row>
    <row r="562148" spans="8:8">
      <c r="H562148" s="12"/>
    </row>
    <row r="562149" spans="8:8">
      <c r="H562149" s="12"/>
    </row>
    <row r="562150" spans="8:8">
      <c r="H562150" s="12"/>
    </row>
    <row r="562151" spans="8:8">
      <c r="H562151" s="12"/>
    </row>
    <row r="562152" spans="8:8">
      <c r="H562152" s="12"/>
    </row>
    <row r="562153" spans="8:8">
      <c r="H562153" s="12"/>
    </row>
    <row r="562154" spans="8:8">
      <c r="H562154" s="12"/>
    </row>
    <row r="562155" spans="8:8">
      <c r="H562155" s="12"/>
    </row>
    <row r="562156" spans="8:8">
      <c r="H562156" s="12"/>
    </row>
    <row r="562157" spans="8:8">
      <c r="H562157" s="12"/>
    </row>
    <row r="562158" spans="8:8">
      <c r="H562158" s="12"/>
    </row>
    <row r="562159" spans="8:8">
      <c r="H562159" s="12"/>
    </row>
    <row r="562160" spans="8:8">
      <c r="H562160" s="12"/>
    </row>
    <row r="562161" spans="8:8">
      <c r="H562161" s="12"/>
    </row>
    <row r="562162" spans="8:8">
      <c r="H562162" s="12"/>
    </row>
    <row r="562163" spans="8:8">
      <c r="H562163" s="12"/>
    </row>
    <row r="562164" spans="8:8">
      <c r="H562164" s="12"/>
    </row>
    <row r="562165" spans="8:8">
      <c r="H562165" s="12"/>
    </row>
    <row r="562166" spans="8:8">
      <c r="H562166" s="12"/>
    </row>
    <row r="562167" spans="8:8">
      <c r="H562167" s="12"/>
    </row>
    <row r="562168" spans="8:8">
      <c r="H562168" s="12"/>
    </row>
    <row r="562169" spans="8:8">
      <c r="H562169" s="12"/>
    </row>
    <row r="562170" spans="8:8">
      <c r="H562170" s="12"/>
    </row>
    <row r="562171" spans="8:8">
      <c r="H562171" s="12"/>
    </row>
    <row r="562172" spans="8:8">
      <c r="H562172" s="12"/>
    </row>
    <row r="562173" spans="8:8">
      <c r="H562173" s="12"/>
    </row>
    <row r="562174" spans="8:8">
      <c r="H562174" s="12"/>
    </row>
    <row r="562175" spans="8:8">
      <c r="H562175" s="12"/>
    </row>
    <row r="562176" spans="8:8">
      <c r="H562176" s="12"/>
    </row>
    <row r="562177" spans="8:8">
      <c r="H562177" s="12"/>
    </row>
    <row r="562178" spans="8:8">
      <c r="H562178" s="12"/>
    </row>
    <row r="562179" spans="8:8">
      <c r="H562179" s="12"/>
    </row>
    <row r="562180" spans="8:8">
      <c r="H562180" s="12"/>
    </row>
    <row r="562181" spans="8:8">
      <c r="H562181" s="12"/>
    </row>
    <row r="562182" spans="8:8">
      <c r="H562182" s="12"/>
    </row>
    <row r="562183" spans="8:8">
      <c r="H562183" s="12"/>
    </row>
    <row r="562184" spans="8:8">
      <c r="H562184" s="12"/>
    </row>
    <row r="562185" spans="8:8">
      <c r="H562185" s="12"/>
    </row>
    <row r="562186" spans="8:8">
      <c r="H562186" s="12"/>
    </row>
    <row r="562187" spans="8:8">
      <c r="H562187" s="12"/>
    </row>
    <row r="562188" spans="8:8">
      <c r="H562188" s="12"/>
    </row>
    <row r="562189" spans="8:8">
      <c r="H562189" s="12"/>
    </row>
    <row r="562190" spans="8:8">
      <c r="H562190" s="12"/>
    </row>
    <row r="562191" spans="8:8">
      <c r="H562191" s="12"/>
    </row>
    <row r="562192" spans="8:8">
      <c r="H562192" s="12"/>
    </row>
    <row r="562193" spans="8:8">
      <c r="H562193" s="12"/>
    </row>
    <row r="562194" spans="8:8">
      <c r="H562194" s="12"/>
    </row>
    <row r="562195" spans="8:8">
      <c r="H562195" s="12"/>
    </row>
    <row r="562196" spans="8:8">
      <c r="H562196" s="12"/>
    </row>
    <row r="562197" spans="8:8">
      <c r="H562197" s="12"/>
    </row>
    <row r="562198" spans="8:8">
      <c r="H562198" s="12"/>
    </row>
    <row r="562199" spans="8:8">
      <c r="H562199" s="12"/>
    </row>
    <row r="562200" spans="8:8">
      <c r="H562200" s="12"/>
    </row>
    <row r="562201" spans="8:8">
      <c r="H562201" s="12"/>
    </row>
    <row r="562202" spans="8:8">
      <c r="H562202" s="12"/>
    </row>
    <row r="562203" spans="8:8">
      <c r="H562203" s="12"/>
    </row>
    <row r="562204" spans="8:8">
      <c r="H562204" s="12"/>
    </row>
    <row r="562205" spans="8:8">
      <c r="H562205" s="12"/>
    </row>
    <row r="562206" spans="8:8">
      <c r="H562206" s="12"/>
    </row>
    <row r="562207" spans="8:8">
      <c r="H562207" s="12"/>
    </row>
    <row r="562208" spans="8:8">
      <c r="H562208" s="12"/>
    </row>
    <row r="562209" spans="8:8">
      <c r="H562209" s="12"/>
    </row>
    <row r="562210" spans="8:8">
      <c r="H562210" s="12"/>
    </row>
    <row r="562211" spans="8:8">
      <c r="H562211" s="12"/>
    </row>
    <row r="562212" spans="8:8">
      <c r="H562212" s="12"/>
    </row>
    <row r="562213" spans="8:8">
      <c r="H562213" s="12"/>
    </row>
    <row r="562214" spans="8:8">
      <c r="H562214" s="12"/>
    </row>
    <row r="562215" spans="8:8">
      <c r="H562215" s="12"/>
    </row>
    <row r="562216" spans="8:8">
      <c r="H562216" s="12"/>
    </row>
    <row r="562217" spans="8:8">
      <c r="H562217" s="12"/>
    </row>
    <row r="562218" spans="8:8">
      <c r="H562218" s="12"/>
    </row>
    <row r="562219" spans="8:8">
      <c r="H562219" s="12"/>
    </row>
    <row r="562220" spans="8:8">
      <c r="H562220" s="12"/>
    </row>
    <row r="562221" spans="8:8">
      <c r="H562221" s="12"/>
    </row>
    <row r="562222" spans="8:8">
      <c r="H562222" s="12"/>
    </row>
    <row r="562223" spans="8:8">
      <c r="H562223" s="12"/>
    </row>
    <row r="562224" spans="8:8">
      <c r="H562224" s="12"/>
    </row>
    <row r="562225" spans="8:8">
      <c r="H562225" s="12"/>
    </row>
    <row r="562226" spans="8:8">
      <c r="H562226" s="12"/>
    </row>
    <row r="562227" spans="8:8">
      <c r="H562227" s="12"/>
    </row>
    <row r="562228" spans="8:8">
      <c r="H562228" s="12"/>
    </row>
    <row r="562229" spans="8:8">
      <c r="H562229" s="12"/>
    </row>
    <row r="562230" spans="8:8">
      <c r="H562230" s="12"/>
    </row>
    <row r="562231" spans="8:8">
      <c r="H562231" s="12"/>
    </row>
    <row r="562232" spans="8:8">
      <c r="H562232" s="12"/>
    </row>
    <row r="562233" spans="8:8">
      <c r="H562233" s="12"/>
    </row>
    <row r="562234" spans="8:8">
      <c r="H562234" s="12"/>
    </row>
    <row r="562235" spans="8:8">
      <c r="H562235" s="12"/>
    </row>
    <row r="562236" spans="8:8">
      <c r="H562236" s="12"/>
    </row>
    <row r="562237" spans="8:8">
      <c r="H562237" s="12"/>
    </row>
    <row r="562238" spans="8:8">
      <c r="H562238" s="12"/>
    </row>
    <row r="562239" spans="8:8">
      <c r="H562239" s="12"/>
    </row>
    <row r="562240" spans="8:8">
      <c r="H562240" s="12"/>
    </row>
    <row r="562241" spans="8:8">
      <c r="H562241" s="12"/>
    </row>
    <row r="562242" spans="8:8">
      <c r="H562242" s="12"/>
    </row>
    <row r="562243" spans="8:8">
      <c r="H562243" s="12"/>
    </row>
    <row r="562244" spans="8:8">
      <c r="H562244" s="12"/>
    </row>
    <row r="562245" spans="8:8">
      <c r="H562245" s="12"/>
    </row>
    <row r="562246" spans="8:8">
      <c r="H562246" s="12"/>
    </row>
    <row r="562247" spans="8:8">
      <c r="H562247" s="12"/>
    </row>
    <row r="562248" spans="8:8">
      <c r="H562248" s="12"/>
    </row>
    <row r="562249" spans="8:8">
      <c r="H562249" s="12"/>
    </row>
    <row r="562250" spans="8:8">
      <c r="H562250" s="12"/>
    </row>
    <row r="562251" spans="8:8">
      <c r="H562251" s="12"/>
    </row>
    <row r="562252" spans="8:8">
      <c r="H562252" s="12"/>
    </row>
    <row r="562253" spans="8:8">
      <c r="H562253" s="12"/>
    </row>
    <row r="562254" spans="8:8">
      <c r="H562254" s="12"/>
    </row>
    <row r="562255" spans="8:8">
      <c r="H562255" s="12"/>
    </row>
    <row r="562256" spans="8:8">
      <c r="H562256" s="12"/>
    </row>
    <row r="562257" spans="8:8">
      <c r="H562257" s="12"/>
    </row>
    <row r="562258" spans="8:8">
      <c r="H562258" s="12"/>
    </row>
    <row r="562259" spans="8:8">
      <c r="H562259" s="12"/>
    </row>
    <row r="562260" spans="8:8">
      <c r="H562260" s="12"/>
    </row>
    <row r="562261" spans="8:8">
      <c r="H562261" s="12"/>
    </row>
    <row r="562262" spans="8:8">
      <c r="H562262" s="12"/>
    </row>
    <row r="562263" spans="8:8">
      <c r="H562263" s="12"/>
    </row>
    <row r="562264" spans="8:8">
      <c r="H562264" s="12"/>
    </row>
    <row r="562265" spans="8:8">
      <c r="H562265" s="12"/>
    </row>
    <row r="562266" spans="8:8">
      <c r="H562266" s="12"/>
    </row>
    <row r="562267" spans="8:8">
      <c r="H562267" s="12"/>
    </row>
    <row r="562268" spans="8:8">
      <c r="H562268" s="12"/>
    </row>
    <row r="562269" spans="8:8">
      <c r="H562269" s="12"/>
    </row>
    <row r="562270" spans="8:8">
      <c r="H562270" s="12"/>
    </row>
    <row r="562271" spans="8:8">
      <c r="H562271" s="12"/>
    </row>
    <row r="562272" spans="8:8">
      <c r="H562272" s="12"/>
    </row>
    <row r="562273" spans="8:8">
      <c r="H562273" s="12"/>
    </row>
    <row r="562274" spans="8:8">
      <c r="H562274" s="12"/>
    </row>
    <row r="562275" spans="8:8">
      <c r="H562275" s="12"/>
    </row>
    <row r="562276" spans="8:8">
      <c r="H562276" s="12"/>
    </row>
    <row r="562277" spans="8:8">
      <c r="H562277" s="12"/>
    </row>
    <row r="562278" spans="8:8">
      <c r="H562278" s="12"/>
    </row>
    <row r="562279" spans="8:8">
      <c r="H562279" s="12"/>
    </row>
    <row r="562280" spans="8:8">
      <c r="H562280" s="12"/>
    </row>
    <row r="562281" spans="8:8">
      <c r="H562281" s="12"/>
    </row>
    <row r="562282" spans="8:8">
      <c r="H562282" s="12"/>
    </row>
    <row r="562283" spans="8:8">
      <c r="H562283" s="12"/>
    </row>
    <row r="562284" spans="8:8">
      <c r="H562284" s="12"/>
    </row>
    <row r="562285" spans="8:8">
      <c r="H562285" s="12"/>
    </row>
    <row r="562286" spans="8:8">
      <c r="H562286" s="12"/>
    </row>
    <row r="562287" spans="8:8">
      <c r="H562287" s="12"/>
    </row>
    <row r="562288" spans="8:8">
      <c r="H562288" s="12"/>
    </row>
    <row r="562289" spans="8:8">
      <c r="H562289" s="12"/>
    </row>
    <row r="562290" spans="8:8">
      <c r="H562290" s="12"/>
    </row>
    <row r="562291" spans="8:8">
      <c r="H562291" s="12"/>
    </row>
    <row r="562292" spans="8:8">
      <c r="H562292" s="12"/>
    </row>
    <row r="562293" spans="8:8">
      <c r="H562293" s="12"/>
    </row>
    <row r="562294" spans="8:8">
      <c r="H562294" s="12"/>
    </row>
    <row r="562295" spans="8:8">
      <c r="H562295" s="12"/>
    </row>
    <row r="562296" spans="8:8">
      <c r="H562296" s="12"/>
    </row>
    <row r="562297" spans="8:8">
      <c r="H562297" s="12"/>
    </row>
    <row r="562298" spans="8:8">
      <c r="H562298" s="12"/>
    </row>
    <row r="562299" spans="8:8">
      <c r="H562299" s="12"/>
    </row>
    <row r="562300" spans="8:8">
      <c r="H562300" s="12"/>
    </row>
    <row r="562301" spans="8:8">
      <c r="H562301" s="12"/>
    </row>
    <row r="562302" spans="8:8">
      <c r="H562302" s="12"/>
    </row>
    <row r="562303" spans="8:8">
      <c r="H562303" s="12"/>
    </row>
    <row r="562304" spans="8:8">
      <c r="H562304" s="12"/>
    </row>
    <row r="562305" spans="8:8">
      <c r="H562305" s="12"/>
    </row>
    <row r="562306" spans="8:8">
      <c r="H562306" s="12"/>
    </row>
    <row r="562307" spans="8:8">
      <c r="H562307" s="12"/>
    </row>
    <row r="562308" spans="8:8">
      <c r="H562308" s="12"/>
    </row>
    <row r="562309" spans="8:8">
      <c r="H562309" s="12"/>
    </row>
    <row r="562310" spans="8:8">
      <c r="H562310" s="12"/>
    </row>
    <row r="562311" spans="8:8">
      <c r="H562311" s="12"/>
    </row>
    <row r="562312" spans="8:8">
      <c r="H562312" s="12"/>
    </row>
    <row r="562313" spans="8:8">
      <c r="H562313" s="12"/>
    </row>
    <row r="562314" spans="8:8">
      <c r="H562314" s="12"/>
    </row>
    <row r="562315" spans="8:8">
      <c r="H562315" s="12"/>
    </row>
    <row r="562316" spans="8:8">
      <c r="H562316" s="12"/>
    </row>
    <row r="562317" spans="8:8">
      <c r="H562317" s="12"/>
    </row>
    <row r="562318" spans="8:8">
      <c r="H562318" s="12"/>
    </row>
    <row r="562319" spans="8:8">
      <c r="H562319" s="12"/>
    </row>
    <row r="562320" spans="8:8">
      <c r="H562320" s="12"/>
    </row>
    <row r="562321" spans="8:8">
      <c r="H562321" s="12"/>
    </row>
    <row r="562322" spans="8:8">
      <c r="H562322" s="12"/>
    </row>
    <row r="562323" spans="8:8">
      <c r="H562323" s="12"/>
    </row>
    <row r="562324" spans="8:8">
      <c r="H562324" s="12"/>
    </row>
    <row r="562325" spans="8:8">
      <c r="H562325" s="12"/>
    </row>
    <row r="562326" spans="8:8">
      <c r="H562326" s="12"/>
    </row>
    <row r="562327" spans="8:8">
      <c r="H562327" s="12"/>
    </row>
    <row r="562328" spans="8:8">
      <c r="H562328" s="12"/>
    </row>
    <row r="562329" spans="8:8">
      <c r="H562329" s="12"/>
    </row>
    <row r="562330" spans="8:8">
      <c r="H562330" s="12"/>
    </row>
    <row r="562331" spans="8:8">
      <c r="H562331" s="12"/>
    </row>
    <row r="562332" spans="8:8">
      <c r="H562332" s="12"/>
    </row>
    <row r="562333" spans="8:8">
      <c r="H562333" s="12"/>
    </row>
    <row r="562334" spans="8:8">
      <c r="H562334" s="12"/>
    </row>
    <row r="562335" spans="8:8">
      <c r="H562335" s="12"/>
    </row>
    <row r="562336" spans="8:8">
      <c r="H562336" s="12"/>
    </row>
    <row r="562337" spans="8:8">
      <c r="H562337" s="12"/>
    </row>
    <row r="562338" spans="8:8">
      <c r="H562338" s="12"/>
    </row>
    <row r="562339" spans="8:8">
      <c r="H562339" s="12"/>
    </row>
    <row r="562340" spans="8:8">
      <c r="H562340" s="12"/>
    </row>
    <row r="562341" spans="8:8">
      <c r="H562341" s="12"/>
    </row>
    <row r="562342" spans="8:8">
      <c r="H562342" s="12"/>
    </row>
    <row r="562343" spans="8:8">
      <c r="H562343" s="12"/>
    </row>
    <row r="562344" spans="8:8">
      <c r="H562344" s="12"/>
    </row>
    <row r="562345" spans="8:8">
      <c r="H562345" s="12"/>
    </row>
    <row r="562346" spans="8:8">
      <c r="H562346" s="12"/>
    </row>
    <row r="562347" spans="8:8">
      <c r="H562347" s="12"/>
    </row>
    <row r="562348" spans="8:8">
      <c r="H562348" s="12"/>
    </row>
    <row r="562349" spans="8:8">
      <c r="H562349" s="12"/>
    </row>
    <row r="562350" spans="8:8">
      <c r="H562350" s="12"/>
    </row>
    <row r="562351" spans="8:8">
      <c r="H562351" s="12"/>
    </row>
    <row r="562352" spans="8:8">
      <c r="H562352" s="12"/>
    </row>
    <row r="562353" spans="8:8">
      <c r="H562353" s="12"/>
    </row>
    <row r="562354" spans="8:8">
      <c r="H562354" s="12"/>
    </row>
    <row r="562355" spans="8:8">
      <c r="H562355" s="12"/>
    </row>
    <row r="562356" spans="8:8">
      <c r="H562356" s="12"/>
    </row>
    <row r="562357" spans="8:8">
      <c r="H562357" s="12"/>
    </row>
    <row r="562358" spans="8:8">
      <c r="H562358" s="12"/>
    </row>
    <row r="562359" spans="8:8">
      <c r="H562359" s="12"/>
    </row>
    <row r="562360" spans="8:8">
      <c r="H562360" s="12"/>
    </row>
    <row r="562361" spans="8:8">
      <c r="H562361" s="12"/>
    </row>
    <row r="562362" spans="8:8">
      <c r="H562362" s="12"/>
    </row>
    <row r="562363" spans="8:8">
      <c r="H562363" s="12"/>
    </row>
    <row r="562364" spans="8:8">
      <c r="H562364" s="12"/>
    </row>
    <row r="562365" spans="8:8">
      <c r="H562365" s="12"/>
    </row>
    <row r="562366" spans="8:8">
      <c r="H562366" s="12"/>
    </row>
    <row r="562367" spans="8:8">
      <c r="H562367" s="12"/>
    </row>
    <row r="562368" spans="8:8">
      <c r="H562368" s="12"/>
    </row>
    <row r="562369" spans="8:8">
      <c r="H562369" s="12"/>
    </row>
    <row r="562370" spans="8:8">
      <c r="H562370" s="12"/>
    </row>
    <row r="562371" spans="8:8">
      <c r="H562371" s="12"/>
    </row>
    <row r="562372" spans="8:8">
      <c r="H562372" s="12"/>
    </row>
    <row r="562373" spans="8:8">
      <c r="H562373" s="12"/>
    </row>
    <row r="562374" spans="8:8">
      <c r="H562374" s="12"/>
    </row>
    <row r="562375" spans="8:8">
      <c r="H562375" s="12"/>
    </row>
    <row r="562376" spans="8:8">
      <c r="H562376" s="12"/>
    </row>
    <row r="562377" spans="8:8">
      <c r="H562377" s="12"/>
    </row>
    <row r="562378" spans="8:8">
      <c r="H562378" s="12"/>
    </row>
    <row r="562379" spans="8:8">
      <c r="H562379" s="12"/>
    </row>
    <row r="562380" spans="8:8">
      <c r="H562380" s="12"/>
    </row>
    <row r="562381" spans="8:8">
      <c r="H562381" s="12"/>
    </row>
    <row r="562382" spans="8:8">
      <c r="H562382" s="12"/>
    </row>
    <row r="562383" spans="8:8">
      <c r="H562383" s="12"/>
    </row>
    <row r="562384" spans="8:8">
      <c r="H562384" s="12"/>
    </row>
    <row r="562385" spans="8:8">
      <c r="H562385" s="12"/>
    </row>
    <row r="562386" spans="8:8">
      <c r="H562386" s="12"/>
    </row>
    <row r="562387" spans="8:8">
      <c r="H562387" s="12"/>
    </row>
    <row r="562388" spans="8:8">
      <c r="H562388" s="12"/>
    </row>
    <row r="562389" spans="8:8">
      <c r="H562389" s="12"/>
    </row>
    <row r="562390" spans="8:8">
      <c r="H562390" s="12"/>
    </row>
    <row r="562391" spans="8:8">
      <c r="H562391" s="12"/>
    </row>
    <row r="562392" spans="8:8">
      <c r="H562392" s="12"/>
    </row>
    <row r="562393" spans="8:8">
      <c r="H562393" s="12"/>
    </row>
    <row r="562394" spans="8:8">
      <c r="H562394" s="12"/>
    </row>
    <row r="562395" spans="8:8">
      <c r="H562395" s="12"/>
    </row>
    <row r="562396" spans="8:8">
      <c r="H562396" s="12"/>
    </row>
    <row r="562397" spans="8:8">
      <c r="H562397" s="12"/>
    </row>
    <row r="562398" spans="8:8">
      <c r="H562398" s="12"/>
    </row>
    <row r="562399" spans="8:8">
      <c r="H562399" s="12"/>
    </row>
    <row r="562400" spans="8:8">
      <c r="H562400" s="12"/>
    </row>
    <row r="562401" spans="8:8">
      <c r="H562401" s="12"/>
    </row>
    <row r="562402" spans="8:8">
      <c r="H562402" s="12"/>
    </row>
    <row r="562403" spans="8:8">
      <c r="H562403" s="12"/>
    </row>
    <row r="562404" spans="8:8">
      <c r="H562404" s="12"/>
    </row>
    <row r="562405" spans="8:8">
      <c r="H562405" s="12"/>
    </row>
    <row r="562406" spans="8:8">
      <c r="H562406" s="12"/>
    </row>
    <row r="562407" spans="8:8">
      <c r="H562407" s="12"/>
    </row>
    <row r="562408" spans="8:8">
      <c r="H562408" s="12"/>
    </row>
    <row r="562409" spans="8:8">
      <c r="H562409" s="12"/>
    </row>
    <row r="562410" spans="8:8">
      <c r="H562410" s="12"/>
    </row>
    <row r="562411" spans="8:8">
      <c r="H562411" s="12"/>
    </row>
    <row r="562412" spans="8:8">
      <c r="H562412" s="12"/>
    </row>
    <row r="562413" spans="8:8">
      <c r="H562413" s="12"/>
    </row>
    <row r="562414" spans="8:8">
      <c r="H562414" s="12"/>
    </row>
    <row r="562415" spans="8:8">
      <c r="H562415" s="12"/>
    </row>
    <row r="562416" spans="8:8">
      <c r="H562416" s="12"/>
    </row>
    <row r="562417" spans="8:8">
      <c r="H562417" s="12"/>
    </row>
    <row r="562418" spans="8:8">
      <c r="H562418" s="12"/>
    </row>
    <row r="562419" spans="8:8">
      <c r="H562419" s="12"/>
    </row>
    <row r="562420" spans="8:8">
      <c r="H562420" s="12"/>
    </row>
    <row r="562421" spans="8:8">
      <c r="H562421" s="12"/>
    </row>
    <row r="562422" spans="8:8">
      <c r="H562422" s="12"/>
    </row>
    <row r="562423" spans="8:8">
      <c r="H562423" s="12"/>
    </row>
    <row r="562424" spans="8:8">
      <c r="H562424" s="12"/>
    </row>
    <row r="562425" spans="8:8">
      <c r="H562425" s="12"/>
    </row>
    <row r="562426" spans="8:8">
      <c r="H562426" s="12"/>
    </row>
    <row r="562427" spans="8:8">
      <c r="H562427" s="12"/>
    </row>
    <row r="562428" spans="8:8">
      <c r="H562428" s="12"/>
    </row>
    <row r="562429" spans="8:8">
      <c r="H562429" s="12"/>
    </row>
    <row r="562430" spans="8:8">
      <c r="H562430" s="12"/>
    </row>
    <row r="562431" spans="8:8">
      <c r="H562431" s="12"/>
    </row>
    <row r="562432" spans="8:8">
      <c r="H562432" s="12"/>
    </row>
    <row r="562433" spans="8:8">
      <c r="H562433" s="12"/>
    </row>
    <row r="562434" spans="8:8">
      <c r="H562434" s="12"/>
    </row>
    <row r="562435" spans="8:8">
      <c r="H562435" s="12"/>
    </row>
    <row r="562436" spans="8:8">
      <c r="H562436" s="12"/>
    </row>
    <row r="562437" spans="8:8">
      <c r="H562437" s="12"/>
    </row>
    <row r="562438" spans="8:8">
      <c r="H562438" s="12"/>
    </row>
    <row r="562439" spans="8:8">
      <c r="H562439" s="12"/>
    </row>
    <row r="562440" spans="8:8">
      <c r="H562440" s="12"/>
    </row>
    <row r="562441" spans="8:8">
      <c r="H562441" s="12"/>
    </row>
    <row r="562442" spans="8:8">
      <c r="H562442" s="12"/>
    </row>
    <row r="562443" spans="8:8">
      <c r="H562443" s="12"/>
    </row>
    <row r="562444" spans="8:8">
      <c r="H562444" s="12"/>
    </row>
    <row r="562445" spans="8:8">
      <c r="H562445" s="12"/>
    </row>
    <row r="562446" spans="8:8">
      <c r="H562446" s="12"/>
    </row>
    <row r="562447" spans="8:8">
      <c r="H562447" s="12"/>
    </row>
    <row r="562448" spans="8:8">
      <c r="H562448" s="12"/>
    </row>
    <row r="562449" spans="8:8">
      <c r="H562449" s="12"/>
    </row>
    <row r="562450" spans="8:8">
      <c r="H562450" s="12"/>
    </row>
    <row r="562451" spans="8:8">
      <c r="H562451" s="12"/>
    </row>
    <row r="562452" spans="8:8">
      <c r="H562452" s="12"/>
    </row>
    <row r="562453" spans="8:8">
      <c r="H562453" s="12"/>
    </row>
    <row r="562454" spans="8:8">
      <c r="H562454" s="12"/>
    </row>
    <row r="562455" spans="8:8">
      <c r="H562455" s="12"/>
    </row>
    <row r="562456" spans="8:8">
      <c r="H562456" s="12"/>
    </row>
    <row r="562457" spans="8:8">
      <c r="H562457" s="12"/>
    </row>
    <row r="562458" spans="8:8">
      <c r="H562458" s="12"/>
    </row>
    <row r="562459" spans="8:8">
      <c r="H562459" s="12"/>
    </row>
    <row r="562460" spans="8:8">
      <c r="H562460" s="12"/>
    </row>
    <row r="562461" spans="8:8">
      <c r="H562461" s="12"/>
    </row>
    <row r="562462" spans="8:8">
      <c r="H562462" s="12"/>
    </row>
    <row r="562463" spans="8:8">
      <c r="H562463" s="12"/>
    </row>
    <row r="562464" spans="8:8">
      <c r="H562464" s="12"/>
    </row>
    <row r="562465" spans="8:8">
      <c r="H562465" s="12"/>
    </row>
    <row r="562466" spans="8:8">
      <c r="H562466" s="12"/>
    </row>
    <row r="562467" spans="8:8">
      <c r="H562467" s="12"/>
    </row>
    <row r="562468" spans="8:8">
      <c r="H562468" s="12"/>
    </row>
    <row r="562469" spans="8:8">
      <c r="H562469" s="12"/>
    </row>
    <row r="562470" spans="8:8">
      <c r="H562470" s="12"/>
    </row>
    <row r="562471" spans="8:8">
      <c r="H562471" s="12"/>
    </row>
    <row r="562472" spans="8:8">
      <c r="H562472" s="12"/>
    </row>
    <row r="562473" spans="8:8">
      <c r="H562473" s="12"/>
    </row>
    <row r="562474" spans="8:8">
      <c r="H562474" s="12"/>
    </row>
    <row r="562475" spans="8:8">
      <c r="H562475" s="12"/>
    </row>
    <row r="562476" spans="8:8">
      <c r="H562476" s="12"/>
    </row>
    <row r="562477" spans="8:8">
      <c r="H562477" s="12"/>
    </row>
    <row r="562478" spans="8:8">
      <c r="H562478" s="12"/>
    </row>
    <row r="562479" spans="8:8">
      <c r="H562479" s="12"/>
    </row>
    <row r="562480" spans="8:8">
      <c r="H562480" s="12"/>
    </row>
    <row r="562481" spans="8:8">
      <c r="H562481" s="12"/>
    </row>
    <row r="562482" spans="8:8">
      <c r="H562482" s="12"/>
    </row>
    <row r="562483" spans="8:8">
      <c r="H562483" s="12"/>
    </row>
    <row r="562484" spans="8:8">
      <c r="H562484" s="12"/>
    </row>
    <row r="562485" spans="8:8">
      <c r="H562485" s="12"/>
    </row>
    <row r="562486" spans="8:8">
      <c r="H562486" s="12"/>
    </row>
    <row r="562487" spans="8:8">
      <c r="H562487" s="12"/>
    </row>
    <row r="562488" spans="8:8">
      <c r="H562488" s="12"/>
    </row>
    <row r="562489" spans="8:8">
      <c r="H562489" s="12"/>
    </row>
    <row r="562490" spans="8:8">
      <c r="H562490" s="12"/>
    </row>
    <row r="562491" spans="8:8">
      <c r="H562491" s="12"/>
    </row>
    <row r="562492" spans="8:8">
      <c r="H562492" s="12"/>
    </row>
    <row r="562493" spans="8:8">
      <c r="H562493" s="12"/>
    </row>
    <row r="562494" spans="8:8">
      <c r="H562494" s="12"/>
    </row>
    <row r="562495" spans="8:8">
      <c r="H562495" s="12"/>
    </row>
    <row r="562496" spans="8:8">
      <c r="H562496" s="12"/>
    </row>
    <row r="562497" spans="8:8">
      <c r="H562497" s="12"/>
    </row>
    <row r="562498" spans="8:8">
      <c r="H562498" s="12"/>
    </row>
    <row r="562499" spans="8:8">
      <c r="H562499" s="12"/>
    </row>
    <row r="562500" spans="8:8">
      <c r="H562500" s="12"/>
    </row>
    <row r="562501" spans="8:8">
      <c r="H562501" s="12"/>
    </row>
    <row r="562502" spans="8:8">
      <c r="H562502" s="12"/>
    </row>
    <row r="562503" spans="8:8">
      <c r="H562503" s="12"/>
    </row>
    <row r="562504" spans="8:8">
      <c r="H562504" s="12"/>
    </row>
    <row r="562505" spans="8:8">
      <c r="H562505" s="12"/>
    </row>
    <row r="562506" spans="8:8">
      <c r="H562506" s="12"/>
    </row>
    <row r="562507" spans="8:8">
      <c r="H562507" s="12"/>
    </row>
    <row r="562508" spans="8:8">
      <c r="H562508" s="12"/>
    </row>
    <row r="562509" spans="8:8">
      <c r="H562509" s="12"/>
    </row>
    <row r="562510" spans="8:8">
      <c r="H562510" s="12"/>
    </row>
    <row r="562511" spans="8:8">
      <c r="H562511" s="12"/>
    </row>
    <row r="562512" spans="8:8">
      <c r="H562512" s="12"/>
    </row>
    <row r="562513" spans="8:8">
      <c r="H562513" s="12"/>
    </row>
    <row r="562514" spans="8:8">
      <c r="H562514" s="12"/>
    </row>
    <row r="562515" spans="8:8">
      <c r="H562515" s="12"/>
    </row>
    <row r="562516" spans="8:8">
      <c r="H562516" s="12"/>
    </row>
    <row r="562517" spans="8:8">
      <c r="H562517" s="12"/>
    </row>
    <row r="562518" spans="8:8">
      <c r="H562518" s="12"/>
    </row>
    <row r="562519" spans="8:8">
      <c r="H562519" s="12"/>
    </row>
    <row r="562520" spans="8:8">
      <c r="H562520" s="12"/>
    </row>
    <row r="562521" spans="8:8">
      <c r="H562521" s="12"/>
    </row>
    <row r="562522" spans="8:8">
      <c r="H562522" s="12"/>
    </row>
    <row r="562523" spans="8:8">
      <c r="H562523" s="12"/>
    </row>
    <row r="562524" spans="8:8">
      <c r="H562524" s="12"/>
    </row>
    <row r="562525" spans="8:8">
      <c r="H562525" s="12"/>
    </row>
    <row r="562526" spans="8:8">
      <c r="H562526" s="12"/>
    </row>
    <row r="562527" spans="8:8">
      <c r="H562527" s="12"/>
    </row>
    <row r="562528" spans="8:8">
      <c r="H562528" s="12"/>
    </row>
    <row r="562529" spans="8:8">
      <c r="H562529" s="12"/>
    </row>
    <row r="562530" spans="8:8">
      <c r="H562530" s="12"/>
    </row>
    <row r="562531" spans="8:8">
      <c r="H562531" s="12"/>
    </row>
    <row r="562532" spans="8:8">
      <c r="H562532" s="12"/>
    </row>
    <row r="562533" spans="8:8">
      <c r="H562533" s="12"/>
    </row>
    <row r="562534" spans="8:8">
      <c r="H562534" s="12"/>
    </row>
    <row r="562535" spans="8:8">
      <c r="H562535" s="12"/>
    </row>
    <row r="562536" spans="8:8">
      <c r="H562536" s="12"/>
    </row>
    <row r="562537" spans="8:8">
      <c r="H562537" s="12"/>
    </row>
    <row r="562538" spans="8:8">
      <c r="H562538" s="12"/>
    </row>
    <row r="562539" spans="8:8">
      <c r="H562539" s="12"/>
    </row>
    <row r="562540" spans="8:8">
      <c r="H562540" s="12"/>
    </row>
    <row r="562541" spans="8:8">
      <c r="H562541" s="12"/>
    </row>
    <row r="562542" spans="8:8">
      <c r="H562542" s="12"/>
    </row>
    <row r="562543" spans="8:8">
      <c r="H562543" s="12"/>
    </row>
    <row r="562544" spans="8:8">
      <c r="H562544" s="12"/>
    </row>
    <row r="562545" spans="8:8">
      <c r="H562545" s="12"/>
    </row>
    <row r="562546" spans="8:8">
      <c r="H562546" s="12"/>
    </row>
    <row r="562547" spans="8:8">
      <c r="H562547" s="12"/>
    </row>
    <row r="562548" spans="8:8">
      <c r="H562548" s="12"/>
    </row>
    <row r="562549" spans="8:8">
      <c r="H562549" s="12"/>
    </row>
    <row r="562550" spans="8:8">
      <c r="H562550" s="12"/>
    </row>
    <row r="562551" spans="8:8">
      <c r="H562551" s="12"/>
    </row>
    <row r="562552" spans="8:8">
      <c r="H562552" s="12"/>
    </row>
    <row r="562553" spans="8:8">
      <c r="H562553" s="12"/>
    </row>
    <row r="562554" spans="8:8">
      <c r="H562554" s="12"/>
    </row>
    <row r="562555" spans="8:8">
      <c r="H562555" s="12"/>
    </row>
    <row r="562556" spans="8:8">
      <c r="H562556" s="12"/>
    </row>
    <row r="562557" spans="8:8">
      <c r="H562557" s="12"/>
    </row>
    <row r="562558" spans="8:8">
      <c r="H562558" s="12"/>
    </row>
    <row r="562559" spans="8:8">
      <c r="H562559" s="12"/>
    </row>
    <row r="562560" spans="8:8">
      <c r="H562560" s="12"/>
    </row>
    <row r="562561" spans="8:8">
      <c r="H562561" s="12"/>
    </row>
    <row r="562562" spans="8:8">
      <c r="H562562" s="12"/>
    </row>
    <row r="562563" spans="8:8">
      <c r="H562563" s="12"/>
    </row>
    <row r="562564" spans="8:8">
      <c r="H562564" s="12"/>
    </row>
    <row r="562565" spans="8:8">
      <c r="H562565" s="12"/>
    </row>
    <row r="562566" spans="8:8">
      <c r="H562566" s="12"/>
    </row>
    <row r="562567" spans="8:8">
      <c r="H562567" s="12"/>
    </row>
    <row r="562568" spans="8:8">
      <c r="H562568" s="12"/>
    </row>
    <row r="562569" spans="8:8">
      <c r="H562569" s="12"/>
    </row>
    <row r="562570" spans="8:8">
      <c r="H562570" s="12"/>
    </row>
    <row r="562571" spans="8:8">
      <c r="H562571" s="12"/>
    </row>
    <row r="562572" spans="8:8">
      <c r="H562572" s="12"/>
    </row>
    <row r="562573" spans="8:8">
      <c r="H562573" s="12"/>
    </row>
    <row r="562574" spans="8:8">
      <c r="H562574" s="12"/>
    </row>
    <row r="562575" spans="8:8">
      <c r="H562575" s="12"/>
    </row>
    <row r="562576" spans="8:8">
      <c r="H562576" s="12"/>
    </row>
    <row r="562577" spans="8:8">
      <c r="H562577" s="12"/>
    </row>
    <row r="562578" spans="8:8">
      <c r="H562578" s="12"/>
    </row>
    <row r="562579" spans="8:8">
      <c r="H562579" s="12"/>
    </row>
    <row r="562580" spans="8:8">
      <c r="H562580" s="12"/>
    </row>
    <row r="562581" spans="8:8">
      <c r="H562581" s="12"/>
    </row>
    <row r="562582" spans="8:8">
      <c r="H562582" s="12"/>
    </row>
    <row r="562583" spans="8:8">
      <c r="H562583" s="12"/>
    </row>
    <row r="562584" spans="8:8">
      <c r="H562584" s="12"/>
    </row>
    <row r="562585" spans="8:8">
      <c r="H562585" s="12"/>
    </row>
    <row r="562586" spans="8:8">
      <c r="H562586" s="12"/>
    </row>
    <row r="562587" spans="8:8">
      <c r="H562587" s="12"/>
    </row>
    <row r="562588" spans="8:8">
      <c r="H562588" s="12"/>
    </row>
    <row r="562589" spans="8:8">
      <c r="H562589" s="12"/>
    </row>
    <row r="562590" spans="8:8">
      <c r="H562590" s="12"/>
    </row>
    <row r="562591" spans="8:8">
      <c r="H562591" s="12"/>
    </row>
    <row r="562592" spans="8:8">
      <c r="H562592" s="12"/>
    </row>
    <row r="562593" spans="8:8">
      <c r="H562593" s="12"/>
    </row>
    <row r="562594" spans="8:8">
      <c r="H562594" s="12"/>
    </row>
    <row r="562595" spans="8:8">
      <c r="H562595" s="12"/>
    </row>
    <row r="562596" spans="8:8">
      <c r="H562596" s="12"/>
    </row>
    <row r="562597" spans="8:8">
      <c r="H562597" s="12"/>
    </row>
    <row r="562598" spans="8:8">
      <c r="H562598" s="12"/>
    </row>
    <row r="562599" spans="8:8">
      <c r="H562599" s="12"/>
    </row>
    <row r="562600" spans="8:8">
      <c r="H562600" s="12"/>
    </row>
    <row r="562601" spans="8:8">
      <c r="H562601" s="12"/>
    </row>
    <row r="562602" spans="8:8">
      <c r="H562602" s="12"/>
    </row>
    <row r="562603" spans="8:8">
      <c r="H562603" s="12"/>
    </row>
    <row r="562604" spans="8:8">
      <c r="H562604" s="12"/>
    </row>
    <row r="562605" spans="8:8">
      <c r="H562605" s="12"/>
    </row>
    <row r="562606" spans="8:8">
      <c r="H562606" s="12"/>
    </row>
    <row r="562607" spans="8:8">
      <c r="H562607" s="12"/>
    </row>
    <row r="562608" spans="8:8">
      <c r="H562608" s="12"/>
    </row>
    <row r="562609" spans="8:8">
      <c r="H562609" s="12"/>
    </row>
    <row r="562610" spans="8:8">
      <c r="H562610" s="12"/>
    </row>
    <row r="562611" spans="8:8">
      <c r="H562611" s="12"/>
    </row>
    <row r="562612" spans="8:8">
      <c r="H562612" s="12"/>
    </row>
    <row r="562613" spans="8:8">
      <c r="H562613" s="12"/>
    </row>
    <row r="562614" spans="8:8">
      <c r="H562614" s="12"/>
    </row>
    <row r="562615" spans="8:8">
      <c r="H562615" s="12"/>
    </row>
    <row r="562616" spans="8:8">
      <c r="H562616" s="12"/>
    </row>
    <row r="562617" spans="8:8">
      <c r="H562617" s="12"/>
    </row>
    <row r="562618" spans="8:8">
      <c r="H562618" s="12"/>
    </row>
    <row r="562619" spans="8:8">
      <c r="H562619" s="12"/>
    </row>
    <row r="562620" spans="8:8">
      <c r="H562620" s="12"/>
    </row>
    <row r="562621" spans="8:8">
      <c r="H562621" s="12"/>
    </row>
    <row r="562622" spans="8:8">
      <c r="H562622" s="12"/>
    </row>
    <row r="562623" spans="8:8">
      <c r="H562623" s="12"/>
    </row>
    <row r="562624" spans="8:8">
      <c r="H562624" s="12"/>
    </row>
    <row r="562625" spans="8:8">
      <c r="H562625" s="12"/>
    </row>
    <row r="562626" spans="8:8">
      <c r="H562626" s="12"/>
    </row>
    <row r="562627" spans="8:8">
      <c r="H562627" s="12"/>
    </row>
    <row r="562628" spans="8:8">
      <c r="H562628" s="12"/>
    </row>
    <row r="562629" spans="8:8">
      <c r="H562629" s="12"/>
    </row>
    <row r="562630" spans="8:8">
      <c r="H562630" s="12"/>
    </row>
    <row r="562631" spans="8:8">
      <c r="H562631" s="12"/>
    </row>
    <row r="562632" spans="8:8">
      <c r="H562632" s="12"/>
    </row>
    <row r="562633" spans="8:8">
      <c r="H562633" s="12"/>
    </row>
    <row r="562634" spans="8:8">
      <c r="H562634" s="12"/>
    </row>
    <row r="562635" spans="8:8">
      <c r="H562635" s="12"/>
    </row>
    <row r="562636" spans="8:8">
      <c r="H562636" s="12"/>
    </row>
    <row r="562637" spans="8:8">
      <c r="H562637" s="12"/>
    </row>
    <row r="562638" spans="8:8">
      <c r="H562638" s="12"/>
    </row>
    <row r="562639" spans="8:8">
      <c r="H562639" s="12"/>
    </row>
    <row r="562640" spans="8:8">
      <c r="H562640" s="12"/>
    </row>
    <row r="562641" spans="8:8">
      <c r="H562641" s="12"/>
    </row>
    <row r="562642" spans="8:8">
      <c r="H562642" s="12"/>
    </row>
    <row r="562643" spans="8:8">
      <c r="H562643" s="12"/>
    </row>
    <row r="562644" spans="8:8">
      <c r="H562644" s="12"/>
    </row>
    <row r="562645" spans="8:8">
      <c r="H562645" s="12"/>
    </row>
    <row r="562646" spans="8:8">
      <c r="H562646" s="12"/>
    </row>
    <row r="562647" spans="8:8">
      <c r="H562647" s="12"/>
    </row>
    <row r="562648" spans="8:8">
      <c r="H562648" s="12"/>
    </row>
    <row r="562649" spans="8:8">
      <c r="H562649" s="12"/>
    </row>
    <row r="562650" spans="8:8">
      <c r="H562650" s="12"/>
    </row>
    <row r="562651" spans="8:8">
      <c r="H562651" s="12"/>
    </row>
    <row r="562652" spans="8:8">
      <c r="H562652" s="12"/>
    </row>
    <row r="562653" spans="8:8">
      <c r="H562653" s="12"/>
    </row>
    <row r="562654" spans="8:8">
      <c r="H562654" s="12"/>
    </row>
    <row r="562655" spans="8:8">
      <c r="H562655" s="12"/>
    </row>
    <row r="562656" spans="8:8">
      <c r="H562656" s="12"/>
    </row>
    <row r="562657" spans="8:8">
      <c r="H562657" s="12"/>
    </row>
    <row r="562658" spans="8:8">
      <c r="H562658" s="12"/>
    </row>
    <row r="562659" spans="8:8">
      <c r="H562659" s="12"/>
    </row>
    <row r="562660" spans="8:8">
      <c r="H562660" s="12"/>
    </row>
    <row r="562661" spans="8:8">
      <c r="H562661" s="12"/>
    </row>
    <row r="562662" spans="8:8">
      <c r="H562662" s="12"/>
    </row>
    <row r="562663" spans="8:8">
      <c r="H562663" s="12"/>
    </row>
    <row r="562664" spans="8:8">
      <c r="H562664" s="12"/>
    </row>
    <row r="562665" spans="8:8">
      <c r="H562665" s="12"/>
    </row>
    <row r="562666" spans="8:8">
      <c r="H562666" s="12"/>
    </row>
    <row r="562667" spans="8:8">
      <c r="H562667" s="12"/>
    </row>
    <row r="562668" spans="8:8">
      <c r="H562668" s="12"/>
    </row>
    <row r="562669" spans="8:8">
      <c r="H562669" s="12"/>
    </row>
    <row r="562670" spans="8:8">
      <c r="H562670" s="12"/>
    </row>
    <row r="562671" spans="8:8">
      <c r="H562671" s="12"/>
    </row>
    <row r="562672" spans="8:8">
      <c r="H562672" s="12"/>
    </row>
    <row r="562673" spans="8:8">
      <c r="H562673" s="12"/>
    </row>
    <row r="562674" spans="8:8">
      <c r="H562674" s="12"/>
    </row>
    <row r="562675" spans="8:8">
      <c r="H562675" s="12"/>
    </row>
    <row r="562676" spans="8:8">
      <c r="H562676" s="12"/>
    </row>
    <row r="562677" spans="8:8">
      <c r="H562677" s="12"/>
    </row>
    <row r="562678" spans="8:8">
      <c r="H562678" s="12"/>
    </row>
    <row r="562679" spans="8:8">
      <c r="H562679" s="12"/>
    </row>
    <row r="562680" spans="8:8">
      <c r="H562680" s="12"/>
    </row>
    <row r="562681" spans="8:8">
      <c r="H562681" s="12"/>
    </row>
    <row r="562682" spans="8:8">
      <c r="H562682" s="12"/>
    </row>
    <row r="562683" spans="8:8">
      <c r="H562683" s="12"/>
    </row>
    <row r="562684" spans="8:8">
      <c r="H562684" s="12"/>
    </row>
    <row r="562685" spans="8:8">
      <c r="H562685" s="12"/>
    </row>
    <row r="562686" spans="8:8">
      <c r="H562686" s="12"/>
    </row>
    <row r="562687" spans="8:8">
      <c r="H562687" s="12"/>
    </row>
    <row r="562688" spans="8:8">
      <c r="H562688" s="12"/>
    </row>
    <row r="562689" spans="8:8">
      <c r="H562689" s="12"/>
    </row>
    <row r="562690" spans="8:8">
      <c r="H562690" s="12"/>
    </row>
    <row r="562691" spans="8:8">
      <c r="H562691" s="12"/>
    </row>
    <row r="562692" spans="8:8">
      <c r="H562692" s="12"/>
    </row>
    <row r="562693" spans="8:8">
      <c r="H562693" s="12"/>
    </row>
    <row r="562694" spans="8:8">
      <c r="H562694" s="12"/>
    </row>
    <row r="562695" spans="8:8">
      <c r="H562695" s="12"/>
    </row>
    <row r="562696" spans="8:8">
      <c r="H562696" s="12"/>
    </row>
    <row r="562697" spans="8:8">
      <c r="H562697" s="12"/>
    </row>
    <row r="562698" spans="8:8">
      <c r="H562698" s="12"/>
    </row>
    <row r="562699" spans="8:8">
      <c r="H562699" s="12"/>
    </row>
    <row r="562700" spans="8:8">
      <c r="H562700" s="12"/>
    </row>
    <row r="562701" spans="8:8">
      <c r="H562701" s="12"/>
    </row>
    <row r="562702" spans="8:8">
      <c r="H562702" s="12"/>
    </row>
    <row r="562703" spans="8:8">
      <c r="H562703" s="12"/>
    </row>
    <row r="562704" spans="8:8">
      <c r="H562704" s="12"/>
    </row>
    <row r="562705" spans="8:8">
      <c r="H562705" s="12"/>
    </row>
    <row r="562706" spans="8:8">
      <c r="H562706" s="12"/>
    </row>
    <row r="562707" spans="8:8">
      <c r="H562707" s="12"/>
    </row>
    <row r="562708" spans="8:8">
      <c r="H562708" s="12"/>
    </row>
    <row r="562709" spans="8:8">
      <c r="H562709" s="12"/>
    </row>
    <row r="562710" spans="8:8">
      <c r="H562710" s="12"/>
    </row>
    <row r="562711" spans="8:8">
      <c r="H562711" s="12"/>
    </row>
    <row r="562712" spans="8:8">
      <c r="H562712" s="12"/>
    </row>
    <row r="562713" spans="8:8">
      <c r="H562713" s="12"/>
    </row>
    <row r="562714" spans="8:8">
      <c r="H562714" s="12"/>
    </row>
    <row r="562715" spans="8:8">
      <c r="H562715" s="12"/>
    </row>
    <row r="562716" spans="8:8">
      <c r="H562716" s="12"/>
    </row>
    <row r="562717" spans="8:8">
      <c r="H562717" s="12"/>
    </row>
    <row r="562718" spans="8:8">
      <c r="H562718" s="12"/>
    </row>
    <row r="562719" spans="8:8">
      <c r="H562719" s="12"/>
    </row>
    <row r="562720" spans="8:8">
      <c r="H562720" s="12"/>
    </row>
    <row r="562721" spans="8:8">
      <c r="H562721" s="12"/>
    </row>
    <row r="562722" spans="8:8">
      <c r="H562722" s="12"/>
    </row>
    <row r="562723" spans="8:8">
      <c r="H562723" s="12"/>
    </row>
    <row r="562724" spans="8:8">
      <c r="H562724" s="12"/>
    </row>
    <row r="562725" spans="8:8">
      <c r="H562725" s="12"/>
    </row>
    <row r="562726" spans="8:8">
      <c r="H562726" s="12"/>
    </row>
    <row r="562727" spans="8:8">
      <c r="H562727" s="12"/>
    </row>
    <row r="562728" spans="8:8">
      <c r="H562728" s="12"/>
    </row>
    <row r="562729" spans="8:8">
      <c r="H562729" s="12"/>
    </row>
    <row r="562730" spans="8:8">
      <c r="H562730" s="12"/>
    </row>
    <row r="562731" spans="8:8">
      <c r="H562731" s="12"/>
    </row>
    <row r="562732" spans="8:8">
      <c r="H562732" s="12"/>
    </row>
    <row r="562733" spans="8:8">
      <c r="H562733" s="12"/>
    </row>
    <row r="562734" spans="8:8">
      <c r="H562734" s="12"/>
    </row>
    <row r="562735" spans="8:8">
      <c r="H562735" s="12"/>
    </row>
    <row r="562736" spans="8:8">
      <c r="H562736" s="12"/>
    </row>
    <row r="562737" spans="8:8">
      <c r="H562737" s="12"/>
    </row>
    <row r="562738" spans="8:8">
      <c r="H562738" s="12"/>
    </row>
    <row r="562739" spans="8:8">
      <c r="H562739" s="12"/>
    </row>
    <row r="562740" spans="8:8">
      <c r="H562740" s="12"/>
    </row>
    <row r="562741" spans="8:8">
      <c r="H562741" s="12"/>
    </row>
    <row r="562742" spans="8:8">
      <c r="H562742" s="12"/>
    </row>
    <row r="562743" spans="8:8">
      <c r="H562743" s="12"/>
    </row>
    <row r="562744" spans="8:8">
      <c r="H562744" s="12"/>
    </row>
    <row r="562745" spans="8:8">
      <c r="H562745" s="12"/>
    </row>
    <row r="562746" spans="8:8">
      <c r="H562746" s="12"/>
    </row>
    <row r="562747" spans="8:8">
      <c r="H562747" s="12"/>
    </row>
    <row r="562748" spans="8:8">
      <c r="H562748" s="12"/>
    </row>
    <row r="562749" spans="8:8">
      <c r="H562749" s="12"/>
    </row>
    <row r="562750" spans="8:8">
      <c r="H562750" s="12"/>
    </row>
    <row r="562751" spans="8:8">
      <c r="H562751" s="12"/>
    </row>
    <row r="562752" spans="8:8">
      <c r="H562752" s="12"/>
    </row>
    <row r="562753" spans="8:8">
      <c r="H562753" s="12"/>
    </row>
    <row r="562754" spans="8:8">
      <c r="H562754" s="12"/>
    </row>
    <row r="562755" spans="8:8">
      <c r="H562755" s="12"/>
    </row>
    <row r="562756" spans="8:8">
      <c r="H562756" s="12"/>
    </row>
    <row r="562757" spans="8:8">
      <c r="H562757" s="12"/>
    </row>
    <row r="562758" spans="8:8">
      <c r="H562758" s="12"/>
    </row>
    <row r="562759" spans="8:8">
      <c r="H562759" s="12"/>
    </row>
    <row r="562760" spans="8:8">
      <c r="H562760" s="12"/>
    </row>
    <row r="562761" spans="8:8">
      <c r="H562761" s="12"/>
    </row>
    <row r="562762" spans="8:8">
      <c r="H562762" s="12"/>
    </row>
    <row r="562763" spans="8:8">
      <c r="H562763" s="12"/>
    </row>
    <row r="562764" spans="8:8">
      <c r="H562764" s="12"/>
    </row>
    <row r="562765" spans="8:8">
      <c r="H562765" s="12"/>
    </row>
    <row r="562766" spans="8:8">
      <c r="H562766" s="12"/>
    </row>
    <row r="562767" spans="8:8">
      <c r="H562767" s="12"/>
    </row>
    <row r="562768" spans="8:8">
      <c r="H562768" s="12"/>
    </row>
    <row r="562769" spans="8:8">
      <c r="H562769" s="12"/>
    </row>
    <row r="562770" spans="8:8">
      <c r="H562770" s="12"/>
    </row>
    <row r="562771" spans="8:8">
      <c r="H562771" s="12"/>
    </row>
    <row r="562772" spans="8:8">
      <c r="H562772" s="12"/>
    </row>
    <row r="562773" spans="8:8">
      <c r="H562773" s="12"/>
    </row>
    <row r="562774" spans="8:8">
      <c r="H562774" s="12"/>
    </row>
    <row r="562775" spans="8:8">
      <c r="H562775" s="12"/>
    </row>
    <row r="562776" spans="8:8">
      <c r="H562776" s="12"/>
    </row>
    <row r="562777" spans="8:8">
      <c r="H562777" s="12"/>
    </row>
    <row r="562778" spans="8:8">
      <c r="H562778" s="12"/>
    </row>
    <row r="562779" spans="8:8">
      <c r="H562779" s="12"/>
    </row>
    <row r="562780" spans="8:8">
      <c r="H562780" s="12"/>
    </row>
    <row r="562781" spans="8:8">
      <c r="H562781" s="12"/>
    </row>
    <row r="562782" spans="8:8">
      <c r="H562782" s="12"/>
    </row>
    <row r="562783" spans="8:8">
      <c r="H562783" s="12"/>
    </row>
    <row r="562784" spans="8:8">
      <c r="H562784" s="12"/>
    </row>
    <row r="562785" spans="8:8">
      <c r="H562785" s="12"/>
    </row>
    <row r="562786" spans="8:8">
      <c r="H562786" s="12"/>
    </row>
    <row r="562787" spans="8:8">
      <c r="H562787" s="12"/>
    </row>
    <row r="562788" spans="8:8">
      <c r="H562788" s="12"/>
    </row>
    <row r="562789" spans="8:8">
      <c r="H562789" s="12"/>
    </row>
    <row r="562790" spans="8:8">
      <c r="H562790" s="12"/>
    </row>
    <row r="562791" spans="8:8">
      <c r="H562791" s="12"/>
    </row>
    <row r="562792" spans="8:8">
      <c r="H562792" s="12"/>
    </row>
    <row r="562793" spans="8:8">
      <c r="H562793" s="12"/>
    </row>
    <row r="562794" spans="8:8">
      <c r="H562794" s="12"/>
    </row>
    <row r="562795" spans="8:8">
      <c r="H562795" s="12"/>
    </row>
    <row r="562796" spans="8:8">
      <c r="H562796" s="12"/>
    </row>
    <row r="562797" spans="8:8">
      <c r="H562797" s="12"/>
    </row>
    <row r="562798" spans="8:8">
      <c r="H562798" s="12"/>
    </row>
    <row r="562799" spans="8:8">
      <c r="H562799" s="12"/>
    </row>
    <row r="562800" spans="8:8">
      <c r="H562800" s="12"/>
    </row>
    <row r="562801" spans="8:8">
      <c r="H562801" s="12"/>
    </row>
    <row r="562802" spans="8:8">
      <c r="H562802" s="12"/>
    </row>
    <row r="562803" spans="8:8">
      <c r="H562803" s="12"/>
    </row>
    <row r="562804" spans="8:8">
      <c r="H562804" s="12"/>
    </row>
    <row r="562805" spans="8:8">
      <c r="H562805" s="12"/>
    </row>
    <row r="562806" spans="8:8">
      <c r="H562806" s="12"/>
    </row>
    <row r="562807" spans="8:8">
      <c r="H562807" s="12"/>
    </row>
    <row r="562808" spans="8:8">
      <c r="H562808" s="12"/>
    </row>
    <row r="562809" spans="8:8">
      <c r="H562809" s="12"/>
    </row>
    <row r="562810" spans="8:8">
      <c r="H562810" s="12"/>
    </row>
    <row r="562811" spans="8:8">
      <c r="H562811" s="12"/>
    </row>
    <row r="562812" spans="8:8">
      <c r="H562812" s="12"/>
    </row>
    <row r="562813" spans="8:8">
      <c r="H562813" s="12"/>
    </row>
    <row r="562814" spans="8:8">
      <c r="H562814" s="12"/>
    </row>
    <row r="562815" spans="8:8">
      <c r="H562815" s="12"/>
    </row>
    <row r="562816" spans="8:8">
      <c r="H562816" s="12"/>
    </row>
    <row r="562817" spans="8:8">
      <c r="H562817" s="12"/>
    </row>
    <row r="562818" spans="8:8">
      <c r="H562818" s="12"/>
    </row>
    <row r="562819" spans="8:8">
      <c r="H562819" s="12"/>
    </row>
    <row r="562820" spans="8:8">
      <c r="H562820" s="12"/>
    </row>
    <row r="562821" spans="8:8">
      <c r="H562821" s="12"/>
    </row>
    <row r="562822" spans="8:8">
      <c r="H562822" s="12"/>
    </row>
    <row r="562823" spans="8:8">
      <c r="H562823" s="12"/>
    </row>
    <row r="562824" spans="8:8">
      <c r="H562824" s="12"/>
    </row>
    <row r="562825" spans="8:8">
      <c r="H562825" s="12"/>
    </row>
    <row r="562826" spans="8:8">
      <c r="H562826" s="12"/>
    </row>
    <row r="562827" spans="8:8">
      <c r="H562827" s="12"/>
    </row>
    <row r="562828" spans="8:8">
      <c r="H562828" s="12"/>
    </row>
    <row r="562829" spans="8:8">
      <c r="H562829" s="12"/>
    </row>
    <row r="562830" spans="8:8">
      <c r="H562830" s="12"/>
    </row>
    <row r="562831" spans="8:8">
      <c r="H562831" s="12"/>
    </row>
    <row r="562832" spans="8:8">
      <c r="H562832" s="12"/>
    </row>
    <row r="562833" spans="8:8">
      <c r="H562833" s="12"/>
    </row>
    <row r="562834" spans="8:8">
      <c r="H562834" s="12"/>
    </row>
    <row r="562835" spans="8:8">
      <c r="H562835" s="12"/>
    </row>
    <row r="562836" spans="8:8">
      <c r="H562836" s="12"/>
    </row>
    <row r="562837" spans="8:8">
      <c r="H562837" s="12"/>
    </row>
    <row r="562838" spans="8:8">
      <c r="H562838" s="12"/>
    </row>
    <row r="562839" spans="8:8">
      <c r="H562839" s="12"/>
    </row>
    <row r="562840" spans="8:8">
      <c r="H562840" s="12"/>
    </row>
    <row r="562841" spans="8:8">
      <c r="H562841" s="12"/>
    </row>
    <row r="562842" spans="8:8">
      <c r="H562842" s="12"/>
    </row>
    <row r="562843" spans="8:8">
      <c r="H562843" s="12"/>
    </row>
    <row r="562844" spans="8:8">
      <c r="H562844" s="12"/>
    </row>
    <row r="562845" spans="8:8">
      <c r="H562845" s="12"/>
    </row>
    <row r="562846" spans="8:8">
      <c r="H562846" s="12"/>
    </row>
    <row r="562847" spans="8:8">
      <c r="H562847" s="12"/>
    </row>
    <row r="562848" spans="8:8">
      <c r="H562848" s="12"/>
    </row>
    <row r="562849" spans="8:8">
      <c r="H562849" s="12"/>
    </row>
    <row r="562850" spans="8:8">
      <c r="H562850" s="12"/>
    </row>
    <row r="562851" spans="8:8">
      <c r="H562851" s="12"/>
    </row>
    <row r="562852" spans="8:8">
      <c r="H562852" s="12"/>
    </row>
    <row r="562853" spans="8:8">
      <c r="H562853" s="12"/>
    </row>
    <row r="562854" spans="8:8">
      <c r="H562854" s="12"/>
    </row>
    <row r="562855" spans="8:8">
      <c r="H562855" s="12"/>
    </row>
    <row r="562856" spans="8:8">
      <c r="H562856" s="12"/>
    </row>
    <row r="562857" spans="8:8">
      <c r="H562857" s="12"/>
    </row>
    <row r="562858" spans="8:8">
      <c r="H562858" s="12"/>
    </row>
    <row r="562859" spans="8:8">
      <c r="H562859" s="12"/>
    </row>
    <row r="562860" spans="8:8">
      <c r="H562860" s="12"/>
    </row>
    <row r="562861" spans="8:8">
      <c r="H562861" s="12"/>
    </row>
    <row r="562862" spans="8:8">
      <c r="H562862" s="12"/>
    </row>
    <row r="562863" spans="8:8">
      <c r="H562863" s="12"/>
    </row>
    <row r="562864" spans="8:8">
      <c r="H562864" s="12"/>
    </row>
    <row r="562865" spans="8:8">
      <c r="H562865" s="12"/>
    </row>
    <row r="562866" spans="8:8">
      <c r="H562866" s="12"/>
    </row>
    <row r="562867" spans="8:8">
      <c r="H562867" s="12"/>
    </row>
    <row r="562868" spans="8:8">
      <c r="H562868" s="12"/>
    </row>
    <row r="562869" spans="8:8">
      <c r="H562869" s="12"/>
    </row>
    <row r="562870" spans="8:8">
      <c r="H562870" s="12"/>
    </row>
    <row r="562871" spans="8:8">
      <c r="H562871" s="12"/>
    </row>
    <row r="562872" spans="8:8">
      <c r="H562872" s="12"/>
    </row>
    <row r="562873" spans="8:8">
      <c r="H562873" s="12"/>
    </row>
    <row r="562874" spans="8:8">
      <c r="H562874" s="12"/>
    </row>
    <row r="562875" spans="8:8">
      <c r="H562875" s="12"/>
    </row>
    <row r="562876" spans="8:8">
      <c r="H562876" s="12"/>
    </row>
    <row r="562877" spans="8:8">
      <c r="H562877" s="12"/>
    </row>
    <row r="562878" spans="8:8">
      <c r="H562878" s="12"/>
    </row>
    <row r="562879" spans="8:8">
      <c r="H562879" s="12"/>
    </row>
    <row r="562880" spans="8:8">
      <c r="H562880" s="12"/>
    </row>
    <row r="562881" spans="8:8">
      <c r="H562881" s="12"/>
    </row>
    <row r="562882" spans="8:8">
      <c r="H562882" s="12"/>
    </row>
    <row r="562883" spans="8:8">
      <c r="H562883" s="12"/>
    </row>
    <row r="562884" spans="8:8">
      <c r="H562884" s="12"/>
    </row>
    <row r="562885" spans="8:8">
      <c r="H562885" s="12"/>
    </row>
    <row r="562886" spans="8:8">
      <c r="H562886" s="12"/>
    </row>
    <row r="562887" spans="8:8">
      <c r="H562887" s="12"/>
    </row>
    <row r="562888" spans="8:8">
      <c r="H562888" s="12"/>
    </row>
    <row r="562889" spans="8:8">
      <c r="H562889" s="12"/>
    </row>
    <row r="562890" spans="8:8">
      <c r="H562890" s="12"/>
    </row>
    <row r="562891" spans="8:8">
      <c r="H562891" s="12"/>
    </row>
    <row r="562892" spans="8:8">
      <c r="H562892" s="12"/>
    </row>
    <row r="562893" spans="8:8">
      <c r="H562893" s="12"/>
    </row>
    <row r="562894" spans="8:8">
      <c r="H562894" s="12"/>
    </row>
    <row r="562895" spans="8:8">
      <c r="H562895" s="12"/>
    </row>
    <row r="562896" spans="8:8">
      <c r="H562896" s="12"/>
    </row>
    <row r="562897" spans="8:8">
      <c r="H562897" s="12"/>
    </row>
    <row r="562898" spans="8:8">
      <c r="H562898" s="12"/>
    </row>
    <row r="562899" spans="8:8">
      <c r="H562899" s="12"/>
    </row>
    <row r="562900" spans="8:8">
      <c r="H562900" s="12"/>
    </row>
    <row r="562901" spans="8:8">
      <c r="H562901" s="12"/>
    </row>
    <row r="562902" spans="8:8">
      <c r="H562902" s="12"/>
    </row>
    <row r="562903" spans="8:8">
      <c r="H562903" s="12"/>
    </row>
    <row r="562904" spans="8:8">
      <c r="H562904" s="12"/>
    </row>
    <row r="562905" spans="8:8">
      <c r="H562905" s="12"/>
    </row>
    <row r="562906" spans="8:8">
      <c r="H562906" s="12"/>
    </row>
    <row r="562907" spans="8:8">
      <c r="H562907" s="12"/>
    </row>
    <row r="562908" spans="8:8">
      <c r="H562908" s="12"/>
    </row>
    <row r="562909" spans="8:8">
      <c r="H562909" s="12"/>
    </row>
    <row r="562910" spans="8:8">
      <c r="H562910" s="12"/>
    </row>
    <row r="562911" spans="8:8">
      <c r="H562911" s="12"/>
    </row>
    <row r="562912" spans="8:8">
      <c r="H562912" s="12"/>
    </row>
    <row r="562913" spans="8:8">
      <c r="H562913" s="12"/>
    </row>
    <row r="562914" spans="8:8">
      <c r="H562914" s="12"/>
    </row>
    <row r="562915" spans="8:8">
      <c r="H562915" s="12"/>
    </row>
    <row r="562916" spans="8:8">
      <c r="H562916" s="12"/>
    </row>
    <row r="562917" spans="8:8">
      <c r="H562917" s="12"/>
    </row>
    <row r="562918" spans="8:8">
      <c r="H562918" s="12"/>
    </row>
    <row r="562919" spans="8:8">
      <c r="H562919" s="12"/>
    </row>
    <row r="562920" spans="8:8">
      <c r="H562920" s="12"/>
    </row>
    <row r="562921" spans="8:8">
      <c r="H562921" s="12"/>
    </row>
    <row r="562922" spans="8:8">
      <c r="H562922" s="12"/>
    </row>
    <row r="562923" spans="8:8">
      <c r="H562923" s="12"/>
    </row>
    <row r="562924" spans="8:8">
      <c r="H562924" s="12"/>
    </row>
    <row r="562925" spans="8:8">
      <c r="H562925" s="12"/>
    </row>
    <row r="562926" spans="8:8">
      <c r="H562926" s="12"/>
    </row>
    <row r="562927" spans="8:8">
      <c r="H562927" s="12"/>
    </row>
    <row r="562928" spans="8:8">
      <c r="H562928" s="12"/>
    </row>
    <row r="562929" spans="8:8">
      <c r="H562929" s="12"/>
    </row>
    <row r="562930" spans="8:8">
      <c r="H562930" s="12"/>
    </row>
    <row r="562931" spans="8:8">
      <c r="H562931" s="12"/>
    </row>
    <row r="562932" spans="8:8">
      <c r="H562932" s="12"/>
    </row>
    <row r="562933" spans="8:8">
      <c r="H562933" s="12"/>
    </row>
    <row r="562934" spans="8:8">
      <c r="H562934" s="12"/>
    </row>
    <row r="562935" spans="8:8">
      <c r="H562935" s="12"/>
    </row>
    <row r="562936" spans="8:8">
      <c r="H562936" s="12"/>
    </row>
    <row r="562937" spans="8:8">
      <c r="H562937" s="12"/>
    </row>
    <row r="562938" spans="8:8">
      <c r="H562938" s="12"/>
    </row>
    <row r="562939" spans="8:8">
      <c r="H562939" s="12"/>
    </row>
    <row r="562940" spans="8:8">
      <c r="H562940" s="12"/>
    </row>
    <row r="562941" spans="8:8">
      <c r="H562941" s="12"/>
    </row>
    <row r="562942" spans="8:8">
      <c r="H562942" s="12"/>
    </row>
    <row r="562943" spans="8:8">
      <c r="H562943" s="12"/>
    </row>
    <row r="562944" spans="8:8">
      <c r="H562944" s="12"/>
    </row>
    <row r="562945" spans="8:8">
      <c r="H562945" s="12"/>
    </row>
    <row r="562946" spans="8:8">
      <c r="H562946" s="12"/>
    </row>
    <row r="562947" spans="8:8">
      <c r="H562947" s="12"/>
    </row>
    <row r="562948" spans="8:8">
      <c r="H562948" s="12"/>
    </row>
    <row r="562949" spans="8:8">
      <c r="H562949" s="12"/>
    </row>
    <row r="562950" spans="8:8">
      <c r="H562950" s="12"/>
    </row>
    <row r="562951" spans="8:8">
      <c r="H562951" s="12"/>
    </row>
    <row r="562952" spans="8:8">
      <c r="H562952" s="12"/>
    </row>
    <row r="562953" spans="8:8">
      <c r="H562953" s="12"/>
    </row>
    <row r="562954" spans="8:8">
      <c r="H562954" s="12"/>
    </row>
    <row r="562955" spans="8:8">
      <c r="H562955" s="12"/>
    </row>
    <row r="562956" spans="8:8">
      <c r="H562956" s="12"/>
    </row>
    <row r="562957" spans="8:8">
      <c r="H562957" s="12"/>
    </row>
    <row r="562958" spans="8:8">
      <c r="H562958" s="12"/>
    </row>
    <row r="562959" spans="8:8">
      <c r="H562959" s="12"/>
    </row>
    <row r="562960" spans="8:8">
      <c r="H562960" s="12"/>
    </row>
    <row r="562961" spans="8:8">
      <c r="H562961" s="12"/>
    </row>
    <row r="562962" spans="8:8">
      <c r="H562962" s="12"/>
    </row>
    <row r="562963" spans="8:8">
      <c r="H562963" s="12"/>
    </row>
    <row r="562964" spans="8:8">
      <c r="H562964" s="12"/>
    </row>
    <row r="562965" spans="8:8">
      <c r="H562965" s="12"/>
    </row>
    <row r="562966" spans="8:8">
      <c r="H562966" s="12"/>
    </row>
    <row r="562967" spans="8:8">
      <c r="H562967" s="12"/>
    </row>
    <row r="562968" spans="8:8">
      <c r="H562968" s="12"/>
    </row>
    <row r="562969" spans="8:8">
      <c r="H562969" s="12"/>
    </row>
    <row r="562970" spans="8:8">
      <c r="H562970" s="12"/>
    </row>
    <row r="562971" spans="8:8">
      <c r="H562971" s="12"/>
    </row>
    <row r="562972" spans="8:8">
      <c r="H562972" s="12"/>
    </row>
    <row r="562973" spans="8:8">
      <c r="H562973" s="12"/>
    </row>
    <row r="562974" spans="8:8">
      <c r="H562974" s="12"/>
    </row>
    <row r="562975" spans="8:8">
      <c r="H562975" s="12"/>
    </row>
    <row r="562976" spans="8:8">
      <c r="H562976" s="12"/>
    </row>
    <row r="562977" spans="8:8">
      <c r="H562977" s="12"/>
    </row>
    <row r="562978" spans="8:8">
      <c r="H562978" s="12"/>
    </row>
    <row r="562979" spans="8:8">
      <c r="H562979" s="12"/>
    </row>
    <row r="562980" spans="8:8">
      <c r="H562980" s="12"/>
    </row>
    <row r="562981" spans="8:8">
      <c r="H562981" s="12"/>
    </row>
    <row r="562982" spans="8:8">
      <c r="H562982" s="12"/>
    </row>
    <row r="562983" spans="8:8">
      <c r="H562983" s="12"/>
    </row>
    <row r="562984" spans="8:8">
      <c r="H562984" s="12"/>
    </row>
    <row r="562985" spans="8:8">
      <c r="H562985" s="12"/>
    </row>
    <row r="562986" spans="8:8">
      <c r="H562986" s="12"/>
    </row>
    <row r="562987" spans="8:8">
      <c r="H562987" s="12"/>
    </row>
    <row r="562988" spans="8:8">
      <c r="H562988" s="12"/>
    </row>
    <row r="562989" spans="8:8">
      <c r="H562989" s="12"/>
    </row>
    <row r="562990" spans="8:8">
      <c r="H562990" s="12"/>
    </row>
    <row r="562991" spans="8:8">
      <c r="H562991" s="12"/>
    </row>
    <row r="562992" spans="8:8">
      <c r="H562992" s="12"/>
    </row>
    <row r="562993" spans="8:8">
      <c r="H562993" s="12"/>
    </row>
    <row r="562994" spans="8:8">
      <c r="H562994" s="12"/>
    </row>
    <row r="562995" spans="8:8">
      <c r="H562995" s="12"/>
    </row>
    <row r="562996" spans="8:8">
      <c r="H562996" s="12"/>
    </row>
    <row r="562997" spans="8:8">
      <c r="H562997" s="12"/>
    </row>
    <row r="562998" spans="8:8">
      <c r="H562998" s="12"/>
    </row>
    <row r="562999" spans="8:8">
      <c r="H562999" s="12"/>
    </row>
    <row r="563000" spans="8:8">
      <c r="H563000" s="12"/>
    </row>
    <row r="563001" spans="8:8">
      <c r="H563001" s="12"/>
    </row>
    <row r="563002" spans="8:8">
      <c r="H563002" s="12"/>
    </row>
    <row r="563003" spans="8:8">
      <c r="H563003" s="12"/>
    </row>
    <row r="563004" spans="8:8">
      <c r="H563004" s="12"/>
    </row>
    <row r="563005" spans="8:8">
      <c r="H563005" s="12"/>
    </row>
    <row r="563006" spans="8:8">
      <c r="H563006" s="12"/>
    </row>
    <row r="563007" spans="8:8">
      <c r="H563007" s="12"/>
    </row>
    <row r="563008" spans="8:8">
      <c r="H563008" s="12"/>
    </row>
    <row r="563009" spans="8:8">
      <c r="H563009" s="12"/>
    </row>
    <row r="563010" spans="8:8">
      <c r="H563010" s="12"/>
    </row>
    <row r="563011" spans="8:8">
      <c r="H563011" s="12"/>
    </row>
    <row r="563012" spans="8:8">
      <c r="H563012" s="12"/>
    </row>
    <row r="563013" spans="8:8">
      <c r="H563013" s="12"/>
    </row>
    <row r="563014" spans="8:8">
      <c r="H563014" s="12"/>
    </row>
    <row r="563015" spans="8:8">
      <c r="H563015" s="12"/>
    </row>
    <row r="563016" spans="8:8">
      <c r="H563016" s="12"/>
    </row>
    <row r="563017" spans="8:8">
      <c r="H563017" s="12"/>
    </row>
    <row r="563018" spans="8:8">
      <c r="H563018" s="12"/>
    </row>
    <row r="563019" spans="8:8">
      <c r="H563019" s="12"/>
    </row>
    <row r="563020" spans="8:8">
      <c r="H563020" s="12"/>
    </row>
    <row r="563021" spans="8:8">
      <c r="H563021" s="12"/>
    </row>
    <row r="563022" spans="8:8">
      <c r="H563022" s="12"/>
    </row>
    <row r="563023" spans="8:8">
      <c r="H563023" s="12"/>
    </row>
    <row r="563024" spans="8:8">
      <c r="H563024" s="12"/>
    </row>
    <row r="563025" spans="8:8">
      <c r="H563025" s="12"/>
    </row>
    <row r="563026" spans="8:8">
      <c r="H563026" s="12"/>
    </row>
    <row r="563027" spans="8:8">
      <c r="H563027" s="12"/>
    </row>
    <row r="563028" spans="8:8">
      <c r="H563028" s="12"/>
    </row>
    <row r="563029" spans="8:8">
      <c r="H563029" s="12"/>
    </row>
    <row r="563030" spans="8:8">
      <c r="H563030" s="12"/>
    </row>
    <row r="563031" spans="8:8">
      <c r="H563031" s="12"/>
    </row>
    <row r="563032" spans="8:8">
      <c r="H563032" s="12"/>
    </row>
    <row r="563033" spans="8:8">
      <c r="H563033" s="12"/>
    </row>
    <row r="563034" spans="8:8">
      <c r="H563034" s="12"/>
    </row>
    <row r="563035" spans="8:8">
      <c r="H563035" s="12"/>
    </row>
    <row r="563036" spans="8:8">
      <c r="H563036" s="12"/>
    </row>
    <row r="563037" spans="8:8">
      <c r="H563037" s="12"/>
    </row>
    <row r="563038" spans="8:8">
      <c r="H563038" s="12"/>
    </row>
    <row r="563039" spans="8:8">
      <c r="H563039" s="12"/>
    </row>
    <row r="563040" spans="8:8">
      <c r="H563040" s="12"/>
    </row>
    <row r="563041" spans="8:8">
      <c r="H563041" s="12"/>
    </row>
    <row r="563042" spans="8:8">
      <c r="H563042" s="12"/>
    </row>
    <row r="563043" spans="8:8">
      <c r="H563043" s="12"/>
    </row>
    <row r="563044" spans="8:8">
      <c r="H563044" s="12"/>
    </row>
    <row r="563045" spans="8:8">
      <c r="H563045" s="12"/>
    </row>
    <row r="563046" spans="8:8">
      <c r="H563046" s="12"/>
    </row>
    <row r="563047" spans="8:8">
      <c r="H563047" s="12"/>
    </row>
    <row r="563048" spans="8:8">
      <c r="H563048" s="12"/>
    </row>
    <row r="563049" spans="8:8">
      <c r="H563049" s="12"/>
    </row>
    <row r="563050" spans="8:8">
      <c r="H563050" s="12"/>
    </row>
    <row r="563051" spans="8:8">
      <c r="H563051" s="12"/>
    </row>
    <row r="563052" spans="8:8">
      <c r="H563052" s="12"/>
    </row>
    <row r="563053" spans="8:8">
      <c r="H563053" s="12"/>
    </row>
    <row r="563054" spans="8:8">
      <c r="H563054" s="12"/>
    </row>
    <row r="563055" spans="8:8">
      <c r="H563055" s="12"/>
    </row>
    <row r="563056" spans="8:8">
      <c r="H563056" s="12"/>
    </row>
    <row r="563057" spans="8:8">
      <c r="H563057" s="12"/>
    </row>
    <row r="563058" spans="8:8">
      <c r="H563058" s="12"/>
    </row>
    <row r="563059" spans="8:8">
      <c r="H563059" s="12"/>
    </row>
    <row r="563060" spans="8:8">
      <c r="H563060" s="12"/>
    </row>
    <row r="563061" spans="8:8">
      <c r="H563061" s="12"/>
    </row>
    <row r="563062" spans="8:8">
      <c r="H563062" s="12"/>
    </row>
    <row r="563063" spans="8:8">
      <c r="H563063" s="12"/>
    </row>
    <row r="563064" spans="8:8">
      <c r="H563064" s="12"/>
    </row>
    <row r="563065" spans="8:8">
      <c r="H563065" s="12"/>
    </row>
    <row r="563066" spans="8:8">
      <c r="H563066" s="12"/>
    </row>
    <row r="563067" spans="8:8">
      <c r="H563067" s="12"/>
    </row>
    <row r="563068" spans="8:8">
      <c r="H563068" s="12"/>
    </row>
    <row r="563069" spans="8:8">
      <c r="H563069" s="12"/>
    </row>
    <row r="563070" spans="8:8">
      <c r="H563070" s="12"/>
    </row>
    <row r="563071" spans="8:8">
      <c r="H563071" s="12"/>
    </row>
    <row r="563072" spans="8:8">
      <c r="H563072" s="12"/>
    </row>
    <row r="563073" spans="8:8">
      <c r="H563073" s="12"/>
    </row>
    <row r="563074" spans="8:8">
      <c r="H563074" s="12"/>
    </row>
    <row r="563075" spans="8:8">
      <c r="H563075" s="12"/>
    </row>
    <row r="563076" spans="8:8">
      <c r="H563076" s="12"/>
    </row>
    <row r="563077" spans="8:8">
      <c r="H563077" s="12"/>
    </row>
    <row r="563078" spans="8:8">
      <c r="H563078" s="12"/>
    </row>
    <row r="563079" spans="8:8">
      <c r="H563079" s="12"/>
    </row>
    <row r="563080" spans="8:8">
      <c r="H563080" s="12"/>
    </row>
    <row r="563081" spans="8:8">
      <c r="H563081" s="12"/>
    </row>
    <row r="563082" spans="8:8">
      <c r="H563082" s="12"/>
    </row>
    <row r="563083" spans="8:8">
      <c r="H563083" s="12"/>
    </row>
    <row r="563084" spans="8:8">
      <c r="H563084" s="12"/>
    </row>
    <row r="563085" spans="8:8">
      <c r="H563085" s="12"/>
    </row>
    <row r="563086" spans="8:8">
      <c r="H563086" s="12"/>
    </row>
    <row r="563087" spans="8:8">
      <c r="H563087" s="12"/>
    </row>
    <row r="563088" spans="8:8">
      <c r="H563088" s="12"/>
    </row>
    <row r="563089" spans="8:8">
      <c r="H563089" s="12"/>
    </row>
    <row r="563090" spans="8:8">
      <c r="H563090" s="12"/>
    </row>
    <row r="563091" spans="8:8">
      <c r="H563091" s="12"/>
    </row>
    <row r="563092" spans="8:8">
      <c r="H563092" s="12"/>
    </row>
    <row r="563093" spans="8:8">
      <c r="H563093" s="12"/>
    </row>
    <row r="563094" spans="8:8">
      <c r="H563094" s="12"/>
    </row>
    <row r="563095" spans="8:8">
      <c r="H563095" s="12"/>
    </row>
    <row r="563096" spans="8:8">
      <c r="H563096" s="12"/>
    </row>
    <row r="563097" spans="8:8">
      <c r="H563097" s="12"/>
    </row>
    <row r="563098" spans="8:8">
      <c r="H563098" s="12"/>
    </row>
    <row r="563099" spans="8:8">
      <c r="H563099" s="12"/>
    </row>
    <row r="563100" spans="8:8">
      <c r="H563100" s="12"/>
    </row>
    <row r="563101" spans="8:8">
      <c r="H563101" s="12"/>
    </row>
    <row r="563102" spans="8:8">
      <c r="H563102" s="12"/>
    </row>
    <row r="563103" spans="8:8">
      <c r="H563103" s="12"/>
    </row>
    <row r="563104" spans="8:8">
      <c r="H563104" s="12"/>
    </row>
    <row r="563105" spans="8:8">
      <c r="H563105" s="12"/>
    </row>
    <row r="563106" spans="8:8">
      <c r="H563106" s="12"/>
    </row>
    <row r="563107" spans="8:8">
      <c r="H563107" s="12"/>
    </row>
    <row r="563108" spans="8:8">
      <c r="H563108" s="12"/>
    </row>
    <row r="563109" spans="8:8">
      <c r="H563109" s="12"/>
    </row>
    <row r="563110" spans="8:8">
      <c r="H563110" s="12"/>
    </row>
    <row r="563111" spans="8:8">
      <c r="H563111" s="12"/>
    </row>
    <row r="563112" spans="8:8">
      <c r="H563112" s="12"/>
    </row>
    <row r="563113" spans="8:8">
      <c r="H563113" s="12"/>
    </row>
    <row r="563114" spans="8:8">
      <c r="H563114" s="12"/>
    </row>
    <row r="563115" spans="8:8">
      <c r="H563115" s="12"/>
    </row>
    <row r="563116" spans="8:8">
      <c r="H563116" s="12"/>
    </row>
    <row r="563117" spans="8:8">
      <c r="H563117" s="12"/>
    </row>
    <row r="563118" spans="8:8">
      <c r="H563118" s="12"/>
    </row>
    <row r="563119" spans="8:8">
      <c r="H563119" s="12"/>
    </row>
    <row r="563120" spans="8:8">
      <c r="H563120" s="12"/>
    </row>
    <row r="563121" spans="8:8">
      <c r="H563121" s="12"/>
    </row>
    <row r="563122" spans="8:8">
      <c r="H563122" s="12"/>
    </row>
    <row r="563123" spans="8:8">
      <c r="H563123" s="12"/>
    </row>
    <row r="563124" spans="8:8">
      <c r="H563124" s="12"/>
    </row>
    <row r="563125" spans="8:8">
      <c r="H563125" s="12"/>
    </row>
    <row r="563126" spans="8:8">
      <c r="H563126" s="12"/>
    </row>
    <row r="563127" spans="8:8">
      <c r="H563127" s="12"/>
    </row>
    <row r="563128" spans="8:8">
      <c r="H563128" s="12"/>
    </row>
    <row r="563129" spans="8:8">
      <c r="H563129" s="12"/>
    </row>
    <row r="563130" spans="8:8">
      <c r="H563130" s="12"/>
    </row>
    <row r="563131" spans="8:8">
      <c r="H563131" s="12"/>
    </row>
    <row r="563132" spans="8:8">
      <c r="H563132" s="12"/>
    </row>
    <row r="563133" spans="8:8">
      <c r="H563133" s="12"/>
    </row>
    <row r="563134" spans="8:8">
      <c r="H563134" s="12"/>
    </row>
    <row r="563135" spans="8:8">
      <c r="H563135" s="12"/>
    </row>
    <row r="563136" spans="8:8">
      <c r="H563136" s="12"/>
    </row>
    <row r="563137" spans="8:8">
      <c r="H563137" s="12"/>
    </row>
    <row r="563138" spans="8:8">
      <c r="H563138" s="12"/>
    </row>
    <row r="563139" spans="8:8">
      <c r="H563139" s="12"/>
    </row>
    <row r="563140" spans="8:8">
      <c r="H563140" s="12"/>
    </row>
    <row r="563141" spans="8:8">
      <c r="H563141" s="12"/>
    </row>
    <row r="563142" spans="8:8">
      <c r="H563142" s="12"/>
    </row>
    <row r="563143" spans="8:8">
      <c r="H563143" s="12"/>
    </row>
    <row r="563144" spans="8:8">
      <c r="H563144" s="12"/>
    </row>
    <row r="563145" spans="8:8">
      <c r="H563145" s="12"/>
    </row>
    <row r="563146" spans="8:8">
      <c r="H563146" s="12"/>
    </row>
    <row r="563147" spans="8:8">
      <c r="H563147" s="12"/>
    </row>
    <row r="563148" spans="8:8">
      <c r="H563148" s="12"/>
    </row>
    <row r="563149" spans="8:8">
      <c r="H563149" s="12"/>
    </row>
    <row r="563150" spans="8:8">
      <c r="H563150" s="12"/>
    </row>
    <row r="563151" spans="8:8">
      <c r="H563151" s="12"/>
    </row>
    <row r="563152" spans="8:8">
      <c r="H563152" s="12"/>
    </row>
    <row r="563153" spans="8:8">
      <c r="H563153" s="12"/>
    </row>
    <row r="563154" spans="8:8">
      <c r="H563154" s="12"/>
    </row>
    <row r="563155" spans="8:8">
      <c r="H563155" s="12"/>
    </row>
    <row r="563156" spans="8:8">
      <c r="H563156" s="12"/>
    </row>
    <row r="563157" spans="8:8">
      <c r="H563157" s="12"/>
    </row>
    <row r="563158" spans="8:8">
      <c r="H563158" s="12"/>
    </row>
    <row r="563159" spans="8:8">
      <c r="H563159" s="12"/>
    </row>
    <row r="563160" spans="8:8">
      <c r="H563160" s="12"/>
    </row>
    <row r="563161" spans="8:8">
      <c r="H563161" s="12"/>
    </row>
    <row r="563162" spans="8:8">
      <c r="H563162" s="12"/>
    </row>
    <row r="563163" spans="8:8">
      <c r="H563163" s="12"/>
    </row>
    <row r="563164" spans="8:8">
      <c r="H563164" s="12"/>
    </row>
    <row r="563165" spans="8:8">
      <c r="H563165" s="12"/>
    </row>
    <row r="563166" spans="8:8">
      <c r="H563166" s="12"/>
    </row>
    <row r="563167" spans="8:8">
      <c r="H563167" s="12"/>
    </row>
    <row r="563168" spans="8:8">
      <c r="H563168" s="12"/>
    </row>
    <row r="563169" spans="8:8">
      <c r="H563169" s="12"/>
    </row>
    <row r="563170" spans="8:8">
      <c r="H563170" s="12"/>
    </row>
    <row r="563171" spans="8:8">
      <c r="H563171" s="12"/>
    </row>
    <row r="563172" spans="8:8">
      <c r="H563172" s="12"/>
    </row>
    <row r="563173" spans="8:8">
      <c r="H563173" s="12"/>
    </row>
    <row r="563174" spans="8:8">
      <c r="H563174" s="12"/>
    </row>
    <row r="563175" spans="8:8">
      <c r="H563175" s="12"/>
    </row>
    <row r="563176" spans="8:8">
      <c r="H563176" s="12"/>
    </row>
    <row r="563177" spans="8:8">
      <c r="H563177" s="12"/>
    </row>
    <row r="563178" spans="8:8">
      <c r="H563178" s="12"/>
    </row>
    <row r="563179" spans="8:8">
      <c r="H563179" s="12"/>
    </row>
    <row r="563180" spans="8:8">
      <c r="H563180" s="12"/>
    </row>
    <row r="563181" spans="8:8">
      <c r="H563181" s="12"/>
    </row>
    <row r="563182" spans="8:8">
      <c r="H563182" s="12"/>
    </row>
    <row r="563183" spans="8:8">
      <c r="H563183" s="12"/>
    </row>
    <row r="563184" spans="8:8">
      <c r="H563184" s="12"/>
    </row>
    <row r="563185" spans="8:8">
      <c r="H563185" s="12"/>
    </row>
    <row r="563186" spans="8:8">
      <c r="H563186" s="12"/>
    </row>
    <row r="563187" spans="8:8">
      <c r="H563187" s="12"/>
    </row>
    <row r="563188" spans="8:8">
      <c r="H563188" s="12"/>
    </row>
    <row r="563189" spans="8:8">
      <c r="H563189" s="12"/>
    </row>
    <row r="563190" spans="8:8">
      <c r="H563190" s="12"/>
    </row>
    <row r="563191" spans="8:8">
      <c r="H563191" s="12"/>
    </row>
    <row r="563192" spans="8:8">
      <c r="H563192" s="12"/>
    </row>
    <row r="563193" spans="8:8">
      <c r="H563193" s="12"/>
    </row>
    <row r="563194" spans="8:8">
      <c r="H563194" s="12"/>
    </row>
    <row r="563195" spans="8:8">
      <c r="H563195" s="12"/>
    </row>
    <row r="563196" spans="8:8">
      <c r="H563196" s="12"/>
    </row>
    <row r="563197" spans="8:8">
      <c r="H563197" s="12"/>
    </row>
    <row r="563198" spans="8:8">
      <c r="H563198" s="12"/>
    </row>
    <row r="563199" spans="8:8">
      <c r="H563199" s="12"/>
    </row>
    <row r="563200" spans="8:8">
      <c r="H563200" s="12"/>
    </row>
    <row r="563201" spans="8:8">
      <c r="H563201" s="12"/>
    </row>
    <row r="563202" spans="8:8">
      <c r="H563202" s="12"/>
    </row>
    <row r="563203" spans="8:8">
      <c r="H563203" s="12"/>
    </row>
    <row r="563204" spans="8:8">
      <c r="H563204" s="12"/>
    </row>
    <row r="563205" spans="8:8">
      <c r="H563205" s="12"/>
    </row>
    <row r="563206" spans="8:8">
      <c r="H563206" s="12"/>
    </row>
    <row r="563207" spans="8:8">
      <c r="H563207" s="12"/>
    </row>
    <row r="563208" spans="8:8">
      <c r="H563208" s="12"/>
    </row>
    <row r="563209" spans="8:8">
      <c r="H563209" s="12"/>
    </row>
    <row r="563210" spans="8:8">
      <c r="H563210" s="12"/>
    </row>
    <row r="563211" spans="8:8">
      <c r="H563211" s="12"/>
    </row>
    <row r="563212" spans="8:8">
      <c r="H563212" s="12"/>
    </row>
    <row r="563213" spans="8:8">
      <c r="H563213" s="12"/>
    </row>
    <row r="563214" spans="8:8">
      <c r="H563214" s="12"/>
    </row>
    <row r="563215" spans="8:8">
      <c r="H563215" s="12"/>
    </row>
    <row r="563216" spans="8:8">
      <c r="H563216" s="12"/>
    </row>
    <row r="563217" spans="8:8">
      <c r="H563217" s="12"/>
    </row>
    <row r="563218" spans="8:8">
      <c r="H563218" s="12"/>
    </row>
    <row r="563219" spans="8:8">
      <c r="H563219" s="12"/>
    </row>
    <row r="563220" spans="8:8">
      <c r="H563220" s="12"/>
    </row>
    <row r="563221" spans="8:8">
      <c r="H563221" s="12"/>
    </row>
    <row r="563222" spans="8:8">
      <c r="H563222" s="12"/>
    </row>
    <row r="563223" spans="8:8">
      <c r="H563223" s="12"/>
    </row>
    <row r="563224" spans="8:8">
      <c r="H563224" s="12"/>
    </row>
    <row r="563225" spans="8:8">
      <c r="H563225" s="12"/>
    </row>
    <row r="563226" spans="8:8">
      <c r="H563226" s="12"/>
    </row>
    <row r="563227" spans="8:8">
      <c r="H563227" s="12"/>
    </row>
    <row r="563228" spans="8:8">
      <c r="H563228" s="12"/>
    </row>
    <row r="563229" spans="8:8">
      <c r="H563229" s="12"/>
    </row>
    <row r="563230" spans="8:8">
      <c r="H563230" s="12"/>
    </row>
    <row r="563231" spans="8:8">
      <c r="H563231" s="12"/>
    </row>
    <row r="563232" spans="8:8">
      <c r="H563232" s="12"/>
    </row>
    <row r="563233" spans="8:8">
      <c r="H563233" s="12"/>
    </row>
    <row r="563234" spans="8:8">
      <c r="H563234" s="12"/>
    </row>
    <row r="563235" spans="8:8">
      <c r="H563235" s="12"/>
    </row>
    <row r="563236" spans="8:8">
      <c r="H563236" s="12"/>
    </row>
    <row r="563237" spans="8:8">
      <c r="H563237" s="12"/>
    </row>
    <row r="563238" spans="8:8">
      <c r="H563238" s="12"/>
    </row>
    <row r="563239" spans="8:8">
      <c r="H563239" s="12"/>
    </row>
    <row r="563240" spans="8:8">
      <c r="H563240" s="12"/>
    </row>
    <row r="563241" spans="8:8">
      <c r="H563241" s="12"/>
    </row>
    <row r="563242" spans="8:8">
      <c r="H563242" s="12"/>
    </row>
    <row r="563243" spans="8:8">
      <c r="H563243" s="12"/>
    </row>
    <row r="563244" spans="8:8">
      <c r="H563244" s="12"/>
    </row>
    <row r="563245" spans="8:8">
      <c r="H563245" s="12"/>
    </row>
    <row r="563246" spans="8:8">
      <c r="H563246" s="12"/>
    </row>
    <row r="563247" spans="8:8">
      <c r="H563247" s="12"/>
    </row>
    <row r="563248" spans="8:8">
      <c r="H563248" s="12"/>
    </row>
    <row r="563249" spans="8:8">
      <c r="H563249" s="12"/>
    </row>
    <row r="563250" spans="8:8">
      <c r="H563250" s="12"/>
    </row>
    <row r="563251" spans="8:8">
      <c r="H563251" s="12"/>
    </row>
    <row r="563252" spans="8:8">
      <c r="H563252" s="12"/>
    </row>
    <row r="563253" spans="8:8">
      <c r="H563253" s="12"/>
    </row>
    <row r="563254" spans="8:8">
      <c r="H563254" s="12"/>
    </row>
    <row r="563255" spans="8:8">
      <c r="H563255" s="12"/>
    </row>
    <row r="563256" spans="8:8">
      <c r="H563256" s="12"/>
    </row>
    <row r="563257" spans="8:8">
      <c r="H563257" s="12"/>
    </row>
    <row r="563258" spans="8:8">
      <c r="H563258" s="12"/>
    </row>
    <row r="563259" spans="8:8">
      <c r="H563259" s="12"/>
    </row>
    <row r="563260" spans="8:8">
      <c r="H563260" s="12"/>
    </row>
    <row r="563261" spans="8:8">
      <c r="H563261" s="12"/>
    </row>
    <row r="563262" spans="8:8">
      <c r="H563262" s="12"/>
    </row>
    <row r="563263" spans="8:8">
      <c r="H563263" s="12"/>
    </row>
    <row r="563264" spans="8:8">
      <c r="H563264" s="12"/>
    </row>
    <row r="563265" spans="8:8">
      <c r="H563265" s="12"/>
    </row>
    <row r="563266" spans="8:8">
      <c r="H563266" s="12"/>
    </row>
    <row r="563267" spans="8:8">
      <c r="H563267" s="12"/>
    </row>
    <row r="563268" spans="8:8">
      <c r="H563268" s="12"/>
    </row>
    <row r="563269" spans="8:8">
      <c r="H563269" s="12"/>
    </row>
    <row r="563270" spans="8:8">
      <c r="H563270" s="12"/>
    </row>
    <row r="563271" spans="8:8">
      <c r="H563271" s="12"/>
    </row>
    <row r="563272" spans="8:8">
      <c r="H563272" s="12"/>
    </row>
    <row r="563273" spans="8:8">
      <c r="H563273" s="12"/>
    </row>
    <row r="563274" spans="8:8">
      <c r="H563274" s="12"/>
    </row>
    <row r="563275" spans="8:8">
      <c r="H563275" s="12"/>
    </row>
    <row r="563276" spans="8:8">
      <c r="H563276" s="12"/>
    </row>
    <row r="563277" spans="8:8">
      <c r="H563277" s="12"/>
    </row>
    <row r="563278" spans="8:8">
      <c r="H563278" s="12"/>
    </row>
    <row r="563279" spans="8:8">
      <c r="H563279" s="12"/>
    </row>
    <row r="563280" spans="8:8">
      <c r="H563280" s="12"/>
    </row>
    <row r="563281" spans="8:8">
      <c r="H563281" s="12"/>
    </row>
    <row r="563282" spans="8:8">
      <c r="H563282" s="12"/>
    </row>
    <row r="563283" spans="8:8">
      <c r="H563283" s="12"/>
    </row>
    <row r="563284" spans="8:8">
      <c r="H563284" s="12"/>
    </row>
    <row r="563285" spans="8:8">
      <c r="H563285" s="12"/>
    </row>
    <row r="563286" spans="8:8">
      <c r="H563286" s="12"/>
    </row>
    <row r="563287" spans="8:8">
      <c r="H563287" s="12"/>
    </row>
    <row r="563288" spans="8:8">
      <c r="H563288" s="12"/>
    </row>
    <row r="563289" spans="8:8">
      <c r="H563289" s="12"/>
    </row>
    <row r="563290" spans="8:8">
      <c r="H563290" s="12"/>
    </row>
    <row r="563291" spans="8:8">
      <c r="H563291" s="12"/>
    </row>
    <row r="563292" spans="8:8">
      <c r="H563292" s="12"/>
    </row>
    <row r="563293" spans="8:8">
      <c r="H563293" s="12"/>
    </row>
    <row r="563294" spans="8:8">
      <c r="H563294" s="12"/>
    </row>
    <row r="563295" spans="8:8">
      <c r="H563295" s="12"/>
    </row>
    <row r="563296" spans="8:8">
      <c r="H563296" s="12"/>
    </row>
    <row r="563297" spans="8:8">
      <c r="H563297" s="12"/>
    </row>
    <row r="563298" spans="8:8">
      <c r="H563298" s="12"/>
    </row>
    <row r="563299" spans="8:8">
      <c r="H563299" s="12"/>
    </row>
    <row r="563300" spans="8:8">
      <c r="H563300" s="12"/>
    </row>
    <row r="563301" spans="8:8">
      <c r="H563301" s="12"/>
    </row>
    <row r="563302" spans="8:8">
      <c r="H563302" s="12"/>
    </row>
    <row r="563303" spans="8:8">
      <c r="H563303" s="12"/>
    </row>
    <row r="563304" spans="8:8">
      <c r="H563304" s="12"/>
    </row>
    <row r="563305" spans="8:8">
      <c r="H563305" s="12"/>
    </row>
    <row r="563306" spans="8:8">
      <c r="H563306" s="12"/>
    </row>
    <row r="563307" spans="8:8">
      <c r="H563307" s="12"/>
    </row>
    <row r="563308" spans="8:8">
      <c r="H563308" s="12"/>
    </row>
    <row r="563309" spans="8:8">
      <c r="H563309" s="12"/>
    </row>
    <row r="563310" spans="8:8">
      <c r="H563310" s="12"/>
    </row>
    <row r="563311" spans="8:8">
      <c r="H563311" s="12"/>
    </row>
    <row r="563312" spans="8:8">
      <c r="H563312" s="12"/>
    </row>
    <row r="563313" spans="8:8">
      <c r="H563313" s="12"/>
    </row>
    <row r="563314" spans="8:8">
      <c r="H563314" s="12"/>
    </row>
    <row r="563315" spans="8:8">
      <c r="H563315" s="12"/>
    </row>
    <row r="563316" spans="8:8">
      <c r="H563316" s="12"/>
    </row>
    <row r="563317" spans="8:8">
      <c r="H563317" s="12"/>
    </row>
    <row r="563318" spans="8:8">
      <c r="H563318" s="12"/>
    </row>
    <row r="563319" spans="8:8">
      <c r="H563319" s="12"/>
    </row>
    <row r="563320" spans="8:8">
      <c r="H563320" s="12"/>
    </row>
    <row r="563321" spans="8:8">
      <c r="H563321" s="12"/>
    </row>
    <row r="563322" spans="8:8">
      <c r="H563322" s="12"/>
    </row>
    <row r="563323" spans="8:8">
      <c r="H563323" s="12"/>
    </row>
    <row r="563324" spans="8:8">
      <c r="H563324" s="12"/>
    </row>
    <row r="563325" spans="8:8">
      <c r="H563325" s="12"/>
    </row>
    <row r="563326" spans="8:8">
      <c r="H563326" s="12"/>
    </row>
    <row r="563327" spans="8:8">
      <c r="H563327" s="12"/>
    </row>
    <row r="563328" spans="8:8">
      <c r="H563328" s="12"/>
    </row>
    <row r="563329" spans="8:8">
      <c r="H563329" s="12"/>
    </row>
    <row r="563330" spans="8:8">
      <c r="H563330" s="12"/>
    </row>
    <row r="563331" spans="8:8">
      <c r="H563331" s="12"/>
    </row>
    <row r="563332" spans="8:8">
      <c r="H563332" s="12"/>
    </row>
    <row r="563333" spans="8:8">
      <c r="H563333" s="12"/>
    </row>
    <row r="563334" spans="8:8">
      <c r="H563334" s="12"/>
    </row>
    <row r="563335" spans="8:8">
      <c r="H563335" s="12"/>
    </row>
    <row r="563336" spans="8:8">
      <c r="H563336" s="12"/>
    </row>
    <row r="563337" spans="8:8">
      <c r="H563337" s="12"/>
    </row>
    <row r="563338" spans="8:8">
      <c r="H563338" s="12"/>
    </row>
    <row r="563339" spans="8:8">
      <c r="H563339" s="12"/>
    </row>
    <row r="563340" spans="8:8">
      <c r="H563340" s="12"/>
    </row>
    <row r="563341" spans="8:8">
      <c r="H563341" s="12"/>
    </row>
    <row r="563342" spans="8:8">
      <c r="H563342" s="12"/>
    </row>
    <row r="563343" spans="8:8">
      <c r="H563343" s="12"/>
    </row>
    <row r="563344" spans="8:8">
      <c r="H563344" s="12"/>
    </row>
    <row r="563345" spans="8:8">
      <c r="H563345" s="12"/>
    </row>
    <row r="563346" spans="8:8">
      <c r="H563346" s="12"/>
    </row>
    <row r="563347" spans="8:8">
      <c r="H563347" s="12"/>
    </row>
    <row r="563348" spans="8:8">
      <c r="H563348" s="12"/>
    </row>
    <row r="563349" spans="8:8">
      <c r="H563349" s="12"/>
    </row>
    <row r="563350" spans="8:8">
      <c r="H563350" s="12"/>
    </row>
    <row r="563351" spans="8:8">
      <c r="H563351" s="12"/>
    </row>
    <row r="563352" spans="8:8">
      <c r="H563352" s="12"/>
    </row>
    <row r="563353" spans="8:8">
      <c r="H563353" s="12"/>
    </row>
    <row r="563354" spans="8:8">
      <c r="H563354" s="12"/>
    </row>
    <row r="563355" spans="8:8">
      <c r="H563355" s="12"/>
    </row>
    <row r="563356" spans="8:8">
      <c r="H563356" s="12"/>
    </row>
    <row r="563357" spans="8:8">
      <c r="H563357" s="12"/>
    </row>
    <row r="563358" spans="8:8">
      <c r="H563358" s="12"/>
    </row>
    <row r="563359" spans="8:8">
      <c r="H563359" s="12"/>
    </row>
    <row r="563360" spans="8:8">
      <c r="H563360" s="12"/>
    </row>
    <row r="563361" spans="8:8">
      <c r="H563361" s="12"/>
    </row>
    <row r="563362" spans="8:8">
      <c r="H563362" s="12"/>
    </row>
    <row r="563363" spans="8:8">
      <c r="H563363" s="12"/>
    </row>
    <row r="563364" spans="8:8">
      <c r="H563364" s="12"/>
    </row>
    <row r="563365" spans="8:8">
      <c r="H563365" s="12"/>
    </row>
    <row r="563366" spans="8:8">
      <c r="H563366" s="12"/>
    </row>
    <row r="563367" spans="8:8">
      <c r="H563367" s="12"/>
    </row>
    <row r="563368" spans="8:8">
      <c r="H563368" s="12"/>
    </row>
    <row r="563369" spans="8:8">
      <c r="H563369" s="12"/>
    </row>
    <row r="563370" spans="8:8">
      <c r="H563370" s="12"/>
    </row>
    <row r="563371" spans="8:8">
      <c r="H563371" s="12"/>
    </row>
    <row r="563372" spans="8:8">
      <c r="H563372" s="12"/>
    </row>
    <row r="563373" spans="8:8">
      <c r="H563373" s="12"/>
    </row>
    <row r="563374" spans="8:8">
      <c r="H563374" s="12"/>
    </row>
    <row r="563375" spans="8:8">
      <c r="H563375" s="12"/>
    </row>
    <row r="563376" spans="8:8">
      <c r="H563376" s="12"/>
    </row>
    <row r="563377" spans="8:8">
      <c r="H563377" s="12"/>
    </row>
    <row r="563378" spans="8:8">
      <c r="H563378" s="12"/>
    </row>
    <row r="563379" spans="8:8">
      <c r="H563379" s="12"/>
    </row>
    <row r="563380" spans="8:8">
      <c r="H563380" s="12"/>
    </row>
    <row r="563381" spans="8:8">
      <c r="H563381" s="12"/>
    </row>
    <row r="563382" spans="8:8">
      <c r="H563382" s="12"/>
    </row>
    <row r="563383" spans="8:8">
      <c r="H563383" s="12"/>
    </row>
    <row r="563384" spans="8:8">
      <c r="H563384" s="12"/>
    </row>
    <row r="563385" spans="8:8">
      <c r="H563385" s="12"/>
    </row>
    <row r="563386" spans="8:8">
      <c r="H563386" s="12"/>
    </row>
    <row r="563387" spans="8:8">
      <c r="H563387" s="12"/>
    </row>
    <row r="563388" spans="8:8">
      <c r="H563388" s="12"/>
    </row>
    <row r="563389" spans="8:8">
      <c r="H563389" s="12"/>
    </row>
    <row r="563390" spans="8:8">
      <c r="H563390" s="12"/>
    </row>
    <row r="563391" spans="8:8">
      <c r="H563391" s="12"/>
    </row>
    <row r="563392" spans="8:8">
      <c r="H563392" s="12"/>
    </row>
    <row r="563393" spans="8:8">
      <c r="H563393" s="12"/>
    </row>
    <row r="563394" spans="8:8">
      <c r="H563394" s="12"/>
    </row>
    <row r="563395" spans="8:8">
      <c r="H563395" s="12"/>
    </row>
    <row r="563396" spans="8:8">
      <c r="H563396" s="12"/>
    </row>
    <row r="563397" spans="8:8">
      <c r="H563397" s="12"/>
    </row>
    <row r="563398" spans="8:8">
      <c r="H563398" s="12"/>
    </row>
    <row r="563399" spans="8:8">
      <c r="H563399" s="12"/>
    </row>
    <row r="563400" spans="8:8">
      <c r="H563400" s="12"/>
    </row>
    <row r="563401" spans="8:8">
      <c r="H563401" s="12"/>
    </row>
    <row r="563402" spans="8:8">
      <c r="H563402" s="12"/>
    </row>
    <row r="563403" spans="8:8">
      <c r="H563403" s="12"/>
    </row>
    <row r="563404" spans="8:8">
      <c r="H563404" s="12"/>
    </row>
    <row r="563405" spans="8:8">
      <c r="H563405" s="12"/>
    </row>
    <row r="563406" spans="8:8">
      <c r="H563406" s="12"/>
    </row>
    <row r="563407" spans="8:8">
      <c r="H563407" s="12"/>
    </row>
    <row r="563408" spans="8:8">
      <c r="H563408" s="12"/>
    </row>
    <row r="563409" spans="8:8">
      <c r="H563409" s="12"/>
    </row>
    <row r="563410" spans="8:8">
      <c r="H563410" s="12"/>
    </row>
    <row r="563411" spans="8:8">
      <c r="H563411" s="12"/>
    </row>
    <row r="563412" spans="8:8">
      <c r="H563412" s="12"/>
    </row>
    <row r="563413" spans="8:8">
      <c r="H563413" s="12"/>
    </row>
    <row r="563414" spans="8:8">
      <c r="H563414" s="12"/>
    </row>
    <row r="563415" spans="8:8">
      <c r="H563415" s="12"/>
    </row>
    <row r="563416" spans="8:8">
      <c r="H563416" s="12"/>
    </row>
    <row r="563417" spans="8:8">
      <c r="H563417" s="12"/>
    </row>
    <row r="563418" spans="8:8">
      <c r="H563418" s="12"/>
    </row>
    <row r="563419" spans="8:8">
      <c r="H563419" s="12"/>
    </row>
    <row r="563420" spans="8:8">
      <c r="H563420" s="12"/>
    </row>
    <row r="563421" spans="8:8">
      <c r="H563421" s="12"/>
    </row>
    <row r="563422" spans="8:8">
      <c r="H563422" s="12"/>
    </row>
    <row r="563423" spans="8:8">
      <c r="H563423" s="12"/>
    </row>
    <row r="563424" spans="8:8">
      <c r="H563424" s="12"/>
    </row>
    <row r="563425" spans="8:8">
      <c r="H563425" s="12"/>
    </row>
    <row r="563426" spans="8:8">
      <c r="H563426" s="12"/>
    </row>
    <row r="563427" spans="8:8">
      <c r="H563427" s="12"/>
    </row>
    <row r="563428" spans="8:8">
      <c r="H563428" s="12"/>
    </row>
    <row r="563429" spans="8:8">
      <c r="H563429" s="12"/>
    </row>
    <row r="563430" spans="8:8">
      <c r="H563430" s="12"/>
    </row>
    <row r="563431" spans="8:8">
      <c r="H563431" s="12"/>
    </row>
    <row r="563432" spans="8:8">
      <c r="H563432" s="12"/>
    </row>
    <row r="563433" spans="8:8">
      <c r="H563433" s="12"/>
    </row>
    <row r="563434" spans="8:8">
      <c r="H563434" s="12"/>
    </row>
    <row r="563435" spans="8:8">
      <c r="H563435" s="12"/>
    </row>
    <row r="563436" spans="8:8">
      <c r="H563436" s="12"/>
    </row>
    <row r="563437" spans="8:8">
      <c r="H563437" s="12"/>
    </row>
    <row r="563438" spans="8:8">
      <c r="H563438" s="12"/>
    </row>
    <row r="563439" spans="8:8">
      <c r="H563439" s="12"/>
    </row>
    <row r="563440" spans="8:8">
      <c r="H563440" s="12"/>
    </row>
    <row r="563441" spans="8:8">
      <c r="H563441" s="12"/>
    </row>
    <row r="563442" spans="8:8">
      <c r="H563442" s="12"/>
    </row>
    <row r="563443" spans="8:8">
      <c r="H563443" s="12"/>
    </row>
    <row r="563444" spans="8:8">
      <c r="H563444" s="12"/>
    </row>
    <row r="563445" spans="8:8">
      <c r="H563445" s="12"/>
    </row>
    <row r="563446" spans="8:8">
      <c r="H563446" s="12"/>
    </row>
    <row r="563447" spans="8:8">
      <c r="H563447" s="12"/>
    </row>
    <row r="563448" spans="8:8">
      <c r="H563448" s="12"/>
    </row>
    <row r="563449" spans="8:8">
      <c r="H563449" s="12"/>
    </row>
    <row r="563450" spans="8:8">
      <c r="H563450" s="12"/>
    </row>
    <row r="563451" spans="8:8">
      <c r="H563451" s="12"/>
    </row>
    <row r="563452" spans="8:8">
      <c r="H563452" s="12"/>
    </row>
    <row r="563453" spans="8:8">
      <c r="H563453" s="12"/>
    </row>
    <row r="563454" spans="8:8">
      <c r="H563454" s="12"/>
    </row>
    <row r="563455" spans="8:8">
      <c r="H563455" s="12"/>
    </row>
    <row r="563456" spans="8:8">
      <c r="H563456" s="12"/>
    </row>
    <row r="563457" spans="8:8">
      <c r="H563457" s="12"/>
    </row>
    <row r="563458" spans="8:8">
      <c r="H563458" s="12"/>
    </row>
    <row r="563459" spans="8:8">
      <c r="H563459" s="12"/>
    </row>
    <row r="563460" spans="8:8">
      <c r="H563460" s="12"/>
    </row>
    <row r="563461" spans="8:8">
      <c r="H563461" s="12"/>
    </row>
    <row r="563462" spans="8:8">
      <c r="H563462" s="12"/>
    </row>
    <row r="563463" spans="8:8">
      <c r="H563463" s="12"/>
    </row>
    <row r="563464" spans="8:8">
      <c r="H563464" s="12"/>
    </row>
    <row r="563465" spans="8:8">
      <c r="H563465" s="12"/>
    </row>
    <row r="563466" spans="8:8">
      <c r="H563466" s="12"/>
    </row>
    <row r="563467" spans="8:8">
      <c r="H563467" s="12"/>
    </row>
    <row r="563468" spans="8:8">
      <c r="H563468" s="12"/>
    </row>
    <row r="563469" spans="8:8">
      <c r="H563469" s="12"/>
    </row>
    <row r="563470" spans="8:8">
      <c r="H563470" s="12"/>
    </row>
    <row r="563471" spans="8:8">
      <c r="H563471" s="12"/>
    </row>
    <row r="563472" spans="8:8">
      <c r="H563472" s="12"/>
    </row>
    <row r="563473" spans="8:8">
      <c r="H563473" s="12"/>
    </row>
    <row r="563474" spans="8:8">
      <c r="H563474" s="12"/>
    </row>
    <row r="563475" spans="8:8">
      <c r="H563475" s="12"/>
    </row>
    <row r="563476" spans="8:8">
      <c r="H563476" s="12"/>
    </row>
    <row r="563477" spans="8:8">
      <c r="H563477" s="12"/>
    </row>
    <row r="563478" spans="8:8">
      <c r="H563478" s="12"/>
    </row>
    <row r="563479" spans="8:8">
      <c r="H563479" s="12"/>
    </row>
    <row r="563480" spans="8:8">
      <c r="H563480" s="12"/>
    </row>
    <row r="563481" spans="8:8">
      <c r="H563481" s="12"/>
    </row>
    <row r="563482" spans="8:8">
      <c r="H563482" s="12"/>
    </row>
    <row r="563483" spans="8:8">
      <c r="H563483" s="12"/>
    </row>
    <row r="563484" spans="8:8">
      <c r="H563484" s="12"/>
    </row>
    <row r="563485" spans="8:8">
      <c r="H563485" s="12"/>
    </row>
    <row r="563486" spans="8:8">
      <c r="H563486" s="12"/>
    </row>
    <row r="563487" spans="8:8">
      <c r="H563487" s="12"/>
    </row>
    <row r="563488" spans="8:8">
      <c r="H563488" s="12"/>
    </row>
    <row r="563489" spans="8:8">
      <c r="H563489" s="12"/>
    </row>
    <row r="563490" spans="8:8">
      <c r="H563490" s="12"/>
    </row>
    <row r="563491" spans="8:8">
      <c r="H563491" s="12"/>
    </row>
    <row r="563492" spans="8:8">
      <c r="H563492" s="12"/>
    </row>
    <row r="563493" spans="8:8">
      <c r="H563493" s="12"/>
    </row>
    <row r="563494" spans="8:8">
      <c r="H563494" s="12"/>
    </row>
    <row r="563495" spans="8:8">
      <c r="H563495" s="12"/>
    </row>
    <row r="563496" spans="8:8">
      <c r="H563496" s="12"/>
    </row>
    <row r="563497" spans="8:8">
      <c r="H563497" s="12"/>
    </row>
    <row r="563498" spans="8:8">
      <c r="H563498" s="12"/>
    </row>
    <row r="563499" spans="8:8">
      <c r="H563499" s="12"/>
    </row>
    <row r="563500" spans="8:8">
      <c r="H563500" s="12"/>
    </row>
    <row r="563501" spans="8:8">
      <c r="H563501" s="12"/>
    </row>
    <row r="563502" spans="8:8">
      <c r="H563502" s="12"/>
    </row>
    <row r="563503" spans="8:8">
      <c r="H563503" s="12"/>
    </row>
    <row r="563504" spans="8:8">
      <c r="H563504" s="12"/>
    </row>
    <row r="563505" spans="8:8">
      <c r="H563505" s="12"/>
    </row>
    <row r="563506" spans="8:8">
      <c r="H563506" s="12"/>
    </row>
    <row r="563507" spans="8:8">
      <c r="H563507" s="12"/>
    </row>
    <row r="563508" spans="8:8">
      <c r="H563508" s="12"/>
    </row>
    <row r="563509" spans="8:8">
      <c r="H563509" s="12"/>
    </row>
    <row r="563510" spans="8:8">
      <c r="H563510" s="12"/>
    </row>
    <row r="563511" spans="8:8">
      <c r="H563511" s="12"/>
    </row>
    <row r="563512" spans="8:8">
      <c r="H563512" s="12"/>
    </row>
    <row r="563513" spans="8:8">
      <c r="H563513" s="12"/>
    </row>
    <row r="563514" spans="8:8">
      <c r="H563514" s="12"/>
    </row>
    <row r="563515" spans="8:8">
      <c r="H563515" s="12"/>
    </row>
    <row r="563516" spans="8:8">
      <c r="H563516" s="12"/>
    </row>
    <row r="563517" spans="8:8">
      <c r="H563517" s="12"/>
    </row>
    <row r="563518" spans="8:8">
      <c r="H563518" s="12"/>
    </row>
    <row r="563519" spans="8:8">
      <c r="H563519" s="12"/>
    </row>
    <row r="563520" spans="8:8">
      <c r="H563520" s="12"/>
    </row>
    <row r="563521" spans="8:8">
      <c r="H563521" s="12"/>
    </row>
    <row r="563522" spans="8:8">
      <c r="H563522" s="12"/>
    </row>
    <row r="563523" spans="8:8">
      <c r="H563523" s="12"/>
    </row>
    <row r="563524" spans="8:8">
      <c r="H563524" s="12"/>
    </row>
    <row r="563525" spans="8:8">
      <c r="H563525" s="12"/>
    </row>
    <row r="563526" spans="8:8">
      <c r="H563526" s="12"/>
    </row>
    <row r="563527" spans="8:8">
      <c r="H563527" s="12"/>
    </row>
    <row r="563528" spans="8:8">
      <c r="H563528" s="12"/>
    </row>
    <row r="563529" spans="8:8">
      <c r="H563529" s="12"/>
    </row>
    <row r="563530" spans="8:8">
      <c r="H563530" s="12"/>
    </row>
    <row r="563531" spans="8:8">
      <c r="H563531" s="12"/>
    </row>
    <row r="563532" spans="8:8">
      <c r="H563532" s="12"/>
    </row>
    <row r="563533" spans="8:8">
      <c r="H563533" s="12"/>
    </row>
    <row r="563534" spans="8:8">
      <c r="H563534" s="12"/>
    </row>
    <row r="563535" spans="8:8">
      <c r="H563535" s="12"/>
    </row>
    <row r="563536" spans="8:8">
      <c r="H563536" s="12"/>
    </row>
    <row r="563537" spans="8:8">
      <c r="H563537" s="12"/>
    </row>
    <row r="563538" spans="8:8">
      <c r="H563538" s="12"/>
    </row>
    <row r="563539" spans="8:8">
      <c r="H563539" s="12"/>
    </row>
    <row r="563540" spans="8:8">
      <c r="H563540" s="12"/>
    </row>
    <row r="563541" spans="8:8">
      <c r="H563541" s="12"/>
    </row>
    <row r="563542" spans="8:8">
      <c r="H563542" s="12"/>
    </row>
    <row r="563543" spans="8:8">
      <c r="H563543" s="12"/>
    </row>
    <row r="563544" spans="8:8">
      <c r="H563544" s="12"/>
    </row>
    <row r="563545" spans="8:8">
      <c r="H563545" s="12"/>
    </row>
    <row r="563546" spans="8:8">
      <c r="H563546" s="12"/>
    </row>
    <row r="563547" spans="8:8">
      <c r="H563547" s="12"/>
    </row>
    <row r="563548" spans="8:8">
      <c r="H563548" s="12"/>
    </row>
    <row r="563549" spans="8:8">
      <c r="H563549" s="12"/>
    </row>
    <row r="563550" spans="8:8">
      <c r="H563550" s="12"/>
    </row>
    <row r="563551" spans="8:8">
      <c r="H563551" s="12"/>
    </row>
    <row r="563552" spans="8:8">
      <c r="H563552" s="12"/>
    </row>
    <row r="563553" spans="8:8">
      <c r="H563553" s="12"/>
    </row>
    <row r="563554" spans="8:8">
      <c r="H563554" s="12"/>
    </row>
    <row r="563555" spans="8:8">
      <c r="H563555" s="12"/>
    </row>
    <row r="563556" spans="8:8">
      <c r="H563556" s="12"/>
    </row>
    <row r="563557" spans="8:8">
      <c r="H563557" s="12"/>
    </row>
    <row r="563558" spans="8:8">
      <c r="H563558" s="12"/>
    </row>
    <row r="563559" spans="8:8">
      <c r="H563559" s="12"/>
    </row>
    <row r="563560" spans="8:8">
      <c r="H563560" s="12"/>
    </row>
    <row r="563561" spans="8:8">
      <c r="H563561" s="12"/>
    </row>
    <row r="563562" spans="8:8">
      <c r="H563562" s="12"/>
    </row>
    <row r="563563" spans="8:8">
      <c r="H563563" s="12"/>
    </row>
    <row r="563564" spans="8:8">
      <c r="H563564" s="12"/>
    </row>
    <row r="563565" spans="8:8">
      <c r="H563565" s="12"/>
    </row>
    <row r="563566" spans="8:8">
      <c r="H563566" s="12"/>
    </row>
    <row r="563567" spans="8:8">
      <c r="H563567" s="12"/>
    </row>
    <row r="563568" spans="8:8">
      <c r="H563568" s="12"/>
    </row>
    <row r="563569" spans="8:8">
      <c r="H563569" s="12"/>
    </row>
    <row r="563570" spans="8:8">
      <c r="H563570" s="12"/>
    </row>
    <row r="563571" spans="8:8">
      <c r="H563571" s="12"/>
    </row>
    <row r="563572" spans="8:8">
      <c r="H563572" s="12"/>
    </row>
    <row r="563573" spans="8:8">
      <c r="H563573" s="12"/>
    </row>
    <row r="563574" spans="8:8">
      <c r="H563574" s="12"/>
    </row>
    <row r="563575" spans="8:8">
      <c r="H563575" s="12"/>
    </row>
    <row r="563576" spans="8:8">
      <c r="H563576" s="12"/>
    </row>
    <row r="563577" spans="8:8">
      <c r="H563577" s="12"/>
    </row>
    <row r="563578" spans="8:8">
      <c r="H563578" s="12"/>
    </row>
    <row r="563579" spans="8:8">
      <c r="H563579" s="12"/>
    </row>
    <row r="563580" spans="8:8">
      <c r="H563580" s="12"/>
    </row>
    <row r="563581" spans="8:8">
      <c r="H563581" s="12"/>
    </row>
    <row r="563582" spans="8:8">
      <c r="H563582" s="12"/>
    </row>
    <row r="563583" spans="8:8">
      <c r="H563583" s="12"/>
    </row>
    <row r="563584" spans="8:8">
      <c r="H563584" s="12"/>
    </row>
    <row r="563585" spans="8:8">
      <c r="H563585" s="12"/>
    </row>
    <row r="563586" spans="8:8">
      <c r="H563586" s="12"/>
    </row>
    <row r="563587" spans="8:8">
      <c r="H563587" s="12"/>
    </row>
    <row r="563588" spans="8:8">
      <c r="H563588" s="12"/>
    </row>
    <row r="563589" spans="8:8">
      <c r="H563589" s="12"/>
    </row>
    <row r="563590" spans="8:8">
      <c r="H563590" s="12"/>
    </row>
    <row r="563591" spans="8:8">
      <c r="H563591" s="12"/>
    </row>
    <row r="563592" spans="8:8">
      <c r="H563592" s="12"/>
    </row>
    <row r="563593" spans="8:8">
      <c r="H563593" s="12"/>
    </row>
    <row r="563594" spans="8:8">
      <c r="H563594" s="12"/>
    </row>
    <row r="563595" spans="8:8">
      <c r="H563595" s="12"/>
    </row>
    <row r="563596" spans="8:8">
      <c r="H563596" s="12"/>
    </row>
    <row r="563597" spans="8:8">
      <c r="H563597" s="12"/>
    </row>
    <row r="563598" spans="8:8">
      <c r="H563598" s="12"/>
    </row>
    <row r="563599" spans="8:8">
      <c r="H563599" s="12"/>
    </row>
    <row r="563600" spans="8:8">
      <c r="H563600" s="12"/>
    </row>
    <row r="563601" spans="8:8">
      <c r="H563601" s="12"/>
    </row>
    <row r="563602" spans="8:8">
      <c r="H563602" s="12"/>
    </row>
    <row r="563603" spans="8:8">
      <c r="H563603" s="12"/>
    </row>
    <row r="563604" spans="8:8">
      <c r="H563604" s="12"/>
    </row>
    <row r="563605" spans="8:8">
      <c r="H563605" s="12"/>
    </row>
    <row r="563606" spans="8:8">
      <c r="H563606" s="12"/>
    </row>
    <row r="563607" spans="8:8">
      <c r="H563607" s="12"/>
    </row>
    <row r="563608" spans="8:8">
      <c r="H563608" s="12"/>
    </row>
    <row r="563609" spans="8:8">
      <c r="H563609" s="12"/>
    </row>
    <row r="563610" spans="8:8">
      <c r="H563610" s="12"/>
    </row>
    <row r="563611" spans="8:8">
      <c r="H563611" s="12"/>
    </row>
    <row r="563612" spans="8:8">
      <c r="H563612" s="12"/>
    </row>
    <row r="563613" spans="8:8">
      <c r="H563613" s="12"/>
    </row>
    <row r="563614" spans="8:8">
      <c r="H563614" s="12"/>
    </row>
    <row r="563615" spans="8:8">
      <c r="H563615" s="12"/>
    </row>
    <row r="563616" spans="8:8">
      <c r="H563616" s="12"/>
    </row>
    <row r="563617" spans="8:8">
      <c r="H563617" s="12"/>
    </row>
    <row r="563618" spans="8:8">
      <c r="H563618" s="12"/>
    </row>
    <row r="563619" spans="8:8">
      <c r="H563619" s="12"/>
    </row>
    <row r="563620" spans="8:8">
      <c r="H563620" s="12"/>
    </row>
    <row r="563621" spans="8:8">
      <c r="H563621" s="12"/>
    </row>
    <row r="563622" spans="8:8">
      <c r="H563622" s="12"/>
    </row>
    <row r="563623" spans="8:8">
      <c r="H563623" s="12"/>
    </row>
    <row r="563624" spans="8:8">
      <c r="H563624" s="12"/>
    </row>
    <row r="563625" spans="8:8">
      <c r="H563625" s="12"/>
    </row>
    <row r="563626" spans="8:8">
      <c r="H563626" s="12"/>
    </row>
    <row r="563627" spans="8:8">
      <c r="H563627" s="12"/>
    </row>
    <row r="563628" spans="8:8">
      <c r="H563628" s="12"/>
    </row>
    <row r="563629" spans="8:8">
      <c r="H563629" s="12"/>
    </row>
    <row r="563630" spans="8:8">
      <c r="H563630" s="12"/>
    </row>
    <row r="563631" spans="8:8">
      <c r="H563631" s="12"/>
    </row>
    <row r="563632" spans="8:8">
      <c r="H563632" s="12"/>
    </row>
    <row r="563633" spans="8:8">
      <c r="H563633" s="12"/>
    </row>
    <row r="563634" spans="8:8">
      <c r="H563634" s="12"/>
    </row>
    <row r="563635" spans="8:8">
      <c r="H563635" s="12"/>
    </row>
    <row r="563636" spans="8:8">
      <c r="H563636" s="12"/>
    </row>
    <row r="563637" spans="8:8">
      <c r="H563637" s="12"/>
    </row>
    <row r="563638" spans="8:8">
      <c r="H563638" s="12"/>
    </row>
    <row r="563639" spans="8:8">
      <c r="H563639" s="12"/>
    </row>
    <row r="563640" spans="8:8">
      <c r="H563640" s="12"/>
    </row>
    <row r="563641" spans="8:8">
      <c r="H563641" s="12"/>
    </row>
    <row r="563642" spans="8:8">
      <c r="H563642" s="12"/>
    </row>
    <row r="563643" spans="8:8">
      <c r="H563643" s="12"/>
    </row>
    <row r="563644" spans="8:8">
      <c r="H563644" s="12"/>
    </row>
    <row r="563645" spans="8:8">
      <c r="H563645" s="12"/>
    </row>
    <row r="563646" spans="8:8">
      <c r="H563646" s="12"/>
    </row>
    <row r="563647" spans="8:8">
      <c r="H563647" s="12"/>
    </row>
    <row r="563648" spans="8:8">
      <c r="H563648" s="12"/>
    </row>
    <row r="563649" spans="8:8">
      <c r="H563649" s="12"/>
    </row>
    <row r="563650" spans="8:8">
      <c r="H563650" s="12"/>
    </row>
    <row r="563651" spans="8:8">
      <c r="H563651" s="12"/>
    </row>
    <row r="563652" spans="8:8">
      <c r="H563652" s="12"/>
    </row>
    <row r="563653" spans="8:8">
      <c r="H563653" s="12"/>
    </row>
    <row r="563654" spans="8:8">
      <c r="H563654" s="12"/>
    </row>
    <row r="563655" spans="8:8">
      <c r="H563655" s="12"/>
    </row>
    <row r="563656" spans="8:8">
      <c r="H563656" s="12"/>
    </row>
    <row r="563657" spans="8:8">
      <c r="H563657" s="12"/>
    </row>
    <row r="563658" spans="8:8">
      <c r="H563658" s="12"/>
    </row>
    <row r="563659" spans="8:8">
      <c r="H563659" s="12"/>
    </row>
    <row r="563660" spans="8:8">
      <c r="H563660" s="12"/>
    </row>
    <row r="563661" spans="8:8">
      <c r="H563661" s="12"/>
    </row>
    <row r="563662" spans="8:8">
      <c r="H563662" s="12"/>
    </row>
    <row r="563663" spans="8:8">
      <c r="H563663" s="12"/>
    </row>
    <row r="563664" spans="8:8">
      <c r="H563664" s="12"/>
    </row>
    <row r="563665" spans="8:8">
      <c r="H563665" s="12"/>
    </row>
    <row r="563666" spans="8:8">
      <c r="H563666" s="12"/>
    </row>
    <row r="563667" spans="8:8">
      <c r="H563667" s="12"/>
    </row>
    <row r="563668" spans="8:8">
      <c r="H563668" s="12"/>
    </row>
    <row r="563669" spans="8:8">
      <c r="H563669" s="12"/>
    </row>
    <row r="563670" spans="8:8">
      <c r="H563670" s="12"/>
    </row>
    <row r="563671" spans="8:8">
      <c r="H563671" s="12"/>
    </row>
    <row r="563672" spans="8:8">
      <c r="H563672" s="12"/>
    </row>
    <row r="563673" spans="8:8">
      <c r="H563673" s="12"/>
    </row>
    <row r="563674" spans="8:8">
      <c r="H563674" s="12"/>
    </row>
    <row r="563675" spans="8:8">
      <c r="H563675" s="12"/>
    </row>
    <row r="563676" spans="8:8">
      <c r="H563676" s="12"/>
    </row>
    <row r="563677" spans="8:8">
      <c r="H563677" s="12"/>
    </row>
    <row r="563678" spans="8:8">
      <c r="H563678" s="12"/>
    </row>
    <row r="563679" spans="8:8">
      <c r="H563679" s="12"/>
    </row>
    <row r="563680" spans="8:8">
      <c r="H563680" s="12"/>
    </row>
    <row r="563681" spans="8:8">
      <c r="H563681" s="12"/>
    </row>
    <row r="563682" spans="8:8">
      <c r="H563682" s="12"/>
    </row>
    <row r="563683" spans="8:8">
      <c r="H563683" s="12"/>
    </row>
    <row r="563684" spans="8:8">
      <c r="H563684" s="12"/>
    </row>
    <row r="563685" spans="8:8">
      <c r="H563685" s="12"/>
    </row>
    <row r="563686" spans="8:8">
      <c r="H563686" s="12"/>
    </row>
    <row r="563687" spans="8:8">
      <c r="H563687" s="12"/>
    </row>
    <row r="563688" spans="8:8">
      <c r="H563688" s="12"/>
    </row>
    <row r="563689" spans="8:8">
      <c r="H563689" s="12"/>
    </row>
    <row r="563690" spans="8:8">
      <c r="H563690" s="12"/>
    </row>
    <row r="563691" spans="8:8">
      <c r="H563691" s="12"/>
    </row>
    <row r="563692" spans="8:8">
      <c r="H563692" s="12"/>
    </row>
    <row r="563693" spans="8:8">
      <c r="H563693" s="12"/>
    </row>
    <row r="563694" spans="8:8">
      <c r="H563694" s="12"/>
    </row>
    <row r="563695" spans="8:8">
      <c r="H563695" s="12"/>
    </row>
    <row r="563696" spans="8:8">
      <c r="H563696" s="12"/>
    </row>
    <row r="563697" spans="8:8">
      <c r="H563697" s="12"/>
    </row>
    <row r="563698" spans="8:8">
      <c r="H563698" s="12"/>
    </row>
    <row r="563699" spans="8:8">
      <c r="H563699" s="12"/>
    </row>
    <row r="563700" spans="8:8">
      <c r="H563700" s="12"/>
    </row>
    <row r="563701" spans="8:8">
      <c r="H563701" s="12"/>
    </row>
    <row r="563702" spans="8:8">
      <c r="H563702" s="12"/>
    </row>
    <row r="563703" spans="8:8">
      <c r="H563703" s="12"/>
    </row>
    <row r="563704" spans="8:8">
      <c r="H563704" s="12"/>
    </row>
    <row r="563705" spans="8:8">
      <c r="H563705" s="12"/>
    </row>
    <row r="563706" spans="8:8">
      <c r="H563706" s="12"/>
    </row>
    <row r="563707" spans="8:8">
      <c r="H563707" s="12"/>
    </row>
    <row r="563708" spans="8:8">
      <c r="H563708" s="12"/>
    </row>
    <row r="563709" spans="8:8">
      <c r="H563709" s="12"/>
    </row>
    <row r="563710" spans="8:8">
      <c r="H563710" s="12"/>
    </row>
    <row r="563711" spans="8:8">
      <c r="H563711" s="12"/>
    </row>
    <row r="563712" spans="8:8">
      <c r="H563712" s="12"/>
    </row>
    <row r="563713" spans="8:8">
      <c r="H563713" s="12"/>
    </row>
    <row r="563714" spans="8:8">
      <c r="H563714" s="12"/>
    </row>
    <row r="563715" spans="8:8">
      <c r="H563715" s="12"/>
    </row>
    <row r="563716" spans="8:8">
      <c r="H563716" s="12"/>
    </row>
    <row r="563717" spans="8:8">
      <c r="H563717" s="12"/>
    </row>
    <row r="563718" spans="8:8">
      <c r="H563718" s="12"/>
    </row>
    <row r="563719" spans="8:8">
      <c r="H563719" s="12"/>
    </row>
    <row r="563720" spans="8:8">
      <c r="H563720" s="12"/>
    </row>
    <row r="563721" spans="8:8">
      <c r="H563721" s="12"/>
    </row>
    <row r="563722" spans="8:8">
      <c r="H563722" s="12"/>
    </row>
    <row r="563723" spans="8:8">
      <c r="H563723" s="12"/>
    </row>
    <row r="563724" spans="8:8">
      <c r="H563724" s="12"/>
    </row>
    <row r="563725" spans="8:8">
      <c r="H563725" s="12"/>
    </row>
    <row r="563726" spans="8:8">
      <c r="H563726" s="12"/>
    </row>
    <row r="563727" spans="8:8">
      <c r="H563727" s="12"/>
    </row>
    <row r="563728" spans="8:8">
      <c r="H563728" s="12"/>
    </row>
    <row r="563729" spans="8:8">
      <c r="H563729" s="12"/>
    </row>
    <row r="563730" spans="8:8">
      <c r="H563730" s="12"/>
    </row>
    <row r="563731" spans="8:8">
      <c r="H563731" s="12"/>
    </row>
    <row r="563732" spans="8:8">
      <c r="H563732" s="12"/>
    </row>
    <row r="563733" spans="8:8">
      <c r="H563733" s="12"/>
    </row>
    <row r="563734" spans="8:8">
      <c r="H563734" s="12"/>
    </row>
    <row r="563735" spans="8:8">
      <c r="H563735" s="12"/>
    </row>
    <row r="563736" spans="8:8">
      <c r="H563736" s="12"/>
    </row>
    <row r="563737" spans="8:8">
      <c r="H563737" s="12"/>
    </row>
    <row r="563738" spans="8:8">
      <c r="H563738" s="12"/>
    </row>
    <row r="563739" spans="8:8">
      <c r="H563739" s="12"/>
    </row>
    <row r="563740" spans="8:8">
      <c r="H563740" s="12"/>
    </row>
    <row r="563741" spans="8:8">
      <c r="H563741" s="12"/>
    </row>
    <row r="563742" spans="8:8">
      <c r="H563742" s="12"/>
    </row>
    <row r="563743" spans="8:8">
      <c r="H563743" s="12"/>
    </row>
    <row r="563744" spans="8:8">
      <c r="H563744" s="12"/>
    </row>
    <row r="563745" spans="8:8">
      <c r="H563745" s="12"/>
    </row>
    <row r="563746" spans="8:8">
      <c r="H563746" s="12"/>
    </row>
    <row r="563747" spans="8:8">
      <c r="H563747" s="12"/>
    </row>
    <row r="563748" spans="8:8">
      <c r="H563748" s="12"/>
    </row>
    <row r="563749" spans="8:8">
      <c r="H563749" s="12"/>
    </row>
    <row r="563750" spans="8:8">
      <c r="H563750" s="12"/>
    </row>
    <row r="563751" spans="8:8">
      <c r="H563751" s="12"/>
    </row>
    <row r="563752" spans="8:8">
      <c r="H563752" s="12"/>
    </row>
    <row r="563753" spans="8:8">
      <c r="H563753" s="12"/>
    </row>
    <row r="563754" spans="8:8">
      <c r="H563754" s="12"/>
    </row>
    <row r="563755" spans="8:8">
      <c r="H563755" s="12"/>
    </row>
    <row r="563756" spans="8:8">
      <c r="H563756" s="12"/>
    </row>
    <row r="563757" spans="8:8">
      <c r="H563757" s="12"/>
    </row>
    <row r="563758" spans="8:8">
      <c r="H563758" s="12"/>
    </row>
    <row r="563759" spans="8:8">
      <c r="H563759" s="12"/>
    </row>
    <row r="563760" spans="8:8">
      <c r="H563760" s="12"/>
    </row>
    <row r="563761" spans="8:8">
      <c r="H563761" s="12"/>
    </row>
    <row r="563762" spans="8:8">
      <c r="H563762" s="12"/>
    </row>
    <row r="563763" spans="8:8">
      <c r="H563763" s="12"/>
    </row>
    <row r="563764" spans="8:8">
      <c r="H563764" s="12"/>
    </row>
    <row r="563765" spans="8:8">
      <c r="H563765" s="12"/>
    </row>
    <row r="563766" spans="8:8">
      <c r="H563766" s="12"/>
    </row>
    <row r="563767" spans="8:8">
      <c r="H563767" s="12"/>
    </row>
    <row r="563768" spans="8:8">
      <c r="H563768" s="12"/>
    </row>
    <row r="563769" spans="8:8">
      <c r="H563769" s="12"/>
    </row>
    <row r="563770" spans="8:8">
      <c r="H563770" s="12"/>
    </row>
    <row r="563771" spans="8:8">
      <c r="H563771" s="12"/>
    </row>
    <row r="563772" spans="8:8">
      <c r="H563772" s="12"/>
    </row>
    <row r="563773" spans="8:8">
      <c r="H563773" s="12"/>
    </row>
    <row r="563774" spans="8:8">
      <c r="H563774" s="12"/>
    </row>
    <row r="563775" spans="8:8">
      <c r="H563775" s="12"/>
    </row>
    <row r="563776" spans="8:8">
      <c r="H563776" s="12"/>
    </row>
    <row r="563777" spans="8:8">
      <c r="H563777" s="12"/>
    </row>
    <row r="563778" spans="8:8">
      <c r="H563778" s="12"/>
    </row>
    <row r="563779" spans="8:8">
      <c r="H563779" s="12"/>
    </row>
    <row r="563780" spans="8:8">
      <c r="H563780" s="12"/>
    </row>
    <row r="563781" spans="8:8">
      <c r="H563781" s="12"/>
    </row>
    <row r="563782" spans="8:8">
      <c r="H563782" s="12"/>
    </row>
    <row r="563783" spans="8:8">
      <c r="H563783" s="12"/>
    </row>
    <row r="563784" spans="8:8">
      <c r="H563784" s="12"/>
    </row>
    <row r="563785" spans="8:8">
      <c r="H563785" s="12"/>
    </row>
    <row r="563786" spans="8:8">
      <c r="H563786" s="12"/>
    </row>
    <row r="563787" spans="8:8">
      <c r="H563787" s="12"/>
    </row>
    <row r="563788" spans="8:8">
      <c r="H563788" s="12"/>
    </row>
    <row r="563789" spans="8:8">
      <c r="H563789" s="12"/>
    </row>
    <row r="563790" spans="8:8">
      <c r="H563790" s="12"/>
    </row>
    <row r="563791" spans="8:8">
      <c r="H563791" s="12"/>
    </row>
    <row r="563792" spans="8:8">
      <c r="H563792" s="12"/>
    </row>
    <row r="563793" spans="8:8">
      <c r="H563793" s="12"/>
    </row>
    <row r="563794" spans="8:8">
      <c r="H563794" s="12"/>
    </row>
    <row r="563795" spans="8:8">
      <c r="H563795" s="12"/>
    </row>
    <row r="563796" spans="8:8">
      <c r="H563796" s="12"/>
    </row>
    <row r="563797" spans="8:8">
      <c r="H563797" s="12"/>
    </row>
    <row r="563798" spans="8:8">
      <c r="H563798" s="12"/>
    </row>
    <row r="563799" spans="8:8">
      <c r="H563799" s="12"/>
    </row>
    <row r="563800" spans="8:8">
      <c r="H563800" s="12"/>
    </row>
    <row r="563801" spans="8:8">
      <c r="H563801" s="12"/>
    </row>
    <row r="563802" spans="8:8">
      <c r="H563802" s="12"/>
    </row>
    <row r="563803" spans="8:8">
      <c r="H563803" s="12"/>
    </row>
    <row r="563804" spans="8:8">
      <c r="H563804" s="12"/>
    </row>
    <row r="563805" spans="8:8">
      <c r="H563805" s="12"/>
    </row>
    <row r="563806" spans="8:8">
      <c r="H563806" s="12"/>
    </row>
    <row r="563807" spans="8:8">
      <c r="H563807" s="12"/>
    </row>
    <row r="563808" spans="8:8">
      <c r="H563808" s="12"/>
    </row>
    <row r="563809" spans="8:8">
      <c r="H563809" s="12"/>
    </row>
    <row r="563810" spans="8:8">
      <c r="H563810" s="12"/>
    </row>
    <row r="563811" spans="8:8">
      <c r="H563811" s="12"/>
    </row>
    <row r="563812" spans="8:8">
      <c r="H563812" s="12"/>
    </row>
    <row r="563813" spans="8:8">
      <c r="H563813" s="12"/>
    </row>
    <row r="563814" spans="8:8">
      <c r="H563814" s="12"/>
    </row>
    <row r="563815" spans="8:8">
      <c r="H563815" s="12"/>
    </row>
    <row r="563816" spans="8:8">
      <c r="H563816" s="12"/>
    </row>
    <row r="563817" spans="8:8">
      <c r="H563817" s="12"/>
    </row>
    <row r="563818" spans="8:8">
      <c r="H563818" s="12"/>
    </row>
    <row r="563819" spans="8:8">
      <c r="H563819" s="12"/>
    </row>
    <row r="563820" spans="8:8">
      <c r="H563820" s="12"/>
    </row>
    <row r="563821" spans="8:8">
      <c r="H563821" s="12"/>
    </row>
    <row r="563822" spans="8:8">
      <c r="H563822" s="12"/>
    </row>
    <row r="563823" spans="8:8">
      <c r="H563823" s="12"/>
    </row>
    <row r="563824" spans="8:8">
      <c r="H563824" s="12"/>
    </row>
    <row r="563825" spans="8:8">
      <c r="H563825" s="12"/>
    </row>
    <row r="563826" spans="8:8">
      <c r="H563826" s="12"/>
    </row>
    <row r="563827" spans="8:8">
      <c r="H563827" s="12"/>
    </row>
    <row r="563828" spans="8:8">
      <c r="H563828" s="12"/>
    </row>
    <row r="563829" spans="8:8">
      <c r="H563829" s="12"/>
    </row>
    <row r="563830" spans="8:8">
      <c r="H563830" s="12"/>
    </row>
    <row r="563831" spans="8:8">
      <c r="H563831" s="12"/>
    </row>
    <row r="563832" spans="8:8">
      <c r="H563832" s="12"/>
    </row>
    <row r="563833" spans="8:8">
      <c r="H563833" s="12"/>
    </row>
    <row r="563834" spans="8:8">
      <c r="H563834" s="12"/>
    </row>
    <row r="563835" spans="8:8">
      <c r="H563835" s="12"/>
    </row>
    <row r="563836" spans="8:8">
      <c r="H563836" s="12"/>
    </row>
    <row r="563837" spans="8:8">
      <c r="H563837" s="12"/>
    </row>
    <row r="563838" spans="8:8">
      <c r="H563838" s="12"/>
    </row>
    <row r="563839" spans="8:8">
      <c r="H563839" s="12"/>
    </row>
    <row r="563840" spans="8:8">
      <c r="H563840" s="12"/>
    </row>
    <row r="563841" spans="8:8">
      <c r="H563841" s="12"/>
    </row>
    <row r="563842" spans="8:8">
      <c r="H563842" s="12"/>
    </row>
    <row r="563843" spans="8:8">
      <c r="H563843" s="12"/>
    </row>
    <row r="563844" spans="8:8">
      <c r="H563844" s="12"/>
    </row>
    <row r="563845" spans="8:8">
      <c r="H563845" s="12"/>
    </row>
    <row r="563846" spans="8:8">
      <c r="H563846" s="12"/>
    </row>
    <row r="563847" spans="8:8">
      <c r="H563847" s="12"/>
    </row>
    <row r="563848" spans="8:8">
      <c r="H563848" s="12"/>
    </row>
    <row r="563849" spans="8:8">
      <c r="H563849" s="12"/>
    </row>
    <row r="563850" spans="8:8">
      <c r="H563850" s="12"/>
    </row>
    <row r="563851" spans="8:8">
      <c r="H563851" s="12"/>
    </row>
    <row r="563852" spans="8:8">
      <c r="H563852" s="12"/>
    </row>
    <row r="563853" spans="8:8">
      <c r="H563853" s="12"/>
    </row>
    <row r="563854" spans="8:8">
      <c r="H563854" s="12"/>
    </row>
    <row r="563855" spans="8:8">
      <c r="H563855" s="12"/>
    </row>
    <row r="563856" spans="8:8">
      <c r="H563856" s="12"/>
    </row>
    <row r="563857" spans="8:8">
      <c r="H563857" s="12"/>
    </row>
    <row r="563858" spans="8:8">
      <c r="H563858" s="12"/>
    </row>
    <row r="563859" spans="8:8">
      <c r="H563859" s="12"/>
    </row>
    <row r="563860" spans="8:8">
      <c r="H563860" s="12"/>
    </row>
    <row r="563861" spans="8:8">
      <c r="H563861" s="12"/>
    </row>
    <row r="563862" spans="8:8">
      <c r="H563862" s="12"/>
    </row>
    <row r="563863" spans="8:8">
      <c r="H563863" s="12"/>
    </row>
    <row r="563864" spans="8:8">
      <c r="H563864" s="12"/>
    </row>
    <row r="563865" spans="8:8">
      <c r="H563865" s="12"/>
    </row>
    <row r="563866" spans="8:8">
      <c r="H563866" s="12"/>
    </row>
    <row r="563867" spans="8:8">
      <c r="H563867" s="12"/>
    </row>
    <row r="563868" spans="8:8">
      <c r="H563868" s="12"/>
    </row>
    <row r="563869" spans="8:8">
      <c r="H563869" s="12"/>
    </row>
    <row r="563870" spans="8:8">
      <c r="H563870" s="12"/>
    </row>
    <row r="563871" spans="8:8">
      <c r="H563871" s="12"/>
    </row>
    <row r="563872" spans="8:8">
      <c r="H563872" s="12"/>
    </row>
    <row r="563873" spans="8:8">
      <c r="H563873" s="12"/>
    </row>
    <row r="563874" spans="8:8">
      <c r="H563874" s="12"/>
    </row>
    <row r="563875" spans="8:8">
      <c r="H563875" s="12"/>
    </row>
    <row r="563876" spans="8:8">
      <c r="H563876" s="12"/>
    </row>
    <row r="563877" spans="8:8">
      <c r="H563877" s="12"/>
    </row>
    <row r="563878" spans="8:8">
      <c r="H563878" s="12"/>
    </row>
    <row r="563879" spans="8:8">
      <c r="H563879" s="12"/>
    </row>
    <row r="563880" spans="8:8">
      <c r="H563880" s="12"/>
    </row>
    <row r="563881" spans="8:8">
      <c r="H563881" s="12"/>
    </row>
    <row r="563882" spans="8:8">
      <c r="H563882" s="12"/>
    </row>
    <row r="563883" spans="8:8">
      <c r="H563883" s="12"/>
    </row>
    <row r="563884" spans="8:8">
      <c r="H563884" s="12"/>
    </row>
    <row r="563885" spans="8:8">
      <c r="H563885" s="12"/>
    </row>
    <row r="563886" spans="8:8">
      <c r="H563886" s="12"/>
    </row>
    <row r="563887" spans="8:8">
      <c r="H563887" s="12"/>
    </row>
    <row r="563888" spans="8:8">
      <c r="H563888" s="12"/>
    </row>
    <row r="563889" spans="8:8">
      <c r="H563889" s="12"/>
    </row>
    <row r="563890" spans="8:8">
      <c r="H563890" s="12"/>
    </row>
    <row r="563891" spans="8:8">
      <c r="H563891" s="12"/>
    </row>
    <row r="563892" spans="8:8">
      <c r="H563892" s="12"/>
    </row>
    <row r="563893" spans="8:8">
      <c r="H563893" s="12"/>
    </row>
    <row r="563894" spans="8:8">
      <c r="H563894" s="12"/>
    </row>
    <row r="563895" spans="8:8">
      <c r="H563895" s="12"/>
    </row>
    <row r="563896" spans="8:8">
      <c r="H563896" s="12"/>
    </row>
    <row r="563897" spans="8:8">
      <c r="H563897" s="12"/>
    </row>
    <row r="563898" spans="8:8">
      <c r="H563898" s="12"/>
    </row>
    <row r="563899" spans="8:8">
      <c r="H563899" s="12"/>
    </row>
    <row r="563900" spans="8:8">
      <c r="H563900" s="12"/>
    </row>
    <row r="563901" spans="8:8">
      <c r="H563901" s="12"/>
    </row>
    <row r="563902" spans="8:8">
      <c r="H563902" s="12"/>
    </row>
    <row r="563903" spans="8:8">
      <c r="H563903" s="12"/>
    </row>
    <row r="563904" spans="8:8">
      <c r="H563904" s="12"/>
    </row>
    <row r="563905" spans="8:8">
      <c r="H563905" s="12"/>
    </row>
    <row r="563906" spans="8:8">
      <c r="H563906" s="12"/>
    </row>
    <row r="563907" spans="8:8">
      <c r="H563907" s="12"/>
    </row>
    <row r="563908" spans="8:8">
      <c r="H563908" s="12"/>
    </row>
    <row r="563909" spans="8:8">
      <c r="H563909" s="12"/>
    </row>
    <row r="563910" spans="8:8">
      <c r="H563910" s="12"/>
    </row>
    <row r="563911" spans="8:8">
      <c r="H563911" s="12"/>
    </row>
    <row r="563912" spans="8:8">
      <c r="H563912" s="12"/>
    </row>
    <row r="563913" spans="8:8">
      <c r="H563913" s="12"/>
    </row>
    <row r="563914" spans="8:8">
      <c r="H563914" s="12"/>
    </row>
    <row r="563915" spans="8:8">
      <c r="H563915" s="12"/>
    </row>
    <row r="563916" spans="8:8">
      <c r="H563916" s="12"/>
    </row>
    <row r="563917" spans="8:8">
      <c r="H563917" s="12"/>
    </row>
    <row r="563918" spans="8:8">
      <c r="H563918" s="12"/>
    </row>
    <row r="563919" spans="8:8">
      <c r="H563919" s="12"/>
    </row>
    <row r="563920" spans="8:8">
      <c r="H563920" s="12"/>
    </row>
    <row r="563921" spans="8:8">
      <c r="H563921" s="12"/>
    </row>
    <row r="563922" spans="8:8">
      <c r="H563922" s="12"/>
    </row>
    <row r="563923" spans="8:8">
      <c r="H563923" s="12"/>
    </row>
    <row r="563924" spans="8:8">
      <c r="H563924" s="12"/>
    </row>
    <row r="563925" spans="8:8">
      <c r="H563925" s="12"/>
    </row>
    <row r="563926" spans="8:8">
      <c r="H563926" s="12"/>
    </row>
    <row r="563927" spans="8:8">
      <c r="H563927" s="12"/>
    </row>
    <row r="563928" spans="8:8">
      <c r="H563928" s="12"/>
    </row>
    <row r="563929" spans="8:8">
      <c r="H563929" s="12"/>
    </row>
    <row r="563930" spans="8:8">
      <c r="H563930" s="12"/>
    </row>
    <row r="563931" spans="8:8">
      <c r="H563931" s="12"/>
    </row>
    <row r="563932" spans="8:8">
      <c r="H563932" s="12"/>
    </row>
    <row r="563933" spans="8:8">
      <c r="H563933" s="12"/>
    </row>
    <row r="563934" spans="8:8">
      <c r="H563934" s="12"/>
    </row>
    <row r="563935" spans="8:8">
      <c r="H563935" s="12"/>
    </row>
    <row r="563936" spans="8:8">
      <c r="H563936" s="12"/>
    </row>
    <row r="563937" spans="8:8">
      <c r="H563937" s="12"/>
    </row>
    <row r="563938" spans="8:8">
      <c r="H563938" s="12"/>
    </row>
    <row r="563939" spans="8:8">
      <c r="H563939" s="12"/>
    </row>
    <row r="563940" spans="8:8">
      <c r="H563940" s="12"/>
    </row>
    <row r="563941" spans="8:8">
      <c r="H563941" s="12"/>
    </row>
    <row r="563942" spans="8:8">
      <c r="H563942" s="12"/>
    </row>
    <row r="563943" spans="8:8">
      <c r="H563943" s="12"/>
    </row>
    <row r="563944" spans="8:8">
      <c r="H563944" s="12"/>
    </row>
    <row r="563945" spans="8:8">
      <c r="H563945" s="12"/>
    </row>
    <row r="563946" spans="8:8">
      <c r="H563946" s="12"/>
    </row>
    <row r="563947" spans="8:8">
      <c r="H563947" s="12"/>
    </row>
    <row r="563948" spans="8:8">
      <c r="H563948" s="12"/>
    </row>
    <row r="563949" spans="8:8">
      <c r="H563949" s="12"/>
    </row>
    <row r="563950" spans="8:8">
      <c r="H563950" s="12"/>
    </row>
    <row r="563951" spans="8:8">
      <c r="H563951" s="12"/>
    </row>
    <row r="563952" spans="8:8">
      <c r="H563952" s="12"/>
    </row>
    <row r="563953" spans="8:8">
      <c r="H563953" s="12"/>
    </row>
    <row r="563954" spans="8:8">
      <c r="H563954" s="12"/>
    </row>
    <row r="563955" spans="8:8">
      <c r="H563955" s="12"/>
    </row>
    <row r="563956" spans="8:8">
      <c r="H563956" s="12"/>
    </row>
    <row r="563957" spans="8:8">
      <c r="H563957" s="12"/>
    </row>
    <row r="563958" spans="8:8">
      <c r="H563958" s="12"/>
    </row>
    <row r="563959" spans="8:8">
      <c r="H563959" s="12"/>
    </row>
    <row r="563960" spans="8:8">
      <c r="H563960" s="12"/>
    </row>
    <row r="563961" spans="8:8">
      <c r="H563961" s="12"/>
    </row>
    <row r="563962" spans="8:8">
      <c r="H563962" s="12"/>
    </row>
    <row r="563963" spans="8:8">
      <c r="H563963" s="12"/>
    </row>
    <row r="563964" spans="8:8">
      <c r="H563964" s="12"/>
    </row>
    <row r="563965" spans="8:8">
      <c r="H563965" s="12"/>
    </row>
    <row r="563966" spans="8:8">
      <c r="H563966" s="12"/>
    </row>
    <row r="563967" spans="8:8">
      <c r="H563967" s="12"/>
    </row>
    <row r="563968" spans="8:8">
      <c r="H563968" s="12"/>
    </row>
    <row r="563969" spans="8:8">
      <c r="H563969" s="12"/>
    </row>
    <row r="563970" spans="8:8">
      <c r="H563970" s="12"/>
    </row>
    <row r="563971" spans="8:8">
      <c r="H563971" s="12"/>
    </row>
    <row r="563972" spans="8:8">
      <c r="H563972" s="12"/>
    </row>
    <row r="563973" spans="8:8">
      <c r="H563973" s="12"/>
    </row>
    <row r="563974" spans="8:8">
      <c r="H563974" s="12"/>
    </row>
    <row r="563975" spans="8:8">
      <c r="H563975" s="12"/>
    </row>
    <row r="563976" spans="8:8">
      <c r="H563976" s="12"/>
    </row>
    <row r="563977" spans="8:8">
      <c r="H563977" s="12"/>
    </row>
    <row r="563978" spans="8:8">
      <c r="H563978" s="12"/>
    </row>
    <row r="563979" spans="8:8">
      <c r="H563979" s="12"/>
    </row>
    <row r="563980" spans="8:8">
      <c r="H563980" s="12"/>
    </row>
    <row r="563981" spans="8:8">
      <c r="H563981" s="12"/>
    </row>
    <row r="563982" spans="8:8">
      <c r="H563982" s="12"/>
    </row>
    <row r="563983" spans="8:8">
      <c r="H563983" s="12"/>
    </row>
    <row r="563984" spans="8:8">
      <c r="H563984" s="12"/>
    </row>
    <row r="563985" spans="8:8">
      <c r="H563985" s="12"/>
    </row>
    <row r="563986" spans="8:8">
      <c r="H563986" s="12"/>
    </row>
    <row r="563987" spans="8:8">
      <c r="H563987" s="12"/>
    </row>
    <row r="563988" spans="8:8">
      <c r="H563988" s="12"/>
    </row>
    <row r="563989" spans="8:8">
      <c r="H563989" s="12"/>
    </row>
    <row r="563990" spans="8:8">
      <c r="H563990" s="12"/>
    </row>
    <row r="563991" spans="8:8">
      <c r="H563991" s="12"/>
    </row>
    <row r="563992" spans="8:8">
      <c r="H563992" s="12"/>
    </row>
    <row r="563993" spans="8:8">
      <c r="H563993" s="12"/>
    </row>
    <row r="563994" spans="8:8">
      <c r="H563994" s="12"/>
    </row>
    <row r="563995" spans="8:8">
      <c r="H563995" s="12"/>
    </row>
    <row r="563996" spans="8:8">
      <c r="H563996" s="12"/>
    </row>
    <row r="563997" spans="8:8">
      <c r="H563997" s="12"/>
    </row>
    <row r="563998" spans="8:8">
      <c r="H563998" s="12"/>
    </row>
    <row r="563999" spans="8:8">
      <c r="H563999" s="12"/>
    </row>
    <row r="564000" spans="8:8">
      <c r="H564000" s="12"/>
    </row>
    <row r="564001" spans="8:8">
      <c r="H564001" s="12"/>
    </row>
    <row r="564002" spans="8:8">
      <c r="H564002" s="12"/>
    </row>
    <row r="564003" spans="8:8">
      <c r="H564003" s="12"/>
    </row>
    <row r="564004" spans="8:8">
      <c r="H564004" s="12"/>
    </row>
    <row r="564005" spans="8:8">
      <c r="H564005" s="12"/>
    </row>
    <row r="564006" spans="8:8">
      <c r="H564006" s="12"/>
    </row>
    <row r="564007" spans="8:8">
      <c r="H564007" s="12"/>
    </row>
    <row r="564008" spans="8:8">
      <c r="H564008" s="12"/>
    </row>
    <row r="564009" spans="8:8">
      <c r="H564009" s="12"/>
    </row>
    <row r="564010" spans="8:8">
      <c r="H564010" s="12"/>
    </row>
    <row r="564011" spans="8:8">
      <c r="H564011" s="12"/>
    </row>
    <row r="564012" spans="8:8">
      <c r="H564012" s="12"/>
    </row>
    <row r="564013" spans="8:8">
      <c r="H564013" s="12"/>
    </row>
    <row r="564014" spans="8:8">
      <c r="H564014" s="12"/>
    </row>
    <row r="564015" spans="8:8">
      <c r="H564015" s="12"/>
    </row>
    <row r="564016" spans="8:8">
      <c r="H564016" s="12"/>
    </row>
    <row r="564017" spans="8:8">
      <c r="H564017" s="12"/>
    </row>
    <row r="564018" spans="8:8">
      <c r="H564018" s="12"/>
    </row>
    <row r="564019" spans="8:8">
      <c r="H564019" s="12"/>
    </row>
    <row r="564020" spans="8:8">
      <c r="H564020" s="12"/>
    </row>
    <row r="564021" spans="8:8">
      <c r="H564021" s="12"/>
    </row>
    <row r="564022" spans="8:8">
      <c r="H564022" s="12"/>
    </row>
    <row r="564023" spans="8:8">
      <c r="H564023" s="12"/>
    </row>
    <row r="564024" spans="8:8">
      <c r="H564024" s="12"/>
    </row>
    <row r="564025" spans="8:8">
      <c r="H564025" s="12"/>
    </row>
    <row r="564026" spans="8:8">
      <c r="H564026" s="12"/>
    </row>
    <row r="564027" spans="8:8">
      <c r="H564027" s="12"/>
    </row>
    <row r="564028" spans="8:8">
      <c r="H564028" s="12"/>
    </row>
    <row r="564029" spans="8:8">
      <c r="H564029" s="12"/>
    </row>
    <row r="564030" spans="8:8">
      <c r="H564030" s="12"/>
    </row>
    <row r="564031" spans="8:8">
      <c r="H564031" s="12"/>
    </row>
    <row r="564032" spans="8:8">
      <c r="H564032" s="12"/>
    </row>
    <row r="564033" spans="8:8">
      <c r="H564033" s="12"/>
    </row>
    <row r="564034" spans="8:8">
      <c r="H564034" s="12"/>
    </row>
    <row r="564035" spans="8:8">
      <c r="H564035" s="12"/>
    </row>
    <row r="564036" spans="8:8">
      <c r="H564036" s="12"/>
    </row>
    <row r="564037" spans="8:8">
      <c r="H564037" s="12"/>
    </row>
    <row r="564038" spans="8:8">
      <c r="H564038" s="12"/>
    </row>
    <row r="564039" spans="8:8">
      <c r="H564039" s="12"/>
    </row>
    <row r="564040" spans="8:8">
      <c r="H564040" s="12"/>
    </row>
    <row r="564041" spans="8:8">
      <c r="H564041" s="12"/>
    </row>
    <row r="564042" spans="8:8">
      <c r="H564042" s="12"/>
    </row>
    <row r="564043" spans="8:8">
      <c r="H564043" s="12"/>
    </row>
    <row r="564044" spans="8:8">
      <c r="H564044" s="12"/>
    </row>
    <row r="564045" spans="8:8">
      <c r="H564045" s="12"/>
    </row>
    <row r="564046" spans="8:8">
      <c r="H564046" s="12"/>
    </row>
    <row r="564047" spans="8:8">
      <c r="H564047" s="12"/>
    </row>
    <row r="564048" spans="8:8">
      <c r="H564048" s="12"/>
    </row>
    <row r="564049" spans="8:8">
      <c r="H564049" s="12"/>
    </row>
    <row r="564050" spans="8:8">
      <c r="H564050" s="12"/>
    </row>
    <row r="564051" spans="8:8">
      <c r="H564051" s="12"/>
    </row>
    <row r="564052" spans="8:8">
      <c r="H564052" s="12"/>
    </row>
    <row r="564053" spans="8:8">
      <c r="H564053" s="12"/>
    </row>
    <row r="564054" spans="8:8">
      <c r="H564054" s="12"/>
    </row>
    <row r="564055" spans="8:8">
      <c r="H564055" s="12"/>
    </row>
    <row r="564056" spans="8:8">
      <c r="H564056" s="12"/>
    </row>
    <row r="564057" spans="8:8">
      <c r="H564057" s="12"/>
    </row>
    <row r="564058" spans="8:8">
      <c r="H564058" s="12"/>
    </row>
    <row r="564059" spans="8:8">
      <c r="H564059" s="12"/>
    </row>
    <row r="564060" spans="8:8">
      <c r="H564060" s="12"/>
    </row>
    <row r="564061" spans="8:8">
      <c r="H564061" s="12"/>
    </row>
    <row r="564062" spans="8:8">
      <c r="H564062" s="12"/>
    </row>
    <row r="564063" spans="8:8">
      <c r="H564063" s="12"/>
    </row>
    <row r="564064" spans="8:8">
      <c r="H564064" s="12"/>
    </row>
    <row r="564065" spans="8:8">
      <c r="H564065" s="12"/>
    </row>
    <row r="564066" spans="8:8">
      <c r="H564066" s="12"/>
    </row>
    <row r="564067" spans="8:8">
      <c r="H564067" s="12"/>
    </row>
    <row r="564068" spans="8:8">
      <c r="H564068" s="12"/>
    </row>
    <row r="564069" spans="8:8">
      <c r="H564069" s="12"/>
    </row>
    <row r="564070" spans="8:8">
      <c r="H564070" s="12"/>
    </row>
    <row r="564071" spans="8:8">
      <c r="H564071" s="12"/>
    </row>
    <row r="564072" spans="8:8">
      <c r="H564072" s="12"/>
    </row>
    <row r="564073" spans="8:8">
      <c r="H564073" s="12"/>
    </row>
    <row r="564074" spans="8:8">
      <c r="H564074" s="12"/>
    </row>
    <row r="564075" spans="8:8">
      <c r="H564075" s="12"/>
    </row>
    <row r="564076" spans="8:8">
      <c r="H564076" s="12"/>
    </row>
    <row r="564077" spans="8:8">
      <c r="H564077" s="12"/>
    </row>
    <row r="564078" spans="8:8">
      <c r="H564078" s="12"/>
    </row>
    <row r="564079" spans="8:8">
      <c r="H564079" s="12"/>
    </row>
    <row r="564080" spans="8:8">
      <c r="H564080" s="12"/>
    </row>
    <row r="564081" spans="8:8">
      <c r="H564081" s="12"/>
    </row>
    <row r="564082" spans="8:8">
      <c r="H564082" s="12"/>
    </row>
    <row r="564083" spans="8:8">
      <c r="H564083" s="12"/>
    </row>
    <row r="564084" spans="8:8">
      <c r="H564084" s="12"/>
    </row>
    <row r="564085" spans="8:8">
      <c r="H564085" s="12"/>
    </row>
    <row r="564086" spans="8:8">
      <c r="H564086" s="12"/>
    </row>
    <row r="564087" spans="8:8">
      <c r="H564087" s="12"/>
    </row>
    <row r="564088" spans="8:8">
      <c r="H564088" s="12"/>
    </row>
    <row r="564089" spans="8:8">
      <c r="H564089" s="12"/>
    </row>
    <row r="564090" spans="8:8">
      <c r="H564090" s="12"/>
    </row>
    <row r="564091" spans="8:8">
      <c r="H564091" s="12"/>
    </row>
    <row r="564092" spans="8:8">
      <c r="H564092" s="12"/>
    </row>
    <row r="564093" spans="8:8">
      <c r="H564093" s="12"/>
    </row>
    <row r="564094" spans="8:8">
      <c r="H564094" s="12"/>
    </row>
    <row r="564095" spans="8:8">
      <c r="H564095" s="12"/>
    </row>
    <row r="564096" spans="8:8">
      <c r="H564096" s="12"/>
    </row>
    <row r="564097" spans="8:8">
      <c r="H564097" s="12"/>
    </row>
    <row r="564098" spans="8:8">
      <c r="H564098" s="12"/>
    </row>
    <row r="564099" spans="8:8">
      <c r="H564099" s="12"/>
    </row>
    <row r="564100" spans="8:8">
      <c r="H564100" s="12"/>
    </row>
    <row r="564101" spans="8:8">
      <c r="H564101" s="12"/>
    </row>
    <row r="564102" spans="8:8">
      <c r="H564102" s="12"/>
    </row>
    <row r="564103" spans="8:8">
      <c r="H564103" s="12"/>
    </row>
    <row r="564104" spans="8:8">
      <c r="H564104" s="12"/>
    </row>
    <row r="564105" spans="8:8">
      <c r="H564105" s="12"/>
    </row>
    <row r="564106" spans="8:8">
      <c r="H564106" s="12"/>
    </row>
    <row r="564107" spans="8:8">
      <c r="H564107" s="12"/>
    </row>
    <row r="564108" spans="8:8">
      <c r="H564108" s="12"/>
    </row>
    <row r="564109" spans="8:8">
      <c r="H564109" s="12"/>
    </row>
    <row r="564110" spans="8:8">
      <c r="H564110" s="12"/>
    </row>
    <row r="564111" spans="8:8">
      <c r="H564111" s="12"/>
    </row>
    <row r="564112" spans="8:8">
      <c r="H564112" s="12"/>
    </row>
    <row r="564113" spans="8:8">
      <c r="H564113" s="12"/>
    </row>
    <row r="564114" spans="8:8">
      <c r="H564114" s="12"/>
    </row>
    <row r="564115" spans="8:8">
      <c r="H564115" s="12"/>
    </row>
    <row r="564116" spans="8:8">
      <c r="H564116" s="12"/>
    </row>
    <row r="564117" spans="8:8">
      <c r="H564117" s="12"/>
    </row>
    <row r="564118" spans="8:8">
      <c r="H564118" s="12"/>
    </row>
    <row r="564119" spans="8:8">
      <c r="H564119" s="12"/>
    </row>
    <row r="564120" spans="8:8">
      <c r="H564120" s="12"/>
    </row>
    <row r="564121" spans="8:8">
      <c r="H564121" s="12"/>
    </row>
    <row r="564122" spans="8:8">
      <c r="H564122" s="12"/>
    </row>
    <row r="564123" spans="8:8">
      <c r="H564123" s="12"/>
    </row>
    <row r="564124" spans="8:8">
      <c r="H564124" s="12"/>
    </row>
    <row r="564125" spans="8:8">
      <c r="H564125" s="12"/>
    </row>
    <row r="564126" spans="8:8">
      <c r="H564126" s="12"/>
    </row>
    <row r="564127" spans="8:8">
      <c r="H564127" s="12"/>
    </row>
    <row r="564128" spans="8:8">
      <c r="H564128" s="12"/>
    </row>
    <row r="564129" spans="8:8">
      <c r="H564129" s="12"/>
    </row>
    <row r="564130" spans="8:8">
      <c r="H564130" s="12"/>
    </row>
    <row r="564131" spans="8:8">
      <c r="H564131" s="12"/>
    </row>
    <row r="564132" spans="8:8">
      <c r="H564132" s="12"/>
    </row>
    <row r="564133" spans="8:8">
      <c r="H564133" s="12"/>
    </row>
    <row r="564134" spans="8:8">
      <c r="H564134" s="12"/>
    </row>
    <row r="564135" spans="8:8">
      <c r="H564135" s="12"/>
    </row>
    <row r="564136" spans="8:8">
      <c r="H564136" s="12"/>
    </row>
    <row r="564137" spans="8:8">
      <c r="H564137" s="12"/>
    </row>
    <row r="564138" spans="8:8">
      <c r="H564138" s="12"/>
    </row>
    <row r="564139" spans="8:8">
      <c r="H564139" s="12"/>
    </row>
    <row r="564140" spans="8:8">
      <c r="H564140" s="12"/>
    </row>
    <row r="564141" spans="8:8">
      <c r="H564141" s="12"/>
    </row>
    <row r="564142" spans="8:8">
      <c r="H564142" s="12"/>
    </row>
    <row r="564143" spans="8:8">
      <c r="H564143" s="12"/>
    </row>
    <row r="564144" spans="8:8">
      <c r="H564144" s="12"/>
    </row>
    <row r="564145" spans="8:8">
      <c r="H564145" s="12"/>
    </row>
    <row r="564146" spans="8:8">
      <c r="H564146" s="12"/>
    </row>
    <row r="564147" spans="8:8">
      <c r="H564147" s="12"/>
    </row>
    <row r="564148" spans="8:8">
      <c r="H564148" s="12"/>
    </row>
    <row r="564149" spans="8:8">
      <c r="H564149" s="12"/>
    </row>
    <row r="564150" spans="8:8">
      <c r="H564150" s="12"/>
    </row>
    <row r="564151" spans="8:8">
      <c r="H564151" s="12"/>
    </row>
    <row r="564152" spans="8:8">
      <c r="H564152" s="12"/>
    </row>
    <row r="564153" spans="8:8">
      <c r="H564153" s="12"/>
    </row>
    <row r="564154" spans="8:8">
      <c r="H564154" s="12"/>
    </row>
    <row r="564155" spans="8:8">
      <c r="H564155" s="12"/>
    </row>
    <row r="564156" spans="8:8">
      <c r="H564156" s="12"/>
    </row>
    <row r="564157" spans="8:8">
      <c r="H564157" s="12"/>
    </row>
    <row r="564158" spans="8:8">
      <c r="H564158" s="12"/>
    </row>
    <row r="564159" spans="8:8">
      <c r="H564159" s="12"/>
    </row>
    <row r="564160" spans="8:8">
      <c r="H564160" s="12"/>
    </row>
    <row r="564161" spans="8:8">
      <c r="H564161" s="12"/>
    </row>
    <row r="564162" spans="8:8">
      <c r="H564162" s="12"/>
    </row>
    <row r="564163" spans="8:8">
      <c r="H564163" s="12"/>
    </row>
    <row r="564164" spans="8:8">
      <c r="H564164" s="12"/>
    </row>
    <row r="564165" spans="8:8">
      <c r="H564165" s="12"/>
    </row>
    <row r="564166" spans="8:8">
      <c r="H564166" s="12"/>
    </row>
    <row r="564167" spans="8:8">
      <c r="H564167" s="12"/>
    </row>
    <row r="564168" spans="8:8">
      <c r="H564168" s="12"/>
    </row>
    <row r="564169" spans="8:8">
      <c r="H564169" s="12"/>
    </row>
    <row r="564170" spans="8:8">
      <c r="H564170" s="12"/>
    </row>
    <row r="564171" spans="8:8">
      <c r="H564171" s="12"/>
    </row>
    <row r="564172" spans="8:8">
      <c r="H564172" s="12"/>
    </row>
    <row r="564173" spans="8:8">
      <c r="H564173" s="12"/>
    </row>
    <row r="564174" spans="8:8">
      <c r="H564174" s="12"/>
    </row>
    <row r="564175" spans="8:8">
      <c r="H564175" s="12"/>
    </row>
    <row r="564176" spans="8:8">
      <c r="H564176" s="12"/>
    </row>
    <row r="564177" spans="8:8">
      <c r="H564177" s="12"/>
    </row>
    <row r="564178" spans="8:8">
      <c r="H564178" s="12"/>
    </row>
    <row r="564179" spans="8:8">
      <c r="H564179" s="12"/>
    </row>
    <row r="564180" spans="8:8">
      <c r="H564180" s="12"/>
    </row>
    <row r="564181" spans="8:8">
      <c r="H564181" s="12"/>
    </row>
    <row r="564182" spans="8:8">
      <c r="H564182" s="12"/>
    </row>
    <row r="564183" spans="8:8">
      <c r="H564183" s="12"/>
    </row>
    <row r="564184" spans="8:8">
      <c r="H564184" s="12"/>
    </row>
    <row r="564185" spans="8:8">
      <c r="H564185" s="12"/>
    </row>
    <row r="564186" spans="8:8">
      <c r="H564186" s="12"/>
    </row>
    <row r="564187" spans="8:8">
      <c r="H564187" s="12"/>
    </row>
    <row r="564188" spans="8:8">
      <c r="H564188" s="12"/>
    </row>
    <row r="564189" spans="8:8">
      <c r="H564189" s="12"/>
    </row>
    <row r="564190" spans="8:8">
      <c r="H564190" s="12"/>
    </row>
    <row r="564191" spans="8:8">
      <c r="H564191" s="12"/>
    </row>
    <row r="564192" spans="8:8">
      <c r="H564192" s="12"/>
    </row>
    <row r="564193" spans="8:8">
      <c r="H564193" s="12"/>
    </row>
    <row r="564194" spans="8:8">
      <c r="H564194" s="12"/>
    </row>
    <row r="564195" spans="8:8">
      <c r="H564195" s="12"/>
    </row>
    <row r="564196" spans="8:8">
      <c r="H564196" s="12"/>
    </row>
    <row r="564197" spans="8:8">
      <c r="H564197" s="12"/>
    </row>
    <row r="564198" spans="8:8">
      <c r="H564198" s="12"/>
    </row>
    <row r="564199" spans="8:8">
      <c r="H564199" s="12"/>
    </row>
    <row r="564200" spans="8:8">
      <c r="H564200" s="12"/>
    </row>
    <row r="564201" spans="8:8">
      <c r="H564201" s="12"/>
    </row>
    <row r="564202" spans="8:8">
      <c r="H564202" s="12"/>
    </row>
    <row r="564203" spans="8:8">
      <c r="H564203" s="12"/>
    </row>
    <row r="564204" spans="8:8">
      <c r="H564204" s="12"/>
    </row>
    <row r="564205" spans="8:8">
      <c r="H564205" s="12"/>
    </row>
    <row r="564206" spans="8:8">
      <c r="H564206" s="12"/>
    </row>
    <row r="564207" spans="8:8">
      <c r="H564207" s="12"/>
    </row>
    <row r="564208" spans="8:8">
      <c r="H564208" s="12"/>
    </row>
    <row r="564209" spans="8:8">
      <c r="H564209" s="12"/>
    </row>
    <row r="564210" spans="8:8">
      <c r="H564210" s="12"/>
    </row>
    <row r="564211" spans="8:8">
      <c r="H564211" s="12"/>
    </row>
    <row r="564212" spans="8:8">
      <c r="H564212" s="12"/>
    </row>
    <row r="564213" spans="8:8">
      <c r="H564213" s="12"/>
    </row>
    <row r="564214" spans="8:8">
      <c r="H564214" s="12"/>
    </row>
    <row r="564215" spans="8:8">
      <c r="H564215" s="12"/>
    </row>
    <row r="564216" spans="8:8">
      <c r="H564216" s="12"/>
    </row>
    <row r="564217" spans="8:8">
      <c r="H564217" s="12"/>
    </row>
    <row r="564218" spans="8:8">
      <c r="H564218" s="12"/>
    </row>
    <row r="564219" spans="8:8">
      <c r="H564219" s="12"/>
    </row>
    <row r="564220" spans="8:8">
      <c r="H564220" s="12"/>
    </row>
    <row r="564221" spans="8:8">
      <c r="H564221" s="12"/>
    </row>
    <row r="564222" spans="8:8">
      <c r="H564222" s="12"/>
    </row>
    <row r="564223" spans="8:8">
      <c r="H564223" s="12"/>
    </row>
    <row r="564224" spans="8:8">
      <c r="H564224" s="12"/>
    </row>
    <row r="564225" spans="8:8">
      <c r="H564225" s="12"/>
    </row>
    <row r="564226" spans="8:8">
      <c r="H564226" s="12"/>
    </row>
    <row r="564227" spans="8:8">
      <c r="H564227" s="12"/>
    </row>
    <row r="564228" spans="8:8">
      <c r="H564228" s="12"/>
    </row>
    <row r="564229" spans="8:8">
      <c r="H564229" s="12"/>
    </row>
    <row r="564230" spans="8:8">
      <c r="H564230" s="12"/>
    </row>
    <row r="564231" spans="8:8">
      <c r="H564231" s="12"/>
    </row>
    <row r="564232" spans="8:8">
      <c r="H564232" s="12"/>
    </row>
    <row r="564233" spans="8:8">
      <c r="H564233" s="12"/>
    </row>
    <row r="564234" spans="8:8">
      <c r="H564234" s="12"/>
    </row>
    <row r="564235" spans="8:8">
      <c r="H564235" s="12"/>
    </row>
    <row r="564236" spans="8:8">
      <c r="H564236" s="12"/>
    </row>
    <row r="564237" spans="8:8">
      <c r="H564237" s="12"/>
    </row>
    <row r="564238" spans="8:8">
      <c r="H564238" s="12"/>
    </row>
    <row r="564239" spans="8:8">
      <c r="H564239" s="12"/>
    </row>
    <row r="564240" spans="8:8">
      <c r="H564240" s="12"/>
    </row>
    <row r="564241" spans="8:8">
      <c r="H564241" s="12"/>
    </row>
    <row r="564242" spans="8:8">
      <c r="H564242" s="12"/>
    </row>
    <row r="564243" spans="8:8">
      <c r="H564243" s="12"/>
    </row>
    <row r="564244" spans="8:8">
      <c r="H564244" s="12"/>
    </row>
    <row r="564245" spans="8:8">
      <c r="H564245" s="12"/>
    </row>
    <row r="564246" spans="8:8">
      <c r="H564246" s="12"/>
    </row>
    <row r="564247" spans="8:8">
      <c r="H564247" s="12"/>
    </row>
    <row r="564248" spans="8:8">
      <c r="H564248" s="12"/>
    </row>
    <row r="564249" spans="8:8">
      <c r="H564249" s="12"/>
    </row>
    <row r="564250" spans="8:8">
      <c r="H564250" s="12"/>
    </row>
    <row r="564251" spans="8:8">
      <c r="H564251" s="12"/>
    </row>
    <row r="564252" spans="8:8">
      <c r="H564252" s="12"/>
    </row>
    <row r="564253" spans="8:8">
      <c r="H564253" s="12"/>
    </row>
    <row r="564254" spans="8:8">
      <c r="H564254" s="12"/>
    </row>
    <row r="564255" spans="8:8">
      <c r="H564255" s="12"/>
    </row>
    <row r="564256" spans="8:8">
      <c r="H564256" s="12"/>
    </row>
    <row r="564257" spans="8:8">
      <c r="H564257" s="12"/>
    </row>
    <row r="564258" spans="8:8">
      <c r="H564258" s="12"/>
    </row>
    <row r="564259" spans="8:8">
      <c r="H564259" s="12"/>
    </row>
    <row r="564260" spans="8:8">
      <c r="H564260" s="12"/>
    </row>
    <row r="564261" spans="8:8">
      <c r="H564261" s="12"/>
    </row>
    <row r="564262" spans="8:8">
      <c r="H564262" s="12"/>
    </row>
    <row r="564263" spans="8:8">
      <c r="H564263" s="12"/>
    </row>
    <row r="564264" spans="8:8">
      <c r="H564264" s="12"/>
    </row>
    <row r="564265" spans="8:8">
      <c r="H564265" s="12"/>
    </row>
    <row r="564266" spans="8:8">
      <c r="H564266" s="12"/>
    </row>
    <row r="564267" spans="8:8">
      <c r="H564267" s="12"/>
    </row>
    <row r="564268" spans="8:8">
      <c r="H564268" s="12"/>
    </row>
    <row r="564269" spans="8:8">
      <c r="H564269" s="12"/>
    </row>
    <row r="564270" spans="8:8">
      <c r="H564270" s="12"/>
    </row>
    <row r="564271" spans="8:8">
      <c r="H564271" s="12"/>
    </row>
    <row r="564272" spans="8:8">
      <c r="H564272" s="12"/>
    </row>
    <row r="564273" spans="8:8">
      <c r="H564273" s="12"/>
    </row>
    <row r="564274" spans="8:8">
      <c r="H564274" s="12"/>
    </row>
    <row r="564275" spans="8:8">
      <c r="H564275" s="12"/>
    </row>
    <row r="564276" spans="8:8">
      <c r="H564276" s="12"/>
    </row>
    <row r="564277" spans="8:8">
      <c r="H564277" s="12"/>
    </row>
    <row r="564278" spans="8:8">
      <c r="H564278" s="12"/>
    </row>
    <row r="564279" spans="8:8">
      <c r="H564279" s="12"/>
    </row>
    <row r="564280" spans="8:8">
      <c r="H564280" s="12"/>
    </row>
    <row r="564281" spans="8:8">
      <c r="H564281" s="12"/>
    </row>
    <row r="564282" spans="8:8">
      <c r="H564282" s="12"/>
    </row>
    <row r="564283" spans="8:8">
      <c r="H564283" s="12"/>
    </row>
    <row r="564284" spans="8:8">
      <c r="H564284" s="12"/>
    </row>
    <row r="564285" spans="8:8">
      <c r="H564285" s="12"/>
    </row>
    <row r="564286" spans="8:8">
      <c r="H564286" s="12"/>
    </row>
    <row r="564287" spans="8:8">
      <c r="H564287" s="12"/>
    </row>
    <row r="564288" spans="8:8">
      <c r="H564288" s="12"/>
    </row>
    <row r="564289" spans="8:8">
      <c r="H564289" s="12"/>
    </row>
    <row r="564290" spans="8:8">
      <c r="H564290" s="12"/>
    </row>
    <row r="564291" spans="8:8">
      <c r="H564291" s="12"/>
    </row>
    <row r="564292" spans="8:8">
      <c r="H564292" s="12"/>
    </row>
    <row r="564293" spans="8:8">
      <c r="H564293" s="12"/>
    </row>
    <row r="564294" spans="8:8">
      <c r="H564294" s="12"/>
    </row>
    <row r="564295" spans="8:8">
      <c r="H564295" s="12"/>
    </row>
    <row r="564296" spans="8:8">
      <c r="H564296" s="12"/>
    </row>
    <row r="564297" spans="8:8">
      <c r="H564297" s="12"/>
    </row>
    <row r="564298" spans="8:8">
      <c r="H564298" s="12"/>
    </row>
    <row r="564299" spans="8:8">
      <c r="H564299" s="12"/>
    </row>
    <row r="564300" spans="8:8">
      <c r="H564300" s="12"/>
    </row>
    <row r="564301" spans="8:8">
      <c r="H564301" s="12"/>
    </row>
    <row r="564302" spans="8:8">
      <c r="H564302" s="12"/>
    </row>
    <row r="564303" spans="8:8">
      <c r="H564303" s="12"/>
    </row>
    <row r="564304" spans="8:8">
      <c r="H564304" s="12"/>
    </row>
    <row r="564305" spans="8:8">
      <c r="H564305" s="12"/>
    </row>
    <row r="564306" spans="8:8">
      <c r="H564306" s="12"/>
    </row>
    <row r="564307" spans="8:8">
      <c r="H564307" s="12"/>
    </row>
    <row r="564308" spans="8:8">
      <c r="H564308" s="12"/>
    </row>
    <row r="564309" spans="8:8">
      <c r="H564309" s="12"/>
    </row>
    <row r="564310" spans="8:8">
      <c r="H564310" s="12"/>
    </row>
    <row r="564311" spans="8:8">
      <c r="H564311" s="12"/>
    </row>
    <row r="564312" spans="8:8">
      <c r="H564312" s="12"/>
    </row>
    <row r="564313" spans="8:8">
      <c r="H564313" s="12"/>
    </row>
    <row r="564314" spans="8:8">
      <c r="H564314" s="12"/>
    </row>
    <row r="564315" spans="8:8">
      <c r="H564315" s="12"/>
    </row>
    <row r="564316" spans="8:8">
      <c r="H564316" s="12"/>
    </row>
    <row r="564317" spans="8:8">
      <c r="H564317" s="12"/>
    </row>
    <row r="564318" spans="8:8">
      <c r="H564318" s="12"/>
    </row>
    <row r="564319" spans="8:8">
      <c r="H564319" s="12"/>
    </row>
    <row r="564320" spans="8:8">
      <c r="H564320" s="12"/>
    </row>
    <row r="564321" spans="8:8">
      <c r="H564321" s="12"/>
    </row>
    <row r="564322" spans="8:8">
      <c r="H564322" s="12"/>
    </row>
    <row r="564323" spans="8:8">
      <c r="H564323" s="12"/>
    </row>
    <row r="564324" spans="8:8">
      <c r="H564324" s="12"/>
    </row>
    <row r="564325" spans="8:8">
      <c r="H564325" s="12"/>
    </row>
    <row r="564326" spans="8:8">
      <c r="H564326" s="12"/>
    </row>
    <row r="564327" spans="8:8">
      <c r="H564327" s="12"/>
    </row>
    <row r="564328" spans="8:8">
      <c r="H564328" s="12"/>
    </row>
    <row r="564329" spans="8:8">
      <c r="H564329" s="12"/>
    </row>
    <row r="564330" spans="8:8">
      <c r="H564330" s="12"/>
    </row>
    <row r="564331" spans="8:8">
      <c r="H564331" s="12"/>
    </row>
    <row r="564332" spans="8:8">
      <c r="H564332" s="12"/>
    </row>
    <row r="564333" spans="8:8">
      <c r="H564333" s="12"/>
    </row>
    <row r="564334" spans="8:8">
      <c r="H564334" s="12"/>
    </row>
    <row r="564335" spans="8:8">
      <c r="H564335" s="12"/>
    </row>
    <row r="564336" spans="8:8">
      <c r="H564336" s="12"/>
    </row>
    <row r="564337" spans="8:8">
      <c r="H564337" s="12"/>
    </row>
    <row r="564338" spans="8:8">
      <c r="H564338" s="12"/>
    </row>
    <row r="564339" spans="8:8">
      <c r="H564339" s="12"/>
    </row>
    <row r="564340" spans="8:8">
      <c r="H564340" s="12"/>
    </row>
    <row r="564341" spans="8:8">
      <c r="H564341" s="12"/>
    </row>
    <row r="564342" spans="8:8">
      <c r="H564342" s="12"/>
    </row>
    <row r="564343" spans="8:8">
      <c r="H564343" s="12"/>
    </row>
    <row r="564344" spans="8:8">
      <c r="H564344" s="12"/>
    </row>
    <row r="564345" spans="8:8">
      <c r="H564345" s="12"/>
    </row>
    <row r="564346" spans="8:8">
      <c r="H564346" s="12"/>
    </row>
    <row r="564347" spans="8:8">
      <c r="H564347" s="12"/>
    </row>
    <row r="564348" spans="8:8">
      <c r="H564348" s="12"/>
    </row>
    <row r="564349" spans="8:8">
      <c r="H564349" s="12"/>
    </row>
    <row r="564350" spans="8:8">
      <c r="H564350" s="12"/>
    </row>
    <row r="564351" spans="8:8">
      <c r="H564351" s="12"/>
    </row>
    <row r="564352" spans="8:8">
      <c r="H564352" s="12"/>
    </row>
    <row r="564353" spans="8:8">
      <c r="H564353" s="12"/>
    </row>
    <row r="564354" spans="8:8">
      <c r="H564354" s="12"/>
    </row>
    <row r="564355" spans="8:8">
      <c r="H564355" s="12"/>
    </row>
    <row r="564356" spans="8:8">
      <c r="H564356" s="12"/>
    </row>
    <row r="564357" spans="8:8">
      <c r="H564357" s="12"/>
    </row>
    <row r="564358" spans="8:8">
      <c r="H564358" s="12"/>
    </row>
    <row r="564359" spans="8:8">
      <c r="H564359" s="12"/>
    </row>
    <row r="564360" spans="8:8">
      <c r="H564360" s="12"/>
    </row>
    <row r="564361" spans="8:8">
      <c r="H564361" s="12"/>
    </row>
    <row r="564362" spans="8:8">
      <c r="H564362" s="12"/>
    </row>
    <row r="564363" spans="8:8">
      <c r="H564363" s="12"/>
    </row>
    <row r="564364" spans="8:8">
      <c r="H564364" s="12"/>
    </row>
    <row r="564365" spans="8:8">
      <c r="H564365" s="12"/>
    </row>
    <row r="564366" spans="8:8">
      <c r="H564366" s="12"/>
    </row>
    <row r="564367" spans="8:8">
      <c r="H564367" s="12"/>
    </row>
    <row r="564368" spans="8:8">
      <c r="H564368" s="12"/>
    </row>
    <row r="564369" spans="8:8">
      <c r="H564369" s="12"/>
    </row>
    <row r="564370" spans="8:8">
      <c r="H564370" s="12"/>
    </row>
    <row r="564371" spans="8:8">
      <c r="H564371" s="12"/>
    </row>
    <row r="564372" spans="8:8">
      <c r="H564372" s="12"/>
    </row>
    <row r="564373" spans="8:8">
      <c r="H564373" s="12"/>
    </row>
    <row r="564374" spans="8:8">
      <c r="H564374" s="12"/>
    </row>
    <row r="564375" spans="8:8">
      <c r="H564375" s="12"/>
    </row>
    <row r="564376" spans="8:8">
      <c r="H564376" s="12"/>
    </row>
    <row r="564377" spans="8:8">
      <c r="H564377" s="12"/>
    </row>
    <row r="564378" spans="8:8">
      <c r="H564378" s="12"/>
    </row>
    <row r="564379" spans="8:8">
      <c r="H564379" s="12"/>
    </row>
    <row r="564380" spans="8:8">
      <c r="H564380" s="12"/>
    </row>
    <row r="564381" spans="8:8">
      <c r="H564381" s="12"/>
    </row>
    <row r="564382" spans="8:8">
      <c r="H564382" s="12"/>
    </row>
    <row r="564383" spans="8:8">
      <c r="H564383" s="12"/>
    </row>
    <row r="564384" spans="8:8">
      <c r="H564384" s="12"/>
    </row>
    <row r="564385" spans="8:8">
      <c r="H564385" s="12"/>
    </row>
    <row r="564386" spans="8:8">
      <c r="H564386" s="12"/>
    </row>
    <row r="564387" spans="8:8">
      <c r="H564387" s="12"/>
    </row>
    <row r="564388" spans="8:8">
      <c r="H564388" s="12"/>
    </row>
    <row r="564389" spans="8:8">
      <c r="H564389" s="12"/>
    </row>
    <row r="564390" spans="8:8">
      <c r="H564390" s="12"/>
    </row>
    <row r="564391" spans="8:8">
      <c r="H564391" s="12"/>
    </row>
    <row r="564392" spans="8:8">
      <c r="H564392" s="12"/>
    </row>
    <row r="564393" spans="8:8">
      <c r="H564393" s="12"/>
    </row>
    <row r="564394" spans="8:8">
      <c r="H564394" s="12"/>
    </row>
    <row r="564395" spans="8:8">
      <c r="H564395" s="12"/>
    </row>
    <row r="564396" spans="8:8">
      <c r="H564396" s="12"/>
    </row>
    <row r="564397" spans="8:8">
      <c r="H564397" s="12"/>
    </row>
    <row r="564398" spans="8:8">
      <c r="H564398" s="12"/>
    </row>
    <row r="564399" spans="8:8">
      <c r="H564399" s="12"/>
    </row>
    <row r="564400" spans="8:8">
      <c r="H564400" s="12"/>
    </row>
    <row r="564401" spans="8:8">
      <c r="H564401" s="12"/>
    </row>
    <row r="564402" spans="8:8">
      <c r="H564402" s="12"/>
    </row>
    <row r="564403" spans="8:8">
      <c r="H564403" s="12"/>
    </row>
    <row r="564404" spans="8:8">
      <c r="H564404" s="12"/>
    </row>
    <row r="564405" spans="8:8">
      <c r="H564405" s="12"/>
    </row>
    <row r="564406" spans="8:8">
      <c r="H564406" s="12"/>
    </row>
    <row r="564407" spans="8:8">
      <c r="H564407" s="12"/>
    </row>
    <row r="564408" spans="8:8">
      <c r="H564408" s="12"/>
    </row>
    <row r="564409" spans="8:8">
      <c r="H564409" s="12"/>
    </row>
    <row r="564410" spans="8:8">
      <c r="H564410" s="12"/>
    </row>
    <row r="564411" spans="8:8">
      <c r="H564411" s="12"/>
    </row>
    <row r="564412" spans="8:8">
      <c r="H564412" s="12"/>
    </row>
    <row r="564413" spans="8:8">
      <c r="H564413" s="12"/>
    </row>
    <row r="564414" spans="8:8">
      <c r="H564414" s="12"/>
    </row>
    <row r="564415" spans="8:8">
      <c r="H564415" s="12"/>
    </row>
    <row r="564416" spans="8:8">
      <c r="H564416" s="12"/>
    </row>
    <row r="564417" spans="8:8">
      <c r="H564417" s="12"/>
    </row>
    <row r="564418" spans="8:8">
      <c r="H564418" s="12"/>
    </row>
    <row r="564419" spans="8:8">
      <c r="H564419" s="12"/>
    </row>
    <row r="564420" spans="8:8">
      <c r="H564420" s="12"/>
    </row>
    <row r="564421" spans="8:8">
      <c r="H564421" s="12"/>
    </row>
    <row r="564422" spans="8:8">
      <c r="H564422" s="12"/>
    </row>
    <row r="564423" spans="8:8">
      <c r="H564423" s="12"/>
    </row>
    <row r="564424" spans="8:8">
      <c r="H564424" s="12"/>
    </row>
    <row r="564425" spans="8:8">
      <c r="H564425" s="12"/>
    </row>
    <row r="564426" spans="8:8">
      <c r="H564426" s="12"/>
    </row>
    <row r="564427" spans="8:8">
      <c r="H564427" s="12"/>
    </row>
    <row r="564428" spans="8:8">
      <c r="H564428" s="12"/>
    </row>
    <row r="564429" spans="8:8">
      <c r="H564429" s="12"/>
    </row>
    <row r="564430" spans="8:8">
      <c r="H564430" s="12"/>
    </row>
    <row r="564431" spans="8:8">
      <c r="H564431" s="12"/>
    </row>
    <row r="564432" spans="8:8">
      <c r="H564432" s="12"/>
    </row>
    <row r="564433" spans="8:8">
      <c r="H564433" s="12"/>
    </row>
    <row r="564434" spans="8:8">
      <c r="H564434" s="12"/>
    </row>
    <row r="564435" spans="8:8">
      <c r="H564435" s="12"/>
    </row>
    <row r="564436" spans="8:8">
      <c r="H564436" s="12"/>
    </row>
    <row r="564437" spans="8:8">
      <c r="H564437" s="12"/>
    </row>
    <row r="564438" spans="8:8">
      <c r="H564438" s="12"/>
    </row>
    <row r="564439" spans="8:8">
      <c r="H564439" s="12"/>
    </row>
    <row r="564440" spans="8:8">
      <c r="H564440" s="12"/>
    </row>
    <row r="564441" spans="8:8">
      <c r="H564441" s="12"/>
    </row>
    <row r="564442" spans="8:8">
      <c r="H564442" s="12"/>
    </row>
    <row r="564443" spans="8:8">
      <c r="H564443" s="12"/>
    </row>
    <row r="564444" spans="8:8">
      <c r="H564444" s="12"/>
    </row>
    <row r="564445" spans="8:8">
      <c r="H564445" s="12"/>
    </row>
    <row r="564446" spans="8:8">
      <c r="H564446" s="12"/>
    </row>
    <row r="564447" spans="8:8">
      <c r="H564447" s="12"/>
    </row>
    <row r="564448" spans="8:8">
      <c r="H564448" s="12"/>
    </row>
    <row r="564449" spans="8:8">
      <c r="H564449" s="12"/>
    </row>
    <row r="564450" spans="8:8">
      <c r="H564450" s="12"/>
    </row>
    <row r="564451" spans="8:8">
      <c r="H564451" s="12"/>
    </row>
    <row r="564452" spans="8:8">
      <c r="H564452" s="12"/>
    </row>
    <row r="564453" spans="8:8">
      <c r="H564453" s="12"/>
    </row>
    <row r="564454" spans="8:8">
      <c r="H564454" s="12"/>
    </row>
    <row r="564455" spans="8:8">
      <c r="H564455" s="12"/>
    </row>
    <row r="564456" spans="8:8">
      <c r="H564456" s="12"/>
    </row>
    <row r="564457" spans="8:8">
      <c r="H564457" s="12"/>
    </row>
    <row r="564458" spans="8:8">
      <c r="H564458" s="12"/>
    </row>
    <row r="564459" spans="8:8">
      <c r="H564459" s="12"/>
    </row>
    <row r="564460" spans="8:8">
      <c r="H564460" s="12"/>
    </row>
    <row r="564461" spans="8:8">
      <c r="H564461" s="12"/>
    </row>
    <row r="564462" spans="8:8">
      <c r="H564462" s="12"/>
    </row>
    <row r="564463" spans="8:8">
      <c r="H564463" s="12"/>
    </row>
    <row r="564464" spans="8:8">
      <c r="H564464" s="12"/>
    </row>
    <row r="564465" spans="8:8">
      <c r="H564465" s="12"/>
    </row>
    <row r="564466" spans="8:8">
      <c r="H564466" s="12"/>
    </row>
    <row r="564467" spans="8:8">
      <c r="H564467" s="12"/>
    </row>
    <row r="564468" spans="8:8">
      <c r="H564468" s="12"/>
    </row>
    <row r="564469" spans="8:8">
      <c r="H564469" s="12"/>
    </row>
    <row r="564470" spans="8:8">
      <c r="H564470" s="12"/>
    </row>
    <row r="564471" spans="8:8">
      <c r="H564471" s="12"/>
    </row>
    <row r="564472" spans="8:8">
      <c r="H564472" s="12"/>
    </row>
    <row r="564473" spans="8:8">
      <c r="H564473" s="12"/>
    </row>
    <row r="564474" spans="8:8">
      <c r="H564474" s="12"/>
    </row>
    <row r="564475" spans="8:8">
      <c r="H564475" s="12"/>
    </row>
    <row r="564476" spans="8:8">
      <c r="H564476" s="12"/>
    </row>
    <row r="564477" spans="8:8">
      <c r="H564477" s="12"/>
    </row>
    <row r="564478" spans="8:8">
      <c r="H564478" s="12"/>
    </row>
    <row r="564479" spans="8:8">
      <c r="H564479" s="12"/>
    </row>
    <row r="564480" spans="8:8">
      <c r="H564480" s="12"/>
    </row>
    <row r="564481" spans="8:8">
      <c r="H564481" s="12"/>
    </row>
    <row r="564482" spans="8:8">
      <c r="H564482" s="12"/>
    </row>
    <row r="564483" spans="8:8">
      <c r="H564483" s="12"/>
    </row>
    <row r="564484" spans="8:8">
      <c r="H564484" s="12"/>
    </row>
    <row r="564485" spans="8:8">
      <c r="H564485" s="12"/>
    </row>
    <row r="564486" spans="8:8">
      <c r="H564486" s="12"/>
    </row>
    <row r="564487" spans="8:8">
      <c r="H564487" s="12"/>
    </row>
    <row r="564488" spans="8:8">
      <c r="H564488" s="12"/>
    </row>
    <row r="564489" spans="8:8">
      <c r="H564489" s="12"/>
    </row>
    <row r="564490" spans="8:8">
      <c r="H564490" s="12"/>
    </row>
    <row r="564491" spans="8:8">
      <c r="H564491" s="12"/>
    </row>
    <row r="564492" spans="8:8">
      <c r="H564492" s="12"/>
    </row>
    <row r="564493" spans="8:8">
      <c r="H564493" s="12"/>
    </row>
    <row r="564494" spans="8:8">
      <c r="H564494" s="12"/>
    </row>
    <row r="564495" spans="8:8">
      <c r="H564495" s="12"/>
    </row>
    <row r="564496" spans="8:8">
      <c r="H564496" s="12"/>
    </row>
    <row r="564497" spans="8:8">
      <c r="H564497" s="12"/>
    </row>
    <row r="564498" spans="8:8">
      <c r="H564498" s="12"/>
    </row>
    <row r="564499" spans="8:8">
      <c r="H564499" s="12"/>
    </row>
    <row r="564500" spans="8:8">
      <c r="H564500" s="12"/>
    </row>
    <row r="564501" spans="8:8">
      <c r="H564501" s="12"/>
    </row>
    <row r="564502" spans="8:8">
      <c r="H564502" s="12"/>
    </row>
    <row r="564503" spans="8:8">
      <c r="H564503" s="12"/>
    </row>
    <row r="564504" spans="8:8">
      <c r="H564504" s="12"/>
    </row>
    <row r="564505" spans="8:8">
      <c r="H564505" s="12"/>
    </row>
    <row r="564506" spans="8:8">
      <c r="H564506" s="12"/>
    </row>
    <row r="564507" spans="8:8">
      <c r="H564507" s="12"/>
    </row>
    <row r="564508" spans="8:8">
      <c r="H564508" s="12"/>
    </row>
    <row r="564509" spans="8:8">
      <c r="H564509" s="12"/>
    </row>
    <row r="564510" spans="8:8">
      <c r="H564510" s="12"/>
    </row>
    <row r="564511" spans="8:8">
      <c r="H564511" s="12"/>
    </row>
    <row r="564512" spans="8:8">
      <c r="H564512" s="12"/>
    </row>
    <row r="564513" spans="8:8">
      <c r="H564513" s="12"/>
    </row>
    <row r="564514" spans="8:8">
      <c r="H564514" s="12"/>
    </row>
    <row r="564515" spans="8:8">
      <c r="H564515" s="12"/>
    </row>
    <row r="564516" spans="8:8">
      <c r="H564516" s="12"/>
    </row>
    <row r="564517" spans="8:8">
      <c r="H564517" s="12"/>
    </row>
    <row r="564518" spans="8:8">
      <c r="H564518" s="12"/>
    </row>
    <row r="564519" spans="8:8">
      <c r="H564519" s="12"/>
    </row>
    <row r="564520" spans="8:8">
      <c r="H564520" s="12"/>
    </row>
    <row r="564521" spans="8:8">
      <c r="H564521" s="12"/>
    </row>
    <row r="564522" spans="8:8">
      <c r="H564522" s="12"/>
    </row>
    <row r="564523" spans="8:8">
      <c r="H564523" s="12"/>
    </row>
    <row r="564524" spans="8:8">
      <c r="H564524" s="12"/>
    </row>
    <row r="564525" spans="8:8">
      <c r="H564525" s="12"/>
    </row>
    <row r="564526" spans="8:8">
      <c r="H564526" s="12"/>
    </row>
    <row r="564527" spans="8:8">
      <c r="H564527" s="12"/>
    </row>
    <row r="564528" spans="8:8">
      <c r="H564528" s="12"/>
    </row>
    <row r="564529" spans="8:8">
      <c r="H564529" s="12"/>
    </row>
    <row r="564530" spans="8:8">
      <c r="H564530" s="12"/>
    </row>
    <row r="564531" spans="8:8">
      <c r="H564531" s="12"/>
    </row>
    <row r="564532" spans="8:8">
      <c r="H564532" s="12"/>
    </row>
    <row r="564533" spans="8:8">
      <c r="H564533" s="12"/>
    </row>
    <row r="564534" spans="8:8">
      <c r="H564534" s="12"/>
    </row>
    <row r="564535" spans="8:8">
      <c r="H564535" s="12"/>
    </row>
    <row r="564536" spans="8:8">
      <c r="H564536" s="12"/>
    </row>
    <row r="564537" spans="8:8">
      <c r="H564537" s="12"/>
    </row>
    <row r="564538" spans="8:8">
      <c r="H564538" s="12"/>
    </row>
    <row r="564539" spans="8:8">
      <c r="H564539" s="12"/>
    </row>
    <row r="564540" spans="8:8">
      <c r="H564540" s="12"/>
    </row>
    <row r="564541" spans="8:8">
      <c r="H564541" s="12"/>
    </row>
    <row r="564542" spans="8:8">
      <c r="H564542" s="12"/>
    </row>
    <row r="564543" spans="8:8">
      <c r="H564543" s="12"/>
    </row>
    <row r="564544" spans="8:8">
      <c r="H564544" s="12"/>
    </row>
    <row r="564545" spans="8:8">
      <c r="H564545" s="12"/>
    </row>
    <row r="564546" spans="8:8">
      <c r="H564546" s="12"/>
    </row>
    <row r="564547" spans="8:8">
      <c r="H564547" s="12"/>
    </row>
    <row r="564548" spans="8:8">
      <c r="H564548" s="12"/>
    </row>
    <row r="564549" spans="8:8">
      <c r="H564549" s="12"/>
    </row>
    <row r="564550" spans="8:8">
      <c r="H564550" s="12"/>
    </row>
    <row r="564551" spans="8:8">
      <c r="H564551" s="12"/>
    </row>
    <row r="564552" spans="8:8">
      <c r="H564552" s="12"/>
    </row>
    <row r="564553" spans="8:8">
      <c r="H564553" s="12"/>
    </row>
    <row r="564554" spans="8:8">
      <c r="H564554" s="12"/>
    </row>
    <row r="564555" spans="8:8">
      <c r="H564555" s="12"/>
    </row>
    <row r="564556" spans="8:8">
      <c r="H564556" s="12"/>
    </row>
    <row r="564557" spans="8:8">
      <c r="H564557" s="12"/>
    </row>
    <row r="564558" spans="8:8">
      <c r="H564558" s="12"/>
    </row>
    <row r="564559" spans="8:8">
      <c r="H564559" s="12"/>
    </row>
    <row r="564560" spans="8:8">
      <c r="H564560" s="12"/>
    </row>
    <row r="564561" spans="8:8">
      <c r="H564561" s="12"/>
    </row>
    <row r="564562" spans="8:8">
      <c r="H564562" s="12"/>
    </row>
    <row r="564563" spans="8:8">
      <c r="H564563" s="12"/>
    </row>
    <row r="564564" spans="8:8">
      <c r="H564564" s="12"/>
    </row>
    <row r="564565" spans="8:8">
      <c r="H564565" s="12"/>
    </row>
    <row r="564566" spans="8:8">
      <c r="H564566" s="12"/>
    </row>
    <row r="564567" spans="8:8">
      <c r="H564567" s="12"/>
    </row>
    <row r="564568" spans="8:8">
      <c r="H564568" s="12"/>
    </row>
    <row r="564569" spans="8:8">
      <c r="H564569" s="12"/>
    </row>
    <row r="564570" spans="8:8">
      <c r="H564570" s="12"/>
    </row>
    <row r="564571" spans="8:8">
      <c r="H564571" s="12"/>
    </row>
    <row r="564572" spans="8:8">
      <c r="H564572" s="12"/>
    </row>
    <row r="564573" spans="8:8">
      <c r="H564573" s="12"/>
    </row>
    <row r="564574" spans="8:8">
      <c r="H564574" s="12"/>
    </row>
    <row r="564575" spans="8:8">
      <c r="H564575" s="12"/>
    </row>
    <row r="564576" spans="8:8">
      <c r="H564576" s="12"/>
    </row>
    <row r="564577" spans="8:8">
      <c r="H564577" s="12"/>
    </row>
    <row r="564578" spans="8:8">
      <c r="H564578" s="12"/>
    </row>
    <row r="564579" spans="8:8">
      <c r="H564579" s="12"/>
    </row>
    <row r="564580" spans="8:8">
      <c r="H564580" s="12"/>
    </row>
    <row r="564581" spans="8:8">
      <c r="H564581" s="12"/>
    </row>
    <row r="564582" spans="8:8">
      <c r="H564582" s="12"/>
    </row>
    <row r="564583" spans="8:8">
      <c r="H564583" s="12"/>
    </row>
    <row r="564584" spans="8:8">
      <c r="H564584" s="12"/>
    </row>
    <row r="564585" spans="8:8">
      <c r="H564585" s="12"/>
    </row>
    <row r="564586" spans="8:8">
      <c r="H564586" s="12"/>
    </row>
    <row r="564587" spans="8:8">
      <c r="H564587" s="12"/>
    </row>
    <row r="564588" spans="8:8">
      <c r="H564588" s="12"/>
    </row>
    <row r="564589" spans="8:8">
      <c r="H564589" s="12"/>
    </row>
    <row r="564590" spans="8:8">
      <c r="H564590" s="12"/>
    </row>
    <row r="564591" spans="8:8">
      <c r="H564591" s="12"/>
    </row>
    <row r="564592" spans="8:8">
      <c r="H564592" s="12"/>
    </row>
    <row r="564593" spans="8:8">
      <c r="H564593" s="12"/>
    </row>
    <row r="564594" spans="8:8">
      <c r="H564594" s="12"/>
    </row>
    <row r="564595" spans="8:8">
      <c r="H564595" s="12"/>
    </row>
    <row r="564596" spans="8:8">
      <c r="H564596" s="12"/>
    </row>
    <row r="564597" spans="8:8">
      <c r="H564597" s="12"/>
    </row>
    <row r="564598" spans="8:8">
      <c r="H564598" s="12"/>
    </row>
    <row r="564599" spans="8:8">
      <c r="H564599" s="12"/>
    </row>
    <row r="564600" spans="8:8">
      <c r="H564600" s="12"/>
    </row>
    <row r="564601" spans="8:8">
      <c r="H564601" s="12"/>
    </row>
    <row r="564602" spans="8:8">
      <c r="H564602" s="12"/>
    </row>
    <row r="564603" spans="8:8">
      <c r="H564603" s="12"/>
    </row>
    <row r="564604" spans="8:8">
      <c r="H564604" s="12"/>
    </row>
    <row r="564605" spans="8:8">
      <c r="H564605" s="12"/>
    </row>
    <row r="564606" spans="8:8">
      <c r="H564606" s="12"/>
    </row>
    <row r="564607" spans="8:8">
      <c r="H564607" s="12"/>
    </row>
    <row r="564608" spans="8:8">
      <c r="H564608" s="12"/>
    </row>
    <row r="564609" spans="8:8">
      <c r="H564609" s="12"/>
    </row>
    <row r="564610" spans="8:8">
      <c r="H564610" s="12"/>
    </row>
    <row r="564611" spans="8:8">
      <c r="H564611" s="12"/>
    </row>
    <row r="564612" spans="8:8">
      <c r="H564612" s="12"/>
    </row>
    <row r="564613" spans="8:8">
      <c r="H564613" s="12"/>
    </row>
    <row r="564614" spans="8:8">
      <c r="H564614" s="12"/>
    </row>
    <row r="564615" spans="8:8">
      <c r="H564615" s="12"/>
    </row>
    <row r="564616" spans="8:8">
      <c r="H564616" s="12"/>
    </row>
    <row r="564617" spans="8:8">
      <c r="H564617" s="12"/>
    </row>
    <row r="564618" spans="8:8">
      <c r="H564618" s="12"/>
    </row>
    <row r="564619" spans="8:8">
      <c r="H564619" s="12"/>
    </row>
    <row r="564620" spans="8:8">
      <c r="H564620" s="12"/>
    </row>
    <row r="564621" spans="8:8">
      <c r="H564621" s="12"/>
    </row>
    <row r="564622" spans="8:8">
      <c r="H564622" s="12"/>
    </row>
    <row r="564623" spans="8:8">
      <c r="H564623" s="12"/>
    </row>
    <row r="564624" spans="8:8">
      <c r="H564624" s="12"/>
    </row>
    <row r="564625" spans="8:8">
      <c r="H564625" s="12"/>
    </row>
    <row r="564626" spans="8:8">
      <c r="H564626" s="12"/>
    </row>
    <row r="564627" spans="8:8">
      <c r="H564627" s="12"/>
    </row>
    <row r="564628" spans="8:8">
      <c r="H564628" s="12"/>
    </row>
    <row r="564629" spans="8:8">
      <c r="H564629" s="12"/>
    </row>
    <row r="564630" spans="8:8">
      <c r="H564630" s="12"/>
    </row>
    <row r="564631" spans="8:8">
      <c r="H564631" s="12"/>
    </row>
    <row r="564632" spans="8:8">
      <c r="H564632" s="12"/>
    </row>
    <row r="564633" spans="8:8">
      <c r="H564633" s="12"/>
    </row>
    <row r="564634" spans="8:8">
      <c r="H564634" s="12"/>
    </row>
    <row r="564635" spans="8:8">
      <c r="H564635" s="12"/>
    </row>
    <row r="564636" spans="8:8">
      <c r="H564636" s="12"/>
    </row>
    <row r="564637" spans="8:8">
      <c r="H564637" s="12"/>
    </row>
    <row r="564638" spans="8:8">
      <c r="H564638" s="12"/>
    </row>
    <row r="564639" spans="8:8">
      <c r="H564639" s="12"/>
    </row>
    <row r="564640" spans="8:8">
      <c r="H564640" s="12"/>
    </row>
    <row r="564641" spans="8:8">
      <c r="H564641" s="12"/>
    </row>
    <row r="564642" spans="8:8">
      <c r="H564642" s="12"/>
    </row>
    <row r="564643" spans="8:8">
      <c r="H564643" s="12"/>
    </row>
    <row r="564644" spans="8:8">
      <c r="H564644" s="12"/>
    </row>
    <row r="564645" spans="8:8">
      <c r="H564645" s="12"/>
    </row>
    <row r="564646" spans="8:8">
      <c r="H564646" s="12"/>
    </row>
    <row r="564647" spans="8:8">
      <c r="H564647" s="12"/>
    </row>
    <row r="564648" spans="8:8">
      <c r="H564648" s="12"/>
    </row>
    <row r="564649" spans="8:8">
      <c r="H564649" s="12"/>
    </row>
    <row r="564650" spans="8:8">
      <c r="H564650" s="12"/>
    </row>
    <row r="564651" spans="8:8">
      <c r="H564651" s="12"/>
    </row>
    <row r="564652" spans="8:8">
      <c r="H564652" s="12"/>
    </row>
    <row r="564653" spans="8:8">
      <c r="H564653" s="12"/>
    </row>
    <row r="564654" spans="8:8">
      <c r="H564654" s="12"/>
    </row>
    <row r="564655" spans="8:8">
      <c r="H564655" s="12"/>
    </row>
    <row r="564656" spans="8:8">
      <c r="H564656" s="12"/>
    </row>
    <row r="564657" spans="8:8">
      <c r="H564657" s="12"/>
    </row>
    <row r="564658" spans="8:8">
      <c r="H564658" s="12"/>
    </row>
    <row r="564659" spans="8:8">
      <c r="H564659" s="12"/>
    </row>
    <row r="564660" spans="8:8">
      <c r="H564660" s="12"/>
    </row>
    <row r="564661" spans="8:8">
      <c r="H564661" s="12"/>
    </row>
    <row r="564662" spans="8:8">
      <c r="H564662" s="12"/>
    </row>
    <row r="564663" spans="8:8">
      <c r="H564663" s="12"/>
    </row>
    <row r="564664" spans="8:8">
      <c r="H564664" s="12"/>
    </row>
    <row r="564665" spans="8:8">
      <c r="H564665" s="12"/>
    </row>
    <row r="564666" spans="8:8">
      <c r="H564666" s="12"/>
    </row>
    <row r="564667" spans="8:8">
      <c r="H564667" s="12"/>
    </row>
    <row r="564668" spans="8:8">
      <c r="H564668" s="12"/>
    </row>
    <row r="564669" spans="8:8">
      <c r="H564669" s="12"/>
    </row>
    <row r="564670" spans="8:8">
      <c r="H564670" s="12"/>
    </row>
    <row r="564671" spans="8:8">
      <c r="H564671" s="12"/>
    </row>
    <row r="564672" spans="8:8">
      <c r="H564672" s="12"/>
    </row>
    <row r="564673" spans="8:8">
      <c r="H564673" s="12"/>
    </row>
    <row r="564674" spans="8:8">
      <c r="H564674" s="12"/>
    </row>
    <row r="564675" spans="8:8">
      <c r="H564675" s="12"/>
    </row>
    <row r="564676" spans="8:8">
      <c r="H564676" s="12"/>
    </row>
    <row r="564677" spans="8:8">
      <c r="H564677" s="12"/>
    </row>
    <row r="564678" spans="8:8">
      <c r="H564678" s="12"/>
    </row>
    <row r="564679" spans="8:8">
      <c r="H564679" s="12"/>
    </row>
    <row r="564680" spans="8:8">
      <c r="H564680" s="12"/>
    </row>
    <row r="564681" spans="8:8">
      <c r="H564681" s="12"/>
    </row>
    <row r="564682" spans="8:8">
      <c r="H564682" s="12"/>
    </row>
    <row r="564683" spans="8:8">
      <c r="H564683" s="12"/>
    </row>
    <row r="564684" spans="8:8">
      <c r="H564684" s="12"/>
    </row>
    <row r="564685" spans="8:8">
      <c r="H564685" s="12"/>
    </row>
    <row r="564686" spans="8:8">
      <c r="H564686" s="12"/>
    </row>
    <row r="564687" spans="8:8">
      <c r="H564687" s="12"/>
    </row>
    <row r="564688" spans="8:8">
      <c r="H564688" s="12"/>
    </row>
    <row r="564689" spans="8:8">
      <c r="H564689" s="12"/>
    </row>
    <row r="564690" spans="8:8">
      <c r="H564690" s="12"/>
    </row>
    <row r="564691" spans="8:8">
      <c r="H564691" s="12"/>
    </row>
    <row r="564692" spans="8:8">
      <c r="H564692" s="12"/>
    </row>
    <row r="564693" spans="8:8">
      <c r="H564693" s="12"/>
    </row>
    <row r="564694" spans="8:8">
      <c r="H564694" s="12"/>
    </row>
    <row r="564695" spans="8:8">
      <c r="H564695" s="12"/>
    </row>
    <row r="564696" spans="8:8">
      <c r="H564696" s="12"/>
    </row>
    <row r="564697" spans="8:8">
      <c r="H564697" s="12"/>
    </row>
    <row r="564698" spans="8:8">
      <c r="H564698" s="12"/>
    </row>
    <row r="564699" spans="8:8">
      <c r="H564699" s="12"/>
    </row>
    <row r="564700" spans="8:8">
      <c r="H564700" s="12"/>
    </row>
    <row r="564701" spans="8:8">
      <c r="H564701" s="12"/>
    </row>
    <row r="564702" spans="8:8">
      <c r="H564702" s="12"/>
    </row>
    <row r="564703" spans="8:8">
      <c r="H564703" s="12"/>
    </row>
    <row r="564704" spans="8:8">
      <c r="H564704" s="12"/>
    </row>
    <row r="564705" spans="8:8">
      <c r="H564705" s="12"/>
    </row>
    <row r="564706" spans="8:8">
      <c r="H564706" s="12"/>
    </row>
    <row r="564707" spans="8:8">
      <c r="H564707" s="12"/>
    </row>
    <row r="564708" spans="8:8">
      <c r="H564708" s="12"/>
    </row>
    <row r="564709" spans="8:8">
      <c r="H564709" s="12"/>
    </row>
    <row r="564710" spans="8:8">
      <c r="H564710" s="12"/>
    </row>
    <row r="564711" spans="8:8">
      <c r="H564711" s="12"/>
    </row>
    <row r="564712" spans="8:8">
      <c r="H564712" s="12"/>
    </row>
    <row r="564713" spans="8:8">
      <c r="H564713" s="12"/>
    </row>
    <row r="564714" spans="8:8">
      <c r="H564714" s="12"/>
    </row>
    <row r="564715" spans="8:8">
      <c r="H564715" s="12"/>
    </row>
    <row r="564716" spans="8:8">
      <c r="H564716" s="12"/>
    </row>
    <row r="564717" spans="8:8">
      <c r="H564717" s="12"/>
    </row>
    <row r="564718" spans="8:8">
      <c r="H564718" s="12"/>
    </row>
    <row r="564719" spans="8:8">
      <c r="H564719" s="12"/>
    </row>
    <row r="564720" spans="8:8">
      <c r="H564720" s="12"/>
    </row>
    <row r="564721" spans="8:8">
      <c r="H564721" s="12"/>
    </row>
    <row r="564722" spans="8:8">
      <c r="H564722" s="12"/>
    </row>
    <row r="564723" spans="8:8">
      <c r="H564723" s="12"/>
    </row>
    <row r="564724" spans="8:8">
      <c r="H564724" s="12"/>
    </row>
    <row r="564725" spans="8:8">
      <c r="H564725" s="12"/>
    </row>
    <row r="564726" spans="8:8">
      <c r="H564726" s="12"/>
    </row>
    <row r="564727" spans="8:8">
      <c r="H564727" s="12"/>
    </row>
    <row r="564728" spans="8:8">
      <c r="H564728" s="12"/>
    </row>
    <row r="564729" spans="8:8">
      <c r="H564729" s="12"/>
    </row>
    <row r="564730" spans="8:8">
      <c r="H564730" s="12"/>
    </row>
    <row r="564731" spans="8:8">
      <c r="H564731" s="12"/>
    </row>
    <row r="564732" spans="8:8">
      <c r="H564732" s="12"/>
    </row>
    <row r="564733" spans="8:8">
      <c r="H564733" s="12"/>
    </row>
    <row r="564734" spans="8:8">
      <c r="H564734" s="12"/>
    </row>
    <row r="564735" spans="8:8">
      <c r="H564735" s="12"/>
    </row>
    <row r="564736" spans="8:8">
      <c r="H564736" s="12"/>
    </row>
    <row r="564737" spans="8:8">
      <c r="H564737" s="12"/>
    </row>
    <row r="564738" spans="8:8">
      <c r="H564738" s="12"/>
    </row>
    <row r="564739" spans="8:8">
      <c r="H564739" s="12"/>
    </row>
    <row r="564740" spans="8:8">
      <c r="H564740" s="12"/>
    </row>
    <row r="564741" spans="8:8">
      <c r="H564741" s="12"/>
    </row>
    <row r="564742" spans="8:8">
      <c r="H564742" s="12"/>
    </row>
    <row r="564743" spans="8:8">
      <c r="H564743" s="12"/>
    </row>
    <row r="564744" spans="8:8">
      <c r="H564744" s="12"/>
    </row>
    <row r="564745" spans="8:8">
      <c r="H564745" s="12"/>
    </row>
    <row r="564746" spans="8:8">
      <c r="H564746" s="12"/>
    </row>
    <row r="564747" spans="8:8">
      <c r="H564747" s="12"/>
    </row>
    <row r="564748" spans="8:8">
      <c r="H564748" s="12"/>
    </row>
    <row r="564749" spans="8:8">
      <c r="H564749" s="12"/>
    </row>
    <row r="564750" spans="8:8">
      <c r="H564750" s="12"/>
    </row>
    <row r="564751" spans="8:8">
      <c r="H564751" s="12"/>
    </row>
    <row r="564752" spans="8:8">
      <c r="H564752" s="12"/>
    </row>
    <row r="564753" spans="8:8">
      <c r="H564753" s="12"/>
    </row>
    <row r="564754" spans="8:8">
      <c r="H564754" s="12"/>
    </row>
    <row r="564755" spans="8:8">
      <c r="H564755" s="12"/>
    </row>
    <row r="564756" spans="8:8">
      <c r="H564756" s="12"/>
    </row>
    <row r="564757" spans="8:8">
      <c r="H564757" s="12"/>
    </row>
    <row r="564758" spans="8:8">
      <c r="H564758" s="12"/>
    </row>
    <row r="564759" spans="8:8">
      <c r="H564759" s="12"/>
    </row>
    <row r="564760" spans="8:8">
      <c r="H564760" s="12"/>
    </row>
    <row r="564761" spans="8:8">
      <c r="H564761" s="12"/>
    </row>
    <row r="564762" spans="8:8">
      <c r="H564762" s="12"/>
    </row>
    <row r="564763" spans="8:8">
      <c r="H564763" s="12"/>
    </row>
    <row r="564764" spans="8:8">
      <c r="H564764" s="12"/>
    </row>
    <row r="564765" spans="8:8">
      <c r="H564765" s="12"/>
    </row>
    <row r="564766" spans="8:8">
      <c r="H564766" s="12"/>
    </row>
    <row r="564767" spans="8:8">
      <c r="H564767" s="12"/>
    </row>
    <row r="564768" spans="8:8">
      <c r="H564768" s="12"/>
    </row>
    <row r="564769" spans="8:8">
      <c r="H564769" s="12"/>
    </row>
    <row r="564770" spans="8:8">
      <c r="H564770" s="12"/>
    </row>
    <row r="564771" spans="8:8">
      <c r="H564771" s="12"/>
    </row>
    <row r="564772" spans="8:8">
      <c r="H564772" s="12"/>
    </row>
    <row r="564773" spans="8:8">
      <c r="H564773" s="12"/>
    </row>
    <row r="564774" spans="8:8">
      <c r="H564774" s="12"/>
    </row>
    <row r="564775" spans="8:8">
      <c r="H564775" s="12"/>
    </row>
    <row r="564776" spans="8:8">
      <c r="H564776" s="12"/>
    </row>
    <row r="564777" spans="8:8">
      <c r="H564777" s="12"/>
    </row>
    <row r="564778" spans="8:8">
      <c r="H564778" s="12"/>
    </row>
    <row r="564779" spans="8:8">
      <c r="H564779" s="12"/>
    </row>
    <row r="564780" spans="8:8">
      <c r="H564780" s="12"/>
    </row>
    <row r="564781" spans="8:8">
      <c r="H564781" s="12"/>
    </row>
    <row r="564782" spans="8:8">
      <c r="H564782" s="12"/>
    </row>
    <row r="564783" spans="8:8">
      <c r="H564783" s="12"/>
    </row>
    <row r="564784" spans="8:8">
      <c r="H564784" s="12"/>
    </row>
    <row r="564785" spans="8:8">
      <c r="H564785" s="12"/>
    </row>
    <row r="564786" spans="8:8">
      <c r="H564786" s="12"/>
    </row>
    <row r="564787" spans="8:8">
      <c r="H564787" s="12"/>
    </row>
    <row r="564788" spans="8:8">
      <c r="H564788" s="12"/>
    </row>
    <row r="564789" spans="8:8">
      <c r="H564789" s="12"/>
    </row>
    <row r="564790" spans="8:8">
      <c r="H564790" s="12"/>
    </row>
    <row r="564791" spans="8:8">
      <c r="H564791" s="12"/>
    </row>
    <row r="564792" spans="8:8">
      <c r="H564792" s="12"/>
    </row>
    <row r="564793" spans="8:8">
      <c r="H564793" s="12"/>
    </row>
    <row r="564794" spans="8:8">
      <c r="H564794" s="12"/>
    </row>
    <row r="564795" spans="8:8">
      <c r="H564795" s="12"/>
    </row>
    <row r="564796" spans="8:8">
      <c r="H564796" s="12"/>
    </row>
    <row r="564797" spans="8:8">
      <c r="H564797" s="12"/>
    </row>
    <row r="564798" spans="8:8">
      <c r="H564798" s="12"/>
    </row>
    <row r="564799" spans="8:8">
      <c r="H564799" s="12"/>
    </row>
    <row r="564800" spans="8:8">
      <c r="H564800" s="12"/>
    </row>
    <row r="564801" spans="8:8">
      <c r="H564801" s="12"/>
    </row>
    <row r="564802" spans="8:8">
      <c r="H564802" s="12"/>
    </row>
    <row r="564803" spans="8:8">
      <c r="H564803" s="12"/>
    </row>
    <row r="564804" spans="8:8">
      <c r="H564804" s="12"/>
    </row>
    <row r="564805" spans="8:8">
      <c r="H564805" s="12"/>
    </row>
    <row r="564806" spans="8:8">
      <c r="H564806" s="12"/>
    </row>
    <row r="564807" spans="8:8">
      <c r="H564807" s="12"/>
    </row>
    <row r="564808" spans="8:8">
      <c r="H564808" s="12"/>
    </row>
    <row r="564809" spans="8:8">
      <c r="H564809" s="12"/>
    </row>
    <row r="564810" spans="8:8">
      <c r="H564810" s="12"/>
    </row>
    <row r="564811" spans="8:8">
      <c r="H564811" s="12"/>
    </row>
    <row r="564812" spans="8:8">
      <c r="H564812" s="12"/>
    </row>
    <row r="564813" spans="8:8">
      <c r="H564813" s="12"/>
    </row>
    <row r="564814" spans="8:8">
      <c r="H564814" s="12"/>
    </row>
    <row r="564815" spans="8:8">
      <c r="H564815" s="12"/>
    </row>
    <row r="564816" spans="8:8">
      <c r="H564816" s="12"/>
    </row>
    <row r="564817" spans="8:8">
      <c r="H564817" s="12"/>
    </row>
    <row r="564818" spans="8:8">
      <c r="H564818" s="12"/>
    </row>
    <row r="564819" spans="8:8">
      <c r="H564819" s="12"/>
    </row>
    <row r="564820" spans="8:8">
      <c r="H564820" s="12"/>
    </row>
    <row r="564821" spans="8:8">
      <c r="H564821" s="12"/>
    </row>
    <row r="564822" spans="8:8">
      <c r="H564822" s="12"/>
    </row>
    <row r="564823" spans="8:8">
      <c r="H564823" s="12"/>
    </row>
    <row r="564824" spans="8:8">
      <c r="H564824" s="12"/>
    </row>
    <row r="564825" spans="8:8">
      <c r="H564825" s="12"/>
    </row>
    <row r="564826" spans="8:8">
      <c r="H564826" s="12"/>
    </row>
    <row r="564827" spans="8:8">
      <c r="H564827" s="12"/>
    </row>
    <row r="564828" spans="8:8">
      <c r="H564828" s="12"/>
    </row>
    <row r="564829" spans="8:8">
      <c r="H564829" s="12"/>
    </row>
    <row r="564830" spans="8:8">
      <c r="H564830" s="12"/>
    </row>
    <row r="564831" spans="8:8">
      <c r="H564831" s="12"/>
    </row>
    <row r="564832" spans="8:8">
      <c r="H564832" s="12"/>
    </row>
    <row r="564833" spans="8:8">
      <c r="H564833" s="12"/>
    </row>
    <row r="564834" spans="8:8">
      <c r="H564834" s="12"/>
    </row>
    <row r="564835" spans="8:8">
      <c r="H564835" s="12"/>
    </row>
    <row r="564836" spans="8:8">
      <c r="H564836" s="12"/>
    </row>
    <row r="564837" spans="8:8">
      <c r="H564837" s="12"/>
    </row>
    <row r="564838" spans="8:8">
      <c r="H564838" s="12"/>
    </row>
    <row r="564839" spans="8:8">
      <c r="H564839" s="12"/>
    </row>
    <row r="564840" spans="8:8">
      <c r="H564840" s="12"/>
    </row>
    <row r="564841" spans="8:8">
      <c r="H564841" s="12"/>
    </row>
    <row r="564842" spans="8:8">
      <c r="H564842" s="12"/>
    </row>
    <row r="564843" spans="8:8">
      <c r="H564843" s="12"/>
    </row>
    <row r="564844" spans="8:8">
      <c r="H564844" s="12"/>
    </row>
    <row r="564845" spans="8:8">
      <c r="H564845" s="12"/>
    </row>
    <row r="564846" spans="8:8">
      <c r="H564846" s="12"/>
    </row>
    <row r="564847" spans="8:8">
      <c r="H564847" s="12"/>
    </row>
    <row r="564848" spans="8:8">
      <c r="H564848" s="12"/>
    </row>
    <row r="564849" spans="8:8">
      <c r="H564849" s="12"/>
    </row>
    <row r="564850" spans="8:8">
      <c r="H564850" s="12"/>
    </row>
    <row r="564851" spans="8:8">
      <c r="H564851" s="12"/>
    </row>
    <row r="564852" spans="8:8">
      <c r="H564852" s="12"/>
    </row>
    <row r="564853" spans="8:8">
      <c r="H564853" s="12"/>
    </row>
    <row r="564854" spans="8:8">
      <c r="H564854" s="12"/>
    </row>
    <row r="564855" spans="8:8">
      <c r="H564855" s="12"/>
    </row>
    <row r="564856" spans="8:8">
      <c r="H564856" s="12"/>
    </row>
    <row r="564857" spans="8:8">
      <c r="H564857" s="12"/>
    </row>
    <row r="564858" spans="8:8">
      <c r="H564858" s="12"/>
    </row>
    <row r="564859" spans="8:8">
      <c r="H564859" s="12"/>
    </row>
    <row r="564860" spans="8:8">
      <c r="H564860" s="12"/>
    </row>
    <row r="564861" spans="8:8">
      <c r="H564861" s="12"/>
    </row>
    <row r="564862" spans="8:8">
      <c r="H564862" s="12"/>
    </row>
    <row r="564863" spans="8:8">
      <c r="H564863" s="12"/>
    </row>
    <row r="564864" spans="8:8">
      <c r="H564864" s="12"/>
    </row>
    <row r="564865" spans="8:8">
      <c r="H564865" s="12"/>
    </row>
    <row r="564866" spans="8:8">
      <c r="H564866" s="12"/>
    </row>
    <row r="564867" spans="8:8">
      <c r="H564867" s="12"/>
    </row>
    <row r="564868" spans="8:8">
      <c r="H564868" s="12"/>
    </row>
    <row r="564869" spans="8:8">
      <c r="H564869" s="12"/>
    </row>
    <row r="564870" spans="8:8">
      <c r="H564870" s="12"/>
    </row>
    <row r="564871" spans="8:8">
      <c r="H564871" s="12"/>
    </row>
    <row r="564872" spans="8:8">
      <c r="H564872" s="12"/>
    </row>
    <row r="564873" spans="8:8">
      <c r="H564873" s="12"/>
    </row>
    <row r="564874" spans="8:8">
      <c r="H564874" s="12"/>
    </row>
    <row r="564875" spans="8:8">
      <c r="H564875" s="12"/>
    </row>
    <row r="564876" spans="8:8">
      <c r="H564876" s="12"/>
    </row>
    <row r="564877" spans="8:8">
      <c r="H564877" s="12"/>
    </row>
    <row r="564878" spans="8:8">
      <c r="H564878" s="12"/>
    </row>
    <row r="564879" spans="8:8">
      <c r="H564879" s="12"/>
    </row>
    <row r="564880" spans="8:8">
      <c r="H564880" s="12"/>
    </row>
    <row r="564881" spans="8:8">
      <c r="H564881" s="12"/>
    </row>
    <row r="564882" spans="8:8">
      <c r="H564882" s="12"/>
    </row>
    <row r="564883" spans="8:8">
      <c r="H564883" s="12"/>
    </row>
    <row r="564884" spans="8:8">
      <c r="H564884" s="12"/>
    </row>
    <row r="564885" spans="8:8">
      <c r="H564885" s="12"/>
    </row>
    <row r="564886" spans="8:8">
      <c r="H564886" s="12"/>
    </row>
    <row r="564887" spans="8:8">
      <c r="H564887" s="12"/>
    </row>
    <row r="564888" spans="8:8">
      <c r="H564888" s="12"/>
    </row>
    <row r="564889" spans="8:8">
      <c r="H564889" s="12"/>
    </row>
    <row r="564890" spans="8:8">
      <c r="H564890" s="12"/>
    </row>
    <row r="564891" spans="8:8">
      <c r="H564891" s="12"/>
    </row>
    <row r="564892" spans="8:8">
      <c r="H564892" s="12"/>
    </row>
    <row r="564893" spans="8:8">
      <c r="H564893" s="12"/>
    </row>
    <row r="564894" spans="8:8">
      <c r="H564894" s="12"/>
    </row>
    <row r="564895" spans="8:8">
      <c r="H564895" s="12"/>
    </row>
    <row r="564896" spans="8:8">
      <c r="H564896" s="12"/>
    </row>
    <row r="564897" spans="8:8">
      <c r="H564897" s="12"/>
    </row>
    <row r="564898" spans="8:8">
      <c r="H564898" s="12"/>
    </row>
    <row r="564899" spans="8:8">
      <c r="H564899" s="12"/>
    </row>
    <row r="564900" spans="8:8">
      <c r="H564900" s="12"/>
    </row>
    <row r="564901" spans="8:8">
      <c r="H564901" s="12"/>
    </row>
    <row r="564902" spans="8:8">
      <c r="H564902" s="12"/>
    </row>
    <row r="564903" spans="8:8">
      <c r="H564903" s="12"/>
    </row>
    <row r="564904" spans="8:8">
      <c r="H564904" s="12"/>
    </row>
    <row r="564905" spans="8:8">
      <c r="H564905" s="12"/>
    </row>
    <row r="564906" spans="8:8">
      <c r="H564906" s="12"/>
    </row>
    <row r="564907" spans="8:8">
      <c r="H564907" s="12"/>
    </row>
    <row r="564908" spans="8:8">
      <c r="H564908" s="12"/>
    </row>
    <row r="564909" spans="8:8">
      <c r="H564909" s="12"/>
    </row>
    <row r="564910" spans="8:8">
      <c r="H564910" s="12"/>
    </row>
    <row r="564911" spans="8:8">
      <c r="H564911" s="12"/>
    </row>
    <row r="564912" spans="8:8">
      <c r="H564912" s="12"/>
    </row>
    <row r="564913" spans="8:8">
      <c r="H564913" s="12"/>
    </row>
    <row r="564914" spans="8:8">
      <c r="H564914" s="12"/>
    </row>
    <row r="564915" spans="8:8">
      <c r="H564915" s="12"/>
    </row>
    <row r="564916" spans="8:8">
      <c r="H564916" s="12"/>
    </row>
    <row r="564917" spans="8:8">
      <c r="H564917" s="12"/>
    </row>
    <row r="564918" spans="8:8">
      <c r="H564918" s="12"/>
    </row>
    <row r="564919" spans="8:8">
      <c r="H564919" s="12"/>
    </row>
    <row r="564920" spans="8:8">
      <c r="H564920" s="12"/>
    </row>
    <row r="564921" spans="8:8">
      <c r="H564921" s="12"/>
    </row>
    <row r="564922" spans="8:8">
      <c r="H564922" s="12"/>
    </row>
    <row r="564923" spans="8:8">
      <c r="H564923" s="12"/>
    </row>
    <row r="564924" spans="8:8">
      <c r="H564924" s="12"/>
    </row>
    <row r="564925" spans="8:8">
      <c r="H564925" s="12"/>
    </row>
    <row r="564926" spans="8:8">
      <c r="H564926" s="12"/>
    </row>
    <row r="564927" spans="8:8">
      <c r="H564927" s="12"/>
    </row>
    <row r="564928" spans="8:8">
      <c r="H564928" s="12"/>
    </row>
    <row r="564929" spans="8:8">
      <c r="H564929" s="12"/>
    </row>
    <row r="564930" spans="8:8">
      <c r="H564930" s="12"/>
    </row>
    <row r="564931" spans="8:8">
      <c r="H564931" s="12"/>
    </row>
    <row r="564932" spans="8:8">
      <c r="H564932" s="12"/>
    </row>
    <row r="564933" spans="8:8">
      <c r="H564933" s="12"/>
    </row>
    <row r="564934" spans="8:8">
      <c r="H564934" s="12"/>
    </row>
    <row r="564935" spans="8:8">
      <c r="H564935" s="12"/>
    </row>
    <row r="564936" spans="8:8">
      <c r="H564936" s="12"/>
    </row>
    <row r="564937" spans="8:8">
      <c r="H564937" s="12"/>
    </row>
    <row r="564938" spans="8:8">
      <c r="H564938" s="12"/>
    </row>
    <row r="564939" spans="8:8">
      <c r="H564939" s="12"/>
    </row>
    <row r="564940" spans="8:8">
      <c r="H564940" s="12"/>
    </row>
    <row r="564941" spans="8:8">
      <c r="H564941" s="12"/>
    </row>
    <row r="564942" spans="8:8">
      <c r="H564942" s="12"/>
    </row>
    <row r="564943" spans="8:8">
      <c r="H564943" s="12"/>
    </row>
    <row r="564944" spans="8:8">
      <c r="H564944" s="12"/>
    </row>
    <row r="564945" spans="8:8">
      <c r="H564945" s="12"/>
    </row>
    <row r="564946" spans="8:8">
      <c r="H564946" s="12"/>
    </row>
    <row r="564947" spans="8:8">
      <c r="H564947" s="12"/>
    </row>
    <row r="564948" spans="8:8">
      <c r="H564948" s="12"/>
    </row>
    <row r="564949" spans="8:8">
      <c r="H564949" s="12"/>
    </row>
    <row r="564950" spans="8:8">
      <c r="H564950" s="12"/>
    </row>
    <row r="564951" spans="8:8">
      <c r="H564951" s="12"/>
    </row>
    <row r="564952" spans="8:8">
      <c r="H564952" s="12"/>
    </row>
    <row r="564953" spans="8:8">
      <c r="H564953" s="12"/>
    </row>
    <row r="564954" spans="8:8">
      <c r="H564954" s="12"/>
    </row>
    <row r="564955" spans="8:8">
      <c r="H564955" s="12"/>
    </row>
    <row r="564956" spans="8:8">
      <c r="H564956" s="12"/>
    </row>
    <row r="564957" spans="8:8">
      <c r="H564957" s="12"/>
    </row>
    <row r="564958" spans="8:8">
      <c r="H564958" s="12"/>
    </row>
    <row r="564959" spans="8:8">
      <c r="H564959" s="12"/>
    </row>
    <row r="564960" spans="8:8">
      <c r="H564960" s="12"/>
    </row>
    <row r="564961" spans="8:8">
      <c r="H564961" s="12"/>
    </row>
    <row r="564962" spans="8:8">
      <c r="H564962" s="12"/>
    </row>
    <row r="564963" spans="8:8">
      <c r="H564963" s="12"/>
    </row>
    <row r="564964" spans="8:8">
      <c r="H564964" s="12"/>
    </row>
    <row r="564965" spans="8:8">
      <c r="H564965" s="12"/>
    </row>
    <row r="564966" spans="8:8">
      <c r="H564966" s="12"/>
    </row>
    <row r="564967" spans="8:8">
      <c r="H564967" s="12"/>
    </row>
    <row r="564968" spans="8:8">
      <c r="H564968" s="12"/>
    </row>
    <row r="564969" spans="8:8">
      <c r="H564969" s="12"/>
    </row>
    <row r="564970" spans="8:8">
      <c r="H564970" s="12"/>
    </row>
    <row r="564971" spans="8:8">
      <c r="H564971" s="12"/>
    </row>
    <row r="564972" spans="8:8">
      <c r="H564972" s="12"/>
    </row>
    <row r="564973" spans="8:8">
      <c r="H564973" s="12"/>
    </row>
    <row r="564974" spans="8:8">
      <c r="H564974" s="12"/>
    </row>
    <row r="564975" spans="8:8">
      <c r="H564975" s="12"/>
    </row>
    <row r="564976" spans="8:8">
      <c r="H564976" s="12"/>
    </row>
    <row r="564977" spans="8:8">
      <c r="H564977" s="12"/>
    </row>
    <row r="564978" spans="8:8">
      <c r="H564978" s="12"/>
    </row>
    <row r="564979" spans="8:8">
      <c r="H564979" s="12"/>
    </row>
    <row r="564980" spans="8:8">
      <c r="H564980" s="12"/>
    </row>
    <row r="564981" spans="8:8">
      <c r="H564981" s="12"/>
    </row>
    <row r="564982" spans="8:8">
      <c r="H564982" s="12"/>
    </row>
    <row r="564983" spans="8:8">
      <c r="H564983" s="12"/>
    </row>
    <row r="564984" spans="8:8">
      <c r="H564984" s="12"/>
    </row>
    <row r="564985" spans="8:8">
      <c r="H564985" s="12"/>
    </row>
    <row r="564986" spans="8:8">
      <c r="H564986" s="12"/>
    </row>
    <row r="564987" spans="8:8">
      <c r="H564987" s="12"/>
    </row>
    <row r="564988" spans="8:8">
      <c r="H564988" s="12"/>
    </row>
    <row r="564989" spans="8:8">
      <c r="H564989" s="12"/>
    </row>
    <row r="564990" spans="8:8">
      <c r="H564990" s="12"/>
    </row>
    <row r="564991" spans="8:8">
      <c r="H564991" s="12"/>
    </row>
    <row r="564992" spans="8:8">
      <c r="H564992" s="12"/>
    </row>
    <row r="564993" spans="8:8">
      <c r="H564993" s="12"/>
    </row>
    <row r="564994" spans="8:8">
      <c r="H564994" s="12"/>
    </row>
    <row r="564995" spans="8:8">
      <c r="H564995" s="12"/>
    </row>
    <row r="564996" spans="8:8">
      <c r="H564996" s="12"/>
    </row>
    <row r="564997" spans="8:8">
      <c r="H564997" s="12"/>
    </row>
    <row r="564998" spans="8:8">
      <c r="H564998" s="12"/>
    </row>
    <row r="564999" spans="8:8">
      <c r="H564999" s="12"/>
    </row>
    <row r="565000" spans="8:8">
      <c r="H565000" s="12"/>
    </row>
    <row r="565001" spans="8:8">
      <c r="H565001" s="12"/>
    </row>
    <row r="565002" spans="8:8">
      <c r="H565002" s="12"/>
    </row>
    <row r="565003" spans="8:8">
      <c r="H565003" s="12"/>
    </row>
    <row r="565004" spans="8:8">
      <c r="H565004" s="12"/>
    </row>
    <row r="565005" spans="8:8">
      <c r="H565005" s="12"/>
    </row>
    <row r="565006" spans="8:8">
      <c r="H565006" s="12"/>
    </row>
    <row r="565007" spans="8:8">
      <c r="H565007" s="12"/>
    </row>
    <row r="565008" spans="8:8">
      <c r="H565008" s="12"/>
    </row>
    <row r="565009" spans="8:8">
      <c r="H565009" s="12"/>
    </row>
    <row r="565010" spans="8:8">
      <c r="H565010" s="12"/>
    </row>
    <row r="565011" spans="8:8">
      <c r="H565011" s="12"/>
    </row>
    <row r="565012" spans="8:8">
      <c r="H565012" s="12"/>
    </row>
    <row r="565013" spans="8:8">
      <c r="H565013" s="12"/>
    </row>
    <row r="565014" spans="8:8">
      <c r="H565014" s="12"/>
    </row>
    <row r="565015" spans="8:8">
      <c r="H565015" s="12"/>
    </row>
    <row r="565016" spans="8:8">
      <c r="H565016" s="12"/>
    </row>
    <row r="565017" spans="8:8">
      <c r="H565017" s="12"/>
    </row>
    <row r="565018" spans="8:8">
      <c r="H565018" s="12"/>
    </row>
    <row r="565019" spans="8:8">
      <c r="H565019" s="12"/>
    </row>
    <row r="565020" spans="8:8">
      <c r="H565020" s="12"/>
    </row>
    <row r="565021" spans="8:8">
      <c r="H565021" s="12"/>
    </row>
    <row r="565022" spans="8:8">
      <c r="H565022" s="12"/>
    </row>
    <row r="565023" spans="8:8">
      <c r="H565023" s="12"/>
    </row>
    <row r="565024" spans="8:8">
      <c r="H565024" s="12"/>
    </row>
    <row r="565025" spans="8:8">
      <c r="H565025" s="12"/>
    </row>
    <row r="565026" spans="8:8">
      <c r="H565026" s="12"/>
    </row>
    <row r="565027" spans="8:8">
      <c r="H565027" s="12"/>
    </row>
    <row r="565028" spans="8:8">
      <c r="H565028" s="12"/>
    </row>
    <row r="565029" spans="8:8">
      <c r="H565029" s="12"/>
    </row>
    <row r="565030" spans="8:8">
      <c r="H565030" s="12"/>
    </row>
    <row r="565031" spans="8:8">
      <c r="H565031" s="12"/>
    </row>
    <row r="565032" spans="8:8">
      <c r="H565032" s="12"/>
    </row>
    <row r="565033" spans="8:8">
      <c r="H565033" s="12"/>
    </row>
    <row r="565034" spans="8:8">
      <c r="H565034" s="12"/>
    </row>
    <row r="565035" spans="8:8">
      <c r="H565035" s="12"/>
    </row>
    <row r="565036" spans="8:8">
      <c r="H565036" s="12"/>
    </row>
    <row r="565037" spans="8:8">
      <c r="H565037" s="12"/>
    </row>
    <row r="565038" spans="8:8">
      <c r="H565038" s="12"/>
    </row>
    <row r="565039" spans="8:8">
      <c r="H565039" s="12"/>
    </row>
    <row r="565040" spans="8:8">
      <c r="H565040" s="12"/>
    </row>
    <row r="565041" spans="8:8">
      <c r="H565041" s="12"/>
    </row>
    <row r="565042" spans="8:8">
      <c r="H565042" s="12"/>
    </row>
    <row r="565043" spans="8:8">
      <c r="H565043" s="12"/>
    </row>
    <row r="565044" spans="8:8">
      <c r="H565044" s="12"/>
    </row>
    <row r="565045" spans="8:8">
      <c r="H565045" s="12"/>
    </row>
    <row r="565046" spans="8:8">
      <c r="H565046" s="12"/>
    </row>
    <row r="565047" spans="8:8">
      <c r="H565047" s="12"/>
    </row>
    <row r="565048" spans="8:8">
      <c r="H565048" s="12"/>
    </row>
    <row r="565049" spans="8:8">
      <c r="H565049" s="12"/>
    </row>
    <row r="565050" spans="8:8">
      <c r="H565050" s="12"/>
    </row>
    <row r="565051" spans="8:8">
      <c r="H565051" s="12"/>
    </row>
    <row r="565052" spans="8:8">
      <c r="H565052" s="12"/>
    </row>
    <row r="565053" spans="8:8">
      <c r="H565053" s="12"/>
    </row>
    <row r="565054" spans="8:8">
      <c r="H565054" s="12"/>
    </row>
    <row r="565055" spans="8:8">
      <c r="H565055" s="12"/>
    </row>
    <row r="565056" spans="8:8">
      <c r="H565056" s="12"/>
    </row>
    <row r="565057" spans="8:8">
      <c r="H565057" s="12"/>
    </row>
    <row r="565058" spans="8:8">
      <c r="H565058" s="12"/>
    </row>
    <row r="565059" spans="8:8">
      <c r="H565059" s="12"/>
    </row>
    <row r="565060" spans="8:8">
      <c r="H565060" s="12"/>
    </row>
    <row r="565061" spans="8:8">
      <c r="H565061" s="12"/>
    </row>
    <row r="565062" spans="8:8">
      <c r="H565062" s="12"/>
    </row>
    <row r="565063" spans="8:8">
      <c r="H565063" s="12"/>
    </row>
    <row r="565064" spans="8:8">
      <c r="H565064" s="12"/>
    </row>
    <row r="565065" spans="8:8">
      <c r="H565065" s="12"/>
    </row>
    <row r="565066" spans="8:8">
      <c r="H565066" s="12"/>
    </row>
    <row r="565067" spans="8:8">
      <c r="H565067" s="12"/>
    </row>
    <row r="565068" spans="8:8">
      <c r="H565068" s="12"/>
    </row>
    <row r="565069" spans="8:8">
      <c r="H565069" s="12"/>
    </row>
    <row r="565070" spans="8:8">
      <c r="H565070" s="12"/>
    </row>
    <row r="565071" spans="8:8">
      <c r="H565071" s="12"/>
    </row>
    <row r="565072" spans="8:8">
      <c r="H565072" s="12"/>
    </row>
    <row r="565073" spans="8:8">
      <c r="H565073" s="12"/>
    </row>
    <row r="565074" spans="8:8">
      <c r="H565074" s="12"/>
    </row>
    <row r="565075" spans="8:8">
      <c r="H565075" s="12"/>
    </row>
    <row r="565076" spans="8:8">
      <c r="H565076" s="12"/>
    </row>
    <row r="565077" spans="8:8">
      <c r="H565077" s="12"/>
    </row>
    <row r="565078" spans="8:8">
      <c r="H565078" s="12"/>
    </row>
    <row r="565079" spans="8:8">
      <c r="H565079" s="12"/>
    </row>
    <row r="565080" spans="8:8">
      <c r="H565080" s="12"/>
    </row>
    <row r="565081" spans="8:8">
      <c r="H565081" s="12"/>
    </row>
    <row r="565082" spans="8:8">
      <c r="H565082" s="12"/>
    </row>
    <row r="565083" spans="8:8">
      <c r="H565083" s="12"/>
    </row>
    <row r="565084" spans="8:8">
      <c r="H565084" s="12"/>
    </row>
    <row r="565085" spans="8:8">
      <c r="H565085" s="12"/>
    </row>
    <row r="565086" spans="8:8">
      <c r="H565086" s="12"/>
    </row>
    <row r="565087" spans="8:8">
      <c r="H565087" s="12"/>
    </row>
    <row r="565088" spans="8:8">
      <c r="H565088" s="12"/>
    </row>
    <row r="565089" spans="8:8">
      <c r="H565089" s="12"/>
    </row>
    <row r="565090" spans="8:8">
      <c r="H565090" s="12"/>
    </row>
    <row r="565091" spans="8:8">
      <c r="H565091" s="12"/>
    </row>
    <row r="565092" spans="8:8">
      <c r="H565092" s="12"/>
    </row>
    <row r="565093" spans="8:8">
      <c r="H565093" s="12"/>
    </row>
    <row r="565094" spans="8:8">
      <c r="H565094" s="12"/>
    </row>
    <row r="565095" spans="8:8">
      <c r="H565095" s="12"/>
    </row>
    <row r="565096" spans="8:8">
      <c r="H565096" s="12"/>
    </row>
    <row r="565097" spans="8:8">
      <c r="H565097" s="12"/>
    </row>
    <row r="565098" spans="8:8">
      <c r="H565098" s="12"/>
    </row>
    <row r="565099" spans="8:8">
      <c r="H565099" s="12"/>
    </row>
    <row r="565100" spans="8:8">
      <c r="H565100" s="12"/>
    </row>
    <row r="565101" spans="8:8">
      <c r="H565101" s="12"/>
    </row>
    <row r="565102" spans="8:8">
      <c r="H565102" s="12"/>
    </row>
    <row r="565103" spans="8:8">
      <c r="H565103" s="12"/>
    </row>
    <row r="565104" spans="8:8">
      <c r="H565104" s="12"/>
    </row>
    <row r="565105" spans="8:8">
      <c r="H565105" s="12"/>
    </row>
    <row r="565106" spans="8:8">
      <c r="H565106" s="12"/>
    </row>
    <row r="565107" spans="8:8">
      <c r="H565107" s="12"/>
    </row>
    <row r="565108" spans="8:8">
      <c r="H565108" s="12"/>
    </row>
    <row r="565109" spans="8:8">
      <c r="H565109" s="12"/>
    </row>
    <row r="565110" spans="8:8">
      <c r="H565110" s="12"/>
    </row>
    <row r="565111" spans="8:8">
      <c r="H565111" s="12"/>
    </row>
    <row r="565112" spans="8:8">
      <c r="H565112" s="12"/>
    </row>
    <row r="565113" spans="8:8">
      <c r="H565113" s="12"/>
    </row>
    <row r="565114" spans="8:8">
      <c r="H565114" s="12"/>
    </row>
    <row r="565115" spans="8:8">
      <c r="H565115" s="12"/>
    </row>
    <row r="565116" spans="8:8">
      <c r="H565116" s="12"/>
    </row>
    <row r="565117" spans="8:8">
      <c r="H565117" s="12"/>
    </row>
    <row r="565118" spans="8:8">
      <c r="H565118" s="12"/>
    </row>
    <row r="565119" spans="8:8">
      <c r="H565119" s="12"/>
    </row>
    <row r="565120" spans="8:8">
      <c r="H565120" s="12"/>
    </row>
    <row r="565121" spans="8:8">
      <c r="H565121" s="12"/>
    </row>
    <row r="565122" spans="8:8">
      <c r="H565122" s="12"/>
    </row>
    <row r="565123" spans="8:8">
      <c r="H565123" s="12"/>
    </row>
    <row r="565124" spans="8:8">
      <c r="H565124" s="12"/>
    </row>
    <row r="565125" spans="8:8">
      <c r="H565125" s="12"/>
    </row>
    <row r="565126" spans="8:8">
      <c r="H565126" s="12"/>
    </row>
    <row r="565127" spans="8:8">
      <c r="H565127" s="12"/>
    </row>
    <row r="565128" spans="8:8">
      <c r="H565128" s="12"/>
    </row>
    <row r="565129" spans="8:8">
      <c r="H565129" s="12"/>
    </row>
    <row r="565130" spans="8:8">
      <c r="H565130" s="12"/>
    </row>
    <row r="565131" spans="8:8">
      <c r="H565131" s="12"/>
    </row>
    <row r="565132" spans="8:8">
      <c r="H565132" s="12"/>
    </row>
    <row r="565133" spans="8:8">
      <c r="H565133" s="12"/>
    </row>
    <row r="565134" spans="8:8">
      <c r="H565134" s="12"/>
    </row>
    <row r="565135" spans="8:8">
      <c r="H565135" s="12"/>
    </row>
    <row r="565136" spans="8:8">
      <c r="H565136" s="12"/>
    </row>
    <row r="565137" spans="8:8">
      <c r="H565137" s="12"/>
    </row>
    <row r="565138" spans="8:8">
      <c r="H565138" s="12"/>
    </row>
    <row r="565139" spans="8:8">
      <c r="H565139" s="12"/>
    </row>
    <row r="565140" spans="8:8">
      <c r="H565140" s="12"/>
    </row>
    <row r="565141" spans="8:8">
      <c r="H565141" s="12"/>
    </row>
    <row r="565142" spans="8:8">
      <c r="H565142" s="12"/>
    </row>
    <row r="565143" spans="8:8">
      <c r="H565143" s="12"/>
    </row>
    <row r="565144" spans="8:8">
      <c r="H565144" s="12"/>
    </row>
    <row r="565145" spans="8:8">
      <c r="H565145" s="12"/>
    </row>
    <row r="565146" spans="8:8">
      <c r="H565146" s="12"/>
    </row>
    <row r="565147" spans="8:8">
      <c r="H565147" s="12"/>
    </row>
    <row r="565148" spans="8:8">
      <c r="H565148" s="12"/>
    </row>
    <row r="565149" spans="8:8">
      <c r="H565149" s="12"/>
    </row>
    <row r="565150" spans="8:8">
      <c r="H565150" s="12"/>
    </row>
    <row r="565151" spans="8:8">
      <c r="H565151" s="12"/>
    </row>
    <row r="565152" spans="8:8">
      <c r="H565152" s="12"/>
    </row>
    <row r="565153" spans="8:8">
      <c r="H565153" s="12"/>
    </row>
    <row r="565154" spans="8:8">
      <c r="H565154" s="12"/>
    </row>
    <row r="565155" spans="8:8">
      <c r="H565155" s="12"/>
    </row>
    <row r="565156" spans="8:8">
      <c r="H565156" s="12"/>
    </row>
    <row r="565157" spans="8:8">
      <c r="H565157" s="12"/>
    </row>
    <row r="565158" spans="8:8">
      <c r="H565158" s="12"/>
    </row>
    <row r="565159" spans="8:8">
      <c r="H565159" s="12"/>
    </row>
    <row r="565160" spans="8:8">
      <c r="H565160" s="12"/>
    </row>
    <row r="565161" spans="8:8">
      <c r="H565161" s="12"/>
    </row>
    <row r="565162" spans="8:8">
      <c r="H565162" s="12"/>
    </row>
    <row r="565163" spans="8:8">
      <c r="H565163" s="12"/>
    </row>
    <row r="565164" spans="8:8">
      <c r="H565164" s="12"/>
    </row>
    <row r="565165" spans="8:8">
      <c r="H565165" s="12"/>
    </row>
    <row r="565166" spans="8:8">
      <c r="H565166" s="12"/>
    </row>
    <row r="565167" spans="8:8">
      <c r="H565167" s="12"/>
    </row>
    <row r="565168" spans="8:8">
      <c r="H565168" s="12"/>
    </row>
    <row r="565169" spans="8:8">
      <c r="H565169" s="12"/>
    </row>
    <row r="565170" spans="8:8">
      <c r="H565170" s="12"/>
    </row>
    <row r="565171" spans="8:8">
      <c r="H565171" s="12"/>
    </row>
    <row r="565172" spans="8:8">
      <c r="H565172" s="12"/>
    </row>
    <row r="565173" spans="8:8">
      <c r="H565173" s="12"/>
    </row>
    <row r="565174" spans="8:8">
      <c r="H565174" s="12"/>
    </row>
    <row r="565175" spans="8:8">
      <c r="H565175" s="12"/>
    </row>
    <row r="565176" spans="8:8">
      <c r="H565176" s="12"/>
    </row>
    <row r="565177" spans="8:8">
      <c r="H565177" s="12"/>
    </row>
    <row r="565178" spans="8:8">
      <c r="H565178" s="12"/>
    </row>
    <row r="565179" spans="8:8">
      <c r="H565179" s="12"/>
    </row>
    <row r="565180" spans="8:8">
      <c r="H565180" s="12"/>
    </row>
    <row r="565181" spans="8:8">
      <c r="H565181" s="12"/>
    </row>
    <row r="565182" spans="8:8">
      <c r="H565182" s="12"/>
    </row>
    <row r="565183" spans="8:8">
      <c r="H565183" s="12"/>
    </row>
    <row r="565184" spans="8:8">
      <c r="H565184" s="12"/>
    </row>
    <row r="565185" spans="8:8">
      <c r="H565185" s="12"/>
    </row>
    <row r="565186" spans="8:8">
      <c r="H565186" s="12"/>
    </row>
    <row r="565187" spans="8:8">
      <c r="H565187" s="12"/>
    </row>
    <row r="565188" spans="8:8">
      <c r="H565188" s="12"/>
    </row>
    <row r="565189" spans="8:8">
      <c r="H565189" s="12"/>
    </row>
    <row r="565190" spans="8:8">
      <c r="H565190" s="12"/>
    </row>
    <row r="565191" spans="8:8">
      <c r="H565191" s="12"/>
    </row>
    <row r="565192" spans="8:8">
      <c r="H565192" s="12"/>
    </row>
    <row r="565193" spans="8:8">
      <c r="H565193" s="12"/>
    </row>
    <row r="565194" spans="8:8">
      <c r="H565194" s="12"/>
    </row>
    <row r="565195" spans="8:8">
      <c r="H565195" s="12"/>
    </row>
    <row r="565196" spans="8:8">
      <c r="H565196" s="12"/>
    </row>
    <row r="565197" spans="8:8">
      <c r="H565197" s="12"/>
    </row>
    <row r="565198" spans="8:8">
      <c r="H565198" s="12"/>
    </row>
    <row r="565199" spans="8:8">
      <c r="H565199" s="12"/>
    </row>
    <row r="565200" spans="8:8">
      <c r="H565200" s="12"/>
    </row>
    <row r="565201" spans="8:8">
      <c r="H565201" s="12"/>
    </row>
    <row r="565202" spans="8:8">
      <c r="H565202" s="12"/>
    </row>
    <row r="565203" spans="8:8">
      <c r="H565203" s="12"/>
    </row>
    <row r="565204" spans="8:8">
      <c r="H565204" s="12"/>
    </row>
    <row r="565205" spans="8:8">
      <c r="H565205" s="12"/>
    </row>
    <row r="565206" spans="8:8">
      <c r="H565206" s="12"/>
    </row>
    <row r="565207" spans="8:8">
      <c r="H565207" s="12"/>
    </row>
    <row r="565208" spans="8:8">
      <c r="H565208" s="12"/>
    </row>
    <row r="565209" spans="8:8">
      <c r="H565209" s="12"/>
    </row>
    <row r="565210" spans="8:8">
      <c r="H565210" s="12"/>
    </row>
    <row r="565211" spans="8:8">
      <c r="H565211" s="12"/>
    </row>
    <row r="565212" spans="8:8">
      <c r="H565212" s="12"/>
    </row>
    <row r="565213" spans="8:8">
      <c r="H565213" s="12"/>
    </row>
    <row r="565214" spans="8:8">
      <c r="H565214" s="12"/>
    </row>
    <row r="565215" spans="8:8">
      <c r="H565215" s="12"/>
    </row>
    <row r="565216" spans="8:8">
      <c r="H565216" s="12"/>
    </row>
    <row r="565217" spans="8:8">
      <c r="H565217" s="12"/>
    </row>
    <row r="565218" spans="8:8">
      <c r="H565218" s="12"/>
    </row>
    <row r="565219" spans="8:8">
      <c r="H565219" s="12"/>
    </row>
    <row r="565220" spans="8:8">
      <c r="H565220" s="12"/>
    </row>
    <row r="565221" spans="8:8">
      <c r="H565221" s="12"/>
    </row>
    <row r="565222" spans="8:8">
      <c r="H565222" s="12"/>
    </row>
    <row r="565223" spans="8:8">
      <c r="H565223" s="12"/>
    </row>
    <row r="565224" spans="8:8">
      <c r="H565224" s="12"/>
    </row>
    <row r="565225" spans="8:8">
      <c r="H565225" s="12"/>
    </row>
    <row r="565226" spans="8:8">
      <c r="H565226" s="12"/>
    </row>
    <row r="565227" spans="8:8">
      <c r="H565227" s="12"/>
    </row>
    <row r="565228" spans="8:8">
      <c r="H565228" s="12"/>
    </row>
    <row r="565229" spans="8:8">
      <c r="H565229" s="12"/>
    </row>
    <row r="565230" spans="8:8">
      <c r="H565230" s="12"/>
    </row>
    <row r="565231" spans="8:8">
      <c r="H565231" s="12"/>
    </row>
    <row r="565232" spans="8:8">
      <c r="H565232" s="12"/>
    </row>
    <row r="565233" spans="8:8">
      <c r="H565233" s="12"/>
    </row>
    <row r="565234" spans="8:8">
      <c r="H565234" s="12"/>
    </row>
    <row r="565235" spans="8:8">
      <c r="H565235" s="12"/>
    </row>
    <row r="565236" spans="8:8">
      <c r="H565236" s="12"/>
    </row>
    <row r="565237" spans="8:8">
      <c r="H565237" s="12"/>
    </row>
    <row r="565238" spans="8:8">
      <c r="H565238" s="12"/>
    </row>
    <row r="565239" spans="8:8">
      <c r="H565239" s="12"/>
    </row>
    <row r="565240" spans="8:8">
      <c r="H565240" s="12"/>
    </row>
    <row r="565241" spans="8:8">
      <c r="H565241" s="12"/>
    </row>
    <row r="565242" spans="8:8">
      <c r="H565242" s="12"/>
    </row>
    <row r="565243" spans="8:8">
      <c r="H565243" s="12"/>
    </row>
    <row r="565244" spans="8:8">
      <c r="H565244" s="12"/>
    </row>
    <row r="565245" spans="8:8">
      <c r="H565245" s="12"/>
    </row>
    <row r="565246" spans="8:8">
      <c r="H565246" s="12"/>
    </row>
    <row r="565247" spans="8:8">
      <c r="H565247" s="12"/>
    </row>
    <row r="565248" spans="8:8">
      <c r="H565248" s="12"/>
    </row>
    <row r="565249" spans="8:8">
      <c r="H565249" s="12"/>
    </row>
    <row r="565250" spans="8:8">
      <c r="H565250" s="12"/>
    </row>
    <row r="565251" spans="8:8">
      <c r="H565251" s="12"/>
    </row>
    <row r="565252" spans="8:8">
      <c r="H565252" s="12"/>
    </row>
    <row r="565253" spans="8:8">
      <c r="H565253" s="12"/>
    </row>
    <row r="565254" spans="8:8">
      <c r="H565254" s="12"/>
    </row>
    <row r="565255" spans="8:8">
      <c r="H565255" s="12"/>
    </row>
    <row r="565256" spans="8:8">
      <c r="H565256" s="12"/>
    </row>
    <row r="565257" spans="8:8">
      <c r="H565257" s="12"/>
    </row>
    <row r="565258" spans="8:8">
      <c r="H565258" s="12"/>
    </row>
    <row r="565259" spans="8:8">
      <c r="H565259" s="12"/>
    </row>
    <row r="565260" spans="8:8">
      <c r="H565260" s="12"/>
    </row>
    <row r="565261" spans="8:8">
      <c r="H565261" s="12"/>
    </row>
    <row r="565262" spans="8:8">
      <c r="H565262" s="12"/>
    </row>
    <row r="565263" spans="8:8">
      <c r="H565263" s="12"/>
    </row>
    <row r="565264" spans="8:8">
      <c r="H565264" s="12"/>
    </row>
    <row r="565265" spans="8:8">
      <c r="H565265" s="12"/>
    </row>
    <row r="565266" spans="8:8">
      <c r="H565266" s="12"/>
    </row>
    <row r="565267" spans="8:8">
      <c r="H565267" s="12"/>
    </row>
    <row r="565268" spans="8:8">
      <c r="H565268" s="12"/>
    </row>
    <row r="565269" spans="8:8">
      <c r="H565269" s="12"/>
    </row>
    <row r="565270" spans="8:8">
      <c r="H565270" s="12"/>
    </row>
    <row r="565271" spans="8:8">
      <c r="H565271" s="12"/>
    </row>
    <row r="565272" spans="8:8">
      <c r="H565272" s="12"/>
    </row>
    <row r="565273" spans="8:8">
      <c r="H565273" s="12"/>
    </row>
    <row r="565274" spans="8:8">
      <c r="H565274" s="12"/>
    </row>
    <row r="565275" spans="8:8">
      <c r="H565275" s="12"/>
    </row>
    <row r="565276" spans="8:8">
      <c r="H565276" s="12"/>
    </row>
    <row r="565277" spans="8:8">
      <c r="H565277" s="12"/>
    </row>
    <row r="565278" spans="8:8">
      <c r="H565278" s="12"/>
    </row>
    <row r="565279" spans="8:8">
      <c r="H565279" s="12"/>
    </row>
    <row r="565280" spans="8:8">
      <c r="H565280" s="12"/>
    </row>
    <row r="565281" spans="8:8">
      <c r="H565281" s="12"/>
    </row>
    <row r="565282" spans="8:8">
      <c r="H565282" s="12"/>
    </row>
    <row r="565283" spans="8:8">
      <c r="H565283" s="12"/>
    </row>
    <row r="565284" spans="8:8">
      <c r="H565284" s="12"/>
    </row>
    <row r="565285" spans="8:8">
      <c r="H565285" s="12"/>
    </row>
    <row r="565286" spans="8:8">
      <c r="H565286" s="12"/>
    </row>
    <row r="565287" spans="8:8">
      <c r="H565287" s="12"/>
    </row>
    <row r="565288" spans="8:8">
      <c r="H565288" s="12"/>
    </row>
    <row r="565289" spans="8:8">
      <c r="H565289" s="12"/>
    </row>
    <row r="565290" spans="8:8">
      <c r="H565290" s="12"/>
    </row>
    <row r="565291" spans="8:8">
      <c r="H565291" s="12"/>
    </row>
    <row r="565292" spans="8:8">
      <c r="H565292" s="12"/>
    </row>
    <row r="565293" spans="8:8">
      <c r="H565293" s="12"/>
    </row>
    <row r="565294" spans="8:8">
      <c r="H565294" s="12"/>
    </row>
    <row r="565295" spans="8:8">
      <c r="H565295" s="12"/>
    </row>
    <row r="565296" spans="8:8">
      <c r="H565296" s="12"/>
    </row>
    <row r="565297" spans="8:8">
      <c r="H565297" s="12"/>
    </row>
    <row r="565298" spans="8:8">
      <c r="H565298" s="12"/>
    </row>
    <row r="565299" spans="8:8">
      <c r="H565299" s="12"/>
    </row>
    <row r="565300" spans="8:8">
      <c r="H565300" s="12"/>
    </row>
    <row r="565301" spans="8:8">
      <c r="H565301" s="12"/>
    </row>
    <row r="565302" spans="8:8">
      <c r="H565302" s="12"/>
    </row>
    <row r="565303" spans="8:8">
      <c r="H565303" s="12"/>
    </row>
    <row r="565304" spans="8:8">
      <c r="H565304" s="12"/>
    </row>
    <row r="565305" spans="8:8">
      <c r="H565305" s="12"/>
    </row>
    <row r="565306" spans="8:8">
      <c r="H565306" s="12"/>
    </row>
    <row r="565307" spans="8:8">
      <c r="H565307" s="12"/>
    </row>
    <row r="565308" spans="8:8">
      <c r="H565308" s="12"/>
    </row>
    <row r="565309" spans="8:8">
      <c r="H565309" s="12"/>
    </row>
    <row r="565310" spans="8:8">
      <c r="H565310" s="12"/>
    </row>
    <row r="565311" spans="8:8">
      <c r="H565311" s="12"/>
    </row>
    <row r="565312" spans="8:8">
      <c r="H565312" s="12"/>
    </row>
    <row r="565313" spans="8:8">
      <c r="H565313" s="12"/>
    </row>
    <row r="565314" spans="8:8">
      <c r="H565314" s="12"/>
    </row>
    <row r="565315" spans="8:8">
      <c r="H565315" s="12"/>
    </row>
    <row r="565316" spans="8:8">
      <c r="H565316" s="12"/>
    </row>
    <row r="565317" spans="8:8">
      <c r="H565317" s="12"/>
    </row>
    <row r="565318" spans="8:8">
      <c r="H565318" s="12"/>
    </row>
    <row r="565319" spans="8:8">
      <c r="H565319" s="12"/>
    </row>
    <row r="565320" spans="8:8">
      <c r="H565320" s="12"/>
    </row>
    <row r="565321" spans="8:8">
      <c r="H565321" s="12"/>
    </row>
    <row r="565322" spans="8:8">
      <c r="H565322" s="12"/>
    </row>
    <row r="565323" spans="8:8">
      <c r="H565323" s="12"/>
    </row>
    <row r="565324" spans="8:8">
      <c r="H565324" s="12"/>
    </row>
    <row r="565325" spans="8:8">
      <c r="H565325" s="12"/>
    </row>
    <row r="565326" spans="8:8">
      <c r="H565326" s="12"/>
    </row>
    <row r="565327" spans="8:8">
      <c r="H565327" s="12"/>
    </row>
    <row r="565328" spans="8:8">
      <c r="H565328" s="12"/>
    </row>
    <row r="565329" spans="8:8">
      <c r="H565329" s="12"/>
    </row>
    <row r="565330" spans="8:8">
      <c r="H565330" s="12"/>
    </row>
    <row r="565331" spans="8:8">
      <c r="H565331" s="12"/>
    </row>
    <row r="565332" spans="8:8">
      <c r="H565332" s="12"/>
    </row>
    <row r="565333" spans="8:8">
      <c r="H565333" s="12"/>
    </row>
    <row r="565334" spans="8:8">
      <c r="H565334" s="12"/>
    </row>
    <row r="565335" spans="8:8">
      <c r="H565335" s="12"/>
    </row>
    <row r="565336" spans="8:8">
      <c r="H565336" s="12"/>
    </row>
    <row r="565337" spans="8:8">
      <c r="H565337" s="12"/>
    </row>
    <row r="565338" spans="8:8">
      <c r="H565338" s="12"/>
    </row>
    <row r="565339" spans="8:8">
      <c r="H565339" s="12"/>
    </row>
    <row r="565340" spans="8:8">
      <c r="H565340" s="12"/>
    </row>
    <row r="565341" spans="8:8">
      <c r="H565341" s="12"/>
    </row>
    <row r="565342" spans="8:8">
      <c r="H565342" s="12"/>
    </row>
    <row r="565343" spans="8:8">
      <c r="H565343" s="12"/>
    </row>
    <row r="565344" spans="8:8">
      <c r="H565344" s="12"/>
    </row>
    <row r="565345" spans="8:8">
      <c r="H565345" s="12"/>
    </row>
    <row r="565346" spans="8:8">
      <c r="H565346" s="12"/>
    </row>
    <row r="565347" spans="8:8">
      <c r="H565347" s="12"/>
    </row>
    <row r="565348" spans="8:8">
      <c r="H565348" s="12"/>
    </row>
    <row r="565349" spans="8:8">
      <c r="H565349" s="12"/>
    </row>
    <row r="565350" spans="8:8">
      <c r="H565350" s="12"/>
    </row>
    <row r="565351" spans="8:8">
      <c r="H565351" s="12"/>
    </row>
    <row r="565352" spans="8:8">
      <c r="H565352" s="12"/>
    </row>
    <row r="565353" spans="8:8">
      <c r="H565353" s="12"/>
    </row>
    <row r="565354" spans="8:8">
      <c r="H565354" s="12"/>
    </row>
    <row r="565355" spans="8:8">
      <c r="H565355" s="12"/>
    </row>
    <row r="565356" spans="8:8">
      <c r="H565356" s="12"/>
    </row>
    <row r="565357" spans="8:8">
      <c r="H565357" s="12"/>
    </row>
    <row r="565358" spans="8:8">
      <c r="H565358" s="12"/>
    </row>
    <row r="565359" spans="8:8">
      <c r="H565359" s="12"/>
    </row>
    <row r="565360" spans="8:8">
      <c r="H565360" s="12"/>
    </row>
    <row r="565361" spans="8:8">
      <c r="H565361" s="12"/>
    </row>
    <row r="565362" spans="8:8">
      <c r="H565362" s="12"/>
    </row>
    <row r="565363" spans="8:8">
      <c r="H565363" s="12"/>
    </row>
    <row r="565364" spans="8:8">
      <c r="H565364" s="12"/>
    </row>
    <row r="565365" spans="8:8">
      <c r="H565365" s="12"/>
    </row>
    <row r="565366" spans="8:8">
      <c r="H565366" s="12"/>
    </row>
    <row r="565367" spans="8:8">
      <c r="H565367" s="12"/>
    </row>
    <row r="565368" spans="8:8">
      <c r="H565368" s="12"/>
    </row>
    <row r="565369" spans="8:8">
      <c r="H565369" s="12"/>
    </row>
    <row r="565370" spans="8:8">
      <c r="H565370" s="12"/>
    </row>
    <row r="565371" spans="8:8">
      <c r="H565371" s="12"/>
    </row>
    <row r="565372" spans="8:8">
      <c r="H565372" s="12"/>
    </row>
    <row r="565373" spans="8:8">
      <c r="H565373" s="12"/>
    </row>
    <row r="565374" spans="8:8">
      <c r="H565374" s="12"/>
    </row>
    <row r="565375" spans="8:8">
      <c r="H565375" s="12"/>
    </row>
    <row r="565376" spans="8:8">
      <c r="H565376" s="12"/>
    </row>
    <row r="565377" spans="8:8">
      <c r="H565377" s="12"/>
    </row>
    <row r="565378" spans="8:8">
      <c r="H565378" s="12"/>
    </row>
    <row r="565379" spans="8:8">
      <c r="H565379" s="12"/>
    </row>
    <row r="565380" spans="8:8">
      <c r="H565380" s="12"/>
    </row>
    <row r="565381" spans="8:8">
      <c r="H565381" s="12"/>
    </row>
    <row r="565382" spans="8:8">
      <c r="H565382" s="12"/>
    </row>
    <row r="565383" spans="8:8">
      <c r="H565383" s="12"/>
    </row>
    <row r="565384" spans="8:8">
      <c r="H565384" s="12"/>
    </row>
    <row r="565385" spans="8:8">
      <c r="H565385" s="12"/>
    </row>
    <row r="565386" spans="8:8">
      <c r="H565386" s="12"/>
    </row>
    <row r="565387" spans="8:8">
      <c r="H565387" s="12"/>
    </row>
    <row r="565388" spans="8:8">
      <c r="H565388" s="12"/>
    </row>
    <row r="565389" spans="8:8">
      <c r="H565389" s="12"/>
    </row>
    <row r="565390" spans="8:8">
      <c r="H565390" s="12"/>
    </row>
    <row r="565391" spans="8:8">
      <c r="H565391" s="12"/>
    </row>
    <row r="565392" spans="8:8">
      <c r="H565392" s="12"/>
    </row>
    <row r="565393" spans="8:8">
      <c r="H565393" s="12"/>
    </row>
    <row r="565394" spans="8:8">
      <c r="H565394" s="12"/>
    </row>
    <row r="565395" spans="8:8">
      <c r="H565395" s="12"/>
    </row>
    <row r="565396" spans="8:8">
      <c r="H565396" s="12"/>
    </row>
    <row r="565397" spans="8:8">
      <c r="H565397" s="12"/>
    </row>
    <row r="565398" spans="8:8">
      <c r="H565398" s="12"/>
    </row>
    <row r="565399" spans="8:8">
      <c r="H565399" s="12"/>
    </row>
    <row r="565400" spans="8:8">
      <c r="H565400" s="12"/>
    </row>
    <row r="565401" spans="8:8">
      <c r="H565401" s="12"/>
    </row>
    <row r="565402" spans="8:8">
      <c r="H565402" s="12"/>
    </row>
    <row r="565403" spans="8:8">
      <c r="H565403" s="12"/>
    </row>
    <row r="565404" spans="8:8">
      <c r="H565404" s="12"/>
    </row>
    <row r="565405" spans="8:8">
      <c r="H565405" s="12"/>
    </row>
    <row r="565406" spans="8:8">
      <c r="H565406" s="12"/>
    </row>
    <row r="565407" spans="8:8">
      <c r="H565407" s="12"/>
    </row>
    <row r="565408" spans="8:8">
      <c r="H565408" s="12"/>
    </row>
    <row r="565409" spans="8:8">
      <c r="H565409" s="12"/>
    </row>
    <row r="565410" spans="8:8">
      <c r="H565410" s="12"/>
    </row>
    <row r="565411" spans="8:8">
      <c r="H565411" s="12"/>
    </row>
    <row r="565412" spans="8:8">
      <c r="H565412" s="12"/>
    </row>
    <row r="565413" spans="8:8">
      <c r="H565413" s="12"/>
    </row>
    <row r="565414" spans="8:8">
      <c r="H565414" s="12"/>
    </row>
    <row r="565415" spans="8:8">
      <c r="H565415" s="12"/>
    </row>
    <row r="565416" spans="8:8">
      <c r="H565416" s="12"/>
    </row>
    <row r="565417" spans="8:8">
      <c r="H565417" s="12"/>
    </row>
    <row r="565418" spans="8:8">
      <c r="H565418" s="12"/>
    </row>
    <row r="565419" spans="8:8">
      <c r="H565419" s="12"/>
    </row>
    <row r="565420" spans="8:8">
      <c r="H565420" s="12"/>
    </row>
    <row r="565421" spans="8:8">
      <c r="H565421" s="12"/>
    </row>
    <row r="565422" spans="8:8">
      <c r="H565422" s="12"/>
    </row>
    <row r="565423" spans="8:8">
      <c r="H565423" s="12"/>
    </row>
    <row r="565424" spans="8:8">
      <c r="H565424" s="12"/>
    </row>
    <row r="565425" spans="8:8">
      <c r="H565425" s="12"/>
    </row>
    <row r="565426" spans="8:8">
      <c r="H565426" s="12"/>
    </row>
    <row r="565427" spans="8:8">
      <c r="H565427" s="12"/>
    </row>
    <row r="565428" spans="8:8">
      <c r="H565428" s="12"/>
    </row>
    <row r="565429" spans="8:8">
      <c r="H565429" s="12"/>
    </row>
    <row r="565430" spans="8:8">
      <c r="H565430" s="12"/>
    </row>
    <row r="565431" spans="8:8">
      <c r="H565431" s="12"/>
    </row>
    <row r="565432" spans="8:8">
      <c r="H565432" s="12"/>
    </row>
    <row r="565433" spans="8:8">
      <c r="H565433" s="12"/>
    </row>
    <row r="565434" spans="8:8">
      <c r="H565434" s="12"/>
    </row>
    <row r="565435" spans="8:8">
      <c r="H565435" s="12"/>
    </row>
    <row r="565436" spans="8:8">
      <c r="H565436" s="12"/>
    </row>
    <row r="565437" spans="8:8">
      <c r="H565437" s="12"/>
    </row>
    <row r="565438" spans="8:8">
      <c r="H565438" s="12"/>
    </row>
    <row r="565439" spans="8:8">
      <c r="H565439" s="12"/>
    </row>
    <row r="565440" spans="8:8">
      <c r="H565440" s="12"/>
    </row>
    <row r="565441" spans="8:8">
      <c r="H565441" s="12"/>
    </row>
    <row r="565442" spans="8:8">
      <c r="H565442" s="12"/>
    </row>
    <row r="565443" spans="8:8">
      <c r="H565443" s="12"/>
    </row>
    <row r="565444" spans="8:8">
      <c r="H565444" s="12"/>
    </row>
    <row r="565445" spans="8:8">
      <c r="H565445" s="12"/>
    </row>
    <row r="565446" spans="8:8">
      <c r="H565446" s="12"/>
    </row>
    <row r="565447" spans="8:8">
      <c r="H565447" s="12"/>
    </row>
    <row r="565448" spans="8:8">
      <c r="H565448" s="12"/>
    </row>
    <row r="565449" spans="8:8">
      <c r="H565449" s="12"/>
    </row>
    <row r="565450" spans="8:8">
      <c r="H565450" s="12"/>
    </row>
    <row r="565451" spans="8:8">
      <c r="H565451" s="12"/>
    </row>
    <row r="565452" spans="8:8">
      <c r="H565452" s="12"/>
    </row>
    <row r="565453" spans="8:8">
      <c r="H565453" s="12"/>
    </row>
    <row r="565454" spans="8:8">
      <c r="H565454" s="12"/>
    </row>
    <row r="565455" spans="8:8">
      <c r="H565455" s="12"/>
    </row>
    <row r="565456" spans="8:8">
      <c r="H565456" s="12"/>
    </row>
    <row r="565457" spans="8:8">
      <c r="H565457" s="12"/>
    </row>
    <row r="565458" spans="8:8">
      <c r="H565458" s="12"/>
    </row>
    <row r="565459" spans="8:8">
      <c r="H565459" s="12"/>
    </row>
    <row r="565460" spans="8:8">
      <c r="H565460" s="12"/>
    </row>
    <row r="565461" spans="8:8">
      <c r="H565461" s="12"/>
    </row>
    <row r="565462" spans="8:8">
      <c r="H565462" s="12"/>
    </row>
    <row r="565463" spans="8:8">
      <c r="H565463" s="12"/>
    </row>
    <row r="565464" spans="8:8">
      <c r="H565464" s="12"/>
    </row>
    <row r="565465" spans="8:8">
      <c r="H565465" s="12"/>
    </row>
    <row r="565466" spans="8:8">
      <c r="H565466" s="12"/>
    </row>
    <row r="565467" spans="8:8">
      <c r="H565467" s="12"/>
    </row>
    <row r="565468" spans="8:8">
      <c r="H565468" s="12"/>
    </row>
    <row r="565469" spans="8:8">
      <c r="H565469" s="12"/>
    </row>
    <row r="565470" spans="8:8">
      <c r="H565470" s="12"/>
    </row>
    <row r="565471" spans="8:8">
      <c r="H565471" s="12"/>
    </row>
    <row r="565472" spans="8:8">
      <c r="H565472" s="12"/>
    </row>
    <row r="565473" spans="8:8">
      <c r="H565473" s="12"/>
    </row>
    <row r="565474" spans="8:8">
      <c r="H565474" s="12"/>
    </row>
    <row r="565475" spans="8:8">
      <c r="H565475" s="12"/>
    </row>
    <row r="565476" spans="8:8">
      <c r="H565476" s="12"/>
    </row>
    <row r="565477" spans="8:8">
      <c r="H565477" s="12"/>
    </row>
    <row r="565478" spans="8:8">
      <c r="H565478" s="12"/>
    </row>
    <row r="565479" spans="8:8">
      <c r="H565479" s="12"/>
    </row>
    <row r="565480" spans="8:8">
      <c r="H565480" s="12"/>
    </row>
    <row r="565481" spans="8:8">
      <c r="H565481" s="12"/>
    </row>
    <row r="565482" spans="8:8">
      <c r="H565482" s="12"/>
    </row>
    <row r="565483" spans="8:8">
      <c r="H565483" s="12"/>
    </row>
    <row r="565484" spans="8:8">
      <c r="H565484" s="12"/>
    </row>
    <row r="565485" spans="8:8">
      <c r="H565485" s="12"/>
    </row>
    <row r="565486" spans="8:8">
      <c r="H565486" s="12"/>
    </row>
    <row r="565487" spans="8:8">
      <c r="H565487" s="12"/>
    </row>
    <row r="565488" spans="8:8">
      <c r="H565488" s="12"/>
    </row>
    <row r="565489" spans="8:8">
      <c r="H565489" s="12"/>
    </row>
    <row r="565490" spans="8:8">
      <c r="H565490" s="12"/>
    </row>
    <row r="565491" spans="8:8">
      <c r="H565491" s="12"/>
    </row>
    <row r="565492" spans="8:8">
      <c r="H565492" s="12"/>
    </row>
    <row r="565493" spans="8:8">
      <c r="H565493" s="12"/>
    </row>
    <row r="565494" spans="8:8">
      <c r="H565494" s="12"/>
    </row>
    <row r="565495" spans="8:8">
      <c r="H565495" s="12"/>
    </row>
    <row r="565496" spans="8:8">
      <c r="H565496" s="12"/>
    </row>
    <row r="565497" spans="8:8">
      <c r="H565497" s="12"/>
    </row>
    <row r="565498" spans="8:8">
      <c r="H565498" s="12"/>
    </row>
    <row r="565499" spans="8:8">
      <c r="H565499" s="12"/>
    </row>
    <row r="565500" spans="8:8">
      <c r="H565500" s="12"/>
    </row>
    <row r="565501" spans="8:8">
      <c r="H565501" s="12"/>
    </row>
    <row r="565502" spans="8:8">
      <c r="H565502" s="12"/>
    </row>
    <row r="565503" spans="8:8">
      <c r="H565503" s="12"/>
    </row>
    <row r="565504" spans="8:8">
      <c r="H565504" s="12"/>
    </row>
    <row r="565505" spans="8:8">
      <c r="H565505" s="12"/>
    </row>
    <row r="565506" spans="8:8">
      <c r="H565506" s="12"/>
    </row>
    <row r="565507" spans="8:8">
      <c r="H565507" s="12"/>
    </row>
    <row r="565508" spans="8:8">
      <c r="H565508" s="12"/>
    </row>
    <row r="565509" spans="8:8">
      <c r="H565509" s="12"/>
    </row>
    <row r="565510" spans="8:8">
      <c r="H565510" s="12"/>
    </row>
    <row r="565511" spans="8:8">
      <c r="H565511" s="12"/>
    </row>
    <row r="565512" spans="8:8">
      <c r="H565512" s="12"/>
    </row>
    <row r="565513" spans="8:8">
      <c r="H565513" s="12"/>
    </row>
    <row r="565514" spans="8:8">
      <c r="H565514" s="12"/>
    </row>
    <row r="565515" spans="8:8">
      <c r="H565515" s="12"/>
    </row>
    <row r="565516" spans="8:8">
      <c r="H565516" s="12"/>
    </row>
    <row r="565517" spans="8:8">
      <c r="H565517" s="12"/>
    </row>
    <row r="565518" spans="8:8">
      <c r="H565518" s="12"/>
    </row>
    <row r="565519" spans="8:8">
      <c r="H565519" s="12"/>
    </row>
    <row r="565520" spans="8:8">
      <c r="H565520" s="12"/>
    </row>
    <row r="565521" spans="8:8">
      <c r="H565521" s="12"/>
    </row>
    <row r="565522" spans="8:8">
      <c r="H565522" s="12"/>
    </row>
    <row r="565523" spans="8:8">
      <c r="H565523" s="12"/>
    </row>
    <row r="565524" spans="8:8">
      <c r="H565524" s="12"/>
    </row>
    <row r="565525" spans="8:8">
      <c r="H565525" s="12"/>
    </row>
    <row r="565526" spans="8:8">
      <c r="H565526" s="12"/>
    </row>
    <row r="565527" spans="8:8">
      <c r="H565527" s="12"/>
    </row>
    <row r="565528" spans="8:8">
      <c r="H565528" s="12"/>
    </row>
    <row r="565529" spans="8:8">
      <c r="H565529" s="12"/>
    </row>
    <row r="565530" spans="8:8">
      <c r="H565530" s="12"/>
    </row>
    <row r="565531" spans="8:8">
      <c r="H565531" s="12"/>
    </row>
    <row r="565532" spans="8:8">
      <c r="H565532" s="12"/>
    </row>
    <row r="565533" spans="8:8">
      <c r="H565533" s="12"/>
    </row>
    <row r="565534" spans="8:8">
      <c r="H565534" s="12"/>
    </row>
    <row r="565535" spans="8:8">
      <c r="H565535" s="12"/>
    </row>
    <row r="565536" spans="8:8">
      <c r="H565536" s="12"/>
    </row>
    <row r="565537" spans="8:8">
      <c r="H565537" s="12"/>
    </row>
    <row r="565538" spans="8:8">
      <c r="H565538" s="12"/>
    </row>
    <row r="565539" spans="8:8">
      <c r="H565539" s="12"/>
    </row>
    <row r="565540" spans="8:8">
      <c r="H565540" s="12"/>
    </row>
    <row r="565541" spans="8:8">
      <c r="H565541" s="12"/>
    </row>
    <row r="565542" spans="8:8">
      <c r="H565542" s="12"/>
    </row>
    <row r="565543" spans="8:8">
      <c r="H565543" s="12"/>
    </row>
    <row r="565544" spans="8:8">
      <c r="H565544" s="12"/>
    </row>
    <row r="565545" spans="8:8">
      <c r="H565545" s="12"/>
    </row>
    <row r="565546" spans="8:8">
      <c r="H565546" s="12"/>
    </row>
    <row r="565547" spans="8:8">
      <c r="H565547" s="12"/>
    </row>
    <row r="565548" spans="8:8">
      <c r="H565548" s="12"/>
    </row>
    <row r="565549" spans="8:8">
      <c r="H565549" s="12"/>
    </row>
    <row r="565550" spans="8:8">
      <c r="H565550" s="12"/>
    </row>
    <row r="565551" spans="8:8">
      <c r="H565551" s="12"/>
    </row>
    <row r="565552" spans="8:8">
      <c r="H565552" s="12"/>
    </row>
    <row r="565553" spans="8:8">
      <c r="H565553" s="12"/>
    </row>
    <row r="565554" spans="8:8">
      <c r="H565554" s="12"/>
    </row>
    <row r="565555" spans="8:8">
      <c r="H565555" s="12"/>
    </row>
    <row r="565556" spans="8:8">
      <c r="H565556" s="12"/>
    </row>
    <row r="565557" spans="8:8">
      <c r="H565557" s="12"/>
    </row>
    <row r="565558" spans="8:8">
      <c r="H565558" s="12"/>
    </row>
    <row r="565559" spans="8:8">
      <c r="H565559" s="12"/>
    </row>
    <row r="565560" spans="8:8">
      <c r="H565560" s="12"/>
    </row>
    <row r="565561" spans="8:8">
      <c r="H565561" s="12"/>
    </row>
    <row r="565562" spans="8:8">
      <c r="H565562" s="12"/>
    </row>
    <row r="565563" spans="8:8">
      <c r="H565563" s="12"/>
    </row>
    <row r="565564" spans="8:8">
      <c r="H565564" s="12"/>
    </row>
    <row r="565565" spans="8:8">
      <c r="H565565" s="12"/>
    </row>
    <row r="565566" spans="8:8">
      <c r="H565566" s="12"/>
    </row>
    <row r="565567" spans="8:8">
      <c r="H565567" s="12"/>
    </row>
    <row r="565568" spans="8:8">
      <c r="H565568" s="12"/>
    </row>
    <row r="565569" spans="8:8">
      <c r="H565569" s="12"/>
    </row>
    <row r="565570" spans="8:8">
      <c r="H565570" s="12"/>
    </row>
    <row r="565571" spans="8:8">
      <c r="H565571" s="12"/>
    </row>
    <row r="565572" spans="8:8">
      <c r="H565572" s="12"/>
    </row>
    <row r="565573" spans="8:8">
      <c r="H565573" s="12"/>
    </row>
    <row r="565574" spans="8:8">
      <c r="H565574" s="12"/>
    </row>
    <row r="565575" spans="8:8">
      <c r="H565575" s="12"/>
    </row>
    <row r="565576" spans="8:8">
      <c r="H565576" s="12"/>
    </row>
    <row r="565577" spans="8:8">
      <c r="H565577" s="12"/>
    </row>
    <row r="565578" spans="8:8">
      <c r="H565578" s="12"/>
    </row>
    <row r="565579" spans="8:8">
      <c r="H565579" s="12"/>
    </row>
    <row r="565580" spans="8:8">
      <c r="H565580" s="12"/>
    </row>
    <row r="565581" spans="8:8">
      <c r="H565581" s="12"/>
    </row>
    <row r="565582" spans="8:8">
      <c r="H565582" s="12"/>
    </row>
    <row r="565583" spans="8:8">
      <c r="H565583" s="12"/>
    </row>
    <row r="565584" spans="8:8">
      <c r="H565584" s="12"/>
    </row>
    <row r="565585" spans="8:8">
      <c r="H565585" s="12"/>
    </row>
    <row r="565586" spans="8:8">
      <c r="H565586" s="12"/>
    </row>
    <row r="565587" spans="8:8">
      <c r="H565587" s="12"/>
    </row>
    <row r="565588" spans="8:8">
      <c r="H565588" s="12"/>
    </row>
    <row r="565589" spans="8:8">
      <c r="H565589" s="12"/>
    </row>
    <row r="565590" spans="8:8">
      <c r="H565590" s="12"/>
    </row>
    <row r="565591" spans="8:8">
      <c r="H565591" s="12"/>
    </row>
    <row r="565592" spans="8:8">
      <c r="H565592" s="12"/>
    </row>
    <row r="565593" spans="8:8">
      <c r="H565593" s="12"/>
    </row>
    <row r="565594" spans="8:8">
      <c r="H565594" s="12"/>
    </row>
    <row r="565595" spans="8:8">
      <c r="H565595" s="12"/>
    </row>
    <row r="565596" spans="8:8">
      <c r="H565596" s="12"/>
    </row>
    <row r="565597" spans="8:8">
      <c r="H565597" s="12"/>
    </row>
    <row r="565598" spans="8:8">
      <c r="H565598" s="12"/>
    </row>
    <row r="565599" spans="8:8">
      <c r="H565599" s="12"/>
    </row>
    <row r="565600" spans="8:8">
      <c r="H565600" s="12"/>
    </row>
    <row r="565601" spans="8:8">
      <c r="H565601" s="12"/>
    </row>
    <row r="565602" spans="8:8">
      <c r="H565602" s="12"/>
    </row>
    <row r="565603" spans="8:8">
      <c r="H565603" s="12"/>
    </row>
    <row r="565604" spans="8:8">
      <c r="H565604" s="12"/>
    </row>
    <row r="565605" spans="8:8">
      <c r="H565605" s="12"/>
    </row>
    <row r="565606" spans="8:8">
      <c r="H565606" s="12"/>
    </row>
    <row r="565607" spans="8:8">
      <c r="H565607" s="12"/>
    </row>
    <row r="565608" spans="8:8">
      <c r="H565608" s="12"/>
    </row>
    <row r="565609" spans="8:8">
      <c r="H565609" s="12"/>
    </row>
    <row r="565610" spans="8:8">
      <c r="H565610" s="12"/>
    </row>
    <row r="565611" spans="8:8">
      <c r="H565611" s="12"/>
    </row>
    <row r="565612" spans="8:8">
      <c r="H565612" s="12"/>
    </row>
    <row r="565613" spans="8:8">
      <c r="H565613" s="12"/>
    </row>
    <row r="565614" spans="8:8">
      <c r="H565614" s="12"/>
    </row>
    <row r="565615" spans="8:8">
      <c r="H565615" s="12"/>
    </row>
    <row r="565616" spans="8:8">
      <c r="H565616" s="12"/>
    </row>
    <row r="565617" spans="8:8">
      <c r="H565617" s="12"/>
    </row>
    <row r="565618" spans="8:8">
      <c r="H565618" s="12"/>
    </row>
    <row r="565619" spans="8:8">
      <c r="H565619" s="12"/>
    </row>
    <row r="565620" spans="8:8">
      <c r="H565620" s="12"/>
    </row>
    <row r="565621" spans="8:8">
      <c r="H565621" s="12"/>
    </row>
    <row r="565622" spans="8:8">
      <c r="H565622" s="12"/>
    </row>
    <row r="565623" spans="8:8">
      <c r="H565623" s="12"/>
    </row>
    <row r="565624" spans="8:8">
      <c r="H565624" s="12"/>
    </row>
    <row r="565625" spans="8:8">
      <c r="H565625" s="12"/>
    </row>
    <row r="565626" spans="8:8">
      <c r="H565626" s="12"/>
    </row>
    <row r="565627" spans="8:8">
      <c r="H565627" s="12"/>
    </row>
    <row r="565628" spans="8:8">
      <c r="H565628" s="12"/>
    </row>
    <row r="565629" spans="8:8">
      <c r="H565629" s="12"/>
    </row>
    <row r="565630" spans="8:8">
      <c r="H565630" s="12"/>
    </row>
    <row r="565631" spans="8:8">
      <c r="H565631" s="12"/>
    </row>
    <row r="565632" spans="8:8">
      <c r="H565632" s="12"/>
    </row>
    <row r="565633" spans="8:8">
      <c r="H565633" s="12"/>
    </row>
    <row r="565634" spans="8:8">
      <c r="H565634" s="12"/>
    </row>
    <row r="565635" spans="8:8">
      <c r="H565635" s="12"/>
    </row>
    <row r="565636" spans="8:8">
      <c r="H565636" s="12"/>
    </row>
    <row r="565637" spans="8:8">
      <c r="H565637" s="12"/>
    </row>
    <row r="565638" spans="8:8">
      <c r="H565638" s="12"/>
    </row>
    <row r="565639" spans="8:8">
      <c r="H565639" s="12"/>
    </row>
    <row r="565640" spans="8:8">
      <c r="H565640" s="12"/>
    </row>
    <row r="565641" spans="8:8">
      <c r="H565641" s="12"/>
    </row>
    <row r="565642" spans="8:8">
      <c r="H565642" s="12"/>
    </row>
    <row r="565643" spans="8:8">
      <c r="H565643" s="12"/>
    </row>
    <row r="565644" spans="8:8">
      <c r="H565644" s="12"/>
    </row>
    <row r="565645" spans="8:8">
      <c r="H565645" s="12"/>
    </row>
    <row r="565646" spans="8:8">
      <c r="H565646" s="12"/>
    </row>
    <row r="565647" spans="8:8">
      <c r="H565647" s="12"/>
    </row>
    <row r="565648" spans="8:8">
      <c r="H565648" s="12"/>
    </row>
    <row r="565649" spans="8:8">
      <c r="H565649" s="12"/>
    </row>
    <row r="565650" spans="8:8">
      <c r="H565650" s="12"/>
    </row>
    <row r="565651" spans="8:8">
      <c r="H565651" s="12"/>
    </row>
    <row r="565652" spans="8:8">
      <c r="H565652" s="12"/>
    </row>
    <row r="565653" spans="8:8">
      <c r="H565653" s="12"/>
    </row>
    <row r="565654" spans="8:8">
      <c r="H565654" s="12"/>
    </row>
    <row r="565655" spans="8:8">
      <c r="H565655" s="12"/>
    </row>
    <row r="565656" spans="8:8">
      <c r="H565656" s="12"/>
    </row>
    <row r="565657" spans="8:8">
      <c r="H565657" s="12"/>
    </row>
    <row r="565658" spans="8:8">
      <c r="H565658" s="12"/>
    </row>
    <row r="565659" spans="8:8">
      <c r="H565659" s="12"/>
    </row>
    <row r="565660" spans="8:8">
      <c r="H565660" s="12"/>
    </row>
    <row r="565661" spans="8:8">
      <c r="H565661" s="12"/>
    </row>
    <row r="565662" spans="8:8">
      <c r="H565662" s="12"/>
    </row>
    <row r="565663" spans="8:8">
      <c r="H565663" s="12"/>
    </row>
    <row r="565664" spans="8:8">
      <c r="H565664" s="12"/>
    </row>
    <row r="565665" spans="8:8">
      <c r="H565665" s="12"/>
    </row>
    <row r="565666" spans="8:8">
      <c r="H565666" s="12"/>
    </row>
    <row r="565667" spans="8:8">
      <c r="H565667" s="12"/>
    </row>
    <row r="565668" spans="8:8">
      <c r="H565668" s="12"/>
    </row>
    <row r="565669" spans="8:8">
      <c r="H565669" s="12"/>
    </row>
    <row r="565670" spans="8:8">
      <c r="H565670" s="12"/>
    </row>
    <row r="565671" spans="8:8">
      <c r="H565671" s="12"/>
    </row>
    <row r="565672" spans="8:8">
      <c r="H565672" s="12"/>
    </row>
    <row r="565673" spans="8:8">
      <c r="H565673" s="12"/>
    </row>
    <row r="565674" spans="8:8">
      <c r="H565674" s="12"/>
    </row>
    <row r="565675" spans="8:8">
      <c r="H565675" s="12"/>
    </row>
    <row r="565676" spans="8:8">
      <c r="H565676" s="12"/>
    </row>
    <row r="565677" spans="8:8">
      <c r="H565677" s="12"/>
    </row>
    <row r="565678" spans="8:8">
      <c r="H565678" s="12"/>
    </row>
    <row r="565679" spans="8:8">
      <c r="H565679" s="12"/>
    </row>
    <row r="565680" spans="8:8">
      <c r="H565680" s="12"/>
    </row>
    <row r="565681" spans="8:8">
      <c r="H565681" s="12"/>
    </row>
    <row r="565682" spans="8:8">
      <c r="H565682" s="12"/>
    </row>
    <row r="565683" spans="8:8">
      <c r="H565683" s="12"/>
    </row>
    <row r="565684" spans="8:8">
      <c r="H565684" s="12"/>
    </row>
    <row r="565685" spans="8:8">
      <c r="H565685" s="12"/>
    </row>
    <row r="565686" spans="8:8">
      <c r="H565686" s="12"/>
    </row>
    <row r="565687" spans="8:8">
      <c r="H565687" s="12"/>
    </row>
    <row r="565688" spans="8:8">
      <c r="H565688" s="12"/>
    </row>
    <row r="565689" spans="8:8">
      <c r="H565689" s="12"/>
    </row>
    <row r="565690" spans="8:8">
      <c r="H565690" s="12"/>
    </row>
    <row r="565691" spans="8:8">
      <c r="H565691" s="12"/>
    </row>
    <row r="565692" spans="8:8">
      <c r="H565692" s="12"/>
    </row>
    <row r="565693" spans="8:8">
      <c r="H565693" s="12"/>
    </row>
    <row r="565694" spans="8:8">
      <c r="H565694" s="12"/>
    </row>
    <row r="565695" spans="8:8">
      <c r="H565695" s="12"/>
    </row>
    <row r="565696" spans="8:8">
      <c r="H565696" s="12"/>
    </row>
    <row r="565697" spans="8:8">
      <c r="H565697" s="12"/>
    </row>
    <row r="565698" spans="8:8">
      <c r="H565698" s="12"/>
    </row>
    <row r="565699" spans="8:8">
      <c r="H565699" s="12"/>
    </row>
    <row r="565700" spans="8:8">
      <c r="H565700" s="12"/>
    </row>
    <row r="565701" spans="8:8">
      <c r="H565701" s="12"/>
    </row>
    <row r="565702" spans="8:8">
      <c r="H565702" s="12"/>
    </row>
    <row r="565703" spans="8:8">
      <c r="H565703" s="12"/>
    </row>
    <row r="565704" spans="8:8">
      <c r="H565704" s="12"/>
    </row>
    <row r="565705" spans="8:8">
      <c r="H565705" s="12"/>
    </row>
    <row r="565706" spans="8:8">
      <c r="H565706" s="12"/>
    </row>
    <row r="565707" spans="8:8">
      <c r="H565707" s="12"/>
    </row>
    <row r="565708" spans="8:8">
      <c r="H565708" s="12"/>
    </row>
    <row r="565709" spans="8:8">
      <c r="H565709" s="12"/>
    </row>
    <row r="565710" spans="8:8">
      <c r="H565710" s="12"/>
    </row>
    <row r="565711" spans="8:8">
      <c r="H565711" s="12"/>
    </row>
    <row r="565712" spans="8:8">
      <c r="H565712" s="12"/>
    </row>
    <row r="565713" spans="8:8">
      <c r="H565713" s="12"/>
    </row>
    <row r="565714" spans="8:8">
      <c r="H565714" s="12"/>
    </row>
    <row r="565715" spans="8:8">
      <c r="H565715" s="12"/>
    </row>
    <row r="565716" spans="8:8">
      <c r="H565716" s="12"/>
    </row>
    <row r="565717" spans="8:8">
      <c r="H565717" s="12"/>
    </row>
    <row r="565718" spans="8:8">
      <c r="H565718" s="12"/>
    </row>
    <row r="565719" spans="8:8">
      <c r="H565719" s="12"/>
    </row>
    <row r="565720" spans="8:8">
      <c r="H565720" s="12"/>
    </row>
    <row r="565721" spans="8:8">
      <c r="H565721" s="12"/>
    </row>
    <row r="565722" spans="8:8">
      <c r="H565722" s="12"/>
    </row>
    <row r="565723" spans="8:8">
      <c r="H565723" s="12"/>
    </row>
    <row r="565724" spans="8:8">
      <c r="H565724" s="12"/>
    </row>
    <row r="565725" spans="8:8">
      <c r="H565725" s="12"/>
    </row>
    <row r="565726" spans="8:8">
      <c r="H565726" s="12"/>
    </row>
    <row r="565727" spans="8:8">
      <c r="H565727" s="12"/>
    </row>
    <row r="565728" spans="8:8">
      <c r="H565728" s="12"/>
    </row>
    <row r="565729" spans="8:8">
      <c r="H565729" s="12"/>
    </row>
    <row r="565730" spans="8:8">
      <c r="H565730" s="12"/>
    </row>
    <row r="565731" spans="8:8">
      <c r="H565731" s="12"/>
    </row>
    <row r="565732" spans="8:8">
      <c r="H565732" s="12"/>
    </row>
    <row r="565733" spans="8:8">
      <c r="H565733" s="12"/>
    </row>
    <row r="565734" spans="8:8">
      <c r="H565734" s="12"/>
    </row>
    <row r="565735" spans="8:8">
      <c r="H565735" s="12"/>
    </row>
    <row r="565736" spans="8:8">
      <c r="H565736" s="12"/>
    </row>
    <row r="565737" spans="8:8">
      <c r="H565737" s="12"/>
    </row>
    <row r="565738" spans="8:8">
      <c r="H565738" s="12"/>
    </row>
    <row r="565739" spans="8:8">
      <c r="H565739" s="12"/>
    </row>
    <row r="565740" spans="8:8">
      <c r="H565740" s="12"/>
    </row>
    <row r="565741" spans="8:8">
      <c r="H565741" s="12"/>
    </row>
    <row r="565742" spans="8:8">
      <c r="H565742" s="12"/>
    </row>
    <row r="565743" spans="8:8">
      <c r="H565743" s="12"/>
    </row>
    <row r="565744" spans="8:8">
      <c r="H565744" s="12"/>
    </row>
    <row r="565745" spans="8:8">
      <c r="H565745" s="12"/>
    </row>
    <row r="565746" spans="8:8">
      <c r="H565746" s="12"/>
    </row>
    <row r="565747" spans="8:8">
      <c r="H565747" s="12"/>
    </row>
    <row r="565748" spans="8:8">
      <c r="H565748" s="12"/>
    </row>
    <row r="565749" spans="8:8">
      <c r="H565749" s="12"/>
    </row>
    <row r="565750" spans="8:8">
      <c r="H565750" s="12"/>
    </row>
    <row r="565751" spans="8:8">
      <c r="H565751" s="12"/>
    </row>
    <row r="565752" spans="8:8">
      <c r="H565752" s="12"/>
    </row>
    <row r="565753" spans="8:8">
      <c r="H565753" s="12"/>
    </row>
    <row r="565754" spans="8:8">
      <c r="H565754" s="12"/>
    </row>
    <row r="565755" spans="8:8">
      <c r="H565755" s="12"/>
    </row>
    <row r="565756" spans="8:8">
      <c r="H565756" s="12"/>
    </row>
    <row r="565757" spans="8:8">
      <c r="H565757" s="12"/>
    </row>
    <row r="565758" spans="8:8">
      <c r="H565758" s="12"/>
    </row>
    <row r="565759" spans="8:8">
      <c r="H565759" s="12"/>
    </row>
    <row r="565760" spans="8:8">
      <c r="H565760" s="12"/>
    </row>
    <row r="565761" spans="8:8">
      <c r="H565761" s="12"/>
    </row>
    <row r="565762" spans="8:8">
      <c r="H565762" s="12"/>
    </row>
    <row r="565763" spans="8:8">
      <c r="H565763" s="12"/>
    </row>
    <row r="565764" spans="8:8">
      <c r="H565764" s="12"/>
    </row>
    <row r="565765" spans="8:8">
      <c r="H565765" s="12"/>
    </row>
    <row r="565766" spans="8:8">
      <c r="H565766" s="12"/>
    </row>
    <row r="565767" spans="8:8">
      <c r="H565767" s="12"/>
    </row>
    <row r="565768" spans="8:8">
      <c r="H565768" s="12"/>
    </row>
    <row r="565769" spans="8:8">
      <c r="H565769" s="12"/>
    </row>
    <row r="565770" spans="8:8">
      <c r="H565770" s="12"/>
    </row>
    <row r="565771" spans="8:8">
      <c r="H565771" s="12"/>
    </row>
    <row r="565772" spans="8:8">
      <c r="H565772" s="12"/>
    </row>
    <row r="565773" spans="8:8">
      <c r="H565773" s="12"/>
    </row>
    <row r="565774" spans="8:8">
      <c r="H565774" s="12"/>
    </row>
    <row r="565775" spans="8:8">
      <c r="H565775" s="12"/>
    </row>
    <row r="565776" spans="8:8">
      <c r="H565776" s="12"/>
    </row>
    <row r="565777" spans="8:8">
      <c r="H565777" s="12"/>
    </row>
    <row r="565778" spans="8:8">
      <c r="H565778" s="12"/>
    </row>
    <row r="565779" spans="8:8">
      <c r="H565779" s="12"/>
    </row>
    <row r="565780" spans="8:8">
      <c r="H565780" s="12"/>
    </row>
    <row r="565781" spans="8:8">
      <c r="H565781" s="12"/>
    </row>
    <row r="565782" spans="8:8">
      <c r="H565782" s="12"/>
    </row>
    <row r="565783" spans="8:8">
      <c r="H565783" s="12"/>
    </row>
    <row r="565784" spans="8:8">
      <c r="H565784" s="12"/>
    </row>
    <row r="565785" spans="8:8">
      <c r="H565785" s="12"/>
    </row>
    <row r="565786" spans="8:8">
      <c r="H565786" s="12"/>
    </row>
    <row r="565787" spans="8:8">
      <c r="H565787" s="12"/>
    </row>
    <row r="565788" spans="8:8">
      <c r="H565788" s="12"/>
    </row>
    <row r="565789" spans="8:8">
      <c r="H565789" s="12"/>
    </row>
    <row r="565790" spans="8:8">
      <c r="H565790" s="12"/>
    </row>
    <row r="565791" spans="8:8">
      <c r="H565791" s="12"/>
    </row>
    <row r="565792" spans="8:8">
      <c r="H565792" s="12"/>
    </row>
    <row r="565793" spans="8:8">
      <c r="H565793" s="12"/>
    </row>
    <row r="565794" spans="8:8">
      <c r="H565794" s="12"/>
    </row>
    <row r="565795" spans="8:8">
      <c r="H565795" s="12"/>
    </row>
    <row r="565796" spans="8:8">
      <c r="H565796" s="12"/>
    </row>
    <row r="565797" spans="8:8">
      <c r="H565797" s="12"/>
    </row>
    <row r="565798" spans="8:8">
      <c r="H565798" s="12"/>
    </row>
    <row r="565799" spans="8:8">
      <c r="H565799" s="12"/>
    </row>
    <row r="565800" spans="8:8">
      <c r="H565800" s="12"/>
    </row>
    <row r="565801" spans="8:8">
      <c r="H565801" s="12"/>
    </row>
    <row r="565802" spans="8:8">
      <c r="H565802" s="12"/>
    </row>
    <row r="565803" spans="8:8">
      <c r="H565803" s="12"/>
    </row>
    <row r="565804" spans="8:8">
      <c r="H565804" s="12"/>
    </row>
    <row r="565805" spans="8:8">
      <c r="H565805" s="12"/>
    </row>
    <row r="565806" spans="8:8">
      <c r="H565806" s="12"/>
    </row>
    <row r="565807" spans="8:8">
      <c r="H565807" s="12"/>
    </row>
    <row r="565808" spans="8:8">
      <c r="H565808" s="12"/>
    </row>
    <row r="565809" spans="8:8">
      <c r="H565809" s="12"/>
    </row>
    <row r="565810" spans="8:8">
      <c r="H565810" s="12"/>
    </row>
    <row r="565811" spans="8:8">
      <c r="H565811" s="12"/>
    </row>
    <row r="565812" spans="8:8">
      <c r="H565812" s="12"/>
    </row>
    <row r="565813" spans="8:8">
      <c r="H565813" s="12"/>
    </row>
    <row r="565814" spans="8:8">
      <c r="H565814" s="12"/>
    </row>
    <row r="565815" spans="8:8">
      <c r="H565815" s="12"/>
    </row>
    <row r="565816" spans="8:8">
      <c r="H565816" s="12"/>
    </row>
    <row r="565817" spans="8:8">
      <c r="H565817" s="12"/>
    </row>
    <row r="565818" spans="8:8">
      <c r="H565818" s="12"/>
    </row>
    <row r="565819" spans="8:8">
      <c r="H565819" s="12"/>
    </row>
    <row r="565820" spans="8:8">
      <c r="H565820" s="12"/>
    </row>
    <row r="565821" spans="8:8">
      <c r="H565821" s="12"/>
    </row>
    <row r="565822" spans="8:8">
      <c r="H565822" s="12"/>
    </row>
    <row r="565823" spans="8:8">
      <c r="H565823" s="12"/>
    </row>
    <row r="565824" spans="8:8">
      <c r="H565824" s="12"/>
    </row>
    <row r="565825" spans="8:8">
      <c r="H565825" s="12"/>
    </row>
    <row r="565826" spans="8:8">
      <c r="H565826" s="12"/>
    </row>
    <row r="565827" spans="8:8">
      <c r="H565827" s="12"/>
    </row>
    <row r="565828" spans="8:8">
      <c r="H565828" s="12"/>
    </row>
    <row r="565829" spans="8:8">
      <c r="H565829" s="12"/>
    </row>
    <row r="565830" spans="8:8">
      <c r="H565830" s="12"/>
    </row>
    <row r="565831" spans="8:8">
      <c r="H565831" s="12"/>
    </row>
    <row r="565832" spans="8:8">
      <c r="H565832" s="12"/>
    </row>
    <row r="565833" spans="8:8">
      <c r="H565833" s="12"/>
    </row>
    <row r="565834" spans="8:8">
      <c r="H565834" s="12"/>
    </row>
    <row r="565835" spans="8:8">
      <c r="H565835" s="12"/>
    </row>
    <row r="565836" spans="8:8">
      <c r="H565836" s="12"/>
    </row>
    <row r="565837" spans="8:8">
      <c r="H565837" s="12"/>
    </row>
    <row r="565838" spans="8:8">
      <c r="H565838" s="12"/>
    </row>
    <row r="565839" spans="8:8">
      <c r="H565839" s="12"/>
    </row>
    <row r="565840" spans="8:8">
      <c r="H565840" s="12"/>
    </row>
    <row r="565841" spans="8:8">
      <c r="H565841" s="12"/>
    </row>
    <row r="565842" spans="8:8">
      <c r="H565842" s="12"/>
    </row>
    <row r="565843" spans="8:8">
      <c r="H565843" s="12"/>
    </row>
    <row r="565844" spans="8:8">
      <c r="H565844" s="12"/>
    </row>
    <row r="565845" spans="8:8">
      <c r="H565845" s="12"/>
    </row>
    <row r="565846" spans="8:8">
      <c r="H565846" s="12"/>
    </row>
    <row r="565847" spans="8:8">
      <c r="H565847" s="12"/>
    </row>
    <row r="565848" spans="8:8">
      <c r="H565848" s="12"/>
    </row>
    <row r="565849" spans="8:8">
      <c r="H565849" s="12"/>
    </row>
    <row r="565850" spans="8:8">
      <c r="H565850" s="12"/>
    </row>
    <row r="565851" spans="8:8">
      <c r="H565851" s="12"/>
    </row>
    <row r="565852" spans="8:8">
      <c r="H565852" s="12"/>
    </row>
    <row r="565853" spans="8:8">
      <c r="H565853" s="12"/>
    </row>
    <row r="565854" spans="8:8">
      <c r="H565854" s="12"/>
    </row>
    <row r="565855" spans="8:8">
      <c r="H565855" s="12"/>
    </row>
    <row r="565856" spans="8:8">
      <c r="H565856" s="12"/>
    </row>
    <row r="565857" spans="8:8">
      <c r="H565857" s="12"/>
    </row>
    <row r="565858" spans="8:8">
      <c r="H565858" s="12"/>
    </row>
    <row r="565859" spans="8:8">
      <c r="H565859" s="12"/>
    </row>
    <row r="565860" spans="8:8">
      <c r="H565860" s="12"/>
    </row>
    <row r="565861" spans="8:8">
      <c r="H565861" s="12"/>
    </row>
    <row r="565862" spans="8:8">
      <c r="H565862" s="12"/>
    </row>
    <row r="565863" spans="8:8">
      <c r="H565863" s="12"/>
    </row>
    <row r="565864" spans="8:8">
      <c r="H565864" s="12"/>
    </row>
    <row r="565865" spans="8:8">
      <c r="H565865" s="12"/>
    </row>
    <row r="565866" spans="8:8">
      <c r="H565866" s="12"/>
    </row>
    <row r="565867" spans="8:8">
      <c r="H565867" s="12"/>
    </row>
    <row r="565868" spans="8:8">
      <c r="H565868" s="12"/>
    </row>
    <row r="565869" spans="8:8">
      <c r="H565869" s="12"/>
    </row>
    <row r="565870" spans="8:8">
      <c r="H565870" s="12"/>
    </row>
    <row r="565871" spans="8:8">
      <c r="H565871" s="12"/>
    </row>
    <row r="565872" spans="8:8">
      <c r="H565872" s="12"/>
    </row>
    <row r="565873" spans="8:8">
      <c r="H565873" s="12"/>
    </row>
    <row r="565874" spans="8:8">
      <c r="H565874" s="12"/>
    </row>
    <row r="565875" spans="8:8">
      <c r="H565875" s="12"/>
    </row>
    <row r="565876" spans="8:8">
      <c r="H565876" s="12"/>
    </row>
    <row r="565877" spans="8:8">
      <c r="H565877" s="12"/>
    </row>
    <row r="565878" spans="8:8">
      <c r="H565878" s="12"/>
    </row>
    <row r="565879" spans="8:8">
      <c r="H565879" s="12"/>
    </row>
    <row r="565880" spans="8:8">
      <c r="H565880" s="12"/>
    </row>
    <row r="565881" spans="8:8">
      <c r="H565881" s="12"/>
    </row>
    <row r="565882" spans="8:8">
      <c r="H565882" s="12"/>
    </row>
    <row r="565883" spans="8:8">
      <c r="H565883" s="12"/>
    </row>
    <row r="565884" spans="8:8">
      <c r="H565884" s="12"/>
    </row>
    <row r="565885" spans="8:8">
      <c r="H565885" s="12"/>
    </row>
    <row r="565886" spans="8:8">
      <c r="H565886" s="12"/>
    </row>
    <row r="565887" spans="8:8">
      <c r="H565887" s="12"/>
    </row>
    <row r="565888" spans="8:8">
      <c r="H565888" s="12"/>
    </row>
    <row r="565889" spans="8:8">
      <c r="H565889" s="12"/>
    </row>
    <row r="565890" spans="8:8">
      <c r="H565890" s="12"/>
    </row>
    <row r="565891" spans="8:8">
      <c r="H565891" s="12"/>
    </row>
    <row r="565892" spans="8:8">
      <c r="H565892" s="12"/>
    </row>
    <row r="565893" spans="8:8">
      <c r="H565893" s="12"/>
    </row>
    <row r="565894" spans="8:8">
      <c r="H565894" s="12"/>
    </row>
    <row r="565895" spans="8:8">
      <c r="H565895" s="12"/>
    </row>
    <row r="565896" spans="8:8">
      <c r="H565896" s="12"/>
    </row>
    <row r="565897" spans="8:8">
      <c r="H565897" s="12"/>
    </row>
    <row r="565898" spans="8:8">
      <c r="H565898" s="12"/>
    </row>
    <row r="565899" spans="8:8">
      <c r="H565899" s="12"/>
    </row>
    <row r="565900" spans="8:8">
      <c r="H565900" s="12"/>
    </row>
    <row r="565901" spans="8:8">
      <c r="H565901" s="12"/>
    </row>
    <row r="565902" spans="8:8">
      <c r="H565902" s="12"/>
    </row>
    <row r="565903" spans="8:8">
      <c r="H565903" s="12"/>
    </row>
    <row r="565904" spans="8:8">
      <c r="H565904" s="12"/>
    </row>
    <row r="565905" spans="8:8">
      <c r="H565905" s="12"/>
    </row>
    <row r="565906" spans="8:8">
      <c r="H565906" s="12"/>
    </row>
    <row r="565907" spans="8:8">
      <c r="H565907" s="12"/>
    </row>
    <row r="565908" spans="8:8">
      <c r="H565908" s="12"/>
    </row>
    <row r="565909" spans="8:8">
      <c r="H565909" s="12"/>
    </row>
    <row r="565910" spans="8:8">
      <c r="H565910" s="12"/>
    </row>
    <row r="565911" spans="8:8">
      <c r="H565911" s="12"/>
    </row>
    <row r="565912" spans="8:8">
      <c r="H565912" s="12"/>
    </row>
    <row r="565913" spans="8:8">
      <c r="H565913" s="12"/>
    </row>
    <row r="565914" spans="8:8">
      <c r="H565914" s="12"/>
    </row>
    <row r="565915" spans="8:8">
      <c r="H565915" s="12"/>
    </row>
    <row r="565916" spans="8:8">
      <c r="H565916" s="12"/>
    </row>
    <row r="565917" spans="8:8">
      <c r="H565917" s="12"/>
    </row>
    <row r="565918" spans="8:8">
      <c r="H565918" s="12"/>
    </row>
    <row r="565919" spans="8:8">
      <c r="H565919" s="12"/>
    </row>
    <row r="565920" spans="8:8">
      <c r="H565920" s="12"/>
    </row>
    <row r="565921" spans="8:8">
      <c r="H565921" s="12"/>
    </row>
    <row r="565922" spans="8:8">
      <c r="H565922" s="12"/>
    </row>
    <row r="565923" spans="8:8">
      <c r="H565923" s="12"/>
    </row>
    <row r="565924" spans="8:8">
      <c r="H565924" s="12"/>
    </row>
    <row r="565925" spans="8:8">
      <c r="H565925" s="12"/>
    </row>
    <row r="565926" spans="8:8">
      <c r="H565926" s="12"/>
    </row>
    <row r="565927" spans="8:8">
      <c r="H565927" s="12"/>
    </row>
    <row r="565928" spans="8:8">
      <c r="H565928" s="12"/>
    </row>
    <row r="565929" spans="8:8">
      <c r="H565929" s="12"/>
    </row>
    <row r="565930" spans="8:8">
      <c r="H565930" s="12"/>
    </row>
    <row r="565931" spans="8:8">
      <c r="H565931" s="12"/>
    </row>
    <row r="565932" spans="8:8">
      <c r="H565932" s="12"/>
    </row>
    <row r="565933" spans="8:8">
      <c r="H565933" s="12"/>
    </row>
    <row r="565934" spans="8:8">
      <c r="H565934" s="12"/>
    </row>
    <row r="565935" spans="8:8">
      <c r="H565935" s="12"/>
    </row>
    <row r="565936" spans="8:8">
      <c r="H565936" s="12"/>
    </row>
    <row r="565937" spans="8:8">
      <c r="H565937" s="12"/>
    </row>
    <row r="565938" spans="8:8">
      <c r="H565938" s="12"/>
    </row>
    <row r="565939" spans="8:8">
      <c r="H565939" s="12"/>
    </row>
    <row r="565940" spans="8:8">
      <c r="H565940" s="12"/>
    </row>
    <row r="565941" spans="8:8">
      <c r="H565941" s="12"/>
    </row>
    <row r="565942" spans="8:8">
      <c r="H565942" s="12"/>
    </row>
    <row r="565943" spans="8:8">
      <c r="H565943" s="12"/>
    </row>
    <row r="565944" spans="8:8">
      <c r="H565944" s="12"/>
    </row>
    <row r="565945" spans="8:8">
      <c r="H565945" s="12"/>
    </row>
    <row r="565946" spans="8:8">
      <c r="H565946" s="12"/>
    </row>
    <row r="565947" spans="8:8">
      <c r="H565947" s="12"/>
    </row>
    <row r="565948" spans="8:8">
      <c r="H565948" s="12"/>
    </row>
    <row r="565949" spans="8:8">
      <c r="H565949" s="12"/>
    </row>
    <row r="565950" spans="8:8">
      <c r="H565950" s="12"/>
    </row>
    <row r="565951" spans="8:8">
      <c r="H565951" s="12"/>
    </row>
    <row r="565952" spans="8:8">
      <c r="H565952" s="12"/>
    </row>
    <row r="565953" spans="8:8">
      <c r="H565953" s="12"/>
    </row>
    <row r="565954" spans="8:8">
      <c r="H565954" s="12"/>
    </row>
    <row r="565955" spans="8:8">
      <c r="H565955" s="12"/>
    </row>
    <row r="565956" spans="8:8">
      <c r="H565956" s="12"/>
    </row>
    <row r="565957" spans="8:8">
      <c r="H565957" s="12"/>
    </row>
    <row r="565958" spans="8:8">
      <c r="H565958" s="12"/>
    </row>
    <row r="565959" spans="8:8">
      <c r="H565959" s="12"/>
    </row>
    <row r="565960" spans="8:8">
      <c r="H565960" s="12"/>
    </row>
    <row r="565961" spans="8:8">
      <c r="H565961" s="12"/>
    </row>
    <row r="565962" spans="8:8">
      <c r="H565962" s="12"/>
    </row>
    <row r="565963" spans="8:8">
      <c r="H565963" s="12"/>
    </row>
    <row r="565964" spans="8:8">
      <c r="H565964" s="12"/>
    </row>
    <row r="565965" spans="8:8">
      <c r="H565965" s="12"/>
    </row>
    <row r="565966" spans="8:8">
      <c r="H565966" s="12"/>
    </row>
    <row r="565967" spans="8:8">
      <c r="H565967" s="12"/>
    </row>
    <row r="565968" spans="8:8">
      <c r="H565968" s="12"/>
    </row>
    <row r="565969" spans="8:8">
      <c r="H565969" s="12"/>
    </row>
    <row r="565970" spans="8:8">
      <c r="H565970" s="12"/>
    </row>
    <row r="565971" spans="8:8">
      <c r="H565971" s="12"/>
    </row>
    <row r="565972" spans="8:8">
      <c r="H565972" s="12"/>
    </row>
    <row r="565973" spans="8:8">
      <c r="H565973" s="12"/>
    </row>
    <row r="565974" spans="8:8">
      <c r="H565974" s="12"/>
    </row>
    <row r="565975" spans="8:8">
      <c r="H565975" s="12"/>
    </row>
    <row r="565976" spans="8:8">
      <c r="H565976" s="12"/>
    </row>
    <row r="565977" spans="8:8">
      <c r="H565977" s="12"/>
    </row>
    <row r="565978" spans="8:8">
      <c r="H565978" s="12"/>
    </row>
    <row r="565979" spans="8:8">
      <c r="H565979" s="12"/>
    </row>
    <row r="565980" spans="8:8">
      <c r="H565980" s="12"/>
    </row>
    <row r="565981" spans="8:8">
      <c r="H565981" s="12"/>
    </row>
    <row r="565982" spans="8:8">
      <c r="H565982" s="12"/>
    </row>
    <row r="565983" spans="8:8">
      <c r="H565983" s="12"/>
    </row>
    <row r="565984" spans="8:8">
      <c r="H565984" s="12"/>
    </row>
    <row r="565985" spans="8:8">
      <c r="H565985" s="12"/>
    </row>
    <row r="565986" spans="8:8">
      <c r="H565986" s="12"/>
    </row>
    <row r="565987" spans="8:8">
      <c r="H565987" s="12"/>
    </row>
    <row r="565988" spans="8:8">
      <c r="H565988" s="12"/>
    </row>
    <row r="565989" spans="8:8">
      <c r="H565989" s="12"/>
    </row>
    <row r="565990" spans="8:8">
      <c r="H565990" s="12"/>
    </row>
    <row r="565991" spans="8:8">
      <c r="H565991" s="12"/>
    </row>
    <row r="565992" spans="8:8">
      <c r="H565992" s="12"/>
    </row>
    <row r="565993" spans="8:8">
      <c r="H565993" s="12"/>
    </row>
    <row r="565994" spans="8:8">
      <c r="H565994" s="12"/>
    </row>
    <row r="565995" spans="8:8">
      <c r="H565995" s="12"/>
    </row>
    <row r="565996" spans="8:8">
      <c r="H565996" s="12"/>
    </row>
    <row r="565997" spans="8:8">
      <c r="H565997" s="12"/>
    </row>
    <row r="565998" spans="8:8">
      <c r="H565998" s="12"/>
    </row>
    <row r="565999" spans="8:8">
      <c r="H565999" s="12"/>
    </row>
    <row r="566000" spans="8:8">
      <c r="H566000" s="12"/>
    </row>
    <row r="566001" spans="8:8">
      <c r="H566001" s="12"/>
    </row>
    <row r="566002" spans="8:8">
      <c r="H566002" s="12"/>
    </row>
    <row r="566003" spans="8:8">
      <c r="H566003" s="12"/>
    </row>
    <row r="566004" spans="8:8">
      <c r="H566004" s="12"/>
    </row>
    <row r="566005" spans="8:8">
      <c r="H566005" s="12"/>
    </row>
    <row r="566006" spans="8:8">
      <c r="H566006" s="12"/>
    </row>
    <row r="566007" spans="8:8">
      <c r="H566007" s="12"/>
    </row>
    <row r="566008" spans="8:8">
      <c r="H566008" s="12"/>
    </row>
    <row r="566009" spans="8:8">
      <c r="H566009" s="12"/>
    </row>
    <row r="566010" spans="8:8">
      <c r="H566010" s="12"/>
    </row>
    <row r="566011" spans="8:8">
      <c r="H566011" s="12"/>
    </row>
    <row r="566012" spans="8:8">
      <c r="H566012" s="12"/>
    </row>
    <row r="566013" spans="8:8">
      <c r="H566013" s="12"/>
    </row>
    <row r="566014" spans="8:8">
      <c r="H566014" s="12"/>
    </row>
    <row r="566015" spans="8:8">
      <c r="H566015" s="12"/>
    </row>
    <row r="566016" spans="8:8">
      <c r="H566016" s="12"/>
    </row>
    <row r="566017" spans="8:8">
      <c r="H566017" s="12"/>
    </row>
    <row r="566018" spans="8:8">
      <c r="H566018" s="12"/>
    </row>
    <row r="566019" spans="8:8">
      <c r="H566019" s="12"/>
    </row>
    <row r="566020" spans="8:8">
      <c r="H566020" s="12"/>
    </row>
    <row r="566021" spans="8:8">
      <c r="H566021" s="12"/>
    </row>
    <row r="566022" spans="8:8">
      <c r="H566022" s="12"/>
    </row>
    <row r="566023" spans="8:8">
      <c r="H566023" s="12"/>
    </row>
    <row r="566024" spans="8:8">
      <c r="H566024" s="12"/>
    </row>
    <row r="566025" spans="8:8">
      <c r="H566025" s="12"/>
    </row>
    <row r="566026" spans="8:8">
      <c r="H566026" s="12"/>
    </row>
    <row r="566027" spans="8:8">
      <c r="H566027" s="12"/>
    </row>
    <row r="566028" spans="8:8">
      <c r="H566028" s="12"/>
    </row>
    <row r="566029" spans="8:8">
      <c r="H566029" s="12"/>
    </row>
    <row r="566030" spans="8:8">
      <c r="H566030" s="12"/>
    </row>
    <row r="566031" spans="8:8">
      <c r="H566031" s="12"/>
    </row>
    <row r="566032" spans="8:8">
      <c r="H566032" s="12"/>
    </row>
    <row r="566033" spans="8:8">
      <c r="H566033" s="12"/>
    </row>
    <row r="566034" spans="8:8">
      <c r="H566034" s="12"/>
    </row>
    <row r="566035" spans="8:8">
      <c r="H566035" s="12"/>
    </row>
    <row r="566036" spans="8:8">
      <c r="H566036" s="12"/>
    </row>
    <row r="566037" spans="8:8">
      <c r="H566037" s="12"/>
    </row>
    <row r="566038" spans="8:8">
      <c r="H566038" s="12"/>
    </row>
    <row r="566039" spans="8:8">
      <c r="H566039" s="12"/>
    </row>
    <row r="566040" spans="8:8">
      <c r="H566040" s="12"/>
    </row>
    <row r="566041" spans="8:8">
      <c r="H566041" s="12"/>
    </row>
    <row r="566042" spans="8:8">
      <c r="H566042" s="12"/>
    </row>
    <row r="566043" spans="8:8">
      <c r="H566043" s="12"/>
    </row>
    <row r="566044" spans="8:8">
      <c r="H566044" s="12"/>
    </row>
    <row r="566045" spans="8:8">
      <c r="H566045" s="12"/>
    </row>
    <row r="566046" spans="8:8">
      <c r="H566046" s="12"/>
    </row>
    <row r="566047" spans="8:8">
      <c r="H566047" s="12"/>
    </row>
    <row r="566048" spans="8:8">
      <c r="H566048" s="12"/>
    </row>
    <row r="566049" spans="8:8">
      <c r="H566049" s="12"/>
    </row>
    <row r="566050" spans="8:8">
      <c r="H566050" s="12"/>
    </row>
    <row r="566051" spans="8:8">
      <c r="H566051" s="12"/>
    </row>
    <row r="566052" spans="8:8">
      <c r="H566052" s="12"/>
    </row>
    <row r="566053" spans="8:8">
      <c r="H566053" s="12"/>
    </row>
    <row r="566054" spans="8:8">
      <c r="H566054" s="12"/>
    </row>
    <row r="566055" spans="8:8">
      <c r="H566055" s="12"/>
    </row>
    <row r="566056" spans="8:8">
      <c r="H566056" s="12"/>
    </row>
    <row r="566057" spans="8:8">
      <c r="H566057" s="12"/>
    </row>
    <row r="566058" spans="8:8">
      <c r="H566058" s="12"/>
    </row>
    <row r="566059" spans="8:8">
      <c r="H566059" s="12"/>
    </row>
    <row r="566060" spans="8:8">
      <c r="H566060" s="12"/>
    </row>
    <row r="566061" spans="8:8">
      <c r="H566061" s="12"/>
    </row>
    <row r="566062" spans="8:8">
      <c r="H566062" s="12"/>
    </row>
    <row r="566063" spans="8:8">
      <c r="H566063" s="12"/>
    </row>
    <row r="566064" spans="8:8">
      <c r="H566064" s="12"/>
    </row>
    <row r="566065" spans="8:8">
      <c r="H566065" s="12"/>
    </row>
    <row r="566066" spans="8:8">
      <c r="H566066" s="12"/>
    </row>
    <row r="566067" spans="8:8">
      <c r="H566067" s="12"/>
    </row>
    <row r="566068" spans="8:8">
      <c r="H566068" s="12"/>
    </row>
    <row r="566069" spans="8:8">
      <c r="H566069" s="12"/>
    </row>
    <row r="566070" spans="8:8">
      <c r="H566070" s="12"/>
    </row>
    <row r="566071" spans="8:8">
      <c r="H566071" s="12"/>
    </row>
    <row r="566072" spans="8:8">
      <c r="H566072" s="12"/>
    </row>
    <row r="566073" spans="8:8">
      <c r="H566073" s="12"/>
    </row>
    <row r="566074" spans="8:8">
      <c r="H566074" s="12"/>
    </row>
    <row r="566075" spans="8:8">
      <c r="H566075" s="12"/>
    </row>
    <row r="566076" spans="8:8">
      <c r="H566076" s="12"/>
    </row>
    <row r="566077" spans="8:8">
      <c r="H566077" s="12"/>
    </row>
    <row r="566078" spans="8:8">
      <c r="H566078" s="12"/>
    </row>
    <row r="566079" spans="8:8">
      <c r="H566079" s="12"/>
    </row>
    <row r="566080" spans="8:8">
      <c r="H566080" s="12"/>
    </row>
    <row r="566081" spans="8:8">
      <c r="H566081" s="12"/>
    </row>
    <row r="566082" spans="8:8">
      <c r="H566082" s="12"/>
    </row>
    <row r="566083" spans="8:8">
      <c r="H566083" s="12"/>
    </row>
    <row r="566084" spans="8:8">
      <c r="H566084" s="12"/>
    </row>
    <row r="566085" spans="8:8">
      <c r="H566085" s="12"/>
    </row>
    <row r="566086" spans="8:8">
      <c r="H566086" s="12"/>
    </row>
    <row r="566087" spans="8:8">
      <c r="H566087" s="12"/>
    </row>
    <row r="566088" spans="8:8">
      <c r="H566088" s="12"/>
    </row>
    <row r="566089" spans="8:8">
      <c r="H566089" s="12"/>
    </row>
    <row r="566090" spans="8:8">
      <c r="H566090" s="12"/>
    </row>
    <row r="566091" spans="8:8">
      <c r="H566091" s="12"/>
    </row>
    <row r="566092" spans="8:8">
      <c r="H566092" s="12"/>
    </row>
    <row r="566093" spans="8:8">
      <c r="H566093" s="12"/>
    </row>
    <row r="566094" spans="8:8">
      <c r="H566094" s="12"/>
    </row>
    <row r="566095" spans="8:8">
      <c r="H566095" s="12"/>
    </row>
    <row r="566096" spans="8:8">
      <c r="H566096" s="12"/>
    </row>
    <row r="566097" spans="8:8">
      <c r="H566097" s="12"/>
    </row>
    <row r="566098" spans="8:8">
      <c r="H566098" s="12"/>
    </row>
    <row r="566099" spans="8:8">
      <c r="H566099" s="12"/>
    </row>
    <row r="566100" spans="8:8">
      <c r="H566100" s="12"/>
    </row>
    <row r="566101" spans="8:8">
      <c r="H566101" s="12"/>
    </row>
    <row r="566102" spans="8:8">
      <c r="H566102" s="12"/>
    </row>
    <row r="566103" spans="8:8">
      <c r="H566103" s="12"/>
    </row>
    <row r="566104" spans="8:8">
      <c r="H566104" s="12"/>
    </row>
    <row r="566105" spans="8:8">
      <c r="H566105" s="12"/>
    </row>
    <row r="566106" spans="8:8">
      <c r="H566106" s="12"/>
    </row>
    <row r="566107" spans="8:8">
      <c r="H566107" s="12"/>
    </row>
    <row r="566108" spans="8:8">
      <c r="H566108" s="12"/>
    </row>
    <row r="566109" spans="8:8">
      <c r="H566109" s="12"/>
    </row>
    <row r="566110" spans="8:8">
      <c r="H566110" s="12"/>
    </row>
    <row r="566111" spans="8:8">
      <c r="H566111" s="12"/>
    </row>
    <row r="566112" spans="8:8">
      <c r="H566112" s="12"/>
    </row>
    <row r="566113" spans="8:8">
      <c r="H566113" s="12"/>
    </row>
    <row r="566114" spans="8:8">
      <c r="H566114" s="12"/>
    </row>
    <row r="566115" spans="8:8">
      <c r="H566115" s="12"/>
    </row>
    <row r="566116" spans="8:8">
      <c r="H566116" s="12"/>
    </row>
    <row r="566117" spans="8:8">
      <c r="H566117" s="12"/>
    </row>
    <row r="566118" spans="8:8">
      <c r="H566118" s="12"/>
    </row>
    <row r="566119" spans="8:8">
      <c r="H566119" s="12"/>
    </row>
    <row r="566120" spans="8:8">
      <c r="H566120" s="12"/>
    </row>
    <row r="566121" spans="8:8">
      <c r="H566121" s="12"/>
    </row>
    <row r="566122" spans="8:8">
      <c r="H566122" s="12"/>
    </row>
    <row r="566123" spans="8:8">
      <c r="H566123" s="12"/>
    </row>
    <row r="566124" spans="8:8">
      <c r="H566124" s="12"/>
    </row>
    <row r="566125" spans="8:8">
      <c r="H566125" s="12"/>
    </row>
    <row r="566126" spans="8:8">
      <c r="H566126" s="12"/>
    </row>
    <row r="566127" spans="8:8">
      <c r="H566127" s="12"/>
    </row>
    <row r="566128" spans="8:8">
      <c r="H566128" s="12"/>
    </row>
    <row r="566129" spans="8:8">
      <c r="H566129" s="12"/>
    </row>
    <row r="566130" spans="8:8">
      <c r="H566130" s="12"/>
    </row>
    <row r="566131" spans="8:8">
      <c r="H566131" s="12"/>
    </row>
    <row r="566132" spans="8:8">
      <c r="H566132" s="12"/>
    </row>
    <row r="566133" spans="8:8">
      <c r="H566133" s="12"/>
    </row>
    <row r="566134" spans="8:8">
      <c r="H566134" s="12"/>
    </row>
    <row r="566135" spans="8:8">
      <c r="H566135" s="12"/>
    </row>
    <row r="566136" spans="8:8">
      <c r="H566136" s="12"/>
    </row>
    <row r="566137" spans="8:8">
      <c r="H566137" s="12"/>
    </row>
    <row r="566138" spans="8:8">
      <c r="H566138" s="12"/>
    </row>
    <row r="566139" spans="8:8">
      <c r="H566139" s="12"/>
    </row>
    <row r="566140" spans="8:8">
      <c r="H566140" s="12"/>
    </row>
    <row r="566141" spans="8:8">
      <c r="H566141" s="12"/>
    </row>
    <row r="566142" spans="8:8">
      <c r="H566142" s="12"/>
    </row>
    <row r="566143" spans="8:8">
      <c r="H566143" s="12"/>
    </row>
    <row r="566144" spans="8:8">
      <c r="H566144" s="12"/>
    </row>
    <row r="566145" spans="8:8">
      <c r="H566145" s="12"/>
    </row>
    <row r="566146" spans="8:8">
      <c r="H566146" s="12"/>
    </row>
    <row r="566147" spans="8:8">
      <c r="H566147" s="12"/>
    </row>
    <row r="566148" spans="8:8">
      <c r="H566148" s="12"/>
    </row>
    <row r="566149" spans="8:8">
      <c r="H566149" s="12"/>
    </row>
    <row r="566150" spans="8:8">
      <c r="H566150" s="12"/>
    </row>
    <row r="566151" spans="8:8">
      <c r="H566151" s="12"/>
    </row>
    <row r="566152" spans="8:8">
      <c r="H566152" s="12"/>
    </row>
    <row r="566153" spans="8:8">
      <c r="H566153" s="12"/>
    </row>
    <row r="566154" spans="8:8">
      <c r="H566154" s="12"/>
    </row>
    <row r="566155" spans="8:8">
      <c r="H566155" s="12"/>
    </row>
    <row r="566156" spans="8:8">
      <c r="H566156" s="12"/>
    </row>
    <row r="566157" spans="8:8">
      <c r="H566157" s="12"/>
    </row>
    <row r="566158" spans="8:8">
      <c r="H566158" s="12"/>
    </row>
    <row r="566159" spans="8:8">
      <c r="H566159" s="12"/>
    </row>
    <row r="566160" spans="8:8">
      <c r="H566160" s="12"/>
    </row>
    <row r="566161" spans="8:8">
      <c r="H566161" s="12"/>
    </row>
    <row r="566162" spans="8:8">
      <c r="H566162" s="12"/>
    </row>
    <row r="566163" spans="8:8">
      <c r="H566163" s="12"/>
    </row>
    <row r="566164" spans="8:8">
      <c r="H566164" s="12"/>
    </row>
    <row r="566165" spans="8:8">
      <c r="H566165" s="12"/>
    </row>
    <row r="566166" spans="8:8">
      <c r="H566166" s="12"/>
    </row>
    <row r="566167" spans="8:8">
      <c r="H566167" s="12"/>
    </row>
    <row r="566168" spans="8:8">
      <c r="H566168" s="12"/>
    </row>
    <row r="566169" spans="8:8">
      <c r="H566169" s="12"/>
    </row>
    <row r="566170" spans="8:8">
      <c r="H566170" s="12"/>
    </row>
    <row r="566171" spans="8:8">
      <c r="H566171" s="12"/>
    </row>
    <row r="566172" spans="8:8">
      <c r="H566172" s="12"/>
    </row>
    <row r="566173" spans="8:8">
      <c r="H566173" s="12"/>
    </row>
    <row r="566174" spans="8:8">
      <c r="H566174" s="12"/>
    </row>
    <row r="566175" spans="8:8">
      <c r="H566175" s="12"/>
    </row>
    <row r="566176" spans="8:8">
      <c r="H566176" s="12"/>
    </row>
    <row r="566177" spans="8:8">
      <c r="H566177" s="12"/>
    </row>
    <row r="566178" spans="8:8">
      <c r="H566178" s="12"/>
    </row>
    <row r="566179" spans="8:8">
      <c r="H566179" s="12"/>
    </row>
    <row r="566180" spans="8:8">
      <c r="H566180" s="12"/>
    </row>
    <row r="566181" spans="8:8">
      <c r="H566181" s="12"/>
    </row>
    <row r="566182" spans="8:8">
      <c r="H566182" s="12"/>
    </row>
    <row r="566183" spans="8:8">
      <c r="H566183" s="12"/>
    </row>
    <row r="566184" spans="8:8">
      <c r="H566184" s="12"/>
    </row>
    <row r="566185" spans="8:8">
      <c r="H566185" s="12"/>
    </row>
    <row r="566186" spans="8:8">
      <c r="H566186" s="12"/>
    </row>
    <row r="566187" spans="8:8">
      <c r="H566187" s="12"/>
    </row>
    <row r="566188" spans="8:8">
      <c r="H566188" s="12"/>
    </row>
    <row r="566189" spans="8:8">
      <c r="H566189" s="12"/>
    </row>
    <row r="566190" spans="8:8">
      <c r="H566190" s="12"/>
    </row>
    <row r="566191" spans="8:8">
      <c r="H566191" s="12"/>
    </row>
    <row r="566192" spans="8:8">
      <c r="H566192" s="12"/>
    </row>
    <row r="566193" spans="8:8">
      <c r="H566193" s="12"/>
    </row>
    <row r="566194" spans="8:8">
      <c r="H566194" s="12"/>
    </row>
    <row r="566195" spans="8:8">
      <c r="H566195" s="12"/>
    </row>
    <row r="566196" spans="8:8">
      <c r="H566196" s="12"/>
    </row>
    <row r="566197" spans="8:8">
      <c r="H566197" s="12"/>
    </row>
    <row r="566198" spans="8:8">
      <c r="H566198" s="12"/>
    </row>
    <row r="566199" spans="8:8">
      <c r="H566199" s="12"/>
    </row>
    <row r="566200" spans="8:8">
      <c r="H566200" s="12"/>
    </row>
    <row r="566201" spans="8:8">
      <c r="H566201" s="12"/>
    </row>
    <row r="566202" spans="8:8">
      <c r="H566202" s="12"/>
    </row>
    <row r="566203" spans="8:8">
      <c r="H566203" s="12"/>
    </row>
    <row r="566204" spans="8:8">
      <c r="H566204" s="12"/>
    </row>
    <row r="566205" spans="8:8">
      <c r="H566205" s="12"/>
    </row>
    <row r="566206" spans="8:8">
      <c r="H566206" s="12"/>
    </row>
    <row r="566207" spans="8:8">
      <c r="H566207" s="12"/>
    </row>
    <row r="566208" spans="8:8">
      <c r="H566208" s="12"/>
    </row>
    <row r="566209" spans="8:8">
      <c r="H566209" s="12"/>
    </row>
    <row r="566210" spans="8:8">
      <c r="H566210" s="12"/>
    </row>
    <row r="566211" spans="8:8">
      <c r="H566211" s="12"/>
    </row>
    <row r="566212" spans="8:8">
      <c r="H566212" s="12"/>
    </row>
    <row r="566213" spans="8:8">
      <c r="H566213" s="12"/>
    </row>
    <row r="566214" spans="8:8">
      <c r="H566214" s="12"/>
    </row>
    <row r="566215" spans="8:8">
      <c r="H566215" s="12"/>
    </row>
    <row r="566216" spans="8:8">
      <c r="H566216" s="12"/>
    </row>
    <row r="566217" spans="8:8">
      <c r="H566217" s="12"/>
    </row>
    <row r="566218" spans="8:8">
      <c r="H566218" s="12"/>
    </row>
    <row r="566219" spans="8:8">
      <c r="H566219" s="12"/>
    </row>
    <row r="566220" spans="8:8">
      <c r="H566220" s="12"/>
    </row>
    <row r="566221" spans="8:8">
      <c r="H566221" s="12"/>
    </row>
    <row r="566222" spans="8:8">
      <c r="H566222" s="12"/>
    </row>
    <row r="566223" spans="8:8">
      <c r="H566223" s="12"/>
    </row>
    <row r="566224" spans="8:8">
      <c r="H566224" s="12"/>
    </row>
    <row r="566225" spans="8:8">
      <c r="H566225" s="12"/>
    </row>
    <row r="566226" spans="8:8">
      <c r="H566226" s="12"/>
    </row>
    <row r="566227" spans="8:8">
      <c r="H566227" s="12"/>
    </row>
    <row r="566228" spans="8:8">
      <c r="H566228" s="12"/>
    </row>
    <row r="566229" spans="8:8">
      <c r="H566229" s="12"/>
    </row>
    <row r="566230" spans="8:8">
      <c r="H566230" s="12"/>
    </row>
    <row r="566231" spans="8:8">
      <c r="H566231" s="12"/>
    </row>
    <row r="566232" spans="8:8">
      <c r="H566232" s="12"/>
    </row>
    <row r="566233" spans="8:8">
      <c r="H566233" s="12"/>
    </row>
    <row r="566234" spans="8:8">
      <c r="H566234" s="12"/>
    </row>
    <row r="566235" spans="8:8">
      <c r="H566235" s="12"/>
    </row>
    <row r="566236" spans="8:8">
      <c r="H566236" s="12"/>
    </row>
    <row r="566237" spans="8:8">
      <c r="H566237" s="12"/>
    </row>
    <row r="566238" spans="8:8">
      <c r="H566238" s="12"/>
    </row>
    <row r="566239" spans="8:8">
      <c r="H566239" s="12"/>
    </row>
    <row r="566240" spans="8:8">
      <c r="H566240" s="12"/>
    </row>
    <row r="566241" spans="8:8">
      <c r="H566241" s="12"/>
    </row>
    <row r="566242" spans="8:8">
      <c r="H566242" s="12"/>
    </row>
    <row r="566243" spans="8:8">
      <c r="H566243" s="12"/>
    </row>
    <row r="566244" spans="8:8">
      <c r="H566244" s="12"/>
    </row>
    <row r="566245" spans="8:8">
      <c r="H566245" s="12"/>
    </row>
    <row r="566246" spans="8:8">
      <c r="H566246" s="12"/>
    </row>
    <row r="566247" spans="8:8">
      <c r="H566247" s="12"/>
    </row>
    <row r="566248" spans="8:8">
      <c r="H566248" s="12"/>
    </row>
    <row r="566249" spans="8:8">
      <c r="H566249" s="12"/>
    </row>
    <row r="566250" spans="8:8">
      <c r="H566250" s="12"/>
    </row>
    <row r="566251" spans="8:8">
      <c r="H566251" s="12"/>
    </row>
    <row r="566252" spans="8:8">
      <c r="H566252" s="12"/>
    </row>
    <row r="566253" spans="8:8">
      <c r="H566253" s="12"/>
    </row>
    <row r="566254" spans="8:8">
      <c r="H566254" s="12"/>
    </row>
    <row r="566255" spans="8:8">
      <c r="H566255" s="12"/>
    </row>
    <row r="566256" spans="8:8">
      <c r="H566256" s="12"/>
    </row>
    <row r="566257" spans="8:8">
      <c r="H566257" s="12"/>
    </row>
    <row r="566258" spans="8:8">
      <c r="H566258" s="12"/>
    </row>
    <row r="566259" spans="8:8">
      <c r="H566259" s="12"/>
    </row>
    <row r="566260" spans="8:8">
      <c r="H566260" s="12"/>
    </row>
    <row r="566261" spans="8:8">
      <c r="H566261" s="12"/>
    </row>
    <row r="566262" spans="8:8">
      <c r="H566262" s="12"/>
    </row>
    <row r="566263" spans="8:8">
      <c r="H566263" s="12"/>
    </row>
    <row r="566264" spans="8:8">
      <c r="H566264" s="12"/>
    </row>
    <row r="566265" spans="8:8">
      <c r="H566265" s="12"/>
    </row>
    <row r="566266" spans="8:8">
      <c r="H566266" s="12"/>
    </row>
    <row r="566267" spans="8:8">
      <c r="H566267" s="12"/>
    </row>
    <row r="566268" spans="8:8">
      <c r="H566268" s="12"/>
    </row>
    <row r="566269" spans="8:8">
      <c r="H566269" s="12"/>
    </row>
    <row r="566270" spans="8:8">
      <c r="H566270" s="12"/>
    </row>
    <row r="566271" spans="8:8">
      <c r="H566271" s="12"/>
    </row>
    <row r="566272" spans="8:8">
      <c r="H566272" s="12"/>
    </row>
    <row r="566273" spans="8:8">
      <c r="H566273" s="12"/>
    </row>
    <row r="566274" spans="8:8">
      <c r="H566274" s="12"/>
    </row>
    <row r="566275" spans="8:8">
      <c r="H566275" s="12"/>
    </row>
    <row r="566276" spans="8:8">
      <c r="H566276" s="12"/>
    </row>
    <row r="566277" spans="8:8">
      <c r="H566277" s="12"/>
    </row>
    <row r="566278" spans="8:8">
      <c r="H566278" s="12"/>
    </row>
    <row r="566279" spans="8:8">
      <c r="H566279" s="12"/>
    </row>
    <row r="566280" spans="8:8">
      <c r="H566280" s="12"/>
    </row>
    <row r="566281" spans="8:8">
      <c r="H566281" s="12"/>
    </row>
    <row r="566282" spans="8:8">
      <c r="H566282" s="12"/>
    </row>
    <row r="566283" spans="8:8">
      <c r="H566283" s="12"/>
    </row>
    <row r="566284" spans="8:8">
      <c r="H566284" s="12"/>
    </row>
    <row r="566285" spans="8:8">
      <c r="H566285" s="12"/>
    </row>
    <row r="566286" spans="8:8">
      <c r="H566286" s="12"/>
    </row>
    <row r="566287" spans="8:8">
      <c r="H566287" s="12"/>
    </row>
    <row r="566288" spans="8:8">
      <c r="H566288" s="12"/>
    </row>
    <row r="566289" spans="8:8">
      <c r="H566289" s="12"/>
    </row>
    <row r="566290" spans="8:8">
      <c r="H566290" s="12"/>
    </row>
    <row r="566291" spans="8:8">
      <c r="H566291" s="12"/>
    </row>
    <row r="566292" spans="8:8">
      <c r="H566292" s="12"/>
    </row>
    <row r="566293" spans="8:8">
      <c r="H566293" s="12"/>
    </row>
    <row r="566294" spans="8:8">
      <c r="H566294" s="12"/>
    </row>
    <row r="566295" spans="8:8">
      <c r="H566295" s="12"/>
    </row>
    <row r="566296" spans="8:8">
      <c r="H566296" s="12"/>
    </row>
    <row r="566297" spans="8:8">
      <c r="H566297" s="12"/>
    </row>
    <row r="566298" spans="8:8">
      <c r="H566298" s="12"/>
    </row>
    <row r="566299" spans="8:8">
      <c r="H566299" s="12"/>
    </row>
    <row r="566300" spans="8:8">
      <c r="H566300" s="12"/>
    </row>
    <row r="566301" spans="8:8">
      <c r="H566301" s="12"/>
    </row>
    <row r="566302" spans="8:8">
      <c r="H566302" s="12"/>
    </row>
    <row r="566303" spans="8:8">
      <c r="H566303" s="12"/>
    </row>
    <row r="566304" spans="8:8">
      <c r="H566304" s="12"/>
    </row>
    <row r="566305" spans="8:8">
      <c r="H566305" s="12"/>
    </row>
    <row r="566306" spans="8:8">
      <c r="H566306" s="12"/>
    </row>
    <row r="566307" spans="8:8">
      <c r="H566307" s="12"/>
    </row>
    <row r="566308" spans="8:8">
      <c r="H566308" s="12"/>
    </row>
    <row r="566309" spans="8:8">
      <c r="H566309" s="12"/>
    </row>
    <row r="566310" spans="8:8">
      <c r="H566310" s="12"/>
    </row>
    <row r="566311" spans="8:8">
      <c r="H566311" s="12"/>
    </row>
    <row r="566312" spans="8:8">
      <c r="H566312" s="12"/>
    </row>
    <row r="566313" spans="8:8">
      <c r="H566313" s="12"/>
    </row>
    <row r="566314" spans="8:8">
      <c r="H566314" s="12"/>
    </row>
    <row r="566315" spans="8:8">
      <c r="H566315" s="12"/>
    </row>
    <row r="566316" spans="8:8">
      <c r="H566316" s="12"/>
    </row>
    <row r="566317" spans="8:8">
      <c r="H566317" s="12"/>
    </row>
    <row r="566318" spans="8:8">
      <c r="H566318" s="12"/>
    </row>
    <row r="566319" spans="8:8">
      <c r="H566319" s="12"/>
    </row>
    <row r="566320" spans="8:8">
      <c r="H566320" s="12"/>
    </row>
    <row r="566321" spans="8:8">
      <c r="H566321" s="12"/>
    </row>
    <row r="566322" spans="8:8">
      <c r="H566322" s="12"/>
    </row>
    <row r="566323" spans="8:8">
      <c r="H566323" s="12"/>
    </row>
    <row r="566324" spans="8:8">
      <c r="H566324" s="12"/>
    </row>
    <row r="566325" spans="8:8">
      <c r="H566325" s="12"/>
    </row>
    <row r="566326" spans="8:8">
      <c r="H566326" s="12"/>
    </row>
    <row r="566327" spans="8:8">
      <c r="H566327" s="12"/>
    </row>
    <row r="566328" spans="8:8">
      <c r="H566328" s="12"/>
    </row>
    <row r="566329" spans="8:8">
      <c r="H566329" s="12"/>
    </row>
    <row r="566330" spans="8:8">
      <c r="H566330" s="12"/>
    </row>
    <row r="566331" spans="8:8">
      <c r="H566331" s="12"/>
    </row>
    <row r="566332" spans="8:8">
      <c r="H566332" s="12"/>
    </row>
    <row r="566333" spans="8:8">
      <c r="H566333" s="12"/>
    </row>
    <row r="566334" spans="8:8">
      <c r="H566334" s="12"/>
    </row>
    <row r="566335" spans="8:8">
      <c r="H566335" s="12"/>
    </row>
    <row r="566336" spans="8:8">
      <c r="H566336" s="12"/>
    </row>
    <row r="566337" spans="8:8">
      <c r="H566337" s="12"/>
    </row>
    <row r="566338" spans="8:8">
      <c r="H566338" s="12"/>
    </row>
    <row r="566339" spans="8:8">
      <c r="H566339" s="12"/>
    </row>
    <row r="566340" spans="8:8">
      <c r="H566340" s="12"/>
    </row>
    <row r="566341" spans="8:8">
      <c r="H566341" s="12"/>
    </row>
    <row r="566342" spans="8:8">
      <c r="H566342" s="12"/>
    </row>
    <row r="566343" spans="8:8">
      <c r="H566343" s="12"/>
    </row>
    <row r="566344" spans="8:8">
      <c r="H566344" s="12"/>
    </row>
    <row r="566345" spans="8:8">
      <c r="H566345" s="12"/>
    </row>
    <row r="566346" spans="8:8">
      <c r="H566346" s="12"/>
    </row>
    <row r="566347" spans="8:8">
      <c r="H566347" s="12"/>
    </row>
    <row r="566348" spans="8:8">
      <c r="H566348" s="12"/>
    </row>
    <row r="566349" spans="8:8">
      <c r="H566349" s="12"/>
    </row>
    <row r="566350" spans="8:8">
      <c r="H566350" s="12"/>
    </row>
    <row r="566351" spans="8:8">
      <c r="H566351" s="12"/>
    </row>
    <row r="566352" spans="8:8">
      <c r="H566352" s="12"/>
    </row>
    <row r="566353" spans="8:8">
      <c r="H566353" s="12"/>
    </row>
    <row r="566354" spans="8:8">
      <c r="H566354" s="12"/>
    </row>
    <row r="566355" spans="8:8">
      <c r="H566355" s="12"/>
    </row>
    <row r="566356" spans="8:8">
      <c r="H566356" s="12"/>
    </row>
    <row r="566357" spans="8:8">
      <c r="H566357" s="12"/>
    </row>
    <row r="566358" spans="8:8">
      <c r="H566358" s="12"/>
    </row>
    <row r="566359" spans="8:8">
      <c r="H566359" s="12"/>
    </row>
    <row r="566360" spans="8:8">
      <c r="H566360" s="12"/>
    </row>
    <row r="566361" spans="8:8">
      <c r="H566361" s="12"/>
    </row>
    <row r="566362" spans="8:8">
      <c r="H566362" s="12"/>
    </row>
    <row r="566363" spans="8:8">
      <c r="H566363" s="12"/>
    </row>
    <row r="566364" spans="8:8">
      <c r="H566364" s="12"/>
    </row>
    <row r="566365" spans="8:8">
      <c r="H566365" s="12"/>
    </row>
    <row r="566366" spans="8:8">
      <c r="H566366" s="12"/>
    </row>
    <row r="566367" spans="8:8">
      <c r="H566367" s="12"/>
    </row>
    <row r="566368" spans="8:8">
      <c r="H566368" s="12"/>
    </row>
    <row r="566369" spans="8:8">
      <c r="H566369" s="12"/>
    </row>
    <row r="566370" spans="8:8">
      <c r="H566370" s="12"/>
    </row>
    <row r="566371" spans="8:8">
      <c r="H566371" s="12"/>
    </row>
    <row r="566372" spans="8:8">
      <c r="H566372" s="12"/>
    </row>
    <row r="566373" spans="8:8">
      <c r="H566373" s="12"/>
    </row>
    <row r="566374" spans="8:8">
      <c r="H566374" s="12"/>
    </row>
    <row r="566375" spans="8:8">
      <c r="H566375" s="12"/>
    </row>
    <row r="566376" spans="8:8">
      <c r="H566376" s="12"/>
    </row>
    <row r="566377" spans="8:8">
      <c r="H566377" s="12"/>
    </row>
    <row r="566378" spans="8:8">
      <c r="H566378" s="12"/>
    </row>
    <row r="566379" spans="8:8">
      <c r="H566379" s="12"/>
    </row>
    <row r="566380" spans="8:8">
      <c r="H566380" s="12"/>
    </row>
    <row r="566381" spans="8:8">
      <c r="H566381" s="12"/>
    </row>
    <row r="566382" spans="8:8">
      <c r="H566382" s="12"/>
    </row>
    <row r="566383" spans="8:8">
      <c r="H566383" s="12"/>
    </row>
    <row r="566384" spans="8:8">
      <c r="H566384" s="12"/>
    </row>
    <row r="566385" spans="8:8">
      <c r="H566385" s="12"/>
    </row>
    <row r="566386" spans="8:8">
      <c r="H566386" s="12"/>
    </row>
    <row r="566387" spans="8:8">
      <c r="H566387" s="12"/>
    </row>
    <row r="566388" spans="8:8">
      <c r="H566388" s="12"/>
    </row>
    <row r="566389" spans="8:8">
      <c r="H566389" s="12"/>
    </row>
    <row r="566390" spans="8:8">
      <c r="H566390" s="12"/>
    </row>
    <row r="566391" spans="8:8">
      <c r="H566391" s="12"/>
    </row>
    <row r="566392" spans="8:8">
      <c r="H566392" s="12"/>
    </row>
    <row r="566393" spans="8:8">
      <c r="H566393" s="12"/>
    </row>
    <row r="566394" spans="8:8">
      <c r="H566394" s="12"/>
    </row>
    <row r="566395" spans="8:8">
      <c r="H566395" s="12"/>
    </row>
    <row r="566396" spans="8:8">
      <c r="H566396" s="12"/>
    </row>
    <row r="566397" spans="8:8">
      <c r="H566397" s="12"/>
    </row>
    <row r="566398" spans="8:8">
      <c r="H566398" s="12"/>
    </row>
    <row r="566399" spans="8:8">
      <c r="H566399" s="12"/>
    </row>
    <row r="566400" spans="8:8">
      <c r="H566400" s="12"/>
    </row>
    <row r="566401" spans="8:8">
      <c r="H566401" s="12"/>
    </row>
    <row r="566402" spans="8:8">
      <c r="H566402" s="12"/>
    </row>
    <row r="566403" spans="8:8">
      <c r="H566403" s="12"/>
    </row>
    <row r="566404" spans="8:8">
      <c r="H566404" s="12"/>
    </row>
    <row r="566405" spans="8:8">
      <c r="H566405" s="12"/>
    </row>
    <row r="566406" spans="8:8">
      <c r="H566406" s="12"/>
    </row>
    <row r="566407" spans="8:8">
      <c r="H566407" s="12"/>
    </row>
    <row r="566408" spans="8:8">
      <c r="H566408" s="12"/>
    </row>
    <row r="566409" spans="8:8">
      <c r="H566409" s="12"/>
    </row>
    <row r="566410" spans="8:8">
      <c r="H566410" s="12"/>
    </row>
    <row r="566411" spans="8:8">
      <c r="H566411" s="12"/>
    </row>
    <row r="566412" spans="8:8">
      <c r="H566412" s="12"/>
    </row>
    <row r="566413" spans="8:8">
      <c r="H566413" s="12"/>
    </row>
    <row r="566414" spans="8:8">
      <c r="H566414" s="12"/>
    </row>
    <row r="566415" spans="8:8">
      <c r="H566415" s="12"/>
    </row>
    <row r="566416" spans="8:8">
      <c r="H566416" s="12"/>
    </row>
    <row r="566417" spans="8:8">
      <c r="H566417" s="12"/>
    </row>
    <row r="566418" spans="8:8">
      <c r="H566418" s="12"/>
    </row>
    <row r="566419" spans="8:8">
      <c r="H566419" s="12"/>
    </row>
    <row r="566420" spans="8:8">
      <c r="H566420" s="12"/>
    </row>
    <row r="566421" spans="8:8">
      <c r="H566421" s="12"/>
    </row>
    <row r="566422" spans="8:8">
      <c r="H566422" s="12"/>
    </row>
    <row r="566423" spans="8:8">
      <c r="H566423" s="12"/>
    </row>
    <row r="566424" spans="8:8">
      <c r="H566424" s="12"/>
    </row>
    <row r="566425" spans="8:8">
      <c r="H566425" s="12"/>
    </row>
    <row r="566426" spans="8:8">
      <c r="H566426" s="12"/>
    </row>
    <row r="566427" spans="8:8">
      <c r="H566427" s="12"/>
    </row>
    <row r="566428" spans="8:8">
      <c r="H566428" s="12"/>
    </row>
    <row r="566429" spans="8:8">
      <c r="H566429" s="12"/>
    </row>
    <row r="566430" spans="8:8">
      <c r="H566430" s="12"/>
    </row>
    <row r="566431" spans="8:8">
      <c r="H566431" s="12"/>
    </row>
    <row r="566432" spans="8:8">
      <c r="H566432" s="12"/>
    </row>
    <row r="566433" spans="8:8">
      <c r="H566433" s="12"/>
    </row>
    <row r="566434" spans="8:8">
      <c r="H566434" s="12"/>
    </row>
    <row r="566435" spans="8:8">
      <c r="H566435" s="12"/>
    </row>
    <row r="566436" spans="8:8">
      <c r="H566436" s="12"/>
    </row>
    <row r="566437" spans="8:8">
      <c r="H566437" s="12"/>
    </row>
    <row r="566438" spans="8:8">
      <c r="H566438" s="12"/>
    </row>
    <row r="566439" spans="8:8">
      <c r="H566439" s="12"/>
    </row>
    <row r="566440" spans="8:8">
      <c r="H566440" s="12"/>
    </row>
    <row r="566441" spans="8:8">
      <c r="H566441" s="12"/>
    </row>
    <row r="566442" spans="8:8">
      <c r="H566442" s="12"/>
    </row>
    <row r="566443" spans="8:8">
      <c r="H566443" s="12"/>
    </row>
    <row r="566444" spans="8:8">
      <c r="H566444" s="12"/>
    </row>
    <row r="566445" spans="8:8">
      <c r="H566445" s="12"/>
    </row>
    <row r="566446" spans="8:8">
      <c r="H566446" s="12"/>
    </row>
    <row r="566447" spans="8:8">
      <c r="H566447" s="12"/>
    </row>
    <row r="566448" spans="8:8">
      <c r="H566448" s="12"/>
    </row>
    <row r="566449" spans="8:8">
      <c r="H566449" s="12"/>
    </row>
    <row r="566450" spans="8:8">
      <c r="H566450" s="12"/>
    </row>
    <row r="566451" spans="8:8">
      <c r="H566451" s="12"/>
    </row>
    <row r="566452" spans="8:8">
      <c r="H566452" s="12"/>
    </row>
    <row r="566453" spans="8:8">
      <c r="H566453" s="12"/>
    </row>
    <row r="566454" spans="8:8">
      <c r="H566454" s="12"/>
    </row>
    <row r="566455" spans="8:8">
      <c r="H566455" s="12"/>
    </row>
    <row r="566456" spans="8:8">
      <c r="H566456" s="12"/>
    </row>
    <row r="566457" spans="8:8">
      <c r="H566457" s="12"/>
    </row>
    <row r="566458" spans="8:8">
      <c r="H566458" s="12"/>
    </row>
    <row r="566459" spans="8:8">
      <c r="H566459" s="12"/>
    </row>
    <row r="566460" spans="8:8">
      <c r="H566460" s="12"/>
    </row>
    <row r="566461" spans="8:8">
      <c r="H566461" s="12"/>
    </row>
    <row r="566462" spans="8:8">
      <c r="H566462" s="12"/>
    </row>
    <row r="566463" spans="8:8">
      <c r="H566463" s="12"/>
    </row>
    <row r="566464" spans="8:8">
      <c r="H566464" s="12"/>
    </row>
    <row r="566465" spans="8:8">
      <c r="H566465" s="12"/>
    </row>
    <row r="566466" spans="8:8">
      <c r="H566466" s="12"/>
    </row>
    <row r="566467" spans="8:8">
      <c r="H566467" s="12"/>
    </row>
    <row r="566468" spans="8:8">
      <c r="H566468" s="12"/>
    </row>
    <row r="566469" spans="8:8">
      <c r="H566469" s="12"/>
    </row>
    <row r="566470" spans="8:8">
      <c r="H566470" s="12"/>
    </row>
    <row r="566471" spans="8:8">
      <c r="H566471" s="12"/>
    </row>
    <row r="566472" spans="8:8">
      <c r="H566472" s="12"/>
    </row>
    <row r="566473" spans="8:8">
      <c r="H566473" s="12"/>
    </row>
    <row r="566474" spans="8:8">
      <c r="H566474" s="12"/>
    </row>
    <row r="566475" spans="8:8">
      <c r="H566475" s="12"/>
    </row>
    <row r="566476" spans="8:8">
      <c r="H566476" s="12"/>
    </row>
    <row r="566477" spans="8:8">
      <c r="H566477" s="12"/>
    </row>
    <row r="566478" spans="8:8">
      <c r="H566478" s="12"/>
    </row>
    <row r="566479" spans="8:8">
      <c r="H566479" s="12"/>
    </row>
    <row r="566480" spans="8:8">
      <c r="H566480" s="12"/>
    </row>
    <row r="566481" spans="8:8">
      <c r="H566481" s="12"/>
    </row>
    <row r="566482" spans="8:8">
      <c r="H566482" s="12"/>
    </row>
    <row r="566483" spans="8:8">
      <c r="H566483" s="12"/>
    </row>
    <row r="566484" spans="8:8">
      <c r="H566484" s="12"/>
    </row>
    <row r="566485" spans="8:8">
      <c r="H566485" s="12"/>
    </row>
    <row r="566486" spans="8:8">
      <c r="H566486" s="12"/>
    </row>
    <row r="566487" spans="8:8">
      <c r="H566487" s="12"/>
    </row>
    <row r="566488" spans="8:8">
      <c r="H566488" s="12"/>
    </row>
    <row r="566489" spans="8:8">
      <c r="H566489" s="12"/>
    </row>
    <row r="566490" spans="8:8">
      <c r="H566490" s="12"/>
    </row>
    <row r="566491" spans="8:8">
      <c r="H566491" s="12"/>
    </row>
    <row r="566492" spans="8:8">
      <c r="H566492" s="12"/>
    </row>
    <row r="566493" spans="8:8">
      <c r="H566493" s="12"/>
    </row>
    <row r="566494" spans="8:8">
      <c r="H566494" s="12"/>
    </row>
    <row r="566495" spans="8:8">
      <c r="H566495" s="12"/>
    </row>
    <row r="566496" spans="8:8">
      <c r="H566496" s="12"/>
    </row>
    <row r="566497" spans="8:8">
      <c r="H566497" s="12"/>
    </row>
    <row r="566498" spans="8:8">
      <c r="H566498" s="12"/>
    </row>
    <row r="566499" spans="8:8">
      <c r="H566499" s="12"/>
    </row>
    <row r="566500" spans="8:8">
      <c r="H566500" s="12"/>
    </row>
    <row r="566501" spans="8:8">
      <c r="H566501" s="12"/>
    </row>
    <row r="566502" spans="8:8">
      <c r="H566502" s="12"/>
    </row>
    <row r="566503" spans="8:8">
      <c r="H566503" s="12"/>
    </row>
    <row r="566504" spans="8:8">
      <c r="H566504" s="12"/>
    </row>
    <row r="566505" spans="8:8">
      <c r="H566505" s="12"/>
    </row>
    <row r="566506" spans="8:8">
      <c r="H566506" s="12"/>
    </row>
    <row r="566507" spans="8:8">
      <c r="H566507" s="12"/>
    </row>
    <row r="566508" spans="8:8">
      <c r="H566508" s="12"/>
    </row>
    <row r="566509" spans="8:8">
      <c r="H566509" s="12"/>
    </row>
    <row r="566510" spans="8:8">
      <c r="H566510" s="12"/>
    </row>
    <row r="566511" spans="8:8">
      <c r="H566511" s="12"/>
    </row>
    <row r="566512" spans="8:8">
      <c r="H566512" s="12"/>
    </row>
    <row r="566513" spans="8:8">
      <c r="H566513" s="12"/>
    </row>
    <row r="566514" spans="8:8">
      <c r="H566514" s="12"/>
    </row>
    <row r="566515" spans="8:8">
      <c r="H566515" s="12"/>
    </row>
    <row r="566516" spans="8:8">
      <c r="H566516" s="12"/>
    </row>
    <row r="566517" spans="8:8">
      <c r="H566517" s="12"/>
    </row>
    <row r="566518" spans="8:8">
      <c r="H566518" s="12"/>
    </row>
    <row r="566519" spans="8:8">
      <c r="H566519" s="12"/>
    </row>
    <row r="566520" spans="8:8">
      <c r="H566520" s="12"/>
    </row>
    <row r="566521" spans="8:8">
      <c r="H566521" s="12"/>
    </row>
    <row r="566522" spans="8:8">
      <c r="H566522" s="12"/>
    </row>
    <row r="566523" spans="8:8">
      <c r="H566523" s="12"/>
    </row>
    <row r="566524" spans="8:8">
      <c r="H566524" s="12"/>
    </row>
    <row r="566525" spans="8:8">
      <c r="H566525" s="12"/>
    </row>
    <row r="566526" spans="8:8">
      <c r="H566526" s="12"/>
    </row>
    <row r="566527" spans="8:8">
      <c r="H566527" s="12"/>
    </row>
    <row r="566528" spans="8:8">
      <c r="H566528" s="12"/>
    </row>
    <row r="566529" spans="8:8">
      <c r="H566529" s="12"/>
    </row>
    <row r="566530" spans="8:8">
      <c r="H566530" s="12"/>
    </row>
    <row r="566531" spans="8:8">
      <c r="H566531" s="12"/>
    </row>
    <row r="566532" spans="8:8">
      <c r="H566532" s="12"/>
    </row>
    <row r="566533" spans="8:8">
      <c r="H566533" s="12"/>
    </row>
    <row r="566534" spans="8:8">
      <c r="H566534" s="12"/>
    </row>
    <row r="566535" spans="8:8">
      <c r="H566535" s="12"/>
    </row>
    <row r="566536" spans="8:8">
      <c r="H566536" s="12"/>
    </row>
    <row r="566537" spans="8:8">
      <c r="H566537" s="12"/>
    </row>
    <row r="566538" spans="8:8">
      <c r="H566538" s="12"/>
    </row>
    <row r="566539" spans="8:8">
      <c r="H566539" s="12"/>
    </row>
    <row r="566540" spans="8:8">
      <c r="H566540" s="12"/>
    </row>
    <row r="566541" spans="8:8">
      <c r="H566541" s="12"/>
    </row>
    <row r="566542" spans="8:8">
      <c r="H566542" s="12"/>
    </row>
    <row r="566543" spans="8:8">
      <c r="H566543" s="12"/>
    </row>
    <row r="566544" spans="8:8">
      <c r="H566544" s="12"/>
    </row>
    <row r="566545" spans="8:8">
      <c r="H566545" s="12"/>
    </row>
    <row r="566546" spans="8:8">
      <c r="H566546" s="12"/>
    </row>
    <row r="566547" spans="8:8">
      <c r="H566547" s="12"/>
    </row>
    <row r="566548" spans="8:8">
      <c r="H566548" s="12"/>
    </row>
    <row r="566549" spans="8:8">
      <c r="H566549" s="12"/>
    </row>
    <row r="566550" spans="8:8">
      <c r="H566550" s="12"/>
    </row>
    <row r="566551" spans="8:8">
      <c r="H566551" s="12"/>
    </row>
    <row r="566552" spans="8:8">
      <c r="H566552" s="12"/>
    </row>
    <row r="566553" spans="8:8">
      <c r="H566553" s="12"/>
    </row>
    <row r="566554" spans="8:8">
      <c r="H566554" s="12"/>
    </row>
    <row r="566555" spans="8:8">
      <c r="H566555" s="12"/>
    </row>
    <row r="566556" spans="8:8">
      <c r="H566556" s="12"/>
    </row>
    <row r="566557" spans="8:8">
      <c r="H566557" s="12"/>
    </row>
    <row r="566558" spans="8:8">
      <c r="H566558" s="12"/>
    </row>
    <row r="566559" spans="8:8">
      <c r="H566559" s="12"/>
    </row>
    <row r="566560" spans="8:8">
      <c r="H566560" s="12"/>
    </row>
    <row r="566561" spans="8:8">
      <c r="H566561" s="12"/>
    </row>
    <row r="566562" spans="8:8">
      <c r="H566562" s="12"/>
    </row>
    <row r="566563" spans="8:8">
      <c r="H566563" s="12"/>
    </row>
    <row r="566564" spans="8:8">
      <c r="H566564" s="12"/>
    </row>
    <row r="566565" spans="8:8">
      <c r="H566565" s="12"/>
    </row>
    <row r="566566" spans="8:8">
      <c r="H566566" s="12"/>
    </row>
    <row r="566567" spans="8:8">
      <c r="H566567" s="12"/>
    </row>
    <row r="566568" spans="8:8">
      <c r="H566568" s="12"/>
    </row>
    <row r="566569" spans="8:8">
      <c r="H566569" s="12"/>
    </row>
    <row r="566570" spans="8:8">
      <c r="H566570" s="12"/>
    </row>
    <row r="566571" spans="8:8">
      <c r="H566571" s="12"/>
    </row>
    <row r="566572" spans="8:8">
      <c r="H566572" s="12"/>
    </row>
    <row r="566573" spans="8:8">
      <c r="H566573" s="12"/>
    </row>
    <row r="566574" spans="8:8">
      <c r="H566574" s="12"/>
    </row>
    <row r="566575" spans="8:8">
      <c r="H566575" s="12"/>
    </row>
    <row r="566576" spans="8:8">
      <c r="H566576" s="12"/>
    </row>
    <row r="566577" spans="8:8">
      <c r="H566577" s="12"/>
    </row>
    <row r="566578" spans="8:8">
      <c r="H566578" s="12"/>
    </row>
    <row r="566579" spans="8:8">
      <c r="H566579" s="12"/>
    </row>
    <row r="566580" spans="8:8">
      <c r="H566580" s="12"/>
    </row>
    <row r="566581" spans="8:8">
      <c r="H566581" s="12"/>
    </row>
    <row r="566582" spans="8:8">
      <c r="H566582" s="12"/>
    </row>
    <row r="566583" spans="8:8">
      <c r="H566583" s="12"/>
    </row>
    <row r="566584" spans="8:8">
      <c r="H566584" s="12"/>
    </row>
    <row r="566585" spans="8:8">
      <c r="H566585" s="12"/>
    </row>
    <row r="566586" spans="8:8">
      <c r="H566586" s="12"/>
    </row>
    <row r="566587" spans="8:8">
      <c r="H566587" s="12"/>
    </row>
    <row r="566588" spans="8:8">
      <c r="H566588" s="12"/>
    </row>
    <row r="566589" spans="8:8">
      <c r="H566589" s="12"/>
    </row>
    <row r="566590" spans="8:8">
      <c r="H566590" s="12"/>
    </row>
    <row r="566591" spans="8:8">
      <c r="H566591" s="12"/>
    </row>
    <row r="566592" spans="8:8">
      <c r="H566592" s="12"/>
    </row>
    <row r="566593" spans="8:8">
      <c r="H566593" s="12"/>
    </row>
    <row r="566594" spans="8:8">
      <c r="H566594" s="12"/>
    </row>
    <row r="566595" spans="8:8">
      <c r="H566595" s="12"/>
    </row>
    <row r="566596" spans="8:8">
      <c r="H566596" s="12"/>
    </row>
    <row r="566597" spans="8:8">
      <c r="H566597" s="12"/>
    </row>
    <row r="566598" spans="8:8">
      <c r="H566598" s="12"/>
    </row>
    <row r="566599" spans="8:8">
      <c r="H566599" s="12"/>
    </row>
    <row r="566600" spans="8:8">
      <c r="H566600" s="12"/>
    </row>
    <row r="566601" spans="8:8">
      <c r="H566601" s="12"/>
    </row>
    <row r="566602" spans="8:8">
      <c r="H566602" s="12"/>
    </row>
    <row r="566603" spans="8:8">
      <c r="H566603" s="12"/>
    </row>
    <row r="566604" spans="8:8">
      <c r="H566604" s="12"/>
    </row>
    <row r="566605" spans="8:8">
      <c r="H566605" s="12"/>
    </row>
    <row r="566606" spans="8:8">
      <c r="H566606" s="12"/>
    </row>
    <row r="566607" spans="8:8">
      <c r="H566607" s="12"/>
    </row>
    <row r="566608" spans="8:8">
      <c r="H566608" s="12"/>
    </row>
    <row r="566609" spans="8:8">
      <c r="H566609" s="12"/>
    </row>
    <row r="566610" spans="8:8">
      <c r="H566610" s="12"/>
    </row>
    <row r="566611" spans="8:8">
      <c r="H566611" s="12"/>
    </row>
    <row r="566612" spans="8:8">
      <c r="H566612" s="12"/>
    </row>
    <row r="566613" spans="8:8">
      <c r="H566613" s="12"/>
    </row>
    <row r="566614" spans="8:8">
      <c r="H566614" s="12"/>
    </row>
    <row r="566615" spans="8:8">
      <c r="H566615" s="12"/>
    </row>
    <row r="566616" spans="8:8">
      <c r="H566616" s="12"/>
    </row>
    <row r="566617" spans="8:8">
      <c r="H566617" s="12"/>
    </row>
    <row r="566618" spans="8:8">
      <c r="H566618" s="12"/>
    </row>
    <row r="566619" spans="8:8">
      <c r="H566619" s="12"/>
    </row>
    <row r="566620" spans="8:8">
      <c r="H566620" s="12"/>
    </row>
    <row r="566621" spans="8:8">
      <c r="H566621" s="12"/>
    </row>
    <row r="566622" spans="8:8">
      <c r="H566622" s="12"/>
    </row>
    <row r="566623" spans="8:8">
      <c r="H566623" s="12"/>
    </row>
    <row r="566624" spans="8:8">
      <c r="H566624" s="12"/>
    </row>
    <row r="566625" spans="8:8">
      <c r="H566625" s="12"/>
    </row>
    <row r="566626" spans="8:8">
      <c r="H566626" s="12"/>
    </row>
    <row r="566627" spans="8:8">
      <c r="H566627" s="12"/>
    </row>
    <row r="566628" spans="8:8">
      <c r="H566628" s="12"/>
    </row>
    <row r="566629" spans="8:8">
      <c r="H566629" s="12"/>
    </row>
    <row r="566630" spans="8:8">
      <c r="H566630" s="12"/>
    </row>
    <row r="566631" spans="8:8">
      <c r="H566631" s="12"/>
    </row>
    <row r="566632" spans="8:8">
      <c r="H566632" s="12"/>
    </row>
    <row r="566633" spans="8:8">
      <c r="H566633" s="12"/>
    </row>
    <row r="566634" spans="8:8">
      <c r="H566634" s="12"/>
    </row>
    <row r="566635" spans="8:8">
      <c r="H566635" s="12"/>
    </row>
    <row r="566636" spans="8:8">
      <c r="H566636" s="12"/>
    </row>
    <row r="566637" spans="8:8">
      <c r="H566637" s="12"/>
    </row>
    <row r="566638" spans="8:8">
      <c r="H566638" s="12"/>
    </row>
    <row r="566639" spans="8:8">
      <c r="H566639" s="12"/>
    </row>
    <row r="566640" spans="8:8">
      <c r="H566640" s="12"/>
    </row>
    <row r="566641" spans="8:8">
      <c r="H566641" s="12"/>
    </row>
    <row r="566642" spans="8:8">
      <c r="H566642" s="12"/>
    </row>
    <row r="566643" spans="8:8">
      <c r="H566643" s="12"/>
    </row>
    <row r="566644" spans="8:8">
      <c r="H566644" s="12"/>
    </row>
    <row r="566645" spans="8:8">
      <c r="H566645" s="12"/>
    </row>
    <row r="566646" spans="8:8">
      <c r="H566646" s="12"/>
    </row>
    <row r="566647" spans="8:8">
      <c r="H566647" s="12"/>
    </row>
    <row r="566648" spans="8:8">
      <c r="H566648" s="12"/>
    </row>
    <row r="566649" spans="8:8">
      <c r="H566649" s="12"/>
    </row>
    <row r="566650" spans="8:8">
      <c r="H566650" s="12"/>
    </row>
    <row r="566651" spans="8:8">
      <c r="H566651" s="12"/>
    </row>
    <row r="566652" spans="8:8">
      <c r="H566652" s="12"/>
    </row>
    <row r="566653" spans="8:8">
      <c r="H566653" s="12"/>
    </row>
    <row r="566654" spans="8:8">
      <c r="H566654" s="12"/>
    </row>
    <row r="566655" spans="8:8">
      <c r="H566655" s="12"/>
    </row>
    <row r="566656" spans="8:8">
      <c r="H566656" s="12"/>
    </row>
    <row r="566657" spans="8:8">
      <c r="H566657" s="12"/>
    </row>
    <row r="566658" spans="8:8">
      <c r="H566658" s="12"/>
    </row>
    <row r="566659" spans="8:8">
      <c r="H566659" s="12"/>
    </row>
    <row r="566660" spans="8:8">
      <c r="H566660" s="12"/>
    </row>
    <row r="566661" spans="8:8">
      <c r="H566661" s="12"/>
    </row>
    <row r="566662" spans="8:8">
      <c r="H566662" s="12"/>
    </row>
    <row r="566663" spans="8:8">
      <c r="H566663" s="12"/>
    </row>
    <row r="566664" spans="8:8">
      <c r="H566664" s="12"/>
    </row>
    <row r="566665" spans="8:8">
      <c r="H566665" s="12"/>
    </row>
    <row r="566666" spans="8:8">
      <c r="H566666" s="12"/>
    </row>
    <row r="566667" spans="8:8">
      <c r="H566667" s="12"/>
    </row>
    <row r="566668" spans="8:8">
      <c r="H566668" s="12"/>
    </row>
    <row r="566669" spans="8:8">
      <c r="H566669" s="12"/>
    </row>
    <row r="566670" spans="8:8">
      <c r="H566670" s="12"/>
    </row>
    <row r="566671" spans="8:8">
      <c r="H566671" s="12"/>
    </row>
    <row r="566672" spans="8:8">
      <c r="H566672" s="12"/>
    </row>
    <row r="566673" spans="8:8">
      <c r="H566673" s="12"/>
    </row>
    <row r="566674" spans="8:8">
      <c r="H566674" s="12"/>
    </row>
    <row r="566675" spans="8:8">
      <c r="H566675" s="12"/>
    </row>
    <row r="566676" spans="8:8">
      <c r="H566676" s="12"/>
    </row>
    <row r="566677" spans="8:8">
      <c r="H566677" s="12"/>
    </row>
    <row r="566678" spans="8:8">
      <c r="H566678" s="12"/>
    </row>
    <row r="566679" spans="8:8">
      <c r="H566679" s="12"/>
    </row>
    <row r="566680" spans="8:8">
      <c r="H566680" s="12"/>
    </row>
    <row r="566681" spans="8:8">
      <c r="H566681" s="12"/>
    </row>
    <row r="566682" spans="8:8">
      <c r="H566682" s="12"/>
    </row>
    <row r="566683" spans="8:8">
      <c r="H566683" s="12"/>
    </row>
    <row r="566684" spans="8:8">
      <c r="H566684" s="12"/>
    </row>
    <row r="566685" spans="8:8">
      <c r="H566685" s="12"/>
    </row>
    <row r="566686" spans="8:8">
      <c r="H566686" s="12"/>
    </row>
    <row r="566687" spans="8:8">
      <c r="H566687" s="12"/>
    </row>
    <row r="566688" spans="8:8">
      <c r="H566688" s="12"/>
    </row>
    <row r="566689" spans="8:8">
      <c r="H566689" s="12"/>
    </row>
    <row r="566690" spans="8:8">
      <c r="H566690" s="12"/>
    </row>
    <row r="566691" spans="8:8">
      <c r="H566691" s="12"/>
    </row>
    <row r="566692" spans="8:8">
      <c r="H566692" s="12"/>
    </row>
    <row r="566693" spans="8:8">
      <c r="H566693" s="12"/>
    </row>
    <row r="566694" spans="8:8">
      <c r="H566694" s="12"/>
    </row>
    <row r="566695" spans="8:8">
      <c r="H566695" s="12"/>
    </row>
    <row r="566696" spans="8:8">
      <c r="H566696" s="12"/>
    </row>
    <row r="566697" spans="8:8">
      <c r="H566697" s="12"/>
    </row>
    <row r="566698" spans="8:8">
      <c r="H566698" s="12"/>
    </row>
    <row r="566699" spans="8:8">
      <c r="H566699" s="12"/>
    </row>
    <row r="566700" spans="8:8">
      <c r="H566700" s="12"/>
    </row>
    <row r="566701" spans="8:8">
      <c r="H566701" s="12"/>
    </row>
    <row r="566702" spans="8:8">
      <c r="H566702" s="12"/>
    </row>
    <row r="566703" spans="8:8">
      <c r="H566703" s="12"/>
    </row>
    <row r="566704" spans="8:8">
      <c r="H566704" s="12"/>
    </row>
    <row r="566705" spans="8:8">
      <c r="H566705" s="12"/>
    </row>
    <row r="566706" spans="8:8">
      <c r="H566706" s="12"/>
    </row>
    <row r="566707" spans="8:8">
      <c r="H566707" s="12"/>
    </row>
    <row r="566708" spans="8:8">
      <c r="H566708" s="12"/>
    </row>
    <row r="566709" spans="8:8">
      <c r="H566709" s="12"/>
    </row>
    <row r="566710" spans="8:8">
      <c r="H566710" s="12"/>
    </row>
    <row r="566711" spans="8:8">
      <c r="H566711" s="12"/>
    </row>
    <row r="566712" spans="8:8">
      <c r="H566712" s="12"/>
    </row>
    <row r="566713" spans="8:8">
      <c r="H566713" s="12"/>
    </row>
    <row r="566714" spans="8:8">
      <c r="H566714" s="12"/>
    </row>
    <row r="566715" spans="8:8">
      <c r="H566715" s="12"/>
    </row>
    <row r="566716" spans="8:8">
      <c r="H566716" s="12"/>
    </row>
    <row r="566717" spans="8:8">
      <c r="H566717" s="12"/>
    </row>
    <row r="566718" spans="8:8">
      <c r="H566718" s="12"/>
    </row>
    <row r="566719" spans="8:8">
      <c r="H566719" s="12"/>
    </row>
    <row r="566720" spans="8:8">
      <c r="H566720" s="12"/>
    </row>
    <row r="566721" spans="8:8">
      <c r="H566721" s="12"/>
    </row>
    <row r="566722" spans="8:8">
      <c r="H566722" s="12"/>
    </row>
    <row r="566723" spans="8:8">
      <c r="H566723" s="12"/>
    </row>
    <row r="566724" spans="8:8">
      <c r="H566724" s="12"/>
    </row>
    <row r="566725" spans="8:8">
      <c r="H566725" s="12"/>
    </row>
    <row r="566726" spans="8:8">
      <c r="H566726" s="12"/>
    </row>
    <row r="566727" spans="8:8">
      <c r="H566727" s="12"/>
    </row>
    <row r="566728" spans="8:8">
      <c r="H566728" s="12"/>
    </row>
    <row r="566729" spans="8:8">
      <c r="H566729" s="12"/>
    </row>
    <row r="566730" spans="8:8">
      <c r="H566730" s="12"/>
    </row>
    <row r="566731" spans="8:8">
      <c r="H566731" s="12"/>
    </row>
    <row r="566732" spans="8:8">
      <c r="H566732" s="12"/>
    </row>
    <row r="566733" spans="8:8">
      <c r="H566733" s="12"/>
    </row>
    <row r="566734" spans="8:8">
      <c r="H566734" s="12"/>
    </row>
    <row r="566735" spans="8:8">
      <c r="H566735" s="12"/>
    </row>
    <row r="566736" spans="8:8">
      <c r="H566736" s="12"/>
    </row>
    <row r="566737" spans="8:8">
      <c r="H566737" s="12"/>
    </row>
    <row r="566738" spans="8:8">
      <c r="H566738" s="12"/>
    </row>
    <row r="566739" spans="8:8">
      <c r="H566739" s="12"/>
    </row>
    <row r="566740" spans="8:8">
      <c r="H566740" s="12"/>
    </row>
    <row r="566741" spans="8:8">
      <c r="H566741" s="12"/>
    </row>
    <row r="566742" spans="8:8">
      <c r="H566742" s="12"/>
    </row>
    <row r="566743" spans="8:8">
      <c r="H566743" s="12"/>
    </row>
    <row r="566744" spans="8:8">
      <c r="H566744" s="12"/>
    </row>
    <row r="566745" spans="8:8">
      <c r="H566745" s="12"/>
    </row>
    <row r="566746" spans="8:8">
      <c r="H566746" s="12"/>
    </row>
    <row r="566747" spans="8:8">
      <c r="H566747" s="12"/>
    </row>
    <row r="566748" spans="8:8">
      <c r="H566748" s="12"/>
    </row>
    <row r="566749" spans="8:8">
      <c r="H566749" s="12"/>
    </row>
    <row r="566750" spans="8:8">
      <c r="H566750" s="12"/>
    </row>
    <row r="566751" spans="8:8">
      <c r="H566751" s="12"/>
    </row>
    <row r="566752" spans="8:8">
      <c r="H566752" s="12"/>
    </row>
    <row r="566753" spans="8:8">
      <c r="H566753" s="12"/>
    </row>
    <row r="566754" spans="8:8">
      <c r="H566754" s="12"/>
    </row>
    <row r="566755" spans="8:8">
      <c r="H566755" s="12"/>
    </row>
    <row r="566756" spans="8:8">
      <c r="H566756" s="12"/>
    </row>
    <row r="566757" spans="8:8">
      <c r="H566757" s="12"/>
    </row>
    <row r="566758" spans="8:8">
      <c r="H566758" s="12"/>
    </row>
    <row r="566759" spans="8:8">
      <c r="H566759" s="12"/>
    </row>
    <row r="566760" spans="8:8">
      <c r="H566760" s="12"/>
    </row>
    <row r="566761" spans="8:8">
      <c r="H566761" s="12"/>
    </row>
    <row r="566762" spans="8:8">
      <c r="H566762" s="12"/>
    </row>
    <row r="566763" spans="8:8">
      <c r="H566763" s="12"/>
    </row>
    <row r="566764" spans="8:8">
      <c r="H566764" s="12"/>
    </row>
    <row r="566765" spans="8:8">
      <c r="H566765" s="12"/>
    </row>
    <row r="566766" spans="8:8">
      <c r="H566766" s="12"/>
    </row>
    <row r="566767" spans="8:8">
      <c r="H566767" s="12"/>
    </row>
    <row r="566768" spans="8:8">
      <c r="H566768" s="12"/>
    </row>
    <row r="566769" spans="8:8">
      <c r="H566769" s="12"/>
    </row>
    <row r="566770" spans="8:8">
      <c r="H566770" s="12"/>
    </row>
    <row r="566771" spans="8:8">
      <c r="H566771" s="12"/>
    </row>
    <row r="566772" spans="8:8">
      <c r="H566772" s="12"/>
    </row>
    <row r="566773" spans="8:8">
      <c r="H566773" s="12"/>
    </row>
    <row r="566774" spans="8:8">
      <c r="H566774" s="12"/>
    </row>
    <row r="566775" spans="8:8">
      <c r="H566775" s="12"/>
    </row>
    <row r="566776" spans="8:8">
      <c r="H566776" s="12"/>
    </row>
    <row r="566777" spans="8:8">
      <c r="H566777" s="12"/>
    </row>
    <row r="566778" spans="8:8">
      <c r="H566778" s="12"/>
    </row>
    <row r="566779" spans="8:8">
      <c r="H566779" s="12"/>
    </row>
    <row r="566780" spans="8:8">
      <c r="H566780" s="12"/>
    </row>
    <row r="566781" spans="8:8">
      <c r="H566781" s="12"/>
    </row>
    <row r="566782" spans="8:8">
      <c r="H566782" s="12"/>
    </row>
    <row r="566783" spans="8:8">
      <c r="H566783" s="12"/>
    </row>
    <row r="566784" spans="8:8">
      <c r="H566784" s="12"/>
    </row>
    <row r="566785" spans="8:8">
      <c r="H566785" s="12"/>
    </row>
    <row r="566786" spans="8:8">
      <c r="H566786" s="12"/>
    </row>
    <row r="566787" spans="8:8">
      <c r="H566787" s="12"/>
    </row>
    <row r="566788" spans="8:8">
      <c r="H566788" s="12"/>
    </row>
    <row r="566789" spans="8:8">
      <c r="H566789" s="12"/>
    </row>
    <row r="566790" spans="8:8">
      <c r="H566790" s="12"/>
    </row>
    <row r="566791" spans="8:8">
      <c r="H566791" s="12"/>
    </row>
    <row r="566792" spans="8:8">
      <c r="H566792" s="12"/>
    </row>
    <row r="566793" spans="8:8">
      <c r="H566793" s="12"/>
    </row>
    <row r="566794" spans="8:8">
      <c r="H566794" s="12"/>
    </row>
    <row r="566795" spans="8:8">
      <c r="H566795" s="12"/>
    </row>
    <row r="566796" spans="8:8">
      <c r="H566796" s="12"/>
    </row>
    <row r="566797" spans="8:8">
      <c r="H566797" s="12"/>
    </row>
    <row r="566798" spans="8:8">
      <c r="H566798" s="12"/>
    </row>
    <row r="566799" spans="8:8">
      <c r="H566799" s="12"/>
    </row>
    <row r="566800" spans="8:8">
      <c r="H566800" s="12"/>
    </row>
    <row r="566801" spans="8:8">
      <c r="H566801" s="12"/>
    </row>
    <row r="566802" spans="8:8">
      <c r="H566802" s="12"/>
    </row>
    <row r="566803" spans="8:8">
      <c r="H566803" s="12"/>
    </row>
    <row r="566804" spans="8:8">
      <c r="H566804" s="12"/>
    </row>
    <row r="566805" spans="8:8">
      <c r="H566805" s="12"/>
    </row>
    <row r="566806" spans="8:8">
      <c r="H566806" s="12"/>
    </row>
    <row r="566807" spans="8:8">
      <c r="H566807" s="12"/>
    </row>
    <row r="566808" spans="8:8">
      <c r="H566808" s="12"/>
    </row>
    <row r="566809" spans="8:8">
      <c r="H566809" s="12"/>
    </row>
    <row r="566810" spans="8:8">
      <c r="H566810" s="12"/>
    </row>
    <row r="566811" spans="8:8">
      <c r="H566811" s="12"/>
    </row>
    <row r="566812" spans="8:8">
      <c r="H566812" s="12"/>
    </row>
    <row r="566813" spans="8:8">
      <c r="H566813" s="12"/>
    </row>
    <row r="566814" spans="8:8">
      <c r="H566814" s="12"/>
    </row>
    <row r="566815" spans="8:8">
      <c r="H566815" s="12"/>
    </row>
    <row r="566816" spans="8:8">
      <c r="H566816" s="12"/>
    </row>
    <row r="566817" spans="8:8">
      <c r="H566817" s="12"/>
    </row>
    <row r="566818" spans="8:8">
      <c r="H566818" s="12"/>
    </row>
    <row r="566819" spans="8:8">
      <c r="H566819" s="12"/>
    </row>
    <row r="566820" spans="8:8">
      <c r="H566820" s="12"/>
    </row>
    <row r="566821" spans="8:8">
      <c r="H566821" s="12"/>
    </row>
    <row r="566822" spans="8:8">
      <c r="H566822" s="12"/>
    </row>
    <row r="566823" spans="8:8">
      <c r="H566823" s="12"/>
    </row>
    <row r="566824" spans="8:8">
      <c r="H566824" s="12"/>
    </row>
    <row r="566825" spans="8:8">
      <c r="H566825" s="12"/>
    </row>
    <row r="566826" spans="8:8">
      <c r="H566826" s="12"/>
    </row>
    <row r="566827" spans="8:8">
      <c r="H566827" s="12"/>
    </row>
    <row r="566828" spans="8:8">
      <c r="H566828" s="12"/>
    </row>
    <row r="566829" spans="8:8">
      <c r="H566829" s="12"/>
    </row>
    <row r="566830" spans="8:8">
      <c r="H566830" s="12"/>
    </row>
    <row r="566831" spans="8:8">
      <c r="H566831" s="12"/>
    </row>
    <row r="566832" spans="8:8">
      <c r="H566832" s="12"/>
    </row>
    <row r="566833" spans="8:8">
      <c r="H566833" s="12"/>
    </row>
    <row r="566834" spans="8:8">
      <c r="H566834" s="12"/>
    </row>
    <row r="566835" spans="8:8">
      <c r="H566835" s="12"/>
    </row>
    <row r="566836" spans="8:8">
      <c r="H566836" s="12"/>
    </row>
    <row r="566837" spans="8:8">
      <c r="H566837" s="12"/>
    </row>
    <row r="566838" spans="8:8">
      <c r="H566838" s="12"/>
    </row>
    <row r="566839" spans="8:8">
      <c r="H566839" s="12"/>
    </row>
    <row r="566840" spans="8:8">
      <c r="H566840" s="12"/>
    </row>
    <row r="566841" spans="8:8">
      <c r="H566841" s="12"/>
    </row>
    <row r="566842" spans="8:8">
      <c r="H566842" s="12"/>
    </row>
    <row r="566843" spans="8:8">
      <c r="H566843" s="12"/>
    </row>
    <row r="566844" spans="8:8">
      <c r="H566844" s="12"/>
    </row>
    <row r="566845" spans="8:8">
      <c r="H566845" s="12"/>
    </row>
    <row r="566846" spans="8:8">
      <c r="H566846" s="12"/>
    </row>
    <row r="566847" spans="8:8">
      <c r="H566847" s="12"/>
    </row>
    <row r="566848" spans="8:8">
      <c r="H566848" s="12"/>
    </row>
    <row r="566849" spans="8:8">
      <c r="H566849" s="12"/>
    </row>
    <row r="566850" spans="8:8">
      <c r="H566850" s="12"/>
    </row>
    <row r="566851" spans="8:8">
      <c r="H566851" s="12"/>
    </row>
    <row r="566852" spans="8:8">
      <c r="H566852" s="12"/>
    </row>
    <row r="566853" spans="8:8">
      <c r="H566853" s="12"/>
    </row>
    <row r="566854" spans="8:8">
      <c r="H566854" s="12"/>
    </row>
    <row r="566855" spans="8:8">
      <c r="H566855" s="12"/>
    </row>
    <row r="566856" spans="8:8">
      <c r="H566856" s="12"/>
    </row>
    <row r="566857" spans="8:8">
      <c r="H566857" s="12"/>
    </row>
    <row r="566858" spans="8:8">
      <c r="H566858" s="12"/>
    </row>
    <row r="566859" spans="8:8">
      <c r="H566859" s="12"/>
    </row>
    <row r="566860" spans="8:8">
      <c r="H566860" s="12"/>
    </row>
    <row r="566861" spans="8:8">
      <c r="H566861" s="12"/>
    </row>
    <row r="566862" spans="8:8">
      <c r="H566862" s="12"/>
    </row>
    <row r="566863" spans="8:8">
      <c r="H566863" s="12"/>
    </row>
    <row r="566864" spans="8:8">
      <c r="H566864" s="12"/>
    </row>
    <row r="566865" spans="8:8">
      <c r="H566865" s="12"/>
    </row>
    <row r="566866" spans="8:8">
      <c r="H566866" s="12"/>
    </row>
    <row r="566867" spans="8:8">
      <c r="H566867" s="12"/>
    </row>
    <row r="566868" spans="8:8">
      <c r="H566868" s="12"/>
    </row>
    <row r="566869" spans="8:8">
      <c r="H566869" s="12"/>
    </row>
    <row r="566870" spans="8:8">
      <c r="H566870" s="12"/>
    </row>
    <row r="566871" spans="8:8">
      <c r="H566871" s="12"/>
    </row>
    <row r="566872" spans="8:8">
      <c r="H566872" s="12"/>
    </row>
    <row r="566873" spans="8:8">
      <c r="H566873" s="12"/>
    </row>
    <row r="566874" spans="8:8">
      <c r="H566874" s="12"/>
    </row>
    <row r="566875" spans="8:8">
      <c r="H566875" s="12"/>
    </row>
    <row r="566876" spans="8:8">
      <c r="H566876" s="12"/>
    </row>
    <row r="566877" spans="8:8">
      <c r="H566877" s="12"/>
    </row>
    <row r="566878" spans="8:8">
      <c r="H566878" s="12"/>
    </row>
    <row r="566879" spans="8:8">
      <c r="H566879" s="12"/>
    </row>
    <row r="566880" spans="8:8">
      <c r="H566880" s="12"/>
    </row>
    <row r="566881" spans="8:8">
      <c r="H566881" s="12"/>
    </row>
    <row r="566882" spans="8:8">
      <c r="H566882" s="12"/>
    </row>
    <row r="566883" spans="8:8">
      <c r="H566883" s="12"/>
    </row>
    <row r="566884" spans="8:8">
      <c r="H566884" s="12"/>
    </row>
    <row r="566885" spans="8:8">
      <c r="H566885" s="12"/>
    </row>
    <row r="566886" spans="8:8">
      <c r="H566886" s="12"/>
    </row>
    <row r="566887" spans="8:8">
      <c r="H566887" s="12"/>
    </row>
    <row r="566888" spans="8:8">
      <c r="H566888" s="12"/>
    </row>
    <row r="566889" spans="8:8">
      <c r="H566889" s="12"/>
    </row>
    <row r="566890" spans="8:8">
      <c r="H566890" s="12"/>
    </row>
    <row r="566891" spans="8:8">
      <c r="H566891" s="12"/>
    </row>
    <row r="566892" spans="8:8">
      <c r="H566892" s="12"/>
    </row>
    <row r="566893" spans="8:8">
      <c r="H566893" s="12"/>
    </row>
    <row r="566894" spans="8:8">
      <c r="H566894" s="12"/>
    </row>
    <row r="566895" spans="8:8">
      <c r="H566895" s="12"/>
    </row>
    <row r="566896" spans="8:8">
      <c r="H566896" s="12"/>
    </row>
    <row r="566897" spans="8:8">
      <c r="H566897" s="12"/>
    </row>
    <row r="566898" spans="8:8">
      <c r="H566898" s="12"/>
    </row>
    <row r="566899" spans="8:8">
      <c r="H566899" s="12"/>
    </row>
    <row r="566900" spans="8:8">
      <c r="H566900" s="12"/>
    </row>
    <row r="566901" spans="8:8">
      <c r="H566901" s="12"/>
    </row>
    <row r="566902" spans="8:8">
      <c r="H566902" s="12"/>
    </row>
    <row r="566903" spans="8:8">
      <c r="H566903" s="12"/>
    </row>
    <row r="566904" spans="8:8">
      <c r="H566904" s="12"/>
    </row>
    <row r="566905" spans="8:8">
      <c r="H566905" s="12"/>
    </row>
    <row r="566906" spans="8:8">
      <c r="H566906" s="12"/>
    </row>
    <row r="566907" spans="8:8">
      <c r="H566907" s="12"/>
    </row>
    <row r="566908" spans="8:8">
      <c r="H566908" s="12"/>
    </row>
    <row r="566909" spans="8:8">
      <c r="H566909" s="12"/>
    </row>
    <row r="566910" spans="8:8">
      <c r="H566910" s="12"/>
    </row>
    <row r="566911" spans="8:8">
      <c r="H566911" s="12"/>
    </row>
    <row r="566912" spans="8:8">
      <c r="H566912" s="12"/>
    </row>
    <row r="566913" spans="8:8">
      <c r="H566913" s="12"/>
    </row>
    <row r="566914" spans="8:8">
      <c r="H566914" s="12"/>
    </row>
    <row r="566915" spans="8:8">
      <c r="H566915" s="12"/>
    </row>
    <row r="566916" spans="8:8">
      <c r="H566916" s="12"/>
    </row>
    <row r="566917" spans="8:8">
      <c r="H566917" s="12"/>
    </row>
    <row r="566918" spans="8:8">
      <c r="H566918" s="12"/>
    </row>
    <row r="566919" spans="8:8">
      <c r="H566919" s="12"/>
    </row>
    <row r="566920" spans="8:8">
      <c r="H566920" s="12"/>
    </row>
    <row r="566921" spans="8:8">
      <c r="H566921" s="12"/>
    </row>
    <row r="566922" spans="8:8">
      <c r="H566922" s="12"/>
    </row>
    <row r="566923" spans="8:8">
      <c r="H566923" s="12"/>
    </row>
    <row r="566924" spans="8:8">
      <c r="H566924" s="12"/>
    </row>
    <row r="566925" spans="8:8">
      <c r="H566925" s="12"/>
    </row>
    <row r="566926" spans="8:8">
      <c r="H566926" s="12"/>
    </row>
    <row r="566927" spans="8:8">
      <c r="H566927" s="12"/>
    </row>
    <row r="566928" spans="8:8">
      <c r="H566928" s="12"/>
    </row>
    <row r="566929" spans="8:8">
      <c r="H566929" s="12"/>
    </row>
    <row r="566930" spans="8:8">
      <c r="H566930" s="12"/>
    </row>
    <row r="566931" spans="8:8">
      <c r="H566931" s="12"/>
    </row>
    <row r="566932" spans="8:8">
      <c r="H566932" s="12"/>
    </row>
    <row r="566933" spans="8:8">
      <c r="H566933" s="12"/>
    </row>
    <row r="566934" spans="8:8">
      <c r="H566934" s="12"/>
    </row>
    <row r="566935" spans="8:8">
      <c r="H566935" s="12"/>
    </row>
    <row r="566936" spans="8:8">
      <c r="H566936" s="12"/>
    </row>
    <row r="566937" spans="8:8">
      <c r="H566937" s="12"/>
    </row>
    <row r="566938" spans="8:8">
      <c r="H566938" s="12"/>
    </row>
    <row r="566939" spans="8:8">
      <c r="H566939" s="12"/>
    </row>
    <row r="566940" spans="8:8">
      <c r="H566940" s="12"/>
    </row>
    <row r="566941" spans="8:8">
      <c r="H566941" s="12"/>
    </row>
    <row r="566942" spans="8:8">
      <c r="H566942" s="12"/>
    </row>
    <row r="566943" spans="8:8">
      <c r="H566943" s="12"/>
    </row>
    <row r="566944" spans="8:8">
      <c r="H566944" s="12"/>
    </row>
    <row r="566945" spans="8:8">
      <c r="H566945" s="12"/>
    </row>
    <row r="566946" spans="8:8">
      <c r="H566946" s="12"/>
    </row>
    <row r="566947" spans="8:8">
      <c r="H566947" s="12"/>
    </row>
    <row r="566948" spans="8:8">
      <c r="H566948" s="12"/>
    </row>
    <row r="566949" spans="8:8">
      <c r="H566949" s="12"/>
    </row>
    <row r="566950" spans="8:8">
      <c r="H566950" s="12"/>
    </row>
    <row r="566951" spans="8:8">
      <c r="H566951" s="12"/>
    </row>
    <row r="566952" spans="8:8">
      <c r="H566952" s="12"/>
    </row>
    <row r="566953" spans="8:8">
      <c r="H566953" s="12"/>
    </row>
    <row r="566954" spans="8:8">
      <c r="H566954" s="12"/>
    </row>
    <row r="566955" spans="8:8">
      <c r="H566955" s="12"/>
    </row>
    <row r="566956" spans="8:8">
      <c r="H566956" s="12"/>
    </row>
    <row r="566957" spans="8:8">
      <c r="H566957" s="12"/>
    </row>
    <row r="566958" spans="8:8">
      <c r="H566958" s="12"/>
    </row>
    <row r="566959" spans="8:8">
      <c r="H566959" s="12"/>
    </row>
    <row r="566960" spans="8:8">
      <c r="H566960" s="12"/>
    </row>
    <row r="566961" spans="8:8">
      <c r="H566961" s="12"/>
    </row>
    <row r="566962" spans="8:8">
      <c r="H566962" s="12"/>
    </row>
    <row r="566963" spans="8:8">
      <c r="H566963" s="12"/>
    </row>
    <row r="566964" spans="8:8">
      <c r="H566964" s="12"/>
    </row>
    <row r="566965" spans="8:8">
      <c r="H566965" s="12"/>
    </row>
    <row r="566966" spans="8:8">
      <c r="H566966" s="12"/>
    </row>
    <row r="566967" spans="8:8">
      <c r="H566967" s="12"/>
    </row>
    <row r="566968" spans="8:8">
      <c r="H566968" s="12"/>
    </row>
    <row r="566969" spans="8:8">
      <c r="H566969" s="12"/>
    </row>
    <row r="566970" spans="8:8">
      <c r="H566970" s="12"/>
    </row>
    <row r="566971" spans="8:8">
      <c r="H566971" s="12"/>
    </row>
    <row r="566972" spans="8:8">
      <c r="H566972" s="12"/>
    </row>
    <row r="566973" spans="8:8">
      <c r="H566973" s="12"/>
    </row>
    <row r="566974" spans="8:8">
      <c r="H566974" s="12"/>
    </row>
    <row r="566975" spans="8:8">
      <c r="H566975" s="12"/>
    </row>
    <row r="566976" spans="8:8">
      <c r="H566976" s="12"/>
    </row>
    <row r="566977" spans="8:8">
      <c r="H566977" s="12"/>
    </row>
    <row r="566978" spans="8:8">
      <c r="H566978" s="12"/>
    </row>
    <row r="566979" spans="8:8">
      <c r="H566979" s="12"/>
    </row>
    <row r="566980" spans="8:8">
      <c r="H566980" s="12"/>
    </row>
    <row r="566981" spans="8:8">
      <c r="H566981" s="12"/>
    </row>
    <row r="566982" spans="8:8">
      <c r="H566982" s="12"/>
    </row>
    <row r="566983" spans="8:8">
      <c r="H566983" s="12"/>
    </row>
    <row r="566984" spans="8:8">
      <c r="H566984" s="12"/>
    </row>
    <row r="566985" spans="8:8">
      <c r="H566985" s="12"/>
    </row>
    <row r="566986" spans="8:8">
      <c r="H566986" s="12"/>
    </row>
    <row r="566987" spans="8:8">
      <c r="H566987" s="12"/>
    </row>
    <row r="566988" spans="8:8">
      <c r="H566988" s="12"/>
    </row>
    <row r="566989" spans="8:8">
      <c r="H566989" s="12"/>
    </row>
    <row r="566990" spans="8:8">
      <c r="H566990" s="12"/>
    </row>
    <row r="566991" spans="8:8">
      <c r="H566991" s="12"/>
    </row>
    <row r="566992" spans="8:8">
      <c r="H566992" s="12"/>
    </row>
    <row r="566993" spans="8:8">
      <c r="H566993" s="12"/>
    </row>
    <row r="566994" spans="8:8">
      <c r="H566994" s="12"/>
    </row>
    <row r="566995" spans="8:8">
      <c r="H566995" s="12"/>
    </row>
    <row r="566996" spans="8:8">
      <c r="H566996" s="12"/>
    </row>
    <row r="566997" spans="8:8">
      <c r="H566997" s="12"/>
    </row>
    <row r="566998" spans="8:8">
      <c r="H566998" s="12"/>
    </row>
    <row r="566999" spans="8:8">
      <c r="H566999" s="12"/>
    </row>
    <row r="567000" spans="8:8">
      <c r="H567000" s="12"/>
    </row>
    <row r="567001" spans="8:8">
      <c r="H567001" s="12"/>
    </row>
    <row r="567002" spans="8:8">
      <c r="H567002" s="12"/>
    </row>
    <row r="567003" spans="8:8">
      <c r="H567003" s="12"/>
    </row>
    <row r="567004" spans="8:8">
      <c r="H567004" s="12"/>
    </row>
    <row r="567005" spans="8:8">
      <c r="H567005" s="12"/>
    </row>
    <row r="567006" spans="8:8">
      <c r="H567006" s="12"/>
    </row>
    <row r="567007" spans="8:8">
      <c r="H567007" s="12"/>
    </row>
    <row r="567008" spans="8:8">
      <c r="H567008" s="12"/>
    </row>
    <row r="567009" spans="8:8">
      <c r="H567009" s="12"/>
    </row>
    <row r="567010" spans="8:8">
      <c r="H567010" s="12"/>
    </row>
    <row r="567011" spans="8:8">
      <c r="H567011" s="12"/>
    </row>
    <row r="567012" spans="8:8">
      <c r="H567012" s="12"/>
    </row>
    <row r="567013" spans="8:8">
      <c r="H567013" s="12"/>
    </row>
    <row r="567014" spans="8:8">
      <c r="H567014" s="12"/>
    </row>
    <row r="567015" spans="8:8">
      <c r="H567015" s="12"/>
    </row>
    <row r="567016" spans="8:8">
      <c r="H567016" s="12"/>
    </row>
    <row r="567017" spans="8:8">
      <c r="H567017" s="12"/>
    </row>
    <row r="567018" spans="8:8">
      <c r="H567018" s="12"/>
    </row>
    <row r="567019" spans="8:8">
      <c r="H567019" s="12"/>
    </row>
    <row r="567020" spans="8:8">
      <c r="H567020" s="12"/>
    </row>
    <row r="567021" spans="8:8">
      <c r="H567021" s="12"/>
    </row>
    <row r="567022" spans="8:8">
      <c r="H567022" s="12"/>
    </row>
    <row r="567023" spans="8:8">
      <c r="H567023" s="12"/>
    </row>
    <row r="567024" spans="8:8">
      <c r="H567024" s="12"/>
    </row>
    <row r="567025" spans="8:8">
      <c r="H567025" s="12"/>
    </row>
    <row r="567026" spans="8:8">
      <c r="H567026" s="12"/>
    </row>
    <row r="567027" spans="8:8">
      <c r="H567027" s="12"/>
    </row>
    <row r="567028" spans="8:8">
      <c r="H567028" s="12"/>
    </row>
    <row r="567029" spans="8:8">
      <c r="H567029" s="12"/>
    </row>
    <row r="567030" spans="8:8">
      <c r="H567030" s="12"/>
    </row>
    <row r="567031" spans="8:8">
      <c r="H567031" s="12"/>
    </row>
    <row r="567032" spans="8:8">
      <c r="H567032" s="12"/>
    </row>
    <row r="567033" spans="8:8">
      <c r="H567033" s="12"/>
    </row>
    <row r="567034" spans="8:8">
      <c r="H567034" s="12"/>
    </row>
    <row r="567035" spans="8:8">
      <c r="H567035" s="12"/>
    </row>
    <row r="567036" spans="8:8">
      <c r="H567036" s="12"/>
    </row>
    <row r="567037" spans="8:8">
      <c r="H567037" s="12"/>
    </row>
    <row r="567038" spans="8:8">
      <c r="H567038" s="12"/>
    </row>
    <row r="567039" spans="8:8">
      <c r="H567039" s="12"/>
    </row>
    <row r="567040" spans="8:8">
      <c r="H567040" s="12"/>
    </row>
    <row r="567041" spans="8:8">
      <c r="H567041" s="12"/>
    </row>
    <row r="567042" spans="8:8">
      <c r="H567042" s="12"/>
    </row>
    <row r="567043" spans="8:8">
      <c r="H567043" s="12"/>
    </row>
    <row r="567044" spans="8:8">
      <c r="H567044" s="12"/>
    </row>
    <row r="567045" spans="8:8">
      <c r="H567045" s="12"/>
    </row>
    <row r="567046" spans="8:8">
      <c r="H567046" s="12"/>
    </row>
    <row r="567047" spans="8:8">
      <c r="H567047" s="12"/>
    </row>
    <row r="567048" spans="8:8">
      <c r="H567048" s="12"/>
    </row>
    <row r="567049" spans="8:8">
      <c r="H567049" s="12"/>
    </row>
    <row r="567050" spans="8:8">
      <c r="H567050" s="12"/>
    </row>
    <row r="567051" spans="8:8">
      <c r="H567051" s="12"/>
    </row>
    <row r="567052" spans="8:8">
      <c r="H567052" s="12"/>
    </row>
    <row r="567053" spans="8:8">
      <c r="H567053" s="12"/>
    </row>
    <row r="567054" spans="8:8">
      <c r="H567054" s="12"/>
    </row>
    <row r="567055" spans="8:8">
      <c r="H567055" s="12"/>
    </row>
    <row r="567056" spans="8:8">
      <c r="H567056" s="12"/>
    </row>
    <row r="567057" spans="8:8">
      <c r="H567057" s="12"/>
    </row>
    <row r="567058" spans="8:8">
      <c r="H567058" s="12"/>
    </row>
    <row r="567059" spans="8:8">
      <c r="H567059" s="12"/>
    </row>
    <row r="567060" spans="8:8">
      <c r="H567060" s="12"/>
    </row>
    <row r="567061" spans="8:8">
      <c r="H567061" s="12"/>
    </row>
    <row r="567062" spans="8:8">
      <c r="H567062" s="12"/>
    </row>
    <row r="567063" spans="8:8">
      <c r="H567063" s="12"/>
    </row>
    <row r="567064" spans="8:8">
      <c r="H567064" s="12"/>
    </row>
    <row r="567065" spans="8:8">
      <c r="H567065" s="12"/>
    </row>
    <row r="567066" spans="8:8">
      <c r="H567066" s="12"/>
    </row>
    <row r="567067" spans="8:8">
      <c r="H567067" s="12"/>
    </row>
    <row r="567068" spans="8:8">
      <c r="H567068" s="12"/>
    </row>
    <row r="567069" spans="8:8">
      <c r="H567069" s="12"/>
    </row>
    <row r="567070" spans="8:8">
      <c r="H567070" s="12"/>
    </row>
    <row r="567071" spans="8:8">
      <c r="H567071" s="12"/>
    </row>
    <row r="567072" spans="8:8">
      <c r="H567072" s="12"/>
    </row>
    <row r="567073" spans="8:8">
      <c r="H567073" s="12"/>
    </row>
    <row r="567074" spans="8:8">
      <c r="H567074" s="12"/>
    </row>
    <row r="567075" spans="8:8">
      <c r="H567075" s="12"/>
    </row>
    <row r="567076" spans="8:8">
      <c r="H567076" s="12"/>
    </row>
    <row r="567077" spans="8:8">
      <c r="H567077" s="12"/>
    </row>
    <row r="567078" spans="8:8">
      <c r="H567078" s="12"/>
    </row>
    <row r="567079" spans="8:8">
      <c r="H567079" s="12"/>
    </row>
    <row r="567080" spans="8:8">
      <c r="H567080" s="12"/>
    </row>
    <row r="567081" spans="8:8">
      <c r="H567081" s="12"/>
    </row>
    <row r="567082" spans="8:8">
      <c r="H567082" s="12"/>
    </row>
    <row r="567083" spans="8:8">
      <c r="H567083" s="12"/>
    </row>
    <row r="567084" spans="8:8">
      <c r="H567084" s="12"/>
    </row>
    <row r="567085" spans="8:8">
      <c r="H567085" s="12"/>
    </row>
    <row r="567086" spans="8:8">
      <c r="H567086" s="12"/>
    </row>
    <row r="567087" spans="8:8">
      <c r="H567087" s="12"/>
    </row>
    <row r="567088" spans="8:8">
      <c r="H567088" s="12"/>
    </row>
    <row r="567089" spans="8:8">
      <c r="H567089" s="12"/>
    </row>
    <row r="567090" spans="8:8">
      <c r="H567090" s="12"/>
    </row>
    <row r="567091" spans="8:8">
      <c r="H567091" s="12"/>
    </row>
    <row r="567092" spans="8:8">
      <c r="H567092" s="12"/>
    </row>
    <row r="567093" spans="8:8">
      <c r="H567093" s="12"/>
    </row>
    <row r="567094" spans="8:8">
      <c r="H567094" s="12"/>
    </row>
    <row r="567095" spans="8:8">
      <c r="H567095" s="12"/>
    </row>
    <row r="567096" spans="8:8">
      <c r="H567096" s="12"/>
    </row>
    <row r="567097" spans="8:8">
      <c r="H567097" s="12"/>
    </row>
    <row r="567098" spans="8:8">
      <c r="H567098" s="12"/>
    </row>
    <row r="567099" spans="8:8">
      <c r="H567099" s="12"/>
    </row>
    <row r="567100" spans="8:8">
      <c r="H567100" s="12"/>
    </row>
    <row r="567101" spans="8:8">
      <c r="H567101" s="12"/>
    </row>
    <row r="567102" spans="8:8">
      <c r="H567102" s="12"/>
    </row>
    <row r="567103" spans="8:8">
      <c r="H567103" s="12"/>
    </row>
    <row r="567104" spans="8:8">
      <c r="H567104" s="12"/>
    </row>
    <row r="567105" spans="8:8">
      <c r="H567105" s="12"/>
    </row>
    <row r="567106" spans="8:8">
      <c r="H567106" s="12"/>
    </row>
    <row r="567107" spans="8:8">
      <c r="H567107" s="12"/>
    </row>
    <row r="567108" spans="8:8">
      <c r="H567108" s="12"/>
    </row>
    <row r="567109" spans="8:8">
      <c r="H567109" s="12"/>
    </row>
    <row r="567110" spans="8:8">
      <c r="H567110" s="12"/>
    </row>
    <row r="567111" spans="8:8">
      <c r="H567111" s="12"/>
    </row>
    <row r="567112" spans="8:8">
      <c r="H567112" s="12"/>
    </row>
    <row r="567113" spans="8:8">
      <c r="H567113" s="12"/>
    </row>
    <row r="567114" spans="8:8">
      <c r="H567114" s="12"/>
    </row>
    <row r="567115" spans="8:8">
      <c r="H567115" s="12"/>
    </row>
    <row r="567116" spans="8:8">
      <c r="H567116" s="12"/>
    </row>
    <row r="567117" spans="8:8">
      <c r="H567117" s="12"/>
    </row>
    <row r="567118" spans="8:8">
      <c r="H567118" s="12"/>
    </row>
    <row r="567119" spans="8:8">
      <c r="H567119" s="12"/>
    </row>
    <row r="567120" spans="8:8">
      <c r="H567120" s="12"/>
    </row>
    <row r="567121" spans="8:8">
      <c r="H567121" s="12"/>
    </row>
    <row r="567122" spans="8:8">
      <c r="H567122" s="12"/>
    </row>
    <row r="567123" spans="8:8">
      <c r="H567123" s="12"/>
    </row>
    <row r="567124" spans="8:8">
      <c r="H567124" s="12"/>
    </row>
    <row r="567125" spans="8:8">
      <c r="H567125" s="12"/>
    </row>
    <row r="567126" spans="8:8">
      <c r="H567126" s="12"/>
    </row>
    <row r="567127" spans="8:8">
      <c r="H567127" s="12"/>
    </row>
    <row r="567128" spans="8:8">
      <c r="H567128" s="12"/>
    </row>
    <row r="567129" spans="8:8">
      <c r="H567129" s="12"/>
    </row>
    <row r="567130" spans="8:8">
      <c r="H567130" s="12"/>
    </row>
    <row r="567131" spans="8:8">
      <c r="H567131" s="12"/>
    </row>
    <row r="567132" spans="8:8">
      <c r="H567132" s="12"/>
    </row>
    <row r="567133" spans="8:8">
      <c r="H567133" s="12"/>
    </row>
    <row r="567134" spans="8:8">
      <c r="H567134" s="12"/>
    </row>
    <row r="567135" spans="8:8">
      <c r="H567135" s="12"/>
    </row>
    <row r="567136" spans="8:8">
      <c r="H567136" s="12"/>
    </row>
    <row r="567137" spans="8:8">
      <c r="H567137" s="12"/>
    </row>
    <row r="567138" spans="8:8">
      <c r="H567138" s="12"/>
    </row>
    <row r="567139" spans="8:8">
      <c r="H567139" s="12"/>
    </row>
    <row r="567140" spans="8:8">
      <c r="H567140" s="12"/>
    </row>
    <row r="567141" spans="8:8">
      <c r="H567141" s="12"/>
    </row>
    <row r="567142" spans="8:8">
      <c r="H567142" s="12"/>
    </row>
    <row r="567143" spans="8:8">
      <c r="H567143" s="12"/>
    </row>
    <row r="567144" spans="8:8">
      <c r="H567144" s="12"/>
    </row>
    <row r="567145" spans="8:8">
      <c r="H567145" s="12"/>
    </row>
    <row r="567146" spans="8:8">
      <c r="H567146" s="12"/>
    </row>
    <row r="567147" spans="8:8">
      <c r="H567147" s="12"/>
    </row>
    <row r="567148" spans="8:8">
      <c r="H567148" s="12"/>
    </row>
    <row r="567149" spans="8:8">
      <c r="H567149" s="12"/>
    </row>
    <row r="567150" spans="8:8">
      <c r="H567150" s="12"/>
    </row>
    <row r="567151" spans="8:8">
      <c r="H567151" s="12"/>
    </row>
    <row r="567152" spans="8:8">
      <c r="H567152" s="12"/>
    </row>
    <row r="567153" spans="8:8">
      <c r="H567153" s="12"/>
    </row>
    <row r="567154" spans="8:8">
      <c r="H567154" s="12"/>
    </row>
    <row r="567155" spans="8:8">
      <c r="H567155" s="12"/>
    </row>
    <row r="567156" spans="8:8">
      <c r="H567156" s="12"/>
    </row>
    <row r="567157" spans="8:8">
      <c r="H567157" s="12"/>
    </row>
    <row r="567158" spans="8:8">
      <c r="H567158" s="12"/>
    </row>
    <row r="567159" spans="8:8">
      <c r="H567159" s="12"/>
    </row>
    <row r="567160" spans="8:8">
      <c r="H567160" s="12"/>
    </row>
    <row r="567161" spans="8:8">
      <c r="H567161" s="12"/>
    </row>
    <row r="567162" spans="8:8">
      <c r="H567162" s="12"/>
    </row>
    <row r="567163" spans="8:8">
      <c r="H567163" s="12"/>
    </row>
    <row r="567164" spans="8:8">
      <c r="H567164" s="12"/>
    </row>
    <row r="567165" spans="8:8">
      <c r="H567165" s="12"/>
    </row>
    <row r="567166" spans="8:8">
      <c r="H567166" s="12"/>
    </row>
    <row r="567167" spans="8:8">
      <c r="H567167" s="12"/>
    </row>
    <row r="567168" spans="8:8">
      <c r="H567168" s="12"/>
    </row>
    <row r="567169" spans="8:8">
      <c r="H567169" s="12"/>
    </row>
    <row r="567170" spans="8:8">
      <c r="H567170" s="12"/>
    </row>
    <row r="567171" spans="8:8">
      <c r="H567171" s="12"/>
    </row>
    <row r="567172" spans="8:8">
      <c r="H567172" s="12"/>
    </row>
    <row r="567173" spans="8:8">
      <c r="H567173" s="12"/>
    </row>
    <row r="567174" spans="8:8">
      <c r="H567174" s="12"/>
    </row>
    <row r="567175" spans="8:8">
      <c r="H567175" s="12"/>
    </row>
    <row r="567176" spans="8:8">
      <c r="H567176" s="12"/>
    </row>
    <row r="567177" spans="8:8">
      <c r="H567177" s="12"/>
    </row>
    <row r="567178" spans="8:8">
      <c r="H567178" s="12"/>
    </row>
    <row r="567179" spans="8:8">
      <c r="H567179" s="12"/>
    </row>
    <row r="567180" spans="8:8">
      <c r="H567180" s="12"/>
    </row>
    <row r="567181" spans="8:8">
      <c r="H567181" s="12"/>
    </row>
    <row r="567182" spans="8:8">
      <c r="H567182" s="12"/>
    </row>
    <row r="567183" spans="8:8">
      <c r="H567183" s="12"/>
    </row>
    <row r="567184" spans="8:8">
      <c r="H567184" s="12"/>
    </row>
    <row r="567185" spans="8:8">
      <c r="H567185" s="12"/>
    </row>
    <row r="567186" spans="8:8">
      <c r="H567186" s="12"/>
    </row>
    <row r="567187" spans="8:8">
      <c r="H567187" s="12"/>
    </row>
    <row r="567188" spans="8:8">
      <c r="H567188" s="12"/>
    </row>
    <row r="567189" spans="8:8">
      <c r="H567189" s="12"/>
    </row>
    <row r="567190" spans="8:8">
      <c r="H567190" s="12"/>
    </row>
    <row r="567191" spans="8:8">
      <c r="H567191" s="12"/>
    </row>
    <row r="567192" spans="8:8">
      <c r="H567192" s="12"/>
    </row>
    <row r="567193" spans="8:8">
      <c r="H567193" s="12"/>
    </row>
    <row r="567194" spans="8:8">
      <c r="H567194" s="12"/>
    </row>
    <row r="567195" spans="8:8">
      <c r="H567195" s="12"/>
    </row>
    <row r="567196" spans="8:8">
      <c r="H567196" s="12"/>
    </row>
    <row r="567197" spans="8:8">
      <c r="H567197" s="12"/>
    </row>
    <row r="567198" spans="8:8">
      <c r="H567198" s="12"/>
    </row>
    <row r="567199" spans="8:8">
      <c r="H567199" s="12"/>
    </row>
    <row r="567200" spans="8:8">
      <c r="H567200" s="12"/>
    </row>
    <row r="567201" spans="8:8">
      <c r="H567201" s="12"/>
    </row>
    <row r="567202" spans="8:8">
      <c r="H567202" s="12"/>
    </row>
    <row r="567203" spans="8:8">
      <c r="H567203" s="12"/>
    </row>
    <row r="567204" spans="8:8">
      <c r="H567204" s="12"/>
    </row>
    <row r="567205" spans="8:8">
      <c r="H567205" s="12"/>
    </row>
    <row r="567206" spans="8:8">
      <c r="H567206" s="12"/>
    </row>
    <row r="567207" spans="8:8">
      <c r="H567207" s="12"/>
    </row>
    <row r="567208" spans="8:8">
      <c r="H567208" s="12"/>
    </row>
    <row r="567209" spans="8:8">
      <c r="H567209" s="12"/>
    </row>
    <row r="567210" spans="8:8">
      <c r="H567210" s="12"/>
    </row>
    <row r="567211" spans="8:8">
      <c r="H567211" s="12"/>
    </row>
    <row r="567212" spans="8:8">
      <c r="H567212" s="12"/>
    </row>
    <row r="567213" spans="8:8">
      <c r="H567213" s="12"/>
    </row>
    <row r="567214" spans="8:8">
      <c r="H567214" s="12"/>
    </row>
    <row r="567215" spans="8:8">
      <c r="H567215" s="12"/>
    </row>
    <row r="567216" spans="8:8">
      <c r="H567216" s="12"/>
    </row>
    <row r="567217" spans="8:8">
      <c r="H567217" s="12"/>
    </row>
    <row r="567218" spans="8:8">
      <c r="H567218" s="12"/>
    </row>
    <row r="567219" spans="8:8">
      <c r="H567219" s="12"/>
    </row>
    <row r="567220" spans="8:8">
      <c r="H567220" s="12"/>
    </row>
    <row r="567221" spans="8:8">
      <c r="H567221" s="12"/>
    </row>
    <row r="567222" spans="8:8">
      <c r="H567222" s="12"/>
    </row>
    <row r="567223" spans="8:8">
      <c r="H567223" s="12"/>
    </row>
    <row r="567224" spans="8:8">
      <c r="H567224" s="12"/>
    </row>
    <row r="567225" spans="8:8">
      <c r="H567225" s="12"/>
    </row>
    <row r="567226" spans="8:8">
      <c r="H567226" s="12"/>
    </row>
    <row r="567227" spans="8:8">
      <c r="H567227" s="12"/>
    </row>
    <row r="567228" spans="8:8">
      <c r="H567228" s="12"/>
    </row>
    <row r="567229" spans="8:8">
      <c r="H567229" s="12"/>
    </row>
    <row r="567230" spans="8:8">
      <c r="H567230" s="12"/>
    </row>
    <row r="567231" spans="8:8">
      <c r="H567231" s="12"/>
    </row>
    <row r="567232" spans="8:8">
      <c r="H567232" s="12"/>
    </row>
    <row r="567233" spans="8:8">
      <c r="H567233" s="12"/>
    </row>
    <row r="567234" spans="8:8">
      <c r="H567234" s="12"/>
    </row>
    <row r="567235" spans="8:8">
      <c r="H567235" s="12"/>
    </row>
    <row r="567236" spans="8:8">
      <c r="H567236" s="12"/>
    </row>
    <row r="567237" spans="8:8">
      <c r="H567237" s="12"/>
    </row>
    <row r="567238" spans="8:8">
      <c r="H567238" s="12"/>
    </row>
    <row r="567239" spans="8:8">
      <c r="H567239" s="12"/>
    </row>
    <row r="567240" spans="8:8">
      <c r="H567240" s="12"/>
    </row>
    <row r="567241" spans="8:8">
      <c r="H567241" s="12"/>
    </row>
    <row r="567242" spans="8:8">
      <c r="H567242" s="12"/>
    </row>
    <row r="567243" spans="8:8">
      <c r="H567243" s="12"/>
    </row>
    <row r="567244" spans="8:8">
      <c r="H567244" s="12"/>
    </row>
    <row r="567245" spans="8:8">
      <c r="H567245" s="12"/>
    </row>
    <row r="567246" spans="8:8">
      <c r="H567246" s="12"/>
    </row>
    <row r="567247" spans="8:8">
      <c r="H567247" s="12"/>
    </row>
    <row r="567248" spans="8:8">
      <c r="H567248" s="12"/>
    </row>
    <row r="567249" spans="8:8">
      <c r="H567249" s="12"/>
    </row>
    <row r="567250" spans="8:8">
      <c r="H567250" s="12"/>
    </row>
    <row r="567251" spans="8:8">
      <c r="H567251" s="12"/>
    </row>
    <row r="567252" spans="8:8">
      <c r="H567252" s="12"/>
    </row>
    <row r="567253" spans="8:8">
      <c r="H567253" s="12"/>
    </row>
    <row r="567254" spans="8:8">
      <c r="H567254" s="12"/>
    </row>
    <row r="567255" spans="8:8">
      <c r="H567255" s="12"/>
    </row>
    <row r="567256" spans="8:8">
      <c r="H567256" s="12"/>
    </row>
    <row r="567257" spans="8:8">
      <c r="H567257" s="12"/>
    </row>
    <row r="567258" spans="8:8">
      <c r="H567258" s="12"/>
    </row>
    <row r="567259" spans="8:8">
      <c r="H567259" s="12"/>
    </row>
    <row r="567260" spans="8:8">
      <c r="H567260" s="12"/>
    </row>
    <row r="567261" spans="8:8">
      <c r="H567261" s="12"/>
    </row>
    <row r="567262" spans="8:8">
      <c r="H567262" s="12"/>
    </row>
    <row r="567263" spans="8:8">
      <c r="H567263" s="12"/>
    </row>
    <row r="567264" spans="8:8">
      <c r="H567264" s="12"/>
    </row>
    <row r="567265" spans="8:8">
      <c r="H567265" s="12"/>
    </row>
    <row r="567266" spans="8:8">
      <c r="H567266" s="12"/>
    </row>
    <row r="567267" spans="8:8">
      <c r="H567267" s="12"/>
    </row>
    <row r="567268" spans="8:8">
      <c r="H567268" s="12"/>
    </row>
    <row r="567269" spans="8:8">
      <c r="H567269" s="12"/>
    </row>
    <row r="567270" spans="8:8">
      <c r="H567270" s="12"/>
    </row>
    <row r="567271" spans="8:8">
      <c r="H567271" s="12"/>
    </row>
    <row r="567272" spans="8:8">
      <c r="H567272" s="12"/>
    </row>
    <row r="567273" spans="8:8">
      <c r="H567273" s="12"/>
    </row>
    <row r="567274" spans="8:8">
      <c r="H567274" s="12"/>
    </row>
    <row r="567275" spans="8:8">
      <c r="H567275" s="12"/>
    </row>
    <row r="567276" spans="8:8">
      <c r="H567276" s="12"/>
    </row>
    <row r="567277" spans="8:8">
      <c r="H567277" s="12"/>
    </row>
    <row r="567278" spans="8:8">
      <c r="H567278" s="12"/>
    </row>
    <row r="567279" spans="8:8">
      <c r="H567279" s="12"/>
    </row>
    <row r="567280" spans="8:8">
      <c r="H567280" s="12"/>
    </row>
    <row r="567281" spans="8:8">
      <c r="H567281" s="12"/>
    </row>
    <row r="567282" spans="8:8">
      <c r="H567282" s="12"/>
    </row>
    <row r="567283" spans="8:8">
      <c r="H567283" s="12"/>
    </row>
    <row r="567284" spans="8:8">
      <c r="H567284" s="12"/>
    </row>
    <row r="567285" spans="8:8">
      <c r="H567285" s="12"/>
    </row>
    <row r="567286" spans="8:8">
      <c r="H567286" s="12"/>
    </row>
    <row r="567287" spans="8:8">
      <c r="H567287" s="12"/>
    </row>
    <row r="567288" spans="8:8">
      <c r="H567288" s="12"/>
    </row>
    <row r="567289" spans="8:8">
      <c r="H567289" s="12"/>
    </row>
    <row r="567290" spans="8:8">
      <c r="H567290" s="12"/>
    </row>
    <row r="567291" spans="8:8">
      <c r="H567291" s="12"/>
    </row>
    <row r="567292" spans="8:8">
      <c r="H567292" s="12"/>
    </row>
    <row r="567293" spans="8:8">
      <c r="H567293" s="12"/>
    </row>
    <row r="567294" spans="8:8">
      <c r="H567294" s="12"/>
    </row>
    <row r="567295" spans="8:8">
      <c r="H567295" s="12"/>
    </row>
    <row r="567296" spans="8:8">
      <c r="H567296" s="12"/>
    </row>
    <row r="567297" spans="8:8">
      <c r="H567297" s="12"/>
    </row>
    <row r="567298" spans="8:8">
      <c r="H567298" s="12"/>
    </row>
    <row r="567299" spans="8:8">
      <c r="H567299" s="12"/>
    </row>
    <row r="567300" spans="8:8">
      <c r="H567300" s="12"/>
    </row>
    <row r="567301" spans="8:8">
      <c r="H567301" s="12"/>
    </row>
    <row r="567302" spans="8:8">
      <c r="H567302" s="12"/>
    </row>
    <row r="567303" spans="8:8">
      <c r="H567303" s="12"/>
    </row>
    <row r="567304" spans="8:8">
      <c r="H567304" s="12"/>
    </row>
    <row r="567305" spans="8:8">
      <c r="H567305" s="12"/>
    </row>
    <row r="567306" spans="8:8">
      <c r="H567306" s="12"/>
    </row>
    <row r="567307" spans="8:8">
      <c r="H567307" s="12"/>
    </row>
    <row r="567308" spans="8:8">
      <c r="H567308" s="12"/>
    </row>
    <row r="567309" spans="8:8">
      <c r="H567309" s="12"/>
    </row>
    <row r="567310" spans="8:8">
      <c r="H567310" s="12"/>
    </row>
    <row r="567311" spans="8:8">
      <c r="H567311" s="12"/>
    </row>
    <row r="567312" spans="8:8">
      <c r="H567312" s="12"/>
    </row>
    <row r="567313" spans="8:8">
      <c r="H567313" s="12"/>
    </row>
    <row r="567314" spans="8:8">
      <c r="H567314" s="12"/>
    </row>
    <row r="567315" spans="8:8">
      <c r="H567315" s="12"/>
    </row>
    <row r="567316" spans="8:8">
      <c r="H567316" s="12"/>
    </row>
    <row r="567317" spans="8:8">
      <c r="H567317" s="12"/>
    </row>
    <row r="567318" spans="8:8">
      <c r="H567318" s="12"/>
    </row>
    <row r="567319" spans="8:8">
      <c r="H567319" s="12"/>
    </row>
    <row r="567320" spans="8:8">
      <c r="H567320" s="12"/>
    </row>
    <row r="567321" spans="8:8">
      <c r="H567321" s="12"/>
    </row>
    <row r="567322" spans="8:8">
      <c r="H567322" s="12"/>
    </row>
    <row r="567323" spans="8:8">
      <c r="H567323" s="12"/>
    </row>
    <row r="567324" spans="8:8">
      <c r="H567324" s="12"/>
    </row>
    <row r="567325" spans="8:8">
      <c r="H567325" s="12"/>
    </row>
    <row r="567326" spans="8:8">
      <c r="H567326" s="12"/>
    </row>
    <row r="567327" spans="8:8">
      <c r="H567327" s="12"/>
    </row>
    <row r="567328" spans="8:8">
      <c r="H567328" s="12"/>
    </row>
    <row r="567329" spans="8:8">
      <c r="H567329" s="12"/>
    </row>
    <row r="567330" spans="8:8">
      <c r="H567330" s="12"/>
    </row>
    <row r="567331" spans="8:8">
      <c r="H567331" s="12"/>
    </row>
    <row r="567332" spans="8:8">
      <c r="H567332" s="12"/>
    </row>
    <row r="567333" spans="8:8">
      <c r="H567333" s="12"/>
    </row>
    <row r="567334" spans="8:8">
      <c r="H567334" s="12"/>
    </row>
    <row r="567335" spans="8:8">
      <c r="H567335" s="12"/>
    </row>
    <row r="567336" spans="8:8">
      <c r="H567336" s="12"/>
    </row>
    <row r="567337" spans="8:8">
      <c r="H567337" s="12"/>
    </row>
    <row r="567338" spans="8:8">
      <c r="H567338" s="12"/>
    </row>
    <row r="567339" spans="8:8">
      <c r="H567339" s="12"/>
    </row>
    <row r="567340" spans="8:8">
      <c r="H567340" s="12"/>
    </row>
    <row r="567341" spans="8:8">
      <c r="H567341" s="12"/>
    </row>
    <row r="567342" spans="8:8">
      <c r="H567342" s="12"/>
    </row>
    <row r="567343" spans="8:8">
      <c r="H567343" s="12"/>
    </row>
    <row r="567344" spans="8:8">
      <c r="H567344" s="12"/>
    </row>
    <row r="567345" spans="8:8">
      <c r="H567345" s="12"/>
    </row>
    <row r="567346" spans="8:8">
      <c r="H567346" s="12"/>
    </row>
    <row r="567347" spans="8:8">
      <c r="H567347" s="12"/>
    </row>
    <row r="567348" spans="8:8">
      <c r="H567348" s="12"/>
    </row>
    <row r="567349" spans="8:8">
      <c r="H567349" s="12"/>
    </row>
    <row r="567350" spans="8:8">
      <c r="H567350" s="12"/>
    </row>
    <row r="567351" spans="8:8">
      <c r="H567351" s="12"/>
    </row>
    <row r="567352" spans="8:8">
      <c r="H567352" s="12"/>
    </row>
    <row r="567353" spans="8:8">
      <c r="H567353" s="12"/>
    </row>
    <row r="567354" spans="8:8">
      <c r="H567354" s="12"/>
    </row>
    <row r="567355" spans="8:8">
      <c r="H567355" s="12"/>
    </row>
    <row r="567356" spans="8:8">
      <c r="H567356" s="12"/>
    </row>
    <row r="567357" spans="8:8">
      <c r="H567357" s="12"/>
    </row>
    <row r="567358" spans="8:8">
      <c r="H567358" s="12"/>
    </row>
    <row r="567359" spans="8:8">
      <c r="H567359" s="12"/>
    </row>
    <row r="567360" spans="8:8">
      <c r="H567360" s="12"/>
    </row>
    <row r="567361" spans="8:8">
      <c r="H567361" s="12"/>
    </row>
    <row r="567362" spans="8:8">
      <c r="H567362" s="12"/>
    </row>
    <row r="567363" spans="8:8">
      <c r="H567363" s="12"/>
    </row>
    <row r="567364" spans="8:8">
      <c r="H567364" s="12"/>
    </row>
    <row r="567365" spans="8:8">
      <c r="H567365" s="12"/>
    </row>
    <row r="567366" spans="8:8">
      <c r="H567366" s="12"/>
    </row>
    <row r="567367" spans="8:8">
      <c r="H567367" s="12"/>
    </row>
    <row r="567368" spans="8:8">
      <c r="H567368" s="12"/>
    </row>
    <row r="567369" spans="8:8">
      <c r="H567369" s="12"/>
    </row>
    <row r="567370" spans="8:8">
      <c r="H567370" s="12"/>
    </row>
    <row r="567371" spans="8:8">
      <c r="H567371" s="12"/>
    </row>
    <row r="567372" spans="8:8">
      <c r="H567372" s="12"/>
    </row>
    <row r="567373" spans="8:8">
      <c r="H567373" s="12"/>
    </row>
    <row r="567374" spans="8:8">
      <c r="H567374" s="12"/>
    </row>
    <row r="567375" spans="8:8">
      <c r="H567375" s="12"/>
    </row>
    <row r="567376" spans="8:8">
      <c r="H567376" s="12"/>
    </row>
    <row r="567377" spans="8:8">
      <c r="H567377" s="12"/>
    </row>
    <row r="567378" spans="8:8">
      <c r="H567378" s="12"/>
    </row>
    <row r="567379" spans="8:8">
      <c r="H567379" s="12"/>
    </row>
    <row r="567380" spans="8:8">
      <c r="H567380" s="12"/>
    </row>
    <row r="567381" spans="8:8">
      <c r="H567381" s="12"/>
    </row>
    <row r="567382" spans="8:8">
      <c r="H567382" s="12"/>
    </row>
    <row r="567383" spans="8:8">
      <c r="H567383" s="12"/>
    </row>
    <row r="567384" spans="8:8">
      <c r="H567384" s="12"/>
    </row>
    <row r="567385" spans="8:8">
      <c r="H567385" s="12"/>
    </row>
    <row r="567386" spans="8:8">
      <c r="H567386" s="12"/>
    </row>
    <row r="567387" spans="8:8">
      <c r="H567387" s="12"/>
    </row>
    <row r="567388" spans="8:8">
      <c r="H567388" s="12"/>
    </row>
    <row r="567389" spans="8:8">
      <c r="H567389" s="12"/>
    </row>
    <row r="567390" spans="8:8">
      <c r="H567390" s="12"/>
    </row>
    <row r="567391" spans="8:8">
      <c r="H567391" s="12"/>
    </row>
    <row r="567392" spans="8:8">
      <c r="H567392" s="12"/>
    </row>
    <row r="567393" spans="8:8">
      <c r="H567393" s="12"/>
    </row>
    <row r="567394" spans="8:8">
      <c r="H567394" s="12"/>
    </row>
    <row r="567395" spans="8:8">
      <c r="H567395" s="12"/>
    </row>
    <row r="567396" spans="8:8">
      <c r="H567396" s="12"/>
    </row>
    <row r="567397" spans="8:8">
      <c r="H567397" s="12"/>
    </row>
    <row r="567398" spans="8:8">
      <c r="H567398" s="12"/>
    </row>
    <row r="567399" spans="8:8">
      <c r="H567399" s="12"/>
    </row>
    <row r="567400" spans="8:8">
      <c r="H567400" s="12"/>
    </row>
    <row r="567401" spans="8:8">
      <c r="H567401" s="12"/>
    </row>
    <row r="567402" spans="8:8">
      <c r="H567402" s="12"/>
    </row>
    <row r="567403" spans="8:8">
      <c r="H567403" s="12"/>
    </row>
    <row r="567404" spans="8:8">
      <c r="H567404" s="12"/>
    </row>
    <row r="567405" spans="8:8">
      <c r="H567405" s="12"/>
    </row>
    <row r="567406" spans="8:8">
      <c r="H567406" s="12"/>
    </row>
    <row r="567407" spans="8:8">
      <c r="H567407" s="12"/>
    </row>
    <row r="567408" spans="8:8">
      <c r="H567408" s="12"/>
    </row>
    <row r="567409" spans="8:8">
      <c r="H567409" s="12"/>
    </row>
    <row r="567410" spans="8:8">
      <c r="H567410" s="12"/>
    </row>
    <row r="567411" spans="8:8">
      <c r="H567411" s="12"/>
    </row>
    <row r="567412" spans="8:8">
      <c r="H567412" s="12"/>
    </row>
    <row r="567413" spans="8:8">
      <c r="H567413" s="12"/>
    </row>
    <row r="567414" spans="8:8">
      <c r="H567414" s="12"/>
    </row>
    <row r="567415" spans="8:8">
      <c r="H567415" s="12"/>
    </row>
    <row r="567416" spans="8:8">
      <c r="H567416" s="12"/>
    </row>
    <row r="567417" spans="8:8">
      <c r="H567417" s="12"/>
    </row>
    <row r="567418" spans="8:8">
      <c r="H567418" s="12"/>
    </row>
    <row r="567419" spans="8:8">
      <c r="H567419" s="12"/>
    </row>
    <row r="567420" spans="8:8">
      <c r="H567420" s="12"/>
    </row>
    <row r="567421" spans="8:8">
      <c r="H567421" s="12"/>
    </row>
    <row r="567422" spans="8:8">
      <c r="H567422" s="12"/>
    </row>
    <row r="567423" spans="8:8">
      <c r="H567423" s="12"/>
    </row>
    <row r="567424" spans="8:8">
      <c r="H567424" s="12"/>
    </row>
    <row r="567425" spans="8:8">
      <c r="H567425" s="12"/>
    </row>
    <row r="567426" spans="8:8">
      <c r="H567426" s="12"/>
    </row>
    <row r="567427" spans="8:8">
      <c r="H567427" s="12"/>
    </row>
    <row r="567428" spans="8:8">
      <c r="H567428" s="12"/>
    </row>
    <row r="567429" spans="8:8">
      <c r="H567429" s="12"/>
    </row>
    <row r="567430" spans="8:8">
      <c r="H567430" s="12"/>
    </row>
    <row r="567431" spans="8:8">
      <c r="H567431" s="12"/>
    </row>
    <row r="567432" spans="8:8">
      <c r="H567432" s="12"/>
    </row>
    <row r="567433" spans="8:8">
      <c r="H567433" s="12"/>
    </row>
    <row r="567434" spans="8:8">
      <c r="H567434" s="12"/>
    </row>
    <row r="567435" spans="8:8">
      <c r="H567435" s="12"/>
    </row>
    <row r="567436" spans="8:8">
      <c r="H567436" s="12"/>
    </row>
    <row r="567437" spans="8:8">
      <c r="H567437" s="12"/>
    </row>
    <row r="567438" spans="8:8">
      <c r="H567438" s="12"/>
    </row>
    <row r="567439" spans="8:8">
      <c r="H567439" s="12"/>
    </row>
    <row r="567440" spans="8:8">
      <c r="H567440" s="12"/>
    </row>
    <row r="567441" spans="8:8">
      <c r="H567441" s="12"/>
    </row>
    <row r="567442" spans="8:8">
      <c r="H567442" s="12"/>
    </row>
    <row r="567443" spans="8:8">
      <c r="H567443" s="12"/>
    </row>
    <row r="567444" spans="8:8">
      <c r="H567444" s="12"/>
    </row>
    <row r="567445" spans="8:8">
      <c r="H567445" s="12"/>
    </row>
    <row r="567446" spans="8:8">
      <c r="H567446" s="12"/>
    </row>
    <row r="567447" spans="8:8">
      <c r="H567447" s="12"/>
    </row>
    <row r="567448" spans="8:8">
      <c r="H567448" s="12"/>
    </row>
    <row r="567449" spans="8:8">
      <c r="H567449" s="12"/>
    </row>
    <row r="567450" spans="8:8">
      <c r="H567450" s="12"/>
    </row>
    <row r="567451" spans="8:8">
      <c r="H567451" s="12"/>
    </row>
    <row r="567452" spans="8:8">
      <c r="H567452" s="12"/>
    </row>
    <row r="567453" spans="8:8">
      <c r="H567453" s="12"/>
    </row>
    <row r="567454" spans="8:8">
      <c r="H567454" s="12"/>
    </row>
    <row r="567455" spans="8:8">
      <c r="H567455" s="12"/>
    </row>
    <row r="567456" spans="8:8">
      <c r="H567456" s="12"/>
    </row>
    <row r="567457" spans="8:8">
      <c r="H567457" s="12"/>
    </row>
    <row r="567458" spans="8:8">
      <c r="H567458" s="12"/>
    </row>
    <row r="567459" spans="8:8">
      <c r="H567459" s="12"/>
    </row>
    <row r="567460" spans="8:8">
      <c r="H567460" s="12"/>
    </row>
    <row r="567461" spans="8:8">
      <c r="H567461" s="12"/>
    </row>
    <row r="567462" spans="8:8">
      <c r="H567462" s="12"/>
    </row>
    <row r="567463" spans="8:8">
      <c r="H567463" s="12"/>
    </row>
    <row r="567464" spans="8:8">
      <c r="H567464" s="12"/>
    </row>
    <row r="567465" spans="8:8">
      <c r="H567465" s="12"/>
    </row>
    <row r="567466" spans="8:8">
      <c r="H567466" s="12"/>
    </row>
    <row r="567467" spans="8:8">
      <c r="H567467" s="12"/>
    </row>
    <row r="567468" spans="8:8">
      <c r="H567468" s="12"/>
    </row>
    <row r="567469" spans="8:8">
      <c r="H567469" s="12"/>
    </row>
    <row r="567470" spans="8:8">
      <c r="H567470" s="12"/>
    </row>
    <row r="567471" spans="8:8">
      <c r="H567471" s="12"/>
    </row>
    <row r="567472" spans="8:8">
      <c r="H567472" s="12"/>
    </row>
    <row r="567473" spans="8:8">
      <c r="H567473" s="12"/>
    </row>
    <row r="567474" spans="8:8">
      <c r="H567474" s="12"/>
    </row>
    <row r="567475" spans="8:8">
      <c r="H567475" s="12"/>
    </row>
    <row r="567476" spans="8:8">
      <c r="H567476" s="12"/>
    </row>
    <row r="567477" spans="8:8">
      <c r="H567477" s="12"/>
    </row>
    <row r="567478" spans="8:8">
      <c r="H567478" s="12"/>
    </row>
    <row r="567479" spans="8:8">
      <c r="H567479" s="12"/>
    </row>
    <row r="567480" spans="8:8">
      <c r="H567480" s="12"/>
    </row>
    <row r="567481" spans="8:8">
      <c r="H567481" s="12"/>
    </row>
    <row r="567482" spans="8:8">
      <c r="H567482" s="12"/>
    </row>
    <row r="567483" spans="8:8">
      <c r="H567483" s="12"/>
    </row>
    <row r="567484" spans="8:8">
      <c r="H567484" s="12"/>
    </row>
    <row r="567485" spans="8:8">
      <c r="H567485" s="12"/>
    </row>
    <row r="567486" spans="8:8">
      <c r="H567486" s="12"/>
    </row>
    <row r="567487" spans="8:8">
      <c r="H567487" s="12"/>
    </row>
    <row r="567488" spans="8:8">
      <c r="H567488" s="12"/>
    </row>
    <row r="567489" spans="8:8">
      <c r="H567489" s="12"/>
    </row>
    <row r="567490" spans="8:8">
      <c r="H567490" s="12"/>
    </row>
    <row r="567491" spans="8:8">
      <c r="H567491" s="12"/>
    </row>
    <row r="567492" spans="8:8">
      <c r="H567492" s="12"/>
    </row>
    <row r="567493" spans="8:8">
      <c r="H567493" s="12"/>
    </row>
    <row r="567494" spans="8:8">
      <c r="H567494" s="12"/>
    </row>
    <row r="567495" spans="8:8">
      <c r="H567495" s="12"/>
    </row>
    <row r="567496" spans="8:8">
      <c r="H567496" s="12"/>
    </row>
    <row r="567497" spans="8:8">
      <c r="H567497" s="12"/>
    </row>
    <row r="567498" spans="8:8">
      <c r="H567498" s="12"/>
    </row>
    <row r="567499" spans="8:8">
      <c r="H567499" s="12"/>
    </row>
    <row r="567500" spans="8:8">
      <c r="H567500" s="12"/>
    </row>
    <row r="567501" spans="8:8">
      <c r="H567501" s="12"/>
    </row>
    <row r="567502" spans="8:8">
      <c r="H567502" s="12"/>
    </row>
    <row r="567503" spans="8:8">
      <c r="H567503" s="12"/>
    </row>
    <row r="567504" spans="8:8">
      <c r="H567504" s="12"/>
    </row>
    <row r="567505" spans="8:8">
      <c r="H567505" s="12"/>
    </row>
    <row r="567506" spans="8:8">
      <c r="H567506" s="12"/>
    </row>
    <row r="567507" spans="8:8">
      <c r="H567507" s="12"/>
    </row>
    <row r="567508" spans="8:8">
      <c r="H567508" s="12"/>
    </row>
    <row r="567509" spans="8:8">
      <c r="H567509" s="12"/>
    </row>
    <row r="567510" spans="8:8">
      <c r="H567510" s="12"/>
    </row>
    <row r="567511" spans="8:8">
      <c r="H567511" s="12"/>
    </row>
    <row r="567512" spans="8:8">
      <c r="H567512" s="12"/>
    </row>
    <row r="567513" spans="8:8">
      <c r="H567513" s="12"/>
    </row>
    <row r="567514" spans="8:8">
      <c r="H567514" s="12"/>
    </row>
    <row r="567515" spans="8:8">
      <c r="H567515" s="12"/>
    </row>
    <row r="567516" spans="8:8">
      <c r="H567516" s="12"/>
    </row>
    <row r="567517" spans="8:8">
      <c r="H567517" s="12"/>
    </row>
    <row r="567518" spans="8:8">
      <c r="H567518" s="12"/>
    </row>
    <row r="567519" spans="8:8">
      <c r="H567519" s="12"/>
    </row>
    <row r="567520" spans="8:8">
      <c r="H567520" s="12"/>
    </row>
    <row r="567521" spans="8:8">
      <c r="H567521" s="12"/>
    </row>
    <row r="567522" spans="8:8">
      <c r="H567522" s="12"/>
    </row>
    <row r="567523" spans="8:8">
      <c r="H567523" s="12"/>
    </row>
    <row r="567524" spans="8:8">
      <c r="H567524" s="12"/>
    </row>
    <row r="567525" spans="8:8">
      <c r="H567525" s="12"/>
    </row>
    <row r="567526" spans="8:8">
      <c r="H567526" s="12"/>
    </row>
    <row r="567527" spans="8:8">
      <c r="H567527" s="12"/>
    </row>
    <row r="567528" spans="8:8">
      <c r="H567528" s="12"/>
    </row>
    <row r="567529" spans="8:8">
      <c r="H567529" s="12"/>
    </row>
    <row r="567530" spans="8:8">
      <c r="H567530" s="12"/>
    </row>
    <row r="567531" spans="8:8">
      <c r="H567531" s="12"/>
    </row>
    <row r="567532" spans="8:8">
      <c r="H567532" s="12"/>
    </row>
    <row r="567533" spans="8:8">
      <c r="H567533" s="12"/>
    </row>
    <row r="567534" spans="8:8">
      <c r="H567534" s="12"/>
    </row>
    <row r="567535" spans="8:8">
      <c r="H567535" s="12"/>
    </row>
    <row r="567536" spans="8:8">
      <c r="H567536" s="12"/>
    </row>
    <row r="567537" spans="8:8">
      <c r="H567537" s="12"/>
    </row>
    <row r="567538" spans="8:8">
      <c r="H567538" s="12"/>
    </row>
    <row r="567539" spans="8:8">
      <c r="H567539" s="12"/>
    </row>
    <row r="567540" spans="8:8">
      <c r="H567540" s="12"/>
    </row>
    <row r="567541" spans="8:8">
      <c r="H567541" s="12"/>
    </row>
    <row r="567542" spans="8:8">
      <c r="H567542" s="12"/>
    </row>
    <row r="567543" spans="8:8">
      <c r="H567543" s="12"/>
    </row>
    <row r="567544" spans="8:8">
      <c r="H567544" s="12"/>
    </row>
    <row r="567545" spans="8:8">
      <c r="H567545" s="12"/>
    </row>
    <row r="567546" spans="8:8">
      <c r="H567546" s="12"/>
    </row>
    <row r="567547" spans="8:8">
      <c r="H567547" s="12"/>
    </row>
    <row r="567548" spans="8:8">
      <c r="H567548" s="12"/>
    </row>
    <row r="567549" spans="8:8">
      <c r="H567549" s="12"/>
    </row>
    <row r="567550" spans="8:8">
      <c r="H567550" s="12"/>
    </row>
    <row r="567551" spans="8:8">
      <c r="H567551" s="12"/>
    </row>
    <row r="567552" spans="8:8">
      <c r="H567552" s="12"/>
    </row>
    <row r="567553" spans="8:8">
      <c r="H567553" s="12"/>
    </row>
    <row r="567554" spans="8:8">
      <c r="H567554" s="12"/>
    </row>
    <row r="567555" spans="8:8">
      <c r="H567555" s="12"/>
    </row>
    <row r="567556" spans="8:8">
      <c r="H567556" s="12"/>
    </row>
    <row r="567557" spans="8:8">
      <c r="H567557" s="12"/>
    </row>
    <row r="567558" spans="8:8">
      <c r="H567558" s="12"/>
    </row>
    <row r="567559" spans="8:8">
      <c r="H567559" s="12"/>
    </row>
    <row r="567560" spans="8:8">
      <c r="H567560" s="12"/>
    </row>
    <row r="567561" spans="8:8">
      <c r="H567561" s="12"/>
    </row>
    <row r="567562" spans="8:8">
      <c r="H567562" s="12"/>
    </row>
    <row r="567563" spans="8:8">
      <c r="H567563" s="12"/>
    </row>
    <row r="567564" spans="8:8">
      <c r="H567564" s="12"/>
    </row>
    <row r="567565" spans="8:8">
      <c r="H567565" s="12"/>
    </row>
    <row r="567566" spans="8:8">
      <c r="H567566" s="12"/>
    </row>
    <row r="567567" spans="8:8">
      <c r="H567567" s="12"/>
    </row>
    <row r="567568" spans="8:8">
      <c r="H567568" s="12"/>
    </row>
    <row r="567569" spans="8:8">
      <c r="H567569" s="12"/>
    </row>
    <row r="567570" spans="8:8">
      <c r="H567570" s="12"/>
    </row>
    <row r="567571" spans="8:8">
      <c r="H567571" s="12"/>
    </row>
    <row r="567572" spans="8:8">
      <c r="H567572" s="12"/>
    </row>
    <row r="567573" spans="8:8">
      <c r="H567573" s="12"/>
    </row>
    <row r="567574" spans="8:8">
      <c r="H567574" s="12"/>
    </row>
    <row r="567575" spans="8:8">
      <c r="H567575" s="12"/>
    </row>
    <row r="567576" spans="8:8">
      <c r="H567576" s="12"/>
    </row>
    <row r="567577" spans="8:8">
      <c r="H567577" s="12"/>
    </row>
    <row r="567578" spans="8:8">
      <c r="H567578" s="12"/>
    </row>
    <row r="567579" spans="8:8">
      <c r="H567579" s="12"/>
    </row>
    <row r="567580" spans="8:8">
      <c r="H567580" s="12"/>
    </row>
    <row r="567581" spans="8:8">
      <c r="H567581" s="12"/>
    </row>
    <row r="567582" spans="8:8">
      <c r="H567582" s="12"/>
    </row>
    <row r="567583" spans="8:8">
      <c r="H567583" s="12"/>
    </row>
    <row r="567584" spans="8:8">
      <c r="H567584" s="12"/>
    </row>
    <row r="567585" spans="8:8">
      <c r="H567585" s="12"/>
    </row>
    <row r="567586" spans="8:8">
      <c r="H567586" s="12"/>
    </row>
    <row r="567587" spans="8:8">
      <c r="H567587" s="12"/>
    </row>
    <row r="567588" spans="8:8">
      <c r="H567588" s="12"/>
    </row>
    <row r="567589" spans="8:8">
      <c r="H567589" s="12"/>
    </row>
    <row r="567590" spans="8:8">
      <c r="H567590" s="12"/>
    </row>
    <row r="567591" spans="8:8">
      <c r="H567591" s="12"/>
    </row>
    <row r="567592" spans="8:8">
      <c r="H567592" s="12"/>
    </row>
    <row r="567593" spans="8:8">
      <c r="H567593" s="12"/>
    </row>
    <row r="567594" spans="8:8">
      <c r="H567594" s="12"/>
    </row>
    <row r="567595" spans="8:8">
      <c r="H567595" s="12"/>
    </row>
    <row r="567596" spans="8:8">
      <c r="H567596" s="12"/>
    </row>
    <row r="567597" spans="8:8">
      <c r="H567597" s="12"/>
    </row>
    <row r="567598" spans="8:8">
      <c r="H567598" s="12"/>
    </row>
    <row r="567599" spans="8:8">
      <c r="H567599" s="12"/>
    </row>
    <row r="567600" spans="8:8">
      <c r="H567600" s="12"/>
    </row>
    <row r="567601" spans="8:8">
      <c r="H567601" s="12"/>
    </row>
    <row r="567602" spans="8:8">
      <c r="H567602" s="12"/>
    </row>
    <row r="567603" spans="8:8">
      <c r="H567603" s="12"/>
    </row>
    <row r="567604" spans="8:8">
      <c r="H567604" s="12"/>
    </row>
    <row r="567605" spans="8:8">
      <c r="H567605" s="12"/>
    </row>
    <row r="567606" spans="8:8">
      <c r="H567606" s="12"/>
    </row>
    <row r="567607" spans="8:8">
      <c r="H567607" s="12"/>
    </row>
    <row r="567608" spans="8:8">
      <c r="H567608" s="12"/>
    </row>
    <row r="567609" spans="8:8">
      <c r="H567609" s="12"/>
    </row>
    <row r="567610" spans="8:8">
      <c r="H567610" s="12"/>
    </row>
    <row r="567611" spans="8:8">
      <c r="H567611" s="12"/>
    </row>
    <row r="567612" spans="8:8">
      <c r="H567612" s="12"/>
    </row>
    <row r="567613" spans="8:8">
      <c r="H567613" s="12"/>
    </row>
    <row r="567614" spans="8:8">
      <c r="H567614" s="12"/>
    </row>
    <row r="567615" spans="8:8">
      <c r="H567615" s="12"/>
    </row>
    <row r="567616" spans="8:8">
      <c r="H567616" s="12"/>
    </row>
    <row r="567617" spans="8:8">
      <c r="H567617" s="12"/>
    </row>
    <row r="567618" spans="8:8">
      <c r="H567618" s="12"/>
    </row>
    <row r="567619" spans="8:8">
      <c r="H567619" s="12"/>
    </row>
    <row r="567620" spans="8:8">
      <c r="H567620" s="12"/>
    </row>
    <row r="567621" spans="8:8">
      <c r="H567621" s="12"/>
    </row>
    <row r="567622" spans="8:8">
      <c r="H567622" s="12"/>
    </row>
    <row r="567623" spans="8:8">
      <c r="H567623" s="12"/>
    </row>
    <row r="567624" spans="8:8">
      <c r="H567624" s="12"/>
    </row>
    <row r="567625" spans="8:8">
      <c r="H567625" s="12"/>
    </row>
    <row r="567626" spans="8:8">
      <c r="H567626" s="12"/>
    </row>
    <row r="567627" spans="8:8">
      <c r="H567627" s="12"/>
    </row>
    <row r="567628" spans="8:8">
      <c r="H567628" s="12"/>
    </row>
    <row r="567629" spans="8:8">
      <c r="H567629" s="12"/>
    </row>
    <row r="567630" spans="8:8">
      <c r="H567630" s="12"/>
    </row>
    <row r="567631" spans="8:8">
      <c r="H567631" s="12"/>
    </row>
    <row r="567632" spans="8:8">
      <c r="H567632" s="12"/>
    </row>
    <row r="567633" spans="8:8">
      <c r="H567633" s="12"/>
    </row>
    <row r="567634" spans="8:8">
      <c r="H567634" s="12"/>
    </row>
    <row r="567635" spans="8:8">
      <c r="H567635" s="12"/>
    </row>
    <row r="567636" spans="8:8">
      <c r="H567636" s="12"/>
    </row>
    <row r="567637" spans="8:8">
      <c r="H567637" s="12"/>
    </row>
    <row r="567638" spans="8:8">
      <c r="H567638" s="12"/>
    </row>
    <row r="567639" spans="8:8">
      <c r="H567639" s="12"/>
    </row>
    <row r="567640" spans="8:8">
      <c r="H567640" s="12"/>
    </row>
    <row r="567641" spans="8:8">
      <c r="H567641" s="12"/>
    </row>
    <row r="567642" spans="8:8">
      <c r="H567642" s="12"/>
    </row>
    <row r="567643" spans="8:8">
      <c r="H567643" s="12"/>
    </row>
    <row r="567644" spans="8:8">
      <c r="H567644" s="12"/>
    </row>
    <row r="567645" spans="8:8">
      <c r="H567645" s="12"/>
    </row>
    <row r="567646" spans="8:8">
      <c r="H567646" s="12"/>
    </row>
    <row r="567647" spans="8:8">
      <c r="H567647" s="12"/>
    </row>
    <row r="567648" spans="8:8">
      <c r="H567648" s="12"/>
    </row>
    <row r="567649" spans="8:8">
      <c r="H567649" s="12"/>
    </row>
    <row r="567650" spans="8:8">
      <c r="H567650" s="12"/>
    </row>
    <row r="567651" spans="8:8">
      <c r="H567651" s="12"/>
    </row>
    <row r="567652" spans="8:8">
      <c r="H567652" s="12"/>
    </row>
    <row r="567653" spans="8:8">
      <c r="H567653" s="12"/>
    </row>
    <row r="567654" spans="8:8">
      <c r="H567654" s="12"/>
    </row>
    <row r="567655" spans="8:8">
      <c r="H567655" s="12"/>
    </row>
    <row r="567656" spans="8:8">
      <c r="H567656" s="12"/>
    </row>
    <row r="567657" spans="8:8">
      <c r="H567657" s="12"/>
    </row>
    <row r="567658" spans="8:8">
      <c r="H567658" s="12"/>
    </row>
    <row r="567659" spans="8:8">
      <c r="H567659" s="12"/>
    </row>
    <row r="567660" spans="8:8">
      <c r="H567660" s="12"/>
    </row>
    <row r="567661" spans="8:8">
      <c r="H567661" s="12"/>
    </row>
    <row r="567662" spans="8:8">
      <c r="H567662" s="12"/>
    </row>
    <row r="567663" spans="8:8">
      <c r="H567663" s="12"/>
    </row>
    <row r="567664" spans="8:8">
      <c r="H567664" s="12"/>
    </row>
    <row r="567665" spans="8:8">
      <c r="H567665" s="12"/>
    </row>
    <row r="567666" spans="8:8">
      <c r="H567666" s="12"/>
    </row>
    <row r="567667" spans="8:8">
      <c r="H567667" s="12"/>
    </row>
    <row r="567668" spans="8:8">
      <c r="H567668" s="12"/>
    </row>
    <row r="567669" spans="8:8">
      <c r="H567669" s="12"/>
    </row>
    <row r="567670" spans="8:8">
      <c r="H567670" s="12"/>
    </row>
    <row r="567671" spans="8:8">
      <c r="H567671" s="12"/>
    </row>
    <row r="567672" spans="8:8">
      <c r="H567672" s="12"/>
    </row>
    <row r="567673" spans="8:8">
      <c r="H567673" s="12"/>
    </row>
    <row r="567674" spans="8:8">
      <c r="H567674" s="12"/>
    </row>
    <row r="567675" spans="8:8">
      <c r="H567675" s="12"/>
    </row>
    <row r="567676" spans="8:8">
      <c r="H567676" s="12"/>
    </row>
    <row r="567677" spans="8:8">
      <c r="H567677" s="12"/>
    </row>
    <row r="567678" spans="8:8">
      <c r="H567678" s="12"/>
    </row>
    <row r="567679" spans="8:8">
      <c r="H567679" s="12"/>
    </row>
    <row r="567680" spans="8:8">
      <c r="H567680" s="12"/>
    </row>
    <row r="567681" spans="8:8">
      <c r="H567681" s="12"/>
    </row>
    <row r="567682" spans="8:8">
      <c r="H567682" s="12"/>
    </row>
    <row r="567683" spans="8:8">
      <c r="H567683" s="12"/>
    </row>
    <row r="567684" spans="8:8">
      <c r="H567684" s="12"/>
    </row>
    <row r="567685" spans="8:8">
      <c r="H567685" s="12"/>
    </row>
    <row r="567686" spans="8:8">
      <c r="H567686" s="12"/>
    </row>
    <row r="567687" spans="8:8">
      <c r="H567687" s="12"/>
    </row>
    <row r="567688" spans="8:8">
      <c r="H567688" s="12"/>
    </row>
    <row r="567689" spans="8:8">
      <c r="H567689" s="12"/>
    </row>
    <row r="567690" spans="8:8">
      <c r="H567690" s="12"/>
    </row>
    <row r="567691" spans="8:8">
      <c r="H567691" s="12"/>
    </row>
    <row r="567692" spans="8:8">
      <c r="H567692" s="12"/>
    </row>
    <row r="567693" spans="8:8">
      <c r="H567693" s="12"/>
    </row>
    <row r="567694" spans="8:8">
      <c r="H567694" s="12"/>
    </row>
    <row r="567695" spans="8:8">
      <c r="H567695" s="12"/>
    </row>
    <row r="567696" spans="8:8">
      <c r="H567696" s="12"/>
    </row>
    <row r="567697" spans="8:8">
      <c r="H567697" s="12"/>
    </row>
    <row r="567698" spans="8:8">
      <c r="H567698" s="12"/>
    </row>
    <row r="567699" spans="8:8">
      <c r="H567699" s="12"/>
    </row>
    <row r="567700" spans="8:8">
      <c r="H567700" s="12"/>
    </row>
    <row r="567701" spans="8:8">
      <c r="H567701" s="12"/>
    </row>
    <row r="567702" spans="8:8">
      <c r="H567702" s="12"/>
    </row>
    <row r="567703" spans="8:8">
      <c r="H567703" s="12"/>
    </row>
    <row r="567704" spans="8:8">
      <c r="H567704" s="12"/>
    </row>
    <row r="567705" spans="8:8">
      <c r="H567705" s="12"/>
    </row>
    <row r="567706" spans="8:8">
      <c r="H567706" s="12"/>
    </row>
    <row r="567707" spans="8:8">
      <c r="H567707" s="12"/>
    </row>
    <row r="567708" spans="8:8">
      <c r="H567708" s="12"/>
    </row>
    <row r="567709" spans="8:8">
      <c r="H567709" s="12"/>
    </row>
    <row r="567710" spans="8:8">
      <c r="H567710" s="12"/>
    </row>
    <row r="567711" spans="8:8">
      <c r="H567711" s="12"/>
    </row>
    <row r="567712" spans="8:8">
      <c r="H567712" s="12"/>
    </row>
    <row r="567713" spans="8:8">
      <c r="H567713" s="12"/>
    </row>
    <row r="567714" spans="8:8">
      <c r="H567714" s="12"/>
    </row>
    <row r="567715" spans="8:8">
      <c r="H567715" s="12"/>
    </row>
    <row r="567716" spans="8:8">
      <c r="H567716" s="12"/>
    </row>
    <row r="567717" spans="8:8">
      <c r="H567717" s="12"/>
    </row>
    <row r="567718" spans="8:8">
      <c r="H567718" s="12"/>
    </row>
    <row r="567719" spans="8:8">
      <c r="H567719" s="12"/>
    </row>
    <row r="567720" spans="8:8">
      <c r="H567720" s="12"/>
    </row>
    <row r="567721" spans="8:8">
      <c r="H567721" s="12"/>
    </row>
    <row r="567722" spans="8:8">
      <c r="H567722" s="12"/>
    </row>
    <row r="567723" spans="8:8">
      <c r="H567723" s="12"/>
    </row>
    <row r="567724" spans="8:8">
      <c r="H567724" s="12"/>
    </row>
    <row r="567725" spans="8:8">
      <c r="H567725" s="12"/>
    </row>
    <row r="567726" spans="8:8">
      <c r="H567726" s="12"/>
    </row>
    <row r="567727" spans="8:8">
      <c r="H567727" s="12"/>
    </row>
    <row r="567728" spans="8:8">
      <c r="H567728" s="12"/>
    </row>
    <row r="567729" spans="8:8">
      <c r="H567729" s="12"/>
    </row>
    <row r="567730" spans="8:8">
      <c r="H567730" s="12"/>
    </row>
    <row r="567731" spans="8:8">
      <c r="H567731" s="12"/>
    </row>
    <row r="567732" spans="8:8">
      <c r="H567732" s="12"/>
    </row>
    <row r="567733" spans="8:8">
      <c r="H567733" s="12"/>
    </row>
    <row r="567734" spans="8:8">
      <c r="H567734" s="12"/>
    </row>
    <row r="567735" spans="8:8">
      <c r="H567735" s="12"/>
    </row>
    <row r="567736" spans="8:8">
      <c r="H567736" s="12"/>
    </row>
    <row r="567737" spans="8:8">
      <c r="H567737" s="12"/>
    </row>
    <row r="567738" spans="8:8">
      <c r="H567738" s="12"/>
    </row>
    <row r="567739" spans="8:8">
      <c r="H567739" s="12"/>
    </row>
    <row r="567740" spans="8:8">
      <c r="H567740" s="12"/>
    </row>
    <row r="567741" spans="8:8">
      <c r="H567741" s="12"/>
    </row>
    <row r="567742" spans="8:8">
      <c r="H567742" s="12"/>
    </row>
    <row r="567743" spans="8:8">
      <c r="H567743" s="12"/>
    </row>
    <row r="567744" spans="8:8">
      <c r="H567744" s="12"/>
    </row>
    <row r="567745" spans="8:8">
      <c r="H567745" s="12"/>
    </row>
    <row r="567746" spans="8:8">
      <c r="H567746" s="12"/>
    </row>
    <row r="567747" spans="8:8">
      <c r="H567747" s="12"/>
    </row>
    <row r="567748" spans="8:8">
      <c r="H567748" s="12"/>
    </row>
    <row r="567749" spans="8:8">
      <c r="H567749" s="12"/>
    </row>
    <row r="567750" spans="8:8">
      <c r="H567750" s="12"/>
    </row>
    <row r="567751" spans="8:8">
      <c r="H567751" s="12"/>
    </row>
    <row r="567752" spans="8:8">
      <c r="H567752" s="12"/>
    </row>
    <row r="567753" spans="8:8">
      <c r="H567753" s="12"/>
    </row>
    <row r="567754" spans="8:8">
      <c r="H567754" s="12"/>
    </row>
    <row r="567755" spans="8:8">
      <c r="H567755" s="12"/>
    </row>
    <row r="567756" spans="8:8">
      <c r="H567756" s="12"/>
    </row>
    <row r="567757" spans="8:8">
      <c r="H567757" s="12"/>
    </row>
    <row r="567758" spans="8:8">
      <c r="H567758" s="12"/>
    </row>
    <row r="567759" spans="8:8">
      <c r="H567759" s="12"/>
    </row>
    <row r="567760" spans="8:8">
      <c r="H567760" s="12"/>
    </row>
    <row r="567761" spans="8:8">
      <c r="H567761" s="12"/>
    </row>
    <row r="567762" spans="8:8">
      <c r="H567762" s="12"/>
    </row>
    <row r="567763" spans="8:8">
      <c r="H567763" s="12"/>
    </row>
    <row r="567764" spans="8:8">
      <c r="H567764" s="12"/>
    </row>
    <row r="567765" spans="8:8">
      <c r="H567765" s="12"/>
    </row>
    <row r="567766" spans="8:8">
      <c r="H567766" s="12"/>
    </row>
    <row r="567767" spans="8:8">
      <c r="H567767" s="12"/>
    </row>
    <row r="567768" spans="8:8">
      <c r="H567768" s="12"/>
    </row>
    <row r="567769" spans="8:8">
      <c r="H567769" s="12"/>
    </row>
    <row r="567770" spans="8:8">
      <c r="H567770" s="12"/>
    </row>
    <row r="567771" spans="8:8">
      <c r="H567771" s="12"/>
    </row>
    <row r="567772" spans="8:8">
      <c r="H567772" s="12"/>
    </row>
    <row r="567773" spans="8:8">
      <c r="H567773" s="12"/>
    </row>
    <row r="567774" spans="8:8">
      <c r="H567774" s="12"/>
    </row>
    <row r="567775" spans="8:8">
      <c r="H567775" s="12"/>
    </row>
    <row r="567776" spans="8:8">
      <c r="H567776" s="12"/>
    </row>
    <row r="567777" spans="8:8">
      <c r="H567777" s="12"/>
    </row>
    <row r="567778" spans="8:8">
      <c r="H567778" s="12"/>
    </row>
    <row r="567779" spans="8:8">
      <c r="H567779" s="12"/>
    </row>
    <row r="567780" spans="8:8">
      <c r="H567780" s="12"/>
    </row>
    <row r="567781" spans="8:8">
      <c r="H567781" s="12"/>
    </row>
    <row r="567782" spans="8:8">
      <c r="H567782" s="12"/>
    </row>
    <row r="567783" spans="8:8">
      <c r="H567783" s="12"/>
    </row>
    <row r="567784" spans="8:8">
      <c r="H567784" s="12"/>
    </row>
    <row r="567785" spans="8:8">
      <c r="H567785" s="12"/>
    </row>
    <row r="567786" spans="8:8">
      <c r="H567786" s="12"/>
    </row>
    <row r="567787" spans="8:8">
      <c r="H567787" s="12"/>
    </row>
    <row r="567788" spans="8:8">
      <c r="H567788" s="12"/>
    </row>
    <row r="567789" spans="8:8">
      <c r="H567789" s="12"/>
    </row>
    <row r="567790" spans="8:8">
      <c r="H567790" s="12"/>
    </row>
    <row r="567791" spans="8:8">
      <c r="H567791" s="12"/>
    </row>
    <row r="567792" spans="8:8">
      <c r="H567792" s="12"/>
    </row>
    <row r="567793" spans="8:8">
      <c r="H567793" s="12"/>
    </row>
    <row r="567794" spans="8:8">
      <c r="H567794" s="12"/>
    </row>
    <row r="567795" spans="8:8">
      <c r="H567795" s="12"/>
    </row>
    <row r="567796" spans="8:8">
      <c r="H567796" s="12"/>
    </row>
    <row r="567797" spans="8:8">
      <c r="H567797" s="12"/>
    </row>
    <row r="567798" spans="8:8">
      <c r="H567798" s="12"/>
    </row>
    <row r="567799" spans="8:8">
      <c r="H567799" s="12"/>
    </row>
    <row r="567800" spans="8:8">
      <c r="H567800" s="12"/>
    </row>
    <row r="567801" spans="8:8">
      <c r="H567801" s="12"/>
    </row>
    <row r="567802" spans="8:8">
      <c r="H567802" s="12"/>
    </row>
    <row r="567803" spans="8:8">
      <c r="H567803" s="12"/>
    </row>
    <row r="567804" spans="8:8">
      <c r="H567804" s="12"/>
    </row>
    <row r="567805" spans="8:8">
      <c r="H567805" s="12"/>
    </row>
    <row r="567806" spans="8:8">
      <c r="H567806" s="12"/>
    </row>
    <row r="567807" spans="8:8">
      <c r="H567807" s="12"/>
    </row>
    <row r="567808" spans="8:8">
      <c r="H567808" s="12"/>
    </row>
    <row r="567809" spans="8:8">
      <c r="H567809" s="12"/>
    </row>
    <row r="567810" spans="8:8">
      <c r="H567810" s="12"/>
    </row>
    <row r="567811" spans="8:8">
      <c r="H567811" s="12"/>
    </row>
    <row r="567812" spans="8:8">
      <c r="H567812" s="12"/>
    </row>
    <row r="567813" spans="8:8">
      <c r="H567813" s="12"/>
    </row>
    <row r="567814" spans="8:8">
      <c r="H567814" s="12"/>
    </row>
    <row r="567815" spans="8:8">
      <c r="H567815" s="12"/>
    </row>
    <row r="567816" spans="8:8">
      <c r="H567816" s="12"/>
    </row>
    <row r="567817" spans="8:8">
      <c r="H567817" s="12"/>
    </row>
    <row r="567818" spans="8:8">
      <c r="H567818" s="12"/>
    </row>
    <row r="567819" spans="8:8">
      <c r="H567819" s="12"/>
    </row>
    <row r="567820" spans="8:8">
      <c r="H567820" s="12"/>
    </row>
    <row r="567821" spans="8:8">
      <c r="H567821" s="12"/>
    </row>
    <row r="567822" spans="8:8">
      <c r="H567822" s="12"/>
    </row>
    <row r="567823" spans="8:8">
      <c r="H567823" s="12"/>
    </row>
    <row r="567824" spans="8:8">
      <c r="H567824" s="12"/>
    </row>
    <row r="567825" spans="8:8">
      <c r="H567825" s="12"/>
    </row>
    <row r="567826" spans="8:8">
      <c r="H567826" s="12"/>
    </row>
    <row r="567827" spans="8:8">
      <c r="H567827" s="12"/>
    </row>
    <row r="567828" spans="8:8">
      <c r="H567828" s="12"/>
    </row>
    <row r="567829" spans="8:8">
      <c r="H567829" s="12"/>
    </row>
    <row r="567830" spans="8:8">
      <c r="H567830" s="12"/>
    </row>
    <row r="567831" spans="8:8">
      <c r="H567831" s="12"/>
    </row>
    <row r="567832" spans="8:8">
      <c r="H567832" s="12"/>
    </row>
    <row r="567833" spans="8:8">
      <c r="H567833" s="12"/>
    </row>
    <row r="567834" spans="8:8">
      <c r="H567834" s="12"/>
    </row>
    <row r="567835" spans="8:8">
      <c r="H567835" s="12"/>
    </row>
    <row r="567836" spans="8:8">
      <c r="H567836" s="12"/>
    </row>
    <row r="567837" spans="8:8">
      <c r="H567837" s="12"/>
    </row>
    <row r="567838" spans="8:8">
      <c r="H567838" s="12"/>
    </row>
    <row r="567839" spans="8:8">
      <c r="H567839" s="12"/>
    </row>
    <row r="567840" spans="8:8">
      <c r="H567840" s="12"/>
    </row>
    <row r="567841" spans="8:8">
      <c r="H567841" s="12"/>
    </row>
    <row r="567842" spans="8:8">
      <c r="H567842" s="12"/>
    </row>
    <row r="567843" spans="8:8">
      <c r="H567843" s="12"/>
    </row>
    <row r="567844" spans="8:8">
      <c r="H567844" s="12"/>
    </row>
    <row r="567845" spans="8:8">
      <c r="H567845" s="12"/>
    </row>
    <row r="567846" spans="8:8">
      <c r="H567846" s="12"/>
    </row>
    <row r="567847" spans="8:8">
      <c r="H567847" s="12"/>
    </row>
    <row r="567848" spans="8:8">
      <c r="H567848" s="12"/>
    </row>
    <row r="567849" spans="8:8">
      <c r="H567849" s="12"/>
    </row>
    <row r="567850" spans="8:8">
      <c r="H567850" s="12"/>
    </row>
    <row r="567851" spans="8:8">
      <c r="H567851" s="12"/>
    </row>
    <row r="567852" spans="8:8">
      <c r="H567852" s="12"/>
    </row>
    <row r="567853" spans="8:8">
      <c r="H567853" s="12"/>
    </row>
    <row r="567854" spans="8:8">
      <c r="H567854" s="12"/>
    </row>
    <row r="567855" spans="8:8">
      <c r="H567855" s="12"/>
    </row>
    <row r="567856" spans="8:8">
      <c r="H567856" s="12"/>
    </row>
    <row r="567857" spans="8:8">
      <c r="H567857" s="12"/>
    </row>
    <row r="567858" spans="8:8">
      <c r="H567858" s="12"/>
    </row>
    <row r="567859" spans="8:8">
      <c r="H567859" s="12"/>
    </row>
    <row r="567860" spans="8:8">
      <c r="H567860" s="12"/>
    </row>
    <row r="567861" spans="8:8">
      <c r="H567861" s="12"/>
    </row>
    <row r="567862" spans="8:8">
      <c r="H567862" s="12"/>
    </row>
    <row r="567863" spans="8:8">
      <c r="H567863" s="12"/>
    </row>
    <row r="567864" spans="8:8">
      <c r="H567864" s="12"/>
    </row>
    <row r="567865" spans="8:8">
      <c r="H567865" s="12"/>
    </row>
    <row r="567866" spans="8:8">
      <c r="H567866" s="12"/>
    </row>
    <row r="567867" spans="8:8">
      <c r="H567867" s="12"/>
    </row>
    <row r="567868" spans="8:8">
      <c r="H567868" s="12"/>
    </row>
    <row r="567869" spans="8:8">
      <c r="H567869" s="12"/>
    </row>
    <row r="567870" spans="8:8">
      <c r="H567870" s="12"/>
    </row>
    <row r="567871" spans="8:8">
      <c r="H567871" s="12"/>
    </row>
    <row r="567872" spans="8:8">
      <c r="H567872" s="12"/>
    </row>
    <row r="567873" spans="8:8">
      <c r="H567873" s="12"/>
    </row>
    <row r="567874" spans="8:8">
      <c r="H567874" s="12"/>
    </row>
    <row r="567875" spans="8:8">
      <c r="H567875" s="12"/>
    </row>
    <row r="567876" spans="8:8">
      <c r="H567876" s="12"/>
    </row>
    <row r="567877" spans="8:8">
      <c r="H567877" s="12"/>
    </row>
    <row r="567878" spans="8:8">
      <c r="H567878" s="12"/>
    </row>
    <row r="567879" spans="8:8">
      <c r="H567879" s="12"/>
    </row>
    <row r="567880" spans="8:8">
      <c r="H567880" s="12"/>
    </row>
    <row r="567881" spans="8:8">
      <c r="H567881" s="12"/>
    </row>
    <row r="567882" spans="8:8">
      <c r="H567882" s="12"/>
    </row>
    <row r="567883" spans="8:8">
      <c r="H567883" s="12"/>
    </row>
    <row r="567884" spans="8:8">
      <c r="H567884" s="12"/>
    </row>
    <row r="567885" spans="8:8">
      <c r="H567885" s="12"/>
    </row>
    <row r="567886" spans="8:8">
      <c r="H567886" s="12"/>
    </row>
    <row r="567887" spans="8:8">
      <c r="H567887" s="12"/>
    </row>
    <row r="567888" spans="8:8">
      <c r="H567888" s="12"/>
    </row>
    <row r="567889" spans="8:8">
      <c r="H567889" s="12"/>
    </row>
    <row r="567890" spans="8:8">
      <c r="H567890" s="12"/>
    </row>
    <row r="567891" spans="8:8">
      <c r="H567891" s="12"/>
    </row>
    <row r="567892" spans="8:8">
      <c r="H567892" s="12"/>
    </row>
    <row r="567893" spans="8:8">
      <c r="H567893" s="12"/>
    </row>
    <row r="567894" spans="8:8">
      <c r="H567894" s="12"/>
    </row>
    <row r="567895" spans="8:8">
      <c r="H567895" s="12"/>
    </row>
    <row r="567896" spans="8:8">
      <c r="H567896" s="12"/>
    </row>
    <row r="567897" spans="8:8">
      <c r="H567897" s="12"/>
    </row>
    <row r="567898" spans="8:8">
      <c r="H567898" s="12"/>
    </row>
    <row r="567899" spans="8:8">
      <c r="H567899" s="12"/>
    </row>
    <row r="567900" spans="8:8">
      <c r="H567900" s="12"/>
    </row>
    <row r="567901" spans="8:8">
      <c r="H567901" s="12"/>
    </row>
    <row r="567902" spans="8:8">
      <c r="H567902" s="12"/>
    </row>
    <row r="567903" spans="8:8">
      <c r="H567903" s="12"/>
    </row>
    <row r="567904" spans="8:8">
      <c r="H567904" s="12"/>
    </row>
    <row r="567905" spans="8:8">
      <c r="H567905" s="12"/>
    </row>
    <row r="567906" spans="8:8">
      <c r="H567906" s="12"/>
    </row>
    <row r="567907" spans="8:8">
      <c r="H567907" s="12"/>
    </row>
    <row r="567908" spans="8:8">
      <c r="H567908" s="12"/>
    </row>
    <row r="567909" spans="8:8">
      <c r="H567909" s="12"/>
    </row>
    <row r="567910" spans="8:8">
      <c r="H567910" s="12"/>
    </row>
    <row r="567911" spans="8:8">
      <c r="H567911" s="12"/>
    </row>
    <row r="567912" spans="8:8">
      <c r="H567912" s="12"/>
    </row>
    <row r="567913" spans="8:8">
      <c r="H567913" s="12"/>
    </row>
    <row r="567914" spans="8:8">
      <c r="H567914" s="12"/>
    </row>
    <row r="567915" spans="8:8">
      <c r="H567915" s="12"/>
    </row>
    <row r="567916" spans="8:8">
      <c r="H567916" s="12"/>
    </row>
    <row r="567917" spans="8:8">
      <c r="H567917" s="12"/>
    </row>
    <row r="567918" spans="8:8">
      <c r="H567918" s="12"/>
    </row>
    <row r="567919" spans="8:8">
      <c r="H567919" s="12"/>
    </row>
    <row r="567920" spans="8:8">
      <c r="H567920" s="12"/>
    </row>
    <row r="567921" spans="8:8">
      <c r="H567921" s="12"/>
    </row>
    <row r="567922" spans="8:8">
      <c r="H567922" s="12"/>
    </row>
    <row r="567923" spans="8:8">
      <c r="H567923" s="12"/>
    </row>
    <row r="567924" spans="8:8">
      <c r="H567924" s="12"/>
    </row>
    <row r="567925" spans="8:8">
      <c r="H567925" s="12"/>
    </row>
    <row r="567926" spans="8:8">
      <c r="H567926" s="12"/>
    </row>
    <row r="567927" spans="8:8">
      <c r="H567927" s="12"/>
    </row>
    <row r="567928" spans="8:8">
      <c r="H567928" s="12"/>
    </row>
    <row r="567929" spans="8:8">
      <c r="H567929" s="12"/>
    </row>
    <row r="567930" spans="8:8">
      <c r="H567930" s="12"/>
    </row>
    <row r="567931" spans="8:8">
      <c r="H567931" s="12"/>
    </row>
    <row r="567932" spans="8:8">
      <c r="H567932" s="12"/>
    </row>
    <row r="567933" spans="8:8">
      <c r="H567933" s="12"/>
    </row>
    <row r="567934" spans="8:8">
      <c r="H567934" s="12"/>
    </row>
    <row r="567935" spans="8:8">
      <c r="H567935" s="12"/>
    </row>
    <row r="567936" spans="8:8">
      <c r="H567936" s="12"/>
    </row>
    <row r="567937" spans="8:8">
      <c r="H567937" s="12"/>
    </row>
    <row r="567938" spans="8:8">
      <c r="H567938" s="12"/>
    </row>
    <row r="567939" spans="8:8">
      <c r="H567939" s="12"/>
    </row>
    <row r="567940" spans="8:8">
      <c r="H567940" s="12"/>
    </row>
    <row r="567941" spans="8:8">
      <c r="H567941" s="12"/>
    </row>
    <row r="567942" spans="8:8">
      <c r="H567942" s="12"/>
    </row>
    <row r="567943" spans="8:8">
      <c r="H567943" s="12"/>
    </row>
    <row r="567944" spans="8:8">
      <c r="H567944" s="12"/>
    </row>
    <row r="567945" spans="8:8">
      <c r="H567945" s="12"/>
    </row>
    <row r="567946" spans="8:8">
      <c r="H567946" s="12"/>
    </row>
    <row r="567947" spans="8:8">
      <c r="H567947" s="12"/>
    </row>
    <row r="567948" spans="8:8">
      <c r="H567948" s="12"/>
    </row>
    <row r="567949" spans="8:8">
      <c r="H567949" s="12"/>
    </row>
    <row r="567950" spans="8:8">
      <c r="H567950" s="12"/>
    </row>
    <row r="567951" spans="8:8">
      <c r="H567951" s="12"/>
    </row>
    <row r="567952" spans="8:8">
      <c r="H567952" s="12"/>
    </row>
    <row r="567953" spans="8:8">
      <c r="H567953" s="12"/>
    </row>
    <row r="567954" spans="8:8">
      <c r="H567954" s="12"/>
    </row>
    <row r="567955" spans="8:8">
      <c r="H567955" s="12"/>
    </row>
    <row r="567956" spans="8:8">
      <c r="H567956" s="12"/>
    </row>
    <row r="567957" spans="8:8">
      <c r="H567957" s="12"/>
    </row>
    <row r="567958" spans="8:8">
      <c r="H567958" s="12"/>
    </row>
    <row r="567959" spans="8:8">
      <c r="H567959" s="12"/>
    </row>
    <row r="567960" spans="8:8">
      <c r="H567960" s="12"/>
    </row>
    <row r="567961" spans="8:8">
      <c r="H567961" s="12"/>
    </row>
    <row r="567962" spans="8:8">
      <c r="H567962" s="12"/>
    </row>
    <row r="567963" spans="8:8">
      <c r="H567963" s="12"/>
    </row>
    <row r="567964" spans="8:8">
      <c r="H567964" s="12"/>
    </row>
    <row r="567965" spans="8:8">
      <c r="H567965" s="12"/>
    </row>
    <row r="567966" spans="8:8">
      <c r="H567966" s="12"/>
    </row>
    <row r="567967" spans="8:8">
      <c r="H567967" s="12"/>
    </row>
    <row r="567968" spans="8:8">
      <c r="H567968" s="12"/>
    </row>
    <row r="567969" spans="8:8">
      <c r="H567969" s="12"/>
    </row>
    <row r="567970" spans="8:8">
      <c r="H567970" s="12"/>
    </row>
    <row r="567971" spans="8:8">
      <c r="H567971" s="12"/>
    </row>
    <row r="567972" spans="8:8">
      <c r="H567972" s="12"/>
    </row>
    <row r="567973" spans="8:8">
      <c r="H567973" s="12"/>
    </row>
    <row r="567974" spans="8:8">
      <c r="H567974" s="12"/>
    </row>
    <row r="567975" spans="8:8">
      <c r="H567975" s="12"/>
    </row>
    <row r="567976" spans="8:8">
      <c r="H567976" s="12"/>
    </row>
    <row r="567977" spans="8:8">
      <c r="H567977" s="12"/>
    </row>
    <row r="567978" spans="8:8">
      <c r="H567978" s="12"/>
    </row>
    <row r="567979" spans="8:8">
      <c r="H567979" s="12"/>
    </row>
    <row r="567980" spans="8:8">
      <c r="H567980" s="12"/>
    </row>
    <row r="567981" spans="8:8">
      <c r="H567981" s="12"/>
    </row>
    <row r="567982" spans="8:8">
      <c r="H567982" s="12"/>
    </row>
    <row r="567983" spans="8:8">
      <c r="H567983" s="12"/>
    </row>
    <row r="567984" spans="8:8">
      <c r="H567984" s="12"/>
    </row>
    <row r="567985" spans="8:8">
      <c r="H567985" s="12"/>
    </row>
    <row r="567986" spans="8:8">
      <c r="H567986" s="12"/>
    </row>
    <row r="567987" spans="8:8">
      <c r="H567987" s="12"/>
    </row>
    <row r="567988" spans="8:8">
      <c r="H567988" s="12"/>
    </row>
    <row r="567989" spans="8:8">
      <c r="H567989" s="12"/>
    </row>
    <row r="567990" spans="8:8">
      <c r="H567990" s="12"/>
    </row>
    <row r="567991" spans="8:8">
      <c r="H567991" s="12"/>
    </row>
    <row r="567992" spans="8:8">
      <c r="H567992" s="12"/>
    </row>
    <row r="567993" spans="8:8">
      <c r="H567993" s="12"/>
    </row>
    <row r="567994" spans="8:8">
      <c r="H567994" s="12"/>
    </row>
    <row r="567995" spans="8:8">
      <c r="H567995" s="12"/>
    </row>
    <row r="567996" spans="8:8">
      <c r="H567996" s="12"/>
    </row>
    <row r="567997" spans="8:8">
      <c r="H567997" s="12"/>
    </row>
    <row r="567998" spans="8:8">
      <c r="H567998" s="12"/>
    </row>
    <row r="567999" spans="8:8">
      <c r="H567999" s="12"/>
    </row>
    <row r="568000" spans="8:8">
      <c r="H568000" s="12"/>
    </row>
    <row r="568001" spans="8:8">
      <c r="H568001" s="12"/>
    </row>
    <row r="568002" spans="8:8">
      <c r="H568002" s="12"/>
    </row>
    <row r="568003" spans="8:8">
      <c r="H568003" s="12"/>
    </row>
    <row r="568004" spans="8:8">
      <c r="H568004" s="12"/>
    </row>
    <row r="568005" spans="8:8">
      <c r="H568005" s="12"/>
    </row>
    <row r="568006" spans="8:8">
      <c r="H568006" s="12"/>
    </row>
    <row r="568007" spans="8:8">
      <c r="H568007" s="12"/>
    </row>
    <row r="568008" spans="8:8">
      <c r="H568008" s="12"/>
    </row>
    <row r="568009" spans="8:8">
      <c r="H568009" s="12"/>
    </row>
    <row r="568010" spans="8:8">
      <c r="H568010" s="12"/>
    </row>
    <row r="568011" spans="8:8">
      <c r="H568011" s="12"/>
    </row>
    <row r="568012" spans="8:8">
      <c r="H568012" s="12"/>
    </row>
    <row r="568013" spans="8:8">
      <c r="H568013" s="12"/>
    </row>
    <row r="568014" spans="8:8">
      <c r="H568014" s="12"/>
    </row>
    <row r="568015" spans="8:8">
      <c r="H568015" s="12"/>
    </row>
    <row r="568016" spans="8:8">
      <c r="H568016" s="12"/>
    </row>
    <row r="568017" spans="8:8">
      <c r="H568017" s="12"/>
    </row>
    <row r="568018" spans="8:8">
      <c r="H568018" s="12"/>
    </row>
    <row r="568019" spans="8:8">
      <c r="H568019" s="12"/>
    </row>
    <row r="568020" spans="8:8">
      <c r="H568020" s="12"/>
    </row>
    <row r="568021" spans="8:8">
      <c r="H568021" s="12"/>
    </row>
    <row r="568022" spans="8:8">
      <c r="H568022" s="12"/>
    </row>
    <row r="568023" spans="8:8">
      <c r="H568023" s="12"/>
    </row>
    <row r="568024" spans="8:8">
      <c r="H568024" s="12"/>
    </row>
    <row r="568025" spans="8:8">
      <c r="H568025" s="12"/>
    </row>
    <row r="568026" spans="8:8">
      <c r="H568026" s="12"/>
    </row>
    <row r="568027" spans="8:8">
      <c r="H568027" s="12"/>
    </row>
    <row r="568028" spans="8:8">
      <c r="H568028" s="12"/>
    </row>
    <row r="568029" spans="8:8">
      <c r="H568029" s="12"/>
    </row>
    <row r="568030" spans="8:8">
      <c r="H568030" s="12"/>
    </row>
    <row r="568031" spans="8:8">
      <c r="H568031" s="12"/>
    </row>
    <row r="568032" spans="8:8">
      <c r="H568032" s="12"/>
    </row>
    <row r="568033" spans="8:8">
      <c r="H568033" s="12"/>
    </row>
    <row r="568034" spans="8:8">
      <c r="H568034" s="12"/>
    </row>
    <row r="568035" spans="8:8">
      <c r="H568035" s="12"/>
    </row>
    <row r="568036" spans="8:8">
      <c r="H568036" s="12"/>
    </row>
    <row r="568037" spans="8:8">
      <c r="H568037" s="12"/>
    </row>
    <row r="568038" spans="8:8">
      <c r="H568038" s="12"/>
    </row>
    <row r="568039" spans="8:8">
      <c r="H568039" s="12"/>
    </row>
    <row r="568040" spans="8:8">
      <c r="H568040" s="12"/>
    </row>
    <row r="568041" spans="8:8">
      <c r="H568041" s="12"/>
    </row>
    <row r="568042" spans="8:8">
      <c r="H568042" s="12"/>
    </row>
    <row r="568043" spans="8:8">
      <c r="H568043" s="12"/>
    </row>
    <row r="568044" spans="8:8">
      <c r="H568044" s="12"/>
    </row>
    <row r="568045" spans="8:8">
      <c r="H568045" s="12"/>
    </row>
    <row r="568046" spans="8:8">
      <c r="H568046" s="12"/>
    </row>
    <row r="568047" spans="8:8">
      <c r="H568047" s="12"/>
    </row>
    <row r="568048" spans="8:8">
      <c r="H568048" s="12"/>
    </row>
    <row r="568049" spans="8:8">
      <c r="H568049" s="12"/>
    </row>
    <row r="568050" spans="8:8">
      <c r="H568050" s="12"/>
    </row>
    <row r="568051" spans="8:8">
      <c r="H568051" s="12"/>
    </row>
    <row r="568052" spans="8:8">
      <c r="H568052" s="12"/>
    </row>
    <row r="568053" spans="8:8">
      <c r="H568053" s="12"/>
    </row>
    <row r="568054" spans="8:8">
      <c r="H568054" s="12"/>
    </row>
    <row r="568055" spans="8:8">
      <c r="H568055" s="12"/>
    </row>
    <row r="568056" spans="8:8">
      <c r="H568056" s="12"/>
    </row>
    <row r="568057" spans="8:8">
      <c r="H568057" s="12"/>
    </row>
    <row r="568058" spans="8:8">
      <c r="H568058" s="12"/>
    </row>
    <row r="568059" spans="8:8">
      <c r="H568059" s="12"/>
    </row>
    <row r="568060" spans="8:8">
      <c r="H568060" s="12"/>
    </row>
    <row r="568061" spans="8:8">
      <c r="H568061" s="12"/>
    </row>
    <row r="568062" spans="8:8">
      <c r="H568062" s="12"/>
    </row>
    <row r="568063" spans="8:8">
      <c r="H568063" s="12"/>
    </row>
    <row r="568064" spans="8:8">
      <c r="H568064" s="12"/>
    </row>
    <row r="568065" spans="8:8">
      <c r="H568065" s="12"/>
    </row>
    <row r="568066" spans="8:8">
      <c r="H568066" s="12"/>
    </row>
    <row r="568067" spans="8:8">
      <c r="H568067" s="12"/>
    </row>
    <row r="568068" spans="8:8">
      <c r="H568068" s="12"/>
    </row>
    <row r="568069" spans="8:8">
      <c r="H568069" s="12"/>
    </row>
    <row r="568070" spans="8:8">
      <c r="H568070" s="12"/>
    </row>
    <row r="568071" spans="8:8">
      <c r="H568071" s="12"/>
    </row>
    <row r="568072" spans="8:8">
      <c r="H568072" s="12"/>
    </row>
    <row r="568073" spans="8:8">
      <c r="H568073" s="12"/>
    </row>
    <row r="568074" spans="8:8">
      <c r="H568074" s="12"/>
    </row>
    <row r="568075" spans="8:8">
      <c r="H568075" s="12"/>
    </row>
    <row r="568076" spans="8:8">
      <c r="H568076" s="12"/>
    </row>
    <row r="568077" spans="8:8">
      <c r="H568077" s="12"/>
    </row>
    <row r="568078" spans="8:8">
      <c r="H568078" s="12"/>
    </row>
    <row r="568079" spans="8:8">
      <c r="H568079" s="12"/>
    </row>
    <row r="568080" spans="8:8">
      <c r="H568080" s="12"/>
    </row>
    <row r="568081" spans="8:8">
      <c r="H568081" s="12"/>
    </row>
    <row r="568082" spans="8:8">
      <c r="H568082" s="12"/>
    </row>
    <row r="568083" spans="8:8">
      <c r="H568083" s="12"/>
    </row>
    <row r="568084" spans="8:8">
      <c r="H568084" s="12"/>
    </row>
    <row r="568085" spans="8:8">
      <c r="H568085" s="12"/>
    </row>
    <row r="568086" spans="8:8">
      <c r="H568086" s="12"/>
    </row>
    <row r="568087" spans="8:8">
      <c r="H568087" s="12"/>
    </row>
    <row r="568088" spans="8:8">
      <c r="H568088" s="12"/>
    </row>
    <row r="568089" spans="8:8">
      <c r="H568089" s="12"/>
    </row>
    <row r="568090" spans="8:8">
      <c r="H568090" s="12"/>
    </row>
    <row r="568091" spans="8:8">
      <c r="H568091" s="12"/>
    </row>
    <row r="568092" spans="8:8">
      <c r="H568092" s="12"/>
    </row>
    <row r="568093" spans="8:8">
      <c r="H568093" s="12"/>
    </row>
    <row r="568094" spans="8:8">
      <c r="H568094" s="12"/>
    </row>
    <row r="568095" spans="8:8">
      <c r="H568095" s="12"/>
    </row>
    <row r="568096" spans="8:8">
      <c r="H568096" s="12"/>
    </row>
    <row r="568097" spans="8:8">
      <c r="H568097" s="12"/>
    </row>
    <row r="568098" spans="8:8">
      <c r="H568098" s="12"/>
    </row>
    <row r="568099" spans="8:8">
      <c r="H568099" s="12"/>
    </row>
    <row r="568100" spans="8:8">
      <c r="H568100" s="12"/>
    </row>
    <row r="568101" spans="8:8">
      <c r="H568101" s="12"/>
    </row>
    <row r="568102" spans="8:8">
      <c r="H568102" s="12"/>
    </row>
    <row r="568103" spans="8:8">
      <c r="H568103" s="12"/>
    </row>
    <row r="568104" spans="8:8">
      <c r="H568104" s="12"/>
    </row>
    <row r="568105" spans="8:8">
      <c r="H568105" s="12"/>
    </row>
    <row r="568106" spans="8:8">
      <c r="H568106" s="12"/>
    </row>
    <row r="568107" spans="8:8">
      <c r="H568107" s="12"/>
    </row>
    <row r="568108" spans="8:8">
      <c r="H568108" s="12"/>
    </row>
    <row r="568109" spans="8:8">
      <c r="H568109" s="12"/>
    </row>
    <row r="568110" spans="8:8">
      <c r="H568110" s="12"/>
    </row>
    <row r="568111" spans="8:8">
      <c r="H568111" s="12"/>
    </row>
    <row r="568112" spans="8:8">
      <c r="H568112" s="12"/>
    </row>
    <row r="568113" spans="8:8">
      <c r="H568113" s="12"/>
    </row>
    <row r="568114" spans="8:8">
      <c r="H568114" s="12"/>
    </row>
    <row r="568115" spans="8:8">
      <c r="H568115" s="12"/>
    </row>
    <row r="568116" spans="8:8">
      <c r="H568116" s="12"/>
    </row>
    <row r="568117" spans="8:8">
      <c r="H568117" s="12"/>
    </row>
    <row r="568118" spans="8:8">
      <c r="H568118" s="12"/>
    </row>
    <row r="568119" spans="8:8">
      <c r="H568119" s="12"/>
    </row>
    <row r="568120" spans="8:8">
      <c r="H568120" s="12"/>
    </row>
    <row r="568121" spans="8:8">
      <c r="H568121" s="12"/>
    </row>
    <row r="568122" spans="8:8">
      <c r="H568122" s="12"/>
    </row>
    <row r="568123" spans="8:8">
      <c r="H568123" s="12"/>
    </row>
    <row r="568124" spans="8:8">
      <c r="H568124" s="12"/>
    </row>
    <row r="568125" spans="8:8">
      <c r="H568125" s="12"/>
    </row>
    <row r="568126" spans="8:8">
      <c r="H568126" s="12"/>
    </row>
    <row r="568127" spans="8:8">
      <c r="H568127" s="12"/>
    </row>
    <row r="568128" spans="8:8">
      <c r="H568128" s="12"/>
    </row>
    <row r="568129" spans="8:8">
      <c r="H568129" s="12"/>
    </row>
    <row r="568130" spans="8:8">
      <c r="H568130" s="12"/>
    </row>
    <row r="568131" spans="8:8">
      <c r="H568131" s="12"/>
    </row>
    <row r="568132" spans="8:8">
      <c r="H568132" s="12"/>
    </row>
    <row r="568133" spans="8:8">
      <c r="H568133" s="12"/>
    </row>
    <row r="568134" spans="8:8">
      <c r="H568134" s="12"/>
    </row>
    <row r="568135" spans="8:8">
      <c r="H568135" s="12"/>
    </row>
    <row r="568136" spans="8:8">
      <c r="H568136" s="12"/>
    </row>
    <row r="568137" spans="8:8">
      <c r="H568137" s="12"/>
    </row>
    <row r="568138" spans="8:8">
      <c r="H568138" s="12"/>
    </row>
    <row r="568139" spans="8:8">
      <c r="H568139" s="12"/>
    </row>
    <row r="568140" spans="8:8">
      <c r="H568140" s="12"/>
    </row>
    <row r="568141" spans="8:8">
      <c r="H568141" s="12"/>
    </row>
    <row r="568142" spans="8:8">
      <c r="H568142" s="12"/>
    </row>
    <row r="568143" spans="8:8">
      <c r="H568143" s="12"/>
    </row>
    <row r="568144" spans="8:8">
      <c r="H568144" s="12"/>
    </row>
    <row r="568145" spans="8:8">
      <c r="H568145" s="12"/>
    </row>
    <row r="568146" spans="8:8">
      <c r="H568146" s="12"/>
    </row>
    <row r="568147" spans="8:8">
      <c r="H568147" s="12"/>
    </row>
    <row r="568148" spans="8:8">
      <c r="H568148" s="12"/>
    </row>
    <row r="568149" spans="8:8">
      <c r="H568149" s="12"/>
    </row>
    <row r="568150" spans="8:8">
      <c r="H568150" s="12"/>
    </row>
    <row r="568151" spans="8:8">
      <c r="H568151" s="12"/>
    </row>
    <row r="568152" spans="8:8">
      <c r="H568152" s="12"/>
    </row>
    <row r="568153" spans="8:8">
      <c r="H568153" s="12"/>
    </row>
    <row r="568154" spans="8:8">
      <c r="H568154" s="12"/>
    </row>
    <row r="568155" spans="8:8">
      <c r="H568155" s="12"/>
    </row>
    <row r="568156" spans="8:8">
      <c r="H568156" s="12"/>
    </row>
    <row r="568157" spans="8:8">
      <c r="H568157" s="12"/>
    </row>
    <row r="568158" spans="8:8">
      <c r="H568158" s="12"/>
    </row>
    <row r="568159" spans="8:8">
      <c r="H568159" s="12"/>
    </row>
    <row r="568160" spans="8:8">
      <c r="H568160" s="12"/>
    </row>
    <row r="568161" spans="8:8">
      <c r="H568161" s="12"/>
    </row>
    <row r="568162" spans="8:8">
      <c r="H568162" s="12"/>
    </row>
    <row r="568163" spans="8:8">
      <c r="H568163" s="12"/>
    </row>
    <row r="568164" spans="8:8">
      <c r="H568164" s="12"/>
    </row>
    <row r="568165" spans="8:8">
      <c r="H568165" s="12"/>
    </row>
    <row r="568166" spans="8:8">
      <c r="H568166" s="12"/>
    </row>
    <row r="568167" spans="8:8">
      <c r="H568167" s="12"/>
    </row>
    <row r="568168" spans="8:8">
      <c r="H568168" s="12"/>
    </row>
    <row r="568169" spans="8:8">
      <c r="H568169" s="12"/>
    </row>
    <row r="568170" spans="8:8">
      <c r="H568170" s="12"/>
    </row>
    <row r="568171" spans="8:8">
      <c r="H568171" s="12"/>
    </row>
    <row r="568172" spans="8:8">
      <c r="H568172" s="12"/>
    </row>
    <row r="568173" spans="8:8">
      <c r="H568173" s="12"/>
    </row>
    <row r="568174" spans="8:8">
      <c r="H568174" s="12"/>
    </row>
    <row r="568175" spans="8:8">
      <c r="H568175" s="12"/>
    </row>
    <row r="568176" spans="8:8">
      <c r="H568176" s="12"/>
    </row>
    <row r="568177" spans="8:8">
      <c r="H568177" s="12"/>
    </row>
    <row r="568178" spans="8:8">
      <c r="H568178" s="12"/>
    </row>
    <row r="568179" spans="8:8">
      <c r="H568179" s="12"/>
    </row>
    <row r="568180" spans="8:8">
      <c r="H568180" s="12"/>
    </row>
    <row r="568181" spans="8:8">
      <c r="H568181" s="12"/>
    </row>
    <row r="568182" spans="8:8">
      <c r="H568182" s="12"/>
    </row>
    <row r="568183" spans="8:8">
      <c r="H568183" s="12"/>
    </row>
    <row r="568184" spans="8:8">
      <c r="H568184" s="12"/>
    </row>
    <row r="568185" spans="8:8">
      <c r="H568185" s="12"/>
    </row>
    <row r="568186" spans="8:8">
      <c r="H568186" s="12"/>
    </row>
    <row r="568187" spans="8:8">
      <c r="H568187" s="12"/>
    </row>
    <row r="568188" spans="8:8">
      <c r="H568188" s="12"/>
    </row>
    <row r="568189" spans="8:8">
      <c r="H568189" s="12"/>
    </row>
    <row r="568190" spans="8:8">
      <c r="H568190" s="12"/>
    </row>
    <row r="568191" spans="8:8">
      <c r="H568191" s="12"/>
    </row>
    <row r="568192" spans="8:8">
      <c r="H568192" s="12"/>
    </row>
    <row r="568193" spans="8:8">
      <c r="H568193" s="12"/>
    </row>
    <row r="568194" spans="8:8">
      <c r="H568194" s="12"/>
    </row>
    <row r="568195" spans="8:8">
      <c r="H568195" s="12"/>
    </row>
    <row r="568196" spans="8:8">
      <c r="H568196" s="12"/>
    </row>
    <row r="568197" spans="8:8">
      <c r="H568197" s="12"/>
    </row>
    <row r="568198" spans="8:8">
      <c r="H568198" s="12"/>
    </row>
    <row r="568199" spans="8:8">
      <c r="H568199" s="12"/>
    </row>
    <row r="568200" spans="8:8">
      <c r="H568200" s="12"/>
    </row>
    <row r="568201" spans="8:8">
      <c r="H568201" s="12"/>
    </row>
    <row r="568202" spans="8:8">
      <c r="H568202" s="12"/>
    </row>
    <row r="568203" spans="8:8">
      <c r="H568203" s="12"/>
    </row>
    <row r="568204" spans="8:8">
      <c r="H568204" s="12"/>
    </row>
    <row r="568205" spans="8:8">
      <c r="H568205" s="12"/>
    </row>
    <row r="568206" spans="8:8">
      <c r="H568206" s="12"/>
    </row>
    <row r="568207" spans="8:8">
      <c r="H568207" s="12"/>
    </row>
    <row r="568208" spans="8:8">
      <c r="H568208" s="12"/>
    </row>
    <row r="568209" spans="8:8">
      <c r="H568209" s="12"/>
    </row>
    <row r="568210" spans="8:8">
      <c r="H568210" s="12"/>
    </row>
    <row r="568211" spans="8:8">
      <c r="H568211" s="12"/>
    </row>
    <row r="568212" spans="8:8">
      <c r="H568212" s="12"/>
    </row>
    <row r="568213" spans="8:8">
      <c r="H568213" s="12"/>
    </row>
    <row r="568214" spans="8:8">
      <c r="H568214" s="12"/>
    </row>
    <row r="568215" spans="8:8">
      <c r="H568215" s="12"/>
    </row>
    <row r="568216" spans="8:8">
      <c r="H568216" s="12"/>
    </row>
    <row r="568217" spans="8:8">
      <c r="H568217" s="12"/>
    </row>
    <row r="568218" spans="8:8">
      <c r="H568218" s="12"/>
    </row>
    <row r="568219" spans="8:8">
      <c r="H568219" s="12"/>
    </row>
    <row r="568220" spans="8:8">
      <c r="H568220" s="12"/>
    </row>
    <row r="568221" spans="8:8">
      <c r="H568221" s="12"/>
    </row>
    <row r="568222" spans="8:8">
      <c r="H568222" s="12"/>
    </row>
    <row r="568223" spans="8:8">
      <c r="H568223" s="12"/>
    </row>
    <row r="568224" spans="8:8">
      <c r="H568224" s="12"/>
    </row>
    <row r="568225" spans="8:8">
      <c r="H568225" s="12"/>
    </row>
    <row r="568226" spans="8:8">
      <c r="H568226" s="12"/>
    </row>
    <row r="568227" spans="8:8">
      <c r="H568227" s="12"/>
    </row>
    <row r="568228" spans="8:8">
      <c r="H568228" s="12"/>
    </row>
    <row r="568229" spans="8:8">
      <c r="H568229" s="12"/>
    </row>
    <row r="568230" spans="8:8">
      <c r="H568230" s="12"/>
    </row>
    <row r="568231" spans="8:8">
      <c r="H568231" s="12"/>
    </row>
    <row r="568232" spans="8:8">
      <c r="H568232" s="12"/>
    </row>
    <row r="568233" spans="8:8">
      <c r="H568233" s="12"/>
    </row>
    <row r="568234" spans="8:8">
      <c r="H568234" s="12"/>
    </row>
    <row r="568235" spans="8:8">
      <c r="H568235" s="12"/>
    </row>
    <row r="568236" spans="8:8">
      <c r="H568236" s="12"/>
    </row>
    <row r="568237" spans="8:8">
      <c r="H568237" s="12"/>
    </row>
    <row r="568238" spans="8:8">
      <c r="H568238" s="12"/>
    </row>
    <row r="568239" spans="8:8">
      <c r="H568239" s="12"/>
    </row>
    <row r="568240" spans="8:8">
      <c r="H568240" s="12"/>
    </row>
    <row r="568241" spans="8:8">
      <c r="H568241" s="12"/>
    </row>
    <row r="568242" spans="8:8">
      <c r="H568242" s="12"/>
    </row>
    <row r="568243" spans="8:8">
      <c r="H568243" s="12"/>
    </row>
    <row r="568244" spans="8:8">
      <c r="H568244" s="12"/>
    </row>
    <row r="568245" spans="8:8">
      <c r="H568245" s="12"/>
    </row>
    <row r="568246" spans="8:8">
      <c r="H568246" s="12"/>
    </row>
    <row r="568247" spans="8:8">
      <c r="H568247" s="12"/>
    </row>
    <row r="568248" spans="8:8">
      <c r="H568248" s="12"/>
    </row>
    <row r="568249" spans="8:8">
      <c r="H568249" s="12"/>
    </row>
    <row r="568250" spans="8:8">
      <c r="H568250" s="12"/>
    </row>
    <row r="568251" spans="8:8">
      <c r="H568251" s="12"/>
    </row>
    <row r="568252" spans="8:8">
      <c r="H568252" s="12"/>
    </row>
    <row r="568253" spans="8:8">
      <c r="H568253" s="12"/>
    </row>
    <row r="568254" spans="8:8">
      <c r="H568254" s="12"/>
    </row>
    <row r="568255" spans="8:8">
      <c r="H568255" s="12"/>
    </row>
    <row r="568256" spans="8:8">
      <c r="H568256" s="12"/>
    </row>
    <row r="568257" spans="8:8">
      <c r="H568257" s="12"/>
    </row>
    <row r="568258" spans="8:8">
      <c r="H568258" s="12"/>
    </row>
    <row r="568259" spans="8:8">
      <c r="H568259" s="12"/>
    </row>
    <row r="568260" spans="8:8">
      <c r="H568260" s="12"/>
    </row>
    <row r="568261" spans="8:8">
      <c r="H568261" s="12"/>
    </row>
    <row r="568262" spans="8:8">
      <c r="H568262" s="12"/>
    </row>
    <row r="568263" spans="8:8">
      <c r="H568263" s="12"/>
    </row>
    <row r="568264" spans="8:8">
      <c r="H568264" s="12"/>
    </row>
    <row r="568265" spans="8:8">
      <c r="H568265" s="12"/>
    </row>
    <row r="568266" spans="8:8">
      <c r="H568266" s="12"/>
    </row>
    <row r="568267" spans="8:8">
      <c r="H568267" s="12"/>
    </row>
    <row r="568268" spans="8:8">
      <c r="H568268" s="12"/>
    </row>
    <row r="568269" spans="8:8">
      <c r="H568269" s="12"/>
    </row>
    <row r="568270" spans="8:8">
      <c r="H568270" s="12"/>
    </row>
    <row r="568271" spans="8:8">
      <c r="H568271" s="12"/>
    </row>
    <row r="568272" spans="8:8">
      <c r="H568272" s="12"/>
    </row>
    <row r="568273" spans="8:8">
      <c r="H568273" s="12"/>
    </row>
    <row r="568274" spans="8:8">
      <c r="H568274" s="12"/>
    </row>
    <row r="568275" spans="8:8">
      <c r="H568275" s="12"/>
    </row>
    <row r="568276" spans="8:8">
      <c r="H568276" s="12"/>
    </row>
    <row r="568277" spans="8:8">
      <c r="H568277" s="12"/>
    </row>
    <row r="568278" spans="8:8">
      <c r="H568278" s="12"/>
    </row>
    <row r="568279" spans="8:8">
      <c r="H568279" s="12"/>
    </row>
    <row r="568280" spans="8:8">
      <c r="H568280" s="12"/>
    </row>
    <row r="568281" spans="8:8">
      <c r="H568281" s="12"/>
    </row>
    <row r="568282" spans="8:8">
      <c r="H568282" s="12"/>
    </row>
    <row r="568283" spans="8:8">
      <c r="H568283" s="12"/>
    </row>
    <row r="568284" spans="8:8">
      <c r="H568284" s="12"/>
    </row>
    <row r="568285" spans="8:8">
      <c r="H568285" s="12"/>
    </row>
    <row r="568286" spans="8:8">
      <c r="H568286" s="12"/>
    </row>
    <row r="568287" spans="8:8">
      <c r="H568287" s="12"/>
    </row>
    <row r="568288" spans="8:8">
      <c r="H568288" s="12"/>
    </row>
    <row r="568289" spans="8:8">
      <c r="H568289" s="12"/>
    </row>
    <row r="568290" spans="8:8">
      <c r="H568290" s="12"/>
    </row>
    <row r="568291" spans="8:8">
      <c r="H568291" s="12"/>
    </row>
    <row r="568292" spans="8:8">
      <c r="H568292" s="12"/>
    </row>
    <row r="568293" spans="8:8">
      <c r="H568293" s="12"/>
    </row>
    <row r="568294" spans="8:8">
      <c r="H568294" s="12"/>
    </row>
    <row r="568295" spans="8:8">
      <c r="H568295" s="12"/>
    </row>
    <row r="568296" spans="8:8">
      <c r="H568296" s="12"/>
    </row>
    <row r="568297" spans="8:8">
      <c r="H568297" s="12"/>
    </row>
    <row r="568298" spans="8:8">
      <c r="H568298" s="12"/>
    </row>
    <row r="568299" spans="8:8">
      <c r="H568299" s="12"/>
    </row>
    <row r="568300" spans="8:8">
      <c r="H568300" s="12"/>
    </row>
    <row r="568301" spans="8:8">
      <c r="H568301" s="12"/>
    </row>
    <row r="568302" spans="8:8">
      <c r="H568302" s="12"/>
    </row>
    <row r="568303" spans="8:8">
      <c r="H568303" s="12"/>
    </row>
    <row r="568304" spans="8:8">
      <c r="H568304" s="12"/>
    </row>
    <row r="568305" spans="8:8">
      <c r="H568305" s="12"/>
    </row>
    <row r="568306" spans="8:8">
      <c r="H568306" s="12"/>
    </row>
    <row r="568307" spans="8:8">
      <c r="H568307" s="12"/>
    </row>
    <row r="568308" spans="8:8">
      <c r="H568308" s="12"/>
    </row>
    <row r="568309" spans="8:8">
      <c r="H568309" s="12"/>
    </row>
    <row r="568310" spans="8:8">
      <c r="H568310" s="12"/>
    </row>
    <row r="568311" spans="8:8">
      <c r="H568311" s="12"/>
    </row>
    <row r="568312" spans="8:8">
      <c r="H568312" s="12"/>
    </row>
    <row r="568313" spans="8:8">
      <c r="H568313" s="12"/>
    </row>
    <row r="568314" spans="8:8">
      <c r="H568314" s="12"/>
    </row>
    <row r="568315" spans="8:8">
      <c r="H568315" s="12"/>
    </row>
    <row r="568316" spans="8:8">
      <c r="H568316" s="12"/>
    </row>
    <row r="568317" spans="8:8">
      <c r="H568317" s="12"/>
    </row>
    <row r="568318" spans="8:8">
      <c r="H568318" s="12"/>
    </row>
    <row r="568319" spans="8:8">
      <c r="H568319" s="12"/>
    </row>
    <row r="568320" spans="8:8">
      <c r="H568320" s="12"/>
    </row>
    <row r="568321" spans="8:8">
      <c r="H568321" s="12"/>
    </row>
    <row r="568322" spans="8:8">
      <c r="H568322" s="12"/>
    </row>
    <row r="568323" spans="8:8">
      <c r="H568323" s="12"/>
    </row>
    <row r="568324" spans="8:8">
      <c r="H568324" s="12"/>
    </row>
    <row r="568325" spans="8:8">
      <c r="H568325" s="12"/>
    </row>
    <row r="568326" spans="8:8">
      <c r="H568326" s="12"/>
    </row>
    <row r="568327" spans="8:8">
      <c r="H568327" s="12"/>
    </row>
    <row r="568328" spans="8:8">
      <c r="H568328" s="12"/>
    </row>
    <row r="568329" spans="8:8">
      <c r="H568329" s="12"/>
    </row>
    <row r="568330" spans="8:8">
      <c r="H568330" s="12"/>
    </row>
    <row r="568331" spans="8:8">
      <c r="H568331" s="12"/>
    </row>
    <row r="568332" spans="8:8">
      <c r="H568332" s="12"/>
    </row>
    <row r="568333" spans="8:8">
      <c r="H568333" s="12"/>
    </row>
    <row r="568334" spans="8:8">
      <c r="H568334" s="12"/>
    </row>
    <row r="568335" spans="8:8">
      <c r="H568335" s="12"/>
    </row>
    <row r="568336" spans="8:8">
      <c r="H568336" s="12"/>
    </row>
    <row r="568337" spans="8:8">
      <c r="H568337" s="12"/>
    </row>
    <row r="568338" spans="8:8">
      <c r="H568338" s="12"/>
    </row>
    <row r="568339" spans="8:8">
      <c r="H568339" s="12"/>
    </row>
    <row r="568340" spans="8:8">
      <c r="H568340" s="12"/>
    </row>
    <row r="568341" spans="8:8">
      <c r="H568341" s="12"/>
    </row>
    <row r="568342" spans="8:8">
      <c r="H568342" s="12"/>
    </row>
    <row r="568343" spans="8:8">
      <c r="H568343" s="12"/>
    </row>
    <row r="568344" spans="8:8">
      <c r="H568344" s="12"/>
    </row>
    <row r="568345" spans="8:8">
      <c r="H568345" s="12"/>
    </row>
    <row r="568346" spans="8:8">
      <c r="H568346" s="12"/>
    </row>
    <row r="568347" spans="8:8">
      <c r="H568347" s="12"/>
    </row>
    <row r="568348" spans="8:8">
      <c r="H568348" s="12"/>
    </row>
    <row r="568349" spans="8:8">
      <c r="H568349" s="12"/>
    </row>
    <row r="568350" spans="8:8">
      <c r="H568350" s="12"/>
    </row>
    <row r="568351" spans="8:8">
      <c r="H568351" s="12"/>
    </row>
    <row r="568352" spans="8:8">
      <c r="H568352" s="12"/>
    </row>
    <row r="568353" spans="8:8">
      <c r="H568353" s="12"/>
    </row>
    <row r="568354" spans="8:8">
      <c r="H568354" s="12"/>
    </row>
    <row r="568355" spans="8:8">
      <c r="H568355" s="12"/>
    </row>
    <row r="568356" spans="8:8">
      <c r="H568356" s="12"/>
    </row>
    <row r="568357" spans="8:8">
      <c r="H568357" s="12"/>
    </row>
    <row r="568358" spans="8:8">
      <c r="H568358" s="12"/>
    </row>
    <row r="568359" spans="8:8">
      <c r="H568359" s="12"/>
    </row>
    <row r="568360" spans="8:8">
      <c r="H568360" s="12"/>
    </row>
    <row r="568361" spans="8:8">
      <c r="H568361" s="12"/>
    </row>
    <row r="568362" spans="8:8">
      <c r="H568362" s="12"/>
    </row>
    <row r="568363" spans="8:8">
      <c r="H568363" s="12"/>
    </row>
    <row r="568364" spans="8:8">
      <c r="H568364" s="12"/>
    </row>
    <row r="568365" spans="8:8">
      <c r="H568365" s="12"/>
    </row>
    <row r="568366" spans="8:8">
      <c r="H568366" s="12"/>
    </row>
    <row r="568367" spans="8:8">
      <c r="H568367" s="12"/>
    </row>
    <row r="568368" spans="8:8">
      <c r="H568368" s="12"/>
    </row>
    <row r="568369" spans="8:8">
      <c r="H568369" s="12"/>
    </row>
    <row r="568370" spans="8:8">
      <c r="H568370" s="12"/>
    </row>
    <row r="568371" spans="8:8">
      <c r="H568371" s="12"/>
    </row>
    <row r="568372" spans="8:8">
      <c r="H568372" s="12"/>
    </row>
    <row r="568373" spans="8:8">
      <c r="H568373" s="12"/>
    </row>
    <row r="568374" spans="8:8">
      <c r="H568374" s="12"/>
    </row>
    <row r="568375" spans="8:8">
      <c r="H568375" s="12"/>
    </row>
    <row r="568376" spans="8:8">
      <c r="H568376" s="12"/>
    </row>
    <row r="568377" spans="8:8">
      <c r="H568377" s="12"/>
    </row>
    <row r="568378" spans="8:8">
      <c r="H568378" s="12"/>
    </row>
    <row r="568379" spans="8:8">
      <c r="H568379" s="12"/>
    </row>
    <row r="568380" spans="8:8">
      <c r="H568380" s="12"/>
    </row>
    <row r="568381" spans="8:8">
      <c r="H568381" s="12"/>
    </row>
    <row r="568382" spans="8:8">
      <c r="H568382" s="12"/>
    </row>
    <row r="568383" spans="8:8">
      <c r="H568383" s="12"/>
    </row>
    <row r="568384" spans="8:8">
      <c r="H568384" s="12"/>
    </row>
    <row r="568385" spans="8:8">
      <c r="H568385" s="12"/>
    </row>
    <row r="568386" spans="8:8">
      <c r="H568386" s="12"/>
    </row>
    <row r="568387" spans="8:8">
      <c r="H568387" s="12"/>
    </row>
    <row r="568388" spans="8:8">
      <c r="H568388" s="12"/>
    </row>
    <row r="568389" spans="8:8">
      <c r="H568389" s="12"/>
    </row>
    <row r="568390" spans="8:8">
      <c r="H568390" s="12"/>
    </row>
    <row r="568391" spans="8:8">
      <c r="H568391" s="12"/>
    </row>
    <row r="568392" spans="8:8">
      <c r="H568392" s="12"/>
    </row>
    <row r="568393" spans="8:8">
      <c r="H568393" s="12"/>
    </row>
    <row r="568394" spans="8:8">
      <c r="H568394" s="12"/>
    </row>
    <row r="568395" spans="8:8">
      <c r="H568395" s="12"/>
    </row>
    <row r="568396" spans="8:8">
      <c r="H568396" s="12"/>
    </row>
    <row r="568397" spans="8:8">
      <c r="H568397" s="12"/>
    </row>
    <row r="568398" spans="8:8">
      <c r="H568398" s="12"/>
    </row>
    <row r="568399" spans="8:8">
      <c r="H568399" s="12"/>
    </row>
    <row r="568400" spans="8:8">
      <c r="H568400" s="12"/>
    </row>
    <row r="568401" spans="8:8">
      <c r="H568401" s="12"/>
    </row>
    <row r="568402" spans="8:8">
      <c r="H568402" s="12"/>
    </row>
    <row r="568403" spans="8:8">
      <c r="H568403" s="12"/>
    </row>
    <row r="568404" spans="8:8">
      <c r="H568404" s="12"/>
    </row>
    <row r="568405" spans="8:8">
      <c r="H568405" s="12"/>
    </row>
    <row r="568406" spans="8:8">
      <c r="H568406" s="12"/>
    </row>
    <row r="568407" spans="8:8">
      <c r="H568407" s="12"/>
    </row>
    <row r="568408" spans="8:8">
      <c r="H568408" s="12"/>
    </row>
    <row r="568409" spans="8:8">
      <c r="H568409" s="12"/>
    </row>
    <row r="568410" spans="8:8">
      <c r="H568410" s="12"/>
    </row>
    <row r="568411" spans="8:8">
      <c r="H568411" s="12"/>
    </row>
    <row r="568412" spans="8:8">
      <c r="H568412" s="12"/>
    </row>
    <row r="568413" spans="8:8">
      <c r="H568413" s="12"/>
    </row>
    <row r="568414" spans="8:8">
      <c r="H568414" s="12"/>
    </row>
    <row r="568415" spans="8:8">
      <c r="H568415" s="12"/>
    </row>
    <row r="568416" spans="8:8">
      <c r="H568416" s="12"/>
    </row>
    <row r="568417" spans="8:8">
      <c r="H568417" s="12"/>
    </row>
    <row r="568418" spans="8:8">
      <c r="H568418" s="12"/>
    </row>
    <row r="568419" spans="8:8">
      <c r="H568419" s="12"/>
    </row>
    <row r="568420" spans="8:8">
      <c r="H568420" s="12"/>
    </row>
    <row r="568421" spans="8:8">
      <c r="H568421" s="12"/>
    </row>
    <row r="568422" spans="8:8">
      <c r="H568422" s="12"/>
    </row>
    <row r="568423" spans="8:8">
      <c r="H568423" s="12"/>
    </row>
    <row r="568424" spans="8:8">
      <c r="H568424" s="12"/>
    </row>
    <row r="568425" spans="8:8">
      <c r="H568425" s="12"/>
    </row>
    <row r="568426" spans="8:8">
      <c r="H568426" s="12"/>
    </row>
    <row r="568427" spans="8:8">
      <c r="H568427" s="12"/>
    </row>
    <row r="568428" spans="8:8">
      <c r="H568428" s="12"/>
    </row>
    <row r="568429" spans="8:8">
      <c r="H568429" s="12"/>
    </row>
    <row r="568430" spans="8:8">
      <c r="H568430" s="12"/>
    </row>
    <row r="568431" spans="8:8">
      <c r="H568431" s="12"/>
    </row>
    <row r="568432" spans="8:8">
      <c r="H568432" s="12"/>
    </row>
    <row r="568433" spans="8:8">
      <c r="H568433" s="12"/>
    </row>
    <row r="568434" spans="8:8">
      <c r="H568434" s="12"/>
    </row>
    <row r="568435" spans="8:8">
      <c r="H568435" s="12"/>
    </row>
    <row r="568436" spans="8:8">
      <c r="H568436" s="12"/>
    </row>
    <row r="568437" spans="8:8">
      <c r="H568437" s="12"/>
    </row>
    <row r="568438" spans="8:8">
      <c r="H568438" s="12"/>
    </row>
    <row r="568439" spans="8:8">
      <c r="H568439" s="12"/>
    </row>
    <row r="568440" spans="8:8">
      <c r="H568440" s="12"/>
    </row>
    <row r="568441" spans="8:8">
      <c r="H568441" s="12"/>
    </row>
    <row r="568442" spans="8:8">
      <c r="H568442" s="12"/>
    </row>
    <row r="568443" spans="8:8">
      <c r="H568443" s="12"/>
    </row>
    <row r="568444" spans="8:8">
      <c r="H568444" s="12"/>
    </row>
    <row r="568445" spans="8:8">
      <c r="H568445" s="12"/>
    </row>
    <row r="568446" spans="8:8">
      <c r="H568446" s="12"/>
    </row>
    <row r="568447" spans="8:8">
      <c r="H568447" s="12"/>
    </row>
    <row r="568448" spans="8:8">
      <c r="H568448" s="12"/>
    </row>
    <row r="568449" spans="8:8">
      <c r="H568449" s="12"/>
    </row>
    <row r="568450" spans="8:8">
      <c r="H568450" s="12"/>
    </row>
    <row r="568451" spans="8:8">
      <c r="H568451" s="12"/>
    </row>
    <row r="568452" spans="8:8">
      <c r="H568452" s="12"/>
    </row>
    <row r="568453" spans="8:8">
      <c r="H568453" s="12"/>
    </row>
    <row r="568454" spans="8:8">
      <c r="H568454" s="12"/>
    </row>
    <row r="568455" spans="8:8">
      <c r="H568455" s="12"/>
    </row>
    <row r="568456" spans="8:8">
      <c r="H568456" s="12"/>
    </row>
    <row r="568457" spans="8:8">
      <c r="H568457" s="12"/>
    </row>
    <row r="568458" spans="8:8">
      <c r="H568458" s="12"/>
    </row>
    <row r="568459" spans="8:8">
      <c r="H568459" s="12"/>
    </row>
    <row r="568460" spans="8:8">
      <c r="H568460" s="12"/>
    </row>
    <row r="568461" spans="8:8">
      <c r="H568461" s="12"/>
    </row>
    <row r="568462" spans="8:8">
      <c r="H568462" s="12"/>
    </row>
    <row r="568463" spans="8:8">
      <c r="H568463" s="12"/>
    </row>
    <row r="568464" spans="8:8">
      <c r="H568464" s="12"/>
    </row>
    <row r="568465" spans="8:8">
      <c r="H568465" s="12"/>
    </row>
    <row r="568466" spans="8:8">
      <c r="H568466" s="12"/>
    </row>
    <row r="568467" spans="8:8">
      <c r="H568467" s="12"/>
    </row>
    <row r="568468" spans="8:8">
      <c r="H568468" s="12"/>
    </row>
    <row r="568469" spans="8:8">
      <c r="H568469" s="12"/>
    </row>
    <row r="568470" spans="8:8">
      <c r="H568470" s="12"/>
    </row>
    <row r="568471" spans="8:8">
      <c r="H568471" s="12"/>
    </row>
    <row r="568472" spans="8:8">
      <c r="H568472" s="12"/>
    </row>
    <row r="568473" spans="8:8">
      <c r="H568473" s="12"/>
    </row>
    <row r="568474" spans="8:8">
      <c r="H568474" s="12"/>
    </row>
    <row r="568475" spans="8:8">
      <c r="H568475" s="12"/>
    </row>
    <row r="568476" spans="8:8">
      <c r="H568476" s="12"/>
    </row>
    <row r="568477" spans="8:8">
      <c r="H568477" s="12"/>
    </row>
    <row r="568478" spans="8:8">
      <c r="H568478" s="12"/>
    </row>
    <row r="568479" spans="8:8">
      <c r="H568479" s="12"/>
    </row>
    <row r="568480" spans="8:8">
      <c r="H568480" s="12"/>
    </row>
    <row r="568481" spans="8:8">
      <c r="H568481" s="12"/>
    </row>
    <row r="568482" spans="8:8">
      <c r="H568482" s="12"/>
    </row>
    <row r="568483" spans="8:8">
      <c r="H568483" s="12"/>
    </row>
    <row r="568484" spans="8:8">
      <c r="H568484" s="12"/>
    </row>
    <row r="568485" spans="8:8">
      <c r="H568485" s="12"/>
    </row>
    <row r="568486" spans="8:8">
      <c r="H568486" s="12"/>
    </row>
    <row r="568487" spans="8:8">
      <c r="H568487" s="12"/>
    </row>
    <row r="568488" spans="8:8">
      <c r="H568488" s="12"/>
    </row>
    <row r="568489" spans="8:8">
      <c r="H568489" s="12"/>
    </row>
    <row r="568490" spans="8:8">
      <c r="H568490" s="12"/>
    </row>
    <row r="568491" spans="8:8">
      <c r="H568491" s="12"/>
    </row>
    <row r="568492" spans="8:8">
      <c r="H568492" s="12"/>
    </row>
    <row r="568493" spans="8:8">
      <c r="H568493" s="12"/>
    </row>
    <row r="568494" spans="8:8">
      <c r="H568494" s="12"/>
    </row>
    <row r="568495" spans="8:8">
      <c r="H568495" s="12"/>
    </row>
    <row r="568496" spans="8:8">
      <c r="H568496" s="12"/>
    </row>
    <row r="568497" spans="8:8">
      <c r="H568497" s="12"/>
    </row>
    <row r="568498" spans="8:8">
      <c r="H568498" s="12"/>
    </row>
    <row r="568499" spans="8:8">
      <c r="H568499" s="12"/>
    </row>
    <row r="568500" spans="8:8">
      <c r="H568500" s="12"/>
    </row>
    <row r="568501" spans="8:8">
      <c r="H568501" s="12"/>
    </row>
    <row r="568502" spans="8:8">
      <c r="H568502" s="12"/>
    </row>
    <row r="568503" spans="8:8">
      <c r="H568503" s="12"/>
    </row>
    <row r="568504" spans="8:8">
      <c r="H568504" s="12"/>
    </row>
    <row r="568505" spans="8:8">
      <c r="H568505" s="12"/>
    </row>
    <row r="568506" spans="8:8">
      <c r="H568506" s="12"/>
    </row>
    <row r="568507" spans="8:8">
      <c r="H568507" s="12"/>
    </row>
    <row r="568508" spans="8:8">
      <c r="H568508" s="12"/>
    </row>
    <row r="568509" spans="8:8">
      <c r="H568509" s="12"/>
    </row>
    <row r="568510" spans="8:8">
      <c r="H568510" s="12"/>
    </row>
    <row r="568511" spans="8:8">
      <c r="H568511" s="12"/>
    </row>
    <row r="568512" spans="8:8">
      <c r="H568512" s="12"/>
    </row>
    <row r="568513" spans="8:8">
      <c r="H568513" s="12"/>
    </row>
    <row r="568514" spans="8:8">
      <c r="H568514" s="12"/>
    </row>
    <row r="568515" spans="8:8">
      <c r="H568515" s="12"/>
    </row>
    <row r="568516" spans="8:8">
      <c r="H568516" s="12"/>
    </row>
    <row r="568517" spans="8:8">
      <c r="H568517" s="12"/>
    </row>
    <row r="568518" spans="8:8">
      <c r="H568518" s="12"/>
    </row>
    <row r="568519" spans="8:8">
      <c r="H568519" s="12"/>
    </row>
    <row r="568520" spans="8:8">
      <c r="H568520" s="12"/>
    </row>
    <row r="568521" spans="8:8">
      <c r="H568521" s="12"/>
    </row>
    <row r="568522" spans="8:8">
      <c r="H568522" s="12"/>
    </row>
    <row r="568523" spans="8:8">
      <c r="H568523" s="12"/>
    </row>
    <row r="568524" spans="8:8">
      <c r="H568524" s="12"/>
    </row>
    <row r="568525" spans="8:8">
      <c r="H568525" s="12"/>
    </row>
    <row r="568526" spans="8:8">
      <c r="H568526" s="12"/>
    </row>
    <row r="568527" spans="8:8">
      <c r="H568527" s="12"/>
    </row>
    <row r="568528" spans="8:8">
      <c r="H568528" s="12"/>
    </row>
    <row r="568529" spans="8:8">
      <c r="H568529" s="12"/>
    </row>
    <row r="568530" spans="8:8">
      <c r="H568530" s="12"/>
    </row>
    <row r="568531" spans="8:8">
      <c r="H568531" s="12"/>
    </row>
    <row r="568532" spans="8:8">
      <c r="H568532" s="12"/>
    </row>
    <row r="568533" spans="8:8">
      <c r="H568533" s="12"/>
    </row>
    <row r="568534" spans="8:8">
      <c r="H568534" s="12"/>
    </row>
    <row r="568535" spans="8:8">
      <c r="H568535" s="12"/>
    </row>
    <row r="568536" spans="8:8">
      <c r="H568536" s="12"/>
    </row>
    <row r="568537" spans="8:8">
      <c r="H568537" s="12"/>
    </row>
    <row r="568538" spans="8:8">
      <c r="H568538" s="12"/>
    </row>
    <row r="568539" spans="8:8">
      <c r="H568539" s="12"/>
    </row>
    <row r="568540" spans="8:8">
      <c r="H568540" s="12"/>
    </row>
    <row r="568541" spans="8:8">
      <c r="H568541" s="12"/>
    </row>
    <row r="568542" spans="8:8">
      <c r="H568542" s="12"/>
    </row>
    <row r="568543" spans="8:8">
      <c r="H568543" s="12"/>
    </row>
    <row r="568544" spans="8:8">
      <c r="H568544" s="12"/>
    </row>
    <row r="568545" spans="8:8">
      <c r="H568545" s="12"/>
    </row>
    <row r="568546" spans="8:8">
      <c r="H568546" s="12"/>
    </row>
    <row r="568547" spans="8:8">
      <c r="H568547" s="12"/>
    </row>
    <row r="568548" spans="8:8">
      <c r="H568548" s="12"/>
    </row>
    <row r="568549" spans="8:8">
      <c r="H568549" s="12"/>
    </row>
    <row r="568550" spans="8:8">
      <c r="H568550" s="12"/>
    </row>
    <row r="568551" spans="8:8">
      <c r="H568551" s="12"/>
    </row>
    <row r="568552" spans="8:8">
      <c r="H568552" s="12"/>
    </row>
    <row r="568553" spans="8:8">
      <c r="H568553" s="12"/>
    </row>
    <row r="568554" spans="8:8">
      <c r="H568554" s="12"/>
    </row>
    <row r="568555" spans="8:8">
      <c r="H568555" s="12"/>
    </row>
    <row r="568556" spans="8:8">
      <c r="H568556" s="12"/>
    </row>
    <row r="568557" spans="8:8">
      <c r="H568557" s="12"/>
    </row>
    <row r="568558" spans="8:8">
      <c r="H568558" s="12"/>
    </row>
    <row r="568559" spans="8:8">
      <c r="H568559" s="12"/>
    </row>
    <row r="568560" spans="8:8">
      <c r="H568560" s="12"/>
    </row>
    <row r="568561" spans="8:8">
      <c r="H568561" s="12"/>
    </row>
    <row r="568562" spans="8:8">
      <c r="H568562" s="12"/>
    </row>
    <row r="568563" spans="8:8">
      <c r="H568563" s="12"/>
    </row>
    <row r="568564" spans="8:8">
      <c r="H568564" s="12"/>
    </row>
    <row r="568565" spans="8:8">
      <c r="H568565" s="12"/>
    </row>
    <row r="568566" spans="8:8">
      <c r="H568566" s="12"/>
    </row>
    <row r="568567" spans="8:8">
      <c r="H568567" s="12"/>
    </row>
    <row r="568568" spans="8:8">
      <c r="H568568" s="12"/>
    </row>
    <row r="568569" spans="8:8">
      <c r="H568569" s="12"/>
    </row>
    <row r="568570" spans="8:8">
      <c r="H568570" s="12"/>
    </row>
    <row r="568571" spans="8:8">
      <c r="H568571" s="12"/>
    </row>
    <row r="568572" spans="8:8">
      <c r="H568572" s="12"/>
    </row>
    <row r="568573" spans="8:8">
      <c r="H568573" s="12"/>
    </row>
    <row r="568574" spans="8:8">
      <c r="H568574" s="12"/>
    </row>
    <row r="568575" spans="8:8">
      <c r="H568575" s="12"/>
    </row>
    <row r="568576" spans="8:8">
      <c r="H568576" s="12"/>
    </row>
    <row r="568577" spans="8:8">
      <c r="H568577" s="12"/>
    </row>
    <row r="568578" spans="8:8">
      <c r="H568578" s="12"/>
    </row>
    <row r="568579" spans="8:8">
      <c r="H568579" s="12"/>
    </row>
    <row r="568580" spans="8:8">
      <c r="H568580" s="12"/>
    </row>
    <row r="568581" spans="8:8">
      <c r="H568581" s="12"/>
    </row>
    <row r="568582" spans="8:8">
      <c r="H568582" s="12"/>
    </row>
    <row r="568583" spans="8:8">
      <c r="H568583" s="12"/>
    </row>
    <row r="568584" spans="8:8">
      <c r="H568584" s="12"/>
    </row>
    <row r="568585" spans="8:8">
      <c r="H568585" s="12"/>
    </row>
    <row r="568586" spans="8:8">
      <c r="H568586" s="12"/>
    </row>
    <row r="568587" spans="8:8">
      <c r="H568587" s="12"/>
    </row>
    <row r="568588" spans="8:8">
      <c r="H568588" s="12"/>
    </row>
    <row r="568589" spans="8:8">
      <c r="H568589" s="12"/>
    </row>
    <row r="568590" spans="8:8">
      <c r="H568590" s="12"/>
    </row>
    <row r="568591" spans="8:8">
      <c r="H568591" s="12"/>
    </row>
    <row r="568592" spans="8:8">
      <c r="H568592" s="12"/>
    </row>
    <row r="568593" spans="8:8">
      <c r="H568593" s="12"/>
    </row>
    <row r="568594" spans="8:8">
      <c r="H568594" s="12"/>
    </row>
    <row r="568595" spans="8:8">
      <c r="H568595" s="12"/>
    </row>
    <row r="568596" spans="8:8">
      <c r="H568596" s="12"/>
    </row>
    <row r="568597" spans="8:8">
      <c r="H568597" s="12"/>
    </row>
    <row r="568598" spans="8:8">
      <c r="H568598" s="12"/>
    </row>
    <row r="568599" spans="8:8">
      <c r="H568599" s="12"/>
    </row>
    <row r="568600" spans="8:8">
      <c r="H568600" s="12"/>
    </row>
    <row r="568601" spans="8:8">
      <c r="H568601" s="12"/>
    </row>
    <row r="568602" spans="8:8">
      <c r="H568602" s="12"/>
    </row>
    <row r="568603" spans="8:8">
      <c r="H568603" s="12"/>
    </row>
    <row r="568604" spans="8:8">
      <c r="H568604" s="12"/>
    </row>
    <row r="568605" spans="8:8">
      <c r="H568605" s="12"/>
    </row>
    <row r="568606" spans="8:8">
      <c r="H568606" s="12"/>
    </row>
    <row r="568607" spans="8:8">
      <c r="H568607" s="12"/>
    </row>
    <row r="568608" spans="8:8">
      <c r="H568608" s="12"/>
    </row>
    <row r="568609" spans="8:8">
      <c r="H568609" s="12"/>
    </row>
    <row r="568610" spans="8:8">
      <c r="H568610" s="12"/>
    </row>
    <row r="568611" spans="8:8">
      <c r="H568611" s="12"/>
    </row>
    <row r="568612" spans="8:8">
      <c r="H568612" s="12"/>
    </row>
    <row r="568613" spans="8:8">
      <c r="H568613" s="12"/>
    </row>
    <row r="568614" spans="8:8">
      <c r="H568614" s="12"/>
    </row>
    <row r="568615" spans="8:8">
      <c r="H568615" s="12"/>
    </row>
    <row r="568616" spans="8:8">
      <c r="H568616" s="12"/>
    </row>
    <row r="568617" spans="8:8">
      <c r="H568617" s="12"/>
    </row>
    <row r="568618" spans="8:8">
      <c r="H568618" s="12"/>
    </row>
    <row r="568619" spans="8:8">
      <c r="H568619" s="12"/>
    </row>
    <row r="568620" spans="8:8">
      <c r="H568620" s="12"/>
    </row>
    <row r="568621" spans="8:8">
      <c r="H568621" s="12"/>
    </row>
    <row r="568622" spans="8:8">
      <c r="H568622" s="12"/>
    </row>
    <row r="568623" spans="8:8">
      <c r="H568623" s="12"/>
    </row>
    <row r="568624" spans="8:8">
      <c r="H568624" s="12"/>
    </row>
    <row r="568625" spans="8:8">
      <c r="H568625" s="12"/>
    </row>
    <row r="568626" spans="8:8">
      <c r="H568626" s="12"/>
    </row>
    <row r="568627" spans="8:8">
      <c r="H568627" s="12"/>
    </row>
    <row r="568628" spans="8:8">
      <c r="H568628" s="12"/>
    </row>
    <row r="568629" spans="8:8">
      <c r="H568629" s="12"/>
    </row>
    <row r="568630" spans="8:8">
      <c r="H568630" s="12"/>
    </row>
    <row r="568631" spans="8:8">
      <c r="H568631" s="12"/>
    </row>
    <row r="568632" spans="8:8">
      <c r="H568632" s="12"/>
    </row>
    <row r="568633" spans="8:8">
      <c r="H568633" s="12"/>
    </row>
    <row r="568634" spans="8:8">
      <c r="H568634" s="12"/>
    </row>
    <row r="568635" spans="8:8">
      <c r="H568635" s="12"/>
    </row>
    <row r="568636" spans="8:8">
      <c r="H568636" s="12"/>
    </row>
    <row r="568637" spans="8:8">
      <c r="H568637" s="12"/>
    </row>
    <row r="568638" spans="8:8">
      <c r="H568638" s="12"/>
    </row>
    <row r="568639" spans="8:8">
      <c r="H568639" s="12"/>
    </row>
    <row r="568640" spans="8:8">
      <c r="H568640" s="12"/>
    </row>
    <row r="568641" spans="8:8">
      <c r="H568641" s="12"/>
    </row>
    <row r="568642" spans="8:8">
      <c r="H568642" s="12"/>
    </row>
    <row r="568643" spans="8:8">
      <c r="H568643" s="12"/>
    </row>
    <row r="568644" spans="8:8">
      <c r="H568644" s="12"/>
    </row>
    <row r="568645" spans="8:8">
      <c r="H568645" s="12"/>
    </row>
    <row r="568646" spans="8:8">
      <c r="H568646" s="12"/>
    </row>
    <row r="568647" spans="8:8">
      <c r="H568647" s="12"/>
    </row>
    <row r="568648" spans="8:8">
      <c r="H568648" s="12"/>
    </row>
    <row r="568649" spans="8:8">
      <c r="H568649" s="12"/>
    </row>
    <row r="568650" spans="8:8">
      <c r="H568650" s="12"/>
    </row>
    <row r="568651" spans="8:8">
      <c r="H568651" s="12"/>
    </row>
    <row r="568652" spans="8:8">
      <c r="H568652" s="12"/>
    </row>
    <row r="568653" spans="8:8">
      <c r="H568653" s="12"/>
    </row>
    <row r="568654" spans="8:8">
      <c r="H568654" s="12"/>
    </row>
    <row r="568655" spans="8:8">
      <c r="H568655" s="12"/>
    </row>
    <row r="568656" spans="8:8">
      <c r="H568656" s="12"/>
    </row>
    <row r="568657" spans="8:8">
      <c r="H568657" s="12"/>
    </row>
    <row r="568658" spans="8:8">
      <c r="H568658" s="12"/>
    </row>
    <row r="568659" spans="8:8">
      <c r="H568659" s="12"/>
    </row>
    <row r="568660" spans="8:8">
      <c r="H568660" s="12"/>
    </row>
    <row r="568661" spans="8:8">
      <c r="H568661" s="12"/>
    </row>
    <row r="568662" spans="8:8">
      <c r="H568662" s="12"/>
    </row>
    <row r="568663" spans="8:8">
      <c r="H568663" s="12"/>
    </row>
    <row r="568664" spans="8:8">
      <c r="H568664" s="12"/>
    </row>
    <row r="568665" spans="8:8">
      <c r="H568665" s="12"/>
    </row>
    <row r="568666" spans="8:8">
      <c r="H568666" s="12"/>
    </row>
    <row r="568667" spans="8:8">
      <c r="H568667" s="12"/>
    </row>
    <row r="568668" spans="8:8">
      <c r="H568668" s="12"/>
    </row>
    <row r="568669" spans="8:8">
      <c r="H568669" s="12"/>
    </row>
    <row r="568670" spans="8:8">
      <c r="H568670" s="12"/>
    </row>
    <row r="568671" spans="8:8">
      <c r="H568671" s="12"/>
    </row>
    <row r="568672" spans="8:8">
      <c r="H568672" s="12"/>
    </row>
    <row r="568673" spans="8:8">
      <c r="H568673" s="12"/>
    </row>
    <row r="568674" spans="8:8">
      <c r="H568674" s="12"/>
    </row>
    <row r="568675" spans="8:8">
      <c r="H568675" s="12"/>
    </row>
    <row r="568676" spans="8:8">
      <c r="H568676" s="12"/>
    </row>
    <row r="568677" spans="8:8">
      <c r="H568677" s="12"/>
    </row>
    <row r="568678" spans="8:8">
      <c r="H568678" s="12"/>
    </row>
    <row r="568679" spans="8:8">
      <c r="H568679" s="12"/>
    </row>
    <row r="568680" spans="8:8">
      <c r="H568680" s="12"/>
    </row>
    <row r="568681" spans="8:8">
      <c r="H568681" s="12"/>
    </row>
    <row r="568682" spans="8:8">
      <c r="H568682" s="12"/>
    </row>
    <row r="568683" spans="8:8">
      <c r="H568683" s="12"/>
    </row>
    <row r="568684" spans="8:8">
      <c r="H568684" s="12"/>
    </row>
    <row r="568685" spans="8:8">
      <c r="H568685" s="12"/>
    </row>
    <row r="568686" spans="8:8">
      <c r="H568686" s="12"/>
    </row>
    <row r="568687" spans="8:8">
      <c r="H568687" s="12"/>
    </row>
    <row r="568688" spans="8:8">
      <c r="H568688" s="12"/>
    </row>
    <row r="568689" spans="8:8">
      <c r="H568689" s="12"/>
    </row>
    <row r="568690" spans="8:8">
      <c r="H568690" s="12"/>
    </row>
    <row r="568691" spans="8:8">
      <c r="H568691" s="12"/>
    </row>
    <row r="568692" spans="8:8">
      <c r="H568692" s="12"/>
    </row>
    <row r="568693" spans="8:8">
      <c r="H568693" s="12"/>
    </row>
    <row r="568694" spans="8:8">
      <c r="H568694" s="12"/>
    </row>
    <row r="568695" spans="8:8">
      <c r="H568695" s="12"/>
    </row>
    <row r="568696" spans="8:8">
      <c r="H568696" s="12"/>
    </row>
    <row r="568697" spans="8:8">
      <c r="H568697" s="12"/>
    </row>
    <row r="568698" spans="8:8">
      <c r="H568698" s="12"/>
    </row>
    <row r="568699" spans="8:8">
      <c r="H568699" s="12"/>
    </row>
    <row r="568700" spans="8:8">
      <c r="H568700" s="12"/>
    </row>
    <row r="568701" spans="8:8">
      <c r="H568701" s="12"/>
    </row>
    <row r="568702" spans="8:8">
      <c r="H568702" s="12"/>
    </row>
    <row r="568703" spans="8:8">
      <c r="H568703" s="12"/>
    </row>
    <row r="568704" spans="8:8">
      <c r="H568704" s="12"/>
    </row>
    <row r="568705" spans="8:8">
      <c r="H568705" s="12"/>
    </row>
    <row r="568706" spans="8:8">
      <c r="H568706" s="12"/>
    </row>
    <row r="568707" spans="8:8">
      <c r="H568707" s="12"/>
    </row>
    <row r="568708" spans="8:8">
      <c r="H568708" s="12"/>
    </row>
    <row r="568709" spans="8:8">
      <c r="H568709" s="12"/>
    </row>
    <row r="568710" spans="8:8">
      <c r="H568710" s="12"/>
    </row>
    <row r="568711" spans="8:8">
      <c r="H568711" s="12"/>
    </row>
    <row r="568712" spans="8:8">
      <c r="H568712" s="12"/>
    </row>
    <row r="568713" spans="8:8">
      <c r="H568713" s="12"/>
    </row>
    <row r="568714" spans="8:8">
      <c r="H568714" s="12"/>
    </row>
    <row r="568715" spans="8:8">
      <c r="H568715" s="12"/>
    </row>
    <row r="568716" spans="8:8">
      <c r="H568716" s="12"/>
    </row>
    <row r="568717" spans="8:8">
      <c r="H568717" s="12"/>
    </row>
    <row r="568718" spans="8:8">
      <c r="H568718" s="12"/>
    </row>
    <row r="568719" spans="8:8">
      <c r="H568719" s="12"/>
    </row>
    <row r="568720" spans="8:8">
      <c r="H568720" s="12"/>
    </row>
    <row r="568721" spans="8:8">
      <c r="H568721" s="12"/>
    </row>
    <row r="568722" spans="8:8">
      <c r="H568722" s="12"/>
    </row>
    <row r="568723" spans="8:8">
      <c r="H568723" s="12"/>
    </row>
    <row r="568724" spans="8:8">
      <c r="H568724" s="12"/>
    </row>
    <row r="568725" spans="8:8">
      <c r="H568725" s="12"/>
    </row>
    <row r="568726" spans="8:8">
      <c r="H568726" s="12"/>
    </row>
    <row r="568727" spans="8:8">
      <c r="H568727" s="12"/>
    </row>
    <row r="568728" spans="8:8">
      <c r="H568728" s="12"/>
    </row>
    <row r="568729" spans="8:8">
      <c r="H568729" s="12"/>
    </row>
    <row r="568730" spans="8:8">
      <c r="H568730" s="12"/>
    </row>
    <row r="568731" spans="8:8">
      <c r="H568731" s="12"/>
    </row>
    <row r="568732" spans="8:8">
      <c r="H568732" s="12"/>
    </row>
    <row r="568733" spans="8:8">
      <c r="H568733" s="12"/>
    </row>
    <row r="568734" spans="8:8">
      <c r="H568734" s="12"/>
    </row>
    <row r="568735" spans="8:8">
      <c r="H568735" s="12"/>
    </row>
    <row r="568736" spans="8:8">
      <c r="H568736" s="12"/>
    </row>
    <row r="568737" spans="8:8">
      <c r="H568737" s="12"/>
    </row>
    <row r="568738" spans="8:8">
      <c r="H568738" s="12"/>
    </row>
    <row r="568739" spans="8:8">
      <c r="H568739" s="12"/>
    </row>
    <row r="568740" spans="8:8">
      <c r="H568740" s="12"/>
    </row>
    <row r="568741" spans="8:8">
      <c r="H568741" s="12"/>
    </row>
    <row r="568742" spans="8:8">
      <c r="H568742" s="12"/>
    </row>
    <row r="568743" spans="8:8">
      <c r="H568743" s="12"/>
    </row>
    <row r="568744" spans="8:8">
      <c r="H568744" s="12"/>
    </row>
    <row r="568745" spans="8:8">
      <c r="H568745" s="12"/>
    </row>
    <row r="568746" spans="8:8">
      <c r="H568746" s="12"/>
    </row>
    <row r="568747" spans="8:8">
      <c r="H568747" s="12"/>
    </row>
    <row r="568748" spans="8:8">
      <c r="H568748" s="12"/>
    </row>
    <row r="568749" spans="8:8">
      <c r="H568749" s="12"/>
    </row>
    <row r="568750" spans="8:8">
      <c r="H568750" s="12"/>
    </row>
    <row r="568751" spans="8:8">
      <c r="H568751" s="12"/>
    </row>
    <row r="568752" spans="8:8">
      <c r="H568752" s="12"/>
    </row>
    <row r="568753" spans="8:8">
      <c r="H568753" s="12"/>
    </row>
    <row r="568754" spans="8:8">
      <c r="H568754" s="12"/>
    </row>
    <row r="568755" spans="8:8">
      <c r="H568755" s="12"/>
    </row>
    <row r="568756" spans="8:8">
      <c r="H568756" s="12"/>
    </row>
    <row r="568757" spans="8:8">
      <c r="H568757" s="12"/>
    </row>
    <row r="568758" spans="8:8">
      <c r="H568758" s="12"/>
    </row>
    <row r="568759" spans="8:8">
      <c r="H568759" s="12"/>
    </row>
    <row r="568760" spans="8:8">
      <c r="H568760" s="12"/>
    </row>
    <row r="568761" spans="8:8">
      <c r="H568761" s="12"/>
    </row>
    <row r="568762" spans="8:8">
      <c r="H568762" s="12"/>
    </row>
    <row r="568763" spans="8:8">
      <c r="H568763" s="12"/>
    </row>
    <row r="568764" spans="8:8">
      <c r="H568764" s="12"/>
    </row>
    <row r="568765" spans="8:8">
      <c r="H568765" s="12"/>
    </row>
    <row r="568766" spans="8:8">
      <c r="H568766" s="12"/>
    </row>
    <row r="568767" spans="8:8">
      <c r="H568767" s="12"/>
    </row>
    <row r="568768" spans="8:8">
      <c r="H568768" s="12"/>
    </row>
    <row r="568769" spans="8:8">
      <c r="H568769" s="12"/>
    </row>
    <row r="568770" spans="8:8">
      <c r="H568770" s="12"/>
    </row>
    <row r="568771" spans="8:8">
      <c r="H568771" s="12"/>
    </row>
    <row r="568772" spans="8:8">
      <c r="H568772" s="12"/>
    </row>
    <row r="568773" spans="8:8">
      <c r="H568773" s="12"/>
    </row>
    <row r="568774" spans="8:8">
      <c r="H568774" s="12"/>
    </row>
    <row r="568775" spans="8:8">
      <c r="H568775" s="12"/>
    </row>
    <row r="568776" spans="8:8">
      <c r="H568776" s="12"/>
    </row>
    <row r="568777" spans="8:8">
      <c r="H568777" s="12"/>
    </row>
    <row r="568778" spans="8:8">
      <c r="H568778" s="12"/>
    </row>
    <row r="568779" spans="8:8">
      <c r="H568779" s="12"/>
    </row>
    <row r="568780" spans="8:8">
      <c r="H568780" s="12"/>
    </row>
    <row r="568781" spans="8:8">
      <c r="H568781" s="12"/>
    </row>
    <row r="568782" spans="8:8">
      <c r="H568782" s="12"/>
    </row>
    <row r="568783" spans="8:8">
      <c r="H568783" s="12"/>
    </row>
    <row r="568784" spans="8:8">
      <c r="H568784" s="12"/>
    </row>
    <row r="568785" spans="8:8">
      <c r="H568785" s="12"/>
    </row>
    <row r="568786" spans="8:8">
      <c r="H568786" s="12"/>
    </row>
    <row r="568787" spans="8:8">
      <c r="H568787" s="12"/>
    </row>
    <row r="568788" spans="8:8">
      <c r="H568788" s="12"/>
    </row>
    <row r="568789" spans="8:8">
      <c r="H568789" s="12"/>
    </row>
    <row r="568790" spans="8:8">
      <c r="H568790" s="12"/>
    </row>
    <row r="568791" spans="8:8">
      <c r="H568791" s="12"/>
    </row>
    <row r="568792" spans="8:8">
      <c r="H568792" s="12"/>
    </row>
    <row r="568793" spans="8:8">
      <c r="H568793" s="12"/>
    </row>
    <row r="568794" spans="8:8">
      <c r="H568794" s="12"/>
    </row>
    <row r="568795" spans="8:8">
      <c r="H568795" s="12"/>
    </row>
    <row r="568796" spans="8:8">
      <c r="H568796" s="12"/>
    </row>
    <row r="568797" spans="8:8">
      <c r="H568797" s="12"/>
    </row>
    <row r="568798" spans="8:8">
      <c r="H568798" s="12"/>
    </row>
    <row r="568799" spans="8:8">
      <c r="H568799" s="12"/>
    </row>
    <row r="568800" spans="8:8">
      <c r="H568800" s="12"/>
    </row>
    <row r="568801" spans="8:8">
      <c r="H568801" s="12"/>
    </row>
    <row r="568802" spans="8:8">
      <c r="H568802" s="12"/>
    </row>
    <row r="568803" spans="8:8">
      <c r="H568803" s="12"/>
    </row>
    <row r="568804" spans="8:8">
      <c r="H568804" s="12"/>
    </row>
    <row r="568805" spans="8:8">
      <c r="H568805" s="12"/>
    </row>
    <row r="568806" spans="8:8">
      <c r="H568806" s="12"/>
    </row>
    <row r="568807" spans="8:8">
      <c r="H568807" s="12"/>
    </row>
    <row r="568808" spans="8:8">
      <c r="H568808" s="12"/>
    </row>
    <row r="568809" spans="8:8">
      <c r="H568809" s="12"/>
    </row>
    <row r="568810" spans="8:8">
      <c r="H568810" s="12"/>
    </row>
    <row r="568811" spans="8:8">
      <c r="H568811" s="12"/>
    </row>
    <row r="568812" spans="8:8">
      <c r="H568812" s="12"/>
    </row>
    <row r="568813" spans="8:8">
      <c r="H568813" s="12"/>
    </row>
    <row r="568814" spans="8:8">
      <c r="H568814" s="12"/>
    </row>
    <row r="568815" spans="8:8">
      <c r="H568815" s="12"/>
    </row>
    <row r="568816" spans="8:8">
      <c r="H568816" s="12"/>
    </row>
    <row r="568817" spans="8:8">
      <c r="H568817" s="12"/>
    </row>
    <row r="568818" spans="8:8">
      <c r="H568818" s="12"/>
    </row>
    <row r="568819" spans="8:8">
      <c r="H568819" s="12"/>
    </row>
    <row r="568820" spans="8:8">
      <c r="H568820" s="12"/>
    </row>
    <row r="568821" spans="8:8">
      <c r="H568821" s="12"/>
    </row>
    <row r="568822" spans="8:8">
      <c r="H568822" s="12"/>
    </row>
    <row r="568823" spans="8:8">
      <c r="H568823" s="12"/>
    </row>
    <row r="568824" spans="8:8">
      <c r="H568824" s="12"/>
    </row>
    <row r="568825" spans="8:8">
      <c r="H568825" s="12"/>
    </row>
    <row r="568826" spans="8:8">
      <c r="H568826" s="12"/>
    </row>
    <row r="568827" spans="8:8">
      <c r="H568827" s="12"/>
    </row>
    <row r="568828" spans="8:8">
      <c r="H568828" s="12"/>
    </row>
    <row r="568829" spans="8:8">
      <c r="H568829" s="12"/>
    </row>
    <row r="568830" spans="8:8">
      <c r="H568830" s="12"/>
    </row>
    <row r="568831" spans="8:8">
      <c r="H568831" s="12"/>
    </row>
    <row r="568832" spans="8:8">
      <c r="H568832" s="12"/>
    </row>
    <row r="568833" spans="8:8">
      <c r="H568833" s="12"/>
    </row>
    <row r="568834" spans="8:8">
      <c r="H568834" s="12"/>
    </row>
    <row r="568835" spans="8:8">
      <c r="H568835" s="12"/>
    </row>
    <row r="568836" spans="8:8">
      <c r="H568836" s="12"/>
    </row>
    <row r="568837" spans="8:8">
      <c r="H568837" s="12"/>
    </row>
    <row r="568838" spans="8:8">
      <c r="H568838" s="12"/>
    </row>
    <row r="568839" spans="8:8">
      <c r="H568839" s="12"/>
    </row>
    <row r="568840" spans="8:8">
      <c r="H568840" s="12"/>
    </row>
    <row r="568841" spans="8:8">
      <c r="H568841" s="12"/>
    </row>
    <row r="568842" spans="8:8">
      <c r="H568842" s="12"/>
    </row>
    <row r="568843" spans="8:8">
      <c r="H568843" s="12"/>
    </row>
    <row r="568844" spans="8:8">
      <c r="H568844" s="12"/>
    </row>
    <row r="568845" spans="8:8">
      <c r="H568845" s="12"/>
    </row>
    <row r="568846" spans="8:8">
      <c r="H568846" s="12"/>
    </row>
    <row r="568847" spans="8:8">
      <c r="H568847" s="12"/>
    </row>
    <row r="568848" spans="8:8">
      <c r="H568848" s="12"/>
    </row>
    <row r="568849" spans="8:8">
      <c r="H568849" s="12"/>
    </row>
    <row r="568850" spans="8:8">
      <c r="H568850" s="12"/>
    </row>
    <row r="568851" spans="8:8">
      <c r="H568851" s="12"/>
    </row>
    <row r="568852" spans="8:8">
      <c r="H568852" s="12"/>
    </row>
    <row r="568853" spans="8:8">
      <c r="H568853" s="12"/>
    </row>
    <row r="568854" spans="8:8">
      <c r="H568854" s="12"/>
    </row>
    <row r="568855" spans="8:8">
      <c r="H568855" s="12"/>
    </row>
    <row r="568856" spans="8:8">
      <c r="H568856" s="12"/>
    </row>
    <row r="568857" spans="8:8">
      <c r="H568857" s="12"/>
    </row>
    <row r="568858" spans="8:8">
      <c r="H568858" s="12"/>
    </row>
    <row r="568859" spans="8:8">
      <c r="H568859" s="12"/>
    </row>
    <row r="568860" spans="8:8">
      <c r="H568860" s="12"/>
    </row>
    <row r="568861" spans="8:8">
      <c r="H568861" s="12"/>
    </row>
    <row r="568862" spans="8:8">
      <c r="H568862" s="12"/>
    </row>
    <row r="568863" spans="8:8">
      <c r="H568863" s="12"/>
    </row>
    <row r="568864" spans="8:8">
      <c r="H568864" s="12"/>
    </row>
    <row r="568865" spans="8:8">
      <c r="H568865" s="12"/>
    </row>
    <row r="568866" spans="8:8">
      <c r="H568866" s="12"/>
    </row>
    <row r="568867" spans="8:8">
      <c r="H568867" s="12"/>
    </row>
    <row r="568868" spans="8:8">
      <c r="H568868" s="12"/>
    </row>
    <row r="568869" spans="8:8">
      <c r="H568869" s="12"/>
    </row>
    <row r="568870" spans="8:8">
      <c r="H568870" s="12"/>
    </row>
    <row r="568871" spans="8:8">
      <c r="H568871" s="12"/>
    </row>
    <row r="568872" spans="8:8">
      <c r="H568872" s="12"/>
    </row>
    <row r="568873" spans="8:8">
      <c r="H568873" s="12"/>
    </row>
    <row r="568874" spans="8:8">
      <c r="H568874" s="12"/>
    </row>
    <row r="568875" spans="8:8">
      <c r="H568875" s="12"/>
    </row>
    <row r="568876" spans="8:8">
      <c r="H568876" s="12"/>
    </row>
    <row r="568877" spans="8:8">
      <c r="H568877" s="12"/>
    </row>
    <row r="568878" spans="8:8">
      <c r="H568878" s="12"/>
    </row>
    <row r="568879" spans="8:8">
      <c r="H568879" s="12"/>
    </row>
    <row r="568880" spans="8:8">
      <c r="H568880" s="12"/>
    </row>
    <row r="568881" spans="8:8">
      <c r="H568881" s="12"/>
    </row>
    <row r="568882" spans="8:8">
      <c r="H568882" s="12"/>
    </row>
    <row r="568883" spans="8:8">
      <c r="H568883" s="12"/>
    </row>
    <row r="568884" spans="8:8">
      <c r="H568884" s="12"/>
    </row>
    <row r="568885" spans="8:8">
      <c r="H568885" s="12"/>
    </row>
    <row r="568886" spans="8:8">
      <c r="H568886" s="12"/>
    </row>
    <row r="568887" spans="8:8">
      <c r="H568887" s="12"/>
    </row>
    <row r="568888" spans="8:8">
      <c r="H568888" s="12"/>
    </row>
    <row r="568889" spans="8:8">
      <c r="H568889" s="12"/>
    </row>
    <row r="568890" spans="8:8">
      <c r="H568890" s="12"/>
    </row>
    <row r="568891" spans="8:8">
      <c r="H568891" s="12"/>
    </row>
    <row r="568892" spans="8:8">
      <c r="H568892" s="12"/>
    </row>
    <row r="568893" spans="8:8">
      <c r="H568893" s="12"/>
    </row>
    <row r="568894" spans="8:8">
      <c r="H568894" s="12"/>
    </row>
    <row r="568895" spans="8:8">
      <c r="H568895" s="12"/>
    </row>
    <row r="568896" spans="8:8">
      <c r="H568896" s="12"/>
    </row>
    <row r="568897" spans="8:8">
      <c r="H568897" s="12"/>
    </row>
    <row r="568898" spans="8:8">
      <c r="H568898" s="12"/>
    </row>
    <row r="568899" spans="8:8">
      <c r="H568899" s="12"/>
    </row>
    <row r="568900" spans="8:8">
      <c r="H568900" s="12"/>
    </row>
    <row r="568901" spans="8:8">
      <c r="H568901" s="12"/>
    </row>
    <row r="568902" spans="8:8">
      <c r="H568902" s="12"/>
    </row>
    <row r="568903" spans="8:8">
      <c r="H568903" s="12"/>
    </row>
    <row r="568904" spans="8:8">
      <c r="H568904" s="12"/>
    </row>
    <row r="568905" spans="8:8">
      <c r="H568905" s="12"/>
    </row>
    <row r="568906" spans="8:8">
      <c r="H568906" s="12"/>
    </row>
    <row r="568907" spans="8:8">
      <c r="H568907" s="12"/>
    </row>
    <row r="568908" spans="8:8">
      <c r="H568908" s="12"/>
    </row>
    <row r="568909" spans="8:8">
      <c r="H568909" s="12"/>
    </row>
    <row r="568910" spans="8:8">
      <c r="H568910" s="12"/>
    </row>
    <row r="568911" spans="8:8">
      <c r="H568911" s="12"/>
    </row>
    <row r="568912" spans="8:8">
      <c r="H568912" s="12"/>
    </row>
    <row r="568913" spans="8:8">
      <c r="H568913" s="12"/>
    </row>
    <row r="568914" spans="8:8">
      <c r="H568914" s="12"/>
    </row>
    <row r="568915" spans="8:8">
      <c r="H568915" s="12"/>
    </row>
    <row r="568916" spans="8:8">
      <c r="H568916" s="12"/>
    </row>
    <row r="568917" spans="8:8">
      <c r="H568917" s="12"/>
    </row>
    <row r="568918" spans="8:8">
      <c r="H568918" s="12"/>
    </row>
    <row r="568919" spans="8:8">
      <c r="H568919" s="12"/>
    </row>
    <row r="568920" spans="8:8">
      <c r="H568920" s="12"/>
    </row>
    <row r="568921" spans="8:8">
      <c r="H568921" s="12"/>
    </row>
    <row r="568922" spans="8:8">
      <c r="H568922" s="12"/>
    </row>
    <row r="568923" spans="8:8">
      <c r="H568923" s="12"/>
    </row>
    <row r="568924" spans="8:8">
      <c r="H568924" s="12"/>
    </row>
    <row r="568925" spans="8:8">
      <c r="H568925" s="12"/>
    </row>
    <row r="568926" spans="8:8">
      <c r="H568926" s="12"/>
    </row>
    <row r="568927" spans="8:8">
      <c r="H568927" s="12"/>
    </row>
    <row r="568928" spans="8:8">
      <c r="H568928" s="12"/>
    </row>
    <row r="568929" spans="8:8">
      <c r="H568929" s="12"/>
    </row>
    <row r="568930" spans="8:8">
      <c r="H568930" s="12"/>
    </row>
    <row r="568931" spans="8:8">
      <c r="H568931" s="12"/>
    </row>
    <row r="568932" spans="8:8">
      <c r="H568932" s="12"/>
    </row>
    <row r="568933" spans="8:8">
      <c r="H568933" s="12"/>
    </row>
    <row r="568934" spans="8:8">
      <c r="H568934" s="12"/>
    </row>
    <row r="568935" spans="8:8">
      <c r="H568935" s="12"/>
    </row>
    <row r="568936" spans="8:8">
      <c r="H568936" s="12"/>
    </row>
    <row r="568937" spans="8:8">
      <c r="H568937" s="12"/>
    </row>
    <row r="568938" spans="8:8">
      <c r="H568938" s="12"/>
    </row>
    <row r="568939" spans="8:8">
      <c r="H568939" s="12"/>
    </row>
    <row r="568940" spans="8:8">
      <c r="H568940" s="12"/>
    </row>
    <row r="568941" spans="8:8">
      <c r="H568941" s="12"/>
    </row>
    <row r="568942" spans="8:8">
      <c r="H568942" s="12"/>
    </row>
    <row r="568943" spans="8:8">
      <c r="H568943" s="12"/>
    </row>
    <row r="568944" spans="8:8">
      <c r="H568944" s="12"/>
    </row>
    <row r="568945" spans="8:8">
      <c r="H568945" s="12"/>
    </row>
    <row r="568946" spans="8:8">
      <c r="H568946" s="12"/>
    </row>
    <row r="568947" spans="8:8">
      <c r="H568947" s="12"/>
    </row>
    <row r="568948" spans="8:8">
      <c r="H568948" s="12"/>
    </row>
    <row r="568949" spans="8:8">
      <c r="H568949" s="12"/>
    </row>
    <row r="568950" spans="8:8">
      <c r="H568950" s="12"/>
    </row>
    <row r="568951" spans="8:8">
      <c r="H568951" s="12"/>
    </row>
    <row r="568952" spans="8:8">
      <c r="H568952" s="12"/>
    </row>
    <row r="568953" spans="8:8">
      <c r="H568953" s="12"/>
    </row>
    <row r="568954" spans="8:8">
      <c r="H568954" s="12"/>
    </row>
    <row r="568955" spans="8:8">
      <c r="H568955" s="12"/>
    </row>
    <row r="568956" spans="8:8">
      <c r="H568956" s="12"/>
    </row>
    <row r="568957" spans="8:8">
      <c r="H568957" s="12"/>
    </row>
    <row r="568958" spans="8:8">
      <c r="H568958" s="12"/>
    </row>
    <row r="568959" spans="8:8">
      <c r="H568959" s="12"/>
    </row>
    <row r="568960" spans="8:8">
      <c r="H568960" s="12"/>
    </row>
    <row r="568961" spans="8:8">
      <c r="H568961" s="12"/>
    </row>
    <row r="568962" spans="8:8">
      <c r="H568962" s="12"/>
    </row>
    <row r="568963" spans="8:8">
      <c r="H568963" s="12"/>
    </row>
    <row r="568964" spans="8:8">
      <c r="H568964" s="12"/>
    </row>
    <row r="568965" spans="8:8">
      <c r="H568965" s="12"/>
    </row>
    <row r="568966" spans="8:8">
      <c r="H568966" s="12"/>
    </row>
    <row r="568967" spans="8:8">
      <c r="H568967" s="12"/>
    </row>
    <row r="568968" spans="8:8">
      <c r="H568968" s="12"/>
    </row>
    <row r="568969" spans="8:8">
      <c r="H568969" s="12"/>
    </row>
    <row r="568970" spans="8:8">
      <c r="H568970" s="12"/>
    </row>
    <row r="568971" spans="8:8">
      <c r="H568971" s="12"/>
    </row>
    <row r="568972" spans="8:8">
      <c r="H568972" s="12"/>
    </row>
    <row r="568973" spans="8:8">
      <c r="H568973" s="12"/>
    </row>
    <row r="568974" spans="8:8">
      <c r="H568974" s="12"/>
    </row>
    <row r="568975" spans="8:8">
      <c r="H568975" s="12"/>
    </row>
    <row r="568976" spans="8:8">
      <c r="H568976" s="12"/>
    </row>
    <row r="568977" spans="8:8">
      <c r="H568977" s="12"/>
    </row>
    <row r="568978" spans="8:8">
      <c r="H568978" s="12"/>
    </row>
    <row r="568979" spans="8:8">
      <c r="H568979" s="12"/>
    </row>
    <row r="568980" spans="8:8">
      <c r="H568980" s="12"/>
    </row>
    <row r="568981" spans="8:8">
      <c r="H568981" s="12"/>
    </row>
    <row r="568982" spans="8:8">
      <c r="H568982" s="12"/>
    </row>
    <row r="568983" spans="8:8">
      <c r="H568983" s="12"/>
    </row>
    <row r="568984" spans="8:8">
      <c r="H568984" s="12"/>
    </row>
    <row r="568985" spans="8:8">
      <c r="H568985" s="12"/>
    </row>
    <row r="568986" spans="8:8">
      <c r="H568986" s="12"/>
    </row>
    <row r="568987" spans="8:8">
      <c r="H568987" s="12"/>
    </row>
    <row r="568988" spans="8:8">
      <c r="H568988" s="12"/>
    </row>
    <row r="568989" spans="8:8">
      <c r="H568989" s="12"/>
    </row>
    <row r="568990" spans="8:8">
      <c r="H568990" s="12"/>
    </row>
    <row r="568991" spans="8:8">
      <c r="H568991" s="12"/>
    </row>
    <row r="568992" spans="8:8">
      <c r="H568992" s="12"/>
    </row>
    <row r="568993" spans="8:8">
      <c r="H568993" s="12"/>
    </row>
    <row r="568994" spans="8:8">
      <c r="H568994" s="12"/>
    </row>
    <row r="568995" spans="8:8">
      <c r="H568995" s="12"/>
    </row>
    <row r="568996" spans="8:8">
      <c r="H568996" s="12"/>
    </row>
    <row r="568997" spans="8:8">
      <c r="H568997" s="12"/>
    </row>
    <row r="568998" spans="8:8">
      <c r="H568998" s="12"/>
    </row>
    <row r="568999" spans="8:8">
      <c r="H568999" s="12"/>
    </row>
    <row r="569000" spans="8:8">
      <c r="H569000" s="12"/>
    </row>
    <row r="569001" spans="8:8">
      <c r="H569001" s="12"/>
    </row>
    <row r="569002" spans="8:8">
      <c r="H569002" s="12"/>
    </row>
    <row r="569003" spans="8:8">
      <c r="H569003" s="12"/>
    </row>
    <row r="569004" spans="8:8">
      <c r="H569004" s="12"/>
    </row>
    <row r="569005" spans="8:8">
      <c r="H569005" s="12"/>
    </row>
    <row r="569006" spans="8:8">
      <c r="H569006" s="12"/>
    </row>
    <row r="569007" spans="8:8">
      <c r="H569007" s="12"/>
    </row>
    <row r="569008" spans="8:8">
      <c r="H569008" s="12"/>
    </row>
    <row r="569009" spans="8:8">
      <c r="H569009" s="12"/>
    </row>
    <row r="569010" spans="8:8">
      <c r="H569010" s="12"/>
    </row>
    <row r="569011" spans="8:8">
      <c r="H569011" s="12"/>
    </row>
    <row r="569012" spans="8:8">
      <c r="H569012" s="12"/>
    </row>
    <row r="569013" spans="8:8">
      <c r="H569013" s="12"/>
    </row>
    <row r="569014" spans="8:8">
      <c r="H569014" s="12"/>
    </row>
    <row r="569015" spans="8:8">
      <c r="H569015" s="12"/>
    </row>
    <row r="569016" spans="8:8">
      <c r="H569016" s="12"/>
    </row>
    <row r="569017" spans="8:8">
      <c r="H569017" s="12"/>
    </row>
    <row r="569018" spans="8:8">
      <c r="H569018" s="12"/>
    </row>
    <row r="569019" spans="8:8">
      <c r="H569019" s="12"/>
    </row>
    <row r="569020" spans="8:8">
      <c r="H569020" s="12"/>
    </row>
    <row r="569021" spans="8:8">
      <c r="H569021" s="12"/>
    </row>
    <row r="569022" spans="8:8">
      <c r="H569022" s="12"/>
    </row>
    <row r="569023" spans="8:8">
      <c r="H569023" s="12"/>
    </row>
    <row r="569024" spans="8:8">
      <c r="H569024" s="12"/>
    </row>
    <row r="569025" spans="8:8">
      <c r="H569025" s="12"/>
    </row>
    <row r="569026" spans="8:8">
      <c r="H569026" s="12"/>
    </row>
    <row r="569027" spans="8:8">
      <c r="H569027" s="12"/>
    </row>
    <row r="569028" spans="8:8">
      <c r="H569028" s="12"/>
    </row>
    <row r="569029" spans="8:8">
      <c r="H569029" s="12"/>
    </row>
    <row r="569030" spans="8:8">
      <c r="H569030" s="12"/>
    </row>
    <row r="569031" spans="8:8">
      <c r="H569031" s="12"/>
    </row>
    <row r="569032" spans="8:8">
      <c r="H569032" s="12"/>
    </row>
    <row r="569033" spans="8:8">
      <c r="H569033" s="12"/>
    </row>
    <row r="569034" spans="8:8">
      <c r="H569034" s="12"/>
    </row>
    <row r="569035" spans="8:8">
      <c r="H569035" s="12"/>
    </row>
    <row r="569036" spans="8:8">
      <c r="H569036" s="12"/>
    </row>
    <row r="569037" spans="8:8">
      <c r="H569037" s="12"/>
    </row>
    <row r="569038" spans="8:8">
      <c r="H569038" s="12"/>
    </row>
    <row r="569039" spans="8:8">
      <c r="H569039" s="12"/>
    </row>
    <row r="569040" spans="8:8">
      <c r="H569040" s="12"/>
    </row>
    <row r="569041" spans="8:8">
      <c r="H569041" s="12"/>
    </row>
    <row r="569042" spans="8:8">
      <c r="H569042" s="12"/>
    </row>
    <row r="569043" spans="8:8">
      <c r="H569043" s="12"/>
    </row>
    <row r="569044" spans="8:8">
      <c r="H569044" s="12"/>
    </row>
    <row r="569045" spans="8:8">
      <c r="H569045" s="12"/>
    </row>
    <row r="569046" spans="8:8">
      <c r="H569046" s="12"/>
    </row>
    <row r="569047" spans="8:8">
      <c r="H569047" s="12"/>
    </row>
    <row r="569048" spans="8:8">
      <c r="H569048" s="12"/>
    </row>
    <row r="569049" spans="8:8">
      <c r="H569049" s="12"/>
    </row>
    <row r="569050" spans="8:8">
      <c r="H569050" s="12"/>
    </row>
    <row r="569051" spans="8:8">
      <c r="H569051" s="12"/>
    </row>
    <row r="569052" spans="8:8">
      <c r="H569052" s="12"/>
    </row>
    <row r="569053" spans="8:8">
      <c r="H569053" s="12"/>
    </row>
    <row r="569054" spans="8:8">
      <c r="H569054" s="12"/>
    </row>
    <row r="569055" spans="8:8">
      <c r="H569055" s="12"/>
    </row>
    <row r="569056" spans="8:8">
      <c r="H569056" s="12"/>
    </row>
    <row r="569057" spans="8:8">
      <c r="H569057" s="12"/>
    </row>
    <row r="569058" spans="8:8">
      <c r="H569058" s="12"/>
    </row>
    <row r="569059" spans="8:8">
      <c r="H569059" s="12"/>
    </row>
    <row r="569060" spans="8:8">
      <c r="H569060" s="12"/>
    </row>
    <row r="569061" spans="8:8">
      <c r="H569061" s="12"/>
    </row>
    <row r="569062" spans="8:8">
      <c r="H569062" s="12"/>
    </row>
    <row r="569063" spans="8:8">
      <c r="H569063" s="12"/>
    </row>
    <row r="569064" spans="8:8">
      <c r="H569064" s="12"/>
    </row>
    <row r="569065" spans="8:8">
      <c r="H569065" s="12"/>
    </row>
    <row r="569066" spans="8:8">
      <c r="H569066" s="12"/>
    </row>
    <row r="569067" spans="8:8">
      <c r="H569067" s="12"/>
    </row>
    <row r="569068" spans="8:8">
      <c r="H569068" s="12"/>
    </row>
    <row r="569069" spans="8:8">
      <c r="H569069" s="12"/>
    </row>
    <row r="569070" spans="8:8">
      <c r="H569070" s="12"/>
    </row>
    <row r="569071" spans="8:8">
      <c r="H569071" s="12"/>
    </row>
    <row r="569072" spans="8:8">
      <c r="H569072" s="12"/>
    </row>
    <row r="569073" spans="8:8">
      <c r="H569073" s="12"/>
    </row>
    <row r="569074" spans="8:8">
      <c r="H569074" s="12"/>
    </row>
    <row r="569075" spans="8:8">
      <c r="H569075" s="12"/>
    </row>
    <row r="569076" spans="8:8">
      <c r="H569076" s="12"/>
    </row>
    <row r="569077" spans="8:8">
      <c r="H569077" s="12"/>
    </row>
    <row r="569078" spans="8:8">
      <c r="H569078" s="12"/>
    </row>
    <row r="569079" spans="8:8">
      <c r="H569079" s="12"/>
    </row>
    <row r="569080" spans="8:8">
      <c r="H569080" s="12"/>
    </row>
    <row r="569081" spans="8:8">
      <c r="H569081" s="12"/>
    </row>
    <row r="569082" spans="8:8">
      <c r="H569082" s="12"/>
    </row>
    <row r="569083" spans="8:8">
      <c r="H569083" s="12"/>
    </row>
    <row r="569084" spans="8:8">
      <c r="H569084" s="12"/>
    </row>
    <row r="569085" spans="8:8">
      <c r="H569085" s="12"/>
    </row>
    <row r="569086" spans="8:8">
      <c r="H569086" s="12"/>
    </row>
    <row r="569087" spans="8:8">
      <c r="H569087" s="12"/>
    </row>
    <row r="569088" spans="8:8">
      <c r="H569088" s="12"/>
    </row>
    <row r="569089" spans="8:8">
      <c r="H569089" s="12"/>
    </row>
    <row r="569090" spans="8:8">
      <c r="H569090" s="12"/>
    </row>
    <row r="569091" spans="8:8">
      <c r="H569091" s="12"/>
    </row>
    <row r="569092" spans="8:8">
      <c r="H569092" s="12"/>
    </row>
    <row r="569093" spans="8:8">
      <c r="H569093" s="12"/>
    </row>
    <row r="569094" spans="8:8">
      <c r="H569094" s="12"/>
    </row>
    <row r="569095" spans="8:8">
      <c r="H569095" s="12"/>
    </row>
    <row r="569096" spans="8:8">
      <c r="H569096" s="12"/>
    </row>
    <row r="569097" spans="8:8">
      <c r="H569097" s="12"/>
    </row>
    <row r="569098" spans="8:8">
      <c r="H569098" s="12"/>
    </row>
    <row r="569099" spans="8:8">
      <c r="H569099" s="12"/>
    </row>
    <row r="569100" spans="8:8">
      <c r="H569100" s="12"/>
    </row>
    <row r="569101" spans="8:8">
      <c r="H569101" s="12"/>
    </row>
    <row r="569102" spans="8:8">
      <c r="H569102" s="12"/>
    </row>
    <row r="569103" spans="8:8">
      <c r="H569103" s="12"/>
    </row>
    <row r="569104" spans="8:8">
      <c r="H569104" s="12"/>
    </row>
    <row r="569105" spans="8:8">
      <c r="H569105" s="12"/>
    </row>
    <row r="569106" spans="8:8">
      <c r="H569106" s="12"/>
    </row>
    <row r="569107" spans="8:8">
      <c r="H569107" s="12"/>
    </row>
    <row r="569108" spans="8:8">
      <c r="H569108" s="12"/>
    </row>
    <row r="569109" spans="8:8">
      <c r="H569109" s="12"/>
    </row>
    <row r="569110" spans="8:8">
      <c r="H569110" s="12"/>
    </row>
    <row r="569111" spans="8:8">
      <c r="H569111" s="12"/>
    </row>
    <row r="569112" spans="8:8">
      <c r="H569112" s="12"/>
    </row>
    <row r="569113" spans="8:8">
      <c r="H569113" s="12"/>
    </row>
    <row r="569114" spans="8:8">
      <c r="H569114" s="12"/>
    </row>
    <row r="569115" spans="8:8">
      <c r="H569115" s="12"/>
    </row>
    <row r="569116" spans="8:8">
      <c r="H569116" s="12"/>
    </row>
    <row r="569117" spans="8:8">
      <c r="H569117" s="12"/>
    </row>
    <row r="569118" spans="8:8">
      <c r="H569118" s="12"/>
    </row>
    <row r="569119" spans="8:8">
      <c r="H569119" s="12"/>
    </row>
    <row r="569120" spans="8:8">
      <c r="H569120" s="12"/>
    </row>
    <row r="569121" spans="8:8">
      <c r="H569121" s="12"/>
    </row>
    <row r="569122" spans="8:8">
      <c r="H569122" s="12"/>
    </row>
    <row r="569123" spans="8:8">
      <c r="H569123" s="12"/>
    </row>
    <row r="569124" spans="8:8">
      <c r="H569124" s="12"/>
    </row>
    <row r="569125" spans="8:8">
      <c r="H569125" s="12"/>
    </row>
    <row r="569126" spans="8:8">
      <c r="H569126" s="12"/>
    </row>
    <row r="569127" spans="8:8">
      <c r="H569127" s="12"/>
    </row>
    <row r="569128" spans="8:8">
      <c r="H569128" s="12"/>
    </row>
    <row r="569129" spans="8:8">
      <c r="H569129" s="12"/>
    </row>
    <row r="569130" spans="8:8">
      <c r="H569130" s="12"/>
    </row>
    <row r="569131" spans="8:8">
      <c r="H569131" s="12"/>
    </row>
    <row r="569132" spans="8:8">
      <c r="H569132" s="12"/>
    </row>
    <row r="569133" spans="8:8">
      <c r="H569133" s="12"/>
    </row>
    <row r="569134" spans="8:8">
      <c r="H569134" s="12"/>
    </row>
    <row r="569135" spans="8:8">
      <c r="H569135" s="12"/>
    </row>
    <row r="569136" spans="8:8">
      <c r="H569136" s="12"/>
    </row>
    <row r="569137" spans="8:8">
      <c r="H569137" s="12"/>
    </row>
    <row r="569138" spans="8:8">
      <c r="H569138" s="12"/>
    </row>
    <row r="569139" spans="8:8">
      <c r="H569139" s="12"/>
    </row>
    <row r="569140" spans="8:8">
      <c r="H569140" s="12"/>
    </row>
    <row r="569141" spans="8:8">
      <c r="H569141" s="12"/>
    </row>
    <row r="569142" spans="8:8">
      <c r="H569142" s="12"/>
    </row>
    <row r="569143" spans="8:8">
      <c r="H569143" s="12"/>
    </row>
    <row r="569144" spans="8:8">
      <c r="H569144" s="12"/>
    </row>
    <row r="569145" spans="8:8">
      <c r="H569145" s="12"/>
    </row>
    <row r="569146" spans="8:8">
      <c r="H569146" s="12"/>
    </row>
    <row r="569147" spans="8:8">
      <c r="H569147" s="12"/>
    </row>
    <row r="569148" spans="8:8">
      <c r="H569148" s="12"/>
    </row>
    <row r="569149" spans="8:8">
      <c r="H569149" s="12"/>
    </row>
    <row r="569150" spans="8:8">
      <c r="H569150" s="12"/>
    </row>
    <row r="569151" spans="8:8">
      <c r="H569151" s="12"/>
    </row>
    <row r="569152" spans="8:8">
      <c r="H569152" s="12"/>
    </row>
    <row r="569153" spans="8:8">
      <c r="H569153" s="12"/>
    </row>
    <row r="569154" spans="8:8">
      <c r="H569154" s="12"/>
    </row>
    <row r="569155" spans="8:8">
      <c r="H569155" s="12"/>
    </row>
    <row r="569156" spans="8:8">
      <c r="H569156" s="12"/>
    </row>
    <row r="569157" spans="8:8">
      <c r="H569157" s="12"/>
    </row>
    <row r="569158" spans="8:8">
      <c r="H569158" s="12"/>
    </row>
    <row r="569159" spans="8:8">
      <c r="H569159" s="12"/>
    </row>
    <row r="569160" spans="8:8">
      <c r="H569160" s="12"/>
    </row>
    <row r="569161" spans="8:8">
      <c r="H569161" s="12"/>
    </row>
    <row r="569162" spans="8:8">
      <c r="H569162" s="12"/>
    </row>
    <row r="569163" spans="8:8">
      <c r="H569163" s="12"/>
    </row>
    <row r="569164" spans="8:8">
      <c r="H569164" s="12"/>
    </row>
    <row r="569165" spans="8:8">
      <c r="H569165" s="12"/>
    </row>
    <row r="569166" spans="8:8">
      <c r="H569166" s="12"/>
    </row>
    <row r="569167" spans="8:8">
      <c r="H569167" s="12"/>
    </row>
    <row r="569168" spans="8:8">
      <c r="H569168" s="12"/>
    </row>
    <row r="569169" spans="8:8">
      <c r="H569169" s="12"/>
    </row>
    <row r="569170" spans="8:8">
      <c r="H569170" s="12"/>
    </row>
    <row r="569171" spans="8:8">
      <c r="H569171" s="12"/>
    </row>
    <row r="569172" spans="8:8">
      <c r="H569172" s="12"/>
    </row>
    <row r="569173" spans="8:8">
      <c r="H569173" s="12"/>
    </row>
    <row r="569174" spans="8:8">
      <c r="H569174" s="12"/>
    </row>
    <row r="569175" spans="8:8">
      <c r="H569175" s="12"/>
    </row>
    <row r="569176" spans="8:8">
      <c r="H569176" s="12"/>
    </row>
    <row r="569177" spans="8:8">
      <c r="H569177" s="12"/>
    </row>
    <row r="569178" spans="8:8">
      <c r="H569178" s="12"/>
    </row>
    <row r="569179" spans="8:8">
      <c r="H569179" s="12"/>
    </row>
    <row r="569180" spans="8:8">
      <c r="H569180" s="12"/>
    </row>
    <row r="569181" spans="8:8">
      <c r="H569181" s="12"/>
    </row>
    <row r="569182" spans="8:8">
      <c r="H569182" s="12"/>
    </row>
    <row r="569183" spans="8:8">
      <c r="H569183" s="12"/>
    </row>
    <row r="569184" spans="8:8">
      <c r="H569184" s="12"/>
    </row>
    <row r="569185" spans="8:8">
      <c r="H569185" s="12"/>
    </row>
    <row r="569186" spans="8:8">
      <c r="H569186" s="12"/>
    </row>
    <row r="569187" spans="8:8">
      <c r="H569187" s="12"/>
    </row>
    <row r="569188" spans="8:8">
      <c r="H569188" s="12"/>
    </row>
    <row r="569189" spans="8:8">
      <c r="H569189" s="12"/>
    </row>
    <row r="569190" spans="8:8">
      <c r="H569190" s="12"/>
    </row>
    <row r="569191" spans="8:8">
      <c r="H569191" s="12"/>
    </row>
    <row r="569192" spans="8:8">
      <c r="H569192" s="12"/>
    </row>
    <row r="569193" spans="8:8">
      <c r="H569193" s="12"/>
    </row>
    <row r="569194" spans="8:8">
      <c r="H569194" s="12"/>
    </row>
    <row r="569195" spans="8:8">
      <c r="H569195" s="12"/>
    </row>
    <row r="569196" spans="8:8">
      <c r="H569196" s="12"/>
    </row>
    <row r="569197" spans="8:8">
      <c r="H569197" s="12"/>
    </row>
    <row r="569198" spans="8:8">
      <c r="H569198" s="12"/>
    </row>
    <row r="569199" spans="8:8">
      <c r="H569199" s="12"/>
    </row>
    <row r="569200" spans="8:8">
      <c r="H569200" s="12"/>
    </row>
    <row r="569201" spans="8:8">
      <c r="H569201" s="12"/>
    </row>
    <row r="569202" spans="8:8">
      <c r="H569202" s="12"/>
    </row>
    <row r="569203" spans="8:8">
      <c r="H569203" s="12"/>
    </row>
    <row r="569204" spans="8:8">
      <c r="H569204" s="12"/>
    </row>
    <row r="569205" spans="8:8">
      <c r="H569205" s="12"/>
    </row>
    <row r="569206" spans="8:8">
      <c r="H569206" s="12"/>
    </row>
    <row r="569207" spans="8:8">
      <c r="H569207" s="12"/>
    </row>
    <row r="569208" spans="8:8">
      <c r="H569208" s="12"/>
    </row>
    <row r="569209" spans="8:8">
      <c r="H569209" s="12"/>
    </row>
    <row r="569210" spans="8:8">
      <c r="H569210" s="12"/>
    </row>
    <row r="569211" spans="8:8">
      <c r="H569211" s="12"/>
    </row>
    <row r="569212" spans="8:8">
      <c r="H569212" s="12"/>
    </row>
    <row r="569213" spans="8:8">
      <c r="H569213" s="12"/>
    </row>
    <row r="569214" spans="8:8">
      <c r="H569214" s="12"/>
    </row>
    <row r="569215" spans="8:8">
      <c r="H569215" s="12"/>
    </row>
    <row r="569216" spans="8:8">
      <c r="H569216" s="12"/>
    </row>
    <row r="569217" spans="8:8">
      <c r="H569217" s="12"/>
    </row>
    <row r="569218" spans="8:8">
      <c r="H569218" s="12"/>
    </row>
    <row r="569219" spans="8:8">
      <c r="H569219" s="12"/>
    </row>
    <row r="569220" spans="8:8">
      <c r="H569220" s="12"/>
    </row>
    <row r="569221" spans="8:8">
      <c r="H569221" s="12"/>
    </row>
    <row r="569222" spans="8:8">
      <c r="H569222" s="12"/>
    </row>
    <row r="569223" spans="8:8">
      <c r="H569223" s="12"/>
    </row>
    <row r="569224" spans="8:8">
      <c r="H569224" s="12"/>
    </row>
    <row r="569225" spans="8:8">
      <c r="H569225" s="12"/>
    </row>
    <row r="569226" spans="8:8">
      <c r="H569226" s="12"/>
    </row>
    <row r="569227" spans="8:8">
      <c r="H569227" s="12"/>
    </row>
    <row r="569228" spans="8:8">
      <c r="H569228" s="12"/>
    </row>
    <row r="569229" spans="8:8">
      <c r="H569229" s="12"/>
    </row>
    <row r="569230" spans="8:8">
      <c r="H569230" s="12"/>
    </row>
    <row r="569231" spans="8:8">
      <c r="H569231" s="12"/>
    </row>
    <row r="569232" spans="8:8">
      <c r="H569232" s="12"/>
    </row>
    <row r="569233" spans="8:8">
      <c r="H569233" s="12"/>
    </row>
    <row r="569234" spans="8:8">
      <c r="H569234" s="12"/>
    </row>
    <row r="569235" spans="8:8">
      <c r="H569235" s="12"/>
    </row>
    <row r="569236" spans="8:8">
      <c r="H569236" s="12"/>
    </row>
    <row r="569237" spans="8:8">
      <c r="H569237" s="12"/>
    </row>
    <row r="569238" spans="8:8">
      <c r="H569238" s="12"/>
    </row>
    <row r="569239" spans="8:8">
      <c r="H569239" s="12"/>
    </row>
    <row r="569240" spans="8:8">
      <c r="H569240" s="12"/>
    </row>
    <row r="569241" spans="8:8">
      <c r="H569241" s="12"/>
    </row>
    <row r="569242" spans="8:8">
      <c r="H569242" s="12"/>
    </row>
    <row r="569243" spans="8:8">
      <c r="H569243" s="12"/>
    </row>
    <row r="569244" spans="8:8">
      <c r="H569244" s="12"/>
    </row>
    <row r="569245" spans="8:8">
      <c r="H569245" s="12"/>
    </row>
    <row r="569246" spans="8:8">
      <c r="H569246" s="12"/>
    </row>
    <row r="569247" spans="8:8">
      <c r="H569247" s="12"/>
    </row>
    <row r="569248" spans="8:8">
      <c r="H569248" s="12"/>
    </row>
    <row r="569249" spans="8:8">
      <c r="H569249" s="12"/>
    </row>
    <row r="569250" spans="8:8">
      <c r="H569250" s="12"/>
    </row>
    <row r="569251" spans="8:8">
      <c r="H569251" s="12"/>
    </row>
    <row r="569252" spans="8:8">
      <c r="H569252" s="12"/>
    </row>
    <row r="569253" spans="8:8">
      <c r="H569253" s="12"/>
    </row>
    <row r="569254" spans="8:8">
      <c r="H569254" s="12"/>
    </row>
    <row r="569255" spans="8:8">
      <c r="H569255" s="12"/>
    </row>
    <row r="569256" spans="8:8">
      <c r="H569256" s="12"/>
    </row>
    <row r="569257" spans="8:8">
      <c r="H569257" s="12"/>
    </row>
    <row r="569258" spans="8:8">
      <c r="H569258" s="12"/>
    </row>
    <row r="569259" spans="8:8">
      <c r="H569259" s="12"/>
    </row>
    <row r="569260" spans="8:8">
      <c r="H569260" s="12"/>
    </row>
    <row r="569261" spans="8:8">
      <c r="H569261" s="12"/>
    </row>
    <row r="569262" spans="8:8">
      <c r="H569262" s="12"/>
    </row>
    <row r="569263" spans="8:8">
      <c r="H569263" s="12"/>
    </row>
    <row r="569264" spans="8:8">
      <c r="H569264" s="12"/>
    </row>
    <row r="569265" spans="8:8">
      <c r="H569265" s="12"/>
    </row>
    <row r="569266" spans="8:8">
      <c r="H569266" s="12"/>
    </row>
    <row r="569267" spans="8:8">
      <c r="H569267" s="12"/>
    </row>
    <row r="569268" spans="8:8">
      <c r="H569268" s="12"/>
    </row>
    <row r="569269" spans="8:8">
      <c r="H569269" s="12"/>
    </row>
    <row r="569270" spans="8:8">
      <c r="H569270" s="12"/>
    </row>
    <row r="569271" spans="8:8">
      <c r="H569271" s="12"/>
    </row>
    <row r="569272" spans="8:8">
      <c r="H569272" s="12"/>
    </row>
    <row r="569273" spans="8:8">
      <c r="H569273" s="12"/>
    </row>
    <row r="569274" spans="8:8">
      <c r="H569274" s="12"/>
    </row>
    <row r="569275" spans="8:8">
      <c r="H569275" s="12"/>
    </row>
    <row r="569276" spans="8:8">
      <c r="H569276" s="12"/>
    </row>
    <row r="569277" spans="8:8">
      <c r="H569277" s="12"/>
    </row>
    <row r="569278" spans="8:8">
      <c r="H569278" s="12"/>
    </row>
    <row r="569279" spans="8:8">
      <c r="H569279" s="12"/>
    </row>
    <row r="569280" spans="8:8">
      <c r="H569280" s="12"/>
    </row>
    <row r="569281" spans="8:8">
      <c r="H569281" s="12"/>
    </row>
    <row r="569282" spans="8:8">
      <c r="H569282" s="12"/>
    </row>
    <row r="569283" spans="8:8">
      <c r="H569283" s="12"/>
    </row>
    <row r="569284" spans="8:8">
      <c r="H569284" s="12"/>
    </row>
    <row r="569285" spans="8:8">
      <c r="H569285" s="12"/>
    </row>
    <row r="569286" spans="8:8">
      <c r="H569286" s="12"/>
    </row>
    <row r="569287" spans="8:8">
      <c r="H569287" s="12"/>
    </row>
    <row r="569288" spans="8:8">
      <c r="H569288" s="12"/>
    </row>
    <row r="569289" spans="8:8">
      <c r="H569289" s="12"/>
    </row>
    <row r="569290" spans="8:8">
      <c r="H569290" s="12"/>
    </row>
    <row r="569291" spans="8:8">
      <c r="H569291" s="12"/>
    </row>
    <row r="569292" spans="8:8">
      <c r="H569292" s="12"/>
    </row>
    <row r="569293" spans="8:8">
      <c r="H569293" s="12"/>
    </row>
    <row r="569294" spans="8:8">
      <c r="H569294" s="12"/>
    </row>
    <row r="569295" spans="8:8">
      <c r="H569295" s="12"/>
    </row>
    <row r="569296" spans="8:8">
      <c r="H569296" s="12"/>
    </row>
    <row r="569297" spans="8:8">
      <c r="H569297" s="12"/>
    </row>
    <row r="569298" spans="8:8">
      <c r="H569298" s="12"/>
    </row>
    <row r="569299" spans="8:8">
      <c r="H569299" s="12"/>
    </row>
    <row r="569300" spans="8:8">
      <c r="H569300" s="12"/>
    </row>
    <row r="569301" spans="8:8">
      <c r="H569301" s="12"/>
    </row>
    <row r="569302" spans="8:8">
      <c r="H569302" s="12"/>
    </row>
    <row r="569303" spans="8:8">
      <c r="H569303" s="12"/>
    </row>
    <row r="569304" spans="8:8">
      <c r="H569304" s="12"/>
    </row>
    <row r="569305" spans="8:8">
      <c r="H569305" s="12"/>
    </row>
    <row r="569306" spans="8:8">
      <c r="H569306" s="12"/>
    </row>
    <row r="569307" spans="8:8">
      <c r="H569307" s="12"/>
    </row>
    <row r="569308" spans="8:8">
      <c r="H569308" s="12"/>
    </row>
    <row r="569309" spans="8:8">
      <c r="H569309" s="12"/>
    </row>
    <row r="569310" spans="8:8">
      <c r="H569310" s="12"/>
    </row>
    <row r="569311" spans="8:8">
      <c r="H569311" s="12"/>
    </row>
    <row r="569312" spans="8:8">
      <c r="H569312" s="12"/>
    </row>
    <row r="569313" spans="8:8">
      <c r="H569313" s="12"/>
    </row>
    <row r="569314" spans="8:8">
      <c r="H569314" s="12"/>
    </row>
    <row r="569315" spans="8:8">
      <c r="H569315" s="12"/>
    </row>
    <row r="569316" spans="8:8">
      <c r="H569316" s="12"/>
    </row>
    <row r="569317" spans="8:8">
      <c r="H569317" s="12"/>
    </row>
    <row r="569318" spans="8:8">
      <c r="H569318" s="12"/>
    </row>
    <row r="569319" spans="8:8">
      <c r="H569319" s="12"/>
    </row>
    <row r="569320" spans="8:8">
      <c r="H569320" s="12"/>
    </row>
    <row r="569321" spans="8:8">
      <c r="H569321" s="12"/>
    </row>
    <row r="569322" spans="8:8">
      <c r="H569322" s="12"/>
    </row>
    <row r="569323" spans="8:8">
      <c r="H569323" s="12"/>
    </row>
    <row r="569324" spans="8:8">
      <c r="H569324" s="12"/>
    </row>
    <row r="569325" spans="8:8">
      <c r="H569325" s="12"/>
    </row>
    <row r="569326" spans="8:8">
      <c r="H569326" s="12"/>
    </row>
    <row r="569327" spans="8:8">
      <c r="H569327" s="12"/>
    </row>
    <row r="569328" spans="8:8">
      <c r="H569328" s="12"/>
    </row>
    <row r="569329" spans="8:8">
      <c r="H569329" s="12"/>
    </row>
    <row r="569330" spans="8:8">
      <c r="H569330" s="12"/>
    </row>
    <row r="569331" spans="8:8">
      <c r="H569331" s="12"/>
    </row>
    <row r="569332" spans="8:8">
      <c r="H569332" s="12"/>
    </row>
    <row r="569333" spans="8:8">
      <c r="H569333" s="12"/>
    </row>
    <row r="569334" spans="8:8">
      <c r="H569334" s="12"/>
    </row>
    <row r="569335" spans="8:8">
      <c r="H569335" s="12"/>
    </row>
    <row r="569336" spans="8:8">
      <c r="H569336" s="12"/>
    </row>
    <row r="569337" spans="8:8">
      <c r="H569337" s="12"/>
    </row>
    <row r="569338" spans="8:8">
      <c r="H569338" s="12"/>
    </row>
    <row r="569339" spans="8:8">
      <c r="H569339" s="12"/>
    </row>
    <row r="569340" spans="8:8">
      <c r="H569340" s="12"/>
    </row>
    <row r="569341" spans="8:8">
      <c r="H569341" s="12"/>
    </row>
    <row r="569342" spans="8:8">
      <c r="H569342" s="12"/>
    </row>
    <row r="569343" spans="8:8">
      <c r="H569343" s="12"/>
    </row>
    <row r="569344" spans="8:8">
      <c r="H569344" s="12"/>
    </row>
    <row r="569345" spans="8:8">
      <c r="H569345" s="12"/>
    </row>
    <row r="569346" spans="8:8">
      <c r="H569346" s="12"/>
    </row>
    <row r="569347" spans="8:8">
      <c r="H569347" s="12"/>
    </row>
    <row r="569348" spans="8:8">
      <c r="H569348" s="12"/>
    </row>
    <row r="569349" spans="8:8">
      <c r="H569349" s="12"/>
    </row>
    <row r="569350" spans="8:8">
      <c r="H569350" s="12"/>
    </row>
    <row r="569351" spans="8:8">
      <c r="H569351" s="12"/>
    </row>
    <row r="569352" spans="8:8">
      <c r="H569352" s="12"/>
    </row>
    <row r="569353" spans="8:8">
      <c r="H569353" s="12"/>
    </row>
    <row r="569354" spans="8:8">
      <c r="H569354" s="12"/>
    </row>
    <row r="569355" spans="8:8">
      <c r="H569355" s="12"/>
    </row>
    <row r="569356" spans="8:8">
      <c r="H569356" s="12"/>
    </row>
    <row r="569357" spans="8:8">
      <c r="H569357" s="12"/>
    </row>
    <row r="569358" spans="8:8">
      <c r="H569358" s="12"/>
    </row>
    <row r="569359" spans="8:8">
      <c r="H569359" s="12"/>
    </row>
    <row r="569360" spans="8:8">
      <c r="H569360" s="12"/>
    </row>
    <row r="569361" spans="8:8">
      <c r="H569361" s="12"/>
    </row>
    <row r="569362" spans="8:8">
      <c r="H569362" s="12"/>
    </row>
    <row r="569363" spans="8:8">
      <c r="H569363" s="12"/>
    </row>
    <row r="569364" spans="8:8">
      <c r="H569364" s="12"/>
    </row>
    <row r="569365" spans="8:8">
      <c r="H569365" s="12"/>
    </row>
    <row r="569366" spans="8:8">
      <c r="H569366" s="12"/>
    </row>
    <row r="569367" spans="8:8">
      <c r="H569367" s="12"/>
    </row>
    <row r="569368" spans="8:8">
      <c r="H569368" s="12"/>
    </row>
    <row r="569369" spans="8:8">
      <c r="H569369" s="12"/>
    </row>
    <row r="569370" spans="8:8">
      <c r="H569370" s="12"/>
    </row>
    <row r="569371" spans="8:8">
      <c r="H569371" s="12"/>
    </row>
    <row r="569372" spans="8:8">
      <c r="H569372" s="12"/>
    </row>
    <row r="569373" spans="8:8">
      <c r="H569373" s="12"/>
    </row>
    <row r="569374" spans="8:8">
      <c r="H569374" s="12"/>
    </row>
    <row r="569375" spans="8:8">
      <c r="H569375" s="12"/>
    </row>
    <row r="569376" spans="8:8">
      <c r="H569376" s="12"/>
    </row>
    <row r="569377" spans="8:8">
      <c r="H569377" s="12"/>
    </row>
    <row r="569378" spans="8:8">
      <c r="H569378" s="12"/>
    </row>
    <row r="569379" spans="8:8">
      <c r="H569379" s="12"/>
    </row>
    <row r="569380" spans="8:8">
      <c r="H569380" s="12"/>
    </row>
    <row r="569381" spans="8:8">
      <c r="H569381" s="12"/>
    </row>
    <row r="569382" spans="8:8">
      <c r="H569382" s="12"/>
    </row>
    <row r="569383" spans="8:8">
      <c r="H569383" s="12"/>
    </row>
    <row r="569384" spans="8:8">
      <c r="H569384" s="12"/>
    </row>
    <row r="569385" spans="8:8">
      <c r="H569385" s="12"/>
    </row>
    <row r="569386" spans="8:8">
      <c r="H569386" s="12"/>
    </row>
    <row r="569387" spans="8:8">
      <c r="H569387" s="12"/>
    </row>
    <row r="569388" spans="8:8">
      <c r="H569388" s="12"/>
    </row>
    <row r="569389" spans="8:8">
      <c r="H569389" s="12"/>
    </row>
    <row r="569390" spans="8:8">
      <c r="H569390" s="12"/>
    </row>
    <row r="569391" spans="8:8">
      <c r="H569391" s="12"/>
    </row>
    <row r="569392" spans="8:8">
      <c r="H569392" s="12"/>
    </row>
    <row r="569393" spans="8:8">
      <c r="H569393" s="12"/>
    </row>
    <row r="569394" spans="8:8">
      <c r="H569394" s="12"/>
    </row>
    <row r="569395" spans="8:8">
      <c r="H569395" s="12"/>
    </row>
    <row r="569396" spans="8:8">
      <c r="H569396" s="12"/>
    </row>
    <row r="569397" spans="8:8">
      <c r="H569397" s="12"/>
    </row>
    <row r="569398" spans="8:8">
      <c r="H569398" s="12"/>
    </row>
    <row r="569399" spans="8:8">
      <c r="H569399" s="12"/>
    </row>
    <row r="569400" spans="8:8">
      <c r="H569400" s="12"/>
    </row>
    <row r="569401" spans="8:8">
      <c r="H569401" s="12"/>
    </row>
    <row r="569402" spans="8:8">
      <c r="H569402" s="12"/>
    </row>
    <row r="569403" spans="8:8">
      <c r="H569403" s="12"/>
    </row>
    <row r="569404" spans="8:8">
      <c r="H569404" s="12"/>
    </row>
    <row r="569405" spans="8:8">
      <c r="H569405" s="12"/>
    </row>
    <row r="569406" spans="8:8">
      <c r="H569406" s="12"/>
    </row>
    <row r="569407" spans="8:8">
      <c r="H569407" s="12"/>
    </row>
    <row r="569408" spans="8:8">
      <c r="H569408" s="12"/>
    </row>
    <row r="569409" spans="8:8">
      <c r="H569409" s="12"/>
    </row>
    <row r="569410" spans="8:8">
      <c r="H569410" s="12"/>
    </row>
    <row r="569411" spans="8:8">
      <c r="H569411" s="12"/>
    </row>
    <row r="569412" spans="8:8">
      <c r="H569412" s="12"/>
    </row>
    <row r="569413" spans="8:8">
      <c r="H569413" s="12"/>
    </row>
    <row r="569414" spans="8:8">
      <c r="H569414" s="12"/>
    </row>
    <row r="569415" spans="8:8">
      <c r="H569415" s="12"/>
    </row>
    <row r="569416" spans="8:8">
      <c r="H569416" s="12"/>
    </row>
    <row r="569417" spans="8:8">
      <c r="H569417" s="12"/>
    </row>
    <row r="569418" spans="8:8">
      <c r="H569418" s="12"/>
    </row>
    <row r="569419" spans="8:8">
      <c r="H569419" s="12"/>
    </row>
    <row r="569420" spans="8:8">
      <c r="H569420" s="12"/>
    </row>
    <row r="569421" spans="8:8">
      <c r="H569421" s="12"/>
    </row>
    <row r="569422" spans="8:8">
      <c r="H569422" s="12"/>
    </row>
    <row r="569423" spans="8:8">
      <c r="H569423" s="12"/>
    </row>
    <row r="569424" spans="8:8">
      <c r="H569424" s="12"/>
    </row>
    <row r="569425" spans="8:8">
      <c r="H569425" s="12"/>
    </row>
    <row r="569426" spans="8:8">
      <c r="H569426" s="12"/>
    </row>
    <row r="569427" spans="8:8">
      <c r="H569427" s="12"/>
    </row>
    <row r="569428" spans="8:8">
      <c r="H569428" s="12"/>
    </row>
    <row r="569429" spans="8:8">
      <c r="H569429" s="12"/>
    </row>
    <row r="569430" spans="8:8">
      <c r="H569430" s="12"/>
    </row>
    <row r="569431" spans="8:8">
      <c r="H569431" s="12"/>
    </row>
    <row r="569432" spans="8:8">
      <c r="H569432" s="12"/>
    </row>
    <row r="569433" spans="8:8">
      <c r="H569433" s="12"/>
    </row>
    <row r="569434" spans="8:8">
      <c r="H569434" s="12"/>
    </row>
    <row r="569435" spans="8:8">
      <c r="H569435" s="12"/>
    </row>
    <row r="569436" spans="8:8">
      <c r="H569436" s="12"/>
    </row>
    <row r="569437" spans="8:8">
      <c r="H569437" s="12"/>
    </row>
    <row r="569438" spans="8:8">
      <c r="H569438" s="12"/>
    </row>
    <row r="569439" spans="8:8">
      <c r="H569439" s="12"/>
    </row>
    <row r="569440" spans="8:8">
      <c r="H569440" s="12"/>
    </row>
    <row r="569441" spans="8:8">
      <c r="H569441" s="12"/>
    </row>
    <row r="569442" spans="8:8">
      <c r="H569442" s="12"/>
    </row>
    <row r="569443" spans="8:8">
      <c r="H569443" s="12"/>
    </row>
    <row r="569444" spans="8:8">
      <c r="H569444" s="12"/>
    </row>
    <row r="569445" spans="8:8">
      <c r="H569445" s="12"/>
    </row>
    <row r="569446" spans="8:8">
      <c r="H569446" s="12"/>
    </row>
    <row r="569447" spans="8:8">
      <c r="H569447" s="12"/>
    </row>
    <row r="569448" spans="8:8">
      <c r="H569448" s="12"/>
    </row>
    <row r="569449" spans="8:8">
      <c r="H569449" s="12"/>
    </row>
    <row r="569450" spans="8:8">
      <c r="H569450" s="12"/>
    </row>
    <row r="569451" spans="8:8">
      <c r="H569451" s="12"/>
    </row>
    <row r="569452" spans="8:8">
      <c r="H569452" s="12"/>
    </row>
    <row r="569453" spans="8:8">
      <c r="H569453" s="12"/>
    </row>
    <row r="569454" spans="8:8">
      <c r="H569454" s="12"/>
    </row>
    <row r="569455" spans="8:8">
      <c r="H569455" s="12"/>
    </row>
    <row r="569456" spans="8:8">
      <c r="H569456" s="12"/>
    </row>
    <row r="569457" spans="8:8">
      <c r="H569457" s="12"/>
    </row>
    <row r="569458" spans="8:8">
      <c r="H569458" s="12"/>
    </row>
    <row r="569459" spans="8:8">
      <c r="H569459" s="12"/>
    </row>
    <row r="569460" spans="8:8">
      <c r="H569460" s="12"/>
    </row>
    <row r="569461" spans="8:8">
      <c r="H569461" s="12"/>
    </row>
    <row r="569462" spans="8:8">
      <c r="H569462" s="12"/>
    </row>
    <row r="569463" spans="8:8">
      <c r="H569463" s="12"/>
    </row>
    <row r="569464" spans="8:8">
      <c r="H569464" s="12"/>
    </row>
    <row r="569465" spans="8:8">
      <c r="H569465" s="12"/>
    </row>
    <row r="569466" spans="8:8">
      <c r="H569466" s="12"/>
    </row>
    <row r="569467" spans="8:8">
      <c r="H569467" s="12"/>
    </row>
    <row r="569468" spans="8:8">
      <c r="H569468" s="12"/>
    </row>
    <row r="569469" spans="8:8">
      <c r="H569469" s="12"/>
    </row>
    <row r="569470" spans="8:8">
      <c r="H569470" s="12"/>
    </row>
    <row r="569471" spans="8:8">
      <c r="H569471" s="12"/>
    </row>
    <row r="569472" spans="8:8">
      <c r="H569472" s="12"/>
    </row>
    <row r="569473" spans="8:8">
      <c r="H569473" s="12"/>
    </row>
    <row r="569474" spans="8:8">
      <c r="H569474" s="12"/>
    </row>
    <row r="569475" spans="8:8">
      <c r="H569475" s="12"/>
    </row>
    <row r="569476" spans="8:8">
      <c r="H569476" s="12"/>
    </row>
    <row r="569477" spans="8:8">
      <c r="H569477" s="12"/>
    </row>
    <row r="569478" spans="8:8">
      <c r="H569478" s="12"/>
    </row>
    <row r="569479" spans="8:8">
      <c r="H569479" s="12"/>
    </row>
    <row r="569480" spans="8:8">
      <c r="H569480" s="12"/>
    </row>
    <row r="569481" spans="8:8">
      <c r="H569481" s="12"/>
    </row>
    <row r="569482" spans="8:8">
      <c r="H569482" s="12"/>
    </row>
    <row r="569483" spans="8:8">
      <c r="H569483" s="12"/>
    </row>
    <row r="569484" spans="8:8">
      <c r="H569484" s="12"/>
    </row>
    <row r="569485" spans="8:8">
      <c r="H569485" s="12"/>
    </row>
    <row r="569486" spans="8:8">
      <c r="H569486" s="12"/>
    </row>
    <row r="569487" spans="8:8">
      <c r="H569487" s="12"/>
    </row>
    <row r="569488" spans="8:8">
      <c r="H569488" s="12"/>
    </row>
    <row r="569489" spans="8:8">
      <c r="H569489" s="12"/>
    </row>
    <row r="569490" spans="8:8">
      <c r="H569490" s="12"/>
    </row>
    <row r="569491" spans="8:8">
      <c r="H569491" s="12"/>
    </row>
    <row r="569492" spans="8:8">
      <c r="H569492" s="12"/>
    </row>
    <row r="569493" spans="8:8">
      <c r="H569493" s="12"/>
    </row>
    <row r="569494" spans="8:8">
      <c r="H569494" s="12"/>
    </row>
    <row r="569495" spans="8:8">
      <c r="H569495" s="12"/>
    </row>
    <row r="569496" spans="8:8">
      <c r="H569496" s="12"/>
    </row>
    <row r="569497" spans="8:8">
      <c r="H569497" s="12"/>
    </row>
    <row r="569498" spans="8:8">
      <c r="H569498" s="12"/>
    </row>
    <row r="569499" spans="8:8">
      <c r="H569499" s="12"/>
    </row>
    <row r="569500" spans="8:8">
      <c r="H569500" s="12"/>
    </row>
    <row r="569501" spans="8:8">
      <c r="H569501" s="12"/>
    </row>
    <row r="569502" spans="8:8">
      <c r="H569502" s="12"/>
    </row>
    <row r="569503" spans="8:8">
      <c r="H569503" s="12"/>
    </row>
    <row r="569504" spans="8:8">
      <c r="H569504" s="12"/>
    </row>
    <row r="569505" spans="8:8">
      <c r="H569505" s="12"/>
    </row>
    <row r="569506" spans="8:8">
      <c r="H569506" s="12"/>
    </row>
    <row r="569507" spans="8:8">
      <c r="H569507" s="12"/>
    </row>
    <row r="569508" spans="8:8">
      <c r="H569508" s="12"/>
    </row>
    <row r="569509" spans="8:8">
      <c r="H569509" s="12"/>
    </row>
    <row r="569510" spans="8:8">
      <c r="H569510" s="12"/>
    </row>
    <row r="569511" spans="8:8">
      <c r="H569511" s="12"/>
    </row>
    <row r="569512" spans="8:8">
      <c r="H569512" s="12"/>
    </row>
    <row r="569513" spans="8:8">
      <c r="H569513" s="12"/>
    </row>
    <row r="569514" spans="8:8">
      <c r="H569514" s="12"/>
    </row>
    <row r="569515" spans="8:8">
      <c r="H569515" s="12"/>
    </row>
    <row r="569516" spans="8:8">
      <c r="H569516" s="12"/>
    </row>
    <row r="569517" spans="8:8">
      <c r="H569517" s="12"/>
    </row>
    <row r="569518" spans="8:8">
      <c r="H569518" s="12"/>
    </row>
    <row r="569519" spans="8:8">
      <c r="H569519" s="12"/>
    </row>
    <row r="569520" spans="8:8">
      <c r="H569520" s="12"/>
    </row>
    <row r="569521" spans="8:8">
      <c r="H569521" s="12"/>
    </row>
    <row r="569522" spans="8:8">
      <c r="H569522" s="12"/>
    </row>
    <row r="569523" spans="8:8">
      <c r="H569523" s="12"/>
    </row>
    <row r="569524" spans="8:8">
      <c r="H569524" s="12"/>
    </row>
    <row r="569525" spans="8:8">
      <c r="H569525" s="12"/>
    </row>
    <row r="569526" spans="8:8">
      <c r="H569526" s="12"/>
    </row>
    <row r="569527" spans="8:8">
      <c r="H569527" s="12"/>
    </row>
    <row r="569528" spans="8:8">
      <c r="H569528" s="12"/>
    </row>
    <row r="569529" spans="8:8">
      <c r="H569529" s="12"/>
    </row>
    <row r="569530" spans="8:8">
      <c r="H569530" s="12"/>
    </row>
    <row r="569531" spans="8:8">
      <c r="H569531" s="12"/>
    </row>
    <row r="569532" spans="8:8">
      <c r="H569532" s="12"/>
    </row>
    <row r="569533" spans="8:8">
      <c r="H569533" s="12"/>
    </row>
    <row r="569534" spans="8:8">
      <c r="H569534" s="12"/>
    </row>
    <row r="569535" spans="8:8">
      <c r="H569535" s="12"/>
    </row>
    <row r="569536" spans="8:8">
      <c r="H569536" s="12"/>
    </row>
    <row r="569537" spans="8:8">
      <c r="H569537" s="12"/>
    </row>
    <row r="569538" spans="8:8">
      <c r="H569538" s="12"/>
    </row>
    <row r="569539" spans="8:8">
      <c r="H569539" s="12"/>
    </row>
    <row r="569540" spans="8:8">
      <c r="H569540" s="12"/>
    </row>
    <row r="569541" spans="8:8">
      <c r="H569541" s="12"/>
    </row>
    <row r="569542" spans="8:8">
      <c r="H569542" s="12"/>
    </row>
    <row r="569543" spans="8:8">
      <c r="H569543" s="12"/>
    </row>
    <row r="569544" spans="8:8">
      <c r="H569544" s="12"/>
    </row>
    <row r="569545" spans="8:8">
      <c r="H569545" s="12"/>
    </row>
    <row r="569546" spans="8:8">
      <c r="H569546" s="12"/>
    </row>
    <row r="569547" spans="8:8">
      <c r="H569547" s="12"/>
    </row>
    <row r="569548" spans="8:8">
      <c r="H569548" s="12"/>
    </row>
    <row r="569549" spans="8:8">
      <c r="H569549" s="12"/>
    </row>
    <row r="569550" spans="8:8">
      <c r="H569550" s="12"/>
    </row>
    <row r="569551" spans="8:8">
      <c r="H569551" s="12"/>
    </row>
    <row r="569552" spans="8:8">
      <c r="H569552" s="12"/>
    </row>
    <row r="569553" spans="8:8">
      <c r="H569553" s="12"/>
    </row>
    <row r="569554" spans="8:8">
      <c r="H569554" s="12"/>
    </row>
    <row r="569555" spans="8:8">
      <c r="H569555" s="12"/>
    </row>
    <row r="569556" spans="8:8">
      <c r="H569556" s="12"/>
    </row>
    <row r="569557" spans="8:8">
      <c r="H569557" s="12"/>
    </row>
    <row r="569558" spans="8:8">
      <c r="H569558" s="12"/>
    </row>
    <row r="569559" spans="8:8">
      <c r="H569559" s="12"/>
    </row>
    <row r="569560" spans="8:8">
      <c r="H569560" s="12"/>
    </row>
    <row r="569561" spans="8:8">
      <c r="H569561" s="12"/>
    </row>
    <row r="569562" spans="8:8">
      <c r="H569562" s="12"/>
    </row>
    <row r="569563" spans="8:8">
      <c r="H569563" s="12"/>
    </row>
    <row r="569564" spans="8:8">
      <c r="H569564" s="12"/>
    </row>
    <row r="569565" spans="8:8">
      <c r="H569565" s="12"/>
    </row>
    <row r="569566" spans="8:8">
      <c r="H569566" s="12"/>
    </row>
    <row r="569567" spans="8:8">
      <c r="H569567" s="12"/>
    </row>
    <row r="569568" spans="8:8">
      <c r="H569568" s="12"/>
    </row>
    <row r="569569" spans="8:8">
      <c r="H569569" s="12"/>
    </row>
    <row r="569570" spans="8:8">
      <c r="H569570" s="12"/>
    </row>
    <row r="569571" spans="8:8">
      <c r="H569571" s="12"/>
    </row>
    <row r="569572" spans="8:8">
      <c r="H569572" s="12"/>
    </row>
    <row r="569573" spans="8:8">
      <c r="H569573" s="12"/>
    </row>
    <row r="569574" spans="8:8">
      <c r="H569574" s="12"/>
    </row>
    <row r="569575" spans="8:8">
      <c r="H569575" s="12"/>
    </row>
    <row r="569576" spans="8:8">
      <c r="H569576" s="12"/>
    </row>
    <row r="569577" spans="8:8">
      <c r="H569577" s="12"/>
    </row>
    <row r="569578" spans="8:8">
      <c r="H569578" s="12"/>
    </row>
    <row r="569579" spans="8:8">
      <c r="H569579" s="12"/>
    </row>
    <row r="569580" spans="8:8">
      <c r="H569580" s="12"/>
    </row>
    <row r="569581" spans="8:8">
      <c r="H569581" s="12"/>
    </row>
    <row r="569582" spans="8:8">
      <c r="H569582" s="12"/>
    </row>
    <row r="569583" spans="8:8">
      <c r="H569583" s="12"/>
    </row>
    <row r="569584" spans="8:8">
      <c r="H569584" s="12"/>
    </row>
    <row r="569585" spans="8:8">
      <c r="H569585" s="12"/>
    </row>
    <row r="569586" spans="8:8">
      <c r="H569586" s="12"/>
    </row>
    <row r="569587" spans="8:8">
      <c r="H569587" s="12"/>
    </row>
    <row r="569588" spans="8:8">
      <c r="H569588" s="12"/>
    </row>
    <row r="569589" spans="8:8">
      <c r="H569589" s="12"/>
    </row>
    <row r="569590" spans="8:8">
      <c r="H569590" s="12"/>
    </row>
    <row r="569591" spans="8:8">
      <c r="H569591" s="12"/>
    </row>
    <row r="569592" spans="8:8">
      <c r="H569592" s="12"/>
    </row>
    <row r="569593" spans="8:8">
      <c r="H569593" s="12"/>
    </row>
    <row r="569594" spans="8:8">
      <c r="H569594" s="12"/>
    </row>
    <row r="569595" spans="8:8">
      <c r="H569595" s="12"/>
    </row>
    <row r="569596" spans="8:8">
      <c r="H569596" s="12"/>
    </row>
    <row r="569597" spans="8:8">
      <c r="H569597" s="12"/>
    </row>
    <row r="569598" spans="8:8">
      <c r="H569598" s="12"/>
    </row>
    <row r="569599" spans="8:8">
      <c r="H569599" s="12"/>
    </row>
    <row r="569600" spans="8:8">
      <c r="H569600" s="12"/>
    </row>
    <row r="569601" spans="8:8">
      <c r="H569601" s="12"/>
    </row>
    <row r="569602" spans="8:8">
      <c r="H569602" s="12"/>
    </row>
    <row r="569603" spans="8:8">
      <c r="H569603" s="12"/>
    </row>
    <row r="569604" spans="8:8">
      <c r="H569604" s="12"/>
    </row>
    <row r="569605" spans="8:8">
      <c r="H569605" s="12"/>
    </row>
    <row r="569606" spans="8:8">
      <c r="H569606" s="12"/>
    </row>
    <row r="569607" spans="8:8">
      <c r="H569607" s="12"/>
    </row>
    <row r="569608" spans="8:8">
      <c r="H569608" s="12"/>
    </row>
    <row r="569609" spans="8:8">
      <c r="H569609" s="12"/>
    </row>
    <row r="569610" spans="8:8">
      <c r="H569610" s="12"/>
    </row>
    <row r="569611" spans="8:8">
      <c r="H569611" s="12"/>
    </row>
    <row r="569612" spans="8:8">
      <c r="H569612" s="12"/>
    </row>
    <row r="569613" spans="8:8">
      <c r="H569613" s="12"/>
    </row>
    <row r="569614" spans="8:8">
      <c r="H569614" s="12"/>
    </row>
    <row r="569615" spans="8:8">
      <c r="H569615" s="12"/>
    </row>
    <row r="569616" spans="8:8">
      <c r="H569616" s="12"/>
    </row>
    <row r="569617" spans="8:8">
      <c r="H569617" s="12"/>
    </row>
    <row r="569618" spans="8:8">
      <c r="H569618" s="12"/>
    </row>
    <row r="569619" spans="8:8">
      <c r="H569619" s="12"/>
    </row>
    <row r="569620" spans="8:8">
      <c r="H569620" s="12"/>
    </row>
    <row r="569621" spans="8:8">
      <c r="H569621" s="12"/>
    </row>
    <row r="569622" spans="8:8">
      <c r="H569622" s="12"/>
    </row>
    <row r="569623" spans="8:8">
      <c r="H569623" s="12"/>
    </row>
    <row r="569624" spans="8:8">
      <c r="H569624" s="12"/>
    </row>
    <row r="569625" spans="8:8">
      <c r="H569625" s="12"/>
    </row>
    <row r="569626" spans="8:8">
      <c r="H569626" s="12"/>
    </row>
    <row r="569627" spans="8:8">
      <c r="H569627" s="12"/>
    </row>
    <row r="569628" spans="8:8">
      <c r="H569628" s="12"/>
    </row>
    <row r="569629" spans="8:8">
      <c r="H569629" s="12"/>
    </row>
    <row r="569630" spans="8:8">
      <c r="H569630" s="12"/>
    </row>
    <row r="569631" spans="8:8">
      <c r="H569631" s="12"/>
    </row>
    <row r="569632" spans="8:8">
      <c r="H569632" s="12"/>
    </row>
    <row r="569633" spans="8:8">
      <c r="H569633" s="12"/>
    </row>
    <row r="569634" spans="8:8">
      <c r="H569634" s="12"/>
    </row>
    <row r="569635" spans="8:8">
      <c r="H569635" s="12"/>
    </row>
    <row r="569636" spans="8:8">
      <c r="H569636" s="12"/>
    </row>
    <row r="569637" spans="8:8">
      <c r="H569637" s="12"/>
    </row>
    <row r="569638" spans="8:8">
      <c r="H569638" s="12"/>
    </row>
    <row r="569639" spans="8:8">
      <c r="H569639" s="12"/>
    </row>
    <row r="569640" spans="8:8">
      <c r="H569640" s="12"/>
    </row>
    <row r="569641" spans="8:8">
      <c r="H569641" s="12"/>
    </row>
    <row r="569642" spans="8:8">
      <c r="H569642" s="12"/>
    </row>
    <row r="569643" spans="8:8">
      <c r="H569643" s="12"/>
    </row>
    <row r="569644" spans="8:8">
      <c r="H569644" s="12"/>
    </row>
    <row r="569645" spans="8:8">
      <c r="H569645" s="12"/>
    </row>
    <row r="569646" spans="8:8">
      <c r="H569646" s="12"/>
    </row>
    <row r="569647" spans="8:8">
      <c r="H569647" s="12"/>
    </row>
    <row r="569648" spans="8:8">
      <c r="H569648" s="12"/>
    </row>
    <row r="569649" spans="8:8">
      <c r="H569649" s="12"/>
    </row>
    <row r="569650" spans="8:8">
      <c r="H569650" s="12"/>
    </row>
    <row r="569651" spans="8:8">
      <c r="H569651" s="12"/>
    </row>
    <row r="569652" spans="8:8">
      <c r="H569652" s="12"/>
    </row>
    <row r="569653" spans="8:8">
      <c r="H569653" s="12"/>
    </row>
    <row r="569654" spans="8:8">
      <c r="H569654" s="12"/>
    </row>
    <row r="569655" spans="8:8">
      <c r="H569655" s="12"/>
    </row>
    <row r="569656" spans="8:8">
      <c r="H569656" s="12"/>
    </row>
    <row r="569657" spans="8:8">
      <c r="H569657" s="12"/>
    </row>
    <row r="569658" spans="8:8">
      <c r="H569658" s="12"/>
    </row>
    <row r="569659" spans="8:8">
      <c r="H569659" s="12"/>
    </row>
    <row r="569660" spans="8:8">
      <c r="H569660" s="12"/>
    </row>
    <row r="569661" spans="8:8">
      <c r="H569661" s="12"/>
    </row>
    <row r="569662" spans="8:8">
      <c r="H569662" s="12"/>
    </row>
    <row r="569663" spans="8:8">
      <c r="H569663" s="12"/>
    </row>
    <row r="569664" spans="8:8">
      <c r="H569664" s="12"/>
    </row>
    <row r="569665" spans="8:8">
      <c r="H569665" s="12"/>
    </row>
    <row r="569666" spans="8:8">
      <c r="H569666" s="12"/>
    </row>
    <row r="569667" spans="8:8">
      <c r="H569667" s="12"/>
    </row>
    <row r="569668" spans="8:8">
      <c r="H569668" s="12"/>
    </row>
    <row r="569669" spans="8:8">
      <c r="H569669" s="12"/>
    </row>
    <row r="569670" spans="8:8">
      <c r="H569670" s="12"/>
    </row>
    <row r="569671" spans="8:8">
      <c r="H569671" s="12"/>
    </row>
    <row r="569672" spans="8:8">
      <c r="H569672" s="12"/>
    </row>
    <row r="569673" spans="8:8">
      <c r="H569673" s="12"/>
    </row>
    <row r="569674" spans="8:8">
      <c r="H569674" s="12"/>
    </row>
    <row r="569675" spans="8:8">
      <c r="H569675" s="12"/>
    </row>
    <row r="569676" spans="8:8">
      <c r="H569676" s="12"/>
    </row>
    <row r="569677" spans="8:8">
      <c r="H569677" s="12"/>
    </row>
    <row r="569678" spans="8:8">
      <c r="H569678" s="12"/>
    </row>
    <row r="569679" spans="8:8">
      <c r="H569679" s="12"/>
    </row>
    <row r="569680" spans="8:8">
      <c r="H569680" s="12"/>
    </row>
    <row r="569681" spans="8:8">
      <c r="H569681" s="12"/>
    </row>
    <row r="569682" spans="8:8">
      <c r="H569682" s="12"/>
    </row>
    <row r="569683" spans="8:8">
      <c r="H569683" s="12"/>
    </row>
    <row r="569684" spans="8:8">
      <c r="H569684" s="12"/>
    </row>
    <row r="569685" spans="8:8">
      <c r="H569685" s="12"/>
    </row>
    <row r="569686" spans="8:8">
      <c r="H569686" s="12"/>
    </row>
    <row r="569687" spans="8:8">
      <c r="H569687" s="12"/>
    </row>
    <row r="569688" spans="8:8">
      <c r="H569688" s="12"/>
    </row>
    <row r="569689" spans="8:8">
      <c r="H569689" s="12"/>
    </row>
    <row r="569690" spans="8:8">
      <c r="H569690" s="12"/>
    </row>
    <row r="569691" spans="8:8">
      <c r="H569691" s="12"/>
    </row>
    <row r="569692" spans="8:8">
      <c r="H569692" s="12"/>
    </row>
    <row r="569693" spans="8:8">
      <c r="H569693" s="12"/>
    </row>
    <row r="569694" spans="8:8">
      <c r="H569694" s="12"/>
    </row>
    <row r="569695" spans="8:8">
      <c r="H569695" s="12"/>
    </row>
    <row r="569696" spans="8:8">
      <c r="H569696" s="12"/>
    </row>
    <row r="569697" spans="8:8">
      <c r="H569697" s="12"/>
    </row>
    <row r="569698" spans="8:8">
      <c r="H569698" s="12"/>
    </row>
    <row r="569699" spans="8:8">
      <c r="H569699" s="12"/>
    </row>
    <row r="569700" spans="8:8">
      <c r="H569700" s="12"/>
    </row>
    <row r="569701" spans="8:8">
      <c r="H569701" s="12"/>
    </row>
    <row r="569702" spans="8:8">
      <c r="H569702" s="12"/>
    </row>
    <row r="569703" spans="8:8">
      <c r="H569703" s="12"/>
    </row>
    <row r="569704" spans="8:8">
      <c r="H569704" s="12"/>
    </row>
    <row r="569705" spans="8:8">
      <c r="H569705" s="12"/>
    </row>
    <row r="569706" spans="8:8">
      <c r="H569706" s="12"/>
    </row>
    <row r="569707" spans="8:8">
      <c r="H569707" s="12"/>
    </row>
    <row r="569708" spans="8:8">
      <c r="H569708" s="12"/>
    </row>
    <row r="569709" spans="8:8">
      <c r="H569709" s="12"/>
    </row>
    <row r="569710" spans="8:8">
      <c r="H569710" s="12"/>
    </row>
    <row r="569711" spans="8:8">
      <c r="H569711" s="12"/>
    </row>
    <row r="569712" spans="8:8">
      <c r="H569712" s="12"/>
    </row>
    <row r="569713" spans="8:8">
      <c r="H569713" s="12"/>
    </row>
    <row r="569714" spans="8:8">
      <c r="H569714" s="12"/>
    </row>
    <row r="569715" spans="8:8">
      <c r="H569715" s="12"/>
    </row>
    <row r="569716" spans="8:8">
      <c r="H569716" s="12"/>
    </row>
    <row r="569717" spans="8:8">
      <c r="H569717" s="12"/>
    </row>
    <row r="569718" spans="8:8">
      <c r="H569718" s="12"/>
    </row>
    <row r="569719" spans="8:8">
      <c r="H569719" s="12"/>
    </row>
    <row r="569720" spans="8:8">
      <c r="H569720" s="12"/>
    </row>
    <row r="569721" spans="8:8">
      <c r="H569721" s="12"/>
    </row>
    <row r="569722" spans="8:8">
      <c r="H569722" s="12"/>
    </row>
    <row r="569723" spans="8:8">
      <c r="H569723" s="12"/>
    </row>
    <row r="569724" spans="8:8">
      <c r="H569724" s="12"/>
    </row>
    <row r="569725" spans="8:8">
      <c r="H569725" s="12"/>
    </row>
    <row r="569726" spans="8:8">
      <c r="H569726" s="12"/>
    </row>
    <row r="569727" spans="8:8">
      <c r="H569727" s="12"/>
    </row>
    <row r="569728" spans="8:8">
      <c r="H569728" s="12"/>
    </row>
    <row r="569729" spans="8:8">
      <c r="H569729" s="12"/>
    </row>
    <row r="569730" spans="8:8">
      <c r="H569730" s="12"/>
    </row>
    <row r="569731" spans="8:8">
      <c r="H569731" s="12"/>
    </row>
    <row r="569732" spans="8:8">
      <c r="H569732" s="12"/>
    </row>
    <row r="569733" spans="8:8">
      <c r="H569733" s="12"/>
    </row>
    <row r="569734" spans="8:8">
      <c r="H569734" s="12"/>
    </row>
    <row r="569735" spans="8:8">
      <c r="H569735" s="12"/>
    </row>
    <row r="569736" spans="8:8">
      <c r="H569736" s="12"/>
    </row>
    <row r="569737" spans="8:8">
      <c r="H569737" s="12"/>
    </row>
    <row r="569738" spans="8:8">
      <c r="H569738" s="12"/>
    </row>
    <row r="569739" spans="8:8">
      <c r="H569739" s="12"/>
    </row>
    <row r="569740" spans="8:8">
      <c r="H569740" s="12"/>
    </row>
    <row r="569741" spans="8:8">
      <c r="H569741" s="12"/>
    </row>
    <row r="569742" spans="8:8">
      <c r="H569742" s="12"/>
    </row>
    <row r="569743" spans="8:8">
      <c r="H569743" s="12"/>
    </row>
    <row r="569744" spans="8:8">
      <c r="H569744" s="12"/>
    </row>
    <row r="569745" spans="8:8">
      <c r="H569745" s="12"/>
    </row>
    <row r="569746" spans="8:8">
      <c r="H569746" s="12"/>
    </row>
    <row r="569747" spans="8:8">
      <c r="H569747" s="12"/>
    </row>
    <row r="569748" spans="8:8">
      <c r="H569748" s="12"/>
    </row>
    <row r="569749" spans="8:8">
      <c r="H569749" s="12"/>
    </row>
    <row r="569750" spans="8:8">
      <c r="H569750" s="12"/>
    </row>
    <row r="569751" spans="8:8">
      <c r="H569751" s="12"/>
    </row>
    <row r="569752" spans="8:8">
      <c r="H569752" s="12"/>
    </row>
    <row r="569753" spans="8:8">
      <c r="H569753" s="12"/>
    </row>
    <row r="569754" spans="8:8">
      <c r="H569754" s="12"/>
    </row>
    <row r="569755" spans="8:8">
      <c r="H569755" s="12"/>
    </row>
    <row r="569756" spans="8:8">
      <c r="H569756" s="12"/>
    </row>
    <row r="569757" spans="8:8">
      <c r="H569757" s="12"/>
    </row>
    <row r="569758" spans="8:8">
      <c r="H569758" s="12"/>
    </row>
    <row r="569759" spans="8:8">
      <c r="H569759" s="12"/>
    </row>
    <row r="569760" spans="8:8">
      <c r="H569760" s="12"/>
    </row>
    <row r="569761" spans="8:8">
      <c r="H569761" s="12"/>
    </row>
    <row r="569762" spans="8:8">
      <c r="H569762" s="12"/>
    </row>
    <row r="569763" spans="8:8">
      <c r="H569763" s="12"/>
    </row>
    <row r="569764" spans="8:8">
      <c r="H569764" s="12"/>
    </row>
    <row r="569765" spans="8:8">
      <c r="H569765" s="12"/>
    </row>
    <row r="569766" spans="8:8">
      <c r="H569766" s="12"/>
    </row>
    <row r="569767" spans="8:8">
      <c r="H569767" s="12"/>
    </row>
    <row r="569768" spans="8:8">
      <c r="H569768" s="12"/>
    </row>
    <row r="569769" spans="8:8">
      <c r="H569769" s="12"/>
    </row>
    <row r="569770" spans="8:8">
      <c r="H569770" s="12"/>
    </row>
    <row r="569771" spans="8:8">
      <c r="H569771" s="12"/>
    </row>
    <row r="569772" spans="8:8">
      <c r="H569772" s="12"/>
    </row>
    <row r="569773" spans="8:8">
      <c r="H569773" s="12"/>
    </row>
    <row r="569774" spans="8:8">
      <c r="H569774" s="12"/>
    </row>
    <row r="569775" spans="8:8">
      <c r="H569775" s="12"/>
    </row>
    <row r="569776" spans="8:8">
      <c r="H569776" s="12"/>
    </row>
    <row r="569777" spans="8:8">
      <c r="H569777" s="12"/>
    </row>
    <row r="569778" spans="8:8">
      <c r="H569778" s="12"/>
    </row>
    <row r="569779" spans="8:8">
      <c r="H569779" s="12"/>
    </row>
    <row r="569780" spans="8:8">
      <c r="H569780" s="12"/>
    </row>
    <row r="569781" spans="8:8">
      <c r="H569781" s="12"/>
    </row>
    <row r="569782" spans="8:8">
      <c r="H569782" s="12"/>
    </row>
    <row r="569783" spans="8:8">
      <c r="H569783" s="12"/>
    </row>
    <row r="569784" spans="8:8">
      <c r="H569784" s="12"/>
    </row>
    <row r="569785" spans="8:8">
      <c r="H569785" s="12"/>
    </row>
    <row r="569786" spans="8:8">
      <c r="H569786" s="12"/>
    </row>
    <row r="569787" spans="8:8">
      <c r="H569787" s="12"/>
    </row>
    <row r="569788" spans="8:8">
      <c r="H569788" s="12"/>
    </row>
    <row r="569789" spans="8:8">
      <c r="H569789" s="12"/>
    </row>
    <row r="569790" spans="8:8">
      <c r="H569790" s="12"/>
    </row>
    <row r="569791" spans="8:8">
      <c r="H569791" s="12"/>
    </row>
    <row r="569792" spans="8:8">
      <c r="H569792" s="12"/>
    </row>
    <row r="569793" spans="8:8">
      <c r="H569793" s="12"/>
    </row>
    <row r="569794" spans="8:8">
      <c r="H569794" s="12"/>
    </row>
    <row r="569795" spans="8:8">
      <c r="H569795" s="12"/>
    </row>
    <row r="569796" spans="8:8">
      <c r="H569796" s="12"/>
    </row>
    <row r="569797" spans="8:8">
      <c r="H569797" s="12"/>
    </row>
    <row r="569798" spans="8:8">
      <c r="H569798" s="12"/>
    </row>
    <row r="569799" spans="8:8">
      <c r="H569799" s="12"/>
    </row>
    <row r="569800" spans="8:8">
      <c r="H569800" s="12"/>
    </row>
    <row r="569801" spans="8:8">
      <c r="H569801" s="12"/>
    </row>
    <row r="569802" spans="8:8">
      <c r="H569802" s="12"/>
    </row>
    <row r="569803" spans="8:8">
      <c r="H569803" s="12"/>
    </row>
    <row r="569804" spans="8:8">
      <c r="H569804" s="12"/>
    </row>
    <row r="569805" spans="8:8">
      <c r="H569805" s="12"/>
    </row>
    <row r="569806" spans="8:8">
      <c r="H569806" s="12"/>
    </row>
    <row r="569807" spans="8:8">
      <c r="H569807" s="12"/>
    </row>
    <row r="569808" spans="8:8">
      <c r="H569808" s="12"/>
    </row>
    <row r="569809" spans="8:8">
      <c r="H569809" s="12"/>
    </row>
    <row r="569810" spans="8:8">
      <c r="H569810" s="12"/>
    </row>
    <row r="569811" spans="8:8">
      <c r="H569811" s="12"/>
    </row>
    <row r="569812" spans="8:8">
      <c r="H569812" s="12"/>
    </row>
    <row r="569813" spans="8:8">
      <c r="H569813" s="12"/>
    </row>
    <row r="569814" spans="8:8">
      <c r="H569814" s="12"/>
    </row>
    <row r="569815" spans="8:8">
      <c r="H569815" s="12"/>
    </row>
    <row r="569816" spans="8:8">
      <c r="H569816" s="12"/>
    </row>
    <row r="569817" spans="8:8">
      <c r="H569817" s="12"/>
    </row>
    <row r="569818" spans="8:8">
      <c r="H569818" s="12"/>
    </row>
    <row r="569819" spans="8:8">
      <c r="H569819" s="12"/>
    </row>
    <row r="569820" spans="8:8">
      <c r="H569820" s="12"/>
    </row>
    <row r="569821" spans="8:8">
      <c r="H569821" s="12"/>
    </row>
    <row r="569822" spans="8:8">
      <c r="H569822" s="12"/>
    </row>
    <row r="569823" spans="8:8">
      <c r="H569823" s="12"/>
    </row>
    <row r="569824" spans="8:8">
      <c r="H569824" s="12"/>
    </row>
    <row r="569825" spans="8:8">
      <c r="H569825" s="12"/>
    </row>
    <row r="569826" spans="8:8">
      <c r="H569826" s="12"/>
    </row>
    <row r="569827" spans="8:8">
      <c r="H569827" s="12"/>
    </row>
    <row r="569828" spans="8:8">
      <c r="H569828" s="12"/>
    </row>
    <row r="569829" spans="8:8">
      <c r="H569829" s="12"/>
    </row>
    <row r="569830" spans="8:8">
      <c r="H569830" s="12"/>
    </row>
    <row r="569831" spans="8:8">
      <c r="H569831" s="12"/>
    </row>
    <row r="569832" spans="8:8">
      <c r="H569832" s="12"/>
    </row>
    <row r="569833" spans="8:8">
      <c r="H569833" s="12"/>
    </row>
    <row r="569834" spans="8:8">
      <c r="H569834" s="12"/>
    </row>
    <row r="569835" spans="8:8">
      <c r="H569835" s="12"/>
    </row>
    <row r="569836" spans="8:8">
      <c r="H569836" s="12"/>
    </row>
    <row r="569837" spans="8:8">
      <c r="H569837" s="12"/>
    </row>
    <row r="569838" spans="8:8">
      <c r="H569838" s="12"/>
    </row>
    <row r="569839" spans="8:8">
      <c r="H569839" s="12"/>
    </row>
    <row r="569840" spans="8:8">
      <c r="H569840" s="12"/>
    </row>
    <row r="569841" spans="8:8">
      <c r="H569841" s="12"/>
    </row>
    <row r="569842" spans="8:8">
      <c r="H569842" s="12"/>
    </row>
    <row r="569843" spans="8:8">
      <c r="H569843" s="12"/>
    </row>
    <row r="569844" spans="8:8">
      <c r="H569844" s="12"/>
    </row>
    <row r="569845" spans="8:8">
      <c r="H569845" s="12"/>
    </row>
    <row r="569846" spans="8:8">
      <c r="H569846" s="12"/>
    </row>
    <row r="569847" spans="8:8">
      <c r="H569847" s="12"/>
    </row>
    <row r="569848" spans="8:8">
      <c r="H569848" s="12"/>
    </row>
    <row r="569849" spans="8:8">
      <c r="H569849" s="12"/>
    </row>
    <row r="569850" spans="8:8">
      <c r="H569850" s="12"/>
    </row>
    <row r="569851" spans="8:8">
      <c r="H569851" s="12"/>
    </row>
    <row r="569852" spans="8:8">
      <c r="H569852" s="12"/>
    </row>
    <row r="569853" spans="8:8">
      <c r="H569853" s="12"/>
    </row>
    <row r="569854" spans="8:8">
      <c r="H569854" s="12"/>
    </row>
    <row r="569855" spans="8:8">
      <c r="H569855" s="12"/>
    </row>
    <row r="569856" spans="8:8">
      <c r="H569856" s="12"/>
    </row>
    <row r="569857" spans="8:8">
      <c r="H569857" s="12"/>
    </row>
    <row r="569858" spans="8:8">
      <c r="H569858" s="12"/>
    </row>
    <row r="569859" spans="8:8">
      <c r="H569859" s="12"/>
    </row>
    <row r="569860" spans="8:8">
      <c r="H569860" s="12"/>
    </row>
    <row r="569861" spans="8:8">
      <c r="H569861" s="12"/>
    </row>
    <row r="569862" spans="8:8">
      <c r="H569862" s="12"/>
    </row>
    <row r="569863" spans="8:8">
      <c r="H569863" s="12"/>
    </row>
    <row r="569864" spans="8:8">
      <c r="H569864" s="12"/>
    </row>
    <row r="569865" spans="8:8">
      <c r="H569865" s="12"/>
    </row>
    <row r="569866" spans="8:8">
      <c r="H569866" s="12"/>
    </row>
    <row r="569867" spans="8:8">
      <c r="H569867" s="12"/>
    </row>
    <row r="569868" spans="8:8">
      <c r="H569868" s="12"/>
    </row>
    <row r="569869" spans="8:8">
      <c r="H569869" s="12"/>
    </row>
    <row r="569870" spans="8:8">
      <c r="H569870" s="12"/>
    </row>
    <row r="569871" spans="8:8">
      <c r="H569871" s="12"/>
    </row>
    <row r="569872" spans="8:8">
      <c r="H569872" s="12"/>
    </row>
    <row r="569873" spans="8:8">
      <c r="H569873" s="12"/>
    </row>
    <row r="569874" spans="8:8">
      <c r="H569874" s="12"/>
    </row>
    <row r="569875" spans="8:8">
      <c r="H569875" s="12"/>
    </row>
    <row r="569876" spans="8:8">
      <c r="H569876" s="12"/>
    </row>
    <row r="569877" spans="8:8">
      <c r="H569877" s="12"/>
    </row>
    <row r="569878" spans="8:8">
      <c r="H569878" s="12"/>
    </row>
    <row r="569879" spans="8:8">
      <c r="H569879" s="12"/>
    </row>
    <row r="569880" spans="8:8">
      <c r="H569880" s="12"/>
    </row>
    <row r="569881" spans="8:8">
      <c r="H569881" s="12"/>
    </row>
    <row r="569882" spans="8:8">
      <c r="H569882" s="12"/>
    </row>
    <row r="569883" spans="8:8">
      <c r="H569883" s="12"/>
    </row>
    <row r="569884" spans="8:8">
      <c r="H569884" s="12"/>
    </row>
    <row r="569885" spans="8:8">
      <c r="H569885" s="12"/>
    </row>
    <row r="569886" spans="8:8">
      <c r="H569886" s="12"/>
    </row>
    <row r="569887" spans="8:8">
      <c r="H569887" s="12"/>
    </row>
    <row r="569888" spans="8:8">
      <c r="H569888" s="12"/>
    </row>
    <row r="569889" spans="8:8">
      <c r="H569889" s="12"/>
    </row>
    <row r="569890" spans="8:8">
      <c r="H569890" s="12"/>
    </row>
    <row r="569891" spans="8:8">
      <c r="H569891" s="12"/>
    </row>
    <row r="569892" spans="8:8">
      <c r="H569892" s="12"/>
    </row>
    <row r="569893" spans="8:8">
      <c r="H569893" s="12"/>
    </row>
    <row r="569894" spans="8:8">
      <c r="H569894" s="12"/>
    </row>
    <row r="569895" spans="8:8">
      <c r="H569895" s="12"/>
    </row>
    <row r="569896" spans="8:8">
      <c r="H569896" s="12"/>
    </row>
    <row r="569897" spans="8:8">
      <c r="H569897" s="12"/>
    </row>
    <row r="569898" spans="8:8">
      <c r="H569898" s="12"/>
    </row>
    <row r="569899" spans="8:8">
      <c r="H569899" s="12"/>
    </row>
    <row r="569900" spans="8:8">
      <c r="H569900" s="12"/>
    </row>
    <row r="569901" spans="8:8">
      <c r="H569901" s="12"/>
    </row>
    <row r="569902" spans="8:8">
      <c r="H569902" s="12"/>
    </row>
    <row r="569903" spans="8:8">
      <c r="H569903" s="12"/>
    </row>
    <row r="569904" spans="8:8">
      <c r="H569904" s="12"/>
    </row>
    <row r="569905" spans="8:8">
      <c r="H569905" s="12"/>
    </row>
    <row r="569906" spans="8:8">
      <c r="H569906" s="12"/>
    </row>
    <row r="569907" spans="8:8">
      <c r="H569907" s="12"/>
    </row>
    <row r="569908" spans="8:8">
      <c r="H569908" s="12"/>
    </row>
    <row r="569909" spans="8:8">
      <c r="H569909" s="12"/>
    </row>
    <row r="569910" spans="8:8">
      <c r="H569910" s="12"/>
    </row>
    <row r="569911" spans="8:8">
      <c r="H569911" s="12"/>
    </row>
    <row r="569912" spans="8:8">
      <c r="H569912" s="12"/>
    </row>
    <row r="569913" spans="8:8">
      <c r="H569913" s="12"/>
    </row>
    <row r="569914" spans="8:8">
      <c r="H569914" s="12"/>
    </row>
    <row r="569915" spans="8:8">
      <c r="H569915" s="12"/>
    </row>
    <row r="569916" spans="8:8">
      <c r="H569916" s="12"/>
    </row>
    <row r="569917" spans="8:8">
      <c r="H569917" s="12"/>
    </row>
    <row r="569918" spans="8:8">
      <c r="H569918" s="12"/>
    </row>
    <row r="569919" spans="8:8">
      <c r="H569919" s="12"/>
    </row>
    <row r="569920" spans="8:8">
      <c r="H569920" s="12"/>
    </row>
    <row r="569921" spans="8:8">
      <c r="H569921" s="12"/>
    </row>
    <row r="569922" spans="8:8">
      <c r="H569922" s="12"/>
    </row>
    <row r="569923" spans="8:8">
      <c r="H569923" s="12"/>
    </row>
    <row r="569924" spans="8:8">
      <c r="H569924" s="12"/>
    </row>
    <row r="569925" spans="8:8">
      <c r="H569925" s="12"/>
    </row>
    <row r="569926" spans="8:8">
      <c r="H569926" s="12"/>
    </row>
    <row r="569927" spans="8:8">
      <c r="H569927" s="12"/>
    </row>
    <row r="569928" spans="8:8">
      <c r="H569928" s="12"/>
    </row>
    <row r="569929" spans="8:8">
      <c r="H569929" s="12"/>
    </row>
    <row r="569930" spans="8:8">
      <c r="H569930" s="12"/>
    </row>
    <row r="569931" spans="8:8">
      <c r="H569931" s="12"/>
    </row>
    <row r="569932" spans="8:8">
      <c r="H569932" s="12"/>
    </row>
    <row r="569933" spans="8:8">
      <c r="H569933" s="12"/>
    </row>
    <row r="569934" spans="8:8">
      <c r="H569934" s="12"/>
    </row>
    <row r="569935" spans="8:8">
      <c r="H569935" s="12"/>
    </row>
    <row r="569936" spans="8:8">
      <c r="H569936" s="12"/>
    </row>
    <row r="569937" spans="8:8">
      <c r="H569937" s="12"/>
    </row>
    <row r="569938" spans="8:8">
      <c r="H569938" s="12"/>
    </row>
    <row r="569939" spans="8:8">
      <c r="H569939" s="12"/>
    </row>
    <row r="569940" spans="8:8">
      <c r="H569940" s="12"/>
    </row>
    <row r="569941" spans="8:8">
      <c r="H569941" s="12"/>
    </row>
    <row r="569942" spans="8:8">
      <c r="H569942" s="12"/>
    </row>
    <row r="569943" spans="8:8">
      <c r="H569943" s="12"/>
    </row>
    <row r="569944" spans="8:8">
      <c r="H569944" s="12"/>
    </row>
    <row r="569945" spans="8:8">
      <c r="H569945" s="12"/>
    </row>
    <row r="569946" spans="8:8">
      <c r="H569946" s="12"/>
    </row>
    <row r="569947" spans="8:8">
      <c r="H569947" s="12"/>
    </row>
    <row r="569948" spans="8:8">
      <c r="H569948" s="12"/>
    </row>
    <row r="569949" spans="8:8">
      <c r="H569949" s="12"/>
    </row>
    <row r="569950" spans="8:8">
      <c r="H569950" s="12"/>
    </row>
    <row r="569951" spans="8:8">
      <c r="H569951" s="12"/>
    </row>
    <row r="569952" spans="8:8">
      <c r="H569952" s="12"/>
    </row>
    <row r="569953" spans="8:8">
      <c r="H569953" s="12"/>
    </row>
    <row r="569954" spans="8:8">
      <c r="H569954" s="12"/>
    </row>
    <row r="569955" spans="8:8">
      <c r="H569955" s="12"/>
    </row>
    <row r="569956" spans="8:8">
      <c r="H569956" s="12"/>
    </row>
    <row r="569957" spans="8:8">
      <c r="H569957" s="12"/>
    </row>
    <row r="569958" spans="8:8">
      <c r="H569958" s="12"/>
    </row>
    <row r="569959" spans="8:8">
      <c r="H569959" s="12"/>
    </row>
    <row r="569960" spans="8:8">
      <c r="H569960" s="12"/>
    </row>
    <row r="569961" spans="8:8">
      <c r="H569961" s="12"/>
    </row>
    <row r="569962" spans="8:8">
      <c r="H569962" s="12"/>
    </row>
    <row r="569963" spans="8:8">
      <c r="H569963" s="12"/>
    </row>
    <row r="569964" spans="8:8">
      <c r="H569964" s="12"/>
    </row>
    <row r="569965" spans="8:8">
      <c r="H569965" s="12"/>
    </row>
    <row r="569966" spans="8:8">
      <c r="H569966" s="12"/>
    </row>
    <row r="569967" spans="8:8">
      <c r="H569967" s="12"/>
    </row>
    <row r="569968" spans="8:8">
      <c r="H569968" s="12"/>
    </row>
    <row r="569969" spans="8:8">
      <c r="H569969" s="12"/>
    </row>
    <row r="569970" spans="8:8">
      <c r="H569970" s="12"/>
    </row>
    <row r="569971" spans="8:8">
      <c r="H569971" s="12"/>
    </row>
    <row r="569972" spans="8:8">
      <c r="H569972" s="12"/>
    </row>
    <row r="569973" spans="8:8">
      <c r="H569973" s="12"/>
    </row>
    <row r="569974" spans="8:8">
      <c r="H569974" s="12"/>
    </row>
    <row r="569975" spans="8:8">
      <c r="H569975" s="12"/>
    </row>
    <row r="569976" spans="8:8">
      <c r="H569976" s="12"/>
    </row>
    <row r="569977" spans="8:8">
      <c r="H569977" s="12"/>
    </row>
    <row r="569978" spans="8:8">
      <c r="H569978" s="12"/>
    </row>
    <row r="569979" spans="8:8">
      <c r="H569979" s="12"/>
    </row>
    <row r="569980" spans="8:8">
      <c r="H569980" s="12"/>
    </row>
    <row r="569981" spans="8:8">
      <c r="H569981" s="12"/>
    </row>
    <row r="569982" spans="8:8">
      <c r="H569982" s="12"/>
    </row>
    <row r="569983" spans="8:8">
      <c r="H569983" s="12"/>
    </row>
    <row r="569984" spans="8:8">
      <c r="H569984" s="12"/>
    </row>
    <row r="569985" spans="8:8">
      <c r="H569985" s="12"/>
    </row>
    <row r="569986" spans="8:8">
      <c r="H569986" s="12"/>
    </row>
    <row r="569987" spans="8:8">
      <c r="H569987" s="12"/>
    </row>
    <row r="569988" spans="8:8">
      <c r="H569988" s="12"/>
    </row>
    <row r="569989" spans="8:8">
      <c r="H569989" s="12"/>
    </row>
    <row r="569990" spans="8:8">
      <c r="H569990" s="12"/>
    </row>
    <row r="569991" spans="8:8">
      <c r="H569991" s="12"/>
    </row>
    <row r="569992" spans="8:8">
      <c r="H569992" s="12"/>
    </row>
    <row r="569993" spans="8:8">
      <c r="H569993" s="12"/>
    </row>
    <row r="569994" spans="8:8">
      <c r="H569994" s="12"/>
    </row>
    <row r="569995" spans="8:8">
      <c r="H569995" s="12"/>
    </row>
    <row r="569996" spans="8:8">
      <c r="H569996" s="12"/>
    </row>
    <row r="569997" spans="8:8">
      <c r="H569997" s="12"/>
    </row>
    <row r="569998" spans="8:8">
      <c r="H569998" s="12"/>
    </row>
    <row r="569999" spans="8:8">
      <c r="H569999" s="12"/>
    </row>
    <row r="570000" spans="8:8">
      <c r="H570000" s="12"/>
    </row>
    <row r="570001" spans="8:8">
      <c r="H570001" s="12"/>
    </row>
    <row r="570002" spans="8:8">
      <c r="H570002" s="12"/>
    </row>
    <row r="570003" spans="8:8">
      <c r="H570003" s="12"/>
    </row>
    <row r="570004" spans="8:8">
      <c r="H570004" s="12"/>
    </row>
    <row r="570005" spans="8:8">
      <c r="H570005" s="12"/>
    </row>
    <row r="570006" spans="8:8">
      <c r="H570006" s="12"/>
    </row>
    <row r="570007" spans="8:8">
      <c r="H570007" s="12"/>
    </row>
    <row r="570008" spans="8:8">
      <c r="H570008" s="12"/>
    </row>
    <row r="570009" spans="8:8">
      <c r="H570009" s="12"/>
    </row>
    <row r="570010" spans="8:8">
      <c r="H570010" s="12"/>
    </row>
    <row r="570011" spans="8:8">
      <c r="H570011" s="12"/>
    </row>
    <row r="570012" spans="8:8">
      <c r="H570012" s="12"/>
    </row>
    <row r="570013" spans="8:8">
      <c r="H570013" s="12"/>
    </row>
    <row r="570014" spans="8:8">
      <c r="H570014" s="12"/>
    </row>
    <row r="570015" spans="8:8">
      <c r="H570015" s="12"/>
    </row>
    <row r="570016" spans="8:8">
      <c r="H570016" s="12"/>
    </row>
    <row r="570017" spans="8:8">
      <c r="H570017" s="12"/>
    </row>
    <row r="570018" spans="8:8">
      <c r="H570018" s="12"/>
    </row>
    <row r="570019" spans="8:8">
      <c r="H570019" s="12"/>
    </row>
    <row r="570020" spans="8:8">
      <c r="H570020" s="12"/>
    </row>
    <row r="570021" spans="8:8">
      <c r="H570021" s="12"/>
    </row>
    <row r="570022" spans="8:8">
      <c r="H570022" s="12"/>
    </row>
    <row r="570023" spans="8:8">
      <c r="H570023" s="12"/>
    </row>
    <row r="570024" spans="8:8">
      <c r="H570024" s="12"/>
    </row>
    <row r="570025" spans="8:8">
      <c r="H570025" s="12"/>
    </row>
    <row r="570026" spans="8:8">
      <c r="H570026" s="12"/>
    </row>
    <row r="570027" spans="8:8">
      <c r="H570027" s="12"/>
    </row>
    <row r="570028" spans="8:8">
      <c r="H570028" s="12"/>
    </row>
    <row r="570029" spans="8:8">
      <c r="H570029" s="12"/>
    </row>
    <row r="570030" spans="8:8">
      <c r="H570030" s="12"/>
    </row>
    <row r="570031" spans="8:8">
      <c r="H570031" s="12"/>
    </row>
    <row r="570032" spans="8:8">
      <c r="H570032" s="12"/>
    </row>
    <row r="570033" spans="8:8">
      <c r="H570033" s="12"/>
    </row>
    <row r="570034" spans="8:8">
      <c r="H570034" s="12"/>
    </row>
    <row r="570035" spans="8:8">
      <c r="H570035" s="12"/>
    </row>
    <row r="570036" spans="8:8">
      <c r="H570036" s="12"/>
    </row>
    <row r="570037" spans="8:8">
      <c r="H570037" s="12"/>
    </row>
    <row r="570038" spans="8:8">
      <c r="H570038" s="12"/>
    </row>
    <row r="570039" spans="8:8">
      <c r="H570039" s="12"/>
    </row>
    <row r="570040" spans="8:8">
      <c r="H570040" s="12"/>
    </row>
    <row r="570041" spans="8:8">
      <c r="H570041" s="12"/>
    </row>
    <row r="570042" spans="8:8">
      <c r="H570042" s="12"/>
    </row>
    <row r="570043" spans="8:8">
      <c r="H570043" s="12"/>
    </row>
    <row r="570044" spans="8:8">
      <c r="H570044" s="12"/>
    </row>
    <row r="570045" spans="8:8">
      <c r="H570045" s="12"/>
    </row>
    <row r="570046" spans="8:8">
      <c r="H570046" s="12"/>
    </row>
    <row r="570047" spans="8:8">
      <c r="H570047" s="12"/>
    </row>
    <row r="570048" spans="8:8">
      <c r="H570048" s="12"/>
    </row>
    <row r="570049" spans="8:8">
      <c r="H570049" s="12"/>
    </row>
    <row r="570050" spans="8:8">
      <c r="H570050" s="12"/>
    </row>
    <row r="570051" spans="8:8">
      <c r="H570051" s="12"/>
    </row>
    <row r="570052" spans="8:8">
      <c r="H570052" s="12"/>
    </row>
    <row r="570053" spans="8:8">
      <c r="H570053" s="12"/>
    </row>
    <row r="570054" spans="8:8">
      <c r="H570054" s="12"/>
    </row>
    <row r="570055" spans="8:8">
      <c r="H570055" s="12"/>
    </row>
    <row r="570056" spans="8:8">
      <c r="H570056" s="12"/>
    </row>
    <row r="570057" spans="8:8">
      <c r="H570057" s="12"/>
    </row>
    <row r="570058" spans="8:8">
      <c r="H570058" s="12"/>
    </row>
    <row r="570059" spans="8:8">
      <c r="H570059" s="12"/>
    </row>
    <row r="570060" spans="8:8">
      <c r="H570060" s="12"/>
    </row>
    <row r="570061" spans="8:8">
      <c r="H570061" s="12"/>
    </row>
    <row r="570062" spans="8:8">
      <c r="H570062" s="12"/>
    </row>
    <row r="570063" spans="8:8">
      <c r="H570063" s="12"/>
    </row>
    <row r="570064" spans="8:8">
      <c r="H570064" s="12"/>
    </row>
    <row r="570065" spans="8:8">
      <c r="H570065" s="12"/>
    </row>
    <row r="570066" spans="8:8">
      <c r="H570066" s="12"/>
    </row>
    <row r="570067" spans="8:8">
      <c r="H570067" s="12"/>
    </row>
    <row r="570068" spans="8:8">
      <c r="H570068" s="12"/>
    </row>
    <row r="570069" spans="8:8">
      <c r="H570069" s="12"/>
    </row>
    <row r="570070" spans="8:8">
      <c r="H570070" s="12"/>
    </row>
    <row r="570071" spans="8:8">
      <c r="H570071" s="12"/>
    </row>
    <row r="570072" spans="8:8">
      <c r="H570072" s="12"/>
    </row>
    <row r="570073" spans="8:8">
      <c r="H570073" s="12"/>
    </row>
    <row r="570074" spans="8:8">
      <c r="H570074" s="12"/>
    </row>
    <row r="570075" spans="8:8">
      <c r="H570075" s="12"/>
    </row>
    <row r="570076" spans="8:8">
      <c r="H570076" s="12"/>
    </row>
    <row r="570077" spans="8:8">
      <c r="H570077" s="12"/>
    </row>
    <row r="570078" spans="8:8">
      <c r="H570078" s="12"/>
    </row>
    <row r="570079" spans="8:8">
      <c r="H570079" s="12"/>
    </row>
    <row r="570080" spans="8:8">
      <c r="H570080" s="12"/>
    </row>
    <row r="570081" spans="8:8">
      <c r="H570081" s="12"/>
    </row>
    <row r="570082" spans="8:8">
      <c r="H570082" s="12"/>
    </row>
    <row r="570083" spans="8:8">
      <c r="H570083" s="12"/>
    </row>
    <row r="570084" spans="8:8">
      <c r="H570084" s="12"/>
    </row>
    <row r="570085" spans="8:8">
      <c r="H570085" s="12"/>
    </row>
    <row r="570086" spans="8:8">
      <c r="H570086" s="12"/>
    </row>
    <row r="570087" spans="8:8">
      <c r="H570087" s="12"/>
    </row>
    <row r="570088" spans="8:8">
      <c r="H570088" s="12"/>
    </row>
    <row r="570089" spans="8:8">
      <c r="H570089" s="12"/>
    </row>
    <row r="570090" spans="8:8">
      <c r="H570090" s="12"/>
    </row>
    <row r="570091" spans="8:8">
      <c r="H570091" s="12"/>
    </row>
    <row r="570092" spans="8:8">
      <c r="H570092" s="12"/>
    </row>
    <row r="570093" spans="8:8">
      <c r="H570093" s="12"/>
    </row>
    <row r="570094" spans="8:8">
      <c r="H570094" s="12"/>
    </row>
    <row r="570095" spans="8:8">
      <c r="H570095" s="12"/>
    </row>
    <row r="570096" spans="8:8">
      <c r="H570096" s="12"/>
    </row>
    <row r="570097" spans="8:8">
      <c r="H570097" s="12"/>
    </row>
    <row r="570098" spans="8:8">
      <c r="H570098" s="12"/>
    </row>
    <row r="570099" spans="8:8">
      <c r="H570099" s="12"/>
    </row>
    <row r="570100" spans="8:8">
      <c r="H570100" s="12"/>
    </row>
    <row r="570101" spans="8:8">
      <c r="H570101" s="12"/>
    </row>
    <row r="570102" spans="8:8">
      <c r="H570102" s="12"/>
    </row>
    <row r="570103" spans="8:8">
      <c r="H570103" s="12"/>
    </row>
    <row r="570104" spans="8:8">
      <c r="H570104" s="12"/>
    </row>
    <row r="570105" spans="8:8">
      <c r="H570105" s="12"/>
    </row>
    <row r="570106" spans="8:8">
      <c r="H570106" s="12"/>
    </row>
    <row r="570107" spans="8:8">
      <c r="H570107" s="12"/>
    </row>
    <row r="570108" spans="8:8">
      <c r="H570108" s="12"/>
    </row>
    <row r="570109" spans="8:8">
      <c r="H570109" s="12"/>
    </row>
    <row r="570110" spans="8:8">
      <c r="H570110" s="12"/>
    </row>
    <row r="570111" spans="8:8">
      <c r="H570111" s="12"/>
    </row>
    <row r="570112" spans="8:8">
      <c r="H570112" s="12"/>
    </row>
    <row r="570113" spans="8:8">
      <c r="H570113" s="12"/>
    </row>
    <row r="570114" spans="8:8">
      <c r="H570114" s="12"/>
    </row>
    <row r="570115" spans="8:8">
      <c r="H570115" s="12"/>
    </row>
    <row r="570116" spans="8:8">
      <c r="H570116" s="12"/>
    </row>
    <row r="570117" spans="8:8">
      <c r="H570117" s="12"/>
    </row>
    <row r="570118" spans="8:8">
      <c r="H570118" s="12"/>
    </row>
    <row r="570119" spans="8:8">
      <c r="H570119" s="12"/>
    </row>
    <row r="570120" spans="8:8">
      <c r="H570120" s="12"/>
    </row>
    <row r="570121" spans="8:8">
      <c r="H570121" s="12"/>
    </row>
    <row r="570122" spans="8:8">
      <c r="H570122" s="12"/>
    </row>
    <row r="570123" spans="8:8">
      <c r="H570123" s="12"/>
    </row>
    <row r="570124" spans="8:8">
      <c r="H570124" s="12"/>
    </row>
    <row r="570125" spans="8:8">
      <c r="H570125" s="12"/>
    </row>
    <row r="570126" spans="8:8">
      <c r="H570126" s="12"/>
    </row>
    <row r="570127" spans="8:8">
      <c r="H570127" s="12"/>
    </row>
    <row r="570128" spans="8:8">
      <c r="H570128" s="12"/>
    </row>
    <row r="570129" spans="8:8">
      <c r="H570129" s="12"/>
    </row>
    <row r="570130" spans="8:8">
      <c r="H570130" s="12"/>
    </row>
    <row r="570131" spans="8:8">
      <c r="H570131" s="12"/>
    </row>
    <row r="570132" spans="8:8">
      <c r="H570132" s="12"/>
    </row>
    <row r="570133" spans="8:8">
      <c r="H570133" s="12"/>
    </row>
    <row r="570134" spans="8:8">
      <c r="H570134" s="12"/>
    </row>
    <row r="570135" spans="8:8">
      <c r="H570135" s="12"/>
    </row>
    <row r="570136" spans="8:8">
      <c r="H570136" s="12"/>
    </row>
    <row r="570137" spans="8:8">
      <c r="H570137" s="12"/>
    </row>
    <row r="570138" spans="8:8">
      <c r="H570138" s="12"/>
    </row>
    <row r="570139" spans="8:8">
      <c r="H570139" s="12"/>
    </row>
    <row r="570140" spans="8:8">
      <c r="H570140" s="12"/>
    </row>
    <row r="570141" spans="8:8">
      <c r="H570141" s="12"/>
    </row>
    <row r="570142" spans="8:8">
      <c r="H570142" s="12"/>
    </row>
    <row r="570143" spans="8:8">
      <c r="H570143" s="12"/>
    </row>
    <row r="570144" spans="8:8">
      <c r="H570144" s="12"/>
    </row>
    <row r="570145" spans="8:8">
      <c r="H570145" s="12"/>
    </row>
    <row r="570146" spans="8:8">
      <c r="H570146" s="12"/>
    </row>
    <row r="570147" spans="8:8">
      <c r="H570147" s="12"/>
    </row>
    <row r="570148" spans="8:8">
      <c r="H570148" s="12"/>
    </row>
    <row r="570149" spans="8:8">
      <c r="H570149" s="12"/>
    </row>
    <row r="570150" spans="8:8">
      <c r="H570150" s="12"/>
    </row>
    <row r="570151" spans="8:8">
      <c r="H570151" s="12"/>
    </row>
    <row r="570152" spans="8:8">
      <c r="H570152" s="12"/>
    </row>
    <row r="570153" spans="8:8">
      <c r="H570153" s="12"/>
    </row>
    <row r="570154" spans="8:8">
      <c r="H570154" s="12"/>
    </row>
    <row r="570155" spans="8:8">
      <c r="H570155" s="12"/>
    </row>
    <row r="570156" spans="8:8">
      <c r="H570156" s="12"/>
    </row>
    <row r="570157" spans="8:8">
      <c r="H570157" s="12"/>
    </row>
    <row r="570158" spans="8:8">
      <c r="H570158" s="12"/>
    </row>
    <row r="570159" spans="8:8">
      <c r="H570159" s="12"/>
    </row>
    <row r="570160" spans="8:8">
      <c r="H570160" s="12"/>
    </row>
    <row r="570161" spans="8:8">
      <c r="H570161" s="12"/>
    </row>
    <row r="570162" spans="8:8">
      <c r="H570162" s="12"/>
    </row>
    <row r="570163" spans="8:8">
      <c r="H570163" s="12"/>
    </row>
    <row r="570164" spans="8:8">
      <c r="H570164" s="12"/>
    </row>
    <row r="570165" spans="8:8">
      <c r="H570165" s="12"/>
    </row>
    <row r="570166" spans="8:8">
      <c r="H570166" s="12"/>
    </row>
    <row r="570167" spans="8:8">
      <c r="H570167" s="12"/>
    </row>
    <row r="570168" spans="8:8">
      <c r="H570168" s="12"/>
    </row>
    <row r="570169" spans="8:8">
      <c r="H570169" s="12"/>
    </row>
    <row r="570170" spans="8:8">
      <c r="H570170" s="12"/>
    </row>
    <row r="570171" spans="8:8">
      <c r="H570171" s="12"/>
    </row>
    <row r="570172" spans="8:8">
      <c r="H570172" s="12"/>
    </row>
    <row r="570173" spans="8:8">
      <c r="H570173" s="12"/>
    </row>
    <row r="570174" spans="8:8">
      <c r="H570174" s="12"/>
    </row>
    <row r="570175" spans="8:8">
      <c r="H570175" s="12"/>
    </row>
    <row r="570176" spans="8:8">
      <c r="H570176" s="12"/>
    </row>
    <row r="570177" spans="8:8">
      <c r="H570177" s="12"/>
    </row>
    <row r="570178" spans="8:8">
      <c r="H570178" s="12"/>
    </row>
    <row r="570179" spans="8:8">
      <c r="H570179" s="12"/>
    </row>
    <row r="570180" spans="8:8">
      <c r="H570180" s="12"/>
    </row>
    <row r="570181" spans="8:8">
      <c r="H570181" s="12"/>
    </row>
    <row r="570182" spans="8:8">
      <c r="H570182" s="12"/>
    </row>
    <row r="570183" spans="8:8">
      <c r="H570183" s="12"/>
    </row>
    <row r="570184" spans="8:8">
      <c r="H570184" s="12"/>
    </row>
    <row r="570185" spans="8:8">
      <c r="H570185" s="12"/>
    </row>
    <row r="570186" spans="8:8">
      <c r="H570186" s="12"/>
    </row>
    <row r="570187" spans="8:8">
      <c r="H570187" s="12"/>
    </row>
    <row r="570188" spans="8:8">
      <c r="H570188" s="12"/>
    </row>
    <row r="570189" spans="8:8">
      <c r="H570189" s="12"/>
    </row>
    <row r="570190" spans="8:8">
      <c r="H570190" s="12"/>
    </row>
    <row r="570191" spans="8:8">
      <c r="H570191" s="12"/>
    </row>
    <row r="570192" spans="8:8">
      <c r="H570192" s="12"/>
    </row>
    <row r="570193" spans="8:8">
      <c r="H570193" s="12"/>
    </row>
    <row r="570194" spans="8:8">
      <c r="H570194" s="12"/>
    </row>
    <row r="570195" spans="8:8">
      <c r="H570195" s="12"/>
    </row>
    <row r="570196" spans="8:8">
      <c r="H570196" s="12"/>
    </row>
    <row r="570197" spans="8:8">
      <c r="H570197" s="12"/>
    </row>
    <row r="570198" spans="8:8">
      <c r="H570198" s="12"/>
    </row>
    <row r="570199" spans="8:8">
      <c r="H570199" s="12"/>
    </row>
    <row r="570200" spans="8:8">
      <c r="H570200" s="12"/>
    </row>
    <row r="570201" spans="8:8">
      <c r="H570201" s="12"/>
    </row>
    <row r="570202" spans="8:8">
      <c r="H570202" s="12"/>
    </row>
    <row r="570203" spans="8:8">
      <c r="H570203" s="12"/>
    </row>
    <row r="570204" spans="8:8">
      <c r="H570204" s="12"/>
    </row>
    <row r="570205" spans="8:8">
      <c r="H570205" s="12"/>
    </row>
    <row r="570206" spans="8:8">
      <c r="H570206" s="12"/>
    </row>
    <row r="570207" spans="8:8">
      <c r="H570207" s="12"/>
    </row>
    <row r="570208" spans="8:8">
      <c r="H570208" s="12"/>
    </row>
    <row r="570209" spans="8:8">
      <c r="H570209" s="12"/>
    </row>
    <row r="570210" spans="8:8">
      <c r="H570210" s="12"/>
    </row>
    <row r="570211" spans="8:8">
      <c r="H570211" s="12"/>
    </row>
    <row r="570212" spans="8:8">
      <c r="H570212" s="12"/>
    </row>
    <row r="570213" spans="8:8">
      <c r="H570213" s="12"/>
    </row>
    <row r="570214" spans="8:8">
      <c r="H570214" s="12"/>
    </row>
    <row r="570215" spans="8:8">
      <c r="H570215" s="12"/>
    </row>
    <row r="570216" spans="8:8">
      <c r="H570216" s="12"/>
    </row>
    <row r="570217" spans="8:8">
      <c r="H570217" s="12"/>
    </row>
    <row r="570218" spans="8:8">
      <c r="H570218" s="12"/>
    </row>
    <row r="570219" spans="8:8">
      <c r="H570219" s="12"/>
    </row>
    <row r="570220" spans="8:8">
      <c r="H570220" s="12"/>
    </row>
    <row r="570221" spans="8:8">
      <c r="H570221" s="12"/>
    </row>
    <row r="570222" spans="8:8">
      <c r="H570222" s="12"/>
    </row>
    <row r="570223" spans="8:8">
      <c r="H570223" s="12"/>
    </row>
    <row r="570224" spans="8:8">
      <c r="H570224" s="12"/>
    </row>
    <row r="570225" spans="8:8">
      <c r="H570225" s="12"/>
    </row>
    <row r="570226" spans="8:8">
      <c r="H570226" s="12"/>
    </row>
    <row r="570227" spans="8:8">
      <c r="H570227" s="12"/>
    </row>
    <row r="570228" spans="8:8">
      <c r="H570228" s="12"/>
    </row>
    <row r="570229" spans="8:8">
      <c r="H570229" s="12"/>
    </row>
    <row r="570230" spans="8:8">
      <c r="H570230" s="12"/>
    </row>
    <row r="570231" spans="8:8">
      <c r="H570231" s="12"/>
    </row>
    <row r="570232" spans="8:8">
      <c r="H570232" s="12"/>
    </row>
    <row r="570233" spans="8:8">
      <c r="H570233" s="12"/>
    </row>
    <row r="570234" spans="8:8">
      <c r="H570234" s="12"/>
    </row>
    <row r="570235" spans="8:8">
      <c r="H570235" s="12"/>
    </row>
    <row r="570236" spans="8:8">
      <c r="H570236" s="12"/>
    </row>
    <row r="570237" spans="8:8">
      <c r="H570237" s="12"/>
    </row>
    <row r="570238" spans="8:8">
      <c r="H570238" s="12"/>
    </row>
    <row r="570239" spans="8:8">
      <c r="H570239" s="12"/>
    </row>
    <row r="570240" spans="8:8">
      <c r="H570240" s="12"/>
    </row>
    <row r="570241" spans="8:8">
      <c r="H570241" s="12"/>
    </row>
    <row r="570242" spans="8:8">
      <c r="H570242" s="12"/>
    </row>
    <row r="570243" spans="8:8">
      <c r="H570243" s="12"/>
    </row>
    <row r="570244" spans="8:8">
      <c r="H570244" s="12"/>
    </row>
    <row r="570245" spans="8:8">
      <c r="H570245" s="12"/>
    </row>
    <row r="570246" spans="8:8">
      <c r="H570246" s="12"/>
    </row>
    <row r="570247" spans="8:8">
      <c r="H570247" s="12"/>
    </row>
    <row r="570248" spans="8:8">
      <c r="H570248" s="12"/>
    </row>
    <row r="570249" spans="8:8">
      <c r="H570249" s="12"/>
    </row>
    <row r="570250" spans="8:8">
      <c r="H570250" s="12"/>
    </row>
    <row r="570251" spans="8:8">
      <c r="H570251" s="12"/>
    </row>
    <row r="570252" spans="8:8">
      <c r="H570252" s="12"/>
    </row>
    <row r="570253" spans="8:8">
      <c r="H570253" s="12"/>
    </row>
    <row r="570254" spans="8:8">
      <c r="H570254" s="12"/>
    </row>
    <row r="570255" spans="8:8">
      <c r="H570255" s="12"/>
    </row>
    <row r="570256" spans="8:8">
      <c r="H570256" s="12"/>
    </row>
    <row r="570257" spans="8:8">
      <c r="H570257" s="12"/>
    </row>
    <row r="570258" spans="8:8">
      <c r="H570258" s="12"/>
    </row>
    <row r="570259" spans="8:8">
      <c r="H570259" s="12"/>
    </row>
    <row r="570260" spans="8:8">
      <c r="H570260" s="12"/>
    </row>
    <row r="570261" spans="8:8">
      <c r="H570261" s="12"/>
    </row>
    <row r="570262" spans="8:8">
      <c r="H570262" s="12"/>
    </row>
    <row r="570263" spans="8:8">
      <c r="H570263" s="12"/>
    </row>
    <row r="570264" spans="8:8">
      <c r="H570264" s="12"/>
    </row>
    <row r="570265" spans="8:8">
      <c r="H570265" s="12"/>
    </row>
    <row r="570266" spans="8:8">
      <c r="H570266" s="12"/>
    </row>
    <row r="570267" spans="8:8">
      <c r="H570267" s="12"/>
    </row>
    <row r="570268" spans="8:8">
      <c r="H570268" s="12"/>
    </row>
    <row r="570269" spans="8:8">
      <c r="H570269" s="12"/>
    </row>
    <row r="570270" spans="8:8">
      <c r="H570270" s="12"/>
    </row>
    <row r="570271" spans="8:8">
      <c r="H570271" s="12"/>
    </row>
    <row r="570272" spans="8:8">
      <c r="H570272" s="12"/>
    </row>
    <row r="570273" spans="8:8">
      <c r="H570273" s="12"/>
    </row>
    <row r="570274" spans="8:8">
      <c r="H570274" s="12"/>
    </row>
    <row r="570275" spans="8:8">
      <c r="H570275" s="12"/>
    </row>
    <row r="570276" spans="8:8">
      <c r="H570276" s="12"/>
    </row>
    <row r="570277" spans="8:8">
      <c r="H570277" s="12"/>
    </row>
    <row r="570278" spans="8:8">
      <c r="H570278" s="12"/>
    </row>
    <row r="570279" spans="8:8">
      <c r="H570279" s="12"/>
    </row>
    <row r="570280" spans="8:8">
      <c r="H570280" s="12"/>
    </row>
    <row r="570281" spans="8:8">
      <c r="H570281" s="12"/>
    </row>
    <row r="570282" spans="8:8">
      <c r="H570282" s="12"/>
    </row>
    <row r="570283" spans="8:8">
      <c r="H570283" s="12"/>
    </row>
    <row r="570284" spans="8:8">
      <c r="H570284" s="12"/>
    </row>
    <row r="570285" spans="8:8">
      <c r="H570285" s="12"/>
    </row>
    <row r="570286" spans="8:8">
      <c r="H570286" s="12"/>
    </row>
    <row r="570287" spans="8:8">
      <c r="H570287" s="12"/>
    </row>
    <row r="570288" spans="8:8">
      <c r="H570288" s="12"/>
    </row>
    <row r="570289" spans="8:8">
      <c r="H570289" s="12"/>
    </row>
    <row r="570290" spans="8:8">
      <c r="H570290" s="12"/>
    </row>
    <row r="570291" spans="8:8">
      <c r="H570291" s="12"/>
    </row>
    <row r="570292" spans="8:8">
      <c r="H570292" s="12"/>
    </row>
    <row r="570293" spans="8:8">
      <c r="H570293" s="12"/>
    </row>
    <row r="570294" spans="8:8">
      <c r="H570294" s="12"/>
    </row>
    <row r="570295" spans="8:8">
      <c r="H570295" s="12"/>
    </row>
    <row r="570296" spans="8:8">
      <c r="H570296" s="12"/>
    </row>
    <row r="570297" spans="8:8">
      <c r="H570297" s="12"/>
    </row>
    <row r="570298" spans="8:8">
      <c r="H570298" s="12"/>
    </row>
    <row r="570299" spans="8:8">
      <c r="H570299" s="12"/>
    </row>
    <row r="570300" spans="8:8">
      <c r="H570300" s="12"/>
    </row>
    <row r="570301" spans="8:8">
      <c r="H570301" s="12"/>
    </row>
    <row r="570302" spans="8:8">
      <c r="H570302" s="12"/>
    </row>
    <row r="570303" spans="8:8">
      <c r="H570303" s="12"/>
    </row>
    <row r="570304" spans="8:8">
      <c r="H570304" s="12"/>
    </row>
    <row r="570305" spans="8:8">
      <c r="H570305" s="12"/>
    </row>
    <row r="570306" spans="8:8">
      <c r="H570306" s="12"/>
    </row>
    <row r="570307" spans="8:8">
      <c r="H570307" s="12"/>
    </row>
    <row r="570308" spans="8:8">
      <c r="H570308" s="12"/>
    </row>
    <row r="570309" spans="8:8">
      <c r="H570309" s="12"/>
    </row>
    <row r="570310" spans="8:8">
      <c r="H570310" s="12"/>
    </row>
    <row r="570311" spans="8:8">
      <c r="H570311" s="12"/>
    </row>
    <row r="570312" spans="8:8">
      <c r="H570312" s="12"/>
    </row>
    <row r="570313" spans="8:8">
      <c r="H570313" s="12"/>
    </row>
    <row r="570314" spans="8:8">
      <c r="H570314" s="12"/>
    </row>
    <row r="570315" spans="8:8">
      <c r="H570315" s="12"/>
    </row>
    <row r="570316" spans="8:8">
      <c r="H570316" s="12"/>
    </row>
    <row r="570317" spans="8:8">
      <c r="H570317" s="12"/>
    </row>
    <row r="570318" spans="8:8">
      <c r="H570318" s="12"/>
    </row>
    <row r="570319" spans="8:8">
      <c r="H570319" s="12"/>
    </row>
    <row r="570320" spans="8:8">
      <c r="H570320" s="12"/>
    </row>
    <row r="570321" spans="8:8">
      <c r="H570321" s="12"/>
    </row>
    <row r="570322" spans="8:8">
      <c r="H570322" s="12"/>
    </row>
    <row r="570323" spans="8:8">
      <c r="H570323" s="12"/>
    </row>
    <row r="570324" spans="8:8">
      <c r="H570324" s="12"/>
    </row>
    <row r="570325" spans="8:8">
      <c r="H570325" s="12"/>
    </row>
    <row r="570326" spans="8:8">
      <c r="H570326" s="12"/>
    </row>
    <row r="570327" spans="8:8">
      <c r="H570327" s="12"/>
    </row>
    <row r="570328" spans="8:8">
      <c r="H570328" s="12"/>
    </row>
    <row r="570329" spans="8:8">
      <c r="H570329" s="12"/>
    </row>
    <row r="570330" spans="8:8">
      <c r="H570330" s="12"/>
    </row>
    <row r="570331" spans="8:8">
      <c r="H570331" s="12"/>
    </row>
    <row r="570332" spans="8:8">
      <c r="H570332" s="12"/>
    </row>
    <row r="570333" spans="8:8">
      <c r="H570333" s="12"/>
    </row>
    <row r="570334" spans="8:8">
      <c r="H570334" s="12"/>
    </row>
    <row r="570335" spans="8:8">
      <c r="H570335" s="12"/>
    </row>
    <row r="570336" spans="8:8">
      <c r="H570336" s="12"/>
    </row>
    <row r="570337" spans="8:8">
      <c r="H570337" s="12"/>
    </row>
    <row r="570338" spans="8:8">
      <c r="H570338" s="12"/>
    </row>
    <row r="570339" spans="8:8">
      <c r="H570339" s="12"/>
    </row>
    <row r="570340" spans="8:8">
      <c r="H570340" s="12"/>
    </row>
    <row r="570341" spans="8:8">
      <c r="H570341" s="12"/>
    </row>
    <row r="570342" spans="8:8">
      <c r="H570342" s="12"/>
    </row>
    <row r="570343" spans="8:8">
      <c r="H570343" s="12"/>
    </row>
    <row r="570344" spans="8:8">
      <c r="H570344" s="12"/>
    </row>
    <row r="570345" spans="8:8">
      <c r="H570345" s="12"/>
    </row>
    <row r="570346" spans="8:8">
      <c r="H570346" s="12"/>
    </row>
    <row r="570347" spans="8:8">
      <c r="H570347" s="12"/>
    </row>
    <row r="570348" spans="8:8">
      <c r="H570348" s="12"/>
    </row>
    <row r="570349" spans="8:8">
      <c r="H570349" s="12"/>
    </row>
    <row r="570350" spans="8:8">
      <c r="H570350" s="12"/>
    </row>
    <row r="570351" spans="8:8">
      <c r="H570351" s="12"/>
    </row>
    <row r="570352" spans="8:8">
      <c r="H570352" s="12"/>
    </row>
    <row r="570353" spans="8:8">
      <c r="H570353" s="12"/>
    </row>
    <row r="570354" spans="8:8">
      <c r="H570354" s="12"/>
    </row>
    <row r="570355" spans="8:8">
      <c r="H570355" s="12"/>
    </row>
    <row r="570356" spans="8:8">
      <c r="H570356" s="12"/>
    </row>
    <row r="570357" spans="8:8">
      <c r="H570357" s="12"/>
    </row>
    <row r="570358" spans="8:8">
      <c r="H570358" s="12"/>
    </row>
    <row r="570359" spans="8:8">
      <c r="H570359" s="12"/>
    </row>
    <row r="570360" spans="8:8">
      <c r="H570360" s="12"/>
    </row>
    <row r="570361" spans="8:8">
      <c r="H570361" s="12"/>
    </row>
    <row r="570362" spans="8:8">
      <c r="H570362" s="12"/>
    </row>
    <row r="570363" spans="8:8">
      <c r="H570363" s="12"/>
    </row>
    <row r="570364" spans="8:8">
      <c r="H570364" s="12"/>
    </row>
    <row r="570365" spans="8:8">
      <c r="H570365" s="12"/>
    </row>
    <row r="570366" spans="8:8">
      <c r="H570366" s="12"/>
    </row>
    <row r="570367" spans="8:8">
      <c r="H570367" s="12"/>
    </row>
    <row r="570368" spans="8:8">
      <c r="H570368" s="12"/>
    </row>
    <row r="570369" spans="8:8">
      <c r="H570369" s="12"/>
    </row>
    <row r="570370" spans="8:8">
      <c r="H570370" s="12"/>
    </row>
    <row r="570371" spans="8:8">
      <c r="H570371" s="12"/>
    </row>
    <row r="570372" spans="8:8">
      <c r="H570372" s="12"/>
    </row>
    <row r="570373" spans="8:8">
      <c r="H570373" s="12"/>
    </row>
    <row r="570374" spans="8:8">
      <c r="H570374" s="12"/>
    </row>
    <row r="570375" spans="8:8">
      <c r="H570375" s="12"/>
    </row>
    <row r="570376" spans="8:8">
      <c r="H570376" s="12"/>
    </row>
    <row r="570377" spans="8:8">
      <c r="H570377" s="12"/>
    </row>
    <row r="570378" spans="8:8">
      <c r="H570378" s="12"/>
    </row>
    <row r="570379" spans="8:8">
      <c r="H570379" s="12"/>
    </row>
    <row r="570380" spans="8:8">
      <c r="H570380" s="12"/>
    </row>
    <row r="570381" spans="8:8">
      <c r="H570381" s="12"/>
    </row>
    <row r="570382" spans="8:8">
      <c r="H570382" s="12"/>
    </row>
    <row r="570383" spans="8:8">
      <c r="H570383" s="12"/>
    </row>
    <row r="570384" spans="8:8">
      <c r="H570384" s="12"/>
    </row>
    <row r="570385" spans="8:8">
      <c r="H570385" s="12"/>
    </row>
    <row r="570386" spans="8:8">
      <c r="H570386" s="12"/>
    </row>
    <row r="570387" spans="8:8">
      <c r="H570387" s="12"/>
    </row>
    <row r="570388" spans="8:8">
      <c r="H570388" s="12"/>
    </row>
    <row r="570389" spans="8:8">
      <c r="H570389" s="12"/>
    </row>
    <row r="570390" spans="8:8">
      <c r="H570390" s="12"/>
    </row>
    <row r="570391" spans="8:8">
      <c r="H570391" s="12"/>
    </row>
    <row r="570392" spans="8:8">
      <c r="H570392" s="12"/>
    </row>
    <row r="570393" spans="8:8">
      <c r="H570393" s="12"/>
    </row>
    <row r="570394" spans="8:8">
      <c r="H570394" s="12"/>
    </row>
    <row r="570395" spans="8:8">
      <c r="H570395" s="12"/>
    </row>
    <row r="570396" spans="8:8">
      <c r="H570396" s="12"/>
    </row>
    <row r="570397" spans="8:8">
      <c r="H570397" s="12"/>
    </row>
    <row r="570398" spans="8:8">
      <c r="H570398" s="12"/>
    </row>
    <row r="570399" spans="8:8">
      <c r="H570399" s="12"/>
    </row>
    <row r="570400" spans="8:8">
      <c r="H570400" s="12"/>
    </row>
    <row r="570401" spans="8:8">
      <c r="H570401" s="12"/>
    </row>
    <row r="570402" spans="8:8">
      <c r="H570402" s="12"/>
    </row>
    <row r="570403" spans="8:8">
      <c r="H570403" s="12"/>
    </row>
    <row r="570404" spans="8:8">
      <c r="H570404" s="12"/>
    </row>
    <row r="570405" spans="8:8">
      <c r="H570405" s="12"/>
    </row>
    <row r="570406" spans="8:8">
      <c r="H570406" s="12"/>
    </row>
    <row r="570407" spans="8:8">
      <c r="H570407" s="12"/>
    </row>
    <row r="570408" spans="8:8">
      <c r="H570408" s="12"/>
    </row>
    <row r="570409" spans="8:8">
      <c r="H570409" s="12"/>
    </row>
    <row r="570410" spans="8:8">
      <c r="H570410" s="12"/>
    </row>
    <row r="570411" spans="8:8">
      <c r="H570411" s="12"/>
    </row>
    <row r="570412" spans="8:8">
      <c r="H570412" s="12"/>
    </row>
    <row r="570413" spans="8:8">
      <c r="H570413" s="12"/>
    </row>
    <row r="570414" spans="8:8">
      <c r="H570414" s="12"/>
    </row>
    <row r="570415" spans="8:8">
      <c r="H570415" s="12"/>
    </row>
    <row r="570416" spans="8:8">
      <c r="H570416" s="12"/>
    </row>
    <row r="570417" spans="8:8">
      <c r="H570417" s="12"/>
    </row>
    <row r="570418" spans="8:8">
      <c r="H570418" s="12"/>
    </row>
    <row r="570419" spans="8:8">
      <c r="H570419" s="12"/>
    </row>
    <row r="570420" spans="8:8">
      <c r="H570420" s="12"/>
    </row>
    <row r="570421" spans="8:8">
      <c r="H570421" s="12"/>
    </row>
    <row r="570422" spans="8:8">
      <c r="H570422" s="12"/>
    </row>
    <row r="570423" spans="8:8">
      <c r="H570423" s="12"/>
    </row>
    <row r="570424" spans="8:8">
      <c r="H570424" s="12"/>
    </row>
    <row r="570425" spans="8:8">
      <c r="H570425" s="12"/>
    </row>
    <row r="570426" spans="8:8">
      <c r="H570426" s="12"/>
    </row>
    <row r="570427" spans="8:8">
      <c r="H570427" s="12"/>
    </row>
    <row r="570428" spans="8:8">
      <c r="H570428" s="12"/>
    </row>
    <row r="570429" spans="8:8">
      <c r="H570429" s="12"/>
    </row>
    <row r="570430" spans="8:8">
      <c r="H570430" s="12"/>
    </row>
    <row r="570431" spans="8:8">
      <c r="H570431" s="12"/>
    </row>
    <row r="570432" spans="8:8">
      <c r="H570432" s="12"/>
    </row>
    <row r="570433" spans="8:8">
      <c r="H570433" s="12"/>
    </row>
    <row r="570434" spans="8:8">
      <c r="H570434" s="12"/>
    </row>
    <row r="570435" spans="8:8">
      <c r="H570435" s="12"/>
    </row>
    <row r="570436" spans="8:8">
      <c r="H570436" s="12"/>
    </row>
    <row r="570437" spans="8:8">
      <c r="H570437" s="12"/>
    </row>
    <row r="570438" spans="8:8">
      <c r="H570438" s="12"/>
    </row>
    <row r="570439" spans="8:8">
      <c r="H570439" s="12"/>
    </row>
    <row r="570440" spans="8:8">
      <c r="H570440" s="12"/>
    </row>
    <row r="570441" spans="8:8">
      <c r="H570441" s="12"/>
    </row>
    <row r="570442" spans="8:8">
      <c r="H570442" s="12"/>
    </row>
    <row r="570443" spans="8:8">
      <c r="H570443" s="12"/>
    </row>
    <row r="570444" spans="8:8">
      <c r="H570444" s="12"/>
    </row>
    <row r="570445" spans="8:8">
      <c r="H570445" s="12"/>
    </row>
    <row r="570446" spans="8:8">
      <c r="H570446" s="12"/>
    </row>
    <row r="570447" spans="8:8">
      <c r="H570447" s="12"/>
    </row>
    <row r="570448" spans="8:8">
      <c r="H570448" s="12"/>
    </row>
    <row r="570449" spans="8:8">
      <c r="H570449" s="12"/>
    </row>
    <row r="570450" spans="8:8">
      <c r="H570450" s="12"/>
    </row>
    <row r="570451" spans="8:8">
      <c r="H570451" s="12"/>
    </row>
    <row r="570452" spans="8:8">
      <c r="H570452" s="12"/>
    </row>
    <row r="570453" spans="8:8">
      <c r="H570453" s="12"/>
    </row>
    <row r="570454" spans="8:8">
      <c r="H570454" s="12"/>
    </row>
    <row r="570455" spans="8:8">
      <c r="H570455" s="12"/>
    </row>
    <row r="570456" spans="8:8">
      <c r="H570456" s="12"/>
    </row>
    <row r="570457" spans="8:8">
      <c r="H570457" s="12"/>
    </row>
    <row r="570458" spans="8:8">
      <c r="H570458" s="12"/>
    </row>
    <row r="570459" spans="8:8">
      <c r="H570459" s="12"/>
    </row>
    <row r="570460" spans="8:8">
      <c r="H570460" s="12"/>
    </row>
    <row r="570461" spans="8:8">
      <c r="H570461" s="12"/>
    </row>
    <row r="570462" spans="8:8">
      <c r="H570462" s="12"/>
    </row>
    <row r="570463" spans="8:8">
      <c r="H570463" s="12"/>
    </row>
    <row r="570464" spans="8:8">
      <c r="H570464" s="12"/>
    </row>
    <row r="570465" spans="8:8">
      <c r="H570465" s="12"/>
    </row>
    <row r="570466" spans="8:8">
      <c r="H570466" s="12"/>
    </row>
    <row r="570467" spans="8:8">
      <c r="H570467" s="12"/>
    </row>
    <row r="570468" spans="8:8">
      <c r="H570468" s="12"/>
    </row>
    <row r="570469" spans="8:8">
      <c r="H570469" s="12"/>
    </row>
    <row r="570470" spans="8:8">
      <c r="H570470" s="12"/>
    </row>
    <row r="570471" spans="8:8">
      <c r="H570471" s="12"/>
    </row>
    <row r="570472" spans="8:8">
      <c r="H570472" s="12"/>
    </row>
    <row r="570473" spans="8:8">
      <c r="H570473" s="12"/>
    </row>
    <row r="570474" spans="8:8">
      <c r="H570474" s="12"/>
    </row>
    <row r="570475" spans="8:8">
      <c r="H570475" s="12"/>
    </row>
    <row r="570476" spans="8:8">
      <c r="H570476" s="12"/>
    </row>
    <row r="570477" spans="8:8">
      <c r="H570477" s="12"/>
    </row>
    <row r="570478" spans="8:8">
      <c r="H570478" s="12"/>
    </row>
    <row r="570479" spans="8:8">
      <c r="H570479" s="12"/>
    </row>
    <row r="570480" spans="8:8">
      <c r="H570480" s="12"/>
    </row>
    <row r="570481" spans="8:8">
      <c r="H570481" s="12"/>
    </row>
    <row r="570482" spans="8:8">
      <c r="H570482" s="12"/>
    </row>
    <row r="570483" spans="8:8">
      <c r="H570483" s="12"/>
    </row>
    <row r="570484" spans="8:8">
      <c r="H570484" s="12"/>
    </row>
    <row r="570485" spans="8:8">
      <c r="H570485" s="12"/>
    </row>
    <row r="570486" spans="8:8">
      <c r="H570486" s="12"/>
    </row>
    <row r="570487" spans="8:8">
      <c r="H570487" s="12"/>
    </row>
    <row r="570488" spans="8:8">
      <c r="H570488" s="12"/>
    </row>
    <row r="570489" spans="8:8">
      <c r="H570489" s="12"/>
    </row>
    <row r="570490" spans="8:8">
      <c r="H570490" s="12"/>
    </row>
    <row r="570491" spans="8:8">
      <c r="H570491" s="12"/>
    </row>
    <row r="570492" spans="8:8">
      <c r="H570492" s="12"/>
    </row>
    <row r="570493" spans="8:8">
      <c r="H570493" s="12"/>
    </row>
    <row r="570494" spans="8:8">
      <c r="H570494" s="12"/>
    </row>
    <row r="570495" spans="8:8">
      <c r="H570495" s="12"/>
    </row>
    <row r="570496" spans="8:8">
      <c r="H570496" s="12"/>
    </row>
    <row r="570497" spans="8:8">
      <c r="H570497" s="12"/>
    </row>
    <row r="570498" spans="8:8">
      <c r="H570498" s="12"/>
    </row>
    <row r="570499" spans="8:8">
      <c r="H570499" s="12"/>
    </row>
    <row r="570500" spans="8:8">
      <c r="H570500" s="12"/>
    </row>
    <row r="570501" spans="8:8">
      <c r="H570501" s="12"/>
    </row>
    <row r="570502" spans="8:8">
      <c r="H570502" s="12"/>
    </row>
    <row r="570503" spans="8:8">
      <c r="H570503" s="12"/>
    </row>
    <row r="570504" spans="8:8">
      <c r="H570504" s="12"/>
    </row>
    <row r="570505" spans="8:8">
      <c r="H570505" s="12"/>
    </row>
    <row r="570506" spans="8:8">
      <c r="H570506" s="12"/>
    </row>
    <row r="570507" spans="8:8">
      <c r="H570507" s="12"/>
    </row>
    <row r="570508" spans="8:8">
      <c r="H570508" s="12"/>
    </row>
    <row r="570509" spans="8:8">
      <c r="H570509" s="12"/>
    </row>
    <row r="570510" spans="8:8">
      <c r="H570510" s="12"/>
    </row>
    <row r="570511" spans="8:8">
      <c r="H570511" s="12"/>
    </row>
    <row r="570512" spans="8:8">
      <c r="H570512" s="12"/>
    </row>
    <row r="570513" spans="8:8">
      <c r="H570513" s="12"/>
    </row>
    <row r="570514" spans="8:8">
      <c r="H570514" s="12"/>
    </row>
    <row r="570515" spans="8:8">
      <c r="H570515" s="12"/>
    </row>
    <row r="570516" spans="8:8">
      <c r="H570516" s="12"/>
    </row>
    <row r="570517" spans="8:8">
      <c r="H570517" s="12"/>
    </row>
    <row r="570518" spans="8:8">
      <c r="H570518" s="12"/>
    </row>
    <row r="570519" spans="8:8">
      <c r="H570519" s="12"/>
    </row>
    <row r="570520" spans="8:8">
      <c r="H570520" s="12"/>
    </row>
    <row r="570521" spans="8:8">
      <c r="H570521" s="12"/>
    </row>
    <row r="570522" spans="8:8">
      <c r="H570522" s="12"/>
    </row>
    <row r="570523" spans="8:8">
      <c r="H570523" s="12"/>
    </row>
    <row r="570524" spans="8:8">
      <c r="H570524" s="12"/>
    </row>
    <row r="570525" spans="8:8">
      <c r="H570525" s="12"/>
    </row>
    <row r="570526" spans="8:8">
      <c r="H570526" s="12"/>
    </row>
    <row r="570527" spans="8:8">
      <c r="H570527" s="12"/>
    </row>
    <row r="570528" spans="8:8">
      <c r="H570528" s="12"/>
    </row>
    <row r="570529" spans="8:8">
      <c r="H570529" s="12"/>
    </row>
    <row r="570530" spans="8:8">
      <c r="H570530" s="12"/>
    </row>
    <row r="570531" spans="8:8">
      <c r="H570531" s="12"/>
    </row>
    <row r="570532" spans="8:8">
      <c r="H570532" s="12"/>
    </row>
    <row r="570533" spans="8:8">
      <c r="H570533" s="12"/>
    </row>
    <row r="570534" spans="8:8">
      <c r="H570534" s="12"/>
    </row>
    <row r="570535" spans="8:8">
      <c r="H570535" s="12"/>
    </row>
    <row r="570536" spans="8:8">
      <c r="H570536" s="12"/>
    </row>
    <row r="570537" spans="8:8">
      <c r="H570537" s="12"/>
    </row>
    <row r="570538" spans="8:8">
      <c r="H570538" s="12"/>
    </row>
    <row r="570539" spans="8:8">
      <c r="H570539" s="12"/>
    </row>
    <row r="570540" spans="8:8">
      <c r="H570540" s="12"/>
    </row>
    <row r="570541" spans="8:8">
      <c r="H570541" s="12"/>
    </row>
    <row r="570542" spans="8:8">
      <c r="H570542" s="12"/>
    </row>
    <row r="570543" spans="8:8">
      <c r="H570543" s="12"/>
    </row>
    <row r="570544" spans="8:8">
      <c r="H570544" s="12"/>
    </row>
    <row r="570545" spans="8:8">
      <c r="H570545" s="12"/>
    </row>
    <row r="570546" spans="8:8">
      <c r="H570546" s="12"/>
    </row>
    <row r="570547" spans="8:8">
      <c r="H570547" s="12"/>
    </row>
    <row r="570548" spans="8:8">
      <c r="H570548" s="12"/>
    </row>
    <row r="570549" spans="8:8">
      <c r="H570549" s="12"/>
    </row>
    <row r="570550" spans="8:8">
      <c r="H570550" s="12"/>
    </row>
    <row r="570551" spans="8:8">
      <c r="H570551" s="12"/>
    </row>
    <row r="570552" spans="8:8">
      <c r="H570552" s="12"/>
    </row>
    <row r="570553" spans="8:8">
      <c r="H570553" s="12"/>
    </row>
    <row r="570554" spans="8:8">
      <c r="H570554" s="12"/>
    </row>
    <row r="570555" spans="8:8">
      <c r="H570555" s="12"/>
    </row>
    <row r="570556" spans="8:8">
      <c r="H570556" s="12"/>
    </row>
    <row r="570557" spans="8:8">
      <c r="H570557" s="12"/>
    </row>
    <row r="570558" spans="8:8">
      <c r="H570558" s="12"/>
    </row>
    <row r="570559" spans="8:8">
      <c r="H570559" s="12"/>
    </row>
    <row r="570560" spans="8:8">
      <c r="H570560" s="12"/>
    </row>
    <row r="570561" spans="8:8">
      <c r="H570561" s="12"/>
    </row>
    <row r="570562" spans="8:8">
      <c r="H570562" s="12"/>
    </row>
    <row r="570563" spans="8:8">
      <c r="H570563" s="12"/>
    </row>
    <row r="570564" spans="8:8">
      <c r="H570564" s="12"/>
    </row>
    <row r="570565" spans="8:8">
      <c r="H570565" s="12"/>
    </row>
    <row r="570566" spans="8:8">
      <c r="H570566" s="12"/>
    </row>
    <row r="570567" spans="8:8">
      <c r="H570567" s="12"/>
    </row>
    <row r="570568" spans="8:8">
      <c r="H570568" s="12"/>
    </row>
    <row r="570569" spans="8:8">
      <c r="H570569" s="12"/>
    </row>
    <row r="570570" spans="8:8">
      <c r="H570570" s="12"/>
    </row>
    <row r="570571" spans="8:8">
      <c r="H570571" s="12"/>
    </row>
    <row r="570572" spans="8:8">
      <c r="H570572" s="12"/>
    </row>
    <row r="570573" spans="8:8">
      <c r="H570573" s="12"/>
    </row>
    <row r="570574" spans="8:8">
      <c r="H570574" s="12"/>
    </row>
    <row r="570575" spans="8:8">
      <c r="H570575" s="12"/>
    </row>
    <row r="570576" spans="8:8">
      <c r="H570576" s="12"/>
    </row>
    <row r="570577" spans="8:8">
      <c r="H570577" s="12"/>
    </row>
    <row r="570578" spans="8:8">
      <c r="H570578" s="12"/>
    </row>
    <row r="570579" spans="8:8">
      <c r="H570579" s="12"/>
    </row>
    <row r="570580" spans="8:8">
      <c r="H570580" s="12"/>
    </row>
    <row r="570581" spans="8:8">
      <c r="H570581" s="12"/>
    </row>
    <row r="570582" spans="8:8">
      <c r="H570582" s="12"/>
    </row>
    <row r="570583" spans="8:8">
      <c r="H570583" s="12"/>
    </row>
    <row r="570584" spans="8:8">
      <c r="H570584" s="12"/>
    </row>
    <row r="570585" spans="8:8">
      <c r="H570585" s="12"/>
    </row>
    <row r="570586" spans="8:8">
      <c r="H570586" s="12"/>
    </row>
    <row r="570587" spans="8:8">
      <c r="H570587" s="12"/>
    </row>
    <row r="570588" spans="8:8">
      <c r="H570588" s="12"/>
    </row>
    <row r="570589" spans="8:8">
      <c r="H570589" s="12"/>
    </row>
    <row r="570590" spans="8:8">
      <c r="H570590" s="12"/>
    </row>
    <row r="570591" spans="8:8">
      <c r="H570591" s="12"/>
    </row>
    <row r="570592" spans="8:8">
      <c r="H570592" s="12"/>
    </row>
    <row r="570593" spans="8:8">
      <c r="H570593" s="12"/>
    </row>
    <row r="570594" spans="8:8">
      <c r="H570594" s="12"/>
    </row>
    <row r="570595" spans="8:8">
      <c r="H570595" s="12"/>
    </row>
    <row r="570596" spans="8:8">
      <c r="H570596" s="12"/>
    </row>
    <row r="570597" spans="8:8">
      <c r="H570597" s="12"/>
    </row>
    <row r="570598" spans="8:8">
      <c r="H570598" s="12"/>
    </row>
    <row r="570599" spans="8:8">
      <c r="H570599" s="12"/>
    </row>
    <row r="570600" spans="8:8">
      <c r="H570600" s="12"/>
    </row>
    <row r="570601" spans="8:8">
      <c r="H570601" s="12"/>
    </row>
    <row r="570602" spans="8:8">
      <c r="H570602" s="12"/>
    </row>
    <row r="570603" spans="8:8">
      <c r="H570603" s="12"/>
    </row>
    <row r="570604" spans="8:8">
      <c r="H570604" s="12"/>
    </row>
    <row r="570605" spans="8:8">
      <c r="H570605" s="12"/>
    </row>
    <row r="570606" spans="8:8">
      <c r="H570606" s="12"/>
    </row>
    <row r="570607" spans="8:8">
      <c r="H570607" s="12"/>
    </row>
    <row r="570608" spans="8:8">
      <c r="H570608" s="12"/>
    </row>
    <row r="570609" spans="8:8">
      <c r="H570609" s="12"/>
    </row>
    <row r="570610" spans="8:8">
      <c r="H570610" s="12"/>
    </row>
    <row r="570611" spans="8:8">
      <c r="H570611" s="12"/>
    </row>
    <row r="570612" spans="8:8">
      <c r="H570612" s="12"/>
    </row>
    <row r="570613" spans="8:8">
      <c r="H570613" s="12"/>
    </row>
    <row r="570614" spans="8:8">
      <c r="H570614" s="12"/>
    </row>
    <row r="570615" spans="8:8">
      <c r="H570615" s="12"/>
    </row>
    <row r="570616" spans="8:8">
      <c r="H570616" s="12"/>
    </row>
    <row r="570617" spans="8:8">
      <c r="H570617" s="12"/>
    </row>
    <row r="570618" spans="8:8">
      <c r="H570618" s="12"/>
    </row>
    <row r="570619" spans="8:8">
      <c r="H570619" s="12"/>
    </row>
    <row r="570620" spans="8:8">
      <c r="H570620" s="12"/>
    </row>
    <row r="570621" spans="8:8">
      <c r="H570621" s="12"/>
    </row>
    <row r="570622" spans="8:8">
      <c r="H570622" s="12"/>
    </row>
    <row r="570623" spans="8:8">
      <c r="H570623" s="12"/>
    </row>
    <row r="570624" spans="8:8">
      <c r="H570624" s="12"/>
    </row>
    <row r="570625" spans="8:8">
      <c r="H570625" s="12"/>
    </row>
    <row r="570626" spans="8:8">
      <c r="H570626" s="12"/>
    </row>
    <row r="570627" spans="8:8">
      <c r="H570627" s="12"/>
    </row>
    <row r="570628" spans="8:8">
      <c r="H570628" s="12"/>
    </row>
    <row r="570629" spans="8:8">
      <c r="H570629" s="12"/>
    </row>
    <row r="570630" spans="8:8">
      <c r="H570630" s="12"/>
    </row>
    <row r="570631" spans="8:8">
      <c r="H570631" s="12"/>
    </row>
    <row r="570632" spans="8:8">
      <c r="H570632" s="12"/>
    </row>
    <row r="570633" spans="8:8">
      <c r="H570633" s="12"/>
    </row>
    <row r="570634" spans="8:8">
      <c r="H570634" s="12"/>
    </row>
    <row r="570635" spans="8:8">
      <c r="H570635" s="12"/>
    </row>
    <row r="570636" spans="8:8">
      <c r="H570636" s="12"/>
    </row>
    <row r="570637" spans="8:8">
      <c r="H570637" s="12"/>
    </row>
    <row r="570638" spans="8:8">
      <c r="H570638" s="12"/>
    </row>
    <row r="570639" spans="8:8">
      <c r="H570639" s="12"/>
    </row>
    <row r="570640" spans="8:8">
      <c r="H570640" s="12"/>
    </row>
    <row r="570641" spans="8:8">
      <c r="H570641" s="12"/>
    </row>
    <row r="570642" spans="8:8">
      <c r="H570642" s="12"/>
    </row>
    <row r="570643" spans="8:8">
      <c r="H570643" s="12"/>
    </row>
    <row r="570644" spans="8:8">
      <c r="H570644" s="12"/>
    </row>
    <row r="570645" spans="8:8">
      <c r="H570645" s="12"/>
    </row>
    <row r="570646" spans="8:8">
      <c r="H570646" s="12"/>
    </row>
    <row r="570647" spans="8:8">
      <c r="H570647" s="12"/>
    </row>
    <row r="570648" spans="8:8">
      <c r="H570648" s="12"/>
    </row>
    <row r="570649" spans="8:8">
      <c r="H570649" s="12"/>
    </row>
    <row r="570650" spans="8:8">
      <c r="H570650" s="12"/>
    </row>
    <row r="570651" spans="8:8">
      <c r="H570651" s="12"/>
    </row>
    <row r="570652" spans="8:8">
      <c r="H570652" s="12"/>
    </row>
    <row r="570653" spans="8:8">
      <c r="H570653" s="12"/>
    </row>
    <row r="570654" spans="8:8">
      <c r="H570654" s="12"/>
    </row>
    <row r="570655" spans="8:8">
      <c r="H570655" s="12"/>
    </row>
    <row r="570656" spans="8:8">
      <c r="H570656" s="12"/>
    </row>
    <row r="570657" spans="8:8">
      <c r="H570657" s="12"/>
    </row>
    <row r="570658" spans="8:8">
      <c r="H570658" s="12"/>
    </row>
    <row r="570659" spans="8:8">
      <c r="H570659" s="12"/>
    </row>
    <row r="570660" spans="8:8">
      <c r="H570660" s="12"/>
    </row>
    <row r="570661" spans="8:8">
      <c r="H570661" s="12"/>
    </row>
    <row r="570662" spans="8:8">
      <c r="H570662" s="12"/>
    </row>
    <row r="570663" spans="8:8">
      <c r="H570663" s="12"/>
    </row>
    <row r="570664" spans="8:8">
      <c r="H570664" s="12"/>
    </row>
    <row r="570665" spans="8:8">
      <c r="H570665" s="12"/>
    </row>
    <row r="570666" spans="8:8">
      <c r="H570666" s="12"/>
    </row>
    <row r="570667" spans="8:8">
      <c r="H570667" s="12"/>
    </row>
    <row r="570668" spans="8:8">
      <c r="H570668" s="12"/>
    </row>
    <row r="570669" spans="8:8">
      <c r="H570669" s="12"/>
    </row>
    <row r="570670" spans="8:8">
      <c r="H570670" s="12"/>
    </row>
    <row r="570671" spans="8:8">
      <c r="H570671" s="12"/>
    </row>
    <row r="570672" spans="8:8">
      <c r="H570672" s="12"/>
    </row>
    <row r="570673" spans="8:8">
      <c r="H570673" s="12"/>
    </row>
    <row r="570674" spans="8:8">
      <c r="H570674" s="12"/>
    </row>
    <row r="570675" spans="8:8">
      <c r="H570675" s="12"/>
    </row>
    <row r="570676" spans="8:8">
      <c r="H570676" s="12"/>
    </row>
    <row r="570677" spans="8:8">
      <c r="H570677" s="12"/>
    </row>
    <row r="570678" spans="8:8">
      <c r="H570678" s="12"/>
    </row>
    <row r="570679" spans="8:8">
      <c r="H570679" s="12"/>
    </row>
    <row r="570680" spans="8:8">
      <c r="H570680" s="12"/>
    </row>
    <row r="570681" spans="8:8">
      <c r="H570681" s="12"/>
    </row>
    <row r="570682" spans="8:8">
      <c r="H570682" s="12"/>
    </row>
    <row r="570683" spans="8:8">
      <c r="H570683" s="12"/>
    </row>
    <row r="570684" spans="8:8">
      <c r="H570684" s="12"/>
    </row>
    <row r="570685" spans="8:8">
      <c r="H570685" s="12"/>
    </row>
    <row r="570686" spans="8:8">
      <c r="H570686" s="12"/>
    </row>
    <row r="570687" spans="8:8">
      <c r="H570687" s="12"/>
    </row>
    <row r="570688" spans="8:8">
      <c r="H570688" s="12"/>
    </row>
    <row r="570689" spans="8:8">
      <c r="H570689" s="12"/>
    </row>
    <row r="570690" spans="8:8">
      <c r="H570690" s="12"/>
    </row>
    <row r="570691" spans="8:8">
      <c r="H570691" s="12"/>
    </row>
    <row r="570692" spans="8:8">
      <c r="H570692" s="12"/>
    </row>
    <row r="570693" spans="8:8">
      <c r="H570693" s="12"/>
    </row>
    <row r="570694" spans="8:8">
      <c r="H570694" s="12"/>
    </row>
    <row r="570695" spans="8:8">
      <c r="H570695" s="12"/>
    </row>
    <row r="570696" spans="8:8">
      <c r="H570696" s="12"/>
    </row>
    <row r="570697" spans="8:8">
      <c r="H570697" s="12"/>
    </row>
    <row r="570698" spans="8:8">
      <c r="H570698" s="12"/>
    </row>
    <row r="570699" spans="8:8">
      <c r="H570699" s="12"/>
    </row>
    <row r="570700" spans="8:8">
      <c r="H570700" s="12"/>
    </row>
    <row r="570701" spans="8:8">
      <c r="H570701" s="12"/>
    </row>
    <row r="570702" spans="8:8">
      <c r="H570702" s="12"/>
    </row>
    <row r="570703" spans="8:8">
      <c r="H570703" s="12"/>
    </row>
    <row r="570704" spans="8:8">
      <c r="H570704" s="12"/>
    </row>
    <row r="570705" spans="8:8">
      <c r="H570705" s="12"/>
    </row>
    <row r="570706" spans="8:8">
      <c r="H570706" s="12"/>
    </row>
    <row r="570707" spans="8:8">
      <c r="H570707" s="12"/>
    </row>
    <row r="570708" spans="8:8">
      <c r="H570708" s="12"/>
    </row>
    <row r="570709" spans="8:8">
      <c r="H570709" s="12"/>
    </row>
    <row r="570710" spans="8:8">
      <c r="H570710" s="12"/>
    </row>
    <row r="570711" spans="8:8">
      <c r="H570711" s="12"/>
    </row>
    <row r="570712" spans="8:8">
      <c r="H570712" s="12"/>
    </row>
    <row r="570713" spans="8:8">
      <c r="H570713" s="12"/>
    </row>
    <row r="570714" spans="8:8">
      <c r="H570714" s="12"/>
    </row>
    <row r="570715" spans="8:8">
      <c r="H570715" s="12"/>
    </row>
    <row r="570716" spans="8:8">
      <c r="H570716" s="12"/>
    </row>
    <row r="570717" spans="8:8">
      <c r="H570717" s="12"/>
    </row>
    <row r="570718" spans="8:8">
      <c r="H570718" s="12"/>
    </row>
    <row r="570719" spans="8:8">
      <c r="H570719" s="12"/>
    </row>
    <row r="570720" spans="8:8">
      <c r="H570720" s="12"/>
    </row>
    <row r="570721" spans="8:8">
      <c r="H570721" s="12"/>
    </row>
    <row r="570722" spans="8:8">
      <c r="H570722" s="12"/>
    </row>
    <row r="570723" spans="8:8">
      <c r="H570723" s="12"/>
    </row>
    <row r="570724" spans="8:8">
      <c r="H570724" s="12"/>
    </row>
    <row r="570725" spans="8:8">
      <c r="H570725" s="12"/>
    </row>
    <row r="570726" spans="8:8">
      <c r="H570726" s="12"/>
    </row>
    <row r="570727" spans="8:8">
      <c r="H570727" s="12"/>
    </row>
    <row r="570728" spans="8:8">
      <c r="H570728" s="12"/>
    </row>
    <row r="570729" spans="8:8">
      <c r="H570729" s="12"/>
    </row>
    <row r="570730" spans="8:8">
      <c r="H570730" s="12"/>
    </row>
    <row r="570731" spans="8:8">
      <c r="H570731" s="12"/>
    </row>
    <row r="570732" spans="8:8">
      <c r="H570732" s="12"/>
    </row>
    <row r="570733" spans="8:8">
      <c r="H570733" s="12"/>
    </row>
    <row r="570734" spans="8:8">
      <c r="H570734" s="12"/>
    </row>
    <row r="570735" spans="8:8">
      <c r="H570735" s="12"/>
    </row>
    <row r="570736" spans="8:8">
      <c r="H570736" s="12"/>
    </row>
    <row r="570737" spans="8:8">
      <c r="H570737" s="12"/>
    </row>
    <row r="570738" spans="8:8">
      <c r="H570738" s="12"/>
    </row>
    <row r="570739" spans="8:8">
      <c r="H570739" s="12"/>
    </row>
    <row r="570740" spans="8:8">
      <c r="H570740" s="12"/>
    </row>
    <row r="570741" spans="8:8">
      <c r="H570741" s="12"/>
    </row>
    <row r="570742" spans="8:8">
      <c r="H570742" s="12"/>
    </row>
    <row r="570743" spans="8:8">
      <c r="H570743" s="12"/>
    </row>
    <row r="570744" spans="8:8">
      <c r="H570744" s="12"/>
    </row>
    <row r="570745" spans="8:8">
      <c r="H570745" s="12"/>
    </row>
    <row r="570746" spans="8:8">
      <c r="H570746" s="12"/>
    </row>
    <row r="570747" spans="8:8">
      <c r="H570747" s="12"/>
    </row>
    <row r="570748" spans="8:8">
      <c r="H570748" s="12"/>
    </row>
    <row r="570749" spans="8:8">
      <c r="H570749" s="12"/>
    </row>
    <row r="570750" spans="8:8">
      <c r="H570750" s="12"/>
    </row>
    <row r="570751" spans="8:8">
      <c r="H570751" s="12"/>
    </row>
    <row r="570752" spans="8:8">
      <c r="H570752" s="12"/>
    </row>
    <row r="570753" spans="8:8">
      <c r="H570753" s="12"/>
    </row>
    <row r="570754" spans="8:8">
      <c r="H570754" s="12"/>
    </row>
    <row r="570755" spans="8:8">
      <c r="H570755" s="12"/>
    </row>
    <row r="570756" spans="8:8">
      <c r="H570756" s="12"/>
    </row>
    <row r="570757" spans="8:8">
      <c r="H570757" s="12"/>
    </row>
    <row r="570758" spans="8:8">
      <c r="H570758" s="12"/>
    </row>
    <row r="570759" spans="8:8">
      <c r="H570759" s="12"/>
    </row>
    <row r="570760" spans="8:8">
      <c r="H570760" s="12"/>
    </row>
    <row r="570761" spans="8:8">
      <c r="H570761" s="12"/>
    </row>
    <row r="570762" spans="8:8">
      <c r="H570762" s="12"/>
    </row>
    <row r="570763" spans="8:8">
      <c r="H570763" s="12"/>
    </row>
    <row r="570764" spans="8:8">
      <c r="H570764" s="12"/>
    </row>
    <row r="570765" spans="8:8">
      <c r="H570765" s="12"/>
    </row>
    <row r="570766" spans="8:8">
      <c r="H570766" s="12"/>
    </row>
    <row r="570767" spans="8:8">
      <c r="H570767" s="12"/>
    </row>
    <row r="570768" spans="8:8">
      <c r="H570768" s="12"/>
    </row>
    <row r="570769" spans="8:8">
      <c r="H570769" s="12"/>
    </row>
    <row r="570770" spans="8:8">
      <c r="H570770" s="12"/>
    </row>
    <row r="570771" spans="8:8">
      <c r="H570771" s="12"/>
    </row>
    <row r="570772" spans="8:8">
      <c r="H570772" s="12"/>
    </row>
    <row r="570773" spans="8:8">
      <c r="H570773" s="12"/>
    </row>
    <row r="570774" spans="8:8">
      <c r="H570774" s="12"/>
    </row>
    <row r="570775" spans="8:8">
      <c r="H570775" s="12"/>
    </row>
    <row r="570776" spans="8:8">
      <c r="H570776" s="12"/>
    </row>
    <row r="570777" spans="8:8">
      <c r="H570777" s="12"/>
    </row>
    <row r="570778" spans="8:8">
      <c r="H570778" s="12"/>
    </row>
    <row r="570779" spans="8:8">
      <c r="H570779" s="12"/>
    </row>
    <row r="570780" spans="8:8">
      <c r="H570780" s="12"/>
    </row>
    <row r="570781" spans="8:8">
      <c r="H570781" s="12"/>
    </row>
    <row r="570782" spans="8:8">
      <c r="H570782" s="12"/>
    </row>
    <row r="570783" spans="8:8">
      <c r="H570783" s="12"/>
    </row>
    <row r="570784" spans="8:8">
      <c r="H570784" s="12"/>
    </row>
    <row r="570785" spans="8:8">
      <c r="H570785" s="12"/>
    </row>
    <row r="570786" spans="8:8">
      <c r="H570786" s="12"/>
    </row>
    <row r="570787" spans="8:8">
      <c r="H570787" s="12"/>
    </row>
    <row r="570788" spans="8:8">
      <c r="H570788" s="12"/>
    </row>
    <row r="570789" spans="8:8">
      <c r="H570789" s="12"/>
    </row>
    <row r="570790" spans="8:8">
      <c r="H570790" s="12"/>
    </row>
    <row r="570791" spans="8:8">
      <c r="H570791" s="12"/>
    </row>
    <row r="570792" spans="8:8">
      <c r="H570792" s="12"/>
    </row>
    <row r="570793" spans="8:8">
      <c r="H570793" s="12"/>
    </row>
    <row r="570794" spans="8:8">
      <c r="H570794" s="12"/>
    </row>
    <row r="570795" spans="8:8">
      <c r="H570795" s="12"/>
    </row>
    <row r="570796" spans="8:8">
      <c r="H570796" s="12"/>
    </row>
    <row r="570797" spans="8:8">
      <c r="H570797" s="12"/>
    </row>
    <row r="570798" spans="8:8">
      <c r="H570798" s="12"/>
    </row>
    <row r="570799" spans="8:8">
      <c r="H570799" s="12"/>
    </row>
    <row r="570800" spans="8:8">
      <c r="H570800" s="12"/>
    </row>
    <row r="570801" spans="8:8">
      <c r="H570801" s="12"/>
    </row>
    <row r="570802" spans="8:8">
      <c r="H570802" s="12"/>
    </row>
    <row r="570803" spans="8:8">
      <c r="H570803" s="12"/>
    </row>
    <row r="570804" spans="8:8">
      <c r="H570804" s="12"/>
    </row>
    <row r="570805" spans="8:8">
      <c r="H570805" s="12"/>
    </row>
    <row r="570806" spans="8:8">
      <c r="H570806" s="12"/>
    </row>
    <row r="570807" spans="8:8">
      <c r="H570807" s="12"/>
    </row>
    <row r="570808" spans="8:8">
      <c r="H570808" s="12"/>
    </row>
    <row r="570809" spans="8:8">
      <c r="H570809" s="12"/>
    </row>
    <row r="570810" spans="8:8">
      <c r="H570810" s="12"/>
    </row>
    <row r="570811" spans="8:8">
      <c r="H570811" s="12"/>
    </row>
    <row r="570812" spans="8:8">
      <c r="H570812" s="12"/>
    </row>
    <row r="570813" spans="8:8">
      <c r="H570813" s="12"/>
    </row>
    <row r="570814" spans="8:8">
      <c r="H570814" s="12"/>
    </row>
    <row r="570815" spans="8:8">
      <c r="H570815" s="12"/>
    </row>
    <row r="570816" spans="8:8">
      <c r="H570816" s="12"/>
    </row>
    <row r="570817" spans="8:8">
      <c r="H570817" s="12"/>
    </row>
    <row r="570818" spans="8:8">
      <c r="H570818" s="12"/>
    </row>
    <row r="570819" spans="8:8">
      <c r="H570819" s="12"/>
    </row>
    <row r="570820" spans="8:8">
      <c r="H570820" s="12"/>
    </row>
    <row r="570821" spans="8:8">
      <c r="H570821" s="12"/>
    </row>
    <row r="570822" spans="8:8">
      <c r="H570822" s="12"/>
    </row>
    <row r="570823" spans="8:8">
      <c r="H570823" s="12"/>
    </row>
    <row r="570824" spans="8:8">
      <c r="H570824" s="12"/>
    </row>
    <row r="570825" spans="8:8">
      <c r="H570825" s="12"/>
    </row>
    <row r="570826" spans="8:8">
      <c r="H570826" s="12"/>
    </row>
    <row r="570827" spans="8:8">
      <c r="H570827" s="12"/>
    </row>
    <row r="570828" spans="8:8">
      <c r="H570828" s="12"/>
    </row>
    <row r="570829" spans="8:8">
      <c r="H570829" s="12"/>
    </row>
    <row r="570830" spans="8:8">
      <c r="H570830" s="12"/>
    </row>
    <row r="570831" spans="8:8">
      <c r="H570831" s="12"/>
    </row>
    <row r="570832" spans="8:8">
      <c r="H570832" s="12"/>
    </row>
    <row r="570833" spans="8:8">
      <c r="H570833" s="12"/>
    </row>
    <row r="570834" spans="8:8">
      <c r="H570834" s="12"/>
    </row>
    <row r="570835" spans="8:8">
      <c r="H570835" s="12"/>
    </row>
    <row r="570836" spans="8:8">
      <c r="H570836" s="12"/>
    </row>
    <row r="570837" spans="8:8">
      <c r="H570837" s="12"/>
    </row>
    <row r="570838" spans="8:8">
      <c r="H570838" s="12"/>
    </row>
    <row r="570839" spans="8:8">
      <c r="H570839" s="12"/>
    </row>
    <row r="570840" spans="8:8">
      <c r="H570840" s="12"/>
    </row>
    <row r="570841" spans="8:8">
      <c r="H570841" s="12"/>
    </row>
    <row r="570842" spans="8:8">
      <c r="H570842" s="12"/>
    </row>
    <row r="570843" spans="8:8">
      <c r="H570843" s="12"/>
    </row>
    <row r="570844" spans="8:8">
      <c r="H570844" s="12"/>
    </row>
    <row r="570845" spans="8:8">
      <c r="H570845" s="12"/>
    </row>
    <row r="570846" spans="8:8">
      <c r="H570846" s="12"/>
    </row>
    <row r="570847" spans="8:8">
      <c r="H570847" s="12"/>
    </row>
    <row r="570848" spans="8:8">
      <c r="H570848" s="12"/>
    </row>
    <row r="570849" spans="8:8">
      <c r="H570849" s="12"/>
    </row>
    <row r="570850" spans="8:8">
      <c r="H570850" s="12"/>
    </row>
    <row r="570851" spans="8:8">
      <c r="H570851" s="12"/>
    </row>
    <row r="570852" spans="8:8">
      <c r="H570852" s="12"/>
    </row>
    <row r="570853" spans="8:8">
      <c r="H570853" s="12"/>
    </row>
    <row r="570854" spans="8:8">
      <c r="H570854" s="12"/>
    </row>
    <row r="570855" spans="8:8">
      <c r="H570855" s="12"/>
    </row>
    <row r="570856" spans="8:8">
      <c r="H570856" s="12"/>
    </row>
    <row r="570857" spans="8:8">
      <c r="H570857" s="12"/>
    </row>
    <row r="570858" spans="8:8">
      <c r="H570858" s="12"/>
    </row>
    <row r="570859" spans="8:8">
      <c r="H570859" s="12"/>
    </row>
    <row r="570860" spans="8:8">
      <c r="H570860" s="12"/>
    </row>
    <row r="570861" spans="8:8">
      <c r="H570861" s="12"/>
    </row>
    <row r="570862" spans="8:8">
      <c r="H570862" s="12"/>
    </row>
    <row r="570863" spans="8:8">
      <c r="H570863" s="12"/>
    </row>
    <row r="570864" spans="8:8">
      <c r="H570864" s="12"/>
    </row>
    <row r="570865" spans="8:8">
      <c r="H570865" s="12"/>
    </row>
    <row r="570866" spans="8:8">
      <c r="H570866" s="12"/>
    </row>
    <row r="570867" spans="8:8">
      <c r="H570867" s="12"/>
    </row>
    <row r="570868" spans="8:8">
      <c r="H570868" s="12"/>
    </row>
    <row r="570869" spans="8:8">
      <c r="H570869" s="12"/>
    </row>
    <row r="570870" spans="8:8">
      <c r="H570870" s="12"/>
    </row>
    <row r="570871" spans="8:8">
      <c r="H570871" s="12"/>
    </row>
    <row r="570872" spans="8:8">
      <c r="H570872" s="12"/>
    </row>
    <row r="570873" spans="8:8">
      <c r="H570873" s="12"/>
    </row>
    <row r="570874" spans="8:8">
      <c r="H570874" s="12"/>
    </row>
    <row r="570875" spans="8:8">
      <c r="H570875" s="12"/>
    </row>
    <row r="570876" spans="8:8">
      <c r="H570876" s="12"/>
    </row>
    <row r="570877" spans="8:8">
      <c r="H570877" s="12"/>
    </row>
    <row r="570878" spans="8:8">
      <c r="H570878" s="12"/>
    </row>
    <row r="570879" spans="8:8">
      <c r="H570879" s="12"/>
    </row>
    <row r="570880" spans="8:8">
      <c r="H570880" s="12"/>
    </row>
    <row r="570881" spans="8:8">
      <c r="H570881" s="12"/>
    </row>
    <row r="570882" spans="8:8">
      <c r="H570882" s="12"/>
    </row>
    <row r="570883" spans="8:8">
      <c r="H570883" s="12"/>
    </row>
    <row r="570884" spans="8:8">
      <c r="H570884" s="12"/>
    </row>
    <row r="570885" spans="8:8">
      <c r="H570885" s="12"/>
    </row>
    <row r="570886" spans="8:8">
      <c r="H570886" s="12"/>
    </row>
    <row r="570887" spans="8:8">
      <c r="H570887" s="12"/>
    </row>
    <row r="570888" spans="8:8">
      <c r="H570888" s="12"/>
    </row>
    <row r="570889" spans="8:8">
      <c r="H570889" s="12"/>
    </row>
    <row r="570890" spans="8:8">
      <c r="H570890" s="12"/>
    </row>
    <row r="570891" spans="8:8">
      <c r="H570891" s="12"/>
    </row>
    <row r="570892" spans="8:8">
      <c r="H570892" s="12"/>
    </row>
    <row r="570893" spans="8:8">
      <c r="H570893" s="12"/>
    </row>
    <row r="570894" spans="8:8">
      <c r="H570894" s="12"/>
    </row>
    <row r="570895" spans="8:8">
      <c r="H570895" s="12"/>
    </row>
    <row r="570896" spans="8:8">
      <c r="H570896" s="12"/>
    </row>
    <row r="570897" spans="8:8">
      <c r="H570897" s="12"/>
    </row>
    <row r="570898" spans="8:8">
      <c r="H570898" s="12"/>
    </row>
    <row r="570899" spans="8:8">
      <c r="H570899" s="12"/>
    </row>
    <row r="570900" spans="8:8">
      <c r="H570900" s="12"/>
    </row>
    <row r="570901" spans="8:8">
      <c r="H570901" s="12"/>
    </row>
    <row r="570902" spans="8:8">
      <c r="H570902" s="12"/>
    </row>
    <row r="570903" spans="8:8">
      <c r="H570903" s="12"/>
    </row>
    <row r="570904" spans="8:8">
      <c r="H570904" s="12"/>
    </row>
    <row r="570905" spans="8:8">
      <c r="H570905" s="12"/>
    </row>
    <row r="570906" spans="8:8">
      <c r="H570906" s="12"/>
    </row>
    <row r="570907" spans="8:8">
      <c r="H570907" s="12"/>
    </row>
    <row r="570908" spans="8:8">
      <c r="H570908" s="12"/>
    </row>
    <row r="570909" spans="8:8">
      <c r="H570909" s="12"/>
    </row>
    <row r="570910" spans="8:8">
      <c r="H570910" s="12"/>
    </row>
    <row r="570911" spans="8:8">
      <c r="H570911" s="12"/>
    </row>
    <row r="570912" spans="8:8">
      <c r="H570912" s="12"/>
    </row>
    <row r="570913" spans="8:8">
      <c r="H570913" s="12"/>
    </row>
    <row r="570914" spans="8:8">
      <c r="H570914" s="12"/>
    </row>
    <row r="570915" spans="8:8">
      <c r="H570915" s="12"/>
    </row>
    <row r="570916" spans="8:8">
      <c r="H570916" s="12"/>
    </row>
    <row r="570917" spans="8:8">
      <c r="H570917" s="12"/>
    </row>
    <row r="570918" spans="8:8">
      <c r="H570918" s="12"/>
    </row>
    <row r="570919" spans="8:8">
      <c r="H570919" s="12"/>
    </row>
    <row r="570920" spans="8:8">
      <c r="H570920" s="12"/>
    </row>
    <row r="570921" spans="8:8">
      <c r="H570921" s="12"/>
    </row>
    <row r="570922" spans="8:8">
      <c r="H570922" s="12"/>
    </row>
    <row r="570923" spans="8:8">
      <c r="H570923" s="12"/>
    </row>
    <row r="570924" spans="8:8">
      <c r="H570924" s="12"/>
    </row>
    <row r="570925" spans="8:8">
      <c r="H570925" s="12"/>
    </row>
    <row r="570926" spans="8:8">
      <c r="H570926" s="12"/>
    </row>
    <row r="570927" spans="8:8">
      <c r="H570927" s="12"/>
    </row>
    <row r="570928" spans="8:8">
      <c r="H570928" s="12"/>
    </row>
    <row r="570929" spans="8:8">
      <c r="H570929" s="12"/>
    </row>
    <row r="570930" spans="8:8">
      <c r="H570930" s="12"/>
    </row>
    <row r="570931" spans="8:8">
      <c r="H570931" s="12"/>
    </row>
    <row r="570932" spans="8:8">
      <c r="H570932" s="12"/>
    </row>
    <row r="570933" spans="8:8">
      <c r="H570933" s="12"/>
    </row>
    <row r="570934" spans="8:8">
      <c r="H570934" s="12"/>
    </row>
    <row r="570935" spans="8:8">
      <c r="H570935" s="12"/>
    </row>
    <row r="570936" spans="8:8">
      <c r="H570936" s="12"/>
    </row>
    <row r="570937" spans="8:8">
      <c r="H570937" s="12"/>
    </row>
    <row r="570938" spans="8:8">
      <c r="H570938" s="12"/>
    </row>
    <row r="570939" spans="8:8">
      <c r="H570939" s="12"/>
    </row>
    <row r="570940" spans="8:8">
      <c r="H570940" s="12"/>
    </row>
    <row r="570941" spans="8:8">
      <c r="H570941" s="12"/>
    </row>
    <row r="570942" spans="8:8">
      <c r="H570942" s="12"/>
    </row>
    <row r="570943" spans="8:8">
      <c r="H570943" s="12"/>
    </row>
    <row r="570944" spans="8:8">
      <c r="H570944" s="12"/>
    </row>
    <row r="570945" spans="8:8">
      <c r="H570945" s="12"/>
    </row>
    <row r="570946" spans="8:8">
      <c r="H570946" s="12"/>
    </row>
    <row r="570947" spans="8:8">
      <c r="H570947" s="12"/>
    </row>
    <row r="570948" spans="8:8">
      <c r="H570948" s="12"/>
    </row>
    <row r="570949" spans="8:8">
      <c r="H570949" s="12"/>
    </row>
    <row r="570950" spans="8:8">
      <c r="H570950" s="12"/>
    </row>
    <row r="570951" spans="8:8">
      <c r="H570951" s="12"/>
    </row>
    <row r="570952" spans="8:8">
      <c r="H570952" s="12"/>
    </row>
    <row r="570953" spans="8:8">
      <c r="H570953" s="12"/>
    </row>
    <row r="570954" spans="8:8">
      <c r="H570954" s="12"/>
    </row>
    <row r="570955" spans="8:8">
      <c r="H570955" s="12"/>
    </row>
    <row r="570956" spans="8:8">
      <c r="H570956" s="12"/>
    </row>
    <row r="570957" spans="8:8">
      <c r="H570957" s="12"/>
    </row>
    <row r="570958" spans="8:8">
      <c r="H570958" s="12"/>
    </row>
    <row r="570959" spans="8:8">
      <c r="H570959" s="12"/>
    </row>
    <row r="570960" spans="8:8">
      <c r="H570960" s="12"/>
    </row>
    <row r="570961" spans="8:8">
      <c r="H570961" s="12"/>
    </row>
    <row r="570962" spans="8:8">
      <c r="H570962" s="12"/>
    </row>
    <row r="570963" spans="8:8">
      <c r="H570963" s="12"/>
    </row>
    <row r="570964" spans="8:8">
      <c r="H570964" s="12"/>
    </row>
    <row r="570965" spans="8:8">
      <c r="H570965" s="12"/>
    </row>
    <row r="570966" spans="8:8">
      <c r="H570966" s="12"/>
    </row>
    <row r="570967" spans="8:8">
      <c r="H570967" s="12"/>
    </row>
    <row r="570968" spans="8:8">
      <c r="H570968" s="12"/>
    </row>
    <row r="570969" spans="8:8">
      <c r="H570969" s="12"/>
    </row>
    <row r="570970" spans="8:8">
      <c r="H570970" s="12"/>
    </row>
    <row r="570971" spans="8:8">
      <c r="H570971" s="12"/>
    </row>
    <row r="570972" spans="8:8">
      <c r="H570972" s="12"/>
    </row>
    <row r="570973" spans="8:8">
      <c r="H570973" s="12"/>
    </row>
    <row r="570974" spans="8:8">
      <c r="H570974" s="12"/>
    </row>
    <row r="570975" spans="8:8">
      <c r="H570975" s="12"/>
    </row>
    <row r="570976" spans="8:8">
      <c r="H570976" s="12"/>
    </row>
    <row r="570977" spans="8:8">
      <c r="H570977" s="12"/>
    </row>
    <row r="570978" spans="8:8">
      <c r="H570978" s="12"/>
    </row>
    <row r="570979" spans="8:8">
      <c r="H570979" s="12"/>
    </row>
    <row r="570980" spans="8:8">
      <c r="H570980" s="12"/>
    </row>
    <row r="570981" spans="8:8">
      <c r="H570981" s="12"/>
    </row>
    <row r="570982" spans="8:8">
      <c r="H570982" s="12"/>
    </row>
    <row r="570983" spans="8:8">
      <c r="H570983" s="12"/>
    </row>
    <row r="570984" spans="8:8">
      <c r="H570984" s="12"/>
    </row>
    <row r="570985" spans="8:8">
      <c r="H570985" s="12"/>
    </row>
    <row r="570986" spans="8:8">
      <c r="H570986" s="12"/>
    </row>
    <row r="570987" spans="8:8">
      <c r="H570987" s="12"/>
    </row>
    <row r="570988" spans="8:8">
      <c r="H570988" s="12"/>
    </row>
    <row r="570989" spans="8:8">
      <c r="H570989" s="12"/>
    </row>
    <row r="570990" spans="8:8">
      <c r="H570990" s="12"/>
    </row>
    <row r="570991" spans="8:8">
      <c r="H570991" s="12"/>
    </row>
    <row r="570992" spans="8:8">
      <c r="H570992" s="12"/>
    </row>
    <row r="570993" spans="8:8">
      <c r="H570993" s="12"/>
    </row>
    <row r="570994" spans="8:8">
      <c r="H570994" s="12"/>
    </row>
    <row r="570995" spans="8:8">
      <c r="H570995" s="12"/>
    </row>
    <row r="570996" spans="8:8">
      <c r="H570996" s="12"/>
    </row>
    <row r="570997" spans="8:8">
      <c r="H570997" s="12"/>
    </row>
    <row r="570998" spans="8:8">
      <c r="H570998" s="12"/>
    </row>
    <row r="570999" spans="8:8">
      <c r="H570999" s="12"/>
    </row>
    <row r="571000" spans="8:8">
      <c r="H571000" s="12"/>
    </row>
    <row r="571001" spans="8:8">
      <c r="H571001" s="12"/>
    </row>
    <row r="571002" spans="8:8">
      <c r="H571002" s="12"/>
    </row>
    <row r="571003" spans="8:8">
      <c r="H571003" s="12"/>
    </row>
    <row r="571004" spans="8:8">
      <c r="H571004" s="12"/>
    </row>
    <row r="571005" spans="8:8">
      <c r="H571005" s="12"/>
    </row>
    <row r="571006" spans="8:8">
      <c r="H571006" s="12"/>
    </row>
    <row r="571007" spans="8:8">
      <c r="H571007" s="12"/>
    </row>
    <row r="571008" spans="8:8">
      <c r="H571008" s="12"/>
    </row>
    <row r="571009" spans="8:8">
      <c r="H571009" s="12"/>
    </row>
    <row r="571010" spans="8:8">
      <c r="H571010" s="12"/>
    </row>
    <row r="571011" spans="8:8">
      <c r="H571011" s="12"/>
    </row>
    <row r="571012" spans="8:8">
      <c r="H571012" s="12"/>
    </row>
    <row r="571013" spans="8:8">
      <c r="H571013" s="12"/>
    </row>
    <row r="571014" spans="8:8">
      <c r="H571014" s="12"/>
    </row>
    <row r="571015" spans="8:8">
      <c r="H571015" s="12"/>
    </row>
    <row r="571016" spans="8:8">
      <c r="H571016" s="12"/>
    </row>
    <row r="571017" spans="8:8">
      <c r="H571017" s="12"/>
    </row>
    <row r="571018" spans="8:8">
      <c r="H571018" s="12"/>
    </row>
    <row r="571019" spans="8:8">
      <c r="H571019" s="12"/>
    </row>
    <row r="571020" spans="8:8">
      <c r="H571020" s="12"/>
    </row>
    <row r="571021" spans="8:8">
      <c r="H571021" s="12"/>
    </row>
    <row r="571022" spans="8:8">
      <c r="H571022" s="12"/>
    </row>
    <row r="571023" spans="8:8">
      <c r="H571023" s="12"/>
    </row>
    <row r="571024" spans="8:8">
      <c r="H571024" s="12"/>
    </row>
    <row r="571025" spans="8:8">
      <c r="H571025" s="12"/>
    </row>
    <row r="571026" spans="8:8">
      <c r="H571026" s="12"/>
    </row>
    <row r="571027" spans="8:8">
      <c r="H571027" s="12"/>
    </row>
    <row r="571028" spans="8:8">
      <c r="H571028" s="12"/>
    </row>
    <row r="571029" spans="8:8">
      <c r="H571029" s="12"/>
    </row>
    <row r="571030" spans="8:8">
      <c r="H571030" s="12"/>
    </row>
    <row r="571031" spans="8:8">
      <c r="H571031" s="12"/>
    </row>
    <row r="571032" spans="8:8">
      <c r="H571032" s="12"/>
    </row>
    <row r="571033" spans="8:8">
      <c r="H571033" s="12"/>
    </row>
    <row r="571034" spans="8:8">
      <c r="H571034" s="12"/>
    </row>
    <row r="571035" spans="8:8">
      <c r="H571035" s="12"/>
    </row>
    <row r="571036" spans="8:8">
      <c r="H571036" s="12"/>
    </row>
    <row r="571037" spans="8:8">
      <c r="H571037" s="12"/>
    </row>
    <row r="571038" spans="8:8">
      <c r="H571038" s="12"/>
    </row>
    <row r="571039" spans="8:8">
      <c r="H571039" s="12"/>
    </row>
    <row r="571040" spans="8:8">
      <c r="H571040" s="12"/>
    </row>
    <row r="571041" spans="8:8">
      <c r="H571041" s="12"/>
    </row>
    <row r="571042" spans="8:8">
      <c r="H571042" s="12"/>
    </row>
    <row r="571043" spans="8:8">
      <c r="H571043" s="12"/>
    </row>
    <row r="571044" spans="8:8">
      <c r="H571044" s="12"/>
    </row>
    <row r="571045" spans="8:8">
      <c r="H571045" s="12"/>
    </row>
    <row r="571046" spans="8:8">
      <c r="H571046" s="12"/>
    </row>
    <row r="571047" spans="8:8">
      <c r="H571047" s="12"/>
    </row>
    <row r="571048" spans="8:8">
      <c r="H571048" s="12"/>
    </row>
    <row r="571049" spans="8:8">
      <c r="H571049" s="12"/>
    </row>
    <row r="571050" spans="8:8">
      <c r="H571050" s="12"/>
    </row>
    <row r="571051" spans="8:8">
      <c r="H571051" s="12"/>
    </row>
    <row r="571052" spans="8:8">
      <c r="H571052" s="12"/>
    </row>
    <row r="571053" spans="8:8">
      <c r="H571053" s="12"/>
    </row>
    <row r="571054" spans="8:8">
      <c r="H571054" s="12"/>
    </row>
    <row r="571055" spans="8:8">
      <c r="H571055" s="12"/>
    </row>
    <row r="571056" spans="8:8">
      <c r="H571056" s="12"/>
    </row>
    <row r="571057" spans="8:8">
      <c r="H571057" s="12"/>
    </row>
    <row r="571058" spans="8:8">
      <c r="H571058" s="12"/>
    </row>
    <row r="571059" spans="8:8">
      <c r="H571059" s="12"/>
    </row>
    <row r="571060" spans="8:8">
      <c r="H571060" s="12"/>
    </row>
    <row r="571061" spans="8:8">
      <c r="H571061" s="12"/>
    </row>
    <row r="571062" spans="8:8">
      <c r="H571062" s="12"/>
    </row>
    <row r="571063" spans="8:8">
      <c r="H571063" s="12"/>
    </row>
    <row r="571064" spans="8:8">
      <c r="H571064" s="12"/>
    </row>
    <row r="571065" spans="8:8">
      <c r="H571065" s="12"/>
    </row>
    <row r="571066" spans="8:8">
      <c r="H571066" s="12"/>
    </row>
    <row r="571067" spans="8:8">
      <c r="H571067" s="12"/>
    </row>
    <row r="571068" spans="8:8">
      <c r="H571068" s="12"/>
    </row>
    <row r="571069" spans="8:8">
      <c r="H571069" s="12"/>
    </row>
    <row r="571070" spans="8:8">
      <c r="H571070" s="12"/>
    </row>
    <row r="571071" spans="8:8">
      <c r="H571071" s="12"/>
    </row>
    <row r="571072" spans="8:8">
      <c r="H571072" s="12"/>
    </row>
    <row r="571073" spans="8:8">
      <c r="H571073" s="12"/>
    </row>
    <row r="571074" spans="8:8">
      <c r="H571074" s="12"/>
    </row>
    <row r="571075" spans="8:8">
      <c r="H571075" s="12"/>
    </row>
    <row r="571076" spans="8:8">
      <c r="H571076" s="12"/>
    </row>
    <row r="571077" spans="8:8">
      <c r="H571077" s="12"/>
    </row>
    <row r="571078" spans="8:8">
      <c r="H571078" s="12"/>
    </row>
    <row r="571079" spans="8:8">
      <c r="H571079" s="12"/>
    </row>
    <row r="571080" spans="8:8">
      <c r="H571080" s="12"/>
    </row>
    <row r="571081" spans="8:8">
      <c r="H571081" s="12"/>
    </row>
    <row r="571082" spans="8:8">
      <c r="H571082" s="12"/>
    </row>
    <row r="571083" spans="8:8">
      <c r="H571083" s="12"/>
    </row>
    <row r="571084" spans="8:8">
      <c r="H571084" s="12"/>
    </row>
    <row r="571085" spans="8:8">
      <c r="H571085" s="12"/>
    </row>
    <row r="571086" spans="8:8">
      <c r="H571086" s="12"/>
    </row>
    <row r="571087" spans="8:8">
      <c r="H571087" s="12"/>
    </row>
    <row r="571088" spans="8:8">
      <c r="H571088" s="12"/>
    </row>
    <row r="571089" spans="8:8">
      <c r="H571089" s="12"/>
    </row>
    <row r="571090" spans="8:8">
      <c r="H571090" s="12"/>
    </row>
    <row r="571091" spans="8:8">
      <c r="H571091" s="12"/>
    </row>
    <row r="571092" spans="8:8">
      <c r="H571092" s="12"/>
    </row>
    <row r="571093" spans="8:8">
      <c r="H571093" s="12"/>
    </row>
    <row r="571094" spans="8:8">
      <c r="H571094" s="12"/>
    </row>
    <row r="571095" spans="8:8">
      <c r="H571095" s="12"/>
    </row>
    <row r="571096" spans="8:8">
      <c r="H571096" s="12"/>
    </row>
    <row r="571097" spans="8:8">
      <c r="H571097" s="12"/>
    </row>
    <row r="571098" spans="8:8">
      <c r="H571098" s="12"/>
    </row>
    <row r="571099" spans="8:8">
      <c r="H571099" s="12"/>
    </row>
    <row r="571100" spans="8:8">
      <c r="H571100" s="12"/>
    </row>
    <row r="571101" spans="8:8">
      <c r="H571101" s="12"/>
    </row>
    <row r="571102" spans="8:8">
      <c r="H571102" s="12"/>
    </row>
    <row r="571103" spans="8:8">
      <c r="H571103" s="12"/>
    </row>
    <row r="571104" spans="8:8">
      <c r="H571104" s="12"/>
    </row>
    <row r="571105" spans="8:8">
      <c r="H571105" s="12"/>
    </row>
    <row r="571106" spans="8:8">
      <c r="H571106" s="12"/>
    </row>
    <row r="571107" spans="8:8">
      <c r="H571107" s="12"/>
    </row>
    <row r="571108" spans="8:8">
      <c r="H571108" s="12"/>
    </row>
    <row r="571109" spans="8:8">
      <c r="H571109" s="12"/>
    </row>
    <row r="571110" spans="8:8">
      <c r="H571110" s="12"/>
    </row>
    <row r="571111" spans="8:8">
      <c r="H571111" s="12"/>
    </row>
    <row r="571112" spans="8:8">
      <c r="H571112" s="12"/>
    </row>
    <row r="571113" spans="8:8">
      <c r="H571113" s="12"/>
    </row>
    <row r="571114" spans="8:8">
      <c r="H571114" s="12"/>
    </row>
    <row r="571115" spans="8:8">
      <c r="H571115" s="12"/>
    </row>
    <row r="571116" spans="8:8">
      <c r="H571116" s="12"/>
    </row>
    <row r="571117" spans="8:8">
      <c r="H571117" s="12"/>
    </row>
    <row r="571118" spans="8:8">
      <c r="H571118" s="12"/>
    </row>
    <row r="571119" spans="8:8">
      <c r="H571119" s="12"/>
    </row>
    <row r="571120" spans="8:8">
      <c r="H571120" s="12"/>
    </row>
    <row r="571121" spans="8:8">
      <c r="H571121" s="12"/>
    </row>
    <row r="571122" spans="8:8">
      <c r="H571122" s="12"/>
    </row>
    <row r="571123" spans="8:8">
      <c r="H571123" s="12"/>
    </row>
    <row r="571124" spans="8:8">
      <c r="H571124" s="12"/>
    </row>
    <row r="571125" spans="8:8">
      <c r="H571125" s="12"/>
    </row>
    <row r="571126" spans="8:8">
      <c r="H571126" s="12"/>
    </row>
    <row r="571127" spans="8:8">
      <c r="H571127" s="12"/>
    </row>
    <row r="571128" spans="8:8">
      <c r="H571128" s="12"/>
    </row>
    <row r="571129" spans="8:8">
      <c r="H571129" s="12"/>
    </row>
    <row r="571130" spans="8:8">
      <c r="H571130" s="12"/>
    </row>
    <row r="571131" spans="8:8">
      <c r="H571131" s="12"/>
    </row>
    <row r="571132" spans="8:8">
      <c r="H571132" s="12"/>
    </row>
    <row r="571133" spans="8:8">
      <c r="H571133" s="12"/>
    </row>
    <row r="571134" spans="8:8">
      <c r="H571134" s="12"/>
    </row>
    <row r="571135" spans="8:8">
      <c r="H571135" s="12"/>
    </row>
    <row r="571136" spans="8:8">
      <c r="H571136" s="12"/>
    </row>
    <row r="571137" spans="8:8">
      <c r="H571137" s="12"/>
    </row>
    <row r="571138" spans="8:8">
      <c r="H571138" s="12"/>
    </row>
    <row r="571139" spans="8:8">
      <c r="H571139" s="12"/>
    </row>
    <row r="571140" spans="8:8">
      <c r="H571140" s="12"/>
    </row>
    <row r="571141" spans="8:8">
      <c r="H571141" s="12"/>
    </row>
    <row r="571142" spans="8:8">
      <c r="H571142" s="12"/>
    </row>
    <row r="571143" spans="8:8">
      <c r="H571143" s="12"/>
    </row>
    <row r="571144" spans="8:8">
      <c r="H571144" s="12"/>
    </row>
    <row r="571145" spans="8:8">
      <c r="H571145" s="12"/>
    </row>
    <row r="571146" spans="8:8">
      <c r="H571146" s="12"/>
    </row>
    <row r="571147" spans="8:8">
      <c r="H571147" s="12"/>
    </row>
    <row r="571148" spans="8:8">
      <c r="H571148" s="12"/>
    </row>
    <row r="571149" spans="8:8">
      <c r="H571149" s="12"/>
    </row>
    <row r="571150" spans="8:8">
      <c r="H571150" s="12"/>
    </row>
    <row r="571151" spans="8:8">
      <c r="H571151" s="12"/>
    </row>
    <row r="571152" spans="8:8">
      <c r="H571152" s="12"/>
    </row>
    <row r="571153" spans="8:8">
      <c r="H571153" s="12"/>
    </row>
    <row r="571154" spans="8:8">
      <c r="H571154" s="12"/>
    </row>
    <row r="571155" spans="8:8">
      <c r="H571155" s="12"/>
    </row>
    <row r="571156" spans="8:8">
      <c r="H571156" s="12"/>
    </row>
    <row r="571157" spans="8:8">
      <c r="H571157" s="12"/>
    </row>
    <row r="571158" spans="8:8">
      <c r="H571158" s="12"/>
    </row>
    <row r="571159" spans="8:8">
      <c r="H571159" s="12"/>
    </row>
    <row r="571160" spans="8:8">
      <c r="H571160" s="12"/>
    </row>
    <row r="571161" spans="8:8">
      <c r="H571161" s="12"/>
    </row>
    <row r="571162" spans="8:8">
      <c r="H571162" s="12"/>
    </row>
    <row r="571163" spans="8:8">
      <c r="H571163" s="12"/>
    </row>
    <row r="571164" spans="8:8">
      <c r="H571164" s="12"/>
    </row>
    <row r="571165" spans="8:8">
      <c r="H571165" s="12"/>
    </row>
    <row r="571166" spans="8:8">
      <c r="H571166" s="12"/>
    </row>
    <row r="571167" spans="8:8">
      <c r="H571167" s="12"/>
    </row>
    <row r="571168" spans="8:8">
      <c r="H571168" s="12"/>
    </row>
    <row r="571169" spans="8:8">
      <c r="H571169" s="12"/>
    </row>
    <row r="571170" spans="8:8">
      <c r="H571170" s="12"/>
    </row>
    <row r="571171" spans="8:8">
      <c r="H571171" s="12"/>
    </row>
    <row r="571172" spans="8:8">
      <c r="H571172" s="12"/>
    </row>
    <row r="571173" spans="8:8">
      <c r="H571173" s="12"/>
    </row>
    <row r="571174" spans="8:8">
      <c r="H571174" s="12"/>
    </row>
    <row r="571175" spans="8:8">
      <c r="H571175" s="12"/>
    </row>
    <row r="571176" spans="8:8">
      <c r="H571176" s="12"/>
    </row>
    <row r="571177" spans="8:8">
      <c r="H571177" s="12"/>
    </row>
    <row r="571178" spans="8:8">
      <c r="H571178" s="12"/>
    </row>
    <row r="571179" spans="8:8">
      <c r="H571179" s="12"/>
    </row>
    <row r="571180" spans="8:8">
      <c r="H571180" s="12"/>
    </row>
    <row r="571181" spans="8:8">
      <c r="H571181" s="12"/>
    </row>
    <row r="571182" spans="8:8">
      <c r="H571182" s="12"/>
    </row>
    <row r="571183" spans="8:8">
      <c r="H571183" s="12"/>
    </row>
    <row r="571184" spans="8:8">
      <c r="H571184" s="12"/>
    </row>
    <row r="571185" spans="8:8">
      <c r="H571185" s="12"/>
    </row>
    <row r="571186" spans="8:8">
      <c r="H571186" s="12"/>
    </row>
    <row r="571187" spans="8:8">
      <c r="H571187" s="12"/>
    </row>
    <row r="571188" spans="8:8">
      <c r="H571188" s="12"/>
    </row>
    <row r="571189" spans="8:8">
      <c r="H571189" s="12"/>
    </row>
    <row r="571190" spans="8:8">
      <c r="H571190" s="12"/>
    </row>
    <row r="571191" spans="8:8">
      <c r="H571191" s="12"/>
    </row>
    <row r="571192" spans="8:8">
      <c r="H571192" s="12"/>
    </row>
    <row r="571193" spans="8:8">
      <c r="H571193" s="12"/>
    </row>
    <row r="571194" spans="8:8">
      <c r="H571194" s="12"/>
    </row>
    <row r="571195" spans="8:8">
      <c r="H571195" s="12"/>
    </row>
    <row r="571196" spans="8:8">
      <c r="H571196" s="12"/>
    </row>
    <row r="571197" spans="8:8">
      <c r="H571197" s="12"/>
    </row>
    <row r="571198" spans="8:8">
      <c r="H571198" s="12"/>
    </row>
    <row r="571199" spans="8:8">
      <c r="H571199" s="12"/>
    </row>
    <row r="571200" spans="8:8">
      <c r="H571200" s="12"/>
    </row>
    <row r="571201" spans="8:8">
      <c r="H571201" s="12"/>
    </row>
    <row r="571202" spans="8:8">
      <c r="H571202" s="12"/>
    </row>
    <row r="571203" spans="8:8">
      <c r="H571203" s="12"/>
    </row>
    <row r="571204" spans="8:8">
      <c r="H571204" s="12"/>
    </row>
    <row r="571205" spans="8:8">
      <c r="H571205" s="12"/>
    </row>
    <row r="571206" spans="8:8">
      <c r="H571206" s="12"/>
    </row>
    <row r="571207" spans="8:8">
      <c r="H571207" s="12"/>
    </row>
    <row r="571208" spans="8:8">
      <c r="H571208" s="12"/>
    </row>
    <row r="571209" spans="8:8">
      <c r="H571209" s="12"/>
    </row>
    <row r="571210" spans="8:8">
      <c r="H571210" s="12"/>
    </row>
    <row r="571211" spans="8:8">
      <c r="H571211" s="12"/>
    </row>
    <row r="571212" spans="8:8">
      <c r="H571212" s="12"/>
    </row>
    <row r="571213" spans="8:8">
      <c r="H571213" s="12"/>
    </row>
    <row r="571214" spans="8:8">
      <c r="H571214" s="12"/>
    </row>
    <row r="571215" spans="8:8">
      <c r="H571215" s="12"/>
    </row>
    <row r="571216" spans="8:8">
      <c r="H571216" s="12"/>
    </row>
    <row r="571217" spans="8:8">
      <c r="H571217" s="12"/>
    </row>
    <row r="571218" spans="8:8">
      <c r="H571218" s="12"/>
    </row>
    <row r="571219" spans="8:8">
      <c r="H571219" s="12"/>
    </row>
    <row r="571220" spans="8:8">
      <c r="H571220" s="12"/>
    </row>
    <row r="571221" spans="8:8">
      <c r="H571221" s="12"/>
    </row>
    <row r="571222" spans="8:8">
      <c r="H571222" s="12"/>
    </row>
    <row r="571223" spans="8:8">
      <c r="H571223" s="12"/>
    </row>
    <row r="571224" spans="8:8">
      <c r="H571224" s="12"/>
    </row>
    <row r="571225" spans="8:8">
      <c r="H571225" s="12"/>
    </row>
    <row r="571226" spans="8:8">
      <c r="H571226" s="12"/>
    </row>
    <row r="571227" spans="8:8">
      <c r="H571227" s="12"/>
    </row>
    <row r="571228" spans="8:8">
      <c r="H571228" s="12"/>
    </row>
    <row r="571229" spans="8:8">
      <c r="H571229" s="12"/>
    </row>
    <row r="571230" spans="8:8">
      <c r="H571230" s="12"/>
    </row>
    <row r="571231" spans="8:8">
      <c r="H571231" s="12"/>
    </row>
    <row r="571232" spans="8:8">
      <c r="H571232" s="12"/>
    </row>
    <row r="571233" spans="8:8">
      <c r="H571233" s="12"/>
    </row>
    <row r="571234" spans="8:8">
      <c r="H571234" s="12"/>
    </row>
    <row r="571235" spans="8:8">
      <c r="H571235" s="12"/>
    </row>
    <row r="571236" spans="8:8">
      <c r="H571236" s="12"/>
    </row>
    <row r="571237" spans="8:8">
      <c r="H571237" s="12"/>
    </row>
    <row r="571238" spans="8:8">
      <c r="H571238" s="12"/>
    </row>
    <row r="571239" spans="8:8">
      <c r="H571239" s="12"/>
    </row>
    <row r="571240" spans="8:8">
      <c r="H571240" s="12"/>
    </row>
    <row r="571241" spans="8:8">
      <c r="H571241" s="12"/>
    </row>
    <row r="571242" spans="8:8">
      <c r="H571242" s="12"/>
    </row>
    <row r="571243" spans="8:8">
      <c r="H571243" s="12"/>
    </row>
    <row r="571244" spans="8:8">
      <c r="H571244" s="12"/>
    </row>
    <row r="571245" spans="8:8">
      <c r="H571245" s="12"/>
    </row>
    <row r="571246" spans="8:8">
      <c r="H571246" s="12"/>
    </row>
    <row r="571247" spans="8:8">
      <c r="H571247" s="12"/>
    </row>
    <row r="571248" spans="8:8">
      <c r="H571248" s="12"/>
    </row>
    <row r="571249" spans="8:8">
      <c r="H571249" s="12"/>
    </row>
    <row r="571250" spans="8:8">
      <c r="H571250" s="12"/>
    </row>
    <row r="571251" spans="8:8">
      <c r="H571251" s="12"/>
    </row>
    <row r="571252" spans="8:8">
      <c r="H571252" s="12"/>
    </row>
    <row r="571253" spans="8:8">
      <c r="H571253" s="12"/>
    </row>
    <row r="571254" spans="8:8">
      <c r="H571254" s="12"/>
    </row>
    <row r="571255" spans="8:8">
      <c r="H571255" s="12"/>
    </row>
    <row r="571256" spans="8:8">
      <c r="H571256" s="12"/>
    </row>
    <row r="571257" spans="8:8">
      <c r="H571257" s="12"/>
    </row>
    <row r="571258" spans="8:8">
      <c r="H571258" s="12"/>
    </row>
    <row r="571259" spans="8:8">
      <c r="H571259" s="12"/>
    </row>
    <row r="571260" spans="8:8">
      <c r="H571260" s="12"/>
    </row>
    <row r="571261" spans="8:8">
      <c r="H571261" s="12"/>
    </row>
    <row r="571262" spans="8:8">
      <c r="H571262" s="12"/>
    </row>
    <row r="571263" spans="8:8">
      <c r="H571263" s="12"/>
    </row>
    <row r="571264" spans="8:8">
      <c r="H571264" s="12"/>
    </row>
    <row r="571265" spans="8:8">
      <c r="H571265" s="12"/>
    </row>
    <row r="571266" spans="8:8">
      <c r="H571266" s="12"/>
    </row>
    <row r="571267" spans="8:8">
      <c r="H571267" s="12"/>
    </row>
    <row r="571268" spans="8:8">
      <c r="H571268" s="12"/>
    </row>
    <row r="571269" spans="8:8">
      <c r="H571269" s="12"/>
    </row>
    <row r="571270" spans="8:8">
      <c r="H571270" s="12"/>
    </row>
    <row r="571271" spans="8:8">
      <c r="H571271" s="12"/>
    </row>
    <row r="571272" spans="8:8">
      <c r="H571272" s="12"/>
    </row>
    <row r="571273" spans="8:8">
      <c r="H571273" s="12"/>
    </row>
    <row r="571274" spans="8:8">
      <c r="H571274" s="12"/>
    </row>
    <row r="571275" spans="8:8">
      <c r="H571275" s="12"/>
    </row>
    <row r="571276" spans="8:8">
      <c r="H571276" s="12"/>
    </row>
    <row r="571277" spans="8:8">
      <c r="H571277" s="12"/>
    </row>
    <row r="571278" spans="8:8">
      <c r="H571278" s="12"/>
    </row>
    <row r="571279" spans="8:8">
      <c r="H571279" s="12"/>
    </row>
    <row r="571280" spans="8:8">
      <c r="H571280" s="12"/>
    </row>
    <row r="571281" spans="8:8">
      <c r="H571281" s="12"/>
    </row>
    <row r="571282" spans="8:8">
      <c r="H571282" s="12"/>
    </row>
    <row r="571283" spans="8:8">
      <c r="H571283" s="12"/>
    </row>
    <row r="571284" spans="8:8">
      <c r="H571284" s="12"/>
    </row>
    <row r="571285" spans="8:8">
      <c r="H571285" s="12"/>
    </row>
    <row r="571286" spans="8:8">
      <c r="H571286" s="12"/>
    </row>
    <row r="571287" spans="8:8">
      <c r="H571287" s="12"/>
    </row>
    <row r="571288" spans="8:8">
      <c r="H571288" s="12"/>
    </row>
    <row r="571289" spans="8:8">
      <c r="H571289" s="12"/>
    </row>
    <row r="571290" spans="8:8">
      <c r="H571290" s="12"/>
    </row>
    <row r="571291" spans="8:8">
      <c r="H571291" s="12"/>
    </row>
    <row r="571292" spans="8:8">
      <c r="H571292" s="12"/>
    </row>
    <row r="571293" spans="8:8">
      <c r="H571293" s="12"/>
    </row>
    <row r="571294" spans="8:8">
      <c r="H571294" s="12"/>
    </row>
    <row r="571295" spans="8:8">
      <c r="H571295" s="12"/>
    </row>
    <row r="571296" spans="8:8">
      <c r="H571296" s="12"/>
    </row>
    <row r="571297" spans="8:8">
      <c r="H571297" s="12"/>
    </row>
    <row r="571298" spans="8:8">
      <c r="H571298" s="12"/>
    </row>
    <row r="571299" spans="8:8">
      <c r="H571299" s="12"/>
    </row>
    <row r="571300" spans="8:8">
      <c r="H571300" s="12"/>
    </row>
    <row r="571301" spans="8:8">
      <c r="H571301" s="12"/>
    </row>
    <row r="571302" spans="8:8">
      <c r="H571302" s="12"/>
    </row>
    <row r="571303" spans="8:8">
      <c r="H571303" s="12"/>
    </row>
    <row r="571304" spans="8:8">
      <c r="H571304" s="12"/>
    </row>
    <row r="571305" spans="8:8">
      <c r="H571305" s="12"/>
    </row>
    <row r="571306" spans="8:8">
      <c r="H571306" s="12"/>
    </row>
    <row r="571307" spans="8:8">
      <c r="H571307" s="12"/>
    </row>
    <row r="571308" spans="8:8">
      <c r="H571308" s="12"/>
    </row>
    <row r="571309" spans="8:8">
      <c r="H571309" s="12"/>
    </row>
    <row r="571310" spans="8:8">
      <c r="H571310" s="12"/>
    </row>
    <row r="571311" spans="8:8">
      <c r="H571311" s="12"/>
    </row>
    <row r="571312" spans="8:8">
      <c r="H571312" s="12"/>
    </row>
    <row r="571313" spans="8:8">
      <c r="H571313" s="12"/>
    </row>
    <row r="571314" spans="8:8">
      <c r="H571314" s="12"/>
    </row>
    <row r="571315" spans="8:8">
      <c r="H571315" s="12"/>
    </row>
    <row r="571316" spans="8:8">
      <c r="H571316" s="12"/>
    </row>
    <row r="571317" spans="8:8">
      <c r="H571317" s="12"/>
    </row>
    <row r="571318" spans="8:8">
      <c r="H571318" s="12"/>
    </row>
    <row r="571319" spans="8:8">
      <c r="H571319" s="12"/>
    </row>
    <row r="571320" spans="8:8">
      <c r="H571320" s="12"/>
    </row>
    <row r="571321" spans="8:8">
      <c r="H571321" s="12"/>
    </row>
    <row r="571322" spans="8:8">
      <c r="H571322" s="12"/>
    </row>
    <row r="571323" spans="8:8">
      <c r="H571323" s="12"/>
    </row>
    <row r="571324" spans="8:8">
      <c r="H571324" s="12"/>
    </row>
    <row r="571325" spans="8:8">
      <c r="H571325" s="12"/>
    </row>
    <row r="571326" spans="8:8">
      <c r="H571326" s="12"/>
    </row>
    <row r="571327" spans="8:8">
      <c r="H571327" s="12"/>
    </row>
    <row r="571328" spans="8:8">
      <c r="H571328" s="12"/>
    </row>
    <row r="571329" spans="8:8">
      <c r="H571329" s="12"/>
    </row>
    <row r="571330" spans="8:8">
      <c r="H571330" s="12"/>
    </row>
    <row r="571331" spans="8:8">
      <c r="H571331" s="12"/>
    </row>
    <row r="571332" spans="8:8">
      <c r="H571332" s="12"/>
    </row>
    <row r="571333" spans="8:8">
      <c r="H571333" s="12"/>
    </row>
    <row r="571334" spans="8:8">
      <c r="H571334" s="12"/>
    </row>
    <row r="571335" spans="8:8">
      <c r="H571335" s="12"/>
    </row>
    <row r="571336" spans="8:8">
      <c r="H571336" s="12"/>
    </row>
    <row r="571337" spans="8:8">
      <c r="H571337" s="12"/>
    </row>
    <row r="571338" spans="8:8">
      <c r="H571338" s="12"/>
    </row>
    <row r="571339" spans="8:8">
      <c r="H571339" s="12"/>
    </row>
    <row r="571340" spans="8:8">
      <c r="H571340" s="12"/>
    </row>
    <row r="571341" spans="8:8">
      <c r="H571341" s="12"/>
    </row>
    <row r="571342" spans="8:8">
      <c r="H571342" s="12"/>
    </row>
    <row r="571343" spans="8:8">
      <c r="H571343" s="12"/>
    </row>
    <row r="571344" spans="8:8">
      <c r="H571344" s="12"/>
    </row>
    <row r="571345" spans="8:8">
      <c r="H571345" s="12"/>
    </row>
    <row r="571346" spans="8:8">
      <c r="H571346" s="12"/>
    </row>
    <row r="571347" spans="8:8">
      <c r="H571347" s="12"/>
    </row>
    <row r="571348" spans="8:8">
      <c r="H571348" s="12"/>
    </row>
    <row r="571349" spans="8:8">
      <c r="H571349" s="12"/>
    </row>
    <row r="571350" spans="8:8">
      <c r="H571350" s="12"/>
    </row>
    <row r="571351" spans="8:8">
      <c r="H571351" s="12"/>
    </row>
    <row r="571352" spans="8:8">
      <c r="H571352" s="12"/>
    </row>
    <row r="571353" spans="8:8">
      <c r="H571353" s="12"/>
    </row>
    <row r="571354" spans="8:8">
      <c r="H571354" s="12"/>
    </row>
    <row r="571355" spans="8:8">
      <c r="H571355" s="12"/>
    </row>
    <row r="571356" spans="8:8">
      <c r="H571356" s="12"/>
    </row>
    <row r="571357" spans="8:8">
      <c r="H571357" s="12"/>
    </row>
    <row r="571358" spans="8:8">
      <c r="H571358" s="12"/>
    </row>
    <row r="571359" spans="8:8">
      <c r="H571359" s="12"/>
    </row>
    <row r="571360" spans="8:8">
      <c r="H571360" s="12"/>
    </row>
    <row r="571361" spans="8:8">
      <c r="H571361" s="12"/>
    </row>
    <row r="571362" spans="8:8">
      <c r="H571362" s="12"/>
    </row>
    <row r="571363" spans="8:8">
      <c r="H571363" s="12"/>
    </row>
    <row r="571364" spans="8:8">
      <c r="H571364" s="12"/>
    </row>
    <row r="571365" spans="8:8">
      <c r="H571365" s="12"/>
    </row>
    <row r="571366" spans="8:8">
      <c r="H571366" s="12"/>
    </row>
    <row r="571367" spans="8:8">
      <c r="H571367" s="12"/>
    </row>
    <row r="571368" spans="8:8">
      <c r="H571368" s="12"/>
    </row>
    <row r="571369" spans="8:8">
      <c r="H571369" s="12"/>
    </row>
    <row r="571370" spans="8:8">
      <c r="H571370" s="12"/>
    </row>
    <row r="571371" spans="8:8">
      <c r="H571371" s="12"/>
    </row>
    <row r="571372" spans="8:8">
      <c r="H571372" s="12"/>
    </row>
    <row r="571373" spans="8:8">
      <c r="H571373" s="12"/>
    </row>
    <row r="571374" spans="8:8">
      <c r="H571374" s="12"/>
    </row>
    <row r="571375" spans="8:8">
      <c r="H571375" s="12"/>
    </row>
    <row r="571376" spans="8:8">
      <c r="H571376" s="12"/>
    </row>
    <row r="571377" spans="8:8">
      <c r="H571377" s="12"/>
    </row>
    <row r="571378" spans="8:8">
      <c r="H571378" s="12"/>
    </row>
    <row r="571379" spans="8:8">
      <c r="H571379" s="12"/>
    </row>
    <row r="571380" spans="8:8">
      <c r="H571380" s="12"/>
    </row>
    <row r="571381" spans="8:8">
      <c r="H571381" s="12"/>
    </row>
    <row r="571382" spans="8:8">
      <c r="H571382" s="12"/>
    </row>
    <row r="571383" spans="8:8">
      <c r="H571383" s="12"/>
    </row>
    <row r="571384" spans="8:8">
      <c r="H571384" s="12"/>
    </row>
    <row r="571385" spans="8:8">
      <c r="H571385" s="12"/>
    </row>
    <row r="571386" spans="8:8">
      <c r="H571386" s="12"/>
    </row>
    <row r="571387" spans="8:8">
      <c r="H571387" s="12"/>
    </row>
    <row r="571388" spans="8:8">
      <c r="H571388" s="12"/>
    </row>
    <row r="571389" spans="8:8">
      <c r="H571389" s="12"/>
    </row>
    <row r="571390" spans="8:8">
      <c r="H571390" s="12"/>
    </row>
    <row r="571391" spans="8:8">
      <c r="H571391" s="12"/>
    </row>
    <row r="571392" spans="8:8">
      <c r="H571392" s="12"/>
    </row>
    <row r="571393" spans="8:8">
      <c r="H571393" s="12"/>
    </row>
    <row r="571394" spans="8:8">
      <c r="H571394" s="12"/>
    </row>
    <row r="571395" spans="8:8">
      <c r="H571395" s="12"/>
    </row>
    <row r="571396" spans="8:8">
      <c r="H571396" s="12"/>
    </row>
    <row r="571397" spans="8:8">
      <c r="H571397" s="12"/>
    </row>
    <row r="571398" spans="8:8">
      <c r="H571398" s="12"/>
    </row>
    <row r="571399" spans="8:8">
      <c r="H571399" s="12"/>
    </row>
    <row r="571400" spans="8:8">
      <c r="H571400" s="12"/>
    </row>
    <row r="571401" spans="8:8">
      <c r="H571401" s="12"/>
    </row>
    <row r="571402" spans="8:8">
      <c r="H571402" s="12"/>
    </row>
    <row r="571403" spans="8:8">
      <c r="H571403" s="12"/>
    </row>
    <row r="571404" spans="8:8">
      <c r="H571404" s="12"/>
    </row>
    <row r="571405" spans="8:8">
      <c r="H571405" s="12"/>
    </row>
    <row r="571406" spans="8:8">
      <c r="H571406" s="12"/>
    </row>
    <row r="571407" spans="8:8">
      <c r="H571407" s="12"/>
    </row>
    <row r="571408" spans="8:8">
      <c r="H571408" s="12"/>
    </row>
    <row r="571409" spans="8:8">
      <c r="H571409" s="12"/>
    </row>
    <row r="571410" spans="8:8">
      <c r="H571410" s="12"/>
    </row>
    <row r="571411" spans="8:8">
      <c r="H571411" s="12"/>
    </row>
    <row r="571412" spans="8:8">
      <c r="H571412" s="12"/>
    </row>
    <row r="571413" spans="8:8">
      <c r="H571413" s="12"/>
    </row>
    <row r="571414" spans="8:8">
      <c r="H571414" s="12"/>
    </row>
    <row r="571415" spans="8:8">
      <c r="H571415" s="12"/>
    </row>
    <row r="571416" spans="8:8">
      <c r="H571416" s="12"/>
    </row>
    <row r="571417" spans="8:8">
      <c r="H571417" s="12"/>
    </row>
    <row r="571418" spans="8:8">
      <c r="H571418" s="12"/>
    </row>
    <row r="571419" spans="8:8">
      <c r="H571419" s="12"/>
    </row>
    <row r="571420" spans="8:8">
      <c r="H571420" s="12"/>
    </row>
    <row r="571421" spans="8:8">
      <c r="H571421" s="12"/>
    </row>
    <row r="571422" spans="8:8">
      <c r="H571422" s="12"/>
    </row>
    <row r="571423" spans="8:8">
      <c r="H571423" s="12"/>
    </row>
    <row r="571424" spans="8:8">
      <c r="H571424" s="12"/>
    </row>
    <row r="571425" spans="8:8">
      <c r="H571425" s="12"/>
    </row>
    <row r="571426" spans="8:8">
      <c r="H571426" s="12"/>
    </row>
    <row r="571427" spans="8:8">
      <c r="H571427" s="12"/>
    </row>
    <row r="571428" spans="8:8">
      <c r="H571428" s="12"/>
    </row>
    <row r="571429" spans="8:8">
      <c r="H571429" s="12"/>
    </row>
    <row r="571430" spans="8:8">
      <c r="H571430" s="12"/>
    </row>
    <row r="571431" spans="8:8">
      <c r="H571431" s="12"/>
    </row>
    <row r="571432" spans="8:8">
      <c r="H571432" s="12"/>
    </row>
    <row r="571433" spans="8:8">
      <c r="H571433" s="12"/>
    </row>
    <row r="571434" spans="8:8">
      <c r="H571434" s="12"/>
    </row>
    <row r="571435" spans="8:8">
      <c r="H571435" s="12"/>
    </row>
    <row r="571436" spans="8:8">
      <c r="H571436" s="12"/>
    </row>
    <row r="571437" spans="8:8">
      <c r="H571437" s="12"/>
    </row>
    <row r="571438" spans="8:8">
      <c r="H571438" s="12"/>
    </row>
    <row r="571439" spans="8:8">
      <c r="H571439" s="12"/>
    </row>
    <row r="571440" spans="8:8">
      <c r="H571440" s="12"/>
    </row>
    <row r="571441" spans="8:8">
      <c r="H571441" s="12"/>
    </row>
    <row r="571442" spans="8:8">
      <c r="H571442" s="12"/>
    </row>
    <row r="571443" spans="8:8">
      <c r="H571443" s="12"/>
    </row>
    <row r="571444" spans="8:8">
      <c r="H571444" s="12"/>
    </row>
    <row r="571445" spans="8:8">
      <c r="H571445" s="12"/>
    </row>
    <row r="571446" spans="8:8">
      <c r="H571446" s="12"/>
    </row>
    <row r="571447" spans="8:8">
      <c r="H571447" s="12"/>
    </row>
    <row r="571448" spans="8:8">
      <c r="H571448" s="12"/>
    </row>
    <row r="571449" spans="8:8">
      <c r="H571449" s="12"/>
    </row>
    <row r="571450" spans="8:8">
      <c r="H571450" s="12"/>
    </row>
    <row r="571451" spans="8:8">
      <c r="H571451" s="12"/>
    </row>
    <row r="571452" spans="8:8">
      <c r="H571452" s="12"/>
    </row>
    <row r="571453" spans="8:8">
      <c r="H571453" s="12"/>
    </row>
    <row r="571454" spans="8:8">
      <c r="H571454" s="12"/>
    </row>
    <row r="571455" spans="8:8">
      <c r="H571455" s="12"/>
    </row>
    <row r="571456" spans="8:8">
      <c r="H571456" s="12"/>
    </row>
    <row r="571457" spans="8:8">
      <c r="H571457" s="12"/>
    </row>
    <row r="571458" spans="8:8">
      <c r="H571458" s="12"/>
    </row>
    <row r="571459" spans="8:8">
      <c r="H571459" s="12"/>
    </row>
    <row r="571460" spans="8:8">
      <c r="H571460" s="12"/>
    </row>
    <row r="571461" spans="8:8">
      <c r="H571461" s="12"/>
    </row>
    <row r="571462" spans="8:8">
      <c r="H571462" s="12"/>
    </row>
    <row r="571463" spans="8:8">
      <c r="H571463" s="12"/>
    </row>
    <row r="571464" spans="8:8">
      <c r="H571464" s="12"/>
    </row>
    <row r="571465" spans="8:8">
      <c r="H571465" s="12"/>
    </row>
    <row r="571466" spans="8:8">
      <c r="H571466" s="12"/>
    </row>
    <row r="571467" spans="8:8">
      <c r="H571467" s="12"/>
    </row>
    <row r="571468" spans="8:8">
      <c r="H571468" s="12"/>
    </row>
    <row r="571469" spans="8:8">
      <c r="H571469" s="12"/>
    </row>
    <row r="571470" spans="8:8">
      <c r="H571470" s="12"/>
    </row>
    <row r="571471" spans="8:8">
      <c r="H571471" s="12"/>
    </row>
    <row r="571472" spans="8:8">
      <c r="H571472" s="12"/>
    </row>
    <row r="571473" spans="8:8">
      <c r="H571473" s="12"/>
    </row>
    <row r="571474" spans="8:8">
      <c r="H571474" s="12"/>
    </row>
    <row r="571475" spans="8:8">
      <c r="H571475" s="12"/>
    </row>
    <row r="571476" spans="8:8">
      <c r="H571476" s="12"/>
    </row>
    <row r="571477" spans="8:8">
      <c r="H571477" s="12"/>
    </row>
    <row r="571478" spans="8:8">
      <c r="H571478" s="12"/>
    </row>
    <row r="571479" spans="8:8">
      <c r="H571479" s="12"/>
    </row>
    <row r="571480" spans="8:8">
      <c r="H571480" s="12"/>
    </row>
    <row r="571481" spans="8:8">
      <c r="H571481" s="12"/>
    </row>
    <row r="571482" spans="8:8">
      <c r="H571482" s="12"/>
    </row>
    <row r="571483" spans="8:8">
      <c r="H571483" s="12"/>
    </row>
    <row r="571484" spans="8:8">
      <c r="H571484" s="12"/>
    </row>
    <row r="571485" spans="8:8">
      <c r="H571485" s="12"/>
    </row>
    <row r="571486" spans="8:8">
      <c r="H571486" s="12"/>
    </row>
    <row r="571487" spans="8:8">
      <c r="H571487" s="12"/>
    </row>
    <row r="571488" spans="8:8">
      <c r="H571488" s="12"/>
    </row>
    <row r="571489" spans="8:8">
      <c r="H571489" s="12"/>
    </row>
    <row r="571490" spans="8:8">
      <c r="H571490" s="12"/>
    </row>
    <row r="571491" spans="8:8">
      <c r="H571491" s="12"/>
    </row>
    <row r="571492" spans="8:8">
      <c r="H571492" s="12"/>
    </row>
    <row r="571493" spans="8:8">
      <c r="H571493" s="12"/>
    </row>
    <row r="571494" spans="8:8">
      <c r="H571494" s="12"/>
    </row>
    <row r="571495" spans="8:8">
      <c r="H571495" s="12"/>
    </row>
    <row r="571496" spans="8:8">
      <c r="H571496" s="12"/>
    </row>
    <row r="571497" spans="8:8">
      <c r="H571497" s="12"/>
    </row>
    <row r="571498" spans="8:8">
      <c r="H571498" s="12"/>
    </row>
    <row r="571499" spans="8:8">
      <c r="H571499" s="12"/>
    </row>
    <row r="571500" spans="8:8">
      <c r="H571500" s="12"/>
    </row>
    <row r="571501" spans="8:8">
      <c r="H571501" s="12"/>
    </row>
    <row r="571502" spans="8:8">
      <c r="H571502" s="12"/>
    </row>
    <row r="571503" spans="8:8">
      <c r="H571503" s="12"/>
    </row>
    <row r="571504" spans="8:8">
      <c r="H571504" s="12"/>
    </row>
    <row r="571505" spans="8:8">
      <c r="H571505" s="12"/>
    </row>
    <row r="571506" spans="8:8">
      <c r="H571506" s="12"/>
    </row>
    <row r="571507" spans="8:8">
      <c r="H571507" s="12"/>
    </row>
    <row r="571508" spans="8:8">
      <c r="H571508" s="12"/>
    </row>
    <row r="571509" spans="8:8">
      <c r="H571509" s="12"/>
    </row>
    <row r="571510" spans="8:8">
      <c r="H571510" s="12"/>
    </row>
    <row r="571511" spans="8:8">
      <c r="H571511" s="12"/>
    </row>
    <row r="571512" spans="8:8">
      <c r="H571512" s="12"/>
    </row>
    <row r="571513" spans="8:8">
      <c r="H571513" s="12"/>
    </row>
    <row r="571514" spans="8:8">
      <c r="H571514" s="12"/>
    </row>
    <row r="571515" spans="8:8">
      <c r="H571515" s="12"/>
    </row>
    <row r="571516" spans="8:8">
      <c r="H571516" s="12"/>
    </row>
    <row r="571517" spans="8:8">
      <c r="H571517" s="12"/>
    </row>
    <row r="571518" spans="8:8">
      <c r="H571518" s="12"/>
    </row>
    <row r="571519" spans="8:8">
      <c r="H571519" s="12"/>
    </row>
    <row r="571520" spans="8:8">
      <c r="H571520" s="12"/>
    </row>
    <row r="571521" spans="8:8">
      <c r="H571521" s="12"/>
    </row>
    <row r="571522" spans="8:8">
      <c r="H571522" s="12"/>
    </row>
    <row r="571523" spans="8:8">
      <c r="H571523" s="12"/>
    </row>
    <row r="571524" spans="8:8">
      <c r="H571524" s="12"/>
    </row>
    <row r="571525" spans="8:8">
      <c r="H571525" s="12"/>
    </row>
    <row r="571526" spans="8:8">
      <c r="H571526" s="12"/>
    </row>
    <row r="571527" spans="8:8">
      <c r="H571527" s="12"/>
    </row>
    <row r="571528" spans="8:8">
      <c r="H571528" s="12"/>
    </row>
    <row r="571529" spans="8:8">
      <c r="H571529" s="12"/>
    </row>
    <row r="571530" spans="8:8">
      <c r="H571530" s="12"/>
    </row>
    <row r="571531" spans="8:8">
      <c r="H571531" s="12"/>
    </row>
    <row r="571532" spans="8:8">
      <c r="H571532" s="12"/>
    </row>
    <row r="571533" spans="8:8">
      <c r="H571533" s="12"/>
    </row>
    <row r="571534" spans="8:8">
      <c r="H571534" s="12"/>
    </row>
    <row r="571535" spans="8:8">
      <c r="H571535" s="12"/>
    </row>
    <row r="571536" spans="8:8">
      <c r="H571536" s="12"/>
    </row>
    <row r="571537" spans="8:8">
      <c r="H571537" s="12"/>
    </row>
    <row r="571538" spans="8:8">
      <c r="H571538" s="12"/>
    </row>
    <row r="571539" spans="8:8">
      <c r="H571539" s="12"/>
    </row>
    <row r="571540" spans="8:8">
      <c r="H571540" s="12"/>
    </row>
    <row r="571541" spans="8:8">
      <c r="H571541" s="12"/>
    </row>
    <row r="571542" spans="8:8">
      <c r="H571542" s="12"/>
    </row>
    <row r="571543" spans="8:8">
      <c r="H571543" s="12"/>
    </row>
    <row r="571544" spans="8:8">
      <c r="H571544" s="12"/>
    </row>
    <row r="571545" spans="8:8">
      <c r="H571545" s="12"/>
    </row>
    <row r="571546" spans="8:8">
      <c r="H571546" s="12"/>
    </row>
    <row r="571547" spans="8:8">
      <c r="H571547" s="12"/>
    </row>
    <row r="571548" spans="8:8">
      <c r="H571548" s="12"/>
    </row>
    <row r="571549" spans="8:8">
      <c r="H571549" s="12"/>
    </row>
    <row r="571550" spans="8:8">
      <c r="H571550" s="12"/>
    </row>
    <row r="571551" spans="8:8">
      <c r="H571551" s="12"/>
    </row>
    <row r="571552" spans="8:8">
      <c r="H571552" s="12"/>
    </row>
    <row r="571553" spans="8:8">
      <c r="H571553" s="12"/>
    </row>
    <row r="571554" spans="8:8">
      <c r="H571554" s="12"/>
    </row>
    <row r="571555" spans="8:8">
      <c r="H571555" s="12"/>
    </row>
    <row r="571556" spans="8:8">
      <c r="H571556" s="12"/>
    </row>
    <row r="571557" spans="8:8">
      <c r="H571557" s="12"/>
    </row>
    <row r="571558" spans="8:8">
      <c r="H571558" s="12"/>
    </row>
    <row r="571559" spans="8:8">
      <c r="H571559" s="12"/>
    </row>
    <row r="571560" spans="8:8">
      <c r="H571560" s="12"/>
    </row>
    <row r="571561" spans="8:8">
      <c r="H571561" s="12"/>
    </row>
    <row r="571562" spans="8:8">
      <c r="H571562" s="12"/>
    </row>
    <row r="571563" spans="8:8">
      <c r="H571563" s="12"/>
    </row>
    <row r="571564" spans="8:8">
      <c r="H571564" s="12"/>
    </row>
    <row r="571565" spans="8:8">
      <c r="H571565" s="12"/>
    </row>
    <row r="571566" spans="8:8">
      <c r="H571566" s="12"/>
    </row>
    <row r="571567" spans="8:8">
      <c r="H571567" s="12"/>
    </row>
    <row r="571568" spans="8:8">
      <c r="H571568" s="12"/>
    </row>
    <row r="571569" spans="8:8">
      <c r="H571569" s="12"/>
    </row>
    <row r="571570" spans="8:8">
      <c r="H571570" s="12"/>
    </row>
    <row r="571571" spans="8:8">
      <c r="H571571" s="12"/>
    </row>
    <row r="571572" spans="8:8">
      <c r="H571572" s="12"/>
    </row>
    <row r="571573" spans="8:8">
      <c r="H571573" s="12"/>
    </row>
    <row r="571574" spans="8:8">
      <c r="H571574" s="12"/>
    </row>
    <row r="571575" spans="8:8">
      <c r="H571575" s="12"/>
    </row>
    <row r="571576" spans="8:8">
      <c r="H571576" s="12"/>
    </row>
    <row r="571577" spans="8:8">
      <c r="H571577" s="12"/>
    </row>
    <row r="571578" spans="8:8">
      <c r="H571578" s="12"/>
    </row>
    <row r="571579" spans="8:8">
      <c r="H571579" s="12"/>
    </row>
    <row r="571580" spans="8:8">
      <c r="H571580" s="12"/>
    </row>
    <row r="571581" spans="8:8">
      <c r="H571581" s="12"/>
    </row>
    <row r="571582" spans="8:8">
      <c r="H571582" s="12"/>
    </row>
    <row r="571583" spans="8:8">
      <c r="H571583" s="12"/>
    </row>
    <row r="571584" spans="8:8">
      <c r="H571584" s="12"/>
    </row>
    <row r="571585" spans="8:8">
      <c r="H571585" s="12"/>
    </row>
    <row r="571586" spans="8:8">
      <c r="H571586" s="12"/>
    </row>
    <row r="571587" spans="8:8">
      <c r="H571587" s="12"/>
    </row>
    <row r="571588" spans="8:8">
      <c r="H571588" s="12"/>
    </row>
    <row r="571589" spans="8:8">
      <c r="H571589" s="12"/>
    </row>
    <row r="571590" spans="8:8">
      <c r="H571590" s="12"/>
    </row>
    <row r="571591" spans="8:8">
      <c r="H571591" s="12"/>
    </row>
    <row r="571592" spans="8:8">
      <c r="H571592" s="12"/>
    </row>
    <row r="571593" spans="8:8">
      <c r="H571593" s="12"/>
    </row>
    <row r="571594" spans="8:8">
      <c r="H571594" s="12"/>
    </row>
    <row r="571595" spans="8:8">
      <c r="H571595" s="12"/>
    </row>
    <row r="571596" spans="8:8">
      <c r="H571596" s="12"/>
    </row>
    <row r="571597" spans="8:8">
      <c r="H571597" s="12"/>
    </row>
    <row r="571598" spans="8:8">
      <c r="H571598" s="12"/>
    </row>
    <row r="571599" spans="8:8">
      <c r="H571599" s="12"/>
    </row>
    <row r="571600" spans="8:8">
      <c r="H571600" s="12"/>
    </row>
    <row r="571601" spans="8:8">
      <c r="H571601" s="12"/>
    </row>
    <row r="571602" spans="8:8">
      <c r="H571602" s="12"/>
    </row>
    <row r="571603" spans="8:8">
      <c r="H571603" s="12"/>
    </row>
    <row r="571604" spans="8:8">
      <c r="H571604" s="12"/>
    </row>
    <row r="571605" spans="8:8">
      <c r="H571605" s="12"/>
    </row>
    <row r="571606" spans="8:8">
      <c r="H571606" s="12"/>
    </row>
    <row r="571607" spans="8:8">
      <c r="H571607" s="12"/>
    </row>
    <row r="571608" spans="8:8">
      <c r="H571608" s="12"/>
    </row>
    <row r="571609" spans="8:8">
      <c r="H571609" s="12"/>
    </row>
    <row r="571610" spans="8:8">
      <c r="H571610" s="12"/>
    </row>
    <row r="571611" spans="8:8">
      <c r="H571611" s="12"/>
    </row>
    <row r="571612" spans="8:8">
      <c r="H571612" s="12"/>
    </row>
    <row r="571613" spans="8:8">
      <c r="H571613" s="12"/>
    </row>
    <row r="571614" spans="8:8">
      <c r="H571614" s="12"/>
    </row>
    <row r="571615" spans="8:8">
      <c r="H571615" s="12"/>
    </row>
    <row r="571616" spans="8:8">
      <c r="H571616" s="12"/>
    </row>
    <row r="571617" spans="8:8">
      <c r="H571617" s="12"/>
    </row>
    <row r="571618" spans="8:8">
      <c r="H571618" s="12"/>
    </row>
    <row r="571619" spans="8:8">
      <c r="H571619" s="12"/>
    </row>
    <row r="571620" spans="8:8">
      <c r="H571620" s="12"/>
    </row>
    <row r="571621" spans="8:8">
      <c r="H571621" s="12"/>
    </row>
    <row r="571622" spans="8:8">
      <c r="H571622" s="12"/>
    </row>
    <row r="571623" spans="8:8">
      <c r="H571623" s="12"/>
    </row>
    <row r="571624" spans="8:8">
      <c r="H571624" s="12"/>
    </row>
    <row r="571625" spans="8:8">
      <c r="H571625" s="12"/>
    </row>
    <row r="571626" spans="8:8">
      <c r="H571626" s="12"/>
    </row>
    <row r="571627" spans="8:8">
      <c r="H571627" s="12"/>
    </row>
    <row r="571628" spans="8:8">
      <c r="H571628" s="12"/>
    </row>
    <row r="571629" spans="8:8">
      <c r="H571629" s="12"/>
    </row>
    <row r="571630" spans="8:8">
      <c r="H571630" s="12"/>
    </row>
    <row r="571631" spans="8:8">
      <c r="H571631" s="12"/>
    </row>
    <row r="571632" spans="8:8">
      <c r="H571632" s="12"/>
    </row>
    <row r="571633" spans="8:8">
      <c r="H571633" s="12"/>
    </row>
    <row r="571634" spans="8:8">
      <c r="H571634" s="12"/>
    </row>
    <row r="571635" spans="8:8">
      <c r="H571635" s="12"/>
    </row>
    <row r="571636" spans="8:8">
      <c r="H571636" s="12"/>
    </row>
    <row r="571637" spans="8:8">
      <c r="H571637" s="12"/>
    </row>
    <row r="571638" spans="8:8">
      <c r="H571638" s="12"/>
    </row>
    <row r="571639" spans="8:8">
      <c r="H571639" s="12"/>
    </row>
    <row r="571640" spans="8:8">
      <c r="H571640" s="12"/>
    </row>
    <row r="571641" spans="8:8">
      <c r="H571641" s="12"/>
    </row>
    <row r="571642" spans="8:8">
      <c r="H571642" s="12"/>
    </row>
    <row r="571643" spans="8:8">
      <c r="H571643" s="12"/>
    </row>
    <row r="571644" spans="8:8">
      <c r="H571644" s="12"/>
    </row>
    <row r="571645" spans="8:8">
      <c r="H571645" s="12"/>
    </row>
    <row r="571646" spans="8:8">
      <c r="H571646" s="12"/>
    </row>
    <row r="571647" spans="8:8">
      <c r="H571647" s="12"/>
    </row>
    <row r="571648" spans="8:8">
      <c r="H571648" s="12"/>
    </row>
    <row r="571649" spans="8:8">
      <c r="H571649" s="12"/>
    </row>
    <row r="571650" spans="8:8">
      <c r="H571650" s="12"/>
    </row>
    <row r="571651" spans="8:8">
      <c r="H571651" s="12"/>
    </row>
    <row r="571652" spans="8:8">
      <c r="H571652" s="12"/>
    </row>
    <row r="571653" spans="8:8">
      <c r="H571653" s="12"/>
    </row>
    <row r="571654" spans="8:8">
      <c r="H571654" s="12"/>
    </row>
    <row r="571655" spans="8:8">
      <c r="H571655" s="12"/>
    </row>
    <row r="571656" spans="8:8">
      <c r="H571656" s="12"/>
    </row>
    <row r="571657" spans="8:8">
      <c r="H571657" s="12"/>
    </row>
    <row r="571658" spans="8:8">
      <c r="H571658" s="12"/>
    </row>
    <row r="571659" spans="8:8">
      <c r="H571659" s="12"/>
    </row>
    <row r="571660" spans="8:8">
      <c r="H571660" s="12"/>
    </row>
    <row r="571661" spans="8:8">
      <c r="H571661" s="12"/>
    </row>
    <row r="571662" spans="8:8">
      <c r="H571662" s="12"/>
    </row>
    <row r="571663" spans="8:8">
      <c r="H571663" s="12"/>
    </row>
    <row r="571664" spans="8:8">
      <c r="H571664" s="12"/>
    </row>
    <row r="571665" spans="8:8">
      <c r="H571665" s="12"/>
    </row>
    <row r="571666" spans="8:8">
      <c r="H571666" s="12"/>
    </row>
    <row r="571667" spans="8:8">
      <c r="H571667" s="12"/>
    </row>
    <row r="571668" spans="8:8">
      <c r="H571668" s="12"/>
    </row>
    <row r="571669" spans="8:8">
      <c r="H571669" s="12"/>
    </row>
    <row r="571670" spans="8:8">
      <c r="H571670" s="12"/>
    </row>
    <row r="571671" spans="8:8">
      <c r="H571671" s="12"/>
    </row>
    <row r="571672" spans="8:8">
      <c r="H571672" s="12"/>
    </row>
    <row r="571673" spans="8:8">
      <c r="H571673" s="12"/>
    </row>
    <row r="571674" spans="8:8">
      <c r="H571674" s="12"/>
    </row>
    <row r="571675" spans="8:8">
      <c r="H571675" s="12"/>
    </row>
    <row r="571676" spans="8:8">
      <c r="H571676" s="12"/>
    </row>
    <row r="571677" spans="8:8">
      <c r="H571677" s="12"/>
    </row>
    <row r="571678" spans="8:8">
      <c r="H571678" s="12"/>
    </row>
    <row r="571679" spans="8:8">
      <c r="H571679" s="12"/>
    </row>
    <row r="571680" spans="8:8">
      <c r="H571680" s="12"/>
    </row>
    <row r="571681" spans="8:8">
      <c r="H571681" s="12"/>
    </row>
    <row r="571682" spans="8:8">
      <c r="H571682" s="12"/>
    </row>
    <row r="571683" spans="8:8">
      <c r="H571683" s="12"/>
    </row>
    <row r="571684" spans="8:8">
      <c r="H571684" s="12"/>
    </row>
    <row r="571685" spans="8:8">
      <c r="H571685" s="12"/>
    </row>
    <row r="571686" spans="8:8">
      <c r="H571686" s="12"/>
    </row>
    <row r="571687" spans="8:8">
      <c r="H571687" s="12"/>
    </row>
    <row r="571688" spans="8:8">
      <c r="H571688" s="12"/>
    </row>
    <row r="571689" spans="8:8">
      <c r="H571689" s="12"/>
    </row>
    <row r="571690" spans="8:8">
      <c r="H571690" s="12"/>
    </row>
    <row r="571691" spans="8:8">
      <c r="H571691" s="12"/>
    </row>
    <row r="571692" spans="8:8">
      <c r="H571692" s="12"/>
    </row>
    <row r="571693" spans="8:8">
      <c r="H571693" s="12"/>
    </row>
    <row r="571694" spans="8:8">
      <c r="H571694" s="12"/>
    </row>
    <row r="571695" spans="8:8">
      <c r="H571695" s="12"/>
    </row>
    <row r="571696" spans="8:8">
      <c r="H571696" s="12"/>
    </row>
    <row r="571697" spans="8:8">
      <c r="H571697" s="12"/>
    </row>
    <row r="571698" spans="8:8">
      <c r="H571698" s="12"/>
    </row>
    <row r="571699" spans="8:8">
      <c r="H571699" s="12"/>
    </row>
    <row r="571700" spans="8:8">
      <c r="H571700" s="12"/>
    </row>
    <row r="571701" spans="8:8">
      <c r="H571701" s="12"/>
    </row>
    <row r="571702" spans="8:8">
      <c r="H571702" s="12"/>
    </row>
    <row r="571703" spans="8:8">
      <c r="H571703" s="12"/>
    </row>
    <row r="571704" spans="8:8">
      <c r="H571704" s="12"/>
    </row>
    <row r="571705" spans="8:8">
      <c r="H571705" s="12"/>
    </row>
    <row r="571706" spans="8:8">
      <c r="H571706" s="12"/>
    </row>
    <row r="571707" spans="8:8">
      <c r="H571707" s="12"/>
    </row>
    <row r="571708" spans="8:8">
      <c r="H571708" s="12"/>
    </row>
    <row r="571709" spans="8:8">
      <c r="H571709" s="12"/>
    </row>
    <row r="571710" spans="8:8">
      <c r="H571710" s="12"/>
    </row>
    <row r="571711" spans="8:8">
      <c r="H571711" s="12"/>
    </row>
    <row r="571712" spans="8:8">
      <c r="H571712" s="12"/>
    </row>
    <row r="571713" spans="8:8">
      <c r="H571713" s="12"/>
    </row>
    <row r="571714" spans="8:8">
      <c r="H571714" s="12"/>
    </row>
    <row r="571715" spans="8:8">
      <c r="H571715" s="12"/>
    </row>
    <row r="571716" spans="8:8">
      <c r="H571716" s="12"/>
    </row>
    <row r="571717" spans="8:8">
      <c r="H571717" s="12"/>
    </row>
    <row r="571718" spans="8:8">
      <c r="H571718" s="12"/>
    </row>
    <row r="571719" spans="8:8">
      <c r="H571719" s="12"/>
    </row>
    <row r="571720" spans="8:8">
      <c r="H571720" s="12"/>
    </row>
    <row r="571721" spans="8:8">
      <c r="H571721" s="12"/>
    </row>
    <row r="571722" spans="8:8">
      <c r="H571722" s="12"/>
    </row>
    <row r="571723" spans="8:8">
      <c r="H571723" s="12"/>
    </row>
    <row r="571724" spans="8:8">
      <c r="H571724" s="12"/>
    </row>
    <row r="571725" spans="8:8">
      <c r="H571725" s="12"/>
    </row>
    <row r="571726" spans="8:8">
      <c r="H571726" s="12"/>
    </row>
    <row r="571727" spans="8:8">
      <c r="H571727" s="12"/>
    </row>
    <row r="571728" spans="8:8">
      <c r="H571728" s="12"/>
    </row>
    <row r="571729" spans="8:8">
      <c r="H571729" s="12"/>
    </row>
    <row r="571730" spans="8:8">
      <c r="H571730" s="12"/>
    </row>
    <row r="571731" spans="8:8">
      <c r="H571731" s="12"/>
    </row>
    <row r="571732" spans="8:8">
      <c r="H571732" s="12"/>
    </row>
    <row r="571733" spans="8:8">
      <c r="H571733" s="12"/>
    </row>
    <row r="571734" spans="8:8">
      <c r="H571734" s="12"/>
    </row>
    <row r="571735" spans="8:8">
      <c r="H571735" s="12"/>
    </row>
    <row r="571736" spans="8:8">
      <c r="H571736" s="12"/>
    </row>
    <row r="571737" spans="8:8">
      <c r="H571737" s="12"/>
    </row>
    <row r="571738" spans="8:8">
      <c r="H571738" s="12"/>
    </row>
    <row r="571739" spans="8:8">
      <c r="H571739" s="12"/>
    </row>
    <row r="571740" spans="8:8">
      <c r="H571740" s="12"/>
    </row>
    <row r="571741" spans="8:8">
      <c r="H571741" s="12"/>
    </row>
    <row r="571742" spans="8:8">
      <c r="H571742" s="12"/>
    </row>
    <row r="571743" spans="8:8">
      <c r="H571743" s="12"/>
    </row>
    <row r="571744" spans="8:8">
      <c r="H571744" s="12"/>
    </row>
    <row r="571745" spans="8:8">
      <c r="H571745" s="12"/>
    </row>
    <row r="571746" spans="8:8">
      <c r="H571746" s="12"/>
    </row>
    <row r="571747" spans="8:8">
      <c r="H571747" s="12"/>
    </row>
    <row r="571748" spans="8:8">
      <c r="H571748" s="12"/>
    </row>
    <row r="571749" spans="8:8">
      <c r="H571749" s="12"/>
    </row>
    <row r="571750" spans="8:8">
      <c r="H571750" s="12"/>
    </row>
    <row r="571751" spans="8:8">
      <c r="H571751" s="12"/>
    </row>
    <row r="571752" spans="8:8">
      <c r="H571752" s="12"/>
    </row>
    <row r="571753" spans="8:8">
      <c r="H571753" s="12"/>
    </row>
    <row r="571754" spans="8:8">
      <c r="H571754" s="12"/>
    </row>
    <row r="571755" spans="8:8">
      <c r="H571755" s="12"/>
    </row>
    <row r="571756" spans="8:8">
      <c r="H571756" s="12"/>
    </row>
    <row r="571757" spans="8:8">
      <c r="H571757" s="12"/>
    </row>
    <row r="571758" spans="8:8">
      <c r="H571758" s="12"/>
    </row>
    <row r="571759" spans="8:8">
      <c r="H571759" s="12"/>
    </row>
    <row r="571760" spans="8:8">
      <c r="H571760" s="12"/>
    </row>
    <row r="571761" spans="8:8">
      <c r="H571761" s="12"/>
    </row>
    <row r="571762" spans="8:8">
      <c r="H571762" s="12"/>
    </row>
    <row r="571763" spans="8:8">
      <c r="H571763" s="12"/>
    </row>
    <row r="571764" spans="8:8">
      <c r="H571764" s="12"/>
    </row>
    <row r="571765" spans="8:8">
      <c r="H571765" s="12"/>
    </row>
    <row r="571766" spans="8:8">
      <c r="H571766" s="12"/>
    </row>
    <row r="571767" spans="8:8">
      <c r="H571767" s="12"/>
    </row>
    <row r="571768" spans="8:8">
      <c r="H571768" s="12"/>
    </row>
    <row r="571769" spans="8:8">
      <c r="H571769" s="12"/>
    </row>
    <row r="571770" spans="8:8">
      <c r="H571770" s="12"/>
    </row>
    <row r="571771" spans="8:8">
      <c r="H571771" s="12"/>
    </row>
    <row r="571772" spans="8:8">
      <c r="H571772" s="12"/>
    </row>
    <row r="571773" spans="8:8">
      <c r="H571773" s="12"/>
    </row>
    <row r="571774" spans="8:8">
      <c r="H571774" s="12"/>
    </row>
    <row r="571775" spans="8:8">
      <c r="H571775" s="12"/>
    </row>
    <row r="571776" spans="8:8">
      <c r="H571776" s="12"/>
    </row>
    <row r="571777" spans="8:8">
      <c r="H571777" s="12"/>
    </row>
    <row r="571778" spans="8:8">
      <c r="H571778" s="12"/>
    </row>
    <row r="571779" spans="8:8">
      <c r="H571779" s="12"/>
    </row>
    <row r="571780" spans="8:8">
      <c r="H571780" s="12"/>
    </row>
    <row r="571781" spans="8:8">
      <c r="H571781" s="12"/>
    </row>
    <row r="571782" spans="8:8">
      <c r="H571782" s="12"/>
    </row>
    <row r="571783" spans="8:8">
      <c r="H571783" s="12"/>
    </row>
    <row r="571784" spans="8:8">
      <c r="H571784" s="12"/>
    </row>
    <row r="571785" spans="8:8">
      <c r="H571785" s="12"/>
    </row>
    <row r="571786" spans="8:8">
      <c r="H571786" s="12"/>
    </row>
    <row r="571787" spans="8:8">
      <c r="H571787" s="12"/>
    </row>
    <row r="571788" spans="8:8">
      <c r="H571788" s="12"/>
    </row>
    <row r="571789" spans="8:8">
      <c r="H571789" s="12"/>
    </row>
    <row r="571790" spans="8:8">
      <c r="H571790" s="12"/>
    </row>
    <row r="571791" spans="8:8">
      <c r="H571791" s="12"/>
    </row>
    <row r="571792" spans="8:8">
      <c r="H571792" s="12"/>
    </row>
    <row r="571793" spans="8:8">
      <c r="H571793" s="12"/>
    </row>
    <row r="571794" spans="8:8">
      <c r="H571794" s="12"/>
    </row>
    <row r="571795" spans="8:8">
      <c r="H571795" s="12"/>
    </row>
    <row r="571796" spans="8:8">
      <c r="H571796" s="12"/>
    </row>
    <row r="571797" spans="8:8">
      <c r="H571797" s="12"/>
    </row>
    <row r="571798" spans="8:8">
      <c r="H571798" s="12"/>
    </row>
    <row r="571799" spans="8:8">
      <c r="H571799" s="12"/>
    </row>
    <row r="571800" spans="8:8">
      <c r="H571800" s="12"/>
    </row>
    <row r="571801" spans="8:8">
      <c r="H571801" s="12"/>
    </row>
    <row r="571802" spans="8:8">
      <c r="H571802" s="12"/>
    </row>
    <row r="571803" spans="8:8">
      <c r="H571803" s="12"/>
    </row>
    <row r="571804" spans="8:8">
      <c r="H571804" s="12"/>
    </row>
    <row r="571805" spans="8:8">
      <c r="H571805" s="12"/>
    </row>
    <row r="571806" spans="8:8">
      <c r="H571806" s="12"/>
    </row>
    <row r="571807" spans="8:8">
      <c r="H571807" s="12"/>
    </row>
    <row r="571808" spans="8:8">
      <c r="H571808" s="12"/>
    </row>
    <row r="571809" spans="8:8">
      <c r="H571809" s="12"/>
    </row>
    <row r="571810" spans="8:8">
      <c r="H571810" s="12"/>
    </row>
    <row r="571811" spans="8:8">
      <c r="H571811" s="12"/>
    </row>
    <row r="571812" spans="8:8">
      <c r="H571812" s="12"/>
    </row>
    <row r="571813" spans="8:8">
      <c r="H571813" s="12"/>
    </row>
    <row r="571814" spans="8:8">
      <c r="H571814" s="12"/>
    </row>
    <row r="571815" spans="8:8">
      <c r="H571815" s="12"/>
    </row>
    <row r="571816" spans="8:8">
      <c r="H571816" s="12"/>
    </row>
    <row r="571817" spans="8:8">
      <c r="H571817" s="12"/>
    </row>
    <row r="571818" spans="8:8">
      <c r="H571818" s="12"/>
    </row>
    <row r="571819" spans="8:8">
      <c r="H571819" s="12"/>
    </row>
    <row r="571820" spans="8:8">
      <c r="H571820" s="12"/>
    </row>
    <row r="571821" spans="8:8">
      <c r="H571821" s="12"/>
    </row>
    <row r="571822" spans="8:8">
      <c r="H571822" s="12"/>
    </row>
    <row r="571823" spans="8:8">
      <c r="H571823" s="12"/>
    </row>
    <row r="571824" spans="8:8">
      <c r="H571824" s="12"/>
    </row>
    <row r="571825" spans="8:8">
      <c r="H571825" s="12"/>
    </row>
    <row r="571826" spans="8:8">
      <c r="H571826" s="12"/>
    </row>
    <row r="571827" spans="8:8">
      <c r="H571827" s="12"/>
    </row>
    <row r="571828" spans="8:8">
      <c r="H571828" s="12"/>
    </row>
    <row r="571829" spans="8:8">
      <c r="H571829" s="12"/>
    </row>
    <row r="571830" spans="8:8">
      <c r="H571830" s="12"/>
    </row>
    <row r="571831" spans="8:8">
      <c r="H571831" s="12"/>
    </row>
    <row r="571832" spans="8:8">
      <c r="H571832" s="12"/>
    </row>
    <row r="571833" spans="8:8">
      <c r="H571833" s="12"/>
    </row>
    <row r="571834" spans="8:8">
      <c r="H571834" s="12"/>
    </row>
    <row r="571835" spans="8:8">
      <c r="H571835" s="12"/>
    </row>
    <row r="571836" spans="8:8">
      <c r="H571836" s="12"/>
    </row>
    <row r="571837" spans="8:8">
      <c r="H571837" s="12"/>
    </row>
    <row r="571838" spans="8:8">
      <c r="H571838" s="12"/>
    </row>
    <row r="571839" spans="8:8">
      <c r="H571839" s="12"/>
    </row>
    <row r="571840" spans="8:8">
      <c r="H571840" s="12"/>
    </row>
    <row r="571841" spans="8:8">
      <c r="H571841" s="12"/>
    </row>
    <row r="571842" spans="8:8">
      <c r="H571842" s="12"/>
    </row>
    <row r="571843" spans="8:8">
      <c r="H571843" s="12"/>
    </row>
    <row r="571844" spans="8:8">
      <c r="H571844" s="12"/>
    </row>
    <row r="571845" spans="8:8">
      <c r="H571845" s="12"/>
    </row>
    <row r="571846" spans="8:8">
      <c r="H571846" s="12"/>
    </row>
    <row r="571847" spans="8:8">
      <c r="H571847" s="12"/>
    </row>
    <row r="571848" spans="8:8">
      <c r="H571848" s="12"/>
    </row>
    <row r="571849" spans="8:8">
      <c r="H571849" s="12"/>
    </row>
    <row r="571850" spans="8:8">
      <c r="H571850" s="12"/>
    </row>
    <row r="571851" spans="8:8">
      <c r="H571851" s="12"/>
    </row>
    <row r="571852" spans="8:8">
      <c r="H571852" s="12"/>
    </row>
    <row r="571853" spans="8:8">
      <c r="H571853" s="12"/>
    </row>
    <row r="571854" spans="8:8">
      <c r="H571854" s="12"/>
    </row>
    <row r="571855" spans="8:8">
      <c r="H571855" s="12"/>
    </row>
    <row r="571856" spans="8:8">
      <c r="H571856" s="12"/>
    </row>
    <row r="571857" spans="8:8">
      <c r="H571857" s="12"/>
    </row>
    <row r="571858" spans="8:8">
      <c r="H571858" s="12"/>
    </row>
    <row r="571859" spans="8:8">
      <c r="H571859" s="12"/>
    </row>
    <row r="571860" spans="8:8">
      <c r="H571860" s="12"/>
    </row>
    <row r="571861" spans="8:8">
      <c r="H571861" s="12"/>
    </row>
    <row r="571862" spans="8:8">
      <c r="H571862" s="12"/>
    </row>
    <row r="571863" spans="8:8">
      <c r="H571863" s="12"/>
    </row>
    <row r="571864" spans="8:8">
      <c r="H571864" s="12"/>
    </row>
    <row r="571865" spans="8:8">
      <c r="H571865" s="12"/>
    </row>
    <row r="571866" spans="8:8">
      <c r="H571866" s="12"/>
    </row>
    <row r="571867" spans="8:8">
      <c r="H571867" s="12"/>
    </row>
    <row r="571868" spans="8:8">
      <c r="H571868" s="12"/>
    </row>
    <row r="571869" spans="8:8">
      <c r="H571869" s="12"/>
    </row>
    <row r="571870" spans="8:8">
      <c r="H571870" s="12"/>
    </row>
    <row r="571871" spans="8:8">
      <c r="H571871" s="12"/>
    </row>
    <row r="571872" spans="8:8">
      <c r="H571872" s="12"/>
    </row>
    <row r="571873" spans="8:8">
      <c r="H571873" s="12"/>
    </row>
    <row r="571874" spans="8:8">
      <c r="H571874" s="12"/>
    </row>
    <row r="571875" spans="8:8">
      <c r="H571875" s="12"/>
    </row>
    <row r="571876" spans="8:8">
      <c r="H571876" s="12"/>
    </row>
    <row r="571877" spans="8:8">
      <c r="H571877" s="12"/>
    </row>
    <row r="571878" spans="8:8">
      <c r="H571878" s="12"/>
    </row>
    <row r="571879" spans="8:8">
      <c r="H571879" s="12"/>
    </row>
    <row r="571880" spans="8:8">
      <c r="H571880" s="12"/>
    </row>
    <row r="571881" spans="8:8">
      <c r="H571881" s="12"/>
    </row>
    <row r="571882" spans="8:8">
      <c r="H571882" s="12"/>
    </row>
    <row r="571883" spans="8:8">
      <c r="H571883" s="12"/>
    </row>
    <row r="571884" spans="8:8">
      <c r="H571884" s="12"/>
    </row>
    <row r="571885" spans="8:8">
      <c r="H571885" s="12"/>
    </row>
    <row r="571886" spans="8:8">
      <c r="H571886" s="12"/>
    </row>
    <row r="571887" spans="8:8">
      <c r="H571887" s="12"/>
    </row>
    <row r="571888" spans="8:8">
      <c r="H571888" s="12"/>
    </row>
    <row r="571889" spans="8:8">
      <c r="H571889" s="12"/>
    </row>
    <row r="571890" spans="8:8">
      <c r="H571890" s="12"/>
    </row>
    <row r="571891" spans="8:8">
      <c r="H571891" s="12"/>
    </row>
    <row r="571892" spans="8:8">
      <c r="H571892" s="12"/>
    </row>
    <row r="571893" spans="8:8">
      <c r="H571893" s="12"/>
    </row>
    <row r="571894" spans="8:8">
      <c r="H571894" s="12"/>
    </row>
    <row r="571895" spans="8:8">
      <c r="H571895" s="12"/>
    </row>
    <row r="571896" spans="8:8">
      <c r="H571896" s="12"/>
    </row>
    <row r="571897" spans="8:8">
      <c r="H571897" s="12"/>
    </row>
    <row r="571898" spans="8:8">
      <c r="H571898" s="12"/>
    </row>
    <row r="571899" spans="8:8">
      <c r="H571899" s="12"/>
    </row>
    <row r="571900" spans="8:8">
      <c r="H571900" s="12"/>
    </row>
    <row r="571901" spans="8:8">
      <c r="H571901" s="12"/>
    </row>
    <row r="571902" spans="8:8">
      <c r="H571902" s="12"/>
    </row>
    <row r="571903" spans="8:8">
      <c r="H571903" s="12"/>
    </row>
    <row r="571904" spans="8:8">
      <c r="H571904" s="12"/>
    </row>
    <row r="571905" spans="8:8">
      <c r="H571905" s="12"/>
    </row>
    <row r="571906" spans="8:8">
      <c r="H571906" s="12"/>
    </row>
    <row r="571907" spans="8:8">
      <c r="H571907" s="12"/>
    </row>
    <row r="571908" spans="8:8">
      <c r="H571908" s="12"/>
    </row>
    <row r="571909" spans="8:8">
      <c r="H571909" s="12"/>
    </row>
    <row r="571910" spans="8:8">
      <c r="H571910" s="12"/>
    </row>
    <row r="571911" spans="8:8">
      <c r="H571911" s="12"/>
    </row>
    <row r="571912" spans="8:8">
      <c r="H571912" s="12"/>
    </row>
    <row r="571913" spans="8:8">
      <c r="H571913" s="12"/>
    </row>
    <row r="571914" spans="8:8">
      <c r="H571914" s="12"/>
    </row>
    <row r="571915" spans="8:8">
      <c r="H571915" s="12"/>
    </row>
    <row r="571916" spans="8:8">
      <c r="H571916" s="12"/>
    </row>
    <row r="571917" spans="8:8">
      <c r="H571917" s="12"/>
    </row>
    <row r="571918" spans="8:8">
      <c r="H571918" s="12"/>
    </row>
    <row r="571919" spans="8:8">
      <c r="H571919" s="12"/>
    </row>
    <row r="571920" spans="8:8">
      <c r="H571920" s="12"/>
    </row>
    <row r="571921" spans="8:8">
      <c r="H571921" s="12"/>
    </row>
    <row r="571922" spans="8:8">
      <c r="H571922" s="12"/>
    </row>
    <row r="571923" spans="8:8">
      <c r="H571923" s="12"/>
    </row>
    <row r="571924" spans="8:8">
      <c r="H571924" s="12"/>
    </row>
    <row r="571925" spans="8:8">
      <c r="H571925" s="12"/>
    </row>
    <row r="571926" spans="8:8">
      <c r="H571926" s="12"/>
    </row>
    <row r="571927" spans="8:8">
      <c r="H571927" s="12"/>
    </row>
    <row r="571928" spans="8:8">
      <c r="H571928" s="12"/>
    </row>
    <row r="571929" spans="8:8">
      <c r="H571929" s="12"/>
    </row>
    <row r="571930" spans="8:8">
      <c r="H571930" s="12"/>
    </row>
    <row r="571931" spans="8:8">
      <c r="H571931" s="12"/>
    </row>
    <row r="571932" spans="8:8">
      <c r="H571932" s="12"/>
    </row>
    <row r="571933" spans="8:8">
      <c r="H571933" s="12"/>
    </row>
    <row r="571934" spans="8:8">
      <c r="H571934" s="12"/>
    </row>
    <row r="571935" spans="8:8">
      <c r="H571935" s="12"/>
    </row>
    <row r="571936" spans="8:8">
      <c r="H571936" s="12"/>
    </row>
    <row r="571937" spans="8:8">
      <c r="H571937" s="12"/>
    </row>
    <row r="571938" spans="8:8">
      <c r="H571938" s="12"/>
    </row>
    <row r="571939" spans="8:8">
      <c r="H571939" s="12"/>
    </row>
    <row r="571940" spans="8:8">
      <c r="H571940" s="12"/>
    </row>
    <row r="571941" spans="8:8">
      <c r="H571941" s="12"/>
    </row>
    <row r="571942" spans="8:8">
      <c r="H571942" s="12"/>
    </row>
    <row r="571943" spans="8:8">
      <c r="H571943" s="12"/>
    </row>
    <row r="571944" spans="8:8">
      <c r="H571944" s="12"/>
    </row>
    <row r="571945" spans="8:8">
      <c r="H571945" s="12"/>
    </row>
    <row r="571946" spans="8:8">
      <c r="H571946" s="12"/>
    </row>
    <row r="571947" spans="8:8">
      <c r="H571947" s="12"/>
    </row>
    <row r="571948" spans="8:8">
      <c r="H571948" s="12"/>
    </row>
    <row r="571949" spans="8:8">
      <c r="H571949" s="12"/>
    </row>
    <row r="571950" spans="8:8">
      <c r="H571950" s="12"/>
    </row>
    <row r="571951" spans="8:8">
      <c r="H571951" s="12"/>
    </row>
    <row r="571952" spans="8:8">
      <c r="H571952" s="12"/>
    </row>
    <row r="571953" spans="8:8">
      <c r="H571953" s="12"/>
    </row>
    <row r="571954" spans="8:8">
      <c r="H571954" s="12"/>
    </row>
    <row r="571955" spans="8:8">
      <c r="H571955" s="12"/>
    </row>
    <row r="571956" spans="8:8">
      <c r="H571956" s="12"/>
    </row>
    <row r="571957" spans="8:8">
      <c r="H571957" s="12"/>
    </row>
    <row r="571958" spans="8:8">
      <c r="H571958" s="12"/>
    </row>
    <row r="571959" spans="8:8">
      <c r="H571959" s="12"/>
    </row>
    <row r="571960" spans="8:8">
      <c r="H571960" s="12"/>
    </row>
    <row r="571961" spans="8:8">
      <c r="H571961" s="12"/>
    </row>
    <row r="571962" spans="8:8">
      <c r="H571962" s="12"/>
    </row>
    <row r="571963" spans="8:8">
      <c r="H571963" s="12"/>
    </row>
    <row r="571964" spans="8:8">
      <c r="H571964" s="12"/>
    </row>
    <row r="571965" spans="8:8">
      <c r="H571965" s="12"/>
    </row>
    <row r="571966" spans="8:8">
      <c r="H571966" s="12"/>
    </row>
    <row r="571967" spans="8:8">
      <c r="H571967" s="12"/>
    </row>
    <row r="571968" spans="8:8">
      <c r="H571968" s="12"/>
    </row>
    <row r="571969" spans="8:8">
      <c r="H571969" s="12"/>
    </row>
    <row r="571970" spans="8:8">
      <c r="H571970" s="12"/>
    </row>
    <row r="571971" spans="8:8">
      <c r="H571971" s="12"/>
    </row>
    <row r="571972" spans="8:8">
      <c r="H571972" s="12"/>
    </row>
    <row r="571973" spans="8:8">
      <c r="H571973" s="12"/>
    </row>
    <row r="571974" spans="8:8">
      <c r="H571974" s="12"/>
    </row>
    <row r="571975" spans="8:8">
      <c r="H571975" s="12"/>
    </row>
    <row r="571976" spans="8:8">
      <c r="H571976" s="12"/>
    </row>
    <row r="571977" spans="8:8">
      <c r="H571977" s="12"/>
    </row>
    <row r="571978" spans="8:8">
      <c r="H571978" s="12"/>
    </row>
    <row r="571979" spans="8:8">
      <c r="H571979" s="12"/>
    </row>
    <row r="571980" spans="8:8">
      <c r="H571980" s="12"/>
    </row>
    <row r="571981" spans="8:8">
      <c r="H571981" s="12"/>
    </row>
    <row r="571982" spans="8:8">
      <c r="H571982" s="12"/>
    </row>
    <row r="571983" spans="8:8">
      <c r="H571983" s="12"/>
    </row>
    <row r="571984" spans="8:8">
      <c r="H571984" s="12"/>
    </row>
    <row r="571985" spans="8:8">
      <c r="H571985" s="12"/>
    </row>
    <row r="571986" spans="8:8">
      <c r="H571986" s="12"/>
    </row>
    <row r="571987" spans="8:8">
      <c r="H571987" s="12"/>
    </row>
    <row r="571988" spans="8:8">
      <c r="H571988" s="12"/>
    </row>
    <row r="571989" spans="8:8">
      <c r="H571989" s="12"/>
    </row>
    <row r="571990" spans="8:8">
      <c r="H571990" s="12"/>
    </row>
    <row r="571991" spans="8:8">
      <c r="H571991" s="12"/>
    </row>
    <row r="571992" spans="8:8">
      <c r="H571992" s="12"/>
    </row>
    <row r="571993" spans="8:8">
      <c r="H571993" s="12"/>
    </row>
    <row r="571994" spans="8:8">
      <c r="H571994" s="12"/>
    </row>
    <row r="571995" spans="8:8">
      <c r="H571995" s="12"/>
    </row>
    <row r="571996" spans="8:8">
      <c r="H571996" s="12"/>
    </row>
    <row r="571997" spans="8:8">
      <c r="H571997" s="12"/>
    </row>
    <row r="571998" spans="8:8">
      <c r="H571998" s="12"/>
    </row>
    <row r="571999" spans="8:8">
      <c r="H571999" s="12"/>
    </row>
    <row r="572000" spans="8:8">
      <c r="H572000" s="12"/>
    </row>
    <row r="572001" spans="8:8">
      <c r="H572001" s="12"/>
    </row>
    <row r="572002" spans="8:8">
      <c r="H572002" s="12"/>
    </row>
    <row r="572003" spans="8:8">
      <c r="H572003" s="12"/>
    </row>
    <row r="572004" spans="8:8">
      <c r="H572004" s="12"/>
    </row>
    <row r="572005" spans="8:8">
      <c r="H572005" s="12"/>
    </row>
    <row r="572006" spans="8:8">
      <c r="H572006" s="12"/>
    </row>
    <row r="572007" spans="8:8">
      <c r="H572007" s="12"/>
    </row>
    <row r="572008" spans="8:8">
      <c r="H572008" s="12"/>
    </row>
    <row r="572009" spans="8:8">
      <c r="H572009" s="12"/>
    </row>
    <row r="572010" spans="8:8">
      <c r="H572010" s="12"/>
    </row>
    <row r="572011" spans="8:8">
      <c r="H572011" s="12"/>
    </row>
    <row r="572012" spans="8:8">
      <c r="H572012" s="12"/>
    </row>
    <row r="572013" spans="8:8">
      <c r="H572013" s="12"/>
    </row>
    <row r="572014" spans="8:8">
      <c r="H572014" s="12"/>
    </row>
    <row r="572015" spans="8:8">
      <c r="H572015" s="12"/>
    </row>
    <row r="572016" spans="8:8">
      <c r="H572016" s="12"/>
    </row>
    <row r="572017" spans="8:8">
      <c r="H572017" s="12"/>
    </row>
    <row r="572018" spans="8:8">
      <c r="H572018" s="12"/>
    </row>
    <row r="572019" spans="8:8">
      <c r="H572019" s="12"/>
    </row>
    <row r="572020" spans="8:8">
      <c r="H572020" s="12"/>
    </row>
    <row r="572021" spans="8:8">
      <c r="H572021" s="12"/>
    </row>
    <row r="572022" spans="8:8">
      <c r="H572022" s="12"/>
    </row>
    <row r="572023" spans="8:8">
      <c r="H572023" s="12"/>
    </row>
    <row r="572024" spans="8:8">
      <c r="H572024" s="12"/>
    </row>
    <row r="572025" spans="8:8">
      <c r="H572025" s="12"/>
    </row>
    <row r="572026" spans="8:8">
      <c r="H572026" s="12"/>
    </row>
    <row r="572027" spans="8:8">
      <c r="H572027" s="12"/>
    </row>
    <row r="572028" spans="8:8">
      <c r="H572028" s="12"/>
    </row>
    <row r="572029" spans="8:8">
      <c r="H572029" s="12"/>
    </row>
    <row r="572030" spans="8:8">
      <c r="H572030" s="12"/>
    </row>
    <row r="572031" spans="8:8">
      <c r="H572031" s="12"/>
    </row>
    <row r="572032" spans="8:8">
      <c r="H572032" s="12"/>
    </row>
    <row r="572033" spans="8:8">
      <c r="H572033" s="12"/>
    </row>
    <row r="572034" spans="8:8">
      <c r="H572034" s="12"/>
    </row>
    <row r="572035" spans="8:8">
      <c r="H572035" s="12"/>
    </row>
    <row r="572036" spans="8:8">
      <c r="H572036" s="12"/>
    </row>
    <row r="572037" spans="8:8">
      <c r="H572037" s="12"/>
    </row>
    <row r="572038" spans="8:8">
      <c r="H572038" s="12"/>
    </row>
    <row r="572039" spans="8:8">
      <c r="H572039" s="12"/>
    </row>
    <row r="572040" spans="8:8">
      <c r="H572040" s="12"/>
    </row>
    <row r="572041" spans="8:8">
      <c r="H572041" s="12"/>
    </row>
    <row r="572042" spans="8:8">
      <c r="H572042" s="12"/>
    </row>
    <row r="572043" spans="8:8">
      <c r="H572043" s="12"/>
    </row>
    <row r="572044" spans="8:8">
      <c r="H572044" s="12"/>
    </row>
    <row r="572045" spans="8:8">
      <c r="H572045" s="12"/>
    </row>
    <row r="572046" spans="8:8">
      <c r="H572046" s="12"/>
    </row>
    <row r="572047" spans="8:8">
      <c r="H572047" s="12"/>
    </row>
    <row r="572048" spans="8:8">
      <c r="H572048" s="12"/>
    </row>
    <row r="572049" spans="8:8">
      <c r="H572049" s="12"/>
    </row>
    <row r="572050" spans="8:8">
      <c r="H572050" s="12"/>
    </row>
    <row r="572051" spans="8:8">
      <c r="H572051" s="12"/>
    </row>
    <row r="572052" spans="8:8">
      <c r="H572052" s="12"/>
    </row>
    <row r="572053" spans="8:8">
      <c r="H572053" s="12"/>
    </row>
    <row r="572054" spans="8:8">
      <c r="H572054" s="12"/>
    </row>
    <row r="572055" spans="8:8">
      <c r="H572055" s="12"/>
    </row>
    <row r="572056" spans="8:8">
      <c r="H572056" s="12"/>
    </row>
    <row r="572057" spans="8:8">
      <c r="H572057" s="12"/>
    </row>
    <row r="572058" spans="8:8">
      <c r="H572058" s="12"/>
    </row>
    <row r="572059" spans="8:8">
      <c r="H572059" s="12"/>
    </row>
    <row r="572060" spans="8:8">
      <c r="H572060" s="12"/>
    </row>
    <row r="572061" spans="8:8">
      <c r="H572061" s="12"/>
    </row>
    <row r="572062" spans="8:8">
      <c r="H572062" s="12"/>
    </row>
    <row r="572063" spans="8:8">
      <c r="H572063" s="12"/>
    </row>
    <row r="572064" spans="8:8">
      <c r="H572064" s="12"/>
    </row>
    <row r="572065" spans="8:8">
      <c r="H572065" s="12"/>
    </row>
    <row r="572066" spans="8:8">
      <c r="H572066" s="12"/>
    </row>
    <row r="572067" spans="8:8">
      <c r="H572067" s="12"/>
    </row>
    <row r="572068" spans="8:8">
      <c r="H572068" s="12"/>
    </row>
    <row r="572069" spans="8:8">
      <c r="H572069" s="12"/>
    </row>
    <row r="572070" spans="8:8">
      <c r="H572070" s="12"/>
    </row>
    <row r="572071" spans="8:8">
      <c r="H572071" s="12"/>
    </row>
    <row r="572072" spans="8:8">
      <c r="H572072" s="12"/>
    </row>
    <row r="572073" spans="8:8">
      <c r="H572073" s="12"/>
    </row>
    <row r="572074" spans="8:8">
      <c r="H572074" s="12"/>
    </row>
    <row r="572075" spans="8:8">
      <c r="H572075" s="12"/>
    </row>
    <row r="572076" spans="8:8">
      <c r="H572076" s="12"/>
    </row>
    <row r="572077" spans="8:8">
      <c r="H572077" s="12"/>
    </row>
    <row r="572078" spans="8:8">
      <c r="H572078" s="12"/>
    </row>
    <row r="572079" spans="8:8">
      <c r="H572079" s="12"/>
    </row>
    <row r="572080" spans="8:8">
      <c r="H572080" s="12"/>
    </row>
    <row r="572081" spans="8:8">
      <c r="H572081" s="12"/>
    </row>
    <row r="572082" spans="8:8">
      <c r="H572082" s="12"/>
    </row>
    <row r="572083" spans="8:8">
      <c r="H572083" s="12"/>
    </row>
    <row r="572084" spans="8:8">
      <c r="H572084" s="12"/>
    </row>
    <row r="572085" spans="8:8">
      <c r="H572085" s="12"/>
    </row>
    <row r="572086" spans="8:8">
      <c r="H572086" s="12"/>
    </row>
    <row r="572087" spans="8:8">
      <c r="H572087" s="12"/>
    </row>
    <row r="572088" spans="8:8">
      <c r="H572088" s="12"/>
    </row>
    <row r="572089" spans="8:8">
      <c r="H572089" s="12"/>
    </row>
    <row r="572090" spans="8:8">
      <c r="H572090" s="12"/>
    </row>
    <row r="572091" spans="8:8">
      <c r="H572091" s="12"/>
    </row>
    <row r="572092" spans="8:8">
      <c r="H572092" s="12"/>
    </row>
    <row r="572093" spans="8:8">
      <c r="H572093" s="12"/>
    </row>
    <row r="572094" spans="8:8">
      <c r="H572094" s="12"/>
    </row>
    <row r="572095" spans="8:8">
      <c r="H572095" s="12"/>
    </row>
    <row r="572096" spans="8:8">
      <c r="H572096" s="12"/>
    </row>
    <row r="572097" spans="8:8">
      <c r="H572097" s="12"/>
    </row>
    <row r="572098" spans="8:8">
      <c r="H572098" s="12"/>
    </row>
    <row r="572099" spans="8:8">
      <c r="H572099" s="12"/>
    </row>
    <row r="572100" spans="8:8">
      <c r="H572100" s="12"/>
    </row>
    <row r="572101" spans="8:8">
      <c r="H572101" s="12"/>
    </row>
    <row r="572102" spans="8:8">
      <c r="H572102" s="12"/>
    </row>
    <row r="572103" spans="8:8">
      <c r="H572103" s="12"/>
    </row>
    <row r="572104" spans="8:8">
      <c r="H572104" s="12"/>
    </row>
    <row r="572105" spans="8:8">
      <c r="H572105" s="12"/>
    </row>
    <row r="572106" spans="8:8">
      <c r="H572106" s="12"/>
    </row>
    <row r="572107" spans="8:8">
      <c r="H572107" s="12"/>
    </row>
    <row r="572108" spans="8:8">
      <c r="H572108" s="12"/>
    </row>
    <row r="572109" spans="8:8">
      <c r="H572109" s="12"/>
    </row>
    <row r="572110" spans="8:8">
      <c r="H572110" s="12"/>
    </row>
    <row r="572111" spans="8:8">
      <c r="H572111" s="12"/>
    </row>
    <row r="572112" spans="8:8">
      <c r="H572112" s="12"/>
    </row>
    <row r="572113" spans="8:8">
      <c r="H572113" s="12"/>
    </row>
    <row r="572114" spans="8:8">
      <c r="H572114" s="12"/>
    </row>
    <row r="572115" spans="8:8">
      <c r="H572115" s="12"/>
    </row>
    <row r="572116" spans="8:8">
      <c r="H572116" s="12"/>
    </row>
    <row r="572117" spans="8:8">
      <c r="H572117" s="12"/>
    </row>
    <row r="572118" spans="8:8">
      <c r="H572118" s="12"/>
    </row>
    <row r="572119" spans="8:8">
      <c r="H572119" s="12"/>
    </row>
    <row r="572120" spans="8:8">
      <c r="H572120" s="12"/>
    </row>
    <row r="572121" spans="8:8">
      <c r="H572121" s="12"/>
    </row>
    <row r="572122" spans="8:8">
      <c r="H572122" s="12"/>
    </row>
    <row r="572123" spans="8:8">
      <c r="H572123" s="12"/>
    </row>
    <row r="572124" spans="8:8">
      <c r="H572124" s="12"/>
    </row>
    <row r="572125" spans="8:8">
      <c r="H572125" s="12"/>
    </row>
    <row r="572126" spans="8:8">
      <c r="H572126" s="12"/>
    </row>
    <row r="572127" spans="8:8">
      <c r="H572127" s="12"/>
    </row>
    <row r="572128" spans="8:8">
      <c r="H572128" s="12"/>
    </row>
    <row r="572129" spans="8:8">
      <c r="H572129" s="12"/>
    </row>
    <row r="572130" spans="8:8">
      <c r="H572130" s="12"/>
    </row>
    <row r="572131" spans="8:8">
      <c r="H572131" s="12"/>
    </row>
    <row r="572132" spans="8:8">
      <c r="H572132" s="12"/>
    </row>
    <row r="572133" spans="8:8">
      <c r="H572133" s="12"/>
    </row>
    <row r="572134" spans="8:8">
      <c r="H572134" s="12"/>
    </row>
    <row r="572135" spans="8:8">
      <c r="H572135" s="12"/>
    </row>
    <row r="572136" spans="8:8">
      <c r="H572136" s="12"/>
    </row>
    <row r="572137" spans="8:8">
      <c r="H572137" s="12"/>
    </row>
    <row r="572138" spans="8:8">
      <c r="H572138" s="12"/>
    </row>
    <row r="572139" spans="8:8">
      <c r="H572139" s="12"/>
    </row>
    <row r="572140" spans="8:8">
      <c r="H572140" s="12"/>
    </row>
    <row r="572141" spans="8:8">
      <c r="H572141" s="12"/>
    </row>
    <row r="572142" spans="8:8">
      <c r="H572142" s="12"/>
    </row>
    <row r="572143" spans="8:8">
      <c r="H572143" s="12"/>
    </row>
    <row r="572144" spans="8:8">
      <c r="H572144" s="12"/>
    </row>
    <row r="572145" spans="8:8">
      <c r="H572145" s="12"/>
    </row>
    <row r="572146" spans="8:8">
      <c r="H572146" s="12"/>
    </row>
    <row r="572147" spans="8:8">
      <c r="H572147" s="12"/>
    </row>
    <row r="572148" spans="8:8">
      <c r="H572148" s="12"/>
    </row>
    <row r="572149" spans="8:8">
      <c r="H572149" s="12"/>
    </row>
    <row r="572150" spans="8:8">
      <c r="H572150" s="12"/>
    </row>
    <row r="572151" spans="8:8">
      <c r="H572151" s="12"/>
    </row>
    <row r="572152" spans="8:8">
      <c r="H572152" s="12"/>
    </row>
    <row r="572153" spans="8:8">
      <c r="H572153" s="12"/>
    </row>
    <row r="572154" spans="8:8">
      <c r="H572154" s="12"/>
    </row>
    <row r="572155" spans="8:8">
      <c r="H572155" s="12"/>
    </row>
    <row r="572156" spans="8:8">
      <c r="H572156" s="12"/>
    </row>
    <row r="572157" spans="8:8">
      <c r="H572157" s="12"/>
    </row>
    <row r="572158" spans="8:8">
      <c r="H572158" s="12"/>
    </row>
    <row r="572159" spans="8:8">
      <c r="H572159" s="12"/>
    </row>
    <row r="572160" spans="8:8">
      <c r="H572160" s="12"/>
    </row>
    <row r="572161" spans="8:8">
      <c r="H572161" s="12"/>
    </row>
    <row r="572162" spans="8:8">
      <c r="H572162" s="12"/>
    </row>
    <row r="572163" spans="8:8">
      <c r="H572163" s="12"/>
    </row>
    <row r="572164" spans="8:8">
      <c r="H572164" s="12"/>
    </row>
    <row r="572165" spans="8:8">
      <c r="H572165" s="12"/>
    </row>
    <row r="572166" spans="8:8">
      <c r="H572166" s="12"/>
    </row>
    <row r="572167" spans="8:8">
      <c r="H572167" s="12"/>
    </row>
    <row r="572168" spans="8:8">
      <c r="H572168" s="12"/>
    </row>
    <row r="572169" spans="8:8">
      <c r="H572169" s="12"/>
    </row>
    <row r="572170" spans="8:8">
      <c r="H572170" s="12"/>
    </row>
    <row r="572171" spans="8:8">
      <c r="H572171" s="12"/>
    </row>
    <row r="572172" spans="8:8">
      <c r="H572172" s="12"/>
    </row>
    <row r="572173" spans="8:8">
      <c r="H572173" s="12"/>
    </row>
    <row r="572174" spans="8:8">
      <c r="H572174" s="12"/>
    </row>
    <row r="572175" spans="8:8">
      <c r="H572175" s="12"/>
    </row>
    <row r="572176" spans="8:8">
      <c r="H572176" s="12"/>
    </row>
    <row r="572177" spans="8:8">
      <c r="H572177" s="12"/>
    </row>
    <row r="572178" spans="8:8">
      <c r="H572178" s="12"/>
    </row>
    <row r="572179" spans="8:8">
      <c r="H572179" s="12"/>
    </row>
    <row r="572180" spans="8:8">
      <c r="H572180" s="12"/>
    </row>
    <row r="572181" spans="8:8">
      <c r="H572181" s="12"/>
    </row>
    <row r="572182" spans="8:8">
      <c r="H572182" s="12"/>
    </row>
    <row r="572183" spans="8:8">
      <c r="H572183" s="12"/>
    </row>
    <row r="572184" spans="8:8">
      <c r="H572184" s="12"/>
    </row>
    <row r="572185" spans="8:8">
      <c r="H572185" s="12"/>
    </row>
    <row r="572186" spans="8:8">
      <c r="H572186" s="12"/>
    </row>
    <row r="572187" spans="8:8">
      <c r="H572187" s="12"/>
    </row>
    <row r="572188" spans="8:8">
      <c r="H572188" s="12"/>
    </row>
    <row r="572189" spans="8:8">
      <c r="H572189" s="12"/>
    </row>
    <row r="572190" spans="8:8">
      <c r="H572190" s="12"/>
    </row>
    <row r="572191" spans="8:8">
      <c r="H572191" s="12"/>
    </row>
    <row r="572192" spans="8:8">
      <c r="H572192" s="12"/>
    </row>
    <row r="572193" spans="8:8">
      <c r="H572193" s="12"/>
    </row>
    <row r="572194" spans="8:8">
      <c r="H572194" s="12"/>
    </row>
    <row r="572195" spans="8:8">
      <c r="H572195" s="12"/>
    </row>
    <row r="572196" spans="8:8">
      <c r="H572196" s="12"/>
    </row>
    <row r="572197" spans="8:8">
      <c r="H572197" s="12"/>
    </row>
    <row r="572198" spans="8:8">
      <c r="H572198" s="12"/>
    </row>
    <row r="572199" spans="8:8">
      <c r="H572199" s="12"/>
    </row>
    <row r="572200" spans="8:8">
      <c r="H572200" s="12"/>
    </row>
    <row r="572201" spans="8:8">
      <c r="H572201" s="12"/>
    </row>
    <row r="572202" spans="8:8">
      <c r="H572202" s="12"/>
    </row>
    <row r="572203" spans="8:8">
      <c r="H572203" s="12"/>
    </row>
    <row r="572204" spans="8:8">
      <c r="H572204" s="12"/>
    </row>
    <row r="572205" spans="8:8">
      <c r="H572205" s="12"/>
    </row>
    <row r="572206" spans="8:8">
      <c r="H572206" s="12"/>
    </row>
    <row r="572207" spans="8:8">
      <c r="H572207" s="12"/>
    </row>
    <row r="572208" spans="8:8">
      <c r="H572208" s="12"/>
    </row>
    <row r="572209" spans="8:8">
      <c r="H572209" s="12"/>
    </row>
    <row r="572210" spans="8:8">
      <c r="H572210" s="12"/>
    </row>
    <row r="572211" spans="8:8">
      <c r="H572211" s="12"/>
    </row>
    <row r="572212" spans="8:8">
      <c r="H572212" s="12"/>
    </row>
    <row r="572213" spans="8:8">
      <c r="H572213" s="12"/>
    </row>
    <row r="572214" spans="8:8">
      <c r="H572214" s="12"/>
    </row>
    <row r="572215" spans="8:8">
      <c r="H572215" s="12"/>
    </row>
    <row r="572216" spans="8:8">
      <c r="H572216" s="12"/>
    </row>
    <row r="572217" spans="8:8">
      <c r="H572217" s="12"/>
    </row>
    <row r="572218" spans="8:8">
      <c r="H572218" s="12"/>
    </row>
    <row r="572219" spans="8:8">
      <c r="H572219" s="12"/>
    </row>
    <row r="572220" spans="8:8">
      <c r="H572220" s="12"/>
    </row>
    <row r="572221" spans="8:8">
      <c r="H572221" s="12"/>
    </row>
    <row r="572222" spans="8:8">
      <c r="H572222" s="12"/>
    </row>
    <row r="572223" spans="8:8">
      <c r="H572223" s="12"/>
    </row>
    <row r="572224" spans="8:8">
      <c r="H572224" s="12"/>
    </row>
    <row r="572225" spans="8:8">
      <c r="H572225" s="12"/>
    </row>
    <row r="572226" spans="8:8">
      <c r="H572226" s="12"/>
    </row>
    <row r="572227" spans="8:8">
      <c r="H572227" s="12"/>
    </row>
    <row r="572228" spans="8:8">
      <c r="H572228" s="12"/>
    </row>
    <row r="572229" spans="8:8">
      <c r="H572229" s="12"/>
    </row>
    <row r="572230" spans="8:8">
      <c r="H572230" s="12"/>
    </row>
    <row r="572231" spans="8:8">
      <c r="H572231" s="12"/>
    </row>
    <row r="572232" spans="8:8">
      <c r="H572232" s="12"/>
    </row>
    <row r="572233" spans="8:8">
      <c r="H572233" s="12"/>
    </row>
    <row r="572234" spans="8:8">
      <c r="H572234" s="12"/>
    </row>
    <row r="572235" spans="8:8">
      <c r="H572235" s="12"/>
    </row>
    <row r="572236" spans="8:8">
      <c r="H572236" s="12"/>
    </row>
    <row r="572237" spans="8:8">
      <c r="H572237" s="12"/>
    </row>
    <row r="572238" spans="8:8">
      <c r="H572238" s="12"/>
    </row>
    <row r="572239" spans="8:8">
      <c r="H572239" s="12"/>
    </row>
    <row r="572240" spans="8:8">
      <c r="H572240" s="12"/>
    </row>
    <row r="572241" spans="8:8">
      <c r="H572241" s="12"/>
    </row>
    <row r="572242" spans="8:8">
      <c r="H572242" s="12"/>
    </row>
    <row r="572243" spans="8:8">
      <c r="H572243" s="12"/>
    </row>
    <row r="572244" spans="8:8">
      <c r="H572244" s="12"/>
    </row>
    <row r="572245" spans="8:8">
      <c r="H572245" s="12"/>
    </row>
    <row r="572246" spans="8:8">
      <c r="H572246" s="12"/>
    </row>
    <row r="572247" spans="8:8">
      <c r="H572247" s="12"/>
    </row>
    <row r="572248" spans="8:8">
      <c r="H572248" s="12"/>
    </row>
    <row r="572249" spans="8:8">
      <c r="H572249" s="12"/>
    </row>
    <row r="572250" spans="8:8">
      <c r="H572250" s="12"/>
    </row>
    <row r="572251" spans="8:8">
      <c r="H572251" s="12"/>
    </row>
    <row r="572252" spans="8:8">
      <c r="H572252" s="12"/>
    </row>
    <row r="572253" spans="8:8">
      <c r="H572253" s="12"/>
    </row>
    <row r="572254" spans="8:8">
      <c r="H572254" s="12"/>
    </row>
    <row r="572255" spans="8:8">
      <c r="H572255" s="12"/>
    </row>
    <row r="572256" spans="8:8">
      <c r="H572256" s="12"/>
    </row>
    <row r="572257" spans="8:8">
      <c r="H572257" s="12"/>
    </row>
    <row r="572258" spans="8:8">
      <c r="H572258" s="12"/>
    </row>
    <row r="572259" spans="8:8">
      <c r="H572259" s="12"/>
    </row>
    <row r="572260" spans="8:8">
      <c r="H572260" s="12"/>
    </row>
    <row r="572261" spans="8:8">
      <c r="H572261" s="12"/>
    </row>
    <row r="572262" spans="8:8">
      <c r="H572262" s="12"/>
    </row>
    <row r="572263" spans="8:8">
      <c r="H572263" s="12"/>
    </row>
    <row r="572264" spans="8:8">
      <c r="H572264" s="12"/>
    </row>
    <row r="572265" spans="8:8">
      <c r="H572265" s="12"/>
    </row>
    <row r="572266" spans="8:8">
      <c r="H572266" s="12"/>
    </row>
    <row r="572267" spans="8:8">
      <c r="H572267" s="12"/>
    </row>
    <row r="572268" spans="8:8">
      <c r="H572268" s="12"/>
    </row>
    <row r="572269" spans="8:8">
      <c r="H572269" s="12"/>
    </row>
    <row r="572270" spans="8:8">
      <c r="H572270" s="12"/>
    </row>
    <row r="572271" spans="8:8">
      <c r="H572271" s="12"/>
    </row>
    <row r="572272" spans="8:8">
      <c r="H572272" s="12"/>
    </row>
    <row r="572273" spans="8:8">
      <c r="H572273" s="12"/>
    </row>
    <row r="572274" spans="8:8">
      <c r="H572274" s="12"/>
    </row>
    <row r="572275" spans="8:8">
      <c r="H572275" s="12"/>
    </row>
    <row r="572276" spans="8:8">
      <c r="H572276" s="12"/>
    </row>
    <row r="572277" spans="8:8">
      <c r="H572277" s="12"/>
    </row>
    <row r="572278" spans="8:8">
      <c r="H572278" s="12"/>
    </row>
    <row r="572279" spans="8:8">
      <c r="H572279" s="12"/>
    </row>
    <row r="572280" spans="8:8">
      <c r="H572280" s="12"/>
    </row>
    <row r="572281" spans="8:8">
      <c r="H572281" s="12"/>
    </row>
    <row r="572282" spans="8:8">
      <c r="H572282" s="12"/>
    </row>
    <row r="572283" spans="8:8">
      <c r="H572283" s="12"/>
    </row>
    <row r="572284" spans="8:8">
      <c r="H572284" s="12"/>
    </row>
    <row r="572285" spans="8:8">
      <c r="H572285" s="12"/>
    </row>
    <row r="572286" spans="8:8">
      <c r="H572286" s="12"/>
    </row>
    <row r="572287" spans="8:8">
      <c r="H572287" s="12"/>
    </row>
    <row r="572288" spans="8:8">
      <c r="H572288" s="12"/>
    </row>
    <row r="572289" spans="8:8">
      <c r="H572289" s="12"/>
    </row>
    <row r="572290" spans="8:8">
      <c r="H572290" s="12"/>
    </row>
    <row r="572291" spans="8:8">
      <c r="H572291" s="12"/>
    </row>
    <row r="572292" spans="8:8">
      <c r="H572292" s="12"/>
    </row>
    <row r="572293" spans="8:8">
      <c r="H572293" s="12"/>
    </row>
    <row r="572294" spans="8:8">
      <c r="H572294" s="12"/>
    </row>
    <row r="572295" spans="8:8">
      <c r="H572295" s="12"/>
    </row>
    <row r="572296" spans="8:8">
      <c r="H572296" s="12"/>
    </row>
    <row r="572297" spans="8:8">
      <c r="H572297" s="12"/>
    </row>
    <row r="572298" spans="8:8">
      <c r="H572298" s="12"/>
    </row>
    <row r="572299" spans="8:8">
      <c r="H572299" s="12"/>
    </row>
    <row r="572300" spans="8:8">
      <c r="H572300" s="12"/>
    </row>
    <row r="572301" spans="8:8">
      <c r="H572301" s="12"/>
    </row>
    <row r="572302" spans="8:8">
      <c r="H572302" s="12"/>
    </row>
    <row r="572303" spans="8:8">
      <c r="H572303" s="12"/>
    </row>
    <row r="572304" spans="8:8">
      <c r="H572304" s="12"/>
    </row>
    <row r="572305" spans="8:8">
      <c r="H572305" s="12"/>
    </row>
    <row r="572306" spans="8:8">
      <c r="H572306" s="12"/>
    </row>
    <row r="572307" spans="8:8">
      <c r="H572307" s="12"/>
    </row>
    <row r="572308" spans="8:8">
      <c r="H572308" s="12"/>
    </row>
    <row r="572309" spans="8:8">
      <c r="H572309" s="12"/>
    </row>
    <row r="572310" spans="8:8">
      <c r="H572310" s="12"/>
    </row>
    <row r="572311" spans="8:8">
      <c r="H572311" s="12"/>
    </row>
    <row r="572312" spans="8:8">
      <c r="H572312" s="12"/>
    </row>
    <row r="572313" spans="8:8">
      <c r="H572313" s="12"/>
    </row>
    <row r="572314" spans="8:8">
      <c r="H572314" s="12"/>
    </row>
    <row r="572315" spans="8:8">
      <c r="H572315" s="12"/>
    </row>
    <row r="572316" spans="8:8">
      <c r="H572316" s="12"/>
    </row>
    <row r="572317" spans="8:8">
      <c r="H572317" s="12"/>
    </row>
    <row r="572318" spans="8:8">
      <c r="H572318" s="12"/>
    </row>
    <row r="572319" spans="8:8">
      <c r="H572319" s="12"/>
    </row>
    <row r="572320" spans="8:8">
      <c r="H572320" s="12"/>
    </row>
    <row r="572321" spans="8:8">
      <c r="H572321" s="12"/>
    </row>
    <row r="572322" spans="8:8">
      <c r="H572322" s="12"/>
    </row>
    <row r="572323" spans="8:8">
      <c r="H572323" s="12"/>
    </row>
    <row r="572324" spans="8:8">
      <c r="H572324" s="12"/>
    </row>
    <row r="572325" spans="8:8">
      <c r="H572325" s="12"/>
    </row>
    <row r="572326" spans="8:8">
      <c r="H572326" s="12"/>
    </row>
    <row r="572327" spans="8:8">
      <c r="H572327" s="12"/>
    </row>
    <row r="572328" spans="8:8">
      <c r="H572328" s="12"/>
    </row>
    <row r="572329" spans="8:8">
      <c r="H572329" s="12"/>
    </row>
    <row r="572330" spans="8:8">
      <c r="H572330" s="12"/>
    </row>
    <row r="572331" spans="8:8">
      <c r="H572331" s="12"/>
    </row>
    <row r="572332" spans="8:8">
      <c r="H572332" s="12"/>
    </row>
    <row r="572333" spans="8:8">
      <c r="H572333" s="12"/>
    </row>
    <row r="572334" spans="8:8">
      <c r="H572334" s="12"/>
    </row>
    <row r="572335" spans="8:8">
      <c r="H572335" s="12"/>
    </row>
    <row r="572336" spans="8:8">
      <c r="H572336" s="12"/>
    </row>
    <row r="572337" spans="8:8">
      <c r="H572337" s="12"/>
    </row>
    <row r="572338" spans="8:8">
      <c r="H572338" s="12"/>
    </row>
    <row r="572339" spans="8:8">
      <c r="H572339" s="12"/>
    </row>
    <row r="572340" spans="8:8">
      <c r="H572340" s="12"/>
    </row>
    <row r="572341" spans="8:8">
      <c r="H572341" s="12"/>
    </row>
    <row r="572342" spans="8:8">
      <c r="H572342" s="12"/>
    </row>
    <row r="572343" spans="8:8">
      <c r="H572343" s="12"/>
    </row>
    <row r="572344" spans="8:8">
      <c r="H572344" s="12"/>
    </row>
    <row r="572345" spans="8:8">
      <c r="H572345" s="12"/>
    </row>
    <row r="572346" spans="8:8">
      <c r="H572346" s="12"/>
    </row>
    <row r="572347" spans="8:8">
      <c r="H572347" s="12"/>
    </row>
    <row r="572348" spans="8:8">
      <c r="H572348" s="12"/>
    </row>
    <row r="572349" spans="8:8">
      <c r="H572349" s="12"/>
    </row>
    <row r="572350" spans="8:8">
      <c r="H572350" s="12"/>
    </row>
    <row r="572351" spans="8:8">
      <c r="H572351" s="12"/>
    </row>
    <row r="572352" spans="8:8">
      <c r="H572352" s="12"/>
    </row>
    <row r="572353" spans="8:8">
      <c r="H572353" s="12"/>
    </row>
    <row r="572354" spans="8:8">
      <c r="H572354" s="12"/>
    </row>
    <row r="572355" spans="8:8">
      <c r="H572355" s="12"/>
    </row>
    <row r="572356" spans="8:8">
      <c r="H572356" s="12"/>
    </row>
    <row r="572357" spans="8:8">
      <c r="H572357" s="12"/>
    </row>
    <row r="572358" spans="8:8">
      <c r="H572358" s="12"/>
    </row>
    <row r="572359" spans="8:8">
      <c r="H572359" s="12"/>
    </row>
    <row r="572360" spans="8:8">
      <c r="H572360" s="12"/>
    </row>
    <row r="572361" spans="8:8">
      <c r="H572361" s="12"/>
    </row>
    <row r="572362" spans="8:8">
      <c r="H572362" s="12"/>
    </row>
    <row r="572363" spans="8:8">
      <c r="H572363" s="12"/>
    </row>
    <row r="572364" spans="8:8">
      <c r="H572364" s="12"/>
    </row>
    <row r="572365" spans="8:8">
      <c r="H572365" s="12"/>
    </row>
    <row r="572366" spans="8:8">
      <c r="H572366" s="12"/>
    </row>
    <row r="572367" spans="8:8">
      <c r="H572367" s="12"/>
    </row>
    <row r="572368" spans="8:8">
      <c r="H572368" s="12"/>
    </row>
    <row r="572369" spans="8:8">
      <c r="H572369" s="12"/>
    </row>
    <row r="572370" spans="8:8">
      <c r="H572370" s="12"/>
    </row>
    <row r="572371" spans="8:8">
      <c r="H572371" s="12"/>
    </row>
    <row r="572372" spans="8:8">
      <c r="H572372" s="12"/>
    </row>
    <row r="572373" spans="8:8">
      <c r="H572373" s="12"/>
    </row>
    <row r="572374" spans="8:8">
      <c r="H572374" s="12"/>
    </row>
    <row r="572375" spans="8:8">
      <c r="H572375" s="12"/>
    </row>
    <row r="572376" spans="8:8">
      <c r="H572376" s="12"/>
    </row>
    <row r="572377" spans="8:8">
      <c r="H572377" s="12"/>
    </row>
    <row r="572378" spans="8:8">
      <c r="H572378" s="12"/>
    </row>
    <row r="572379" spans="8:8">
      <c r="H572379" s="12"/>
    </row>
    <row r="572380" spans="8:8">
      <c r="H572380" s="12"/>
    </row>
    <row r="572381" spans="8:8">
      <c r="H572381" s="12"/>
    </row>
    <row r="572382" spans="8:8">
      <c r="H572382" s="12"/>
    </row>
    <row r="572383" spans="8:8">
      <c r="H572383" s="12"/>
    </row>
    <row r="572384" spans="8:8">
      <c r="H572384" s="12"/>
    </row>
    <row r="572385" spans="8:8">
      <c r="H572385" s="12"/>
    </row>
    <row r="572386" spans="8:8">
      <c r="H572386" s="12"/>
    </row>
    <row r="572387" spans="8:8">
      <c r="H572387" s="12"/>
    </row>
    <row r="572388" spans="8:8">
      <c r="H572388" s="12"/>
    </row>
    <row r="572389" spans="8:8">
      <c r="H572389" s="12"/>
    </row>
    <row r="572390" spans="8:8">
      <c r="H572390" s="12"/>
    </row>
    <row r="572391" spans="8:8">
      <c r="H572391" s="12"/>
    </row>
    <row r="572392" spans="8:8">
      <c r="H572392" s="12"/>
    </row>
    <row r="572393" spans="8:8">
      <c r="H572393" s="12"/>
    </row>
    <row r="572394" spans="8:8">
      <c r="H572394" s="12"/>
    </row>
    <row r="572395" spans="8:8">
      <c r="H572395" s="12"/>
    </row>
    <row r="572396" spans="8:8">
      <c r="H572396" s="12"/>
    </row>
    <row r="572397" spans="8:8">
      <c r="H572397" s="12"/>
    </row>
    <row r="572398" spans="8:8">
      <c r="H572398" s="12"/>
    </row>
    <row r="572399" spans="8:8">
      <c r="H572399" s="12"/>
    </row>
    <row r="572400" spans="8:8">
      <c r="H572400" s="12"/>
    </row>
    <row r="572401" spans="8:8">
      <c r="H572401" s="12"/>
    </row>
    <row r="572402" spans="8:8">
      <c r="H572402" s="12"/>
    </row>
    <row r="572403" spans="8:8">
      <c r="H572403" s="12"/>
    </row>
    <row r="572404" spans="8:8">
      <c r="H572404" s="12"/>
    </row>
    <row r="572405" spans="8:8">
      <c r="H572405" s="12"/>
    </row>
    <row r="572406" spans="8:8">
      <c r="H572406" s="12"/>
    </row>
    <row r="572407" spans="8:8">
      <c r="H572407" s="12"/>
    </row>
    <row r="572408" spans="8:8">
      <c r="H572408" s="12"/>
    </row>
    <row r="572409" spans="8:8">
      <c r="H572409" s="12"/>
    </row>
    <row r="572410" spans="8:8">
      <c r="H572410" s="12"/>
    </row>
    <row r="572411" spans="8:8">
      <c r="H572411" s="12"/>
    </row>
    <row r="572412" spans="8:8">
      <c r="H572412" s="12"/>
    </row>
    <row r="572413" spans="8:8">
      <c r="H572413" s="12"/>
    </row>
    <row r="572414" spans="8:8">
      <c r="H572414" s="12"/>
    </row>
    <row r="572415" spans="8:8">
      <c r="H572415" s="12"/>
    </row>
    <row r="572416" spans="8:8">
      <c r="H572416" s="12"/>
    </row>
    <row r="572417" spans="8:8">
      <c r="H572417" s="12"/>
    </row>
    <row r="572418" spans="8:8">
      <c r="H572418" s="12"/>
    </row>
    <row r="572419" spans="8:8">
      <c r="H572419" s="12"/>
    </row>
    <row r="572420" spans="8:8">
      <c r="H572420" s="12"/>
    </row>
    <row r="572421" spans="8:8">
      <c r="H572421" s="12"/>
    </row>
    <row r="572422" spans="8:8">
      <c r="H572422" s="12"/>
    </row>
    <row r="572423" spans="8:8">
      <c r="H572423" s="12"/>
    </row>
    <row r="572424" spans="8:8">
      <c r="H572424" s="12"/>
    </row>
    <row r="572425" spans="8:8">
      <c r="H572425" s="12"/>
    </row>
    <row r="572426" spans="8:8">
      <c r="H572426" s="12"/>
    </row>
    <row r="572427" spans="8:8">
      <c r="H572427" s="12"/>
    </row>
    <row r="572428" spans="8:8">
      <c r="H572428" s="12"/>
    </row>
    <row r="572429" spans="8:8">
      <c r="H572429" s="12"/>
    </row>
    <row r="572430" spans="8:8">
      <c r="H572430" s="12"/>
    </row>
    <row r="572431" spans="8:8">
      <c r="H572431" s="12"/>
    </row>
    <row r="572432" spans="8:8">
      <c r="H572432" s="12"/>
    </row>
    <row r="572433" spans="8:8">
      <c r="H572433" s="12"/>
    </row>
    <row r="572434" spans="8:8">
      <c r="H572434" s="12"/>
    </row>
    <row r="572435" spans="8:8">
      <c r="H572435" s="12"/>
    </row>
    <row r="572436" spans="8:8">
      <c r="H572436" s="12"/>
    </row>
    <row r="572437" spans="8:8">
      <c r="H572437" s="12"/>
    </row>
    <row r="572438" spans="8:8">
      <c r="H572438" s="12"/>
    </row>
    <row r="572439" spans="8:8">
      <c r="H572439" s="12"/>
    </row>
    <row r="572440" spans="8:8">
      <c r="H572440" s="12"/>
    </row>
    <row r="572441" spans="8:8">
      <c r="H572441" s="12"/>
    </row>
    <row r="572442" spans="8:8">
      <c r="H572442" s="12"/>
    </row>
    <row r="572443" spans="8:8">
      <c r="H572443" s="12"/>
    </row>
    <row r="572444" spans="8:8">
      <c r="H572444" s="12"/>
    </row>
    <row r="572445" spans="8:8">
      <c r="H572445" s="12"/>
    </row>
    <row r="572446" spans="8:8">
      <c r="H572446" s="12"/>
    </row>
    <row r="572447" spans="8:8">
      <c r="H572447" s="12"/>
    </row>
    <row r="572448" spans="8:8">
      <c r="H572448" s="12"/>
    </row>
    <row r="572449" spans="8:8">
      <c r="H572449" s="12"/>
    </row>
    <row r="572450" spans="8:8">
      <c r="H572450" s="12"/>
    </row>
    <row r="572451" spans="8:8">
      <c r="H572451" s="12"/>
    </row>
    <row r="572452" spans="8:8">
      <c r="H572452" s="12"/>
    </row>
    <row r="572453" spans="8:8">
      <c r="H572453" s="12"/>
    </row>
    <row r="572454" spans="8:8">
      <c r="H572454" s="12"/>
    </row>
    <row r="572455" spans="8:8">
      <c r="H572455" s="12"/>
    </row>
    <row r="572456" spans="8:8">
      <c r="H572456" s="12"/>
    </row>
    <row r="572457" spans="8:8">
      <c r="H572457" s="12"/>
    </row>
    <row r="572458" spans="8:8">
      <c r="H572458" s="12"/>
    </row>
    <row r="572459" spans="8:8">
      <c r="H572459" s="12"/>
    </row>
    <row r="572460" spans="8:8">
      <c r="H572460" s="12"/>
    </row>
    <row r="572461" spans="8:8">
      <c r="H572461" s="12"/>
    </row>
    <row r="572462" spans="8:8">
      <c r="H572462" s="12"/>
    </row>
    <row r="572463" spans="8:8">
      <c r="H572463" s="12"/>
    </row>
    <row r="572464" spans="8:8">
      <c r="H572464" s="12"/>
    </row>
    <row r="572465" spans="8:8">
      <c r="H572465" s="12"/>
    </row>
    <row r="572466" spans="8:8">
      <c r="H572466" s="12"/>
    </row>
    <row r="572467" spans="8:8">
      <c r="H572467" s="12"/>
    </row>
    <row r="572468" spans="8:8">
      <c r="H572468" s="12"/>
    </row>
    <row r="572469" spans="8:8">
      <c r="H572469" s="12"/>
    </row>
    <row r="572470" spans="8:8">
      <c r="H572470" s="12"/>
    </row>
    <row r="572471" spans="8:8">
      <c r="H572471" s="12"/>
    </row>
    <row r="572472" spans="8:8">
      <c r="H572472" s="12"/>
    </row>
    <row r="572473" spans="8:8">
      <c r="H572473" s="12"/>
    </row>
    <row r="572474" spans="8:8">
      <c r="H572474" s="12"/>
    </row>
    <row r="572475" spans="8:8">
      <c r="H572475" s="12"/>
    </row>
    <row r="572476" spans="8:8">
      <c r="H572476" s="12"/>
    </row>
    <row r="572477" spans="8:8">
      <c r="H572477" s="12"/>
    </row>
    <row r="572478" spans="8:8">
      <c r="H572478" s="12"/>
    </row>
    <row r="572479" spans="8:8">
      <c r="H572479" s="12"/>
    </row>
    <row r="572480" spans="8:8">
      <c r="H572480" s="12"/>
    </row>
    <row r="572481" spans="8:8">
      <c r="H572481" s="12"/>
    </row>
    <row r="572482" spans="8:8">
      <c r="H572482" s="12"/>
    </row>
    <row r="572483" spans="8:8">
      <c r="H572483" s="12"/>
    </row>
    <row r="572484" spans="8:8">
      <c r="H572484" s="12"/>
    </row>
    <row r="572485" spans="8:8">
      <c r="H572485" s="12"/>
    </row>
    <row r="572486" spans="8:8">
      <c r="H572486" s="12"/>
    </row>
    <row r="572487" spans="8:8">
      <c r="H572487" s="12"/>
    </row>
    <row r="572488" spans="8:8">
      <c r="H572488" s="12"/>
    </row>
    <row r="572489" spans="8:8">
      <c r="H572489" s="12"/>
    </row>
    <row r="572490" spans="8:8">
      <c r="H572490" s="12"/>
    </row>
    <row r="572491" spans="8:8">
      <c r="H572491" s="12"/>
    </row>
    <row r="572492" spans="8:8">
      <c r="H572492" s="12"/>
    </row>
    <row r="572493" spans="8:8">
      <c r="H572493" s="12"/>
    </row>
    <row r="572494" spans="8:8">
      <c r="H572494" s="12"/>
    </row>
    <row r="572495" spans="8:8">
      <c r="H572495" s="12"/>
    </row>
    <row r="572496" spans="8:8">
      <c r="H572496" s="12"/>
    </row>
    <row r="572497" spans="8:8">
      <c r="H572497" s="12"/>
    </row>
    <row r="572498" spans="8:8">
      <c r="H572498" s="12"/>
    </row>
    <row r="572499" spans="8:8">
      <c r="H572499" s="12"/>
    </row>
    <row r="572500" spans="8:8">
      <c r="H572500" s="12"/>
    </row>
    <row r="572501" spans="8:8">
      <c r="H572501" s="12"/>
    </row>
    <row r="572502" spans="8:8">
      <c r="H572502" s="12"/>
    </row>
    <row r="572503" spans="8:8">
      <c r="H572503" s="12"/>
    </row>
    <row r="572504" spans="8:8">
      <c r="H572504" s="12"/>
    </row>
    <row r="572505" spans="8:8">
      <c r="H572505" s="12"/>
    </row>
    <row r="572506" spans="8:8">
      <c r="H572506" s="12"/>
    </row>
    <row r="572507" spans="8:8">
      <c r="H572507" s="12"/>
    </row>
    <row r="572508" spans="8:8">
      <c r="H572508" s="12"/>
    </row>
    <row r="572509" spans="8:8">
      <c r="H572509" s="12"/>
    </row>
    <row r="572510" spans="8:8">
      <c r="H572510" s="12"/>
    </row>
    <row r="572511" spans="8:8">
      <c r="H572511" s="12"/>
    </row>
    <row r="572512" spans="8:8">
      <c r="H572512" s="12"/>
    </row>
    <row r="572513" spans="8:8">
      <c r="H572513" s="12"/>
    </row>
    <row r="572514" spans="8:8">
      <c r="H572514" s="12"/>
    </row>
    <row r="572515" spans="8:8">
      <c r="H572515" s="12"/>
    </row>
    <row r="572516" spans="8:8">
      <c r="H572516" s="12"/>
    </row>
    <row r="572517" spans="8:8">
      <c r="H572517" s="12"/>
    </row>
    <row r="572518" spans="8:8">
      <c r="H572518" s="12"/>
    </row>
    <row r="572519" spans="8:8">
      <c r="H572519" s="12"/>
    </row>
    <row r="572520" spans="8:8">
      <c r="H572520" s="12"/>
    </row>
    <row r="572521" spans="8:8">
      <c r="H572521" s="12"/>
    </row>
    <row r="572522" spans="8:8">
      <c r="H572522" s="12"/>
    </row>
    <row r="572523" spans="8:8">
      <c r="H572523" s="12"/>
    </row>
    <row r="572524" spans="8:8">
      <c r="H572524" s="12"/>
    </row>
    <row r="572525" spans="8:8">
      <c r="H572525" s="12"/>
    </row>
    <row r="572526" spans="8:8">
      <c r="H572526" s="12"/>
    </row>
    <row r="572527" spans="8:8">
      <c r="H572527" s="12"/>
    </row>
    <row r="572528" spans="8:8">
      <c r="H572528" s="12"/>
    </row>
    <row r="572529" spans="8:8">
      <c r="H572529" s="12"/>
    </row>
    <row r="572530" spans="8:8">
      <c r="H572530" s="12"/>
    </row>
    <row r="572531" spans="8:8">
      <c r="H572531" s="12"/>
    </row>
    <row r="572532" spans="8:8">
      <c r="H572532" s="12"/>
    </row>
    <row r="572533" spans="8:8">
      <c r="H572533" s="12"/>
    </row>
    <row r="572534" spans="8:8">
      <c r="H572534" s="12"/>
    </row>
    <row r="572535" spans="8:8">
      <c r="H572535" s="12"/>
    </row>
    <row r="572536" spans="8:8">
      <c r="H572536" s="12"/>
    </row>
    <row r="572537" spans="8:8">
      <c r="H572537" s="12"/>
    </row>
    <row r="572538" spans="8:8">
      <c r="H572538" s="12"/>
    </row>
    <row r="572539" spans="8:8">
      <c r="H572539" s="12"/>
    </row>
    <row r="572540" spans="8:8">
      <c r="H572540" s="12"/>
    </row>
    <row r="572541" spans="8:8">
      <c r="H572541" s="12"/>
    </row>
    <row r="572542" spans="8:8">
      <c r="H572542" s="12"/>
    </row>
    <row r="572543" spans="8:8">
      <c r="H572543" s="12"/>
    </row>
    <row r="572544" spans="8:8">
      <c r="H572544" s="12"/>
    </row>
    <row r="572545" spans="8:8">
      <c r="H572545" s="12"/>
    </row>
    <row r="572546" spans="8:8">
      <c r="H572546" s="12"/>
    </row>
    <row r="572547" spans="8:8">
      <c r="H572547" s="12"/>
    </row>
    <row r="572548" spans="8:8">
      <c r="H572548" s="12"/>
    </row>
    <row r="572549" spans="8:8">
      <c r="H572549" s="12"/>
    </row>
    <row r="572550" spans="8:8">
      <c r="H572550" s="12"/>
    </row>
    <row r="572551" spans="8:8">
      <c r="H572551" s="12"/>
    </row>
    <row r="572552" spans="8:8">
      <c r="H572552" s="12"/>
    </row>
    <row r="572553" spans="8:8">
      <c r="H572553" s="12"/>
    </row>
    <row r="572554" spans="8:8">
      <c r="H572554" s="12"/>
    </row>
    <row r="572555" spans="8:8">
      <c r="H572555" s="12"/>
    </row>
    <row r="572556" spans="8:8">
      <c r="H572556" s="12"/>
    </row>
    <row r="572557" spans="8:8">
      <c r="H572557" s="12"/>
    </row>
    <row r="572558" spans="8:8">
      <c r="H572558" s="12"/>
    </row>
    <row r="572559" spans="8:8">
      <c r="H572559" s="12"/>
    </row>
    <row r="572560" spans="8:8">
      <c r="H572560" s="12"/>
    </row>
    <row r="572561" spans="8:8">
      <c r="H572561" s="12"/>
    </row>
    <row r="572562" spans="8:8">
      <c r="H572562" s="12"/>
    </row>
    <row r="572563" spans="8:8">
      <c r="H572563" s="12"/>
    </row>
    <row r="572564" spans="8:8">
      <c r="H572564" s="12"/>
    </row>
    <row r="572565" spans="8:8">
      <c r="H572565" s="12"/>
    </row>
    <row r="572566" spans="8:8">
      <c r="H572566" s="12"/>
    </row>
    <row r="572567" spans="8:8">
      <c r="H572567" s="12"/>
    </row>
    <row r="572568" spans="8:8">
      <c r="H572568" s="12"/>
    </row>
    <row r="572569" spans="8:8">
      <c r="H572569" s="12"/>
    </row>
    <row r="572570" spans="8:8">
      <c r="H572570" s="12"/>
    </row>
    <row r="572571" spans="8:8">
      <c r="H572571" s="12"/>
    </row>
    <row r="572572" spans="8:8">
      <c r="H572572" s="12"/>
    </row>
    <row r="572573" spans="8:8">
      <c r="H572573" s="12"/>
    </row>
    <row r="572574" spans="8:8">
      <c r="H572574" s="12"/>
    </row>
    <row r="572575" spans="8:8">
      <c r="H572575" s="12"/>
    </row>
    <row r="572576" spans="8:8">
      <c r="H572576" s="12"/>
    </row>
    <row r="572577" spans="8:8">
      <c r="H572577" s="12"/>
    </row>
    <row r="572578" spans="8:8">
      <c r="H572578" s="12"/>
    </row>
    <row r="572579" spans="8:8">
      <c r="H572579" s="12"/>
    </row>
    <row r="572580" spans="8:8">
      <c r="H572580" s="12"/>
    </row>
    <row r="572581" spans="8:8">
      <c r="H572581" s="12"/>
    </row>
    <row r="572582" spans="8:8">
      <c r="H572582" s="12"/>
    </row>
    <row r="572583" spans="8:8">
      <c r="H572583" s="12"/>
    </row>
    <row r="572584" spans="8:8">
      <c r="H572584" s="12"/>
    </row>
    <row r="572585" spans="8:8">
      <c r="H572585" s="12"/>
    </row>
    <row r="572586" spans="8:8">
      <c r="H572586" s="12"/>
    </row>
    <row r="572587" spans="8:8">
      <c r="H572587" s="12"/>
    </row>
    <row r="572588" spans="8:8">
      <c r="H572588" s="12"/>
    </row>
    <row r="572589" spans="8:8">
      <c r="H572589" s="12"/>
    </row>
    <row r="572590" spans="8:8">
      <c r="H572590" s="12"/>
    </row>
    <row r="572591" spans="8:8">
      <c r="H572591" s="12"/>
    </row>
    <row r="572592" spans="8:8">
      <c r="H572592" s="12"/>
    </row>
    <row r="572593" spans="8:8">
      <c r="H572593" s="12"/>
    </row>
    <row r="572594" spans="8:8">
      <c r="H572594" s="12"/>
    </row>
    <row r="572595" spans="8:8">
      <c r="H572595" s="12"/>
    </row>
    <row r="572596" spans="8:8">
      <c r="H572596" s="12"/>
    </row>
    <row r="572597" spans="8:8">
      <c r="H572597" s="12"/>
    </row>
    <row r="572598" spans="8:8">
      <c r="H572598" s="12"/>
    </row>
    <row r="572599" spans="8:8">
      <c r="H572599" s="12"/>
    </row>
    <row r="572600" spans="8:8">
      <c r="H572600" s="12"/>
    </row>
    <row r="572601" spans="8:8">
      <c r="H572601" s="12"/>
    </row>
    <row r="572602" spans="8:8">
      <c r="H572602" s="12"/>
    </row>
    <row r="572603" spans="8:8">
      <c r="H572603" s="12"/>
    </row>
    <row r="572604" spans="8:8">
      <c r="H572604" s="12"/>
    </row>
    <row r="572605" spans="8:8">
      <c r="H572605" s="12"/>
    </row>
    <row r="572606" spans="8:8">
      <c r="H572606" s="12"/>
    </row>
    <row r="572607" spans="8:8">
      <c r="H572607" s="12"/>
    </row>
    <row r="572608" spans="8:8">
      <c r="H572608" s="12"/>
    </row>
    <row r="572609" spans="8:8">
      <c r="H572609" s="12"/>
    </row>
    <row r="572610" spans="8:8">
      <c r="H572610" s="12"/>
    </row>
    <row r="572611" spans="8:8">
      <c r="H572611" s="12"/>
    </row>
    <row r="572612" spans="8:8">
      <c r="H572612" s="12"/>
    </row>
    <row r="572613" spans="8:8">
      <c r="H572613" s="12"/>
    </row>
    <row r="572614" spans="8:8">
      <c r="H572614" s="12"/>
    </row>
    <row r="572615" spans="8:8">
      <c r="H572615" s="12"/>
    </row>
    <row r="572616" spans="8:8">
      <c r="H572616" s="12"/>
    </row>
    <row r="572617" spans="8:8">
      <c r="H572617" s="12"/>
    </row>
    <row r="572618" spans="8:8">
      <c r="H572618" s="12"/>
    </row>
    <row r="572619" spans="8:8">
      <c r="H572619" s="12"/>
    </row>
    <row r="572620" spans="8:8">
      <c r="H572620" s="12"/>
    </row>
    <row r="572621" spans="8:8">
      <c r="H572621" s="12"/>
    </row>
    <row r="572622" spans="8:8">
      <c r="H572622" s="12"/>
    </row>
    <row r="572623" spans="8:8">
      <c r="H572623" s="12"/>
    </row>
    <row r="572624" spans="8:8">
      <c r="H572624" s="12"/>
    </row>
    <row r="572625" spans="8:8">
      <c r="H572625" s="12"/>
    </row>
    <row r="572626" spans="8:8">
      <c r="H572626" s="12"/>
    </row>
    <row r="572627" spans="8:8">
      <c r="H572627" s="12"/>
    </row>
    <row r="572628" spans="8:8">
      <c r="H572628" s="12"/>
    </row>
    <row r="572629" spans="8:8">
      <c r="H572629" s="12"/>
    </row>
    <row r="572630" spans="8:8">
      <c r="H572630" s="12"/>
    </row>
    <row r="572631" spans="8:8">
      <c r="H572631" s="12"/>
    </row>
    <row r="572632" spans="8:8">
      <c r="H572632" s="12"/>
    </row>
    <row r="572633" spans="8:8">
      <c r="H572633" s="12"/>
    </row>
    <row r="572634" spans="8:8">
      <c r="H572634" s="12"/>
    </row>
    <row r="572635" spans="8:8">
      <c r="H572635" s="12"/>
    </row>
    <row r="572636" spans="8:8">
      <c r="H572636" s="12"/>
    </row>
    <row r="572637" spans="8:8">
      <c r="H572637" s="12"/>
    </row>
    <row r="572638" spans="8:8">
      <c r="H572638" s="12"/>
    </row>
    <row r="572639" spans="8:8">
      <c r="H572639" s="12"/>
    </row>
    <row r="572640" spans="8:8">
      <c r="H572640" s="12"/>
    </row>
    <row r="572641" spans="8:8">
      <c r="H572641" s="12"/>
    </row>
    <row r="572642" spans="8:8">
      <c r="H572642" s="12"/>
    </row>
    <row r="572643" spans="8:8">
      <c r="H572643" s="12"/>
    </row>
    <row r="572644" spans="8:8">
      <c r="H572644" s="12"/>
    </row>
    <row r="572645" spans="8:8">
      <c r="H572645" s="12"/>
    </row>
    <row r="572646" spans="8:8">
      <c r="H572646" s="12"/>
    </row>
    <row r="572647" spans="8:8">
      <c r="H572647" s="12"/>
    </row>
    <row r="572648" spans="8:8">
      <c r="H572648" s="12"/>
    </row>
    <row r="572649" spans="8:8">
      <c r="H572649" s="12"/>
    </row>
    <row r="572650" spans="8:8">
      <c r="H572650" s="12"/>
    </row>
    <row r="572651" spans="8:8">
      <c r="H572651" s="12"/>
    </row>
    <row r="572652" spans="8:8">
      <c r="H572652" s="12"/>
    </row>
    <row r="572653" spans="8:8">
      <c r="H572653" s="12"/>
    </row>
    <row r="572654" spans="8:8">
      <c r="H572654" s="12"/>
    </row>
    <row r="572655" spans="8:8">
      <c r="H572655" s="12"/>
    </row>
    <row r="572656" spans="8:8">
      <c r="H572656" s="12"/>
    </row>
    <row r="572657" spans="8:8">
      <c r="H572657" s="12"/>
    </row>
    <row r="572658" spans="8:8">
      <c r="H572658" s="12"/>
    </row>
    <row r="572659" spans="8:8">
      <c r="H572659" s="12"/>
    </row>
    <row r="572660" spans="8:8">
      <c r="H572660" s="12"/>
    </row>
    <row r="572661" spans="8:8">
      <c r="H572661" s="12"/>
    </row>
    <row r="572662" spans="8:8">
      <c r="H572662" s="12"/>
    </row>
    <row r="572663" spans="8:8">
      <c r="H572663" s="12"/>
    </row>
    <row r="572664" spans="8:8">
      <c r="H572664" s="12"/>
    </row>
    <row r="572665" spans="8:8">
      <c r="H572665" s="12"/>
    </row>
    <row r="572666" spans="8:8">
      <c r="H572666" s="12"/>
    </row>
    <row r="572667" spans="8:8">
      <c r="H572667" s="12"/>
    </row>
    <row r="572668" spans="8:8">
      <c r="H572668" s="12"/>
    </row>
    <row r="572669" spans="8:8">
      <c r="H572669" s="12"/>
    </row>
    <row r="572670" spans="8:8">
      <c r="H572670" s="12"/>
    </row>
    <row r="572671" spans="8:8">
      <c r="H572671" s="12"/>
    </row>
    <row r="572672" spans="8:8">
      <c r="H572672" s="12"/>
    </row>
    <row r="572673" spans="8:8">
      <c r="H572673" s="12"/>
    </row>
    <row r="572674" spans="8:8">
      <c r="H572674" s="12"/>
    </row>
    <row r="572675" spans="8:8">
      <c r="H572675" s="12"/>
    </row>
    <row r="572676" spans="8:8">
      <c r="H572676" s="12"/>
    </row>
    <row r="572677" spans="8:8">
      <c r="H572677" s="12"/>
    </row>
    <row r="572678" spans="8:8">
      <c r="H572678" s="12"/>
    </row>
    <row r="572679" spans="8:8">
      <c r="H572679" s="12"/>
    </row>
    <row r="572680" spans="8:8">
      <c r="H572680" s="12"/>
    </row>
    <row r="572681" spans="8:8">
      <c r="H572681" s="12"/>
    </row>
    <row r="572682" spans="8:8">
      <c r="H572682" s="12"/>
    </row>
    <row r="572683" spans="8:8">
      <c r="H572683" s="12"/>
    </row>
    <row r="572684" spans="8:8">
      <c r="H572684" s="12"/>
    </row>
    <row r="572685" spans="8:8">
      <c r="H572685" s="12"/>
    </row>
    <row r="572686" spans="8:8">
      <c r="H572686" s="12"/>
    </row>
    <row r="572687" spans="8:8">
      <c r="H572687" s="12"/>
    </row>
    <row r="572688" spans="8:8">
      <c r="H572688" s="12"/>
    </row>
    <row r="572689" spans="8:8">
      <c r="H572689" s="12"/>
    </row>
    <row r="572690" spans="8:8">
      <c r="H572690" s="12"/>
    </row>
    <row r="572691" spans="8:8">
      <c r="H572691" s="12"/>
    </row>
    <row r="572692" spans="8:8">
      <c r="H572692" s="12"/>
    </row>
    <row r="572693" spans="8:8">
      <c r="H572693" s="12"/>
    </row>
    <row r="572694" spans="8:8">
      <c r="H572694" s="12"/>
    </row>
    <row r="572695" spans="8:8">
      <c r="H572695" s="12"/>
    </row>
    <row r="572696" spans="8:8">
      <c r="H572696" s="12"/>
    </row>
    <row r="572697" spans="8:8">
      <c r="H572697" s="12"/>
    </row>
    <row r="572698" spans="8:8">
      <c r="H572698" s="12"/>
    </row>
    <row r="572699" spans="8:8">
      <c r="H572699" s="12"/>
    </row>
    <row r="572700" spans="8:8">
      <c r="H572700" s="12"/>
    </row>
    <row r="572701" spans="8:8">
      <c r="H572701" s="12"/>
    </row>
    <row r="572702" spans="8:8">
      <c r="H572702" s="12"/>
    </row>
    <row r="572703" spans="8:8">
      <c r="H572703" s="12"/>
    </row>
    <row r="572704" spans="8:8">
      <c r="H572704" s="12"/>
    </row>
    <row r="572705" spans="8:8">
      <c r="H572705" s="12"/>
    </row>
    <row r="572706" spans="8:8">
      <c r="H572706" s="12"/>
    </row>
    <row r="572707" spans="8:8">
      <c r="H572707" s="12"/>
    </row>
    <row r="572708" spans="8:8">
      <c r="H572708" s="12"/>
    </row>
    <row r="572709" spans="8:8">
      <c r="H572709" s="12"/>
    </row>
    <row r="572710" spans="8:8">
      <c r="H572710" s="12"/>
    </row>
    <row r="572711" spans="8:8">
      <c r="H572711" s="12"/>
    </row>
    <row r="572712" spans="8:8">
      <c r="H572712" s="12"/>
    </row>
    <row r="572713" spans="8:8">
      <c r="H572713" s="12"/>
    </row>
    <row r="572714" spans="8:8">
      <c r="H572714" s="12"/>
    </row>
    <row r="572715" spans="8:8">
      <c r="H572715" s="12"/>
    </row>
    <row r="572716" spans="8:8">
      <c r="H572716" s="12"/>
    </row>
    <row r="572717" spans="8:8">
      <c r="H572717" s="12"/>
    </row>
    <row r="572718" spans="8:8">
      <c r="H572718" s="12"/>
    </row>
    <row r="572719" spans="8:8">
      <c r="H572719" s="12"/>
    </row>
    <row r="572720" spans="8:8">
      <c r="H572720" s="12"/>
    </row>
    <row r="572721" spans="8:8">
      <c r="H572721" s="12"/>
    </row>
    <row r="572722" spans="8:8">
      <c r="H572722" s="12"/>
    </row>
    <row r="572723" spans="8:8">
      <c r="H572723" s="12"/>
    </row>
    <row r="572724" spans="8:8">
      <c r="H572724" s="12"/>
    </row>
    <row r="572725" spans="8:8">
      <c r="H572725" s="12"/>
    </row>
    <row r="572726" spans="8:8">
      <c r="H572726" s="12"/>
    </row>
    <row r="572727" spans="8:8">
      <c r="H572727" s="12"/>
    </row>
    <row r="572728" spans="8:8">
      <c r="H572728" s="12"/>
    </row>
    <row r="572729" spans="8:8">
      <c r="H572729" s="12"/>
    </row>
    <row r="572730" spans="8:8">
      <c r="H572730" s="12"/>
    </row>
    <row r="572731" spans="8:8">
      <c r="H572731" s="12"/>
    </row>
    <row r="572732" spans="8:8">
      <c r="H572732" s="12"/>
    </row>
    <row r="572733" spans="8:8">
      <c r="H572733" s="12"/>
    </row>
    <row r="572734" spans="8:8">
      <c r="H572734" s="12"/>
    </row>
    <row r="572735" spans="8:8">
      <c r="H572735" s="12"/>
    </row>
    <row r="572736" spans="8:8">
      <c r="H572736" s="12"/>
    </row>
    <row r="572737" spans="8:8">
      <c r="H572737" s="12"/>
    </row>
    <row r="572738" spans="8:8">
      <c r="H572738" s="12"/>
    </row>
    <row r="572739" spans="8:8">
      <c r="H572739" s="12"/>
    </row>
    <row r="572740" spans="8:8">
      <c r="H572740" s="12"/>
    </row>
    <row r="572741" spans="8:8">
      <c r="H572741" s="12"/>
    </row>
    <row r="572742" spans="8:8">
      <c r="H572742" s="12"/>
    </row>
    <row r="572743" spans="8:8">
      <c r="H572743" s="12"/>
    </row>
    <row r="572744" spans="8:8">
      <c r="H572744" s="12"/>
    </row>
    <row r="572745" spans="8:8">
      <c r="H572745" s="12"/>
    </row>
    <row r="572746" spans="8:8">
      <c r="H572746" s="12"/>
    </row>
    <row r="572747" spans="8:8">
      <c r="H572747" s="12"/>
    </row>
    <row r="572748" spans="8:8">
      <c r="H572748" s="12"/>
    </row>
    <row r="572749" spans="8:8">
      <c r="H572749" s="12"/>
    </row>
    <row r="572750" spans="8:8">
      <c r="H572750" s="12"/>
    </row>
    <row r="572751" spans="8:8">
      <c r="H572751" s="12"/>
    </row>
    <row r="572752" spans="8:8">
      <c r="H572752" s="12"/>
    </row>
    <row r="572753" spans="8:8">
      <c r="H572753" s="12"/>
    </row>
    <row r="572754" spans="8:8">
      <c r="H572754" s="12"/>
    </row>
    <row r="572755" spans="8:8">
      <c r="H572755" s="12"/>
    </row>
    <row r="572756" spans="8:8">
      <c r="H572756" s="12"/>
    </row>
    <row r="572757" spans="8:8">
      <c r="H572757" s="12"/>
    </row>
    <row r="572758" spans="8:8">
      <c r="H572758" s="12"/>
    </row>
    <row r="572759" spans="8:8">
      <c r="H572759" s="12"/>
    </row>
    <row r="572760" spans="8:8">
      <c r="H572760" s="12"/>
    </row>
    <row r="572761" spans="8:8">
      <c r="H572761" s="12"/>
    </row>
    <row r="572762" spans="8:8">
      <c r="H572762" s="12"/>
    </row>
    <row r="572763" spans="8:8">
      <c r="H572763" s="12"/>
    </row>
    <row r="572764" spans="8:8">
      <c r="H572764" s="12"/>
    </row>
    <row r="572765" spans="8:8">
      <c r="H572765" s="12"/>
    </row>
    <row r="572766" spans="8:8">
      <c r="H572766" s="12"/>
    </row>
    <row r="572767" spans="8:8">
      <c r="H572767" s="12"/>
    </row>
    <row r="572768" spans="8:8">
      <c r="H572768" s="12"/>
    </row>
    <row r="572769" spans="8:8">
      <c r="H572769" s="12"/>
    </row>
    <row r="572770" spans="8:8">
      <c r="H572770" s="12"/>
    </row>
    <row r="572771" spans="8:8">
      <c r="H572771" s="12"/>
    </row>
    <row r="572772" spans="8:8">
      <c r="H572772" s="12"/>
    </row>
    <row r="572773" spans="8:8">
      <c r="H572773" s="12"/>
    </row>
    <row r="572774" spans="8:8">
      <c r="H572774" s="12"/>
    </row>
    <row r="572775" spans="8:8">
      <c r="H572775" s="12"/>
    </row>
    <row r="572776" spans="8:8">
      <c r="H572776" s="12"/>
    </row>
    <row r="572777" spans="8:8">
      <c r="H572777" s="12"/>
    </row>
    <row r="572778" spans="8:8">
      <c r="H572778" s="12"/>
    </row>
    <row r="572779" spans="8:8">
      <c r="H572779" s="12"/>
    </row>
    <row r="572780" spans="8:8">
      <c r="H572780" s="12"/>
    </row>
    <row r="572781" spans="8:8">
      <c r="H572781" s="12"/>
    </row>
    <row r="572782" spans="8:8">
      <c r="H572782" s="12"/>
    </row>
    <row r="572783" spans="8:8">
      <c r="H572783" s="12"/>
    </row>
    <row r="572784" spans="8:8">
      <c r="H572784" s="12"/>
    </row>
    <row r="572785" spans="8:8">
      <c r="H572785" s="12"/>
    </row>
    <row r="572786" spans="8:8">
      <c r="H572786" s="12"/>
    </row>
    <row r="572787" spans="8:8">
      <c r="H572787" s="12"/>
    </row>
    <row r="572788" spans="8:8">
      <c r="H572788" s="12"/>
    </row>
    <row r="572789" spans="8:8">
      <c r="H572789" s="12"/>
    </row>
    <row r="572790" spans="8:8">
      <c r="H572790" s="12"/>
    </row>
    <row r="572791" spans="8:8">
      <c r="H572791" s="12"/>
    </row>
    <row r="572792" spans="8:8">
      <c r="H572792" s="12"/>
    </row>
    <row r="572793" spans="8:8">
      <c r="H572793" s="12"/>
    </row>
    <row r="572794" spans="8:8">
      <c r="H572794" s="12"/>
    </row>
    <row r="572795" spans="8:8">
      <c r="H572795" s="12"/>
    </row>
    <row r="572796" spans="8:8">
      <c r="H572796" s="12"/>
    </row>
    <row r="572797" spans="8:8">
      <c r="H572797" s="12"/>
    </row>
    <row r="572798" spans="8:8">
      <c r="H572798" s="12"/>
    </row>
    <row r="572799" spans="8:8">
      <c r="H572799" s="12"/>
    </row>
    <row r="572800" spans="8:8">
      <c r="H572800" s="12"/>
    </row>
    <row r="572801" spans="8:8">
      <c r="H572801" s="12"/>
    </row>
    <row r="572802" spans="8:8">
      <c r="H572802" s="12"/>
    </row>
    <row r="572803" spans="8:8">
      <c r="H572803" s="12"/>
    </row>
    <row r="572804" spans="8:8">
      <c r="H572804" s="12"/>
    </row>
    <row r="572805" spans="8:8">
      <c r="H572805" s="12"/>
    </row>
    <row r="572806" spans="8:8">
      <c r="H572806" s="12"/>
    </row>
    <row r="572807" spans="8:8">
      <c r="H572807" s="12"/>
    </row>
    <row r="572808" spans="8:8">
      <c r="H572808" s="12"/>
    </row>
    <row r="572809" spans="8:8">
      <c r="H572809" s="12"/>
    </row>
    <row r="572810" spans="8:8">
      <c r="H572810" s="12"/>
    </row>
    <row r="572811" spans="8:8">
      <c r="H572811" s="12"/>
    </row>
    <row r="572812" spans="8:8">
      <c r="H572812" s="12"/>
    </row>
    <row r="572813" spans="8:8">
      <c r="H572813" s="12"/>
    </row>
    <row r="572814" spans="8:8">
      <c r="H572814" s="12"/>
    </row>
    <row r="572815" spans="8:8">
      <c r="H572815" s="12"/>
    </row>
    <row r="572816" spans="8:8">
      <c r="H572816" s="12"/>
    </row>
    <row r="572817" spans="8:8">
      <c r="H572817" s="12"/>
    </row>
    <row r="572818" spans="8:8">
      <c r="H572818" s="12"/>
    </row>
    <row r="572819" spans="8:8">
      <c r="H572819" s="12"/>
    </row>
    <row r="572820" spans="8:8">
      <c r="H572820" s="12"/>
    </row>
    <row r="572821" spans="8:8">
      <c r="H572821" s="12"/>
    </row>
    <row r="572822" spans="8:8">
      <c r="H572822" s="12"/>
    </row>
    <row r="572823" spans="8:8">
      <c r="H572823" s="12"/>
    </row>
    <row r="572824" spans="8:8">
      <c r="H572824" s="12"/>
    </row>
    <row r="572825" spans="8:8">
      <c r="H572825" s="12"/>
    </row>
    <row r="572826" spans="8:8">
      <c r="H572826" s="12"/>
    </row>
    <row r="572827" spans="8:8">
      <c r="H572827" s="12"/>
    </row>
    <row r="572828" spans="8:8">
      <c r="H572828" s="12"/>
    </row>
    <row r="572829" spans="8:8">
      <c r="H572829" s="12"/>
    </row>
    <row r="572830" spans="8:8">
      <c r="H572830" s="12"/>
    </row>
    <row r="572831" spans="8:8">
      <c r="H572831" s="12"/>
    </row>
    <row r="572832" spans="8:8">
      <c r="H572832" s="12"/>
    </row>
    <row r="572833" spans="8:8">
      <c r="H572833" s="12"/>
    </row>
    <row r="572834" spans="8:8">
      <c r="H572834" s="12"/>
    </row>
    <row r="572835" spans="8:8">
      <c r="H572835" s="12"/>
    </row>
    <row r="572836" spans="8:8">
      <c r="H572836" s="12"/>
    </row>
    <row r="572837" spans="8:8">
      <c r="H572837" s="12"/>
    </row>
    <row r="572838" spans="8:8">
      <c r="H572838" s="12"/>
    </row>
    <row r="572839" spans="8:8">
      <c r="H572839" s="12"/>
    </row>
    <row r="572840" spans="8:8">
      <c r="H572840" s="12"/>
    </row>
    <row r="572841" spans="8:8">
      <c r="H572841" s="12"/>
    </row>
    <row r="572842" spans="8:8">
      <c r="H572842" s="12"/>
    </row>
    <row r="572843" spans="8:8">
      <c r="H572843" s="12"/>
    </row>
    <row r="572844" spans="8:8">
      <c r="H572844" s="12"/>
    </row>
    <row r="572845" spans="8:8">
      <c r="H572845" s="12"/>
    </row>
    <row r="572846" spans="8:8">
      <c r="H572846" s="12"/>
    </row>
    <row r="572847" spans="8:8">
      <c r="H572847" s="12"/>
    </row>
    <row r="572848" spans="8:8">
      <c r="H572848" s="12"/>
    </row>
    <row r="572849" spans="8:8">
      <c r="H572849" s="12"/>
    </row>
    <row r="572850" spans="8:8">
      <c r="H572850" s="12"/>
    </row>
    <row r="572851" spans="8:8">
      <c r="H572851" s="12"/>
    </row>
    <row r="572852" spans="8:8">
      <c r="H572852" s="12"/>
    </row>
    <row r="572853" spans="8:8">
      <c r="H572853" s="12"/>
    </row>
    <row r="572854" spans="8:8">
      <c r="H572854" s="12"/>
    </row>
    <row r="572855" spans="8:8">
      <c r="H572855" s="12"/>
    </row>
    <row r="572856" spans="8:8">
      <c r="H572856" s="12"/>
    </row>
    <row r="572857" spans="8:8">
      <c r="H572857" s="12"/>
    </row>
    <row r="572858" spans="8:8">
      <c r="H572858" s="12"/>
    </row>
    <row r="572859" spans="8:8">
      <c r="H572859" s="12"/>
    </row>
    <row r="572860" spans="8:8">
      <c r="H572860" s="12"/>
    </row>
    <row r="572861" spans="8:8">
      <c r="H572861" s="12"/>
    </row>
    <row r="572862" spans="8:8">
      <c r="H572862" s="12"/>
    </row>
    <row r="572863" spans="8:8">
      <c r="H572863" s="12"/>
    </row>
    <row r="572864" spans="8:8">
      <c r="H572864" s="12"/>
    </row>
    <row r="572865" spans="8:8">
      <c r="H572865" s="12"/>
    </row>
    <row r="572866" spans="8:8">
      <c r="H572866" s="12"/>
    </row>
    <row r="572867" spans="8:8">
      <c r="H572867" s="12"/>
    </row>
    <row r="572868" spans="8:8">
      <c r="H572868" s="12"/>
    </row>
    <row r="572869" spans="8:8">
      <c r="H572869" s="12"/>
    </row>
    <row r="572870" spans="8:8">
      <c r="H572870" s="12"/>
    </row>
    <row r="572871" spans="8:8">
      <c r="H572871" s="12"/>
    </row>
    <row r="572872" spans="8:8">
      <c r="H572872" s="12"/>
    </row>
    <row r="572873" spans="8:8">
      <c r="H572873" s="12"/>
    </row>
    <row r="572874" spans="8:8">
      <c r="H572874" s="12"/>
    </row>
    <row r="572875" spans="8:8">
      <c r="H572875" s="12"/>
    </row>
    <row r="572876" spans="8:8">
      <c r="H572876" s="12"/>
    </row>
    <row r="572877" spans="8:8">
      <c r="H572877" s="12"/>
    </row>
    <row r="572878" spans="8:8">
      <c r="H572878" s="12"/>
    </row>
    <row r="572879" spans="8:8">
      <c r="H572879" s="12"/>
    </row>
    <row r="572880" spans="8:8">
      <c r="H572880" s="12"/>
    </row>
    <row r="572881" spans="8:8">
      <c r="H572881" s="12"/>
    </row>
    <row r="572882" spans="8:8">
      <c r="H572882" s="12"/>
    </row>
    <row r="572883" spans="8:8">
      <c r="H572883" s="12"/>
    </row>
    <row r="572884" spans="8:8">
      <c r="H572884" s="12"/>
    </row>
    <row r="572885" spans="8:8">
      <c r="H572885" s="12"/>
    </row>
    <row r="572886" spans="8:8">
      <c r="H572886" s="12"/>
    </row>
    <row r="572887" spans="8:8">
      <c r="H572887" s="12"/>
    </row>
    <row r="572888" spans="8:8">
      <c r="H572888" s="12"/>
    </row>
    <row r="572889" spans="8:8">
      <c r="H572889" s="12"/>
    </row>
    <row r="572890" spans="8:8">
      <c r="H572890" s="12"/>
    </row>
    <row r="572891" spans="8:8">
      <c r="H572891" s="12"/>
    </row>
    <row r="572892" spans="8:8">
      <c r="H572892" s="12"/>
    </row>
    <row r="572893" spans="8:8">
      <c r="H572893" s="12"/>
    </row>
    <row r="572894" spans="8:8">
      <c r="H572894" s="12"/>
    </row>
    <row r="572895" spans="8:8">
      <c r="H572895" s="12"/>
    </row>
    <row r="572896" spans="8:8">
      <c r="H572896" s="12"/>
    </row>
    <row r="572897" spans="8:8">
      <c r="H572897" s="12"/>
    </row>
    <row r="572898" spans="8:8">
      <c r="H572898" s="12"/>
    </row>
    <row r="572899" spans="8:8">
      <c r="H572899" s="12"/>
    </row>
    <row r="572900" spans="8:8">
      <c r="H572900" s="12"/>
    </row>
    <row r="572901" spans="8:8">
      <c r="H572901" s="12"/>
    </row>
    <row r="572902" spans="8:8">
      <c r="H572902" s="12"/>
    </row>
    <row r="572903" spans="8:8">
      <c r="H572903" s="12"/>
    </row>
    <row r="572904" spans="8:8">
      <c r="H572904" s="12"/>
    </row>
    <row r="572905" spans="8:8">
      <c r="H572905" s="12"/>
    </row>
    <row r="572906" spans="8:8">
      <c r="H572906" s="12"/>
    </row>
    <row r="572907" spans="8:8">
      <c r="H572907" s="12"/>
    </row>
    <row r="572908" spans="8:8">
      <c r="H572908" s="12"/>
    </row>
    <row r="572909" spans="8:8">
      <c r="H572909" s="12"/>
    </row>
    <row r="572910" spans="8:8">
      <c r="H572910" s="12"/>
    </row>
    <row r="572911" spans="8:8">
      <c r="H572911" s="12"/>
    </row>
    <row r="572912" spans="8:8">
      <c r="H572912" s="12"/>
    </row>
    <row r="572913" spans="8:8">
      <c r="H572913" s="12"/>
    </row>
    <row r="572914" spans="8:8">
      <c r="H572914" s="12"/>
    </row>
    <row r="572915" spans="8:8">
      <c r="H572915" s="12"/>
    </row>
    <row r="572916" spans="8:8">
      <c r="H572916" s="12"/>
    </row>
    <row r="572917" spans="8:8">
      <c r="H572917" s="12"/>
    </row>
    <row r="572918" spans="8:8">
      <c r="H572918" s="12"/>
    </row>
    <row r="572919" spans="8:8">
      <c r="H572919" s="12"/>
    </row>
    <row r="572920" spans="8:8">
      <c r="H572920" s="12"/>
    </row>
    <row r="572921" spans="8:8">
      <c r="H572921" s="12"/>
    </row>
    <row r="572922" spans="8:8">
      <c r="H572922" s="12"/>
    </row>
    <row r="572923" spans="8:8">
      <c r="H572923" s="12"/>
    </row>
    <row r="572924" spans="8:8">
      <c r="H572924" s="12"/>
    </row>
    <row r="572925" spans="8:8">
      <c r="H572925" s="12"/>
    </row>
    <row r="572926" spans="8:8">
      <c r="H572926" s="12"/>
    </row>
    <row r="572927" spans="8:8">
      <c r="H572927" s="12"/>
    </row>
    <row r="572928" spans="8:8">
      <c r="H572928" s="12"/>
    </row>
    <row r="572929" spans="8:8">
      <c r="H572929" s="12"/>
    </row>
    <row r="572930" spans="8:8">
      <c r="H572930" s="12"/>
    </row>
    <row r="572931" spans="8:8">
      <c r="H572931" s="12"/>
    </row>
    <row r="572932" spans="8:8">
      <c r="H572932" s="12"/>
    </row>
    <row r="572933" spans="8:8">
      <c r="H572933" s="12"/>
    </row>
    <row r="572934" spans="8:8">
      <c r="H572934" s="12"/>
    </row>
    <row r="572935" spans="8:8">
      <c r="H572935" s="12"/>
    </row>
    <row r="572936" spans="8:8">
      <c r="H572936" s="12"/>
    </row>
    <row r="572937" spans="8:8">
      <c r="H572937" s="12"/>
    </row>
    <row r="572938" spans="8:8">
      <c r="H572938" s="12"/>
    </row>
    <row r="572939" spans="8:8">
      <c r="H572939" s="12"/>
    </row>
    <row r="572940" spans="8:8">
      <c r="H572940" s="12"/>
    </row>
    <row r="572941" spans="8:8">
      <c r="H572941" s="12"/>
    </row>
    <row r="572942" spans="8:8">
      <c r="H572942" s="12"/>
    </row>
    <row r="572943" spans="8:8">
      <c r="H572943" s="12"/>
    </row>
    <row r="572944" spans="8:8">
      <c r="H572944" s="12"/>
    </row>
    <row r="572945" spans="8:8">
      <c r="H572945" s="12"/>
    </row>
    <row r="572946" spans="8:8">
      <c r="H572946" s="12"/>
    </row>
    <row r="572947" spans="8:8">
      <c r="H572947" s="12"/>
    </row>
    <row r="572948" spans="8:8">
      <c r="H572948" s="12"/>
    </row>
    <row r="572949" spans="8:8">
      <c r="H572949" s="12"/>
    </row>
    <row r="572950" spans="8:8">
      <c r="H572950" s="12"/>
    </row>
    <row r="572951" spans="8:8">
      <c r="H572951" s="12"/>
    </row>
    <row r="572952" spans="8:8">
      <c r="H572952" s="12"/>
    </row>
    <row r="572953" spans="8:8">
      <c r="H572953" s="12"/>
    </row>
    <row r="572954" spans="8:8">
      <c r="H572954" s="12"/>
    </row>
    <row r="572955" spans="8:8">
      <c r="H572955" s="12"/>
    </row>
    <row r="572956" spans="8:8">
      <c r="H572956" s="12"/>
    </row>
    <row r="572957" spans="8:8">
      <c r="H572957" s="12"/>
    </row>
    <row r="572958" spans="8:8">
      <c r="H572958" s="12"/>
    </row>
    <row r="572959" spans="8:8">
      <c r="H572959" s="12"/>
    </row>
    <row r="572960" spans="8:8">
      <c r="H572960" s="12"/>
    </row>
    <row r="572961" spans="8:8">
      <c r="H572961" s="12"/>
    </row>
    <row r="572962" spans="8:8">
      <c r="H572962" s="12"/>
    </row>
    <row r="572963" spans="8:8">
      <c r="H572963" s="12"/>
    </row>
    <row r="572964" spans="8:8">
      <c r="H572964" s="12"/>
    </row>
    <row r="572965" spans="8:8">
      <c r="H572965" s="12"/>
    </row>
    <row r="572966" spans="8:8">
      <c r="H572966" s="12"/>
    </row>
    <row r="572967" spans="8:8">
      <c r="H572967" s="12"/>
    </row>
    <row r="572968" spans="8:8">
      <c r="H572968" s="12"/>
    </row>
    <row r="572969" spans="8:8">
      <c r="H572969" s="12"/>
    </row>
    <row r="572970" spans="8:8">
      <c r="H572970" s="12"/>
    </row>
    <row r="572971" spans="8:8">
      <c r="H572971" s="12"/>
    </row>
    <row r="572972" spans="8:8">
      <c r="H572972" s="12"/>
    </row>
    <row r="572973" spans="8:8">
      <c r="H572973" s="12"/>
    </row>
    <row r="572974" spans="8:8">
      <c r="H572974" s="12"/>
    </row>
    <row r="572975" spans="8:8">
      <c r="H572975" s="12"/>
    </row>
    <row r="572976" spans="8:8">
      <c r="H572976" s="12"/>
    </row>
    <row r="572977" spans="8:8">
      <c r="H572977" s="12"/>
    </row>
    <row r="572978" spans="8:8">
      <c r="H572978" s="12"/>
    </row>
    <row r="572979" spans="8:8">
      <c r="H572979" s="12"/>
    </row>
    <row r="572980" spans="8:8">
      <c r="H572980" s="12"/>
    </row>
    <row r="572981" spans="8:8">
      <c r="H572981" s="12"/>
    </row>
    <row r="572982" spans="8:8">
      <c r="H572982" s="12"/>
    </row>
    <row r="572983" spans="8:8">
      <c r="H572983" s="12"/>
    </row>
    <row r="572984" spans="8:8">
      <c r="H572984" s="12"/>
    </row>
    <row r="572985" spans="8:8">
      <c r="H572985" s="12"/>
    </row>
    <row r="572986" spans="8:8">
      <c r="H572986" s="12"/>
    </row>
    <row r="572987" spans="8:8">
      <c r="H572987" s="12"/>
    </row>
    <row r="572988" spans="8:8">
      <c r="H572988" s="12"/>
    </row>
    <row r="572989" spans="8:8">
      <c r="H572989" s="12"/>
    </row>
    <row r="572990" spans="8:8">
      <c r="H572990" s="12"/>
    </row>
    <row r="572991" spans="8:8">
      <c r="H572991" s="12"/>
    </row>
    <row r="572992" spans="8:8">
      <c r="H572992" s="12"/>
    </row>
    <row r="572993" spans="8:8">
      <c r="H572993" s="12"/>
    </row>
    <row r="572994" spans="8:8">
      <c r="H572994" s="12"/>
    </row>
    <row r="572995" spans="8:8">
      <c r="H572995" s="12"/>
    </row>
    <row r="572996" spans="8:8">
      <c r="H572996" s="12"/>
    </row>
    <row r="572997" spans="8:8">
      <c r="H572997" s="12"/>
    </row>
    <row r="572998" spans="8:8">
      <c r="H572998" s="12"/>
    </row>
    <row r="572999" spans="8:8">
      <c r="H572999" s="12"/>
    </row>
    <row r="573000" spans="8:8">
      <c r="H573000" s="12"/>
    </row>
    <row r="573001" spans="8:8">
      <c r="H573001" s="12"/>
    </row>
    <row r="573002" spans="8:8">
      <c r="H573002" s="12"/>
    </row>
    <row r="573003" spans="8:8">
      <c r="H573003" s="12"/>
    </row>
    <row r="573004" spans="8:8">
      <c r="H573004" s="12"/>
    </row>
    <row r="573005" spans="8:8">
      <c r="H573005" s="12"/>
    </row>
    <row r="573006" spans="8:8">
      <c r="H573006" s="12"/>
    </row>
    <row r="573007" spans="8:8">
      <c r="H573007" s="12"/>
    </row>
    <row r="573008" spans="8:8">
      <c r="H573008" s="12"/>
    </row>
    <row r="573009" spans="8:8">
      <c r="H573009" s="12"/>
    </row>
    <row r="573010" spans="8:8">
      <c r="H573010" s="12"/>
    </row>
    <row r="573011" spans="8:8">
      <c r="H573011" s="12"/>
    </row>
    <row r="573012" spans="8:8">
      <c r="H573012" s="12"/>
    </row>
    <row r="573013" spans="8:8">
      <c r="H573013" s="12"/>
    </row>
    <row r="573014" spans="8:8">
      <c r="H573014" s="12"/>
    </row>
    <row r="573015" spans="8:8">
      <c r="H573015" s="12"/>
    </row>
    <row r="573016" spans="8:8">
      <c r="H573016" s="12"/>
    </row>
    <row r="573017" spans="8:8">
      <c r="H573017" s="12"/>
    </row>
    <row r="573018" spans="8:8">
      <c r="H573018" s="12"/>
    </row>
    <row r="573019" spans="8:8">
      <c r="H573019" s="12"/>
    </row>
    <row r="573020" spans="8:8">
      <c r="H573020" s="12"/>
    </row>
    <row r="573021" spans="8:8">
      <c r="H573021" s="12"/>
    </row>
    <row r="573022" spans="8:8">
      <c r="H573022" s="12"/>
    </row>
    <row r="573023" spans="8:8">
      <c r="H573023" s="12"/>
    </row>
    <row r="573024" spans="8:8">
      <c r="H573024" s="12"/>
    </row>
    <row r="573025" spans="8:8">
      <c r="H573025" s="12"/>
    </row>
    <row r="573026" spans="8:8">
      <c r="H573026" s="12"/>
    </row>
    <row r="573027" spans="8:8">
      <c r="H573027" s="12"/>
    </row>
    <row r="573028" spans="8:8">
      <c r="H573028" s="12"/>
    </row>
    <row r="573029" spans="8:8">
      <c r="H573029" s="12"/>
    </row>
    <row r="573030" spans="8:8">
      <c r="H573030" s="12"/>
    </row>
    <row r="573031" spans="8:8">
      <c r="H573031" s="12"/>
    </row>
    <row r="573032" spans="8:8">
      <c r="H573032" s="12"/>
    </row>
    <row r="573033" spans="8:8">
      <c r="H573033" s="12"/>
    </row>
    <row r="573034" spans="8:8">
      <c r="H573034" s="12"/>
    </row>
    <row r="573035" spans="8:8">
      <c r="H573035" s="12"/>
    </row>
    <row r="573036" spans="8:8">
      <c r="H573036" s="12"/>
    </row>
    <row r="573037" spans="8:8">
      <c r="H573037" s="12"/>
    </row>
    <row r="573038" spans="8:8">
      <c r="H573038" s="12"/>
    </row>
    <row r="573039" spans="8:8">
      <c r="H573039" s="12"/>
    </row>
    <row r="573040" spans="8:8">
      <c r="H573040" s="12"/>
    </row>
    <row r="573041" spans="8:8">
      <c r="H573041" s="12"/>
    </row>
    <row r="573042" spans="8:8">
      <c r="H573042" s="12"/>
    </row>
    <row r="573043" spans="8:8">
      <c r="H573043" s="12"/>
    </row>
    <row r="573044" spans="8:8">
      <c r="H573044" s="12"/>
    </row>
    <row r="573045" spans="8:8">
      <c r="H573045" s="12"/>
    </row>
    <row r="573046" spans="8:8">
      <c r="H573046" s="12"/>
    </row>
    <row r="573047" spans="8:8">
      <c r="H573047" s="12"/>
    </row>
    <row r="573048" spans="8:8">
      <c r="H573048" s="12"/>
    </row>
    <row r="573049" spans="8:8">
      <c r="H573049" s="12"/>
    </row>
    <row r="573050" spans="8:8">
      <c r="H573050" s="12"/>
    </row>
    <row r="573051" spans="8:8">
      <c r="H573051" s="12"/>
    </row>
    <row r="573052" spans="8:8">
      <c r="H573052" s="12"/>
    </row>
    <row r="573053" spans="8:8">
      <c r="H573053" s="12"/>
    </row>
    <row r="573054" spans="8:8">
      <c r="H573054" s="12"/>
    </row>
    <row r="573055" spans="8:8">
      <c r="H573055" s="12"/>
    </row>
    <row r="573056" spans="8:8">
      <c r="H573056" s="12"/>
    </row>
    <row r="573057" spans="8:8">
      <c r="H573057" s="12"/>
    </row>
    <row r="573058" spans="8:8">
      <c r="H573058" s="12"/>
    </row>
    <row r="573059" spans="8:8">
      <c r="H573059" s="12"/>
    </row>
    <row r="573060" spans="8:8">
      <c r="H573060" s="12"/>
    </row>
    <row r="573061" spans="8:8">
      <c r="H573061" s="12"/>
    </row>
    <row r="573062" spans="8:8">
      <c r="H573062" s="12"/>
    </row>
    <row r="573063" spans="8:8">
      <c r="H573063" s="12"/>
    </row>
    <row r="573064" spans="8:8">
      <c r="H573064" s="12"/>
    </row>
    <row r="573065" spans="8:8">
      <c r="H573065" s="12"/>
    </row>
    <row r="573066" spans="8:8">
      <c r="H573066" s="12"/>
    </row>
    <row r="573067" spans="8:8">
      <c r="H573067" s="12"/>
    </row>
    <row r="573068" spans="8:8">
      <c r="H573068" s="12"/>
    </row>
    <row r="573069" spans="8:8">
      <c r="H573069" s="12"/>
    </row>
    <row r="573070" spans="8:8">
      <c r="H573070" s="12"/>
    </row>
    <row r="573071" spans="8:8">
      <c r="H573071" s="12"/>
    </row>
    <row r="573072" spans="8:8">
      <c r="H573072" s="12"/>
    </row>
    <row r="573073" spans="8:8">
      <c r="H573073" s="12"/>
    </row>
    <row r="573074" spans="8:8">
      <c r="H573074" s="12"/>
    </row>
    <row r="573075" spans="8:8">
      <c r="H573075" s="12"/>
    </row>
    <row r="573076" spans="8:8">
      <c r="H573076" s="12"/>
    </row>
    <row r="573077" spans="8:8">
      <c r="H573077" s="12"/>
    </row>
    <row r="573078" spans="8:8">
      <c r="H573078" s="12"/>
    </row>
    <row r="573079" spans="8:8">
      <c r="H573079" s="12"/>
    </row>
    <row r="573080" spans="8:8">
      <c r="H573080" s="12"/>
    </row>
    <row r="573081" spans="8:8">
      <c r="H573081" s="12"/>
    </row>
    <row r="573082" spans="8:8">
      <c r="H573082" s="12"/>
    </row>
    <row r="573083" spans="8:8">
      <c r="H573083" s="12"/>
    </row>
    <row r="573084" spans="8:8">
      <c r="H573084" s="12"/>
    </row>
    <row r="573085" spans="8:8">
      <c r="H573085" s="12"/>
    </row>
    <row r="573086" spans="8:8">
      <c r="H573086" s="12"/>
    </row>
    <row r="573087" spans="8:8">
      <c r="H573087" s="12"/>
    </row>
    <row r="573088" spans="8:8">
      <c r="H573088" s="12"/>
    </row>
    <row r="573089" spans="8:8">
      <c r="H573089" s="12"/>
    </row>
    <row r="573090" spans="8:8">
      <c r="H573090" s="12"/>
    </row>
    <row r="573091" spans="8:8">
      <c r="H573091" s="12"/>
    </row>
    <row r="573092" spans="8:8">
      <c r="H573092" s="12"/>
    </row>
    <row r="573093" spans="8:8">
      <c r="H573093" s="12"/>
    </row>
    <row r="573094" spans="8:8">
      <c r="H573094" s="12"/>
    </row>
    <row r="573095" spans="8:8">
      <c r="H573095" s="12"/>
    </row>
    <row r="573096" spans="8:8">
      <c r="H573096" s="12"/>
    </row>
    <row r="573097" spans="8:8">
      <c r="H573097" s="12"/>
    </row>
    <row r="573098" spans="8:8">
      <c r="H573098" s="12"/>
    </row>
    <row r="573099" spans="8:8">
      <c r="H573099" s="12"/>
    </row>
    <row r="573100" spans="8:8">
      <c r="H573100" s="12"/>
    </row>
    <row r="573101" spans="8:8">
      <c r="H573101" s="12"/>
    </row>
    <row r="573102" spans="8:8">
      <c r="H573102" s="12"/>
    </row>
    <row r="573103" spans="8:8">
      <c r="H573103" s="12"/>
    </row>
    <row r="573104" spans="8:8">
      <c r="H573104" s="12"/>
    </row>
    <row r="573105" spans="8:8">
      <c r="H573105" s="12"/>
    </row>
    <row r="573106" spans="8:8">
      <c r="H573106" s="12"/>
    </row>
    <row r="573107" spans="8:8">
      <c r="H573107" s="12"/>
    </row>
    <row r="573108" spans="8:8">
      <c r="H573108" s="12"/>
    </row>
    <row r="573109" spans="8:8">
      <c r="H573109" s="12"/>
    </row>
    <row r="573110" spans="8:8">
      <c r="H573110" s="12"/>
    </row>
    <row r="573111" spans="8:8">
      <c r="H573111" s="12"/>
    </row>
    <row r="573112" spans="8:8">
      <c r="H573112" s="12"/>
    </row>
    <row r="573113" spans="8:8">
      <c r="H573113" s="12"/>
    </row>
    <row r="573114" spans="8:8">
      <c r="H573114" s="12"/>
    </row>
    <row r="573115" spans="8:8">
      <c r="H573115" s="12"/>
    </row>
    <row r="573116" spans="8:8">
      <c r="H573116" s="12"/>
    </row>
    <row r="573117" spans="8:8">
      <c r="H573117" s="12"/>
    </row>
    <row r="573118" spans="8:8">
      <c r="H573118" s="12"/>
    </row>
    <row r="573119" spans="8:8">
      <c r="H573119" s="12"/>
    </row>
    <row r="573120" spans="8:8">
      <c r="H573120" s="12"/>
    </row>
    <row r="573121" spans="8:8">
      <c r="H573121" s="12"/>
    </row>
    <row r="573122" spans="8:8">
      <c r="H573122" s="12"/>
    </row>
    <row r="573123" spans="8:8">
      <c r="H573123" s="12"/>
    </row>
    <row r="573124" spans="8:8">
      <c r="H573124" s="12"/>
    </row>
    <row r="573125" spans="8:8">
      <c r="H573125" s="12"/>
    </row>
    <row r="573126" spans="8:8">
      <c r="H573126" s="12"/>
    </row>
    <row r="573127" spans="8:8">
      <c r="H573127" s="12"/>
    </row>
    <row r="573128" spans="8:8">
      <c r="H573128" s="12"/>
    </row>
    <row r="573129" spans="8:8">
      <c r="H573129" s="12"/>
    </row>
    <row r="573130" spans="8:8">
      <c r="H573130" s="12"/>
    </row>
    <row r="573131" spans="8:8">
      <c r="H573131" s="12"/>
    </row>
    <row r="573132" spans="8:8">
      <c r="H573132" s="12"/>
    </row>
    <row r="573133" spans="8:8">
      <c r="H573133" s="12"/>
    </row>
    <row r="573134" spans="8:8">
      <c r="H573134" s="12"/>
    </row>
    <row r="573135" spans="8:8">
      <c r="H573135" s="12"/>
    </row>
    <row r="573136" spans="8:8">
      <c r="H573136" s="12"/>
    </row>
    <row r="573137" spans="8:8">
      <c r="H573137" s="12"/>
    </row>
    <row r="573138" spans="8:8">
      <c r="H573138" s="12"/>
    </row>
    <row r="573139" spans="8:8">
      <c r="H573139" s="12"/>
    </row>
    <row r="573140" spans="8:8">
      <c r="H573140" s="12"/>
    </row>
    <row r="573141" spans="8:8">
      <c r="H573141" s="12"/>
    </row>
    <row r="573142" spans="8:8">
      <c r="H573142" s="12"/>
    </row>
    <row r="573143" spans="8:8">
      <c r="H573143" s="12"/>
    </row>
    <row r="573144" spans="8:8">
      <c r="H573144" s="12"/>
    </row>
    <row r="573145" spans="8:8">
      <c r="H573145" s="12"/>
    </row>
    <row r="573146" spans="8:8">
      <c r="H573146" s="12"/>
    </row>
    <row r="573147" spans="8:8">
      <c r="H573147" s="12"/>
    </row>
    <row r="573148" spans="8:8">
      <c r="H573148" s="12"/>
    </row>
    <row r="573149" spans="8:8">
      <c r="H573149" s="12"/>
    </row>
    <row r="573150" spans="8:8">
      <c r="H573150" s="12"/>
    </row>
    <row r="573151" spans="8:8">
      <c r="H573151" s="12"/>
    </row>
    <row r="573152" spans="8:8">
      <c r="H573152" s="12"/>
    </row>
    <row r="573153" spans="8:8">
      <c r="H573153" s="12"/>
    </row>
    <row r="573154" spans="8:8">
      <c r="H573154" s="12"/>
    </row>
    <row r="573155" spans="8:8">
      <c r="H573155" s="12"/>
    </row>
    <row r="573156" spans="8:8">
      <c r="H573156" s="12"/>
    </row>
    <row r="573157" spans="8:8">
      <c r="H573157" s="12"/>
    </row>
    <row r="573158" spans="8:8">
      <c r="H573158" s="12"/>
    </row>
    <row r="573159" spans="8:8">
      <c r="H573159" s="12"/>
    </row>
    <row r="573160" spans="8:8">
      <c r="H573160" s="12"/>
    </row>
    <row r="573161" spans="8:8">
      <c r="H573161" s="12"/>
    </row>
    <row r="573162" spans="8:8">
      <c r="H573162" s="12"/>
    </row>
    <row r="573163" spans="8:8">
      <c r="H573163" s="12"/>
    </row>
    <row r="573164" spans="8:8">
      <c r="H573164" s="12"/>
    </row>
    <row r="573165" spans="8:8">
      <c r="H573165" s="12"/>
    </row>
    <row r="573166" spans="8:8">
      <c r="H573166" s="12"/>
    </row>
    <row r="573167" spans="8:8">
      <c r="H573167" s="12"/>
    </row>
    <row r="573168" spans="8:8">
      <c r="H573168" s="12"/>
    </row>
    <row r="573169" spans="8:8">
      <c r="H573169" s="12"/>
    </row>
    <row r="573170" spans="8:8">
      <c r="H573170" s="12"/>
    </row>
    <row r="573171" spans="8:8">
      <c r="H573171" s="12"/>
    </row>
    <row r="573172" spans="8:8">
      <c r="H573172" s="12"/>
    </row>
    <row r="573173" spans="8:8">
      <c r="H573173" s="12"/>
    </row>
    <row r="573174" spans="8:8">
      <c r="H573174" s="12"/>
    </row>
    <row r="573175" spans="8:8">
      <c r="H573175" s="12"/>
    </row>
    <row r="573176" spans="8:8">
      <c r="H573176" s="12"/>
    </row>
    <row r="573177" spans="8:8">
      <c r="H573177" s="12"/>
    </row>
    <row r="573178" spans="8:8">
      <c r="H573178" s="12"/>
    </row>
    <row r="573179" spans="8:8">
      <c r="H573179" s="12"/>
    </row>
    <row r="573180" spans="8:8">
      <c r="H573180" s="12"/>
    </row>
    <row r="573181" spans="8:8">
      <c r="H573181" s="12"/>
    </row>
    <row r="573182" spans="8:8">
      <c r="H573182" s="12"/>
    </row>
    <row r="573183" spans="8:8">
      <c r="H573183" s="12"/>
    </row>
    <row r="573184" spans="8:8">
      <c r="H573184" s="12"/>
    </row>
    <row r="573185" spans="8:8">
      <c r="H573185" s="12"/>
    </row>
    <row r="573186" spans="8:8">
      <c r="H573186" s="12"/>
    </row>
    <row r="573187" spans="8:8">
      <c r="H573187" s="12"/>
    </row>
    <row r="573188" spans="8:8">
      <c r="H573188" s="12"/>
    </row>
    <row r="573189" spans="8:8">
      <c r="H573189" s="12"/>
    </row>
    <row r="573190" spans="8:8">
      <c r="H573190" s="12"/>
    </row>
    <row r="573191" spans="8:8">
      <c r="H573191" s="12"/>
    </row>
    <row r="573192" spans="8:8">
      <c r="H573192" s="12"/>
    </row>
    <row r="573193" spans="8:8">
      <c r="H573193" s="12"/>
    </row>
    <row r="573194" spans="8:8">
      <c r="H573194" s="12"/>
    </row>
    <row r="573195" spans="8:8">
      <c r="H573195" s="12"/>
    </row>
    <row r="573196" spans="8:8">
      <c r="H573196" s="12"/>
    </row>
    <row r="573197" spans="8:8">
      <c r="H573197" s="12"/>
    </row>
    <row r="573198" spans="8:8">
      <c r="H573198" s="12"/>
    </row>
    <row r="573199" spans="8:8">
      <c r="H573199" s="12"/>
    </row>
    <row r="573200" spans="8:8">
      <c r="H573200" s="12"/>
    </row>
    <row r="573201" spans="8:8">
      <c r="H573201" s="12"/>
    </row>
    <row r="573202" spans="8:8">
      <c r="H573202" s="12"/>
    </row>
    <row r="573203" spans="8:8">
      <c r="H573203" s="12"/>
    </row>
    <row r="573204" spans="8:8">
      <c r="H573204" s="12"/>
    </row>
    <row r="573205" spans="8:8">
      <c r="H573205" s="12"/>
    </row>
    <row r="573206" spans="8:8">
      <c r="H573206" s="12"/>
    </row>
    <row r="573207" spans="8:8">
      <c r="H573207" s="12"/>
    </row>
    <row r="573208" spans="8:8">
      <c r="H573208" s="12"/>
    </row>
    <row r="573209" spans="8:8">
      <c r="H573209" s="12"/>
    </row>
    <row r="573210" spans="8:8">
      <c r="H573210" s="12"/>
    </row>
    <row r="573211" spans="8:8">
      <c r="H573211" s="12"/>
    </row>
    <row r="573212" spans="8:8">
      <c r="H573212" s="12"/>
    </row>
    <row r="573213" spans="8:8">
      <c r="H573213" s="12"/>
    </row>
    <row r="573214" spans="8:8">
      <c r="H573214" s="12"/>
    </row>
    <row r="573215" spans="8:8">
      <c r="H573215" s="12"/>
    </row>
    <row r="573216" spans="8:8">
      <c r="H573216" s="12"/>
    </row>
    <row r="573217" spans="8:8">
      <c r="H573217" s="12"/>
    </row>
    <row r="573218" spans="8:8">
      <c r="H573218" s="12"/>
    </row>
    <row r="573219" spans="8:8">
      <c r="H573219" s="12"/>
    </row>
    <row r="573220" spans="8:8">
      <c r="H573220" s="12"/>
    </row>
    <row r="573221" spans="8:8">
      <c r="H573221" s="12"/>
    </row>
    <row r="573222" spans="8:8">
      <c r="H573222" s="12"/>
    </row>
    <row r="573223" spans="8:8">
      <c r="H573223" s="12"/>
    </row>
    <row r="573224" spans="8:8">
      <c r="H573224" s="12"/>
    </row>
    <row r="573225" spans="8:8">
      <c r="H573225" s="12"/>
    </row>
    <row r="573226" spans="8:8">
      <c r="H573226" s="12"/>
    </row>
    <row r="573227" spans="8:8">
      <c r="H573227" s="12"/>
    </row>
    <row r="573228" spans="8:8">
      <c r="H573228" s="12"/>
    </row>
    <row r="573229" spans="8:8">
      <c r="H573229" s="12"/>
    </row>
    <row r="573230" spans="8:8">
      <c r="H573230" s="12"/>
    </row>
    <row r="573231" spans="8:8">
      <c r="H573231" s="12"/>
    </row>
    <row r="573232" spans="8:8">
      <c r="H573232" s="12"/>
    </row>
    <row r="573233" spans="8:8">
      <c r="H573233" s="12"/>
    </row>
    <row r="573234" spans="8:8">
      <c r="H573234" s="12"/>
    </row>
    <row r="573235" spans="8:8">
      <c r="H573235" s="12"/>
    </row>
    <row r="573236" spans="8:8">
      <c r="H573236" s="12"/>
    </row>
    <row r="573237" spans="8:8">
      <c r="H573237" s="12"/>
    </row>
    <row r="573238" spans="8:8">
      <c r="H573238" s="12"/>
    </row>
    <row r="573239" spans="8:8">
      <c r="H573239" s="12"/>
    </row>
    <row r="573240" spans="8:8">
      <c r="H573240" s="12"/>
    </row>
    <row r="573241" spans="8:8">
      <c r="H573241" s="12"/>
    </row>
    <row r="573242" spans="8:8">
      <c r="H573242" s="12"/>
    </row>
    <row r="573243" spans="8:8">
      <c r="H573243" s="12"/>
    </row>
    <row r="573244" spans="8:8">
      <c r="H573244" s="12"/>
    </row>
    <row r="573245" spans="8:8">
      <c r="H573245" s="12"/>
    </row>
    <row r="573246" spans="8:8">
      <c r="H573246" s="12"/>
    </row>
    <row r="573247" spans="8:8">
      <c r="H573247" s="12"/>
    </row>
    <row r="573248" spans="8:8">
      <c r="H573248" s="12"/>
    </row>
    <row r="573249" spans="8:8">
      <c r="H573249" s="12"/>
    </row>
    <row r="573250" spans="8:8">
      <c r="H573250" s="12"/>
    </row>
    <row r="573251" spans="8:8">
      <c r="H573251" s="12"/>
    </row>
    <row r="573252" spans="8:8">
      <c r="H573252" s="12"/>
    </row>
    <row r="573253" spans="8:8">
      <c r="H573253" s="12"/>
    </row>
    <row r="573254" spans="8:8">
      <c r="H573254" s="12"/>
    </row>
    <row r="573255" spans="8:8">
      <c r="H573255" s="12"/>
    </row>
    <row r="573256" spans="8:8">
      <c r="H573256" s="12"/>
    </row>
    <row r="573257" spans="8:8">
      <c r="H573257" s="12"/>
    </row>
    <row r="573258" spans="8:8">
      <c r="H573258" s="12"/>
    </row>
    <row r="573259" spans="8:8">
      <c r="H573259" s="12"/>
    </row>
    <row r="573260" spans="8:8">
      <c r="H573260" s="12"/>
    </row>
    <row r="573261" spans="8:8">
      <c r="H573261" s="12"/>
    </row>
    <row r="573262" spans="8:8">
      <c r="H573262" s="12"/>
    </row>
    <row r="573263" spans="8:8">
      <c r="H573263" s="12"/>
    </row>
    <row r="573264" spans="8:8">
      <c r="H573264" s="12"/>
    </row>
    <row r="573265" spans="8:8">
      <c r="H573265" s="12"/>
    </row>
    <row r="573266" spans="8:8">
      <c r="H573266" s="12"/>
    </row>
    <row r="573267" spans="8:8">
      <c r="H573267" s="12"/>
    </row>
    <row r="573268" spans="8:8">
      <c r="H573268" s="12"/>
    </row>
    <row r="573269" spans="8:8">
      <c r="H573269" s="12"/>
    </row>
    <row r="573270" spans="8:8">
      <c r="H573270" s="12"/>
    </row>
    <row r="573271" spans="8:8">
      <c r="H573271" s="12"/>
    </row>
    <row r="573272" spans="8:8">
      <c r="H573272" s="12"/>
    </row>
    <row r="573273" spans="8:8">
      <c r="H573273" s="12"/>
    </row>
    <row r="573274" spans="8:8">
      <c r="H573274" s="12"/>
    </row>
    <row r="573275" spans="8:8">
      <c r="H573275" s="12"/>
    </row>
    <row r="573276" spans="8:8">
      <c r="H573276" s="12"/>
    </row>
    <row r="573277" spans="8:8">
      <c r="H573277" s="12"/>
    </row>
    <row r="573278" spans="8:8">
      <c r="H573278" s="12"/>
    </row>
    <row r="573279" spans="8:8">
      <c r="H573279" s="12"/>
    </row>
    <row r="573280" spans="8:8">
      <c r="H573280" s="12"/>
    </row>
    <row r="573281" spans="8:8">
      <c r="H573281" s="12"/>
    </row>
    <row r="573282" spans="8:8">
      <c r="H573282" s="12"/>
    </row>
    <row r="573283" spans="8:8">
      <c r="H573283" s="12"/>
    </row>
    <row r="573284" spans="8:8">
      <c r="H573284" s="12"/>
    </row>
    <row r="573285" spans="8:8">
      <c r="H573285" s="12"/>
    </row>
    <row r="573286" spans="8:8">
      <c r="H573286" s="12"/>
    </row>
    <row r="573287" spans="8:8">
      <c r="H573287" s="12"/>
    </row>
    <row r="573288" spans="8:8">
      <c r="H573288" s="12"/>
    </row>
    <row r="573289" spans="8:8">
      <c r="H573289" s="12"/>
    </row>
    <row r="573290" spans="8:8">
      <c r="H573290" s="12"/>
    </row>
    <row r="573291" spans="8:8">
      <c r="H573291" s="12"/>
    </row>
    <row r="573292" spans="8:8">
      <c r="H573292" s="12"/>
    </row>
    <row r="573293" spans="8:8">
      <c r="H573293" s="12"/>
    </row>
    <row r="573294" spans="8:8">
      <c r="H573294" s="12"/>
    </row>
    <row r="573295" spans="8:8">
      <c r="H573295" s="12"/>
    </row>
    <row r="573296" spans="8:8">
      <c r="H573296" s="12"/>
    </row>
    <row r="573297" spans="8:8">
      <c r="H573297" s="12"/>
    </row>
    <row r="573298" spans="8:8">
      <c r="H573298" s="12"/>
    </row>
    <row r="573299" spans="8:8">
      <c r="H573299" s="12"/>
    </row>
    <row r="573300" spans="8:8">
      <c r="H573300" s="12"/>
    </row>
    <row r="573301" spans="8:8">
      <c r="H573301" s="12"/>
    </row>
    <row r="573302" spans="8:8">
      <c r="H573302" s="12"/>
    </row>
    <row r="573303" spans="8:8">
      <c r="H573303" s="12"/>
    </row>
    <row r="573304" spans="8:8">
      <c r="H573304" s="12"/>
    </row>
    <row r="573305" spans="8:8">
      <c r="H573305" s="12"/>
    </row>
    <row r="573306" spans="8:8">
      <c r="H573306" s="12"/>
    </row>
    <row r="573307" spans="8:8">
      <c r="H573307" s="12"/>
    </row>
    <row r="573308" spans="8:8">
      <c r="H573308" s="12"/>
    </row>
    <row r="573309" spans="8:8">
      <c r="H573309" s="12"/>
    </row>
    <row r="573310" spans="8:8">
      <c r="H573310" s="12"/>
    </row>
    <row r="573311" spans="8:8">
      <c r="H573311" s="12"/>
    </row>
    <row r="573312" spans="8:8">
      <c r="H573312" s="12"/>
    </row>
    <row r="573313" spans="8:8">
      <c r="H573313" s="12"/>
    </row>
    <row r="573314" spans="8:8">
      <c r="H573314" s="12"/>
    </row>
    <row r="573315" spans="8:8">
      <c r="H573315" s="12"/>
    </row>
    <row r="573316" spans="8:8">
      <c r="H573316" s="12"/>
    </row>
    <row r="573317" spans="8:8">
      <c r="H573317" s="12"/>
    </row>
    <row r="573318" spans="8:8">
      <c r="H573318" s="12"/>
    </row>
    <row r="573319" spans="8:8">
      <c r="H573319" s="12"/>
    </row>
    <row r="573320" spans="8:8">
      <c r="H573320" s="12"/>
    </row>
    <row r="573321" spans="8:8">
      <c r="H573321" s="12"/>
    </row>
    <row r="573322" spans="8:8">
      <c r="H573322" s="12"/>
    </row>
    <row r="573323" spans="8:8">
      <c r="H573323" s="12"/>
    </row>
    <row r="573324" spans="8:8">
      <c r="H573324" s="12"/>
    </row>
    <row r="573325" spans="8:8">
      <c r="H573325" s="12"/>
    </row>
    <row r="573326" spans="8:8">
      <c r="H573326" s="12"/>
    </row>
    <row r="573327" spans="8:8">
      <c r="H573327" s="12"/>
    </row>
    <row r="573328" spans="8:8">
      <c r="H573328" s="12"/>
    </row>
    <row r="573329" spans="8:8">
      <c r="H573329" s="12"/>
    </row>
    <row r="573330" spans="8:8">
      <c r="H573330" s="12"/>
    </row>
    <row r="573331" spans="8:8">
      <c r="H573331" s="12"/>
    </row>
    <row r="573332" spans="8:8">
      <c r="H573332" s="12"/>
    </row>
    <row r="573333" spans="8:8">
      <c r="H573333" s="12"/>
    </row>
    <row r="573334" spans="8:8">
      <c r="H573334" s="12"/>
    </row>
    <row r="573335" spans="8:8">
      <c r="H573335" s="12"/>
    </row>
    <row r="573336" spans="8:8">
      <c r="H573336" s="12"/>
    </row>
    <row r="573337" spans="8:8">
      <c r="H573337" s="12"/>
    </row>
    <row r="573338" spans="8:8">
      <c r="H573338" s="12"/>
    </row>
    <row r="573339" spans="8:8">
      <c r="H573339" s="12"/>
    </row>
    <row r="573340" spans="8:8">
      <c r="H573340" s="12"/>
    </row>
    <row r="573341" spans="8:8">
      <c r="H573341" s="12"/>
    </row>
    <row r="573342" spans="8:8">
      <c r="H573342" s="12"/>
    </row>
    <row r="573343" spans="8:8">
      <c r="H573343" s="12"/>
    </row>
    <row r="573344" spans="8:8">
      <c r="H573344" s="12"/>
    </row>
    <row r="573345" spans="8:8">
      <c r="H573345" s="12"/>
    </row>
    <row r="573346" spans="8:8">
      <c r="H573346" s="12"/>
    </row>
    <row r="573347" spans="8:8">
      <c r="H573347" s="12"/>
    </row>
    <row r="573348" spans="8:8">
      <c r="H573348" s="12"/>
    </row>
    <row r="573349" spans="8:8">
      <c r="H573349" s="12"/>
    </row>
    <row r="573350" spans="8:8">
      <c r="H573350" s="12"/>
    </row>
    <row r="573351" spans="8:8">
      <c r="H573351" s="12"/>
    </row>
    <row r="573352" spans="8:8">
      <c r="H573352" s="12"/>
    </row>
    <row r="573353" spans="8:8">
      <c r="H573353" s="12"/>
    </row>
    <row r="573354" spans="8:8">
      <c r="H573354" s="12"/>
    </row>
    <row r="573355" spans="8:8">
      <c r="H573355" s="12"/>
    </row>
    <row r="573356" spans="8:8">
      <c r="H573356" s="12"/>
    </row>
    <row r="573357" spans="8:8">
      <c r="H573357" s="12"/>
    </row>
    <row r="573358" spans="8:8">
      <c r="H573358" s="12"/>
    </row>
    <row r="573359" spans="8:8">
      <c r="H573359" s="12"/>
    </row>
    <row r="573360" spans="8:8">
      <c r="H573360" s="12"/>
    </row>
    <row r="573361" spans="8:8">
      <c r="H573361" s="12"/>
    </row>
    <row r="573362" spans="8:8">
      <c r="H573362" s="12"/>
    </row>
    <row r="573363" spans="8:8">
      <c r="H573363" s="12"/>
    </row>
    <row r="573364" spans="8:8">
      <c r="H573364" s="12"/>
    </row>
    <row r="573365" spans="8:8">
      <c r="H573365" s="12"/>
    </row>
    <row r="573366" spans="8:8">
      <c r="H573366" s="12"/>
    </row>
    <row r="573367" spans="8:8">
      <c r="H573367" s="12"/>
    </row>
    <row r="573368" spans="8:8">
      <c r="H573368" s="12"/>
    </row>
    <row r="573369" spans="8:8">
      <c r="H573369" s="12"/>
    </row>
    <row r="573370" spans="8:8">
      <c r="H573370" s="12"/>
    </row>
    <row r="573371" spans="8:8">
      <c r="H573371" s="12"/>
    </row>
    <row r="573372" spans="8:8">
      <c r="H573372" s="12"/>
    </row>
    <row r="573373" spans="8:8">
      <c r="H573373" s="12"/>
    </row>
    <row r="573374" spans="8:8">
      <c r="H573374" s="12"/>
    </row>
    <row r="573375" spans="8:8">
      <c r="H573375" s="12"/>
    </row>
    <row r="573376" spans="8:8">
      <c r="H573376" s="12"/>
    </row>
    <row r="573377" spans="8:8">
      <c r="H573377" s="12"/>
    </row>
    <row r="573378" spans="8:8">
      <c r="H573378" s="12"/>
    </row>
    <row r="573379" spans="8:8">
      <c r="H573379" s="12"/>
    </row>
    <row r="573380" spans="8:8">
      <c r="H573380" s="12"/>
    </row>
    <row r="573381" spans="8:8">
      <c r="H573381" s="12"/>
    </row>
    <row r="573382" spans="8:8">
      <c r="H573382" s="12"/>
    </row>
    <row r="573383" spans="8:8">
      <c r="H573383" s="12"/>
    </row>
    <row r="573384" spans="8:8">
      <c r="H573384" s="12"/>
    </row>
    <row r="573385" spans="8:8">
      <c r="H573385" s="12"/>
    </row>
    <row r="573386" spans="8:8">
      <c r="H573386" s="12"/>
    </row>
    <row r="573387" spans="8:8">
      <c r="H573387" s="12"/>
    </row>
    <row r="573388" spans="8:8">
      <c r="H573388" s="12"/>
    </row>
    <row r="573389" spans="8:8">
      <c r="H573389" s="12"/>
    </row>
    <row r="573390" spans="8:8">
      <c r="H573390" s="12"/>
    </row>
    <row r="573391" spans="8:8">
      <c r="H573391" s="12"/>
    </row>
    <row r="573392" spans="8:8">
      <c r="H573392" s="12"/>
    </row>
    <row r="573393" spans="8:8">
      <c r="H573393" s="12"/>
    </row>
    <row r="573394" spans="8:8">
      <c r="H573394" s="12"/>
    </row>
    <row r="573395" spans="8:8">
      <c r="H573395" s="12"/>
    </row>
    <row r="573396" spans="8:8">
      <c r="H573396" s="12"/>
    </row>
    <row r="573397" spans="8:8">
      <c r="H573397" s="12"/>
    </row>
    <row r="573398" spans="8:8">
      <c r="H573398" s="12"/>
    </row>
    <row r="573399" spans="8:8">
      <c r="H573399" s="12"/>
    </row>
    <row r="573400" spans="8:8">
      <c r="H573400" s="12"/>
    </row>
    <row r="573401" spans="8:8">
      <c r="H573401" s="12"/>
    </row>
    <row r="573402" spans="8:8">
      <c r="H573402" s="12"/>
    </row>
    <row r="573403" spans="8:8">
      <c r="H573403" s="12"/>
    </row>
    <row r="573404" spans="8:8">
      <c r="H573404" s="12"/>
    </row>
    <row r="573405" spans="8:8">
      <c r="H573405" s="12"/>
    </row>
    <row r="573406" spans="8:8">
      <c r="H573406" s="12"/>
    </row>
    <row r="573407" spans="8:8">
      <c r="H573407" s="12"/>
    </row>
    <row r="573408" spans="8:8">
      <c r="H573408" s="12"/>
    </row>
    <row r="573409" spans="8:8">
      <c r="H573409" s="12"/>
    </row>
    <row r="573410" spans="8:8">
      <c r="H573410" s="12"/>
    </row>
    <row r="573411" spans="8:8">
      <c r="H573411" s="12"/>
    </row>
    <row r="573412" spans="8:8">
      <c r="H573412" s="12"/>
    </row>
    <row r="573413" spans="8:8">
      <c r="H573413" s="12"/>
    </row>
    <row r="573414" spans="8:8">
      <c r="H573414" s="12"/>
    </row>
    <row r="573415" spans="8:8">
      <c r="H573415" s="12"/>
    </row>
    <row r="573416" spans="8:8">
      <c r="H573416" s="12"/>
    </row>
    <row r="573417" spans="8:8">
      <c r="H573417" s="12"/>
    </row>
    <row r="573418" spans="8:8">
      <c r="H573418" s="12"/>
    </row>
    <row r="573419" spans="8:8">
      <c r="H573419" s="12"/>
    </row>
    <row r="573420" spans="8:8">
      <c r="H573420" s="12"/>
    </row>
    <row r="573421" spans="8:8">
      <c r="H573421" s="12"/>
    </row>
    <row r="573422" spans="8:8">
      <c r="H573422" s="12"/>
    </row>
    <row r="573423" spans="8:8">
      <c r="H573423" s="12"/>
    </row>
    <row r="573424" spans="8:8">
      <c r="H573424" s="12"/>
    </row>
    <row r="573425" spans="8:8">
      <c r="H573425" s="12"/>
    </row>
    <row r="573426" spans="8:8">
      <c r="H573426" s="12"/>
    </row>
    <row r="573427" spans="8:8">
      <c r="H573427" s="12"/>
    </row>
    <row r="573428" spans="8:8">
      <c r="H573428" s="12"/>
    </row>
    <row r="573429" spans="8:8">
      <c r="H573429" s="12"/>
    </row>
    <row r="573430" spans="8:8">
      <c r="H573430" s="12"/>
    </row>
    <row r="573431" spans="8:8">
      <c r="H573431" s="12"/>
    </row>
    <row r="573432" spans="8:8">
      <c r="H573432" s="12"/>
    </row>
    <row r="573433" spans="8:8">
      <c r="H573433" s="12"/>
    </row>
    <row r="573434" spans="8:8">
      <c r="H573434" s="12"/>
    </row>
    <row r="573435" spans="8:8">
      <c r="H573435" s="12"/>
    </row>
    <row r="573436" spans="8:8">
      <c r="H573436" s="12"/>
    </row>
    <row r="573437" spans="8:8">
      <c r="H573437" s="12"/>
    </row>
    <row r="573438" spans="8:8">
      <c r="H573438" s="12"/>
    </row>
    <row r="573439" spans="8:8">
      <c r="H573439" s="12"/>
    </row>
    <row r="573440" spans="8:8">
      <c r="H573440" s="12"/>
    </row>
    <row r="573441" spans="8:8">
      <c r="H573441" s="12"/>
    </row>
    <row r="573442" spans="8:8">
      <c r="H573442" s="12"/>
    </row>
    <row r="573443" spans="8:8">
      <c r="H573443" s="12"/>
    </row>
    <row r="573444" spans="8:8">
      <c r="H573444" s="12"/>
    </row>
    <row r="573445" spans="8:8">
      <c r="H573445" s="12"/>
    </row>
    <row r="573446" spans="8:8">
      <c r="H573446" s="12"/>
    </row>
    <row r="573447" spans="8:8">
      <c r="H573447" s="12"/>
    </row>
    <row r="573448" spans="8:8">
      <c r="H573448" s="12"/>
    </row>
    <row r="573449" spans="8:8">
      <c r="H573449" s="12"/>
    </row>
    <row r="573450" spans="8:8">
      <c r="H573450" s="12"/>
    </row>
    <row r="573451" spans="8:8">
      <c r="H573451" s="12"/>
    </row>
    <row r="573452" spans="8:8">
      <c r="H573452" s="12"/>
    </row>
    <row r="573453" spans="8:8">
      <c r="H573453" s="12"/>
    </row>
    <row r="573454" spans="8:8">
      <c r="H573454" s="12"/>
    </row>
    <row r="573455" spans="8:8">
      <c r="H573455" s="12"/>
    </row>
    <row r="573456" spans="8:8">
      <c r="H573456" s="12"/>
    </row>
    <row r="573457" spans="8:8">
      <c r="H573457" s="12"/>
    </row>
    <row r="573458" spans="8:8">
      <c r="H573458" s="12"/>
    </row>
    <row r="573459" spans="8:8">
      <c r="H573459" s="12"/>
    </row>
    <row r="573460" spans="8:8">
      <c r="H573460" s="12"/>
    </row>
    <row r="573461" spans="8:8">
      <c r="H573461" s="12"/>
    </row>
    <row r="573462" spans="8:8">
      <c r="H573462" s="12"/>
    </row>
    <row r="573463" spans="8:8">
      <c r="H573463" s="12"/>
    </row>
    <row r="573464" spans="8:8">
      <c r="H573464" s="12"/>
    </row>
    <row r="573465" spans="8:8">
      <c r="H573465" s="12"/>
    </row>
    <row r="573466" spans="8:8">
      <c r="H573466" s="12"/>
    </row>
    <row r="573467" spans="8:8">
      <c r="H573467" s="12"/>
    </row>
    <row r="573468" spans="8:8">
      <c r="H573468" s="12"/>
    </row>
    <row r="573469" spans="8:8">
      <c r="H573469" s="12"/>
    </row>
    <row r="573470" spans="8:8">
      <c r="H573470" s="12"/>
    </row>
    <row r="573471" spans="8:8">
      <c r="H573471" s="12"/>
    </row>
    <row r="573472" spans="8:8">
      <c r="H573472" s="12"/>
    </row>
    <row r="573473" spans="8:8">
      <c r="H573473" s="12"/>
    </row>
    <row r="573474" spans="8:8">
      <c r="H573474" s="12"/>
    </row>
    <row r="573475" spans="8:8">
      <c r="H573475" s="12"/>
    </row>
    <row r="573476" spans="8:8">
      <c r="H573476" s="12"/>
    </row>
    <row r="573477" spans="8:8">
      <c r="H573477" s="12"/>
    </row>
    <row r="573478" spans="8:8">
      <c r="H573478" s="12"/>
    </row>
    <row r="573479" spans="8:8">
      <c r="H573479" s="12"/>
    </row>
    <row r="573480" spans="8:8">
      <c r="H573480" s="12"/>
    </row>
    <row r="573481" spans="8:8">
      <c r="H573481" s="12"/>
    </row>
    <row r="573482" spans="8:8">
      <c r="H573482" s="12"/>
    </row>
    <row r="573483" spans="8:8">
      <c r="H573483" s="12"/>
    </row>
    <row r="573484" spans="8:8">
      <c r="H573484" s="12"/>
    </row>
    <row r="573485" spans="8:8">
      <c r="H573485" s="12"/>
    </row>
    <row r="573486" spans="8:8">
      <c r="H573486" s="12"/>
    </row>
    <row r="573487" spans="8:8">
      <c r="H573487" s="12"/>
    </row>
    <row r="573488" spans="8:8">
      <c r="H573488" s="12"/>
    </row>
    <row r="573489" spans="8:8">
      <c r="H573489" s="12"/>
    </row>
    <row r="573490" spans="8:8">
      <c r="H573490" s="12"/>
    </row>
    <row r="573491" spans="8:8">
      <c r="H573491" s="12"/>
    </row>
    <row r="573492" spans="8:8">
      <c r="H573492" s="12"/>
    </row>
    <row r="573493" spans="8:8">
      <c r="H573493" s="12"/>
    </row>
    <row r="573494" spans="8:8">
      <c r="H573494" s="12"/>
    </row>
    <row r="573495" spans="8:8">
      <c r="H573495" s="12"/>
    </row>
    <row r="573496" spans="8:8">
      <c r="H573496" s="12"/>
    </row>
    <row r="573497" spans="8:8">
      <c r="H573497" s="12"/>
    </row>
    <row r="573498" spans="8:8">
      <c r="H573498" s="12"/>
    </row>
    <row r="573499" spans="8:8">
      <c r="H573499" s="12"/>
    </row>
    <row r="573500" spans="8:8">
      <c r="H573500" s="12"/>
    </row>
    <row r="573501" spans="8:8">
      <c r="H573501" s="12"/>
    </row>
    <row r="573502" spans="8:8">
      <c r="H573502" s="12"/>
    </row>
    <row r="573503" spans="8:8">
      <c r="H573503" s="12"/>
    </row>
    <row r="573504" spans="8:8">
      <c r="H573504" s="12"/>
    </row>
    <row r="573505" spans="8:8">
      <c r="H573505" s="12"/>
    </row>
    <row r="573506" spans="8:8">
      <c r="H573506" s="12"/>
    </row>
    <row r="573507" spans="8:8">
      <c r="H573507" s="12"/>
    </row>
    <row r="573508" spans="8:8">
      <c r="H573508" s="12"/>
    </row>
    <row r="573509" spans="8:8">
      <c r="H573509" s="12"/>
    </row>
    <row r="573510" spans="8:8">
      <c r="H573510" s="12"/>
    </row>
    <row r="573511" spans="8:8">
      <c r="H573511" s="12"/>
    </row>
    <row r="573512" spans="8:8">
      <c r="H573512" s="12"/>
    </row>
    <row r="573513" spans="8:8">
      <c r="H573513" s="12"/>
    </row>
    <row r="573514" spans="8:8">
      <c r="H573514" s="12"/>
    </row>
    <row r="573515" spans="8:8">
      <c r="H573515" s="12"/>
    </row>
    <row r="573516" spans="8:8">
      <c r="H573516" s="12"/>
    </row>
    <row r="573517" spans="8:8">
      <c r="H573517" s="12"/>
    </row>
    <row r="573518" spans="8:8">
      <c r="H573518" s="12"/>
    </row>
    <row r="573519" spans="8:8">
      <c r="H573519" s="12"/>
    </row>
    <row r="573520" spans="8:8">
      <c r="H573520" s="12"/>
    </row>
    <row r="573521" spans="8:8">
      <c r="H573521" s="12"/>
    </row>
    <row r="573522" spans="8:8">
      <c r="H573522" s="12"/>
    </row>
    <row r="573523" spans="8:8">
      <c r="H573523" s="12"/>
    </row>
    <row r="573524" spans="8:8">
      <c r="H573524" s="12"/>
    </row>
    <row r="573525" spans="8:8">
      <c r="H573525" s="12"/>
    </row>
    <row r="573526" spans="8:8">
      <c r="H573526" s="12"/>
    </row>
    <row r="573527" spans="8:8">
      <c r="H573527" s="12"/>
    </row>
    <row r="573528" spans="8:8">
      <c r="H573528" s="12"/>
    </row>
    <row r="573529" spans="8:8">
      <c r="H573529" s="12"/>
    </row>
    <row r="573530" spans="8:8">
      <c r="H573530" s="12"/>
    </row>
    <row r="573531" spans="8:8">
      <c r="H573531" s="12"/>
    </row>
    <row r="573532" spans="8:8">
      <c r="H573532" s="12"/>
    </row>
    <row r="573533" spans="8:8">
      <c r="H573533" s="12"/>
    </row>
    <row r="573534" spans="8:8">
      <c r="H573534" s="12"/>
    </row>
    <row r="573535" spans="8:8">
      <c r="H573535" s="12"/>
    </row>
    <row r="573536" spans="8:8">
      <c r="H573536" s="12"/>
    </row>
    <row r="573537" spans="8:8">
      <c r="H573537" s="12"/>
    </row>
    <row r="573538" spans="8:8">
      <c r="H573538" s="12"/>
    </row>
    <row r="573539" spans="8:8">
      <c r="H573539" s="12"/>
    </row>
    <row r="573540" spans="8:8">
      <c r="H573540" s="12"/>
    </row>
    <row r="573541" spans="8:8">
      <c r="H573541" s="12"/>
    </row>
    <row r="573542" spans="8:8">
      <c r="H573542" s="12"/>
    </row>
    <row r="573543" spans="8:8">
      <c r="H573543" s="12"/>
    </row>
    <row r="573544" spans="8:8">
      <c r="H573544" s="12"/>
    </row>
    <row r="573545" spans="8:8">
      <c r="H573545" s="12"/>
    </row>
    <row r="573546" spans="8:8">
      <c r="H573546" s="12"/>
    </row>
    <row r="573547" spans="8:8">
      <c r="H573547" s="12"/>
    </row>
    <row r="573548" spans="8:8">
      <c r="H573548" s="12"/>
    </row>
    <row r="573549" spans="8:8">
      <c r="H573549" s="12"/>
    </row>
    <row r="573550" spans="8:8">
      <c r="H573550" s="12"/>
    </row>
    <row r="573551" spans="8:8">
      <c r="H573551" s="12"/>
    </row>
    <row r="573552" spans="8:8">
      <c r="H573552" s="12"/>
    </row>
    <row r="573553" spans="8:8">
      <c r="H573553" s="12"/>
    </row>
    <row r="573554" spans="8:8">
      <c r="H573554" s="12"/>
    </row>
    <row r="573555" spans="8:8">
      <c r="H573555" s="12"/>
    </row>
    <row r="573556" spans="8:8">
      <c r="H573556" s="12"/>
    </row>
    <row r="573557" spans="8:8">
      <c r="H573557" s="12"/>
    </row>
    <row r="573558" spans="8:8">
      <c r="H573558" s="12"/>
    </row>
    <row r="573559" spans="8:8">
      <c r="H573559" s="12"/>
    </row>
    <row r="573560" spans="8:8">
      <c r="H573560" s="12"/>
    </row>
    <row r="573561" spans="8:8">
      <c r="H573561" s="12"/>
    </row>
    <row r="573562" spans="8:8">
      <c r="H573562" s="12"/>
    </row>
    <row r="573563" spans="8:8">
      <c r="H573563" s="12"/>
    </row>
    <row r="573564" spans="8:8">
      <c r="H573564" s="12"/>
    </row>
    <row r="573565" spans="8:8">
      <c r="H573565" s="12"/>
    </row>
    <row r="573566" spans="8:8">
      <c r="H573566" s="12"/>
    </row>
    <row r="573567" spans="8:8">
      <c r="H573567" s="12"/>
    </row>
    <row r="573568" spans="8:8">
      <c r="H573568" s="12"/>
    </row>
    <row r="573569" spans="8:8">
      <c r="H573569" s="12"/>
    </row>
    <row r="573570" spans="8:8">
      <c r="H573570" s="12"/>
    </row>
    <row r="573571" spans="8:8">
      <c r="H573571" s="12"/>
    </row>
    <row r="573572" spans="8:8">
      <c r="H573572" s="12"/>
    </row>
    <row r="573573" spans="8:8">
      <c r="H573573" s="12"/>
    </row>
    <row r="573574" spans="8:8">
      <c r="H573574" s="12"/>
    </row>
    <row r="573575" spans="8:8">
      <c r="H573575" s="12"/>
    </row>
    <row r="573576" spans="8:8">
      <c r="H573576" s="12"/>
    </row>
    <row r="573577" spans="8:8">
      <c r="H573577" s="12"/>
    </row>
    <row r="573578" spans="8:8">
      <c r="H573578" s="12"/>
    </row>
    <row r="573579" spans="8:8">
      <c r="H573579" s="12"/>
    </row>
    <row r="573580" spans="8:8">
      <c r="H573580" s="12"/>
    </row>
    <row r="573581" spans="8:8">
      <c r="H573581" s="12"/>
    </row>
    <row r="573582" spans="8:8">
      <c r="H573582" s="12"/>
    </row>
    <row r="573583" spans="8:8">
      <c r="H573583" s="12"/>
    </row>
    <row r="573584" spans="8:8">
      <c r="H573584" s="12"/>
    </row>
    <row r="573585" spans="8:8">
      <c r="H573585" s="12"/>
    </row>
    <row r="573586" spans="8:8">
      <c r="H573586" s="12"/>
    </row>
    <row r="573587" spans="8:8">
      <c r="H573587" s="12"/>
    </row>
    <row r="573588" spans="8:8">
      <c r="H573588" s="12"/>
    </row>
    <row r="573589" spans="8:8">
      <c r="H573589" s="12"/>
    </row>
    <row r="573590" spans="8:8">
      <c r="H573590" s="12"/>
    </row>
    <row r="573591" spans="8:8">
      <c r="H573591" s="12"/>
    </row>
    <row r="573592" spans="8:8">
      <c r="H573592" s="12"/>
    </row>
    <row r="573593" spans="8:8">
      <c r="H573593" s="12"/>
    </row>
    <row r="573594" spans="8:8">
      <c r="H573594" s="12"/>
    </row>
    <row r="573595" spans="8:8">
      <c r="H573595" s="12"/>
    </row>
    <row r="573596" spans="8:8">
      <c r="H573596" s="12"/>
    </row>
    <row r="573597" spans="8:8">
      <c r="H573597" s="12"/>
    </row>
    <row r="573598" spans="8:8">
      <c r="H573598" s="12"/>
    </row>
    <row r="573599" spans="8:8">
      <c r="H573599" s="12"/>
    </row>
    <row r="573600" spans="8:8">
      <c r="H573600" s="12"/>
    </row>
    <row r="573601" spans="8:8">
      <c r="H573601" s="12"/>
    </row>
    <row r="573602" spans="8:8">
      <c r="H573602" s="12"/>
    </row>
    <row r="573603" spans="8:8">
      <c r="H573603" s="12"/>
    </row>
    <row r="573604" spans="8:8">
      <c r="H573604" s="12"/>
    </row>
    <row r="573605" spans="8:8">
      <c r="H573605" s="12"/>
    </row>
    <row r="573606" spans="8:8">
      <c r="H573606" s="12"/>
    </row>
    <row r="573607" spans="8:8">
      <c r="H573607" s="12"/>
    </row>
    <row r="573608" spans="8:8">
      <c r="H573608" s="12"/>
    </row>
    <row r="573609" spans="8:8">
      <c r="H573609" s="12"/>
    </row>
    <row r="573610" spans="8:8">
      <c r="H573610" s="12"/>
    </row>
    <row r="573611" spans="8:8">
      <c r="H573611" s="12"/>
    </row>
    <row r="573612" spans="8:8">
      <c r="H573612" s="12"/>
    </row>
    <row r="573613" spans="8:8">
      <c r="H573613" s="12"/>
    </row>
    <row r="573614" spans="8:8">
      <c r="H573614" s="12"/>
    </row>
    <row r="573615" spans="8:8">
      <c r="H573615" s="12"/>
    </row>
    <row r="573616" spans="8:8">
      <c r="H573616" s="12"/>
    </row>
    <row r="573617" spans="8:8">
      <c r="H573617" s="12"/>
    </row>
    <row r="573618" spans="8:8">
      <c r="H573618" s="12"/>
    </row>
    <row r="573619" spans="8:8">
      <c r="H573619" s="12"/>
    </row>
    <row r="573620" spans="8:8">
      <c r="H573620" s="12"/>
    </row>
    <row r="573621" spans="8:8">
      <c r="H573621" s="12"/>
    </row>
    <row r="573622" spans="8:8">
      <c r="H573622" s="12"/>
    </row>
    <row r="573623" spans="8:8">
      <c r="H573623" s="12"/>
    </row>
    <row r="573624" spans="8:8">
      <c r="H573624" s="12"/>
    </row>
    <row r="573625" spans="8:8">
      <c r="H573625" s="12"/>
    </row>
    <row r="573626" spans="8:8">
      <c r="H573626" s="12"/>
    </row>
    <row r="573627" spans="8:8">
      <c r="H573627" s="12"/>
    </row>
    <row r="573628" spans="8:8">
      <c r="H573628" s="12"/>
    </row>
    <row r="573629" spans="8:8">
      <c r="H573629" s="12"/>
    </row>
    <row r="573630" spans="8:8">
      <c r="H573630" s="12"/>
    </row>
    <row r="573631" spans="8:8">
      <c r="H573631" s="12"/>
    </row>
    <row r="573632" spans="8:8">
      <c r="H573632" s="12"/>
    </row>
    <row r="573633" spans="8:8">
      <c r="H573633" s="12"/>
    </row>
    <row r="573634" spans="8:8">
      <c r="H573634" s="12"/>
    </row>
    <row r="573635" spans="8:8">
      <c r="H573635" s="12"/>
    </row>
    <row r="573636" spans="8:8">
      <c r="H573636" s="12"/>
    </row>
    <row r="573637" spans="8:8">
      <c r="H573637" s="12"/>
    </row>
    <row r="573638" spans="8:8">
      <c r="H573638" s="12"/>
    </row>
    <row r="573639" spans="8:8">
      <c r="H573639" s="12"/>
    </row>
    <row r="573640" spans="8:8">
      <c r="H573640" s="12"/>
    </row>
    <row r="573641" spans="8:8">
      <c r="H573641" s="12"/>
    </row>
    <row r="573642" spans="8:8">
      <c r="H573642" s="12"/>
    </row>
    <row r="573643" spans="8:8">
      <c r="H573643" s="12"/>
    </row>
    <row r="573644" spans="8:8">
      <c r="H573644" s="12"/>
    </row>
    <row r="573645" spans="8:8">
      <c r="H573645" s="12"/>
    </row>
    <row r="573646" spans="8:8">
      <c r="H573646" s="12"/>
    </row>
    <row r="573647" spans="8:8">
      <c r="H573647" s="12"/>
    </row>
    <row r="573648" spans="8:8">
      <c r="H573648" s="12"/>
    </row>
    <row r="573649" spans="8:8">
      <c r="H573649" s="12"/>
    </row>
    <row r="573650" spans="8:8">
      <c r="H573650" s="12"/>
    </row>
    <row r="573651" spans="8:8">
      <c r="H573651" s="12"/>
    </row>
    <row r="573652" spans="8:8">
      <c r="H573652" s="12"/>
    </row>
    <row r="573653" spans="8:8">
      <c r="H573653" s="12"/>
    </row>
    <row r="573654" spans="8:8">
      <c r="H573654" s="12"/>
    </row>
    <row r="573655" spans="8:8">
      <c r="H573655" s="12"/>
    </row>
    <row r="573656" spans="8:8">
      <c r="H573656" s="12"/>
    </row>
    <row r="573657" spans="8:8">
      <c r="H573657" s="12"/>
    </row>
    <row r="573658" spans="8:8">
      <c r="H573658" s="12"/>
    </row>
    <row r="573659" spans="8:8">
      <c r="H573659" s="12"/>
    </row>
    <row r="573660" spans="8:8">
      <c r="H573660" s="12"/>
    </row>
    <row r="573661" spans="8:8">
      <c r="H573661" s="12"/>
    </row>
    <row r="573662" spans="8:8">
      <c r="H573662" s="12"/>
    </row>
    <row r="573663" spans="8:8">
      <c r="H573663" s="12"/>
    </row>
    <row r="573664" spans="8:8">
      <c r="H573664" s="12"/>
    </row>
    <row r="573665" spans="8:8">
      <c r="H573665" s="12"/>
    </row>
    <row r="573666" spans="8:8">
      <c r="H573666" s="12"/>
    </row>
    <row r="573667" spans="8:8">
      <c r="H573667" s="12"/>
    </row>
    <row r="573668" spans="8:8">
      <c r="H573668" s="12"/>
    </row>
    <row r="573669" spans="8:8">
      <c r="H573669" s="12"/>
    </row>
    <row r="573670" spans="8:8">
      <c r="H573670" s="12"/>
    </row>
    <row r="573671" spans="8:8">
      <c r="H573671" s="12"/>
    </row>
    <row r="573672" spans="8:8">
      <c r="H573672" s="12"/>
    </row>
    <row r="573673" spans="8:8">
      <c r="H573673" s="12"/>
    </row>
    <row r="573674" spans="8:8">
      <c r="H573674" s="12"/>
    </row>
    <row r="573675" spans="8:8">
      <c r="H573675" s="12"/>
    </row>
    <row r="573676" spans="8:8">
      <c r="H573676" s="12"/>
    </row>
    <row r="573677" spans="8:8">
      <c r="H573677" s="12"/>
    </row>
    <row r="573678" spans="8:8">
      <c r="H573678" s="12"/>
    </row>
    <row r="573679" spans="8:8">
      <c r="H573679" s="12"/>
    </row>
    <row r="573680" spans="8:8">
      <c r="H573680" s="12"/>
    </row>
    <row r="573681" spans="8:8">
      <c r="H573681" s="12"/>
    </row>
    <row r="573682" spans="8:8">
      <c r="H573682" s="12"/>
    </row>
    <row r="573683" spans="8:8">
      <c r="H573683" s="12"/>
    </row>
    <row r="573684" spans="8:8">
      <c r="H573684" s="12"/>
    </row>
    <row r="573685" spans="8:8">
      <c r="H573685" s="12"/>
    </row>
    <row r="573686" spans="8:8">
      <c r="H573686" s="12"/>
    </row>
    <row r="573687" spans="8:8">
      <c r="H573687" s="12"/>
    </row>
    <row r="573688" spans="8:8">
      <c r="H573688" s="12"/>
    </row>
    <row r="573689" spans="8:8">
      <c r="H573689" s="12"/>
    </row>
    <row r="573690" spans="8:8">
      <c r="H573690" s="12"/>
    </row>
    <row r="573691" spans="8:8">
      <c r="H573691" s="12"/>
    </row>
    <row r="573692" spans="8:8">
      <c r="H573692" s="12"/>
    </row>
    <row r="573693" spans="8:8">
      <c r="H573693" s="12"/>
    </row>
    <row r="573694" spans="8:8">
      <c r="H573694" s="12"/>
    </row>
    <row r="573695" spans="8:8">
      <c r="H573695" s="12"/>
    </row>
    <row r="573696" spans="8:8">
      <c r="H573696" s="12"/>
    </row>
    <row r="573697" spans="8:8">
      <c r="H573697" s="12"/>
    </row>
    <row r="573698" spans="8:8">
      <c r="H573698" s="12"/>
    </row>
    <row r="573699" spans="8:8">
      <c r="H573699" s="12"/>
    </row>
    <row r="573700" spans="8:8">
      <c r="H573700" s="12"/>
    </row>
    <row r="573701" spans="8:8">
      <c r="H573701" s="12"/>
    </row>
    <row r="573702" spans="8:8">
      <c r="H573702" s="12"/>
    </row>
    <row r="573703" spans="8:8">
      <c r="H573703" s="12"/>
    </row>
    <row r="573704" spans="8:8">
      <c r="H573704" s="12"/>
    </row>
    <row r="573705" spans="8:8">
      <c r="H573705" s="12"/>
    </row>
    <row r="573706" spans="8:8">
      <c r="H573706" s="12"/>
    </row>
    <row r="573707" spans="8:8">
      <c r="H573707" s="12"/>
    </row>
    <row r="573708" spans="8:8">
      <c r="H573708" s="12"/>
    </row>
    <row r="573709" spans="8:8">
      <c r="H573709" s="12"/>
    </row>
    <row r="573710" spans="8:8">
      <c r="H573710" s="12"/>
    </row>
    <row r="573711" spans="8:8">
      <c r="H573711" s="12"/>
    </row>
    <row r="573712" spans="8:8">
      <c r="H573712" s="12"/>
    </row>
    <row r="573713" spans="8:8">
      <c r="H573713" s="12"/>
    </row>
    <row r="573714" spans="8:8">
      <c r="H573714" s="12"/>
    </row>
    <row r="573715" spans="8:8">
      <c r="H573715" s="12"/>
    </row>
    <row r="573716" spans="8:8">
      <c r="H573716" s="12"/>
    </row>
    <row r="573717" spans="8:8">
      <c r="H573717" s="12"/>
    </row>
    <row r="573718" spans="8:8">
      <c r="H573718" s="12"/>
    </row>
    <row r="573719" spans="8:8">
      <c r="H573719" s="12"/>
    </row>
    <row r="573720" spans="8:8">
      <c r="H573720" s="12"/>
    </row>
    <row r="573721" spans="8:8">
      <c r="H573721" s="12"/>
    </row>
    <row r="573722" spans="8:8">
      <c r="H573722" s="12"/>
    </row>
    <row r="573723" spans="8:8">
      <c r="H573723" s="12"/>
    </row>
    <row r="573724" spans="8:8">
      <c r="H573724" s="12"/>
    </row>
    <row r="573725" spans="8:8">
      <c r="H573725" s="12"/>
    </row>
    <row r="573726" spans="8:8">
      <c r="H573726" s="12"/>
    </row>
    <row r="573727" spans="8:8">
      <c r="H573727" s="12"/>
    </row>
    <row r="573728" spans="8:8">
      <c r="H573728" s="12"/>
    </row>
    <row r="573729" spans="8:8">
      <c r="H573729" s="12"/>
    </row>
    <row r="573730" spans="8:8">
      <c r="H573730" s="12"/>
    </row>
    <row r="573731" spans="8:8">
      <c r="H573731" s="12"/>
    </row>
    <row r="573732" spans="8:8">
      <c r="H573732" s="12"/>
    </row>
    <row r="573733" spans="8:8">
      <c r="H573733" s="12"/>
    </row>
    <row r="573734" spans="8:8">
      <c r="H573734" s="12"/>
    </row>
    <row r="573735" spans="8:8">
      <c r="H573735" s="12"/>
    </row>
    <row r="573736" spans="8:8">
      <c r="H573736" s="12"/>
    </row>
    <row r="573737" spans="8:8">
      <c r="H573737" s="12"/>
    </row>
    <row r="573738" spans="8:8">
      <c r="H573738" s="12"/>
    </row>
    <row r="573739" spans="8:8">
      <c r="H573739" s="12"/>
    </row>
    <row r="573740" spans="8:8">
      <c r="H573740" s="12"/>
    </row>
    <row r="573741" spans="8:8">
      <c r="H573741" s="12"/>
    </row>
    <row r="573742" spans="8:8">
      <c r="H573742" s="12"/>
    </row>
    <row r="573743" spans="8:8">
      <c r="H573743" s="12"/>
    </row>
    <row r="573744" spans="8:8">
      <c r="H573744" s="12"/>
    </row>
    <row r="573745" spans="8:8">
      <c r="H573745" s="12"/>
    </row>
    <row r="573746" spans="8:8">
      <c r="H573746" s="12"/>
    </row>
    <row r="573747" spans="8:8">
      <c r="H573747" s="12"/>
    </row>
    <row r="573748" spans="8:8">
      <c r="H573748" s="12"/>
    </row>
    <row r="573749" spans="8:8">
      <c r="H573749" s="12"/>
    </row>
    <row r="573750" spans="8:8">
      <c r="H573750" s="12"/>
    </row>
    <row r="573751" spans="8:8">
      <c r="H573751" s="12"/>
    </row>
    <row r="573752" spans="8:8">
      <c r="H573752" s="12"/>
    </row>
    <row r="573753" spans="8:8">
      <c r="H573753" s="12"/>
    </row>
    <row r="573754" spans="8:8">
      <c r="H573754" s="12"/>
    </row>
    <row r="573755" spans="8:8">
      <c r="H573755" s="12"/>
    </row>
    <row r="573756" spans="8:8">
      <c r="H573756" s="12"/>
    </row>
    <row r="573757" spans="8:8">
      <c r="H573757" s="12"/>
    </row>
    <row r="573758" spans="8:8">
      <c r="H573758" s="12"/>
    </row>
    <row r="573759" spans="8:8">
      <c r="H573759" s="12"/>
    </row>
    <row r="573760" spans="8:8">
      <c r="H573760" s="12"/>
    </row>
    <row r="573761" spans="8:8">
      <c r="H573761" s="12"/>
    </row>
    <row r="573762" spans="8:8">
      <c r="H573762" s="12"/>
    </row>
    <row r="573763" spans="8:8">
      <c r="H573763" s="12"/>
    </row>
    <row r="573764" spans="8:8">
      <c r="H573764" s="12"/>
    </row>
    <row r="573765" spans="8:8">
      <c r="H573765" s="12"/>
    </row>
    <row r="573766" spans="8:8">
      <c r="H573766" s="12"/>
    </row>
    <row r="573767" spans="8:8">
      <c r="H573767" s="12"/>
    </row>
    <row r="573768" spans="8:8">
      <c r="H573768" s="12"/>
    </row>
    <row r="573769" spans="8:8">
      <c r="H573769" s="12"/>
    </row>
    <row r="573770" spans="8:8">
      <c r="H573770" s="12"/>
    </row>
    <row r="573771" spans="8:8">
      <c r="H573771" s="12"/>
    </row>
    <row r="573772" spans="8:8">
      <c r="H573772" s="12"/>
    </row>
    <row r="573773" spans="8:8">
      <c r="H573773" s="12"/>
    </row>
    <row r="573774" spans="8:8">
      <c r="H573774" s="12"/>
    </row>
    <row r="573775" spans="8:8">
      <c r="H573775" s="12"/>
    </row>
    <row r="573776" spans="8:8">
      <c r="H573776" s="12"/>
    </row>
    <row r="573777" spans="8:8">
      <c r="H573777" s="12"/>
    </row>
    <row r="573778" spans="8:8">
      <c r="H573778" s="12"/>
    </row>
    <row r="573779" spans="8:8">
      <c r="H573779" s="12"/>
    </row>
    <row r="573780" spans="8:8">
      <c r="H573780" s="12"/>
    </row>
    <row r="573781" spans="8:8">
      <c r="H573781" s="12"/>
    </row>
    <row r="573782" spans="8:8">
      <c r="H573782" s="12"/>
    </row>
    <row r="573783" spans="8:8">
      <c r="H573783" s="12"/>
    </row>
    <row r="573784" spans="8:8">
      <c r="H573784" s="12"/>
    </row>
    <row r="573785" spans="8:8">
      <c r="H573785" s="12"/>
    </row>
    <row r="573786" spans="8:8">
      <c r="H573786" s="12"/>
    </row>
    <row r="573787" spans="8:8">
      <c r="H573787" s="12"/>
    </row>
    <row r="573788" spans="8:8">
      <c r="H573788" s="12"/>
    </row>
    <row r="573789" spans="8:8">
      <c r="H573789" s="12"/>
    </row>
    <row r="573790" spans="8:8">
      <c r="H573790" s="12"/>
    </row>
    <row r="573791" spans="8:8">
      <c r="H573791" s="12"/>
    </row>
    <row r="573792" spans="8:8">
      <c r="H573792" s="12"/>
    </row>
    <row r="573793" spans="8:8">
      <c r="H573793" s="12"/>
    </row>
    <row r="573794" spans="8:8">
      <c r="H573794" s="12"/>
    </row>
    <row r="573795" spans="8:8">
      <c r="H573795" s="12"/>
    </row>
    <row r="573796" spans="8:8">
      <c r="H573796" s="12"/>
    </row>
    <row r="573797" spans="8:8">
      <c r="H573797" s="12"/>
    </row>
    <row r="573798" spans="8:8">
      <c r="H573798" s="12"/>
    </row>
    <row r="573799" spans="8:8">
      <c r="H573799" s="12"/>
    </row>
    <row r="573800" spans="8:8">
      <c r="H573800" s="12"/>
    </row>
    <row r="573801" spans="8:8">
      <c r="H573801" s="12"/>
    </row>
    <row r="573802" spans="8:8">
      <c r="H573802" s="12"/>
    </row>
    <row r="573803" spans="8:8">
      <c r="H573803" s="12"/>
    </row>
    <row r="573804" spans="8:8">
      <c r="H573804" s="12"/>
    </row>
    <row r="573805" spans="8:8">
      <c r="H573805" s="12"/>
    </row>
    <row r="573806" spans="8:8">
      <c r="H573806" s="12"/>
    </row>
    <row r="573807" spans="8:8">
      <c r="H573807" s="12"/>
    </row>
    <row r="573808" spans="8:8">
      <c r="H573808" s="12"/>
    </row>
    <row r="573809" spans="8:8">
      <c r="H573809" s="12"/>
    </row>
    <row r="573810" spans="8:8">
      <c r="H573810" s="12"/>
    </row>
    <row r="573811" spans="8:8">
      <c r="H573811" s="12"/>
    </row>
    <row r="573812" spans="8:8">
      <c r="H573812" s="12"/>
    </row>
    <row r="573813" spans="8:8">
      <c r="H573813" s="12"/>
    </row>
    <row r="573814" spans="8:8">
      <c r="H573814" s="12"/>
    </row>
    <row r="573815" spans="8:8">
      <c r="H573815" s="12"/>
    </row>
    <row r="573816" spans="8:8">
      <c r="H573816" s="12"/>
    </row>
    <row r="573817" spans="8:8">
      <c r="H573817" s="12"/>
    </row>
    <row r="573818" spans="8:8">
      <c r="H573818" s="12"/>
    </row>
    <row r="573819" spans="8:8">
      <c r="H573819" s="12"/>
    </row>
    <row r="573820" spans="8:8">
      <c r="H573820" s="12"/>
    </row>
    <row r="573821" spans="8:8">
      <c r="H573821" s="12"/>
    </row>
    <row r="573822" spans="8:8">
      <c r="H573822" s="12"/>
    </row>
    <row r="573823" spans="8:8">
      <c r="H573823" s="12"/>
    </row>
    <row r="573824" spans="8:8">
      <c r="H573824" s="12"/>
    </row>
    <row r="573825" spans="8:8">
      <c r="H573825" s="12"/>
    </row>
    <row r="573826" spans="8:8">
      <c r="H573826" s="12"/>
    </row>
    <row r="573827" spans="8:8">
      <c r="H573827" s="12"/>
    </row>
    <row r="573828" spans="8:8">
      <c r="H573828" s="12"/>
    </row>
    <row r="573829" spans="8:8">
      <c r="H573829" s="12"/>
    </row>
    <row r="573830" spans="8:8">
      <c r="H573830" s="12"/>
    </row>
    <row r="573831" spans="8:8">
      <c r="H573831" s="12"/>
    </row>
    <row r="573832" spans="8:8">
      <c r="H573832" s="12"/>
    </row>
    <row r="573833" spans="8:8">
      <c r="H573833" s="12"/>
    </row>
    <row r="573834" spans="8:8">
      <c r="H573834" s="12"/>
    </row>
    <row r="573835" spans="8:8">
      <c r="H573835" s="12"/>
    </row>
    <row r="573836" spans="8:8">
      <c r="H573836" s="12"/>
    </row>
    <row r="573837" spans="8:8">
      <c r="H573837" s="12"/>
    </row>
    <row r="573838" spans="8:8">
      <c r="H573838" s="12"/>
    </row>
    <row r="573839" spans="8:8">
      <c r="H573839" s="12"/>
    </row>
    <row r="573840" spans="8:8">
      <c r="H573840" s="12"/>
    </row>
    <row r="573841" spans="8:8">
      <c r="H573841" s="12"/>
    </row>
    <row r="573842" spans="8:8">
      <c r="H573842" s="12"/>
    </row>
    <row r="573843" spans="8:8">
      <c r="H573843" s="12"/>
    </row>
    <row r="573844" spans="8:8">
      <c r="H573844" s="12"/>
    </row>
    <row r="573845" spans="8:8">
      <c r="H573845" s="12"/>
    </row>
    <row r="573846" spans="8:8">
      <c r="H573846" s="12"/>
    </row>
    <row r="573847" spans="8:8">
      <c r="H573847" s="12"/>
    </row>
    <row r="573848" spans="8:8">
      <c r="H573848" s="12"/>
    </row>
    <row r="573849" spans="8:8">
      <c r="H573849" s="12"/>
    </row>
    <row r="573850" spans="8:8">
      <c r="H573850" s="12"/>
    </row>
    <row r="573851" spans="8:8">
      <c r="H573851" s="12"/>
    </row>
    <row r="573852" spans="8:8">
      <c r="H573852" s="12"/>
    </row>
    <row r="573853" spans="8:8">
      <c r="H573853" s="12"/>
    </row>
    <row r="573854" spans="8:8">
      <c r="H573854" s="12"/>
    </row>
    <row r="573855" spans="8:8">
      <c r="H573855" s="12"/>
    </row>
    <row r="573856" spans="8:8">
      <c r="H573856" s="12"/>
    </row>
    <row r="573857" spans="8:8">
      <c r="H573857" s="12"/>
    </row>
    <row r="573858" spans="8:8">
      <c r="H573858" s="12"/>
    </row>
    <row r="573859" spans="8:8">
      <c r="H573859" s="12"/>
    </row>
    <row r="573860" spans="8:8">
      <c r="H573860" s="12"/>
    </row>
    <row r="573861" spans="8:8">
      <c r="H573861" s="12"/>
    </row>
    <row r="573862" spans="8:8">
      <c r="H573862" s="12"/>
    </row>
    <row r="573863" spans="8:8">
      <c r="H573863" s="12"/>
    </row>
    <row r="573864" spans="8:8">
      <c r="H573864" s="12"/>
    </row>
    <row r="573865" spans="8:8">
      <c r="H573865" s="12"/>
    </row>
    <row r="573866" spans="8:8">
      <c r="H573866" s="12"/>
    </row>
    <row r="573867" spans="8:8">
      <c r="H573867" s="12"/>
    </row>
    <row r="573868" spans="8:8">
      <c r="H573868" s="12"/>
    </row>
    <row r="573869" spans="8:8">
      <c r="H573869" s="12"/>
    </row>
    <row r="573870" spans="8:8">
      <c r="H573870" s="12"/>
    </row>
    <row r="573871" spans="8:8">
      <c r="H573871" s="12"/>
    </row>
    <row r="573872" spans="8:8">
      <c r="H573872" s="12"/>
    </row>
    <row r="573873" spans="8:8">
      <c r="H573873" s="12"/>
    </row>
    <row r="573874" spans="8:8">
      <c r="H573874" s="12"/>
    </row>
    <row r="573875" spans="8:8">
      <c r="H573875" s="12"/>
    </row>
    <row r="573876" spans="8:8">
      <c r="H573876" s="12"/>
    </row>
    <row r="573877" spans="8:8">
      <c r="H573877" s="12"/>
    </row>
    <row r="573878" spans="8:8">
      <c r="H573878" s="12"/>
    </row>
    <row r="573879" spans="8:8">
      <c r="H573879" s="12"/>
    </row>
    <row r="573880" spans="8:8">
      <c r="H573880" s="12"/>
    </row>
    <row r="573881" spans="8:8">
      <c r="H573881" s="12"/>
    </row>
    <row r="573882" spans="8:8">
      <c r="H573882" s="12"/>
    </row>
    <row r="573883" spans="8:8">
      <c r="H573883" s="12"/>
    </row>
    <row r="573884" spans="8:8">
      <c r="H573884" s="12"/>
    </row>
    <row r="573885" spans="8:8">
      <c r="H573885" s="12"/>
    </row>
    <row r="573886" spans="8:8">
      <c r="H573886" s="12"/>
    </row>
    <row r="573887" spans="8:8">
      <c r="H573887" s="12"/>
    </row>
    <row r="573888" spans="8:8">
      <c r="H573888" s="12"/>
    </row>
    <row r="573889" spans="8:8">
      <c r="H573889" s="12"/>
    </row>
    <row r="573890" spans="8:8">
      <c r="H573890" s="12"/>
    </row>
    <row r="573891" spans="8:8">
      <c r="H573891" s="12"/>
    </row>
    <row r="573892" spans="8:8">
      <c r="H573892" s="12"/>
    </row>
    <row r="573893" spans="8:8">
      <c r="H573893" s="12"/>
    </row>
    <row r="573894" spans="8:8">
      <c r="H573894" s="12"/>
    </row>
    <row r="573895" spans="8:8">
      <c r="H573895" s="12"/>
    </row>
    <row r="573896" spans="8:8">
      <c r="H573896" s="12"/>
    </row>
    <row r="573897" spans="8:8">
      <c r="H573897" s="12"/>
    </row>
    <row r="573898" spans="8:8">
      <c r="H573898" s="12"/>
    </row>
    <row r="573899" spans="8:8">
      <c r="H573899" s="12"/>
    </row>
    <row r="573900" spans="8:8">
      <c r="H573900" s="12"/>
    </row>
    <row r="573901" spans="8:8">
      <c r="H573901" s="12"/>
    </row>
    <row r="573902" spans="8:8">
      <c r="H573902" s="12"/>
    </row>
    <row r="573903" spans="8:8">
      <c r="H573903" s="12"/>
    </row>
    <row r="573904" spans="8:8">
      <c r="H573904" s="12"/>
    </row>
    <row r="573905" spans="8:8">
      <c r="H573905" s="12"/>
    </row>
    <row r="573906" spans="8:8">
      <c r="H573906" s="12"/>
    </row>
    <row r="573907" spans="8:8">
      <c r="H573907" s="12"/>
    </row>
    <row r="573908" spans="8:8">
      <c r="H573908" s="12"/>
    </row>
    <row r="573909" spans="8:8">
      <c r="H573909" s="12"/>
    </row>
    <row r="573910" spans="8:8">
      <c r="H573910" s="12"/>
    </row>
    <row r="573911" spans="8:8">
      <c r="H573911" s="12"/>
    </row>
    <row r="573912" spans="8:8">
      <c r="H573912" s="12"/>
    </row>
    <row r="573913" spans="8:8">
      <c r="H573913" s="12"/>
    </row>
    <row r="573914" spans="8:8">
      <c r="H573914" s="12"/>
    </row>
    <row r="573915" spans="8:8">
      <c r="H573915" s="12"/>
    </row>
    <row r="573916" spans="8:8">
      <c r="H573916" s="12"/>
    </row>
    <row r="573917" spans="8:8">
      <c r="H573917" s="12"/>
    </row>
    <row r="573918" spans="8:8">
      <c r="H573918" s="12"/>
    </row>
    <row r="573919" spans="8:8">
      <c r="H573919" s="12"/>
    </row>
    <row r="573920" spans="8:8">
      <c r="H573920" s="12"/>
    </row>
    <row r="573921" spans="8:8">
      <c r="H573921" s="12"/>
    </row>
    <row r="573922" spans="8:8">
      <c r="H573922" s="12"/>
    </row>
    <row r="573923" spans="8:8">
      <c r="H573923" s="12"/>
    </row>
    <row r="573924" spans="8:8">
      <c r="H573924" s="12"/>
    </row>
    <row r="573925" spans="8:8">
      <c r="H573925" s="12"/>
    </row>
    <row r="573926" spans="8:8">
      <c r="H573926" s="12"/>
    </row>
    <row r="573927" spans="8:8">
      <c r="H573927" s="12"/>
    </row>
    <row r="573928" spans="8:8">
      <c r="H573928" s="12"/>
    </row>
    <row r="573929" spans="8:8">
      <c r="H573929" s="12"/>
    </row>
    <row r="573930" spans="8:8">
      <c r="H573930" s="12"/>
    </row>
    <row r="573931" spans="8:8">
      <c r="H573931" s="12"/>
    </row>
    <row r="573932" spans="8:8">
      <c r="H573932" s="12"/>
    </row>
    <row r="573933" spans="8:8">
      <c r="H573933" s="12"/>
    </row>
    <row r="573934" spans="8:8">
      <c r="H573934" s="12"/>
    </row>
    <row r="573935" spans="8:8">
      <c r="H573935" s="12"/>
    </row>
    <row r="573936" spans="8:8">
      <c r="H573936" s="12"/>
    </row>
    <row r="573937" spans="8:8">
      <c r="H573937" s="12"/>
    </row>
    <row r="573938" spans="8:8">
      <c r="H573938" s="12"/>
    </row>
    <row r="573939" spans="8:8">
      <c r="H573939" s="12"/>
    </row>
    <row r="573940" spans="8:8">
      <c r="H573940" s="12"/>
    </row>
    <row r="573941" spans="8:8">
      <c r="H573941" s="12"/>
    </row>
    <row r="573942" spans="8:8">
      <c r="H573942" s="12"/>
    </row>
    <row r="573943" spans="8:8">
      <c r="H573943" s="12"/>
    </row>
    <row r="573944" spans="8:8">
      <c r="H573944" s="12"/>
    </row>
    <row r="573945" spans="8:8">
      <c r="H573945" s="12"/>
    </row>
    <row r="573946" spans="8:8">
      <c r="H573946" s="12"/>
    </row>
    <row r="573947" spans="8:8">
      <c r="H573947" s="12"/>
    </row>
    <row r="573948" spans="8:8">
      <c r="H573948" s="12"/>
    </row>
    <row r="573949" spans="8:8">
      <c r="H573949" s="12"/>
    </row>
    <row r="573950" spans="8:8">
      <c r="H573950" s="12"/>
    </row>
    <row r="573951" spans="8:8">
      <c r="H573951" s="12"/>
    </row>
    <row r="573952" spans="8:8">
      <c r="H573952" s="12"/>
    </row>
    <row r="573953" spans="8:8">
      <c r="H573953" s="12"/>
    </row>
    <row r="573954" spans="8:8">
      <c r="H573954" s="12"/>
    </row>
    <row r="573955" spans="8:8">
      <c r="H573955" s="12"/>
    </row>
    <row r="573956" spans="8:8">
      <c r="H573956" s="12"/>
    </row>
    <row r="573957" spans="8:8">
      <c r="H573957" s="12"/>
    </row>
    <row r="573958" spans="8:8">
      <c r="H573958" s="12"/>
    </row>
    <row r="573959" spans="8:8">
      <c r="H573959" s="12"/>
    </row>
    <row r="573960" spans="8:8">
      <c r="H573960" s="12"/>
    </row>
    <row r="573961" spans="8:8">
      <c r="H573961" s="12"/>
    </row>
    <row r="573962" spans="8:8">
      <c r="H573962" s="12"/>
    </row>
    <row r="573963" spans="8:8">
      <c r="H573963" s="12"/>
    </row>
    <row r="573964" spans="8:8">
      <c r="H573964" s="12"/>
    </row>
    <row r="573965" spans="8:8">
      <c r="H573965" s="12"/>
    </row>
    <row r="573966" spans="8:8">
      <c r="H573966" s="12"/>
    </row>
    <row r="573967" spans="8:8">
      <c r="H573967" s="12"/>
    </row>
    <row r="573968" spans="8:8">
      <c r="H573968" s="12"/>
    </row>
    <row r="573969" spans="8:8">
      <c r="H573969" s="12"/>
    </row>
    <row r="573970" spans="8:8">
      <c r="H573970" s="12"/>
    </row>
    <row r="573971" spans="8:8">
      <c r="H573971" s="12"/>
    </row>
    <row r="573972" spans="8:8">
      <c r="H573972" s="12"/>
    </row>
    <row r="573973" spans="8:8">
      <c r="H573973" s="12"/>
    </row>
    <row r="573974" spans="8:8">
      <c r="H573974" s="12"/>
    </row>
    <row r="573975" spans="8:8">
      <c r="H573975" s="12"/>
    </row>
    <row r="573976" spans="8:8">
      <c r="H573976" s="12"/>
    </row>
    <row r="573977" spans="8:8">
      <c r="H573977" s="12"/>
    </row>
    <row r="573978" spans="8:8">
      <c r="H573978" s="12"/>
    </row>
    <row r="573979" spans="8:8">
      <c r="H573979" s="12"/>
    </row>
    <row r="573980" spans="8:8">
      <c r="H573980" s="12"/>
    </row>
    <row r="573981" spans="8:8">
      <c r="H573981" s="12"/>
    </row>
    <row r="573982" spans="8:8">
      <c r="H573982" s="12"/>
    </row>
    <row r="573983" spans="8:8">
      <c r="H573983" s="12"/>
    </row>
    <row r="573984" spans="8:8">
      <c r="H573984" s="12"/>
    </row>
    <row r="573985" spans="8:8">
      <c r="H573985" s="12"/>
    </row>
    <row r="573986" spans="8:8">
      <c r="H573986" s="12"/>
    </row>
    <row r="573987" spans="8:8">
      <c r="H573987" s="12"/>
    </row>
    <row r="573988" spans="8:8">
      <c r="H573988" s="12"/>
    </row>
    <row r="573989" spans="8:8">
      <c r="H573989" s="12"/>
    </row>
    <row r="573990" spans="8:8">
      <c r="H573990" s="12"/>
    </row>
    <row r="573991" spans="8:8">
      <c r="H573991" s="12"/>
    </row>
    <row r="573992" spans="8:8">
      <c r="H573992" s="12"/>
    </row>
    <row r="573993" spans="8:8">
      <c r="H573993" s="12"/>
    </row>
    <row r="573994" spans="8:8">
      <c r="H573994" s="12"/>
    </row>
    <row r="573995" spans="8:8">
      <c r="H573995" s="12"/>
    </row>
    <row r="573996" spans="8:8">
      <c r="H573996" s="12"/>
    </row>
    <row r="573997" spans="8:8">
      <c r="H573997" s="12"/>
    </row>
    <row r="573998" spans="8:8">
      <c r="H573998" s="12"/>
    </row>
    <row r="573999" spans="8:8">
      <c r="H573999" s="12"/>
    </row>
    <row r="574000" spans="8:8">
      <c r="H574000" s="12"/>
    </row>
    <row r="574001" spans="8:8">
      <c r="H574001" s="12"/>
    </row>
    <row r="574002" spans="8:8">
      <c r="H574002" s="12"/>
    </row>
    <row r="574003" spans="8:8">
      <c r="H574003" s="12"/>
    </row>
    <row r="574004" spans="8:8">
      <c r="H574004" s="12"/>
    </row>
    <row r="574005" spans="8:8">
      <c r="H574005" s="12"/>
    </row>
    <row r="574006" spans="8:8">
      <c r="H574006" s="12"/>
    </row>
    <row r="574007" spans="8:8">
      <c r="H574007" s="12"/>
    </row>
    <row r="574008" spans="8:8">
      <c r="H574008" s="12"/>
    </row>
    <row r="574009" spans="8:8">
      <c r="H574009" s="12"/>
    </row>
    <row r="574010" spans="8:8">
      <c r="H574010" s="12"/>
    </row>
    <row r="574011" spans="8:8">
      <c r="H574011" s="12"/>
    </row>
    <row r="574012" spans="8:8">
      <c r="H574012" s="12"/>
    </row>
    <row r="574013" spans="8:8">
      <c r="H574013" s="12"/>
    </row>
    <row r="574014" spans="8:8">
      <c r="H574014" s="12"/>
    </row>
    <row r="574015" spans="8:8">
      <c r="H574015" s="12"/>
    </row>
    <row r="574016" spans="8:8">
      <c r="H574016" s="12"/>
    </row>
    <row r="574017" spans="8:8">
      <c r="H574017" s="12"/>
    </row>
    <row r="574018" spans="8:8">
      <c r="H574018" s="12"/>
    </row>
    <row r="574019" spans="8:8">
      <c r="H574019" s="12"/>
    </row>
    <row r="574020" spans="8:8">
      <c r="H574020" s="12"/>
    </row>
    <row r="574021" spans="8:8">
      <c r="H574021" s="12"/>
    </row>
    <row r="574022" spans="8:8">
      <c r="H574022" s="12"/>
    </row>
    <row r="574023" spans="8:8">
      <c r="H574023" s="12"/>
    </row>
    <row r="574024" spans="8:8">
      <c r="H574024" s="12"/>
    </row>
    <row r="574025" spans="8:8">
      <c r="H574025" s="12"/>
    </row>
    <row r="574026" spans="8:8">
      <c r="H574026" s="12"/>
    </row>
    <row r="574027" spans="8:8">
      <c r="H574027" s="12"/>
    </row>
    <row r="574028" spans="8:8">
      <c r="H574028" s="12"/>
    </row>
    <row r="574029" spans="8:8">
      <c r="H574029" s="12"/>
    </row>
    <row r="574030" spans="8:8">
      <c r="H574030" s="12"/>
    </row>
    <row r="574031" spans="8:8">
      <c r="H574031" s="12"/>
    </row>
    <row r="574032" spans="8:8">
      <c r="H574032" s="12"/>
    </row>
    <row r="574033" spans="8:8">
      <c r="H574033" s="12"/>
    </row>
    <row r="574034" spans="8:8">
      <c r="H574034" s="12"/>
    </row>
    <row r="574035" spans="8:8">
      <c r="H574035" s="12"/>
    </row>
    <row r="574036" spans="8:8">
      <c r="H574036" s="12"/>
    </row>
    <row r="574037" spans="8:8">
      <c r="H574037" s="12"/>
    </row>
    <row r="574038" spans="8:8">
      <c r="H574038" s="12"/>
    </row>
    <row r="574039" spans="8:8">
      <c r="H574039" s="12"/>
    </row>
    <row r="574040" spans="8:8">
      <c r="H574040" s="12"/>
    </row>
    <row r="574041" spans="8:8">
      <c r="H574041" s="12"/>
    </row>
    <row r="574042" spans="8:8">
      <c r="H574042" s="12"/>
    </row>
    <row r="574043" spans="8:8">
      <c r="H574043" s="12"/>
    </row>
    <row r="574044" spans="8:8">
      <c r="H574044" s="12"/>
    </row>
    <row r="574045" spans="8:8">
      <c r="H574045" s="12"/>
    </row>
    <row r="574046" spans="8:8">
      <c r="H574046" s="12"/>
    </row>
    <row r="574047" spans="8:8">
      <c r="H574047" s="12"/>
    </row>
    <row r="574048" spans="8:8">
      <c r="H574048" s="12"/>
    </row>
    <row r="574049" spans="8:8">
      <c r="H574049" s="12"/>
    </row>
    <row r="574050" spans="8:8">
      <c r="H574050" s="12"/>
    </row>
    <row r="574051" spans="8:8">
      <c r="H574051" s="12"/>
    </row>
    <row r="574052" spans="8:8">
      <c r="H574052" s="12"/>
    </row>
    <row r="574053" spans="8:8">
      <c r="H574053" s="12"/>
    </row>
    <row r="574054" spans="8:8">
      <c r="H574054" s="12"/>
    </row>
    <row r="574055" spans="8:8">
      <c r="H574055" s="12"/>
    </row>
    <row r="574056" spans="8:8">
      <c r="H574056" s="12"/>
    </row>
    <row r="574057" spans="8:8">
      <c r="H574057" s="12"/>
    </row>
    <row r="574058" spans="8:8">
      <c r="H574058" s="12"/>
    </row>
    <row r="574059" spans="8:8">
      <c r="H574059" s="12"/>
    </row>
    <row r="574060" spans="8:8">
      <c r="H574060" s="12"/>
    </row>
    <row r="574061" spans="8:8">
      <c r="H574061" s="12"/>
    </row>
    <row r="574062" spans="8:8">
      <c r="H574062" s="12"/>
    </row>
    <row r="574063" spans="8:8">
      <c r="H574063" s="12"/>
    </row>
    <row r="574064" spans="8:8">
      <c r="H574064" s="12"/>
    </row>
    <row r="574065" spans="8:8">
      <c r="H574065" s="12"/>
    </row>
    <row r="574066" spans="8:8">
      <c r="H574066" s="12"/>
    </row>
    <row r="574067" spans="8:8">
      <c r="H574067" s="12"/>
    </row>
    <row r="574068" spans="8:8">
      <c r="H574068" s="12"/>
    </row>
    <row r="574069" spans="8:8">
      <c r="H574069" s="12"/>
    </row>
    <row r="574070" spans="8:8">
      <c r="H574070" s="12"/>
    </row>
    <row r="574071" spans="8:8">
      <c r="H574071" s="12"/>
    </row>
    <row r="574072" spans="8:8">
      <c r="H574072" s="12"/>
    </row>
    <row r="574073" spans="8:8">
      <c r="H574073" s="12"/>
    </row>
    <row r="574074" spans="8:8">
      <c r="H574074" s="12"/>
    </row>
    <row r="574075" spans="8:8">
      <c r="H574075" s="12"/>
    </row>
    <row r="574076" spans="8:8">
      <c r="H574076" s="12"/>
    </row>
    <row r="574077" spans="8:8">
      <c r="H574077" s="12"/>
    </row>
    <row r="574078" spans="8:8">
      <c r="H574078" s="12"/>
    </row>
    <row r="574079" spans="8:8">
      <c r="H574079" s="12"/>
    </row>
    <row r="574080" spans="8:8">
      <c r="H574080" s="12"/>
    </row>
    <row r="574081" spans="8:8">
      <c r="H574081" s="12"/>
    </row>
    <row r="574082" spans="8:8">
      <c r="H574082" s="12"/>
    </row>
    <row r="574083" spans="8:8">
      <c r="H574083" s="12"/>
    </row>
    <row r="574084" spans="8:8">
      <c r="H574084" s="12"/>
    </row>
    <row r="574085" spans="8:8">
      <c r="H574085" s="12"/>
    </row>
    <row r="574086" spans="8:8">
      <c r="H574086" s="12"/>
    </row>
    <row r="574087" spans="8:8">
      <c r="H574087" s="12"/>
    </row>
    <row r="574088" spans="8:8">
      <c r="H574088" s="12"/>
    </row>
    <row r="574089" spans="8:8">
      <c r="H574089" s="12"/>
    </row>
    <row r="574090" spans="8:8">
      <c r="H574090" s="12"/>
    </row>
    <row r="574091" spans="8:8">
      <c r="H574091" s="12"/>
    </row>
    <row r="574092" spans="8:8">
      <c r="H574092" s="12"/>
    </row>
    <row r="574093" spans="8:8">
      <c r="H574093" s="12"/>
    </row>
    <row r="574094" spans="8:8">
      <c r="H574094" s="12"/>
    </row>
    <row r="574095" spans="8:8">
      <c r="H574095" s="12"/>
    </row>
    <row r="574096" spans="8:8">
      <c r="H574096" s="12"/>
    </row>
    <row r="574097" spans="8:8">
      <c r="H574097" s="12"/>
    </row>
    <row r="574098" spans="8:8">
      <c r="H574098" s="12"/>
    </row>
    <row r="574099" spans="8:8">
      <c r="H574099" s="12"/>
    </row>
    <row r="574100" spans="8:8">
      <c r="H574100" s="12"/>
    </row>
    <row r="574101" spans="8:8">
      <c r="H574101" s="12"/>
    </row>
    <row r="574102" spans="8:8">
      <c r="H574102" s="12"/>
    </row>
    <row r="574103" spans="8:8">
      <c r="H574103" s="12"/>
    </row>
    <row r="574104" spans="8:8">
      <c r="H574104" s="12"/>
    </row>
    <row r="574105" spans="8:8">
      <c r="H574105" s="12"/>
    </row>
    <row r="574106" spans="8:8">
      <c r="H574106" s="12"/>
    </row>
    <row r="574107" spans="8:8">
      <c r="H574107" s="12"/>
    </row>
    <row r="574108" spans="8:8">
      <c r="H574108" s="12"/>
    </row>
    <row r="574109" spans="8:8">
      <c r="H574109" s="12"/>
    </row>
    <row r="574110" spans="8:8">
      <c r="H574110" s="12"/>
    </row>
    <row r="574111" spans="8:8">
      <c r="H574111" s="12"/>
    </row>
    <row r="574112" spans="8:8">
      <c r="H574112" s="12"/>
    </row>
    <row r="574113" spans="8:8">
      <c r="H574113" s="12"/>
    </row>
    <row r="574114" spans="8:8">
      <c r="H574114" s="12"/>
    </row>
    <row r="574115" spans="8:8">
      <c r="H574115" s="12"/>
    </row>
    <row r="574116" spans="8:8">
      <c r="H574116" s="12"/>
    </row>
    <row r="574117" spans="8:8">
      <c r="H574117" s="12"/>
    </row>
    <row r="574118" spans="8:8">
      <c r="H574118" s="12"/>
    </row>
    <row r="574119" spans="8:8">
      <c r="H574119" s="12"/>
    </row>
    <row r="574120" spans="8:8">
      <c r="H574120" s="12"/>
    </row>
    <row r="574121" spans="8:8">
      <c r="H574121" s="12"/>
    </row>
    <row r="574122" spans="8:8">
      <c r="H574122" s="12"/>
    </row>
    <row r="574123" spans="8:8">
      <c r="H574123" s="12"/>
    </row>
    <row r="574124" spans="8:8">
      <c r="H574124" s="12"/>
    </row>
    <row r="574125" spans="8:8">
      <c r="H574125" s="12"/>
    </row>
    <row r="574126" spans="8:8">
      <c r="H574126" s="12"/>
    </row>
    <row r="574127" spans="8:8">
      <c r="H574127" s="12"/>
    </row>
    <row r="574128" spans="8:8">
      <c r="H574128" s="12"/>
    </row>
    <row r="574129" spans="8:8">
      <c r="H574129" s="12"/>
    </row>
    <row r="574130" spans="8:8">
      <c r="H574130" s="12"/>
    </row>
    <row r="574131" spans="8:8">
      <c r="H574131" s="12"/>
    </row>
    <row r="574132" spans="8:8">
      <c r="H574132" s="12"/>
    </row>
    <row r="574133" spans="8:8">
      <c r="H574133" s="12"/>
    </row>
    <row r="574134" spans="8:8">
      <c r="H574134" s="12"/>
    </row>
    <row r="574135" spans="8:8">
      <c r="H574135" s="12"/>
    </row>
    <row r="574136" spans="8:8">
      <c r="H574136" s="12"/>
    </row>
    <row r="574137" spans="8:8">
      <c r="H574137" s="12"/>
    </row>
    <row r="574138" spans="8:8">
      <c r="H574138" s="12"/>
    </row>
    <row r="574139" spans="8:8">
      <c r="H574139" s="12"/>
    </row>
    <row r="574140" spans="8:8">
      <c r="H574140" s="12"/>
    </row>
    <row r="574141" spans="8:8">
      <c r="H574141" s="12"/>
    </row>
    <row r="574142" spans="8:8">
      <c r="H574142" s="12"/>
    </row>
    <row r="574143" spans="8:8">
      <c r="H574143" s="12"/>
    </row>
    <row r="574144" spans="8:8">
      <c r="H574144" s="12"/>
    </row>
    <row r="574145" spans="8:8">
      <c r="H574145" s="12"/>
    </row>
    <row r="574146" spans="8:8">
      <c r="H574146" s="12"/>
    </row>
    <row r="574147" spans="8:8">
      <c r="H574147" s="12"/>
    </row>
    <row r="574148" spans="8:8">
      <c r="H574148" s="12"/>
    </row>
    <row r="574149" spans="8:8">
      <c r="H574149" s="12"/>
    </row>
    <row r="574150" spans="8:8">
      <c r="H574150" s="12"/>
    </row>
    <row r="574151" spans="8:8">
      <c r="H574151" s="12"/>
    </row>
    <row r="574152" spans="8:8">
      <c r="H574152" s="12"/>
    </row>
    <row r="574153" spans="8:8">
      <c r="H574153" s="12"/>
    </row>
    <row r="574154" spans="8:8">
      <c r="H574154" s="12"/>
    </row>
    <row r="574155" spans="8:8">
      <c r="H574155" s="12"/>
    </row>
    <row r="574156" spans="8:8">
      <c r="H574156" s="12"/>
    </row>
    <row r="574157" spans="8:8">
      <c r="H574157" s="12"/>
    </row>
    <row r="574158" spans="8:8">
      <c r="H574158" s="12"/>
    </row>
    <row r="574159" spans="8:8">
      <c r="H574159" s="12"/>
    </row>
    <row r="574160" spans="8:8">
      <c r="H574160" s="12"/>
    </row>
    <row r="574161" spans="8:8">
      <c r="H574161" s="12"/>
    </row>
    <row r="574162" spans="8:8">
      <c r="H574162" s="12"/>
    </row>
    <row r="574163" spans="8:8">
      <c r="H574163" s="12"/>
    </row>
    <row r="574164" spans="8:8">
      <c r="H574164" s="12"/>
    </row>
    <row r="574165" spans="8:8">
      <c r="H574165" s="12"/>
    </row>
    <row r="574166" spans="8:8">
      <c r="H574166" s="12"/>
    </row>
    <row r="574167" spans="8:8">
      <c r="H574167" s="12"/>
    </row>
    <row r="574168" spans="8:8">
      <c r="H574168" s="12"/>
    </row>
    <row r="574169" spans="8:8">
      <c r="H574169" s="12"/>
    </row>
    <row r="574170" spans="8:8">
      <c r="H574170" s="12"/>
    </row>
    <row r="574171" spans="8:8">
      <c r="H574171" s="12"/>
    </row>
    <row r="574172" spans="8:8">
      <c r="H574172" s="12"/>
    </row>
    <row r="574173" spans="8:8">
      <c r="H574173" s="12"/>
    </row>
    <row r="574174" spans="8:8">
      <c r="H574174" s="12"/>
    </row>
    <row r="574175" spans="8:8">
      <c r="H574175" s="12"/>
    </row>
    <row r="574176" spans="8:8">
      <c r="H574176" s="12"/>
    </row>
    <row r="574177" spans="8:8">
      <c r="H574177" s="12"/>
    </row>
    <row r="574178" spans="8:8">
      <c r="H574178" s="12"/>
    </row>
    <row r="574179" spans="8:8">
      <c r="H574179" s="12"/>
    </row>
    <row r="574180" spans="8:8">
      <c r="H574180" s="12"/>
    </row>
    <row r="574181" spans="8:8">
      <c r="H574181" s="12"/>
    </row>
    <row r="574182" spans="8:8">
      <c r="H574182" s="12"/>
    </row>
    <row r="574183" spans="8:8">
      <c r="H574183" s="12"/>
    </row>
    <row r="574184" spans="8:8">
      <c r="H574184" s="12"/>
    </row>
    <row r="574185" spans="8:8">
      <c r="H574185" s="12"/>
    </row>
    <row r="574186" spans="8:8">
      <c r="H574186" s="12"/>
    </row>
    <row r="574187" spans="8:8">
      <c r="H574187" s="12"/>
    </row>
    <row r="574188" spans="8:8">
      <c r="H574188" s="12"/>
    </row>
    <row r="574189" spans="8:8">
      <c r="H574189" s="12"/>
    </row>
    <row r="574190" spans="8:8">
      <c r="H574190" s="12"/>
    </row>
    <row r="574191" spans="8:8">
      <c r="H574191" s="12"/>
    </row>
    <row r="574192" spans="8:8">
      <c r="H574192" s="12"/>
    </row>
    <row r="574193" spans="8:8">
      <c r="H574193" s="12"/>
    </row>
    <row r="574194" spans="8:8">
      <c r="H574194" s="12"/>
    </row>
    <row r="574195" spans="8:8">
      <c r="H574195" s="12"/>
    </row>
    <row r="574196" spans="8:8">
      <c r="H574196" s="12"/>
    </row>
    <row r="574197" spans="8:8">
      <c r="H574197" s="12"/>
    </row>
    <row r="574198" spans="8:8">
      <c r="H574198" s="12"/>
    </row>
    <row r="574199" spans="8:8">
      <c r="H574199" s="12"/>
    </row>
    <row r="574200" spans="8:8">
      <c r="H574200" s="12"/>
    </row>
    <row r="574201" spans="8:8">
      <c r="H574201" s="12"/>
    </row>
    <row r="574202" spans="8:8">
      <c r="H574202" s="12"/>
    </row>
    <row r="574203" spans="8:8">
      <c r="H574203" s="12"/>
    </row>
    <row r="574204" spans="8:8">
      <c r="H574204" s="12"/>
    </row>
    <row r="574205" spans="8:8">
      <c r="H574205" s="12"/>
    </row>
    <row r="574206" spans="8:8">
      <c r="H574206" s="12"/>
    </row>
    <row r="574207" spans="8:8">
      <c r="H574207" s="12"/>
    </row>
    <row r="574208" spans="8:8">
      <c r="H574208" s="12"/>
    </row>
    <row r="574209" spans="8:8">
      <c r="H574209" s="12"/>
    </row>
    <row r="574210" spans="8:8">
      <c r="H574210" s="12"/>
    </row>
    <row r="574211" spans="8:8">
      <c r="H574211" s="12"/>
    </row>
    <row r="574212" spans="8:8">
      <c r="H574212" s="12"/>
    </row>
    <row r="574213" spans="8:8">
      <c r="H574213" s="12"/>
    </row>
    <row r="574214" spans="8:8">
      <c r="H574214" s="12"/>
    </row>
    <row r="574215" spans="8:8">
      <c r="H574215" s="12"/>
    </row>
    <row r="574216" spans="8:8">
      <c r="H574216" s="12"/>
    </row>
    <row r="574217" spans="8:8">
      <c r="H574217" s="12"/>
    </row>
    <row r="574218" spans="8:8">
      <c r="H574218" s="12"/>
    </row>
    <row r="574219" spans="8:8">
      <c r="H574219" s="12"/>
    </row>
    <row r="574220" spans="8:8">
      <c r="H574220" s="12"/>
    </row>
    <row r="574221" spans="8:8">
      <c r="H574221" s="12"/>
    </row>
    <row r="574222" spans="8:8">
      <c r="H574222" s="12"/>
    </row>
    <row r="574223" spans="8:8">
      <c r="H574223" s="12"/>
    </row>
    <row r="574224" spans="8:8">
      <c r="H574224" s="12"/>
    </row>
    <row r="574225" spans="8:8">
      <c r="H574225" s="12"/>
    </row>
    <row r="574226" spans="8:8">
      <c r="H574226" s="12"/>
    </row>
    <row r="574227" spans="8:8">
      <c r="H574227" s="12"/>
    </row>
    <row r="574228" spans="8:8">
      <c r="H574228" s="12"/>
    </row>
    <row r="574229" spans="8:8">
      <c r="H574229" s="12"/>
    </row>
    <row r="574230" spans="8:8">
      <c r="H574230" s="12"/>
    </row>
    <row r="574231" spans="8:8">
      <c r="H574231" s="12"/>
    </row>
    <row r="574232" spans="8:8">
      <c r="H574232" s="12"/>
    </row>
    <row r="574233" spans="8:8">
      <c r="H574233" s="12"/>
    </row>
    <row r="574234" spans="8:8">
      <c r="H574234" s="12"/>
    </row>
    <row r="574235" spans="8:8">
      <c r="H574235" s="12"/>
    </row>
    <row r="574236" spans="8:8">
      <c r="H574236" s="12"/>
    </row>
    <row r="574237" spans="8:8">
      <c r="H574237" s="12"/>
    </row>
    <row r="574238" spans="8:8">
      <c r="H574238" s="12"/>
    </row>
    <row r="574239" spans="8:8">
      <c r="H574239" s="12"/>
    </row>
    <row r="574240" spans="8:8">
      <c r="H574240" s="12"/>
    </row>
    <row r="574241" spans="8:8">
      <c r="H574241" s="12"/>
    </row>
    <row r="574242" spans="8:8">
      <c r="H574242" s="12"/>
    </row>
    <row r="574243" spans="8:8">
      <c r="H574243" s="12"/>
    </row>
    <row r="574244" spans="8:8">
      <c r="H574244" s="12"/>
    </row>
    <row r="574245" spans="8:8">
      <c r="H574245" s="12"/>
    </row>
    <row r="574246" spans="8:8">
      <c r="H574246" s="12"/>
    </row>
    <row r="574247" spans="8:8">
      <c r="H574247" s="12"/>
    </row>
    <row r="574248" spans="8:8">
      <c r="H574248" s="12"/>
    </row>
    <row r="574249" spans="8:8">
      <c r="H574249" s="12"/>
    </row>
    <row r="574250" spans="8:8">
      <c r="H574250" s="12"/>
    </row>
    <row r="574251" spans="8:8">
      <c r="H574251" s="12"/>
    </row>
    <row r="574252" spans="8:8">
      <c r="H574252" s="12"/>
    </row>
    <row r="574253" spans="8:8">
      <c r="H574253" s="12"/>
    </row>
    <row r="574254" spans="8:8">
      <c r="H574254" s="12"/>
    </row>
    <row r="574255" spans="8:8">
      <c r="H574255" s="12"/>
    </row>
    <row r="574256" spans="8:8">
      <c r="H574256" s="12"/>
    </row>
    <row r="574257" spans="8:8">
      <c r="H574257" s="12"/>
    </row>
    <row r="574258" spans="8:8">
      <c r="H574258" s="12"/>
    </row>
    <row r="574259" spans="8:8">
      <c r="H574259" s="12"/>
    </row>
    <row r="574260" spans="8:8">
      <c r="H574260" s="12"/>
    </row>
    <row r="574261" spans="8:8">
      <c r="H574261" s="12"/>
    </row>
    <row r="574262" spans="8:8">
      <c r="H574262" s="12"/>
    </row>
    <row r="574263" spans="8:8">
      <c r="H574263" s="12"/>
    </row>
    <row r="574264" spans="8:8">
      <c r="H574264" s="12"/>
    </row>
    <row r="574265" spans="8:8">
      <c r="H574265" s="12"/>
    </row>
    <row r="574266" spans="8:8">
      <c r="H574266" s="12"/>
    </row>
    <row r="574267" spans="8:8">
      <c r="H574267" s="12"/>
    </row>
    <row r="574268" spans="8:8">
      <c r="H574268" s="12"/>
    </row>
    <row r="574269" spans="8:8">
      <c r="H574269" s="12"/>
    </row>
    <row r="574270" spans="8:8">
      <c r="H574270" s="12"/>
    </row>
    <row r="574271" spans="8:8">
      <c r="H574271" s="12"/>
    </row>
    <row r="574272" spans="8:8">
      <c r="H574272" s="12"/>
    </row>
    <row r="574273" spans="8:8">
      <c r="H574273" s="12"/>
    </row>
    <row r="574274" spans="8:8">
      <c r="H574274" s="12"/>
    </row>
    <row r="574275" spans="8:8">
      <c r="H574275" s="12"/>
    </row>
    <row r="574276" spans="8:8">
      <c r="H574276" s="12"/>
    </row>
    <row r="574277" spans="8:8">
      <c r="H574277" s="12"/>
    </row>
    <row r="574278" spans="8:8">
      <c r="H574278" s="12"/>
    </row>
    <row r="574279" spans="8:8">
      <c r="H574279" s="12"/>
    </row>
    <row r="574280" spans="8:8">
      <c r="H574280" s="12"/>
    </row>
    <row r="574281" spans="8:8">
      <c r="H574281" s="12"/>
    </row>
    <row r="574282" spans="8:8">
      <c r="H574282" s="12"/>
    </row>
    <row r="574283" spans="8:8">
      <c r="H574283" s="12"/>
    </row>
    <row r="574284" spans="8:8">
      <c r="H574284" s="12"/>
    </row>
    <row r="574285" spans="8:8">
      <c r="H574285" s="12"/>
    </row>
    <row r="574286" spans="8:8">
      <c r="H574286" s="12"/>
    </row>
    <row r="574287" spans="8:8">
      <c r="H574287" s="12"/>
    </row>
    <row r="574288" spans="8:8">
      <c r="H574288" s="12"/>
    </row>
    <row r="574289" spans="8:8">
      <c r="H574289" s="12"/>
    </row>
    <row r="574290" spans="8:8">
      <c r="H574290" s="12"/>
    </row>
    <row r="574291" spans="8:8">
      <c r="H574291" s="12"/>
    </row>
    <row r="574292" spans="8:8">
      <c r="H574292" s="12"/>
    </row>
    <row r="574293" spans="8:8">
      <c r="H574293" s="12"/>
    </row>
    <row r="574294" spans="8:8">
      <c r="H574294" s="12"/>
    </row>
    <row r="574295" spans="8:8">
      <c r="H574295" s="12"/>
    </row>
    <row r="574296" spans="8:8">
      <c r="H574296" s="12"/>
    </row>
    <row r="574297" spans="8:8">
      <c r="H574297" s="12"/>
    </row>
    <row r="574298" spans="8:8">
      <c r="H574298" s="12"/>
    </row>
    <row r="574299" spans="8:8">
      <c r="H574299" s="12"/>
    </row>
    <row r="574300" spans="8:8">
      <c r="H574300" s="12"/>
    </row>
    <row r="574301" spans="8:8">
      <c r="H574301" s="12"/>
    </row>
    <row r="574302" spans="8:8">
      <c r="H574302" s="12"/>
    </row>
    <row r="574303" spans="8:8">
      <c r="H574303" s="12"/>
    </row>
    <row r="574304" spans="8:8">
      <c r="H574304" s="12"/>
    </row>
    <row r="574305" spans="8:8">
      <c r="H574305" s="12"/>
    </row>
    <row r="574306" spans="8:8">
      <c r="H574306" s="12"/>
    </row>
    <row r="574307" spans="8:8">
      <c r="H574307" s="12"/>
    </row>
    <row r="574308" spans="8:8">
      <c r="H574308" s="12"/>
    </row>
    <row r="574309" spans="8:8">
      <c r="H574309" s="12"/>
    </row>
    <row r="574310" spans="8:8">
      <c r="H574310" s="12"/>
    </row>
    <row r="574311" spans="8:8">
      <c r="H574311" s="12"/>
    </row>
    <row r="574312" spans="8:8">
      <c r="H574312" s="12"/>
    </row>
    <row r="574313" spans="8:8">
      <c r="H574313" s="12"/>
    </row>
    <row r="574314" spans="8:8">
      <c r="H574314" s="12"/>
    </row>
    <row r="574315" spans="8:8">
      <c r="H574315" s="12"/>
    </row>
    <row r="574316" spans="8:8">
      <c r="H574316" s="12"/>
    </row>
    <row r="574317" spans="8:8">
      <c r="H574317" s="12"/>
    </row>
    <row r="574318" spans="8:8">
      <c r="H574318" s="12"/>
    </row>
    <row r="574319" spans="8:8">
      <c r="H574319" s="12"/>
    </row>
    <row r="574320" spans="8:8">
      <c r="H574320" s="12"/>
    </row>
    <row r="574321" spans="8:8">
      <c r="H574321" s="12"/>
    </row>
    <row r="574322" spans="8:8">
      <c r="H574322" s="12"/>
    </row>
    <row r="574323" spans="8:8">
      <c r="H574323" s="12"/>
    </row>
    <row r="574324" spans="8:8">
      <c r="H574324" s="12"/>
    </row>
    <row r="574325" spans="8:8">
      <c r="H574325" s="12"/>
    </row>
    <row r="574326" spans="8:8">
      <c r="H574326" s="12"/>
    </row>
    <row r="574327" spans="8:8">
      <c r="H574327" s="12"/>
    </row>
    <row r="574328" spans="8:8">
      <c r="H574328" s="12"/>
    </row>
    <row r="574329" spans="8:8">
      <c r="H574329" s="12"/>
    </row>
    <row r="574330" spans="8:8">
      <c r="H574330" s="12"/>
    </row>
    <row r="574331" spans="8:8">
      <c r="H574331" s="12"/>
    </row>
    <row r="574332" spans="8:8">
      <c r="H574332" s="12"/>
    </row>
    <row r="574333" spans="8:8">
      <c r="H574333" s="12"/>
    </row>
    <row r="574334" spans="8:8">
      <c r="H574334" s="12"/>
    </row>
    <row r="574335" spans="8:8">
      <c r="H574335" s="12"/>
    </row>
    <row r="574336" spans="8:8">
      <c r="H574336" s="12"/>
    </row>
    <row r="574337" spans="8:8">
      <c r="H574337" s="12"/>
    </row>
    <row r="574338" spans="8:8">
      <c r="H574338" s="12"/>
    </row>
    <row r="574339" spans="8:8">
      <c r="H574339" s="12"/>
    </row>
    <row r="574340" spans="8:8">
      <c r="H574340" s="12"/>
    </row>
    <row r="574341" spans="8:8">
      <c r="H574341" s="12"/>
    </row>
    <row r="574342" spans="8:8">
      <c r="H574342" s="12"/>
    </row>
    <row r="574343" spans="8:8">
      <c r="H574343" s="12"/>
    </row>
    <row r="574344" spans="8:8">
      <c r="H574344" s="12"/>
    </row>
    <row r="574345" spans="8:8">
      <c r="H574345" s="12"/>
    </row>
    <row r="574346" spans="8:8">
      <c r="H574346" s="12"/>
    </row>
    <row r="574347" spans="8:8">
      <c r="H574347" s="12"/>
    </row>
    <row r="574348" spans="8:8">
      <c r="H574348" s="12"/>
    </row>
    <row r="574349" spans="8:8">
      <c r="H574349" s="12"/>
    </row>
    <row r="574350" spans="8:8">
      <c r="H574350" s="12"/>
    </row>
    <row r="574351" spans="8:8">
      <c r="H574351" s="12"/>
    </row>
    <row r="574352" spans="8:8">
      <c r="H574352" s="12"/>
    </row>
    <row r="574353" spans="8:8">
      <c r="H574353" s="12"/>
    </row>
    <row r="574354" spans="8:8">
      <c r="H574354" s="12"/>
    </row>
    <row r="574355" spans="8:8">
      <c r="H574355" s="12"/>
    </row>
    <row r="574356" spans="8:8">
      <c r="H574356" s="12"/>
    </row>
    <row r="574357" spans="8:8">
      <c r="H574357" s="12"/>
    </row>
    <row r="574358" spans="8:8">
      <c r="H574358" s="12"/>
    </row>
    <row r="574359" spans="8:8">
      <c r="H574359" s="12"/>
    </row>
    <row r="574360" spans="8:8">
      <c r="H574360" s="12"/>
    </row>
    <row r="574361" spans="8:8">
      <c r="H574361" s="12"/>
    </row>
    <row r="574362" spans="8:8">
      <c r="H574362" s="12"/>
    </row>
    <row r="574363" spans="8:8">
      <c r="H574363" s="12"/>
    </row>
    <row r="574364" spans="8:8">
      <c r="H574364" s="12"/>
    </row>
    <row r="574365" spans="8:8">
      <c r="H574365" s="12"/>
    </row>
    <row r="574366" spans="8:8">
      <c r="H574366" s="12"/>
    </row>
    <row r="574367" spans="8:8">
      <c r="H574367" s="12"/>
    </row>
    <row r="574368" spans="8:8">
      <c r="H574368" s="12"/>
    </row>
    <row r="574369" spans="8:8">
      <c r="H574369" s="12"/>
    </row>
    <row r="574370" spans="8:8">
      <c r="H574370" s="12"/>
    </row>
    <row r="574371" spans="8:8">
      <c r="H574371" s="12"/>
    </row>
    <row r="574372" spans="8:8">
      <c r="H574372" s="12"/>
    </row>
    <row r="574373" spans="8:8">
      <c r="H574373" s="12"/>
    </row>
    <row r="574374" spans="8:8">
      <c r="H574374" s="12"/>
    </row>
    <row r="574375" spans="8:8">
      <c r="H574375" s="12"/>
    </row>
    <row r="574376" spans="8:8">
      <c r="H574376" s="12"/>
    </row>
    <row r="574377" spans="8:8">
      <c r="H574377" s="12"/>
    </row>
    <row r="574378" spans="8:8">
      <c r="H574378" s="12"/>
    </row>
    <row r="574379" spans="8:8">
      <c r="H574379" s="12"/>
    </row>
    <row r="574380" spans="8:8">
      <c r="H574380" s="12"/>
    </row>
    <row r="574381" spans="8:8">
      <c r="H574381" s="12"/>
    </row>
    <row r="574382" spans="8:8">
      <c r="H574382" s="12"/>
    </row>
    <row r="574383" spans="8:8">
      <c r="H574383" s="12"/>
    </row>
    <row r="574384" spans="8:8">
      <c r="H574384" s="12"/>
    </row>
    <row r="574385" spans="8:8">
      <c r="H574385" s="12"/>
    </row>
    <row r="574386" spans="8:8">
      <c r="H574386" s="12"/>
    </row>
    <row r="574387" spans="8:8">
      <c r="H574387" s="12"/>
    </row>
    <row r="574388" spans="8:8">
      <c r="H574388" s="12"/>
    </row>
    <row r="574389" spans="8:8">
      <c r="H574389" s="12"/>
    </row>
    <row r="574390" spans="8:8">
      <c r="H574390" s="12"/>
    </row>
    <row r="574391" spans="8:8">
      <c r="H574391" s="12"/>
    </row>
    <row r="574392" spans="8:8">
      <c r="H574392" s="12"/>
    </row>
    <row r="574393" spans="8:8">
      <c r="H574393" s="12"/>
    </row>
    <row r="574394" spans="8:8">
      <c r="H574394" s="12"/>
    </row>
    <row r="574395" spans="8:8">
      <c r="H574395" s="12"/>
    </row>
    <row r="574396" spans="8:8">
      <c r="H574396" s="12"/>
    </row>
    <row r="574397" spans="8:8">
      <c r="H574397" s="12"/>
    </row>
    <row r="574398" spans="8:8">
      <c r="H574398" s="12"/>
    </row>
    <row r="574399" spans="8:8">
      <c r="H574399" s="12"/>
    </row>
    <row r="574400" spans="8:8">
      <c r="H574400" s="12"/>
    </row>
    <row r="574401" spans="8:8">
      <c r="H574401" s="12"/>
    </row>
    <row r="574402" spans="8:8">
      <c r="H574402" s="12"/>
    </row>
    <row r="574403" spans="8:8">
      <c r="H574403" s="12"/>
    </row>
    <row r="574404" spans="8:8">
      <c r="H574404" s="12"/>
    </row>
    <row r="574405" spans="8:8">
      <c r="H574405" s="12"/>
    </row>
    <row r="574406" spans="8:8">
      <c r="H574406" s="12"/>
    </row>
    <row r="574407" spans="8:8">
      <c r="H574407" s="12"/>
    </row>
    <row r="574408" spans="8:8">
      <c r="H574408" s="12"/>
    </row>
    <row r="574409" spans="8:8">
      <c r="H574409" s="12"/>
    </row>
    <row r="574410" spans="8:8">
      <c r="H574410" s="12"/>
    </row>
    <row r="574411" spans="8:8">
      <c r="H574411" s="12"/>
    </row>
    <row r="574412" spans="8:8">
      <c r="H574412" s="12"/>
    </row>
    <row r="574413" spans="8:8">
      <c r="H574413" s="12"/>
    </row>
    <row r="574414" spans="8:8">
      <c r="H574414" s="12"/>
    </row>
    <row r="574415" spans="8:8">
      <c r="H574415" s="12"/>
    </row>
    <row r="574416" spans="8:8">
      <c r="H574416" s="12"/>
    </row>
    <row r="574417" spans="8:8">
      <c r="H574417" s="12"/>
    </row>
    <row r="574418" spans="8:8">
      <c r="H574418" s="12"/>
    </row>
    <row r="574419" spans="8:8">
      <c r="H574419" s="12"/>
    </row>
    <row r="574420" spans="8:8">
      <c r="H574420" s="12"/>
    </row>
    <row r="574421" spans="8:8">
      <c r="H574421" s="12"/>
    </row>
    <row r="574422" spans="8:8">
      <c r="H574422" s="12"/>
    </row>
    <row r="574423" spans="8:8">
      <c r="H574423" s="12"/>
    </row>
    <row r="574424" spans="8:8">
      <c r="H574424" s="12"/>
    </row>
    <row r="574425" spans="8:8">
      <c r="H574425" s="12"/>
    </row>
    <row r="574426" spans="8:8">
      <c r="H574426" s="12"/>
    </row>
    <row r="574427" spans="8:8">
      <c r="H574427" s="12"/>
    </row>
    <row r="574428" spans="8:8">
      <c r="H574428" s="12"/>
    </row>
    <row r="574429" spans="8:8">
      <c r="H574429" s="12"/>
    </row>
    <row r="574430" spans="8:8">
      <c r="H574430" s="12"/>
    </row>
    <row r="574431" spans="8:8">
      <c r="H574431" s="12"/>
    </row>
    <row r="574432" spans="8:8">
      <c r="H574432" s="12"/>
    </row>
    <row r="574433" spans="8:8">
      <c r="H574433" s="12"/>
    </row>
    <row r="574434" spans="8:8">
      <c r="H574434" s="12"/>
    </row>
    <row r="574435" spans="8:8">
      <c r="H574435" s="12"/>
    </row>
    <row r="574436" spans="8:8">
      <c r="H574436" s="12"/>
    </row>
    <row r="574437" spans="8:8">
      <c r="H574437" s="12"/>
    </row>
    <row r="574438" spans="8:8">
      <c r="H574438" s="12"/>
    </row>
    <row r="574439" spans="8:8">
      <c r="H574439" s="12"/>
    </row>
    <row r="574440" spans="8:8">
      <c r="H574440" s="12"/>
    </row>
    <row r="574441" spans="8:8">
      <c r="H574441" s="12"/>
    </row>
    <row r="574442" spans="8:8">
      <c r="H574442" s="12"/>
    </row>
    <row r="574443" spans="8:8">
      <c r="H574443" s="12"/>
    </row>
    <row r="574444" spans="8:8">
      <c r="H574444" s="12"/>
    </row>
    <row r="574445" spans="8:8">
      <c r="H574445" s="12"/>
    </row>
    <row r="574446" spans="8:8">
      <c r="H574446" s="12"/>
    </row>
    <row r="574447" spans="8:8">
      <c r="H574447" s="12"/>
    </row>
    <row r="574448" spans="8:8">
      <c r="H574448" s="12"/>
    </row>
    <row r="574449" spans="8:8">
      <c r="H574449" s="12"/>
    </row>
    <row r="574450" spans="8:8">
      <c r="H574450" s="12"/>
    </row>
    <row r="574451" spans="8:8">
      <c r="H574451" s="12"/>
    </row>
    <row r="574452" spans="8:8">
      <c r="H574452" s="12"/>
    </row>
    <row r="574453" spans="8:8">
      <c r="H574453" s="12"/>
    </row>
    <row r="574454" spans="8:8">
      <c r="H574454" s="12"/>
    </row>
    <row r="574455" spans="8:8">
      <c r="H574455" s="12"/>
    </row>
    <row r="574456" spans="8:8">
      <c r="H574456" s="12"/>
    </row>
    <row r="574457" spans="8:8">
      <c r="H574457" s="12"/>
    </row>
    <row r="574458" spans="8:8">
      <c r="H574458" s="12"/>
    </row>
    <row r="574459" spans="8:8">
      <c r="H574459" s="12"/>
    </row>
    <row r="574460" spans="8:8">
      <c r="H574460" s="12"/>
    </row>
    <row r="574461" spans="8:8">
      <c r="H574461" s="12"/>
    </row>
    <row r="574462" spans="8:8">
      <c r="H574462" s="12"/>
    </row>
    <row r="574463" spans="8:8">
      <c r="H574463" s="12"/>
    </row>
    <row r="574464" spans="8:8">
      <c r="H574464" s="12"/>
    </row>
    <row r="574465" spans="8:8">
      <c r="H574465" s="12"/>
    </row>
    <row r="574466" spans="8:8">
      <c r="H574466" s="12"/>
    </row>
    <row r="574467" spans="8:8">
      <c r="H574467" s="12"/>
    </row>
    <row r="574468" spans="8:8">
      <c r="H574468" s="12"/>
    </row>
    <row r="574469" spans="8:8">
      <c r="H574469" s="12"/>
    </row>
    <row r="574470" spans="8:8">
      <c r="H574470" s="12"/>
    </row>
    <row r="574471" spans="8:8">
      <c r="H574471" s="12"/>
    </row>
    <row r="574472" spans="8:8">
      <c r="H574472" s="12"/>
    </row>
    <row r="574473" spans="8:8">
      <c r="H574473" s="12"/>
    </row>
    <row r="574474" spans="8:8">
      <c r="H574474" s="12"/>
    </row>
    <row r="574475" spans="8:8">
      <c r="H574475" s="12"/>
    </row>
    <row r="574476" spans="8:8">
      <c r="H574476" s="12"/>
    </row>
    <row r="574477" spans="8:8">
      <c r="H574477" s="12"/>
    </row>
    <row r="574478" spans="8:8">
      <c r="H574478" s="12"/>
    </row>
    <row r="574479" spans="8:8">
      <c r="H574479" s="12"/>
    </row>
    <row r="574480" spans="8:8">
      <c r="H574480" s="12"/>
    </row>
    <row r="574481" spans="8:8">
      <c r="H574481" s="12"/>
    </row>
    <row r="574482" spans="8:8">
      <c r="H574482" s="12"/>
    </row>
    <row r="574483" spans="8:8">
      <c r="H574483" s="12"/>
    </row>
    <row r="574484" spans="8:8">
      <c r="H574484" s="12"/>
    </row>
    <row r="574485" spans="8:8">
      <c r="H574485" s="12"/>
    </row>
    <row r="574486" spans="8:8">
      <c r="H574486" s="12"/>
    </row>
    <row r="574487" spans="8:8">
      <c r="H574487" s="12"/>
    </row>
    <row r="574488" spans="8:8">
      <c r="H574488" s="12"/>
    </row>
    <row r="574489" spans="8:8">
      <c r="H574489" s="12"/>
    </row>
    <row r="574490" spans="8:8">
      <c r="H574490" s="12"/>
    </row>
    <row r="574491" spans="8:8">
      <c r="H574491" s="12"/>
    </row>
    <row r="574492" spans="8:8">
      <c r="H574492" s="12"/>
    </row>
    <row r="574493" spans="8:8">
      <c r="H574493" s="12"/>
    </row>
    <row r="574494" spans="8:8">
      <c r="H574494" s="12"/>
    </row>
    <row r="574495" spans="8:8">
      <c r="H574495" s="12"/>
    </row>
    <row r="574496" spans="8:8">
      <c r="H574496" s="12"/>
    </row>
    <row r="574497" spans="8:8">
      <c r="H574497" s="12"/>
    </row>
    <row r="574498" spans="8:8">
      <c r="H574498" s="12"/>
    </row>
    <row r="574499" spans="8:8">
      <c r="H574499" s="12"/>
    </row>
    <row r="574500" spans="8:8">
      <c r="H574500" s="12"/>
    </row>
    <row r="574501" spans="8:8">
      <c r="H574501" s="12"/>
    </row>
    <row r="574502" spans="8:8">
      <c r="H574502" s="12"/>
    </row>
    <row r="574503" spans="8:8">
      <c r="H574503" s="12"/>
    </row>
    <row r="574504" spans="8:8">
      <c r="H574504" s="12"/>
    </row>
    <row r="574505" spans="8:8">
      <c r="H574505" s="12"/>
    </row>
    <row r="574506" spans="8:8">
      <c r="H574506" s="12"/>
    </row>
    <row r="574507" spans="8:8">
      <c r="H574507" s="12"/>
    </row>
    <row r="574508" spans="8:8">
      <c r="H574508" s="12"/>
    </row>
    <row r="574509" spans="8:8">
      <c r="H574509" s="12"/>
    </row>
    <row r="574510" spans="8:8">
      <c r="H574510" s="12"/>
    </row>
    <row r="574511" spans="8:8">
      <c r="H574511" s="12"/>
    </row>
    <row r="574512" spans="8:8">
      <c r="H574512" s="12"/>
    </row>
    <row r="574513" spans="8:8">
      <c r="H574513" s="12"/>
    </row>
    <row r="574514" spans="8:8">
      <c r="H574514" s="12"/>
    </row>
    <row r="574515" spans="8:8">
      <c r="H574515" s="12"/>
    </row>
    <row r="574516" spans="8:8">
      <c r="H574516" s="12"/>
    </row>
    <row r="574517" spans="8:8">
      <c r="H574517" s="12"/>
    </row>
    <row r="574518" spans="8:8">
      <c r="H574518" s="12"/>
    </row>
    <row r="574519" spans="8:8">
      <c r="H574519" s="12"/>
    </row>
    <row r="574520" spans="8:8">
      <c r="H574520" s="12"/>
    </row>
    <row r="574521" spans="8:8">
      <c r="H574521" s="12"/>
    </row>
    <row r="574522" spans="8:8">
      <c r="H574522" s="12"/>
    </row>
    <row r="574523" spans="8:8">
      <c r="H574523" s="12"/>
    </row>
    <row r="574524" spans="8:8">
      <c r="H574524" s="12"/>
    </row>
    <row r="574525" spans="8:8">
      <c r="H574525" s="12"/>
    </row>
    <row r="574526" spans="8:8">
      <c r="H574526" s="12"/>
    </row>
    <row r="574527" spans="8:8">
      <c r="H574527" s="12"/>
    </row>
    <row r="574528" spans="8:8">
      <c r="H574528" s="12"/>
    </row>
    <row r="574529" spans="8:8">
      <c r="H574529" s="12"/>
    </row>
    <row r="574530" spans="8:8">
      <c r="H574530" s="12"/>
    </row>
    <row r="574531" spans="8:8">
      <c r="H574531" s="12"/>
    </row>
    <row r="574532" spans="8:8">
      <c r="H574532" s="12"/>
    </row>
    <row r="574533" spans="8:8">
      <c r="H574533" s="12"/>
    </row>
    <row r="574534" spans="8:8">
      <c r="H574534" s="12"/>
    </row>
    <row r="574535" spans="8:8">
      <c r="H574535" s="12"/>
    </row>
    <row r="574536" spans="8:8">
      <c r="H574536" s="12"/>
    </row>
    <row r="574537" spans="8:8">
      <c r="H574537" s="12"/>
    </row>
    <row r="574538" spans="8:8">
      <c r="H574538" s="12"/>
    </row>
    <row r="574539" spans="8:8">
      <c r="H574539" s="12"/>
    </row>
    <row r="574540" spans="8:8">
      <c r="H574540" s="12"/>
    </row>
    <row r="574541" spans="8:8">
      <c r="H574541" s="12"/>
    </row>
    <row r="574542" spans="8:8">
      <c r="H574542" s="12"/>
    </row>
    <row r="574543" spans="8:8">
      <c r="H574543" s="12"/>
    </row>
    <row r="574544" spans="8:8">
      <c r="H574544" s="12"/>
    </row>
    <row r="574545" spans="8:8">
      <c r="H574545" s="12"/>
    </row>
    <row r="574546" spans="8:8">
      <c r="H574546" s="12"/>
    </row>
    <row r="574547" spans="8:8">
      <c r="H574547" s="12"/>
    </row>
    <row r="574548" spans="8:8">
      <c r="H574548" s="12"/>
    </row>
    <row r="574549" spans="8:8">
      <c r="H574549" s="12"/>
    </row>
    <row r="574550" spans="8:8">
      <c r="H574550" s="12"/>
    </row>
    <row r="574551" spans="8:8">
      <c r="H574551" s="12"/>
    </row>
    <row r="574552" spans="8:8">
      <c r="H574552" s="12"/>
    </row>
    <row r="574553" spans="8:8">
      <c r="H574553" s="12"/>
    </row>
    <row r="574554" spans="8:8">
      <c r="H574554" s="12"/>
    </row>
    <row r="574555" spans="8:8">
      <c r="H574555" s="12"/>
    </row>
    <row r="574556" spans="8:8">
      <c r="H574556" s="12"/>
    </row>
    <row r="574557" spans="8:8">
      <c r="H574557" s="12"/>
    </row>
    <row r="574558" spans="8:8">
      <c r="H574558" s="12"/>
    </row>
    <row r="574559" spans="8:8">
      <c r="H574559" s="12"/>
    </row>
    <row r="574560" spans="8:8">
      <c r="H574560" s="12"/>
    </row>
    <row r="574561" spans="8:8">
      <c r="H574561" s="12"/>
    </row>
    <row r="574562" spans="8:8">
      <c r="H574562" s="12"/>
    </row>
    <row r="574563" spans="8:8">
      <c r="H574563" s="12"/>
    </row>
    <row r="574564" spans="8:8">
      <c r="H574564" s="12"/>
    </row>
    <row r="574565" spans="8:8">
      <c r="H574565" s="12"/>
    </row>
    <row r="574566" spans="8:8">
      <c r="H574566" s="12"/>
    </row>
    <row r="574567" spans="8:8">
      <c r="H574567" s="12"/>
    </row>
    <row r="574568" spans="8:8">
      <c r="H574568" s="12"/>
    </row>
    <row r="574569" spans="8:8">
      <c r="H574569" s="12"/>
    </row>
    <row r="574570" spans="8:8">
      <c r="H574570" s="12"/>
    </row>
    <row r="574571" spans="8:8">
      <c r="H574571" s="12"/>
    </row>
    <row r="574572" spans="8:8">
      <c r="H574572" s="12"/>
    </row>
    <row r="574573" spans="8:8">
      <c r="H574573" s="12"/>
    </row>
    <row r="574574" spans="8:8">
      <c r="H574574" s="12"/>
    </row>
    <row r="574575" spans="8:8">
      <c r="H574575" s="12"/>
    </row>
    <row r="574576" spans="8:8">
      <c r="H574576" s="12"/>
    </row>
    <row r="574577" spans="8:8">
      <c r="H574577" s="12"/>
    </row>
    <row r="574578" spans="8:8">
      <c r="H574578" s="12"/>
    </row>
    <row r="574579" spans="8:8">
      <c r="H574579" s="12"/>
    </row>
    <row r="574580" spans="8:8">
      <c r="H574580" s="12"/>
    </row>
    <row r="574581" spans="8:8">
      <c r="H574581" s="12"/>
    </row>
    <row r="574582" spans="8:8">
      <c r="H574582" s="12"/>
    </row>
    <row r="574583" spans="8:8">
      <c r="H574583" s="12"/>
    </row>
    <row r="574584" spans="8:8">
      <c r="H574584" s="12"/>
    </row>
    <row r="574585" spans="8:8">
      <c r="H574585" s="12"/>
    </row>
    <row r="574586" spans="8:8">
      <c r="H574586" s="12"/>
    </row>
    <row r="574587" spans="8:8">
      <c r="H574587" s="12"/>
    </row>
    <row r="574588" spans="8:8">
      <c r="H574588" s="12"/>
    </row>
    <row r="574589" spans="8:8">
      <c r="H574589" s="12"/>
    </row>
    <row r="574590" spans="8:8">
      <c r="H574590" s="12"/>
    </row>
    <row r="574591" spans="8:8">
      <c r="H574591" s="12"/>
    </row>
    <row r="574592" spans="8:8">
      <c r="H574592" s="12"/>
    </row>
    <row r="574593" spans="8:8">
      <c r="H574593" s="12"/>
    </row>
    <row r="574594" spans="8:8">
      <c r="H574594" s="12"/>
    </row>
    <row r="574595" spans="8:8">
      <c r="H574595" s="12"/>
    </row>
    <row r="574596" spans="8:8">
      <c r="H574596" s="12"/>
    </row>
    <row r="574597" spans="8:8">
      <c r="H574597" s="12"/>
    </row>
    <row r="574598" spans="8:8">
      <c r="H574598" s="12"/>
    </row>
    <row r="574599" spans="8:8">
      <c r="H574599" s="12"/>
    </row>
    <row r="574600" spans="8:8">
      <c r="H574600" s="12"/>
    </row>
    <row r="574601" spans="8:8">
      <c r="H574601" s="12"/>
    </row>
    <row r="574602" spans="8:8">
      <c r="H574602" s="12"/>
    </row>
    <row r="574603" spans="8:8">
      <c r="H574603" s="12"/>
    </row>
    <row r="574604" spans="8:8">
      <c r="H574604" s="12"/>
    </row>
    <row r="574605" spans="8:8">
      <c r="H574605" s="12"/>
    </row>
    <row r="574606" spans="8:8">
      <c r="H574606" s="12"/>
    </row>
    <row r="574607" spans="8:8">
      <c r="H574607" s="12"/>
    </row>
    <row r="574608" spans="8:8">
      <c r="H574608" s="12"/>
    </row>
    <row r="574609" spans="8:8">
      <c r="H574609" s="12"/>
    </row>
    <row r="574610" spans="8:8">
      <c r="H574610" s="12"/>
    </row>
    <row r="574611" spans="8:8">
      <c r="H574611" s="12"/>
    </row>
    <row r="574612" spans="8:8">
      <c r="H574612" s="12"/>
    </row>
    <row r="574613" spans="8:8">
      <c r="H574613" s="12"/>
    </row>
    <row r="574614" spans="8:8">
      <c r="H574614" s="12"/>
    </row>
    <row r="574615" spans="8:8">
      <c r="H574615" s="12"/>
    </row>
    <row r="574616" spans="8:8">
      <c r="H574616" s="12"/>
    </row>
    <row r="574617" spans="8:8">
      <c r="H574617" s="12"/>
    </row>
    <row r="574618" spans="8:8">
      <c r="H574618" s="12"/>
    </row>
    <row r="574619" spans="8:8">
      <c r="H574619" s="12"/>
    </row>
    <row r="574620" spans="8:8">
      <c r="H574620" s="12"/>
    </row>
    <row r="574621" spans="8:8">
      <c r="H574621" s="12"/>
    </row>
    <row r="574622" spans="8:8">
      <c r="H574622" s="12"/>
    </row>
    <row r="574623" spans="8:8">
      <c r="H574623" s="12"/>
    </row>
    <row r="574624" spans="8:8">
      <c r="H574624" s="12"/>
    </row>
    <row r="574625" spans="8:8">
      <c r="H574625" s="12"/>
    </row>
    <row r="574626" spans="8:8">
      <c r="H574626" s="12"/>
    </row>
    <row r="574627" spans="8:8">
      <c r="H574627" s="12"/>
    </row>
    <row r="574628" spans="8:8">
      <c r="H574628" s="12"/>
    </row>
    <row r="574629" spans="8:8">
      <c r="H574629" s="12"/>
    </row>
    <row r="574630" spans="8:8">
      <c r="H574630" s="12"/>
    </row>
    <row r="574631" spans="8:8">
      <c r="H574631" s="12"/>
    </row>
    <row r="574632" spans="8:8">
      <c r="H574632" s="12"/>
    </row>
    <row r="574633" spans="8:8">
      <c r="H574633" s="12"/>
    </row>
    <row r="574634" spans="8:8">
      <c r="H574634" s="12"/>
    </row>
    <row r="574635" spans="8:8">
      <c r="H574635" s="12"/>
    </row>
    <row r="574636" spans="8:8">
      <c r="H574636" s="12"/>
    </row>
    <row r="574637" spans="8:8">
      <c r="H574637" s="12"/>
    </row>
    <row r="574638" spans="8:8">
      <c r="H574638" s="12"/>
    </row>
    <row r="574639" spans="8:8">
      <c r="H574639" s="12"/>
    </row>
    <row r="574640" spans="8:8">
      <c r="H574640" s="12"/>
    </row>
    <row r="574641" spans="8:8">
      <c r="H574641" s="12"/>
    </row>
    <row r="574642" spans="8:8">
      <c r="H574642" s="12"/>
    </row>
    <row r="574643" spans="8:8">
      <c r="H574643" s="12"/>
    </row>
    <row r="574644" spans="8:8">
      <c r="H574644" s="12"/>
    </row>
    <row r="574645" spans="8:8">
      <c r="H574645" s="12"/>
    </row>
    <row r="574646" spans="8:8">
      <c r="H574646" s="12"/>
    </row>
    <row r="574647" spans="8:8">
      <c r="H574647" s="12"/>
    </row>
    <row r="574648" spans="8:8">
      <c r="H574648" s="12"/>
    </row>
    <row r="574649" spans="8:8">
      <c r="H574649" s="12"/>
    </row>
    <row r="574650" spans="8:8">
      <c r="H574650" s="12"/>
    </row>
    <row r="574651" spans="8:8">
      <c r="H574651" s="12"/>
    </row>
    <row r="574652" spans="8:8">
      <c r="H574652" s="12"/>
    </row>
    <row r="574653" spans="8:8">
      <c r="H574653" s="12"/>
    </row>
    <row r="574654" spans="8:8">
      <c r="H574654" s="12"/>
    </row>
    <row r="574655" spans="8:8">
      <c r="H574655" s="12"/>
    </row>
    <row r="574656" spans="8:8">
      <c r="H574656" s="12"/>
    </row>
    <row r="574657" spans="8:8">
      <c r="H574657" s="12"/>
    </row>
    <row r="574658" spans="8:8">
      <c r="H574658" s="12"/>
    </row>
    <row r="574659" spans="8:8">
      <c r="H574659" s="12"/>
    </row>
    <row r="574660" spans="8:8">
      <c r="H574660" s="12"/>
    </row>
    <row r="574661" spans="8:8">
      <c r="H574661" s="12"/>
    </row>
    <row r="574662" spans="8:8">
      <c r="H574662" s="12"/>
    </row>
    <row r="574663" spans="8:8">
      <c r="H574663" s="12"/>
    </row>
    <row r="574664" spans="8:8">
      <c r="H574664" s="12"/>
    </row>
    <row r="574665" spans="8:8">
      <c r="H574665" s="12"/>
    </row>
    <row r="574666" spans="8:8">
      <c r="H574666" s="12"/>
    </row>
    <row r="574667" spans="8:8">
      <c r="H574667" s="12"/>
    </row>
    <row r="574668" spans="8:8">
      <c r="H574668" s="12"/>
    </row>
    <row r="574669" spans="8:8">
      <c r="H574669" s="12"/>
    </row>
    <row r="574670" spans="8:8">
      <c r="H574670" s="12"/>
    </row>
    <row r="574671" spans="8:8">
      <c r="H574671" s="12"/>
    </row>
    <row r="574672" spans="8:8">
      <c r="H574672" s="12"/>
    </row>
    <row r="574673" spans="8:8">
      <c r="H574673" s="12"/>
    </row>
    <row r="574674" spans="8:8">
      <c r="H574674" s="12"/>
    </row>
    <row r="574675" spans="8:8">
      <c r="H574675" s="12"/>
    </row>
    <row r="574676" spans="8:8">
      <c r="H574676" s="12"/>
    </row>
    <row r="574677" spans="8:8">
      <c r="H574677" s="12"/>
    </row>
    <row r="574678" spans="8:8">
      <c r="H574678" s="12"/>
    </row>
    <row r="574679" spans="8:8">
      <c r="H574679" s="12"/>
    </row>
    <row r="574680" spans="8:8">
      <c r="H574680" s="12"/>
    </row>
    <row r="574681" spans="8:8">
      <c r="H574681" s="12"/>
    </row>
    <row r="574682" spans="8:8">
      <c r="H574682" s="12"/>
    </row>
    <row r="574683" spans="8:8">
      <c r="H574683" s="12"/>
    </row>
    <row r="574684" spans="8:8">
      <c r="H574684" s="12"/>
    </row>
    <row r="574685" spans="8:8">
      <c r="H574685" s="12"/>
    </row>
    <row r="574686" spans="8:8">
      <c r="H574686" s="12"/>
    </row>
    <row r="574687" spans="8:8">
      <c r="H574687" s="12"/>
    </row>
    <row r="574688" spans="8:8">
      <c r="H574688" s="12"/>
    </row>
    <row r="574689" spans="8:8">
      <c r="H574689" s="12"/>
    </row>
    <row r="574690" spans="8:8">
      <c r="H574690" s="12"/>
    </row>
    <row r="574691" spans="8:8">
      <c r="H574691" s="12"/>
    </row>
    <row r="574692" spans="8:8">
      <c r="H574692" s="12"/>
    </row>
    <row r="574693" spans="8:8">
      <c r="H574693" s="12"/>
    </row>
    <row r="574694" spans="8:8">
      <c r="H574694" s="12"/>
    </row>
    <row r="574695" spans="8:8">
      <c r="H574695" s="12"/>
    </row>
    <row r="574696" spans="8:8">
      <c r="H574696" s="12"/>
    </row>
    <row r="574697" spans="8:8">
      <c r="H574697" s="12"/>
    </row>
    <row r="574698" spans="8:8">
      <c r="H574698" s="12"/>
    </row>
    <row r="574699" spans="8:8">
      <c r="H574699" s="12"/>
    </row>
    <row r="574700" spans="8:8">
      <c r="H574700" s="12"/>
    </row>
    <row r="574701" spans="8:8">
      <c r="H574701" s="12"/>
    </row>
    <row r="574702" spans="8:8">
      <c r="H574702" s="12"/>
    </row>
    <row r="574703" spans="8:8">
      <c r="H574703" s="12"/>
    </row>
    <row r="574704" spans="8:8">
      <c r="H574704" s="12"/>
    </row>
    <row r="574705" spans="8:8">
      <c r="H574705" s="12"/>
    </row>
    <row r="574706" spans="8:8">
      <c r="H574706" s="12"/>
    </row>
    <row r="574707" spans="8:8">
      <c r="H574707" s="12"/>
    </row>
    <row r="574708" spans="8:8">
      <c r="H574708" s="12"/>
    </row>
    <row r="574709" spans="8:8">
      <c r="H574709" s="12"/>
    </row>
    <row r="574710" spans="8:8">
      <c r="H574710" s="12"/>
    </row>
    <row r="574711" spans="8:8">
      <c r="H574711" s="12"/>
    </row>
    <row r="574712" spans="8:8">
      <c r="H574712" s="12"/>
    </row>
    <row r="574713" spans="8:8">
      <c r="H574713" s="12"/>
    </row>
    <row r="574714" spans="8:8">
      <c r="H574714" s="12"/>
    </row>
    <row r="574715" spans="8:8">
      <c r="H574715" s="12"/>
    </row>
    <row r="574716" spans="8:8">
      <c r="H574716" s="12"/>
    </row>
    <row r="574717" spans="8:8">
      <c r="H574717" s="12"/>
    </row>
    <row r="574718" spans="8:8">
      <c r="H574718" s="12"/>
    </row>
    <row r="574719" spans="8:8">
      <c r="H574719" s="12"/>
    </row>
    <row r="574720" spans="8:8">
      <c r="H574720" s="12"/>
    </row>
    <row r="574721" spans="8:8">
      <c r="H574721" s="12"/>
    </row>
    <row r="574722" spans="8:8">
      <c r="H574722" s="12"/>
    </row>
    <row r="574723" spans="8:8">
      <c r="H574723" s="12"/>
    </row>
    <row r="574724" spans="8:8">
      <c r="H574724" s="12"/>
    </row>
    <row r="574725" spans="8:8">
      <c r="H574725" s="12"/>
    </row>
    <row r="574726" spans="8:8">
      <c r="H574726" s="12"/>
    </row>
    <row r="574727" spans="8:8">
      <c r="H574727" s="12"/>
    </row>
    <row r="574728" spans="8:8">
      <c r="H574728" s="12"/>
    </row>
    <row r="574729" spans="8:8">
      <c r="H574729" s="12"/>
    </row>
    <row r="574730" spans="8:8">
      <c r="H574730" s="12"/>
    </row>
    <row r="574731" spans="8:8">
      <c r="H574731" s="12"/>
    </row>
    <row r="574732" spans="8:8">
      <c r="H574732" s="12"/>
    </row>
    <row r="574733" spans="8:8">
      <c r="H574733" s="12"/>
    </row>
    <row r="574734" spans="8:8">
      <c r="H574734" s="12"/>
    </row>
    <row r="574735" spans="8:8">
      <c r="H574735" s="12"/>
    </row>
    <row r="574736" spans="8:8">
      <c r="H574736" s="12"/>
    </row>
    <row r="574737" spans="8:8">
      <c r="H574737" s="12"/>
    </row>
    <row r="574738" spans="8:8">
      <c r="H574738" s="12"/>
    </row>
    <row r="574739" spans="8:8">
      <c r="H574739" s="12"/>
    </row>
    <row r="574740" spans="8:8">
      <c r="H574740" s="12"/>
    </row>
    <row r="574741" spans="8:8">
      <c r="H574741" s="12"/>
    </row>
    <row r="574742" spans="8:8">
      <c r="H574742" s="12"/>
    </row>
    <row r="574743" spans="8:8">
      <c r="H574743" s="12"/>
    </row>
    <row r="574744" spans="8:8">
      <c r="H574744" s="12"/>
    </row>
    <row r="574745" spans="8:8">
      <c r="H574745" s="12"/>
    </row>
    <row r="574746" spans="8:8">
      <c r="H574746" s="12"/>
    </row>
    <row r="574747" spans="8:8">
      <c r="H574747" s="12"/>
    </row>
    <row r="574748" spans="8:8">
      <c r="H574748" s="12"/>
    </row>
    <row r="574749" spans="8:8">
      <c r="H574749" s="12"/>
    </row>
    <row r="574750" spans="8:8">
      <c r="H574750" s="12"/>
    </row>
    <row r="574751" spans="8:8">
      <c r="H574751" s="12"/>
    </row>
    <row r="574752" spans="8:8">
      <c r="H574752" s="12"/>
    </row>
    <row r="574753" spans="8:8">
      <c r="H574753" s="12"/>
    </row>
    <row r="574754" spans="8:8">
      <c r="H574754" s="12"/>
    </row>
    <row r="574755" spans="8:8">
      <c r="H574755" s="12"/>
    </row>
    <row r="574756" spans="8:8">
      <c r="H574756" s="12"/>
    </row>
    <row r="574757" spans="8:8">
      <c r="H574757" s="12"/>
    </row>
    <row r="574758" spans="8:8">
      <c r="H574758" s="12"/>
    </row>
    <row r="574759" spans="8:8">
      <c r="H574759" s="12"/>
    </row>
    <row r="574760" spans="8:8">
      <c r="H574760" s="12"/>
    </row>
    <row r="574761" spans="8:8">
      <c r="H574761" s="12"/>
    </row>
    <row r="574762" spans="8:8">
      <c r="H574762" s="12"/>
    </row>
    <row r="574763" spans="8:8">
      <c r="H574763" s="12"/>
    </row>
    <row r="574764" spans="8:8">
      <c r="H574764" s="12"/>
    </row>
    <row r="574765" spans="8:8">
      <c r="H574765" s="12"/>
    </row>
    <row r="574766" spans="8:8">
      <c r="H574766" s="12"/>
    </row>
    <row r="574767" spans="8:8">
      <c r="H574767" s="12"/>
    </row>
    <row r="574768" spans="8:8">
      <c r="H574768" s="12"/>
    </row>
    <row r="574769" spans="8:8">
      <c r="H574769" s="12"/>
    </row>
    <row r="574770" spans="8:8">
      <c r="H574770" s="12"/>
    </row>
    <row r="574771" spans="8:8">
      <c r="H574771" s="12"/>
    </row>
    <row r="574772" spans="8:8">
      <c r="H574772" s="12"/>
    </row>
    <row r="574773" spans="8:8">
      <c r="H574773" s="12"/>
    </row>
    <row r="574774" spans="8:8">
      <c r="H574774" s="12"/>
    </row>
    <row r="574775" spans="8:8">
      <c r="H574775" s="12"/>
    </row>
    <row r="574776" spans="8:8">
      <c r="H574776" s="12"/>
    </row>
    <row r="574777" spans="8:8">
      <c r="H574777" s="12"/>
    </row>
    <row r="574778" spans="8:8">
      <c r="H574778" s="12"/>
    </row>
    <row r="574779" spans="8:8">
      <c r="H574779" s="12"/>
    </row>
    <row r="574780" spans="8:8">
      <c r="H574780" s="12"/>
    </row>
    <row r="574781" spans="8:8">
      <c r="H574781" s="12"/>
    </row>
    <row r="574782" spans="8:8">
      <c r="H574782" s="12"/>
    </row>
    <row r="574783" spans="8:8">
      <c r="H574783" s="12"/>
    </row>
    <row r="574784" spans="8:8">
      <c r="H574784" s="12"/>
    </row>
    <row r="574785" spans="8:8">
      <c r="H574785" s="12"/>
    </row>
    <row r="574786" spans="8:8">
      <c r="H574786" s="12"/>
    </row>
    <row r="574787" spans="8:8">
      <c r="H574787" s="12"/>
    </row>
    <row r="574788" spans="8:8">
      <c r="H574788" s="12"/>
    </row>
    <row r="574789" spans="8:8">
      <c r="H574789" s="12"/>
    </row>
    <row r="574790" spans="8:8">
      <c r="H574790" s="12"/>
    </row>
    <row r="574791" spans="8:8">
      <c r="H574791" s="12"/>
    </row>
    <row r="574792" spans="8:8">
      <c r="H574792" s="12"/>
    </row>
    <row r="574793" spans="8:8">
      <c r="H574793" s="12"/>
    </row>
    <row r="574794" spans="8:8">
      <c r="H574794" s="12"/>
    </row>
    <row r="574795" spans="8:8">
      <c r="H574795" s="12"/>
    </row>
    <row r="574796" spans="8:8">
      <c r="H574796" s="12"/>
    </row>
    <row r="574797" spans="8:8">
      <c r="H574797" s="12"/>
    </row>
    <row r="574798" spans="8:8">
      <c r="H574798" s="12"/>
    </row>
    <row r="574799" spans="8:8">
      <c r="H574799" s="12"/>
    </row>
    <row r="574800" spans="8:8">
      <c r="H574800" s="12"/>
    </row>
    <row r="574801" spans="8:8">
      <c r="H574801" s="12"/>
    </row>
    <row r="574802" spans="8:8">
      <c r="H574802" s="12"/>
    </row>
    <row r="574803" spans="8:8">
      <c r="H574803" s="12"/>
    </row>
    <row r="574804" spans="8:8">
      <c r="H574804" s="12"/>
    </row>
    <row r="574805" spans="8:8">
      <c r="H574805" s="12"/>
    </row>
    <row r="574806" spans="8:8">
      <c r="H574806" s="12"/>
    </row>
    <row r="574807" spans="8:8">
      <c r="H574807" s="12"/>
    </row>
    <row r="574808" spans="8:8">
      <c r="H574808" s="12"/>
    </row>
    <row r="574809" spans="8:8">
      <c r="H574809" s="12"/>
    </row>
    <row r="574810" spans="8:8">
      <c r="H574810" s="12"/>
    </row>
    <row r="574811" spans="8:8">
      <c r="H574811" s="12"/>
    </row>
    <row r="574812" spans="8:8">
      <c r="H574812" s="12"/>
    </row>
    <row r="574813" spans="8:8">
      <c r="H574813" s="12"/>
    </row>
    <row r="574814" spans="8:8">
      <c r="H574814" s="12"/>
    </row>
    <row r="574815" spans="8:8">
      <c r="H574815" s="12"/>
    </row>
    <row r="574816" spans="8:8">
      <c r="H574816" s="12"/>
    </row>
    <row r="574817" spans="8:8">
      <c r="H574817" s="12"/>
    </row>
    <row r="574818" spans="8:8">
      <c r="H574818" s="12"/>
    </row>
    <row r="574819" spans="8:8">
      <c r="H574819" s="12"/>
    </row>
    <row r="574820" spans="8:8">
      <c r="H574820" s="12"/>
    </row>
    <row r="574821" spans="8:8">
      <c r="H574821" s="12"/>
    </row>
    <row r="574822" spans="8:8">
      <c r="H574822" s="12"/>
    </row>
    <row r="574823" spans="8:8">
      <c r="H574823" s="12"/>
    </row>
    <row r="574824" spans="8:8">
      <c r="H574824" s="12"/>
    </row>
    <row r="574825" spans="8:8">
      <c r="H574825" s="12"/>
    </row>
    <row r="574826" spans="8:8">
      <c r="H574826" s="12"/>
    </row>
    <row r="574827" spans="8:8">
      <c r="H574827" s="12"/>
    </row>
    <row r="574828" spans="8:8">
      <c r="H574828" s="12"/>
    </row>
    <row r="574829" spans="8:8">
      <c r="H574829" s="12"/>
    </row>
    <row r="574830" spans="8:8">
      <c r="H574830" s="12"/>
    </row>
    <row r="574831" spans="8:8">
      <c r="H574831" s="12"/>
    </row>
    <row r="574832" spans="8:8">
      <c r="H574832" s="12"/>
    </row>
    <row r="574833" spans="8:8">
      <c r="H574833" s="12"/>
    </row>
    <row r="574834" spans="8:8">
      <c r="H574834" s="12"/>
    </row>
    <row r="574835" spans="8:8">
      <c r="H574835" s="12"/>
    </row>
    <row r="574836" spans="8:8">
      <c r="H574836" s="12"/>
    </row>
    <row r="574837" spans="8:8">
      <c r="H574837" s="12"/>
    </row>
    <row r="574838" spans="8:8">
      <c r="H574838" s="12"/>
    </row>
    <row r="574839" spans="8:8">
      <c r="H574839" s="12"/>
    </row>
    <row r="574840" spans="8:8">
      <c r="H574840" s="12"/>
    </row>
    <row r="574841" spans="8:8">
      <c r="H574841" s="12"/>
    </row>
    <row r="574842" spans="8:8">
      <c r="H574842" s="12"/>
    </row>
    <row r="574843" spans="8:8">
      <c r="H574843" s="12"/>
    </row>
    <row r="574844" spans="8:8">
      <c r="H574844" s="12"/>
    </row>
    <row r="574845" spans="8:8">
      <c r="H574845" s="12"/>
    </row>
    <row r="574846" spans="8:8">
      <c r="H574846" s="12"/>
    </row>
    <row r="574847" spans="8:8">
      <c r="H574847" s="12"/>
    </row>
    <row r="574848" spans="8:8">
      <c r="H574848" s="12"/>
    </row>
    <row r="574849" spans="8:8">
      <c r="H574849" s="12"/>
    </row>
    <row r="574850" spans="8:8">
      <c r="H574850" s="12"/>
    </row>
    <row r="574851" spans="8:8">
      <c r="H574851" s="12"/>
    </row>
    <row r="574852" spans="8:8">
      <c r="H574852" s="12"/>
    </row>
    <row r="574853" spans="8:8">
      <c r="H574853" s="12"/>
    </row>
    <row r="574854" spans="8:8">
      <c r="H574854" s="12"/>
    </row>
    <row r="574855" spans="8:8">
      <c r="H574855" s="12"/>
    </row>
    <row r="574856" spans="8:8">
      <c r="H574856" s="12"/>
    </row>
    <row r="574857" spans="8:8">
      <c r="H574857" s="12"/>
    </row>
    <row r="574858" spans="8:8">
      <c r="H574858" s="12"/>
    </row>
    <row r="574859" spans="8:8">
      <c r="H574859" s="12"/>
    </row>
    <row r="574860" spans="8:8">
      <c r="H574860" s="12"/>
    </row>
    <row r="574861" spans="8:8">
      <c r="H574861" s="12"/>
    </row>
    <row r="574862" spans="8:8">
      <c r="H574862" s="12"/>
    </row>
    <row r="574863" spans="8:8">
      <c r="H574863" s="12"/>
    </row>
    <row r="574864" spans="8:8">
      <c r="H574864" s="12"/>
    </row>
    <row r="574865" spans="8:8">
      <c r="H574865" s="12"/>
    </row>
    <row r="574866" spans="8:8">
      <c r="H574866" s="12"/>
    </row>
    <row r="574867" spans="8:8">
      <c r="H574867" s="12"/>
    </row>
    <row r="574868" spans="8:8">
      <c r="H574868" s="12"/>
    </row>
    <row r="574869" spans="8:8">
      <c r="H574869" s="12"/>
    </row>
    <row r="574870" spans="8:8">
      <c r="H574870" s="12"/>
    </row>
    <row r="574871" spans="8:8">
      <c r="H574871" s="12"/>
    </row>
    <row r="574872" spans="8:8">
      <c r="H574872" s="12"/>
    </row>
    <row r="574873" spans="8:8">
      <c r="H574873" s="12"/>
    </row>
    <row r="574874" spans="8:8">
      <c r="H574874" s="12"/>
    </row>
    <row r="574875" spans="8:8">
      <c r="H574875" s="12"/>
    </row>
    <row r="574876" spans="8:8">
      <c r="H574876" s="12"/>
    </row>
    <row r="574877" spans="8:8">
      <c r="H574877" s="12"/>
    </row>
    <row r="574878" spans="8:8">
      <c r="H574878" s="12"/>
    </row>
    <row r="574879" spans="8:8">
      <c r="H574879" s="12"/>
    </row>
    <row r="574880" spans="8:8">
      <c r="H574880" s="12"/>
    </row>
    <row r="574881" spans="8:8">
      <c r="H574881" s="12"/>
    </row>
    <row r="574882" spans="8:8">
      <c r="H574882" s="12"/>
    </row>
    <row r="574883" spans="8:8">
      <c r="H574883" s="12"/>
    </row>
    <row r="574884" spans="8:8">
      <c r="H574884" s="12"/>
    </row>
    <row r="574885" spans="8:8">
      <c r="H574885" s="12"/>
    </row>
    <row r="574886" spans="8:8">
      <c r="H574886" s="12"/>
    </row>
    <row r="574887" spans="8:8">
      <c r="H574887" s="12"/>
    </row>
    <row r="574888" spans="8:8">
      <c r="H574888" s="12"/>
    </row>
    <row r="574889" spans="8:8">
      <c r="H574889" s="12"/>
    </row>
    <row r="574890" spans="8:8">
      <c r="H574890" s="12"/>
    </row>
    <row r="574891" spans="8:8">
      <c r="H574891" s="12"/>
    </row>
    <row r="574892" spans="8:8">
      <c r="H574892" s="12"/>
    </row>
    <row r="574893" spans="8:8">
      <c r="H574893" s="12"/>
    </row>
    <row r="574894" spans="8:8">
      <c r="H574894" s="12"/>
    </row>
    <row r="574895" spans="8:8">
      <c r="H574895" s="12"/>
    </row>
    <row r="574896" spans="8:8">
      <c r="H574896" s="12"/>
    </row>
    <row r="574897" spans="8:8">
      <c r="H574897" s="12"/>
    </row>
    <row r="574898" spans="8:8">
      <c r="H574898" s="12"/>
    </row>
    <row r="574899" spans="8:8">
      <c r="H574899" s="12"/>
    </row>
    <row r="574900" spans="8:8">
      <c r="H574900" s="12"/>
    </row>
    <row r="574901" spans="8:8">
      <c r="H574901" s="12"/>
    </row>
    <row r="574902" spans="8:8">
      <c r="H574902" s="12"/>
    </row>
    <row r="574903" spans="8:8">
      <c r="H574903" s="12"/>
    </row>
    <row r="574904" spans="8:8">
      <c r="H574904" s="12"/>
    </row>
    <row r="574905" spans="8:8">
      <c r="H574905" s="12"/>
    </row>
    <row r="574906" spans="8:8">
      <c r="H574906" s="12"/>
    </row>
    <row r="574907" spans="8:8">
      <c r="H574907" s="12"/>
    </row>
    <row r="574908" spans="8:8">
      <c r="H574908" s="12"/>
    </row>
    <row r="574909" spans="8:8">
      <c r="H574909" s="12"/>
    </row>
    <row r="574910" spans="8:8">
      <c r="H574910" s="12"/>
    </row>
    <row r="574911" spans="8:8">
      <c r="H574911" s="12"/>
    </row>
    <row r="574912" spans="8:8">
      <c r="H574912" s="12"/>
    </row>
    <row r="574913" spans="8:8">
      <c r="H574913" s="12"/>
    </row>
    <row r="574914" spans="8:8">
      <c r="H574914" s="12"/>
    </row>
    <row r="574915" spans="8:8">
      <c r="H574915" s="12"/>
    </row>
    <row r="574916" spans="8:8">
      <c r="H574916" s="12"/>
    </row>
    <row r="574917" spans="8:8">
      <c r="H574917" s="12"/>
    </row>
    <row r="574918" spans="8:8">
      <c r="H574918" s="12"/>
    </row>
    <row r="574919" spans="8:8">
      <c r="H574919" s="12"/>
    </row>
    <row r="574920" spans="8:8">
      <c r="H574920" s="12"/>
    </row>
    <row r="574921" spans="8:8">
      <c r="H574921" s="12"/>
    </row>
    <row r="574922" spans="8:8">
      <c r="H574922" s="12"/>
    </row>
    <row r="574923" spans="8:8">
      <c r="H574923" s="12"/>
    </row>
    <row r="574924" spans="8:8">
      <c r="H574924" s="12"/>
    </row>
    <row r="574925" spans="8:8">
      <c r="H574925" s="12"/>
    </row>
    <row r="574926" spans="8:8">
      <c r="H574926" s="12"/>
    </row>
    <row r="574927" spans="8:8">
      <c r="H574927" s="12"/>
    </row>
    <row r="574928" spans="8:8">
      <c r="H574928" s="12"/>
    </row>
    <row r="574929" spans="8:8">
      <c r="H574929" s="12"/>
    </row>
    <row r="574930" spans="8:8">
      <c r="H574930" s="12"/>
    </row>
    <row r="574931" spans="8:8">
      <c r="H574931" s="12"/>
    </row>
    <row r="574932" spans="8:8">
      <c r="H574932" s="12"/>
    </row>
    <row r="574933" spans="8:8">
      <c r="H574933" s="12"/>
    </row>
    <row r="574934" spans="8:8">
      <c r="H574934" s="12"/>
    </row>
    <row r="574935" spans="8:8">
      <c r="H574935" s="12"/>
    </row>
    <row r="574936" spans="8:8">
      <c r="H574936" s="12"/>
    </row>
    <row r="574937" spans="8:8">
      <c r="H574937" s="12"/>
    </row>
    <row r="574938" spans="8:8">
      <c r="H574938" s="12"/>
    </row>
    <row r="574939" spans="8:8">
      <c r="H574939" s="12"/>
    </row>
    <row r="574940" spans="8:8">
      <c r="H574940" s="12"/>
    </row>
    <row r="574941" spans="8:8">
      <c r="H574941" s="12"/>
    </row>
    <row r="574942" spans="8:8">
      <c r="H574942" s="12"/>
    </row>
    <row r="574943" spans="8:8">
      <c r="H574943" s="12"/>
    </row>
    <row r="574944" spans="8:8">
      <c r="H574944" s="12"/>
    </row>
    <row r="574945" spans="8:8">
      <c r="H574945" s="12"/>
    </row>
    <row r="574946" spans="8:8">
      <c r="H574946" s="12"/>
    </row>
    <row r="574947" spans="8:8">
      <c r="H574947" s="12"/>
    </row>
    <row r="574948" spans="8:8">
      <c r="H574948" s="12"/>
    </row>
    <row r="574949" spans="8:8">
      <c r="H574949" s="12"/>
    </row>
    <row r="574950" spans="8:8">
      <c r="H574950" s="12"/>
    </row>
    <row r="574951" spans="8:8">
      <c r="H574951" s="12"/>
    </row>
    <row r="574952" spans="8:8">
      <c r="H574952" s="12"/>
    </row>
    <row r="574953" spans="8:8">
      <c r="H574953" s="12"/>
    </row>
    <row r="574954" spans="8:8">
      <c r="H574954" s="12"/>
    </row>
    <row r="574955" spans="8:8">
      <c r="H574955" s="12"/>
    </row>
    <row r="574956" spans="8:8">
      <c r="H574956" s="12"/>
    </row>
    <row r="574957" spans="8:8">
      <c r="H574957" s="12"/>
    </row>
    <row r="574958" spans="8:8">
      <c r="H574958" s="12"/>
    </row>
    <row r="574959" spans="8:8">
      <c r="H574959" s="12"/>
    </row>
    <row r="574960" spans="8:8">
      <c r="H574960" s="12"/>
    </row>
    <row r="574961" spans="8:8">
      <c r="H574961" s="12"/>
    </row>
    <row r="574962" spans="8:8">
      <c r="H574962" s="12"/>
    </row>
    <row r="574963" spans="8:8">
      <c r="H574963" s="12"/>
    </row>
    <row r="574964" spans="8:8">
      <c r="H574964" s="12"/>
    </row>
    <row r="574965" spans="8:8">
      <c r="H574965" s="12"/>
    </row>
    <row r="574966" spans="8:8">
      <c r="H574966" s="12"/>
    </row>
    <row r="574967" spans="8:8">
      <c r="H574967" s="12"/>
    </row>
    <row r="574968" spans="8:8">
      <c r="H574968" s="12"/>
    </row>
    <row r="574969" spans="8:8">
      <c r="H574969" s="12"/>
    </row>
    <row r="574970" spans="8:8">
      <c r="H574970" s="12"/>
    </row>
    <row r="574971" spans="8:8">
      <c r="H574971" s="12"/>
    </row>
    <row r="574972" spans="8:8">
      <c r="H574972" s="12"/>
    </row>
    <row r="574973" spans="8:8">
      <c r="H574973" s="12"/>
    </row>
    <row r="574974" spans="8:8">
      <c r="H574974" s="12"/>
    </row>
    <row r="574975" spans="8:8">
      <c r="H574975" s="12"/>
    </row>
    <row r="574976" spans="8:8">
      <c r="H574976" s="12"/>
    </row>
    <row r="574977" spans="8:8">
      <c r="H574977" s="12"/>
    </row>
    <row r="574978" spans="8:8">
      <c r="H574978" s="12"/>
    </row>
    <row r="574979" spans="8:8">
      <c r="H574979" s="12"/>
    </row>
    <row r="574980" spans="8:8">
      <c r="H574980" s="12"/>
    </row>
    <row r="574981" spans="8:8">
      <c r="H574981" s="12"/>
    </row>
    <row r="574982" spans="8:8">
      <c r="H574982" s="12"/>
    </row>
    <row r="574983" spans="8:8">
      <c r="H574983" s="12"/>
    </row>
    <row r="574984" spans="8:8">
      <c r="H574984" s="12"/>
    </row>
    <row r="574985" spans="8:8">
      <c r="H574985" s="12"/>
    </row>
    <row r="574986" spans="8:8">
      <c r="H574986" s="12"/>
    </row>
    <row r="574987" spans="8:8">
      <c r="H574987" s="12"/>
    </row>
    <row r="574988" spans="8:8">
      <c r="H574988" s="12"/>
    </row>
    <row r="574989" spans="8:8">
      <c r="H574989" s="12"/>
    </row>
    <row r="574990" spans="8:8">
      <c r="H574990" s="12"/>
    </row>
    <row r="574991" spans="8:8">
      <c r="H574991" s="12"/>
    </row>
    <row r="574992" spans="8:8">
      <c r="H574992" s="12"/>
    </row>
    <row r="574993" spans="8:8">
      <c r="H574993" s="12"/>
    </row>
    <row r="574994" spans="8:8">
      <c r="H574994" s="12"/>
    </row>
    <row r="574995" spans="8:8">
      <c r="H574995" s="12"/>
    </row>
    <row r="574996" spans="8:8">
      <c r="H574996" s="12"/>
    </row>
    <row r="574997" spans="8:8">
      <c r="H574997" s="12"/>
    </row>
    <row r="574998" spans="8:8">
      <c r="H574998" s="12"/>
    </row>
    <row r="574999" spans="8:8">
      <c r="H574999" s="12"/>
    </row>
    <row r="575000" spans="8:8">
      <c r="H575000" s="12"/>
    </row>
    <row r="575001" spans="8:8">
      <c r="H575001" s="12"/>
    </row>
    <row r="575002" spans="8:8">
      <c r="H575002" s="12"/>
    </row>
    <row r="575003" spans="8:8">
      <c r="H575003" s="12"/>
    </row>
    <row r="575004" spans="8:8">
      <c r="H575004" s="12"/>
    </row>
    <row r="575005" spans="8:8">
      <c r="H575005" s="12"/>
    </row>
    <row r="575006" spans="8:8">
      <c r="H575006" s="12"/>
    </row>
    <row r="575007" spans="8:8">
      <c r="H575007" s="12"/>
    </row>
    <row r="575008" spans="8:8">
      <c r="H575008" s="12"/>
    </row>
    <row r="575009" spans="8:8">
      <c r="H575009" s="12"/>
    </row>
    <row r="575010" spans="8:8">
      <c r="H575010" s="12"/>
    </row>
    <row r="575011" spans="8:8">
      <c r="H575011" s="12"/>
    </row>
    <row r="575012" spans="8:8">
      <c r="H575012" s="12"/>
    </row>
    <row r="575013" spans="8:8">
      <c r="H575013" s="12"/>
    </row>
    <row r="575014" spans="8:8">
      <c r="H575014" s="12"/>
    </row>
    <row r="575015" spans="8:8">
      <c r="H575015" s="12"/>
    </row>
    <row r="575016" spans="8:8">
      <c r="H575016" s="12"/>
    </row>
    <row r="575017" spans="8:8">
      <c r="H575017" s="12"/>
    </row>
    <row r="575018" spans="8:8">
      <c r="H575018" s="12"/>
    </row>
    <row r="575019" spans="8:8">
      <c r="H575019" s="12"/>
    </row>
    <row r="575020" spans="8:8">
      <c r="H575020" s="12"/>
    </row>
    <row r="575021" spans="8:8">
      <c r="H575021" s="12"/>
    </row>
    <row r="575022" spans="8:8">
      <c r="H575022" s="12"/>
    </row>
    <row r="575023" spans="8:8">
      <c r="H575023" s="12"/>
    </row>
    <row r="575024" spans="8:8">
      <c r="H575024" s="12"/>
    </row>
    <row r="575025" spans="8:8">
      <c r="H575025" s="12"/>
    </row>
    <row r="575026" spans="8:8">
      <c r="H575026" s="12"/>
    </row>
    <row r="575027" spans="8:8">
      <c r="H575027" s="12"/>
    </row>
    <row r="575028" spans="8:8">
      <c r="H575028" s="12"/>
    </row>
    <row r="575029" spans="8:8">
      <c r="H575029" s="12"/>
    </row>
    <row r="575030" spans="8:8">
      <c r="H575030" s="12"/>
    </row>
    <row r="575031" spans="8:8">
      <c r="H575031" s="12"/>
    </row>
    <row r="575032" spans="8:8">
      <c r="H575032" s="12"/>
    </row>
    <row r="575033" spans="8:8">
      <c r="H575033" s="12"/>
    </row>
    <row r="575034" spans="8:8">
      <c r="H575034" s="12"/>
    </row>
    <row r="575035" spans="8:8">
      <c r="H575035" s="12"/>
    </row>
    <row r="575036" spans="8:8">
      <c r="H575036" s="12"/>
    </row>
    <row r="575037" spans="8:8">
      <c r="H575037" s="12"/>
    </row>
    <row r="575038" spans="8:8">
      <c r="H575038" s="12"/>
    </row>
    <row r="575039" spans="8:8">
      <c r="H575039" s="12"/>
    </row>
    <row r="575040" spans="8:8">
      <c r="H575040" s="12"/>
    </row>
    <row r="575041" spans="8:8">
      <c r="H575041" s="12"/>
    </row>
    <row r="575042" spans="8:8">
      <c r="H575042" s="12"/>
    </row>
    <row r="575043" spans="8:8">
      <c r="H575043" s="12"/>
    </row>
    <row r="575044" spans="8:8">
      <c r="H575044" s="12"/>
    </row>
    <row r="575045" spans="8:8">
      <c r="H575045" s="12"/>
    </row>
    <row r="575046" spans="8:8">
      <c r="H575046" s="12"/>
    </row>
    <row r="575047" spans="8:8">
      <c r="H575047" s="12"/>
    </row>
    <row r="575048" spans="8:8">
      <c r="H575048" s="12"/>
    </row>
    <row r="575049" spans="8:8">
      <c r="H575049" s="12"/>
    </row>
    <row r="575050" spans="8:8">
      <c r="H575050" s="12"/>
    </row>
    <row r="575051" spans="8:8">
      <c r="H575051" s="12"/>
    </row>
    <row r="575052" spans="8:8">
      <c r="H575052" s="12"/>
    </row>
    <row r="575053" spans="8:8">
      <c r="H575053" s="12"/>
    </row>
    <row r="575054" spans="8:8">
      <c r="H575054" s="12"/>
    </row>
    <row r="575055" spans="8:8">
      <c r="H575055" s="12"/>
    </row>
    <row r="575056" spans="8:8">
      <c r="H575056" s="12"/>
    </row>
    <row r="575057" spans="8:8">
      <c r="H575057" s="12"/>
    </row>
    <row r="575058" spans="8:8">
      <c r="H575058" s="12"/>
    </row>
    <row r="575059" spans="8:8">
      <c r="H575059" s="12"/>
    </row>
    <row r="575060" spans="8:8">
      <c r="H575060" s="12"/>
    </row>
    <row r="575061" spans="8:8">
      <c r="H575061" s="12"/>
    </row>
    <row r="575062" spans="8:8">
      <c r="H575062" s="12"/>
    </row>
    <row r="575063" spans="8:8">
      <c r="H575063" s="12"/>
    </row>
    <row r="575064" spans="8:8">
      <c r="H575064" s="12"/>
    </row>
    <row r="575065" spans="8:8">
      <c r="H575065" s="12"/>
    </row>
    <row r="575066" spans="8:8">
      <c r="H575066" s="12"/>
    </row>
    <row r="575067" spans="8:8">
      <c r="H575067" s="12"/>
    </row>
    <row r="575068" spans="8:8">
      <c r="H575068" s="12"/>
    </row>
    <row r="575069" spans="8:8">
      <c r="H575069" s="12"/>
    </row>
    <row r="575070" spans="8:8">
      <c r="H575070" s="12"/>
    </row>
    <row r="575071" spans="8:8">
      <c r="H575071" s="12"/>
    </row>
    <row r="575072" spans="8:8">
      <c r="H575072" s="12"/>
    </row>
    <row r="575073" spans="8:8">
      <c r="H575073" s="12"/>
    </row>
    <row r="575074" spans="8:8">
      <c r="H575074" s="12"/>
    </row>
    <row r="575075" spans="8:8">
      <c r="H575075" s="12"/>
    </row>
    <row r="575076" spans="8:8">
      <c r="H575076" s="12"/>
    </row>
    <row r="575077" spans="8:8">
      <c r="H575077" s="12"/>
    </row>
    <row r="575078" spans="8:8">
      <c r="H575078" s="12"/>
    </row>
    <row r="575079" spans="8:8">
      <c r="H575079" s="12"/>
    </row>
    <row r="575080" spans="8:8">
      <c r="H575080" s="12"/>
    </row>
    <row r="575081" spans="8:8">
      <c r="H575081" s="12"/>
    </row>
    <row r="575082" spans="8:8">
      <c r="H575082" s="12"/>
    </row>
    <row r="575083" spans="8:8">
      <c r="H575083" s="12"/>
    </row>
    <row r="575084" spans="8:8">
      <c r="H575084" s="12"/>
    </row>
    <row r="575085" spans="8:8">
      <c r="H575085" s="12"/>
    </row>
    <row r="575086" spans="8:8">
      <c r="H575086" s="12"/>
    </row>
    <row r="575087" spans="8:8">
      <c r="H575087" s="12"/>
    </row>
    <row r="575088" spans="8:8">
      <c r="H575088" s="12"/>
    </row>
    <row r="575089" spans="8:8">
      <c r="H575089" s="12"/>
    </row>
    <row r="575090" spans="8:8">
      <c r="H575090" s="12"/>
    </row>
    <row r="575091" spans="8:8">
      <c r="H575091" s="12"/>
    </row>
    <row r="575092" spans="8:8">
      <c r="H575092" s="12"/>
    </row>
    <row r="575093" spans="8:8">
      <c r="H575093" s="12"/>
    </row>
    <row r="575094" spans="8:8">
      <c r="H575094" s="12"/>
    </row>
    <row r="575095" spans="8:8">
      <c r="H575095" s="12"/>
    </row>
    <row r="575096" spans="8:8">
      <c r="H575096" s="12"/>
    </row>
    <row r="575097" spans="8:8">
      <c r="H575097" s="12"/>
    </row>
    <row r="575098" spans="8:8">
      <c r="H575098" s="12"/>
    </row>
    <row r="575099" spans="8:8">
      <c r="H575099" s="12"/>
    </row>
    <row r="575100" spans="8:8">
      <c r="H575100" s="12"/>
    </row>
    <row r="575101" spans="8:8">
      <c r="H575101" s="12"/>
    </row>
    <row r="575102" spans="8:8">
      <c r="H575102" s="12"/>
    </row>
    <row r="575103" spans="8:8">
      <c r="H575103" s="12"/>
    </row>
    <row r="575104" spans="8:8">
      <c r="H575104" s="12"/>
    </row>
    <row r="575105" spans="8:8">
      <c r="H575105" s="12"/>
    </row>
    <row r="575106" spans="8:8">
      <c r="H575106" s="12"/>
    </row>
    <row r="575107" spans="8:8">
      <c r="H575107" s="12"/>
    </row>
    <row r="575108" spans="8:8">
      <c r="H575108" s="12"/>
    </row>
    <row r="575109" spans="8:8">
      <c r="H575109" s="12"/>
    </row>
    <row r="575110" spans="8:8">
      <c r="H575110" s="12"/>
    </row>
    <row r="575111" spans="8:8">
      <c r="H575111" s="12"/>
    </row>
    <row r="575112" spans="8:8">
      <c r="H575112" s="12"/>
    </row>
    <row r="575113" spans="8:8">
      <c r="H575113" s="12"/>
    </row>
    <row r="575114" spans="8:8">
      <c r="H575114" s="12"/>
    </row>
    <row r="575115" spans="8:8">
      <c r="H575115" s="12"/>
    </row>
    <row r="575116" spans="8:8">
      <c r="H575116" s="12"/>
    </row>
    <row r="575117" spans="8:8">
      <c r="H575117" s="12"/>
    </row>
    <row r="575118" spans="8:8">
      <c r="H575118" s="12"/>
    </row>
    <row r="575119" spans="8:8">
      <c r="H575119" s="12"/>
    </row>
    <row r="575120" spans="8:8">
      <c r="H575120" s="12"/>
    </row>
    <row r="575121" spans="8:8">
      <c r="H575121" s="12"/>
    </row>
    <row r="575122" spans="8:8">
      <c r="H575122" s="12"/>
    </row>
    <row r="575123" spans="8:8">
      <c r="H575123" s="12"/>
    </row>
    <row r="575124" spans="8:8">
      <c r="H575124" s="12"/>
    </row>
    <row r="575125" spans="8:8">
      <c r="H575125" s="12"/>
    </row>
    <row r="575126" spans="8:8">
      <c r="H575126" s="12"/>
    </row>
    <row r="575127" spans="8:8">
      <c r="H575127" s="12"/>
    </row>
    <row r="575128" spans="8:8">
      <c r="H575128" s="12"/>
    </row>
    <row r="575129" spans="8:8">
      <c r="H575129" s="12"/>
    </row>
    <row r="575130" spans="8:8">
      <c r="H575130" s="12"/>
    </row>
    <row r="575131" spans="8:8">
      <c r="H575131" s="12"/>
    </row>
    <row r="575132" spans="8:8">
      <c r="H575132" s="12"/>
    </row>
    <row r="575133" spans="8:8">
      <c r="H575133" s="12"/>
    </row>
    <row r="575134" spans="8:8">
      <c r="H575134" s="12"/>
    </row>
    <row r="575135" spans="8:8">
      <c r="H575135" s="12"/>
    </row>
    <row r="575136" spans="8:8">
      <c r="H575136" s="12"/>
    </row>
    <row r="575137" spans="8:8">
      <c r="H575137" s="12"/>
    </row>
    <row r="575138" spans="8:8">
      <c r="H575138" s="12"/>
    </row>
    <row r="575139" spans="8:8">
      <c r="H575139" s="12"/>
    </row>
    <row r="575140" spans="8:8">
      <c r="H575140" s="12"/>
    </row>
    <row r="575141" spans="8:8">
      <c r="H575141" s="12"/>
    </row>
    <row r="575142" spans="8:8">
      <c r="H575142" s="12"/>
    </row>
    <row r="575143" spans="8:8">
      <c r="H575143" s="12"/>
    </row>
    <row r="575144" spans="8:8">
      <c r="H575144" s="12"/>
    </row>
    <row r="575145" spans="8:8">
      <c r="H575145" s="12"/>
    </row>
    <row r="575146" spans="8:8">
      <c r="H575146" s="12"/>
    </row>
    <row r="575147" spans="8:8">
      <c r="H575147" s="12"/>
    </row>
    <row r="575148" spans="8:8">
      <c r="H575148" s="12"/>
    </row>
    <row r="575149" spans="8:8">
      <c r="H575149" s="12"/>
    </row>
    <row r="575150" spans="8:8">
      <c r="H575150" s="12"/>
    </row>
    <row r="575151" spans="8:8">
      <c r="H575151" s="12"/>
    </row>
    <row r="575152" spans="8:8">
      <c r="H575152" s="12"/>
    </row>
    <row r="575153" spans="8:8">
      <c r="H575153" s="12"/>
    </row>
    <row r="575154" spans="8:8">
      <c r="H575154" s="12"/>
    </row>
    <row r="575155" spans="8:8">
      <c r="H575155" s="12"/>
    </row>
    <row r="575156" spans="8:8">
      <c r="H575156" s="12"/>
    </row>
    <row r="575157" spans="8:8">
      <c r="H575157" s="12"/>
    </row>
    <row r="575158" spans="8:8">
      <c r="H575158" s="12"/>
    </row>
    <row r="575159" spans="8:8">
      <c r="H575159" s="12"/>
    </row>
    <row r="575160" spans="8:8">
      <c r="H575160" s="12"/>
    </row>
    <row r="575161" spans="8:8">
      <c r="H575161" s="12"/>
    </row>
    <row r="575162" spans="8:8">
      <c r="H575162" s="12"/>
    </row>
    <row r="575163" spans="8:8">
      <c r="H575163" s="12"/>
    </row>
    <row r="575164" spans="8:8">
      <c r="H575164" s="12"/>
    </row>
    <row r="575165" spans="8:8">
      <c r="H575165" s="12"/>
    </row>
    <row r="575166" spans="8:8">
      <c r="H575166" s="12"/>
    </row>
    <row r="575167" spans="8:8">
      <c r="H575167" s="12"/>
    </row>
    <row r="575168" spans="8:8">
      <c r="H575168" s="12"/>
    </row>
    <row r="575169" spans="8:8">
      <c r="H575169" s="12"/>
    </row>
    <row r="575170" spans="8:8">
      <c r="H575170" s="12"/>
    </row>
    <row r="575171" spans="8:8">
      <c r="H575171" s="12"/>
    </row>
    <row r="575172" spans="8:8">
      <c r="H575172" s="12"/>
    </row>
    <row r="575173" spans="8:8">
      <c r="H575173" s="12"/>
    </row>
    <row r="575174" spans="8:8">
      <c r="H575174" s="12"/>
    </row>
    <row r="575175" spans="8:8">
      <c r="H575175" s="12"/>
    </row>
    <row r="575176" spans="8:8">
      <c r="H575176" s="12"/>
    </row>
    <row r="575177" spans="8:8">
      <c r="H575177" s="12"/>
    </row>
    <row r="575178" spans="8:8">
      <c r="H575178" s="12"/>
    </row>
    <row r="575179" spans="8:8">
      <c r="H575179" s="12"/>
    </row>
    <row r="575180" spans="8:8">
      <c r="H575180" s="12"/>
    </row>
    <row r="575181" spans="8:8">
      <c r="H575181" s="12"/>
    </row>
    <row r="575182" spans="8:8">
      <c r="H575182" s="12"/>
    </row>
    <row r="575183" spans="8:8">
      <c r="H575183" s="12"/>
    </row>
    <row r="575184" spans="8:8">
      <c r="H575184" s="12"/>
    </row>
    <row r="575185" spans="8:8">
      <c r="H575185" s="12"/>
    </row>
    <row r="575186" spans="8:8">
      <c r="H575186" s="12"/>
    </row>
    <row r="575187" spans="8:8">
      <c r="H575187" s="12"/>
    </row>
    <row r="575188" spans="8:8">
      <c r="H575188" s="12"/>
    </row>
    <row r="575189" spans="8:8">
      <c r="H575189" s="12"/>
    </row>
    <row r="575190" spans="8:8">
      <c r="H575190" s="12"/>
    </row>
    <row r="575191" spans="8:8">
      <c r="H575191" s="12"/>
    </row>
    <row r="575192" spans="8:8">
      <c r="H575192" s="12"/>
    </row>
    <row r="575193" spans="8:8">
      <c r="H575193" s="12"/>
    </row>
    <row r="575194" spans="8:8">
      <c r="H575194" s="12"/>
    </row>
    <row r="575195" spans="8:8">
      <c r="H575195" s="12"/>
    </row>
    <row r="575196" spans="8:8">
      <c r="H575196" s="12"/>
    </row>
    <row r="575197" spans="8:8">
      <c r="H575197" s="12"/>
    </row>
    <row r="575198" spans="8:8">
      <c r="H575198" s="12"/>
    </row>
    <row r="575199" spans="8:8">
      <c r="H575199" s="12"/>
    </row>
    <row r="575200" spans="8:8">
      <c r="H575200" s="12"/>
    </row>
    <row r="575201" spans="8:8">
      <c r="H575201" s="12"/>
    </row>
    <row r="575202" spans="8:8">
      <c r="H575202" s="12"/>
    </row>
    <row r="575203" spans="8:8">
      <c r="H575203" s="12"/>
    </row>
    <row r="575204" spans="8:8">
      <c r="H575204" s="12"/>
    </row>
    <row r="575205" spans="8:8">
      <c r="H575205" s="12"/>
    </row>
    <row r="575206" spans="8:8">
      <c r="H575206" s="12"/>
    </row>
    <row r="575207" spans="8:8">
      <c r="H575207" s="12"/>
    </row>
    <row r="575208" spans="8:8">
      <c r="H575208" s="12"/>
    </row>
    <row r="575209" spans="8:8">
      <c r="H575209" s="12"/>
    </row>
    <row r="575210" spans="8:8">
      <c r="H575210" s="12"/>
    </row>
    <row r="575211" spans="8:8">
      <c r="H575211" s="12"/>
    </row>
    <row r="575212" spans="8:8">
      <c r="H575212" s="12"/>
    </row>
    <row r="575213" spans="8:8">
      <c r="H575213" s="12"/>
    </row>
    <row r="575214" spans="8:8">
      <c r="H575214" s="12"/>
    </row>
    <row r="575215" spans="8:8">
      <c r="H575215" s="12"/>
    </row>
    <row r="575216" spans="8:8">
      <c r="H575216" s="12"/>
    </row>
    <row r="575217" spans="8:8">
      <c r="H575217" s="12"/>
    </row>
    <row r="575218" spans="8:8">
      <c r="H575218" s="12"/>
    </row>
    <row r="575219" spans="8:8">
      <c r="H575219" s="12"/>
    </row>
    <row r="575220" spans="8:8">
      <c r="H575220" s="12"/>
    </row>
    <row r="575221" spans="8:8">
      <c r="H575221" s="12"/>
    </row>
    <row r="575222" spans="8:8">
      <c r="H575222" s="12"/>
    </row>
    <row r="575223" spans="8:8">
      <c r="H575223" s="12"/>
    </row>
    <row r="575224" spans="8:8">
      <c r="H575224" s="12"/>
    </row>
    <row r="575225" spans="8:8">
      <c r="H575225" s="12"/>
    </row>
    <row r="575226" spans="8:8">
      <c r="H575226" s="12"/>
    </row>
    <row r="575227" spans="8:8">
      <c r="H575227" s="12"/>
    </row>
    <row r="575228" spans="8:8">
      <c r="H575228" s="12"/>
    </row>
    <row r="575229" spans="8:8">
      <c r="H575229" s="12"/>
    </row>
    <row r="575230" spans="8:8">
      <c r="H575230" s="12"/>
    </row>
    <row r="575231" spans="8:8">
      <c r="H575231" s="12"/>
    </row>
    <row r="575232" spans="8:8">
      <c r="H575232" s="12"/>
    </row>
    <row r="575233" spans="8:8">
      <c r="H575233" s="12"/>
    </row>
    <row r="575234" spans="8:8">
      <c r="H575234" s="12"/>
    </row>
    <row r="575235" spans="8:8">
      <c r="H575235" s="12"/>
    </row>
    <row r="575236" spans="8:8">
      <c r="H575236" s="12"/>
    </row>
    <row r="575237" spans="8:8">
      <c r="H575237" s="12"/>
    </row>
    <row r="575238" spans="8:8">
      <c r="H575238" s="12"/>
    </row>
    <row r="575239" spans="8:8">
      <c r="H575239" s="12"/>
    </row>
    <row r="575240" spans="8:8">
      <c r="H575240" s="12"/>
    </row>
    <row r="575241" spans="8:8">
      <c r="H575241" s="12"/>
    </row>
    <row r="575242" spans="8:8">
      <c r="H575242" s="12"/>
    </row>
    <row r="575243" spans="8:8">
      <c r="H575243" s="12"/>
    </row>
    <row r="575244" spans="8:8">
      <c r="H575244" s="12"/>
    </row>
    <row r="575245" spans="8:8">
      <c r="H575245" s="12"/>
    </row>
    <row r="575246" spans="8:8">
      <c r="H575246" s="12"/>
    </row>
    <row r="575247" spans="8:8">
      <c r="H575247" s="12"/>
    </row>
    <row r="575248" spans="8:8">
      <c r="H575248" s="12"/>
    </row>
    <row r="575249" spans="8:8">
      <c r="H575249" s="12"/>
    </row>
    <row r="575250" spans="8:8">
      <c r="H575250" s="12"/>
    </row>
    <row r="575251" spans="8:8">
      <c r="H575251" s="12"/>
    </row>
    <row r="575252" spans="8:8">
      <c r="H575252" s="12"/>
    </row>
    <row r="575253" spans="8:8">
      <c r="H575253" s="12"/>
    </row>
    <row r="575254" spans="8:8">
      <c r="H575254" s="12"/>
    </row>
    <row r="575255" spans="8:8">
      <c r="H575255" s="12"/>
    </row>
    <row r="575256" spans="8:8">
      <c r="H575256" s="12"/>
    </row>
    <row r="575257" spans="8:8">
      <c r="H575257" s="12"/>
    </row>
    <row r="575258" spans="8:8">
      <c r="H575258" s="12"/>
    </row>
    <row r="575259" spans="8:8">
      <c r="H575259" s="12"/>
    </row>
    <row r="575260" spans="8:8">
      <c r="H575260" s="12"/>
    </row>
    <row r="575261" spans="8:8">
      <c r="H575261" s="12"/>
    </row>
    <row r="575262" spans="8:8">
      <c r="H575262" s="12"/>
    </row>
    <row r="575263" spans="8:8">
      <c r="H575263" s="12"/>
    </row>
    <row r="575264" spans="8:8">
      <c r="H575264" s="12"/>
    </row>
    <row r="575265" spans="8:8">
      <c r="H575265" s="12"/>
    </row>
    <row r="575266" spans="8:8">
      <c r="H575266" s="12"/>
    </row>
    <row r="575267" spans="8:8">
      <c r="H575267" s="12"/>
    </row>
    <row r="575268" spans="8:8">
      <c r="H575268" s="12"/>
    </row>
    <row r="575269" spans="8:8">
      <c r="H575269" s="12"/>
    </row>
    <row r="575270" spans="8:8">
      <c r="H575270" s="12"/>
    </row>
    <row r="575271" spans="8:8">
      <c r="H575271" s="12"/>
    </row>
    <row r="575272" spans="8:8">
      <c r="H575272" s="12"/>
    </row>
    <row r="575273" spans="8:8">
      <c r="H575273" s="12"/>
    </row>
    <row r="575274" spans="8:8">
      <c r="H575274" s="12"/>
    </row>
    <row r="575275" spans="8:8">
      <c r="H575275" s="12"/>
    </row>
    <row r="575276" spans="8:8">
      <c r="H575276" s="12"/>
    </row>
    <row r="575277" spans="8:8">
      <c r="H575277" s="12"/>
    </row>
    <row r="575278" spans="8:8">
      <c r="H575278" s="12"/>
    </row>
    <row r="575279" spans="8:8">
      <c r="H575279" s="12"/>
    </row>
    <row r="575280" spans="8:8">
      <c r="H575280" s="12"/>
    </row>
    <row r="575281" spans="8:8">
      <c r="H575281" s="12"/>
    </row>
    <row r="575282" spans="8:8">
      <c r="H575282" s="12"/>
    </row>
    <row r="575283" spans="8:8">
      <c r="H575283" s="12"/>
    </row>
    <row r="575284" spans="8:8">
      <c r="H575284" s="12"/>
    </row>
    <row r="575285" spans="8:8">
      <c r="H575285" s="12"/>
    </row>
    <row r="575286" spans="8:8">
      <c r="H575286" s="12"/>
    </row>
    <row r="575287" spans="8:8">
      <c r="H575287" s="12"/>
    </row>
    <row r="575288" spans="8:8">
      <c r="H575288" s="12"/>
    </row>
    <row r="575289" spans="8:8">
      <c r="H575289" s="12"/>
    </row>
    <row r="575290" spans="8:8">
      <c r="H575290" s="12"/>
    </row>
    <row r="575291" spans="8:8">
      <c r="H575291" s="12"/>
    </row>
    <row r="575292" spans="8:8">
      <c r="H575292" s="12"/>
    </row>
    <row r="575293" spans="8:8">
      <c r="H575293" s="12"/>
    </row>
    <row r="575294" spans="8:8">
      <c r="H575294" s="12"/>
    </row>
    <row r="575295" spans="8:8">
      <c r="H575295" s="12"/>
    </row>
    <row r="575296" spans="8:8">
      <c r="H575296" s="12"/>
    </row>
    <row r="575297" spans="8:8">
      <c r="H575297" s="12"/>
    </row>
    <row r="575298" spans="8:8">
      <c r="H575298" s="12"/>
    </row>
    <row r="575299" spans="8:8">
      <c r="H575299" s="12"/>
    </row>
    <row r="575300" spans="8:8">
      <c r="H575300" s="12"/>
    </row>
    <row r="575301" spans="8:8">
      <c r="H575301" s="12"/>
    </row>
    <row r="575302" spans="8:8">
      <c r="H575302" s="12"/>
    </row>
    <row r="575303" spans="8:8">
      <c r="H575303" s="12"/>
    </row>
    <row r="575304" spans="8:8">
      <c r="H575304" s="12"/>
    </row>
    <row r="575305" spans="8:8">
      <c r="H575305" s="12"/>
    </row>
    <row r="575306" spans="8:8">
      <c r="H575306" s="12"/>
    </row>
    <row r="575307" spans="8:8">
      <c r="H575307" s="12"/>
    </row>
    <row r="575308" spans="8:8">
      <c r="H575308" s="12"/>
    </row>
    <row r="575309" spans="8:8">
      <c r="H575309" s="12"/>
    </row>
    <row r="575310" spans="8:8">
      <c r="H575310" s="12"/>
    </row>
    <row r="575311" spans="8:8">
      <c r="H575311" s="12"/>
    </row>
    <row r="575312" spans="8:8">
      <c r="H575312" s="12"/>
    </row>
    <row r="575313" spans="8:8">
      <c r="H575313" s="12"/>
    </row>
    <row r="575314" spans="8:8">
      <c r="H575314" s="12"/>
    </row>
    <row r="575315" spans="8:8">
      <c r="H575315" s="12"/>
    </row>
    <row r="575316" spans="8:8">
      <c r="H575316" s="12"/>
    </row>
    <row r="575317" spans="8:8">
      <c r="H575317" s="12"/>
    </row>
    <row r="575318" spans="8:8">
      <c r="H575318" s="12"/>
    </row>
    <row r="575319" spans="8:8">
      <c r="H575319" s="12"/>
    </row>
    <row r="575320" spans="8:8">
      <c r="H575320" s="12"/>
    </row>
    <row r="575321" spans="8:8">
      <c r="H575321" s="12"/>
    </row>
    <row r="575322" spans="8:8">
      <c r="H575322" s="12"/>
    </row>
    <row r="575323" spans="8:8">
      <c r="H575323" s="12"/>
    </row>
    <row r="575324" spans="8:8">
      <c r="H575324" s="12"/>
    </row>
    <row r="575325" spans="8:8">
      <c r="H575325" s="12"/>
    </row>
    <row r="575326" spans="8:8">
      <c r="H575326" s="12"/>
    </row>
    <row r="575327" spans="8:8">
      <c r="H575327" s="12"/>
    </row>
    <row r="575328" spans="8:8">
      <c r="H575328" s="12"/>
    </row>
    <row r="575329" spans="8:8">
      <c r="H575329" s="12"/>
    </row>
    <row r="575330" spans="8:8">
      <c r="H575330" s="12"/>
    </row>
    <row r="575331" spans="8:8">
      <c r="H575331" s="12"/>
    </row>
    <row r="575332" spans="8:8">
      <c r="H575332" s="12"/>
    </row>
    <row r="575333" spans="8:8">
      <c r="H575333" s="12"/>
    </row>
    <row r="575334" spans="8:8">
      <c r="H575334" s="12"/>
    </row>
    <row r="575335" spans="8:8">
      <c r="H575335" s="12"/>
    </row>
    <row r="575336" spans="8:8">
      <c r="H575336" s="12"/>
    </row>
    <row r="575337" spans="8:8">
      <c r="H575337" s="12"/>
    </row>
    <row r="575338" spans="8:8">
      <c r="H575338" s="12"/>
    </row>
    <row r="575339" spans="8:8">
      <c r="H575339" s="12"/>
    </row>
    <row r="575340" spans="8:8">
      <c r="H575340" s="12"/>
    </row>
    <row r="575341" spans="8:8">
      <c r="H575341" s="12"/>
    </row>
    <row r="575342" spans="8:8">
      <c r="H575342" s="12"/>
    </row>
    <row r="575343" spans="8:8">
      <c r="H575343" s="12"/>
    </row>
    <row r="575344" spans="8:8">
      <c r="H575344" s="12"/>
    </row>
    <row r="575345" spans="8:8">
      <c r="H575345" s="12"/>
    </row>
    <row r="575346" spans="8:8">
      <c r="H575346" s="12"/>
    </row>
    <row r="575347" spans="8:8">
      <c r="H575347" s="12"/>
    </row>
    <row r="575348" spans="8:8">
      <c r="H575348" s="12"/>
    </row>
    <row r="575349" spans="8:8">
      <c r="H575349" s="12"/>
    </row>
    <row r="575350" spans="8:8">
      <c r="H575350" s="12"/>
    </row>
    <row r="575351" spans="8:8">
      <c r="H575351" s="12"/>
    </row>
    <row r="575352" spans="8:8">
      <c r="H575352" s="12"/>
    </row>
    <row r="575353" spans="8:8">
      <c r="H575353" s="12"/>
    </row>
    <row r="575354" spans="8:8">
      <c r="H575354" s="12"/>
    </row>
    <row r="575355" spans="8:8">
      <c r="H575355" s="12"/>
    </row>
    <row r="575356" spans="8:8">
      <c r="H575356" s="12"/>
    </row>
    <row r="575357" spans="8:8">
      <c r="H575357" s="12"/>
    </row>
    <row r="575358" spans="8:8">
      <c r="H575358" s="12"/>
    </row>
    <row r="575359" spans="8:8">
      <c r="H575359" s="12"/>
    </row>
    <row r="575360" spans="8:8">
      <c r="H575360" s="12"/>
    </row>
    <row r="575361" spans="8:8">
      <c r="H575361" s="12"/>
    </row>
    <row r="575362" spans="8:8">
      <c r="H575362" s="12"/>
    </row>
    <row r="575363" spans="8:8">
      <c r="H575363" s="12"/>
    </row>
    <row r="575364" spans="8:8">
      <c r="H575364" s="12"/>
    </row>
    <row r="575365" spans="8:8">
      <c r="H575365" s="12"/>
    </row>
    <row r="575366" spans="8:8">
      <c r="H575366" s="12"/>
    </row>
    <row r="575367" spans="8:8">
      <c r="H575367" s="12"/>
    </row>
    <row r="575368" spans="8:8">
      <c r="H575368" s="12"/>
    </row>
    <row r="575369" spans="8:8">
      <c r="H575369" s="12"/>
    </row>
    <row r="575370" spans="8:8">
      <c r="H575370" s="12"/>
    </row>
    <row r="575371" spans="8:8">
      <c r="H575371" s="12"/>
    </row>
    <row r="575372" spans="8:8">
      <c r="H575372" s="12"/>
    </row>
    <row r="575373" spans="8:8">
      <c r="H575373" s="12"/>
    </row>
    <row r="575374" spans="8:8">
      <c r="H575374" s="12"/>
    </row>
    <row r="575375" spans="8:8">
      <c r="H575375" s="12"/>
    </row>
    <row r="575376" spans="8:8">
      <c r="H575376" s="12"/>
    </row>
    <row r="575377" spans="8:8">
      <c r="H575377" s="12"/>
    </row>
    <row r="575378" spans="8:8">
      <c r="H575378" s="12"/>
    </row>
    <row r="575379" spans="8:8">
      <c r="H575379" s="12"/>
    </row>
    <row r="575380" spans="8:8">
      <c r="H575380" s="12"/>
    </row>
    <row r="575381" spans="8:8">
      <c r="H575381" s="12"/>
    </row>
    <row r="575382" spans="8:8">
      <c r="H575382" s="12"/>
    </row>
    <row r="575383" spans="8:8">
      <c r="H575383" s="12"/>
    </row>
    <row r="575384" spans="8:8">
      <c r="H575384" s="12"/>
    </row>
    <row r="575385" spans="8:8">
      <c r="H575385" s="12"/>
    </row>
    <row r="575386" spans="8:8">
      <c r="H575386" s="12"/>
    </row>
    <row r="575387" spans="8:8">
      <c r="H575387" s="12"/>
    </row>
    <row r="575388" spans="8:8">
      <c r="H575388" s="12"/>
    </row>
    <row r="575389" spans="8:8">
      <c r="H575389" s="12"/>
    </row>
    <row r="575390" spans="8:8">
      <c r="H575390" s="12"/>
    </row>
    <row r="575391" spans="8:8">
      <c r="H575391" s="12"/>
    </row>
    <row r="575392" spans="8:8">
      <c r="H575392" s="12"/>
    </row>
    <row r="575393" spans="8:8">
      <c r="H575393" s="12"/>
    </row>
    <row r="575394" spans="8:8">
      <c r="H575394" s="12"/>
    </row>
    <row r="575395" spans="8:8">
      <c r="H575395" s="12"/>
    </row>
    <row r="575396" spans="8:8">
      <c r="H575396" s="12"/>
    </row>
    <row r="575397" spans="8:8">
      <c r="H575397" s="12"/>
    </row>
    <row r="575398" spans="8:8">
      <c r="H575398" s="12"/>
    </row>
    <row r="575399" spans="8:8">
      <c r="H575399" s="12"/>
    </row>
    <row r="575400" spans="8:8">
      <c r="H575400" s="12"/>
    </row>
    <row r="575401" spans="8:8">
      <c r="H575401" s="12"/>
    </row>
    <row r="575402" spans="8:8">
      <c r="H575402" s="12"/>
    </row>
    <row r="575403" spans="8:8">
      <c r="H575403" s="12"/>
    </row>
    <row r="575404" spans="8:8">
      <c r="H575404" s="12"/>
    </row>
    <row r="575405" spans="8:8">
      <c r="H575405" s="12"/>
    </row>
    <row r="575406" spans="8:8">
      <c r="H575406" s="12"/>
    </row>
    <row r="575407" spans="8:8">
      <c r="H575407" s="12"/>
    </row>
    <row r="575408" spans="8:8">
      <c r="H575408" s="12"/>
    </row>
    <row r="575409" spans="8:8">
      <c r="H575409" s="12"/>
    </row>
    <row r="575410" spans="8:8">
      <c r="H575410" s="12"/>
    </row>
    <row r="575411" spans="8:8">
      <c r="H575411" s="12"/>
    </row>
    <row r="575412" spans="8:8">
      <c r="H575412" s="12"/>
    </row>
    <row r="575413" spans="8:8">
      <c r="H575413" s="12"/>
    </row>
    <row r="575414" spans="8:8">
      <c r="H575414" s="12"/>
    </row>
    <row r="575415" spans="8:8">
      <c r="H575415" s="12"/>
    </row>
    <row r="575416" spans="8:8">
      <c r="H575416" s="12"/>
    </row>
    <row r="575417" spans="8:8">
      <c r="H575417" s="12"/>
    </row>
    <row r="575418" spans="8:8">
      <c r="H575418" s="12"/>
    </row>
    <row r="575419" spans="8:8">
      <c r="H575419" s="12"/>
    </row>
    <row r="575420" spans="8:8">
      <c r="H575420" s="12"/>
    </row>
    <row r="575421" spans="8:8">
      <c r="H575421" s="12"/>
    </row>
    <row r="575422" spans="8:8">
      <c r="H575422" s="12"/>
    </row>
    <row r="575423" spans="8:8">
      <c r="H575423" s="12"/>
    </row>
    <row r="575424" spans="8:8">
      <c r="H575424" s="12"/>
    </row>
    <row r="575425" spans="8:8">
      <c r="H575425" s="12"/>
    </row>
    <row r="575426" spans="8:8">
      <c r="H575426" s="12"/>
    </row>
    <row r="575427" spans="8:8">
      <c r="H575427" s="12"/>
    </row>
    <row r="575428" spans="8:8">
      <c r="H575428" s="12"/>
    </row>
    <row r="575429" spans="8:8">
      <c r="H575429" s="12"/>
    </row>
    <row r="575430" spans="8:8">
      <c r="H575430" s="12"/>
    </row>
    <row r="575431" spans="8:8">
      <c r="H575431" s="12"/>
    </row>
    <row r="575432" spans="8:8">
      <c r="H575432" s="12"/>
    </row>
    <row r="575433" spans="8:8">
      <c r="H575433" s="12"/>
    </row>
    <row r="575434" spans="8:8">
      <c r="H575434" s="12"/>
    </row>
    <row r="575435" spans="8:8">
      <c r="H575435" s="12"/>
    </row>
    <row r="575436" spans="8:8">
      <c r="H575436" s="12"/>
    </row>
    <row r="575437" spans="8:8">
      <c r="H575437" s="12"/>
    </row>
    <row r="575438" spans="8:8">
      <c r="H575438" s="12"/>
    </row>
    <row r="575439" spans="8:8">
      <c r="H575439" s="12"/>
    </row>
    <row r="575440" spans="8:8">
      <c r="H575440" s="12"/>
    </row>
    <row r="575441" spans="8:8">
      <c r="H575441" s="12"/>
    </row>
    <row r="575442" spans="8:8">
      <c r="H575442" s="12"/>
    </row>
    <row r="575443" spans="8:8">
      <c r="H575443" s="12"/>
    </row>
    <row r="575444" spans="8:8">
      <c r="H575444" s="12"/>
    </row>
    <row r="575445" spans="8:8">
      <c r="H575445" s="12"/>
    </row>
    <row r="575446" spans="8:8">
      <c r="H575446" s="12"/>
    </row>
    <row r="575447" spans="8:8">
      <c r="H575447" s="12"/>
    </row>
    <row r="575448" spans="8:8">
      <c r="H575448" s="12"/>
    </row>
    <row r="575449" spans="8:8">
      <c r="H575449" s="12"/>
    </row>
    <row r="575450" spans="8:8">
      <c r="H575450" s="12"/>
    </row>
    <row r="575451" spans="8:8">
      <c r="H575451" s="12"/>
    </row>
    <row r="575452" spans="8:8">
      <c r="H575452" s="12"/>
    </row>
    <row r="575453" spans="8:8">
      <c r="H575453" s="12"/>
    </row>
    <row r="575454" spans="8:8">
      <c r="H575454" s="12"/>
    </row>
    <row r="575455" spans="8:8">
      <c r="H575455" s="12"/>
    </row>
    <row r="575456" spans="8:8">
      <c r="H575456" s="12"/>
    </row>
    <row r="575457" spans="8:8">
      <c r="H575457" s="12"/>
    </row>
    <row r="575458" spans="8:8">
      <c r="H575458" s="12"/>
    </row>
    <row r="575459" spans="8:8">
      <c r="H575459" s="12"/>
    </row>
    <row r="575460" spans="8:8">
      <c r="H575460" s="12"/>
    </row>
    <row r="575461" spans="8:8">
      <c r="H575461" s="12"/>
    </row>
    <row r="575462" spans="8:8">
      <c r="H575462" s="12"/>
    </row>
    <row r="575463" spans="8:8">
      <c r="H575463" s="12"/>
    </row>
    <row r="575464" spans="8:8">
      <c r="H575464" s="12"/>
    </row>
    <row r="575465" spans="8:8">
      <c r="H575465" s="12"/>
    </row>
    <row r="575466" spans="8:8">
      <c r="H575466" s="12"/>
    </row>
    <row r="575467" spans="8:8">
      <c r="H575467" s="12"/>
    </row>
    <row r="575468" spans="8:8">
      <c r="H575468" s="12"/>
    </row>
    <row r="575469" spans="8:8">
      <c r="H575469" s="12"/>
    </row>
    <row r="575470" spans="8:8">
      <c r="H575470" s="12"/>
    </row>
    <row r="575471" spans="8:8">
      <c r="H575471" s="12"/>
    </row>
    <row r="575472" spans="8:8">
      <c r="H575472" s="12"/>
    </row>
    <row r="575473" spans="8:8">
      <c r="H575473" s="12"/>
    </row>
    <row r="575474" spans="8:8">
      <c r="H575474" s="12"/>
    </row>
    <row r="575475" spans="8:8">
      <c r="H575475" s="12"/>
    </row>
    <row r="575476" spans="8:8">
      <c r="H575476" s="12"/>
    </row>
    <row r="575477" spans="8:8">
      <c r="H575477" s="12"/>
    </row>
    <row r="575478" spans="8:8">
      <c r="H575478" s="12"/>
    </row>
    <row r="575479" spans="8:8">
      <c r="H575479" s="12"/>
    </row>
    <row r="575480" spans="8:8">
      <c r="H575480" s="12"/>
    </row>
    <row r="575481" spans="8:8">
      <c r="H575481" s="12"/>
    </row>
    <row r="575482" spans="8:8">
      <c r="H575482" s="12"/>
    </row>
    <row r="575483" spans="8:8">
      <c r="H575483" s="12"/>
    </row>
    <row r="575484" spans="8:8">
      <c r="H575484" s="12"/>
    </row>
    <row r="575485" spans="8:8">
      <c r="H575485" s="12"/>
    </row>
    <row r="575486" spans="8:8">
      <c r="H575486" s="12"/>
    </row>
    <row r="575487" spans="8:8">
      <c r="H575487" s="12"/>
    </row>
    <row r="575488" spans="8:8">
      <c r="H575488" s="12"/>
    </row>
    <row r="575489" spans="8:8">
      <c r="H575489" s="12"/>
    </row>
    <row r="575490" spans="8:8">
      <c r="H575490" s="12"/>
    </row>
    <row r="575491" spans="8:8">
      <c r="H575491" s="12"/>
    </row>
    <row r="575492" spans="8:8">
      <c r="H575492" s="12"/>
    </row>
    <row r="575493" spans="8:8">
      <c r="H575493" s="12"/>
    </row>
    <row r="575494" spans="8:8">
      <c r="H575494" s="12"/>
    </row>
    <row r="575495" spans="8:8">
      <c r="H575495" s="12"/>
    </row>
    <row r="575496" spans="8:8">
      <c r="H575496" s="12"/>
    </row>
    <row r="575497" spans="8:8">
      <c r="H575497" s="12"/>
    </row>
    <row r="575498" spans="8:8">
      <c r="H575498" s="12"/>
    </row>
    <row r="575499" spans="8:8">
      <c r="H575499" s="12"/>
    </row>
    <row r="575500" spans="8:8">
      <c r="H575500" s="12"/>
    </row>
    <row r="575501" spans="8:8">
      <c r="H575501" s="12"/>
    </row>
    <row r="575502" spans="8:8">
      <c r="H575502" s="12"/>
    </row>
    <row r="575503" spans="8:8">
      <c r="H575503" s="12"/>
    </row>
    <row r="575504" spans="8:8">
      <c r="H575504" s="12"/>
    </row>
    <row r="575505" spans="8:8">
      <c r="H575505" s="12"/>
    </row>
    <row r="575506" spans="8:8">
      <c r="H575506" s="12"/>
    </row>
    <row r="575507" spans="8:8">
      <c r="H575507" s="12"/>
    </row>
    <row r="575508" spans="8:8">
      <c r="H575508" s="12"/>
    </row>
    <row r="575509" spans="8:8">
      <c r="H575509" s="12"/>
    </row>
    <row r="575510" spans="8:8">
      <c r="H575510" s="12"/>
    </row>
    <row r="575511" spans="8:8">
      <c r="H575511" s="12"/>
    </row>
    <row r="575512" spans="8:8">
      <c r="H575512" s="12"/>
    </row>
    <row r="575513" spans="8:8">
      <c r="H575513" s="12"/>
    </row>
    <row r="575514" spans="8:8">
      <c r="H575514" s="12"/>
    </row>
    <row r="575515" spans="8:8">
      <c r="H575515" s="12"/>
    </row>
    <row r="575516" spans="8:8">
      <c r="H575516" s="12"/>
    </row>
    <row r="575517" spans="8:8">
      <c r="H575517" s="12"/>
    </row>
    <row r="575518" spans="8:8">
      <c r="H575518" s="12"/>
    </row>
    <row r="575519" spans="8:8">
      <c r="H575519" s="12"/>
    </row>
    <row r="575520" spans="8:8">
      <c r="H575520" s="12"/>
    </row>
    <row r="575521" spans="8:8">
      <c r="H575521" s="12"/>
    </row>
    <row r="575522" spans="8:8">
      <c r="H575522" s="12"/>
    </row>
    <row r="575523" spans="8:8">
      <c r="H575523" s="12"/>
    </row>
    <row r="575524" spans="8:8">
      <c r="H575524" s="12"/>
    </row>
    <row r="575525" spans="8:8">
      <c r="H575525" s="12"/>
    </row>
    <row r="575526" spans="8:8">
      <c r="H575526" s="12"/>
    </row>
    <row r="575527" spans="8:8">
      <c r="H575527" s="12"/>
    </row>
    <row r="575528" spans="8:8">
      <c r="H575528" s="12"/>
    </row>
    <row r="575529" spans="8:8">
      <c r="H575529" s="12"/>
    </row>
    <row r="575530" spans="8:8">
      <c r="H575530" s="12"/>
    </row>
    <row r="575531" spans="8:8">
      <c r="H575531" s="12"/>
    </row>
    <row r="575532" spans="8:8">
      <c r="H575532" s="12"/>
    </row>
    <row r="575533" spans="8:8">
      <c r="H575533" s="12"/>
    </row>
    <row r="575534" spans="8:8">
      <c r="H575534" s="12"/>
    </row>
    <row r="575535" spans="8:8">
      <c r="H575535" s="12"/>
    </row>
    <row r="575536" spans="8:8">
      <c r="H575536" s="12"/>
    </row>
    <row r="575537" spans="8:8">
      <c r="H575537" s="12"/>
    </row>
    <row r="575538" spans="8:8">
      <c r="H575538" s="12"/>
    </row>
    <row r="575539" spans="8:8">
      <c r="H575539" s="12"/>
    </row>
    <row r="575540" spans="8:8">
      <c r="H575540" s="12"/>
    </row>
    <row r="575541" spans="8:8">
      <c r="H575541" s="12"/>
    </row>
    <row r="575542" spans="8:8">
      <c r="H575542" s="12"/>
    </row>
    <row r="575543" spans="8:8">
      <c r="H575543" s="12"/>
    </row>
    <row r="575544" spans="8:8">
      <c r="H575544" s="12"/>
    </row>
    <row r="575545" spans="8:8">
      <c r="H575545" s="12"/>
    </row>
    <row r="575546" spans="8:8">
      <c r="H575546" s="12"/>
    </row>
    <row r="575547" spans="8:8">
      <c r="H575547" s="12"/>
    </row>
    <row r="575548" spans="8:8">
      <c r="H575548" s="12"/>
    </row>
    <row r="575549" spans="8:8">
      <c r="H575549" s="12"/>
    </row>
    <row r="575550" spans="8:8">
      <c r="H575550" s="12"/>
    </row>
    <row r="575551" spans="8:8">
      <c r="H575551" s="12"/>
    </row>
    <row r="575552" spans="8:8">
      <c r="H575552" s="12"/>
    </row>
    <row r="575553" spans="8:8">
      <c r="H575553" s="12"/>
    </row>
    <row r="575554" spans="8:8">
      <c r="H575554" s="12"/>
    </row>
    <row r="575555" spans="8:8">
      <c r="H575555" s="12"/>
    </row>
    <row r="575556" spans="8:8">
      <c r="H575556" s="12"/>
    </row>
    <row r="575557" spans="8:8">
      <c r="H575557" s="12"/>
    </row>
    <row r="575558" spans="8:8">
      <c r="H575558" s="12"/>
    </row>
    <row r="575559" spans="8:8">
      <c r="H575559" s="12"/>
    </row>
    <row r="575560" spans="8:8">
      <c r="H575560" s="12"/>
    </row>
    <row r="575561" spans="8:8">
      <c r="H575561" s="12"/>
    </row>
    <row r="575562" spans="8:8">
      <c r="H575562" s="12"/>
    </row>
    <row r="575563" spans="8:8">
      <c r="H575563" s="12"/>
    </row>
    <row r="575564" spans="8:8">
      <c r="H575564" s="12"/>
    </row>
    <row r="575565" spans="8:8">
      <c r="H575565" s="12"/>
    </row>
    <row r="575566" spans="8:8">
      <c r="H575566" s="12"/>
    </row>
    <row r="575567" spans="8:8">
      <c r="H575567" s="12"/>
    </row>
    <row r="575568" spans="8:8">
      <c r="H575568" s="12"/>
    </row>
    <row r="575569" spans="8:8">
      <c r="H575569" s="12"/>
    </row>
    <row r="575570" spans="8:8">
      <c r="H575570" s="12"/>
    </row>
    <row r="575571" spans="8:8">
      <c r="H575571" s="12"/>
    </row>
    <row r="575572" spans="8:8">
      <c r="H575572" s="12"/>
    </row>
    <row r="575573" spans="8:8">
      <c r="H575573" s="12"/>
    </row>
    <row r="575574" spans="8:8">
      <c r="H575574" s="12"/>
    </row>
    <row r="575575" spans="8:8">
      <c r="H575575" s="12"/>
    </row>
    <row r="575576" spans="8:8">
      <c r="H575576" s="12"/>
    </row>
    <row r="575577" spans="8:8">
      <c r="H575577" s="12"/>
    </row>
    <row r="575578" spans="8:8">
      <c r="H575578" s="12"/>
    </row>
    <row r="575579" spans="8:8">
      <c r="H575579" s="12"/>
    </row>
    <row r="575580" spans="8:8">
      <c r="H575580" s="12"/>
    </row>
    <row r="575581" spans="8:8">
      <c r="H575581" s="12"/>
    </row>
    <row r="575582" spans="8:8">
      <c r="H575582" s="12"/>
    </row>
    <row r="575583" spans="8:8">
      <c r="H575583" s="12"/>
    </row>
    <row r="575584" spans="8:8">
      <c r="H575584" s="12"/>
    </row>
    <row r="575585" spans="8:8">
      <c r="H575585" s="12"/>
    </row>
    <row r="575586" spans="8:8">
      <c r="H575586" s="12"/>
    </row>
    <row r="575587" spans="8:8">
      <c r="H575587" s="12"/>
    </row>
    <row r="575588" spans="8:8">
      <c r="H575588" s="12"/>
    </row>
    <row r="575589" spans="8:8">
      <c r="H575589" s="12"/>
    </row>
    <row r="575590" spans="8:8">
      <c r="H575590" s="12"/>
    </row>
    <row r="575591" spans="8:8">
      <c r="H575591" s="12"/>
    </row>
    <row r="575592" spans="8:8">
      <c r="H575592" s="12"/>
    </row>
    <row r="575593" spans="8:8">
      <c r="H575593" s="12"/>
    </row>
    <row r="575594" spans="8:8">
      <c r="H575594" s="12"/>
    </row>
    <row r="575595" spans="8:8">
      <c r="H575595" s="12"/>
    </row>
    <row r="575596" spans="8:8">
      <c r="H575596" s="12"/>
    </row>
    <row r="575597" spans="8:8">
      <c r="H575597" s="12"/>
    </row>
    <row r="575598" spans="8:8">
      <c r="H575598" s="12"/>
    </row>
    <row r="575599" spans="8:8">
      <c r="H575599" s="12"/>
    </row>
    <row r="575600" spans="8:8">
      <c r="H575600" s="12"/>
    </row>
    <row r="575601" spans="8:8">
      <c r="H575601" s="12"/>
    </row>
    <row r="575602" spans="8:8">
      <c r="H575602" s="12"/>
    </row>
    <row r="575603" spans="8:8">
      <c r="H575603" s="12"/>
    </row>
    <row r="575604" spans="8:8">
      <c r="H575604" s="12"/>
    </row>
    <row r="575605" spans="8:8">
      <c r="H575605" s="12"/>
    </row>
    <row r="575606" spans="8:8">
      <c r="H575606" s="12"/>
    </row>
    <row r="575607" spans="8:8">
      <c r="H575607" s="12"/>
    </row>
    <row r="575608" spans="8:8">
      <c r="H575608" s="12"/>
    </row>
    <row r="575609" spans="8:8">
      <c r="H575609" s="12"/>
    </row>
    <row r="575610" spans="8:8">
      <c r="H575610" s="12"/>
    </row>
    <row r="575611" spans="8:8">
      <c r="H575611" s="12"/>
    </row>
    <row r="575612" spans="8:8">
      <c r="H575612" s="12"/>
    </row>
    <row r="575613" spans="8:8">
      <c r="H575613" s="12"/>
    </row>
    <row r="575614" spans="8:8">
      <c r="H575614" s="12"/>
    </row>
    <row r="575615" spans="8:8">
      <c r="H575615" s="12"/>
    </row>
    <row r="575616" spans="8:8">
      <c r="H575616" s="12"/>
    </row>
    <row r="575617" spans="8:8">
      <c r="H575617" s="12"/>
    </row>
    <row r="575618" spans="8:8">
      <c r="H575618" s="12"/>
    </row>
    <row r="575619" spans="8:8">
      <c r="H575619" s="12"/>
    </row>
    <row r="575620" spans="8:8">
      <c r="H575620" s="12"/>
    </row>
    <row r="575621" spans="8:8">
      <c r="H575621" s="12"/>
    </row>
    <row r="575622" spans="8:8">
      <c r="H575622" s="12"/>
    </row>
    <row r="575623" spans="8:8">
      <c r="H575623" s="12"/>
    </row>
    <row r="575624" spans="8:8">
      <c r="H575624" s="12"/>
    </row>
    <row r="575625" spans="8:8">
      <c r="H575625" s="12"/>
    </row>
    <row r="575626" spans="8:8">
      <c r="H575626" s="12"/>
    </row>
    <row r="575627" spans="8:8">
      <c r="H575627" s="12"/>
    </row>
    <row r="575628" spans="8:8">
      <c r="H575628" s="12"/>
    </row>
    <row r="575629" spans="8:8">
      <c r="H575629" s="12"/>
    </row>
    <row r="575630" spans="8:8">
      <c r="H575630" s="12"/>
    </row>
    <row r="575631" spans="8:8">
      <c r="H575631" s="12"/>
    </row>
    <row r="575632" spans="8:8">
      <c r="H575632" s="12"/>
    </row>
    <row r="575633" spans="8:8">
      <c r="H575633" s="12"/>
    </row>
    <row r="575634" spans="8:8">
      <c r="H575634" s="12"/>
    </row>
    <row r="575635" spans="8:8">
      <c r="H575635" s="12"/>
    </row>
    <row r="575636" spans="8:8">
      <c r="H575636" s="12"/>
    </row>
    <row r="575637" spans="8:8">
      <c r="H575637" s="12"/>
    </row>
    <row r="575638" spans="8:8">
      <c r="H575638" s="12"/>
    </row>
    <row r="575639" spans="8:8">
      <c r="H575639" s="12"/>
    </row>
    <row r="575640" spans="8:8">
      <c r="H575640" s="12"/>
    </row>
    <row r="575641" spans="8:8">
      <c r="H575641" s="12"/>
    </row>
    <row r="575642" spans="8:8">
      <c r="H575642" s="12"/>
    </row>
    <row r="575643" spans="8:8">
      <c r="H575643" s="12"/>
    </row>
    <row r="575644" spans="8:8">
      <c r="H575644" s="12"/>
    </row>
    <row r="575645" spans="8:8">
      <c r="H575645" s="12"/>
    </row>
    <row r="575646" spans="8:8">
      <c r="H575646" s="12"/>
    </row>
    <row r="575647" spans="8:8">
      <c r="H575647" s="12"/>
    </row>
    <row r="575648" spans="8:8">
      <c r="H575648" s="12"/>
    </row>
    <row r="575649" spans="8:8">
      <c r="H575649" s="12"/>
    </row>
    <row r="575650" spans="8:8">
      <c r="H575650" s="12"/>
    </row>
    <row r="575651" spans="8:8">
      <c r="H575651" s="12"/>
    </row>
    <row r="575652" spans="8:8">
      <c r="H575652" s="12"/>
    </row>
    <row r="575653" spans="8:8">
      <c r="H575653" s="12"/>
    </row>
    <row r="575654" spans="8:8">
      <c r="H575654" s="12"/>
    </row>
    <row r="575655" spans="8:8">
      <c r="H575655" s="12"/>
    </row>
    <row r="575656" spans="8:8">
      <c r="H575656" s="12"/>
    </row>
    <row r="575657" spans="8:8">
      <c r="H575657" s="12"/>
    </row>
    <row r="575658" spans="8:8">
      <c r="H575658" s="12"/>
    </row>
    <row r="575659" spans="8:8">
      <c r="H575659" s="12"/>
    </row>
    <row r="575660" spans="8:8">
      <c r="H575660" s="12"/>
    </row>
    <row r="575661" spans="8:8">
      <c r="H575661" s="12"/>
    </row>
    <row r="575662" spans="8:8">
      <c r="H575662" s="12"/>
    </row>
    <row r="575663" spans="8:8">
      <c r="H575663" s="12"/>
    </row>
    <row r="575664" spans="8:8">
      <c r="H575664" s="12"/>
    </row>
    <row r="575665" spans="8:8">
      <c r="H575665" s="12"/>
    </row>
    <row r="575666" spans="8:8">
      <c r="H575666" s="12"/>
    </row>
    <row r="575667" spans="8:8">
      <c r="H575667" s="12"/>
    </row>
    <row r="575668" spans="8:8">
      <c r="H575668" s="12"/>
    </row>
    <row r="575669" spans="8:8">
      <c r="H575669" s="12"/>
    </row>
    <row r="575670" spans="8:8">
      <c r="H575670" s="12"/>
    </row>
    <row r="575671" spans="8:8">
      <c r="H575671" s="12"/>
    </row>
    <row r="575672" spans="8:8">
      <c r="H575672" s="12"/>
    </row>
    <row r="575673" spans="8:8">
      <c r="H575673" s="12"/>
    </row>
    <row r="575674" spans="8:8">
      <c r="H575674" s="12"/>
    </row>
    <row r="575675" spans="8:8">
      <c r="H575675" s="12"/>
    </row>
    <row r="575676" spans="8:8">
      <c r="H575676" s="12"/>
    </row>
    <row r="575677" spans="8:8">
      <c r="H575677" s="12"/>
    </row>
    <row r="575678" spans="8:8">
      <c r="H575678" s="12"/>
    </row>
    <row r="575679" spans="8:8">
      <c r="H575679" s="12"/>
    </row>
    <row r="575680" spans="8:8">
      <c r="H575680" s="12"/>
    </row>
    <row r="575681" spans="8:8">
      <c r="H575681" s="12"/>
    </row>
    <row r="575682" spans="8:8">
      <c r="H575682" s="12"/>
    </row>
    <row r="575683" spans="8:8">
      <c r="H575683" s="12"/>
    </row>
    <row r="575684" spans="8:8">
      <c r="H575684" s="12"/>
    </row>
    <row r="575685" spans="8:8">
      <c r="H575685" s="12"/>
    </row>
    <row r="575686" spans="8:8">
      <c r="H575686" s="12"/>
    </row>
    <row r="575687" spans="8:8">
      <c r="H575687" s="12"/>
    </row>
    <row r="575688" spans="8:8">
      <c r="H575688" s="12"/>
    </row>
    <row r="575689" spans="8:8">
      <c r="H575689" s="12"/>
    </row>
    <row r="575690" spans="8:8">
      <c r="H575690" s="12"/>
    </row>
    <row r="575691" spans="8:8">
      <c r="H575691" s="12"/>
    </row>
    <row r="575692" spans="8:8">
      <c r="H575692" s="12"/>
    </row>
    <row r="575693" spans="8:8">
      <c r="H575693" s="12"/>
    </row>
    <row r="575694" spans="8:8">
      <c r="H575694" s="12"/>
    </row>
    <row r="575695" spans="8:8">
      <c r="H575695" s="12"/>
    </row>
    <row r="575696" spans="8:8">
      <c r="H575696" s="12"/>
    </row>
    <row r="575697" spans="8:8">
      <c r="H575697" s="12"/>
    </row>
    <row r="575698" spans="8:8">
      <c r="H575698" s="12"/>
    </row>
    <row r="575699" spans="8:8">
      <c r="H575699" s="12"/>
    </row>
    <row r="575700" spans="8:8">
      <c r="H575700" s="12"/>
    </row>
    <row r="575701" spans="8:8">
      <c r="H575701" s="12"/>
    </row>
    <row r="575702" spans="8:8">
      <c r="H575702" s="12"/>
    </row>
    <row r="575703" spans="8:8">
      <c r="H575703" s="12"/>
    </row>
    <row r="575704" spans="8:8">
      <c r="H575704" s="12"/>
    </row>
    <row r="575705" spans="8:8">
      <c r="H575705" s="12"/>
    </row>
    <row r="575706" spans="8:8">
      <c r="H575706" s="12"/>
    </row>
    <row r="575707" spans="8:8">
      <c r="H575707" s="12"/>
    </row>
    <row r="575708" spans="8:8">
      <c r="H575708" s="12"/>
    </row>
    <row r="575709" spans="8:8">
      <c r="H575709" s="12"/>
    </row>
    <row r="575710" spans="8:8">
      <c r="H575710" s="12"/>
    </row>
    <row r="575711" spans="8:8">
      <c r="H575711" s="12"/>
    </row>
    <row r="575712" spans="8:8">
      <c r="H575712" s="12"/>
    </row>
    <row r="575713" spans="8:8">
      <c r="H575713" s="12"/>
    </row>
    <row r="575714" spans="8:8">
      <c r="H575714" s="12"/>
    </row>
    <row r="575715" spans="8:8">
      <c r="H575715" s="12"/>
    </row>
    <row r="575716" spans="8:8">
      <c r="H575716" s="12"/>
    </row>
    <row r="575717" spans="8:8">
      <c r="H575717" s="12"/>
    </row>
    <row r="575718" spans="8:8">
      <c r="H575718" s="12"/>
    </row>
    <row r="575719" spans="8:8">
      <c r="H575719" s="12"/>
    </row>
    <row r="575720" spans="8:8">
      <c r="H575720" s="12"/>
    </row>
    <row r="575721" spans="8:8">
      <c r="H575721" s="12"/>
    </row>
    <row r="575722" spans="8:8">
      <c r="H575722" s="12"/>
    </row>
    <row r="575723" spans="8:8">
      <c r="H575723" s="12"/>
    </row>
    <row r="575724" spans="8:8">
      <c r="H575724" s="12"/>
    </row>
    <row r="575725" spans="8:8">
      <c r="H575725" s="12"/>
    </row>
    <row r="575726" spans="8:8">
      <c r="H575726" s="12"/>
    </row>
    <row r="575727" spans="8:8">
      <c r="H575727" s="12"/>
    </row>
    <row r="575728" spans="8:8">
      <c r="H575728" s="12"/>
    </row>
    <row r="575729" spans="8:8">
      <c r="H575729" s="12"/>
    </row>
    <row r="575730" spans="8:8">
      <c r="H575730" s="12"/>
    </row>
    <row r="575731" spans="8:8">
      <c r="H575731" s="12"/>
    </row>
    <row r="575732" spans="8:8">
      <c r="H575732" s="12"/>
    </row>
    <row r="575733" spans="8:8">
      <c r="H575733" s="12"/>
    </row>
    <row r="575734" spans="8:8">
      <c r="H575734" s="12"/>
    </row>
    <row r="575735" spans="8:8">
      <c r="H575735" s="12"/>
    </row>
    <row r="575736" spans="8:8">
      <c r="H575736" s="12"/>
    </row>
    <row r="575737" spans="8:8">
      <c r="H575737" s="12"/>
    </row>
    <row r="575738" spans="8:8">
      <c r="H575738" s="12"/>
    </row>
    <row r="575739" spans="8:8">
      <c r="H575739" s="12"/>
    </row>
    <row r="575740" spans="8:8">
      <c r="H575740" s="12"/>
    </row>
    <row r="575741" spans="8:8">
      <c r="H575741" s="12"/>
    </row>
    <row r="575742" spans="8:8">
      <c r="H575742" s="12"/>
    </row>
    <row r="575743" spans="8:8">
      <c r="H575743" s="12"/>
    </row>
    <row r="575744" spans="8:8">
      <c r="H575744" s="12"/>
    </row>
    <row r="575745" spans="8:8">
      <c r="H575745" s="12"/>
    </row>
    <row r="575746" spans="8:8">
      <c r="H575746" s="12"/>
    </row>
    <row r="575747" spans="8:8">
      <c r="H575747" s="12"/>
    </row>
    <row r="575748" spans="8:8">
      <c r="H575748" s="12"/>
    </row>
    <row r="575749" spans="8:8">
      <c r="H575749" s="12"/>
    </row>
    <row r="575750" spans="8:8">
      <c r="H575750" s="12"/>
    </row>
    <row r="575751" spans="8:8">
      <c r="H575751" s="12"/>
    </row>
    <row r="575752" spans="8:8">
      <c r="H575752" s="12"/>
    </row>
    <row r="575753" spans="8:8">
      <c r="H575753" s="12"/>
    </row>
    <row r="575754" spans="8:8">
      <c r="H575754" s="12"/>
    </row>
    <row r="575755" spans="8:8">
      <c r="H575755" s="12"/>
    </row>
    <row r="575756" spans="8:8">
      <c r="H575756" s="12"/>
    </row>
    <row r="575757" spans="8:8">
      <c r="H575757" s="12"/>
    </row>
    <row r="575758" spans="8:8">
      <c r="H575758" s="12"/>
    </row>
    <row r="575759" spans="8:8">
      <c r="H575759" s="12"/>
    </row>
    <row r="575760" spans="8:8">
      <c r="H575760" s="12"/>
    </row>
    <row r="575761" spans="8:8">
      <c r="H575761" s="12"/>
    </row>
    <row r="575762" spans="8:8">
      <c r="H575762" s="12"/>
    </row>
    <row r="575763" spans="8:8">
      <c r="H575763" s="12"/>
    </row>
    <row r="575764" spans="8:8">
      <c r="H575764" s="12"/>
    </row>
    <row r="575765" spans="8:8">
      <c r="H575765" s="12"/>
    </row>
    <row r="575766" spans="8:8">
      <c r="H575766" s="12"/>
    </row>
    <row r="575767" spans="8:8">
      <c r="H575767" s="12"/>
    </row>
    <row r="575768" spans="8:8">
      <c r="H575768" s="12"/>
    </row>
    <row r="575769" spans="8:8">
      <c r="H575769" s="12"/>
    </row>
    <row r="575770" spans="8:8">
      <c r="H575770" s="12"/>
    </row>
    <row r="575771" spans="8:8">
      <c r="H575771" s="12"/>
    </row>
    <row r="575772" spans="8:8">
      <c r="H575772" s="12"/>
    </row>
    <row r="575773" spans="8:8">
      <c r="H575773" s="12"/>
    </row>
    <row r="575774" spans="8:8">
      <c r="H575774" s="12"/>
    </row>
    <row r="575775" spans="8:8">
      <c r="H575775" s="12"/>
    </row>
    <row r="575776" spans="8:8">
      <c r="H575776" s="12"/>
    </row>
    <row r="575777" spans="8:8">
      <c r="H575777" s="12"/>
    </row>
    <row r="575778" spans="8:8">
      <c r="H575778" s="12"/>
    </row>
    <row r="575779" spans="8:8">
      <c r="H575779" s="12"/>
    </row>
    <row r="575780" spans="8:8">
      <c r="H575780" s="12"/>
    </row>
    <row r="575781" spans="8:8">
      <c r="H575781" s="12"/>
    </row>
    <row r="575782" spans="8:8">
      <c r="H575782" s="12"/>
    </row>
    <row r="575783" spans="8:8">
      <c r="H575783" s="12"/>
    </row>
    <row r="575784" spans="8:8">
      <c r="H575784" s="12"/>
    </row>
    <row r="575785" spans="8:8">
      <c r="H575785" s="12"/>
    </row>
    <row r="575786" spans="8:8">
      <c r="H575786" s="12"/>
    </row>
    <row r="575787" spans="8:8">
      <c r="H575787" s="12"/>
    </row>
    <row r="575788" spans="8:8">
      <c r="H575788" s="12"/>
    </row>
    <row r="575789" spans="8:8">
      <c r="H575789" s="12"/>
    </row>
    <row r="575790" spans="8:8">
      <c r="H575790" s="12"/>
    </row>
    <row r="575791" spans="8:8">
      <c r="H575791" s="12"/>
    </row>
    <row r="575792" spans="8:8">
      <c r="H575792" s="12"/>
    </row>
    <row r="575793" spans="8:8">
      <c r="H575793" s="12"/>
    </row>
    <row r="575794" spans="8:8">
      <c r="H575794" s="12"/>
    </row>
    <row r="575795" spans="8:8">
      <c r="H575795" s="12"/>
    </row>
    <row r="575796" spans="8:8">
      <c r="H575796" s="12"/>
    </row>
    <row r="575797" spans="8:8">
      <c r="H575797" s="12"/>
    </row>
    <row r="575798" spans="8:8">
      <c r="H575798" s="12"/>
    </row>
    <row r="575799" spans="8:8">
      <c r="H575799" s="12"/>
    </row>
    <row r="575800" spans="8:8">
      <c r="H575800" s="12"/>
    </row>
    <row r="575801" spans="8:8">
      <c r="H575801" s="12"/>
    </row>
    <row r="575802" spans="8:8">
      <c r="H575802" s="12"/>
    </row>
    <row r="575803" spans="8:8">
      <c r="H575803" s="12"/>
    </row>
    <row r="575804" spans="8:8">
      <c r="H575804" s="12"/>
    </row>
    <row r="575805" spans="8:8">
      <c r="H575805" s="12"/>
    </row>
    <row r="575806" spans="8:8">
      <c r="H575806" s="12"/>
    </row>
    <row r="575807" spans="8:8">
      <c r="H575807" s="12"/>
    </row>
    <row r="575808" spans="8:8">
      <c r="H575808" s="12"/>
    </row>
    <row r="575809" spans="8:8">
      <c r="H575809" s="12"/>
    </row>
    <row r="575810" spans="8:8">
      <c r="H575810" s="12"/>
    </row>
    <row r="575811" spans="8:8">
      <c r="H575811" s="12"/>
    </row>
    <row r="575812" spans="8:8">
      <c r="H575812" s="12"/>
    </row>
    <row r="575813" spans="8:8">
      <c r="H575813" s="12"/>
    </row>
    <row r="575814" spans="8:8">
      <c r="H575814" s="12"/>
    </row>
    <row r="575815" spans="8:8">
      <c r="H575815" s="12"/>
    </row>
    <row r="575816" spans="8:8">
      <c r="H575816" s="12"/>
    </row>
    <row r="575817" spans="8:8">
      <c r="H575817" s="12"/>
    </row>
    <row r="575818" spans="8:8">
      <c r="H575818" s="12"/>
    </row>
    <row r="575819" spans="8:8">
      <c r="H575819" s="12"/>
    </row>
    <row r="575820" spans="8:8">
      <c r="H575820" s="12"/>
    </row>
    <row r="575821" spans="8:8">
      <c r="H575821" s="12"/>
    </row>
    <row r="575822" spans="8:8">
      <c r="H575822" s="12"/>
    </row>
    <row r="575823" spans="8:8">
      <c r="H575823" s="12"/>
    </row>
    <row r="575824" spans="8:8">
      <c r="H575824" s="12"/>
    </row>
    <row r="575825" spans="8:8">
      <c r="H575825" s="12"/>
    </row>
    <row r="575826" spans="8:8">
      <c r="H575826" s="12"/>
    </row>
    <row r="575827" spans="8:8">
      <c r="H575827" s="12"/>
    </row>
    <row r="575828" spans="8:8">
      <c r="H575828" s="12"/>
    </row>
    <row r="575829" spans="8:8">
      <c r="H575829" s="12"/>
    </row>
    <row r="575830" spans="8:8">
      <c r="H575830" s="12"/>
    </row>
    <row r="575831" spans="8:8">
      <c r="H575831" s="12"/>
    </row>
    <row r="575832" spans="8:8">
      <c r="H575832" s="12"/>
    </row>
    <row r="575833" spans="8:8">
      <c r="H575833" s="12"/>
    </row>
    <row r="575834" spans="8:8">
      <c r="H575834" s="12"/>
    </row>
    <row r="575835" spans="8:8">
      <c r="H575835" s="12"/>
    </row>
    <row r="575836" spans="8:8">
      <c r="H575836" s="12"/>
    </row>
    <row r="575837" spans="8:8">
      <c r="H575837" s="12"/>
    </row>
    <row r="575838" spans="8:8">
      <c r="H575838" s="12"/>
    </row>
    <row r="575839" spans="8:8">
      <c r="H575839" s="12"/>
    </row>
    <row r="575840" spans="8:8">
      <c r="H575840" s="12"/>
    </row>
    <row r="575841" spans="8:8">
      <c r="H575841" s="12"/>
    </row>
    <row r="575842" spans="8:8">
      <c r="H575842" s="12"/>
    </row>
    <row r="575843" spans="8:8">
      <c r="H575843" s="12"/>
    </row>
    <row r="575844" spans="8:8">
      <c r="H575844" s="12"/>
    </row>
    <row r="575845" spans="8:8">
      <c r="H575845" s="12"/>
    </row>
    <row r="575846" spans="8:8">
      <c r="H575846" s="12"/>
    </row>
    <row r="575847" spans="8:8">
      <c r="H575847" s="12"/>
    </row>
    <row r="575848" spans="8:8">
      <c r="H575848" s="12"/>
    </row>
    <row r="575849" spans="8:8">
      <c r="H575849" s="12"/>
    </row>
    <row r="575850" spans="8:8">
      <c r="H575850" s="12"/>
    </row>
    <row r="575851" spans="8:8">
      <c r="H575851" s="12"/>
    </row>
    <row r="575852" spans="8:8">
      <c r="H575852" s="12"/>
    </row>
    <row r="575853" spans="8:8">
      <c r="H575853" s="12"/>
    </row>
    <row r="575854" spans="8:8">
      <c r="H575854" s="12"/>
    </row>
    <row r="575855" spans="8:8">
      <c r="H575855" s="12"/>
    </row>
    <row r="575856" spans="8:8">
      <c r="H575856" s="12"/>
    </row>
    <row r="575857" spans="8:8">
      <c r="H575857" s="12"/>
    </row>
    <row r="575858" spans="8:8">
      <c r="H575858" s="12"/>
    </row>
    <row r="575859" spans="8:8">
      <c r="H575859" s="12"/>
    </row>
    <row r="575860" spans="8:8">
      <c r="H575860" s="12"/>
    </row>
    <row r="575861" spans="8:8">
      <c r="H575861" s="12"/>
    </row>
    <row r="575862" spans="8:8">
      <c r="H575862" s="12"/>
    </row>
    <row r="575863" spans="8:8">
      <c r="H575863" s="12"/>
    </row>
    <row r="575864" spans="8:8">
      <c r="H575864" s="12"/>
    </row>
    <row r="575865" spans="8:8">
      <c r="H575865" s="12"/>
    </row>
    <row r="575866" spans="8:8">
      <c r="H575866" s="12"/>
    </row>
    <row r="575867" spans="8:8">
      <c r="H575867" s="12"/>
    </row>
    <row r="575868" spans="8:8">
      <c r="H575868" s="12"/>
    </row>
    <row r="575869" spans="8:8">
      <c r="H575869" s="12"/>
    </row>
    <row r="575870" spans="8:8">
      <c r="H575870" s="12"/>
    </row>
    <row r="575871" spans="8:8">
      <c r="H575871" s="12"/>
    </row>
    <row r="575872" spans="8:8">
      <c r="H575872" s="12"/>
    </row>
    <row r="575873" spans="8:8">
      <c r="H575873" s="12"/>
    </row>
    <row r="575874" spans="8:8">
      <c r="H575874" s="12"/>
    </row>
    <row r="575875" spans="8:8">
      <c r="H575875" s="12"/>
    </row>
    <row r="575876" spans="8:8">
      <c r="H575876" s="12"/>
    </row>
    <row r="575877" spans="8:8">
      <c r="H575877" s="12"/>
    </row>
    <row r="575878" spans="8:8">
      <c r="H575878" s="12"/>
    </row>
    <row r="575879" spans="8:8">
      <c r="H575879" s="12"/>
    </row>
    <row r="575880" spans="8:8">
      <c r="H575880" s="12"/>
    </row>
    <row r="575881" spans="8:8">
      <c r="H575881" s="12"/>
    </row>
    <row r="575882" spans="8:8">
      <c r="H575882" s="12"/>
    </row>
    <row r="575883" spans="8:8">
      <c r="H575883" s="12"/>
    </row>
    <row r="575884" spans="8:8">
      <c r="H575884" s="12"/>
    </row>
    <row r="575885" spans="8:8">
      <c r="H575885" s="12"/>
    </row>
    <row r="575886" spans="8:8">
      <c r="H575886" s="12"/>
    </row>
    <row r="575887" spans="8:8">
      <c r="H575887" s="12"/>
    </row>
    <row r="575888" spans="8:8">
      <c r="H575888" s="12"/>
    </row>
    <row r="575889" spans="8:8">
      <c r="H575889" s="12"/>
    </row>
    <row r="575890" spans="8:8">
      <c r="H575890" s="12"/>
    </row>
    <row r="575891" spans="8:8">
      <c r="H575891" s="12"/>
    </row>
    <row r="575892" spans="8:8">
      <c r="H575892" s="12"/>
    </row>
    <row r="575893" spans="8:8">
      <c r="H575893" s="12"/>
    </row>
    <row r="575894" spans="8:8">
      <c r="H575894" s="12"/>
    </row>
    <row r="575895" spans="8:8">
      <c r="H575895" s="12"/>
    </row>
    <row r="575896" spans="8:8">
      <c r="H575896" s="12"/>
    </row>
    <row r="575897" spans="8:8">
      <c r="H575897" s="12"/>
    </row>
    <row r="575898" spans="8:8">
      <c r="H575898" s="12"/>
    </row>
    <row r="575899" spans="8:8">
      <c r="H575899" s="12"/>
    </row>
    <row r="575900" spans="8:8">
      <c r="H575900" s="12"/>
    </row>
    <row r="575901" spans="8:8">
      <c r="H575901" s="12"/>
    </row>
    <row r="575902" spans="8:8">
      <c r="H575902" s="12"/>
    </row>
    <row r="575903" spans="8:8">
      <c r="H575903" s="12"/>
    </row>
    <row r="575904" spans="8:8">
      <c r="H575904" s="12"/>
    </row>
    <row r="575905" spans="8:8">
      <c r="H575905" s="12"/>
    </row>
    <row r="575906" spans="8:8">
      <c r="H575906" s="12"/>
    </row>
    <row r="575907" spans="8:8">
      <c r="H575907" s="12"/>
    </row>
    <row r="575908" spans="8:8">
      <c r="H575908" s="12"/>
    </row>
    <row r="575909" spans="8:8">
      <c r="H575909" s="12"/>
    </row>
    <row r="575910" spans="8:8">
      <c r="H575910" s="12"/>
    </row>
    <row r="575911" spans="8:8">
      <c r="H575911" s="12"/>
    </row>
    <row r="575912" spans="8:8">
      <c r="H575912" s="12"/>
    </row>
    <row r="575913" spans="8:8">
      <c r="H575913" s="12"/>
    </row>
    <row r="575914" spans="8:8">
      <c r="H575914" s="12"/>
    </row>
    <row r="575915" spans="8:8">
      <c r="H575915" s="12"/>
    </row>
    <row r="575916" spans="8:8">
      <c r="H575916" s="12"/>
    </row>
    <row r="575917" spans="8:8">
      <c r="H575917" s="12"/>
    </row>
    <row r="575918" spans="8:8">
      <c r="H575918" s="12"/>
    </row>
    <row r="575919" spans="8:8">
      <c r="H575919" s="12"/>
    </row>
    <row r="575920" spans="8:8">
      <c r="H575920" s="12"/>
    </row>
    <row r="575921" spans="8:8">
      <c r="H575921" s="12"/>
    </row>
    <row r="575922" spans="8:8">
      <c r="H575922" s="12"/>
    </row>
    <row r="575923" spans="8:8">
      <c r="H575923" s="12"/>
    </row>
    <row r="575924" spans="8:8">
      <c r="H575924" s="12"/>
    </row>
    <row r="575925" spans="8:8">
      <c r="H575925" s="12"/>
    </row>
    <row r="575926" spans="8:8">
      <c r="H575926" s="12"/>
    </row>
    <row r="575927" spans="8:8">
      <c r="H575927" s="12"/>
    </row>
    <row r="575928" spans="8:8">
      <c r="H575928" s="12"/>
    </row>
    <row r="575929" spans="8:8">
      <c r="H575929" s="12"/>
    </row>
    <row r="575930" spans="8:8">
      <c r="H575930" s="12"/>
    </row>
    <row r="575931" spans="8:8">
      <c r="H575931" s="12"/>
    </row>
    <row r="575932" spans="8:8">
      <c r="H575932" s="12"/>
    </row>
    <row r="575933" spans="8:8">
      <c r="H575933" s="12"/>
    </row>
    <row r="575934" spans="8:8">
      <c r="H575934" s="12"/>
    </row>
    <row r="575935" spans="8:8">
      <c r="H575935" s="12"/>
    </row>
    <row r="575936" spans="8:8">
      <c r="H575936" s="12"/>
    </row>
    <row r="575937" spans="8:8">
      <c r="H575937" s="12"/>
    </row>
    <row r="575938" spans="8:8">
      <c r="H575938" s="12"/>
    </row>
    <row r="575939" spans="8:8">
      <c r="H575939" s="12"/>
    </row>
    <row r="575940" spans="8:8">
      <c r="H575940" s="12"/>
    </row>
    <row r="575941" spans="8:8">
      <c r="H575941" s="12"/>
    </row>
    <row r="575942" spans="8:8">
      <c r="H575942" s="12"/>
    </row>
    <row r="575943" spans="8:8">
      <c r="H575943" s="12"/>
    </row>
    <row r="575944" spans="8:8">
      <c r="H575944" s="12"/>
    </row>
    <row r="575945" spans="8:8">
      <c r="H575945" s="12"/>
    </row>
    <row r="575946" spans="8:8">
      <c r="H575946" s="12"/>
    </row>
    <row r="575947" spans="8:8">
      <c r="H575947" s="12"/>
    </row>
    <row r="575948" spans="8:8">
      <c r="H575948" s="12"/>
    </row>
    <row r="575949" spans="8:8">
      <c r="H575949" s="12"/>
    </row>
    <row r="575950" spans="8:8">
      <c r="H575950" s="12"/>
    </row>
    <row r="575951" spans="8:8">
      <c r="H575951" s="12"/>
    </row>
    <row r="575952" spans="8:8">
      <c r="H575952" s="12"/>
    </row>
    <row r="575953" spans="8:8">
      <c r="H575953" s="12"/>
    </row>
    <row r="575954" spans="8:8">
      <c r="H575954" s="12"/>
    </row>
    <row r="575955" spans="8:8">
      <c r="H575955" s="12"/>
    </row>
    <row r="575956" spans="8:8">
      <c r="H575956" s="12"/>
    </row>
    <row r="575957" spans="8:8">
      <c r="H575957" s="12"/>
    </row>
    <row r="575958" spans="8:8">
      <c r="H575958" s="12"/>
    </row>
    <row r="575959" spans="8:8">
      <c r="H575959" s="12"/>
    </row>
    <row r="575960" spans="8:8">
      <c r="H575960" s="12"/>
    </row>
    <row r="575961" spans="8:8">
      <c r="H575961" s="12"/>
    </row>
    <row r="575962" spans="8:8">
      <c r="H575962" s="12"/>
    </row>
    <row r="575963" spans="8:8">
      <c r="H575963" s="12"/>
    </row>
    <row r="575964" spans="8:8">
      <c r="H575964" s="12"/>
    </row>
    <row r="575965" spans="8:8">
      <c r="H575965" s="12"/>
    </row>
    <row r="575966" spans="8:8">
      <c r="H575966" s="12"/>
    </row>
    <row r="575967" spans="8:8">
      <c r="H575967" s="12"/>
    </row>
    <row r="575968" spans="8:8">
      <c r="H575968" s="12"/>
    </row>
    <row r="575969" spans="8:8">
      <c r="H575969" s="12"/>
    </row>
    <row r="575970" spans="8:8">
      <c r="H575970" s="12"/>
    </row>
    <row r="575971" spans="8:8">
      <c r="H575971" s="12"/>
    </row>
    <row r="575972" spans="8:8">
      <c r="H575972" s="12"/>
    </row>
    <row r="575973" spans="8:8">
      <c r="H575973" s="12"/>
    </row>
    <row r="575974" spans="8:8">
      <c r="H575974" s="12"/>
    </row>
    <row r="575975" spans="8:8">
      <c r="H575975" s="12"/>
    </row>
    <row r="575976" spans="8:8">
      <c r="H575976" s="12"/>
    </row>
    <row r="575977" spans="8:8">
      <c r="H575977" s="12"/>
    </row>
    <row r="575978" spans="8:8">
      <c r="H575978" s="12"/>
    </row>
    <row r="575979" spans="8:8">
      <c r="H575979" s="12"/>
    </row>
    <row r="575980" spans="8:8">
      <c r="H575980" s="12"/>
    </row>
    <row r="575981" spans="8:8">
      <c r="H575981" s="12"/>
    </row>
    <row r="575982" spans="8:8">
      <c r="H575982" s="12"/>
    </row>
    <row r="575983" spans="8:8">
      <c r="H575983" s="12"/>
    </row>
    <row r="575984" spans="8:8">
      <c r="H575984" s="12"/>
    </row>
    <row r="575985" spans="8:8">
      <c r="H575985" s="12"/>
    </row>
    <row r="575986" spans="8:8">
      <c r="H575986" s="12"/>
    </row>
    <row r="575987" spans="8:8">
      <c r="H575987" s="12"/>
    </row>
    <row r="575988" spans="8:8">
      <c r="H575988" s="12"/>
    </row>
    <row r="575989" spans="8:8">
      <c r="H575989" s="12"/>
    </row>
    <row r="575990" spans="8:8">
      <c r="H575990" s="12"/>
    </row>
    <row r="575991" spans="8:8">
      <c r="H575991" s="12"/>
    </row>
    <row r="575992" spans="8:8">
      <c r="H575992" s="12"/>
    </row>
    <row r="575993" spans="8:8">
      <c r="H575993" s="12"/>
    </row>
    <row r="575994" spans="8:8">
      <c r="H575994" s="12"/>
    </row>
    <row r="575995" spans="8:8">
      <c r="H575995" s="12"/>
    </row>
    <row r="575996" spans="8:8">
      <c r="H575996" s="12"/>
    </row>
    <row r="575997" spans="8:8">
      <c r="H575997" s="12"/>
    </row>
    <row r="575998" spans="8:8">
      <c r="H575998" s="12"/>
    </row>
    <row r="575999" spans="8:8">
      <c r="H575999" s="12"/>
    </row>
    <row r="576000" spans="8:8">
      <c r="H576000" s="12"/>
    </row>
    <row r="576001" spans="8:8">
      <c r="H576001" s="12"/>
    </row>
    <row r="576002" spans="8:8">
      <c r="H576002" s="12"/>
    </row>
    <row r="576003" spans="8:8">
      <c r="H576003" s="12"/>
    </row>
    <row r="576004" spans="8:8">
      <c r="H576004" s="12"/>
    </row>
    <row r="576005" spans="8:8">
      <c r="H576005" s="12"/>
    </row>
    <row r="576006" spans="8:8">
      <c r="H576006" s="12"/>
    </row>
    <row r="576007" spans="8:8">
      <c r="H576007" s="12"/>
    </row>
    <row r="576008" spans="8:8">
      <c r="H576008" s="12"/>
    </row>
    <row r="576009" spans="8:8">
      <c r="H576009" s="12"/>
    </row>
    <row r="576010" spans="8:8">
      <c r="H576010" s="12"/>
    </row>
    <row r="576011" spans="8:8">
      <c r="H576011" s="12"/>
    </row>
    <row r="576012" spans="8:8">
      <c r="H576012" s="12"/>
    </row>
    <row r="576013" spans="8:8">
      <c r="H576013" s="12"/>
    </row>
    <row r="576014" spans="8:8">
      <c r="H576014" s="12"/>
    </row>
    <row r="576015" spans="8:8">
      <c r="H576015" s="12"/>
    </row>
    <row r="576016" spans="8:8">
      <c r="H576016" s="12"/>
    </row>
    <row r="576017" spans="8:8">
      <c r="H576017" s="12"/>
    </row>
    <row r="576018" spans="8:8">
      <c r="H576018" s="12"/>
    </row>
    <row r="576019" spans="8:8">
      <c r="H576019" s="12"/>
    </row>
    <row r="576020" spans="8:8">
      <c r="H576020" s="12"/>
    </row>
    <row r="576021" spans="8:8">
      <c r="H576021" s="12"/>
    </row>
    <row r="576022" spans="8:8">
      <c r="H576022" s="12"/>
    </row>
    <row r="576023" spans="8:8">
      <c r="H576023" s="12"/>
    </row>
    <row r="576024" spans="8:8">
      <c r="H576024" s="12"/>
    </row>
    <row r="576025" spans="8:8">
      <c r="H576025" s="12"/>
    </row>
    <row r="576026" spans="8:8">
      <c r="H576026" s="12"/>
    </row>
    <row r="576027" spans="8:8">
      <c r="H576027" s="12"/>
    </row>
    <row r="576028" spans="8:8">
      <c r="H576028" s="12"/>
    </row>
    <row r="576029" spans="8:8">
      <c r="H576029" s="12"/>
    </row>
    <row r="576030" spans="8:8">
      <c r="H576030" s="12"/>
    </row>
    <row r="576031" spans="8:8">
      <c r="H576031" s="12"/>
    </row>
    <row r="576032" spans="8:8">
      <c r="H576032" s="12"/>
    </row>
    <row r="576033" spans="8:8">
      <c r="H576033" s="12"/>
    </row>
    <row r="576034" spans="8:8">
      <c r="H576034" s="12"/>
    </row>
    <row r="576035" spans="8:8">
      <c r="H576035" s="12"/>
    </row>
    <row r="576036" spans="8:8">
      <c r="H576036" s="12"/>
    </row>
    <row r="576037" spans="8:8">
      <c r="H576037" s="12"/>
    </row>
    <row r="576038" spans="8:8">
      <c r="H576038" s="12"/>
    </row>
    <row r="576039" spans="8:8">
      <c r="H576039" s="12"/>
    </row>
    <row r="576040" spans="8:8">
      <c r="H576040" s="12"/>
    </row>
    <row r="576041" spans="8:8">
      <c r="H576041" s="12"/>
    </row>
    <row r="576042" spans="8:8">
      <c r="H576042" s="12"/>
    </row>
    <row r="576043" spans="8:8">
      <c r="H576043" s="12"/>
    </row>
    <row r="576044" spans="8:8">
      <c r="H576044" s="12"/>
    </row>
    <row r="576045" spans="8:8">
      <c r="H576045" s="12"/>
    </row>
    <row r="576046" spans="8:8">
      <c r="H576046" s="12"/>
    </row>
    <row r="576047" spans="8:8">
      <c r="H576047" s="12"/>
    </row>
    <row r="576048" spans="8:8">
      <c r="H576048" s="12"/>
    </row>
    <row r="576049" spans="8:8">
      <c r="H576049" s="12"/>
    </row>
    <row r="576050" spans="8:8">
      <c r="H576050" s="12"/>
    </row>
    <row r="576051" spans="8:8">
      <c r="H576051" s="12"/>
    </row>
    <row r="576052" spans="8:8">
      <c r="H576052" s="12"/>
    </row>
    <row r="576053" spans="8:8">
      <c r="H576053" s="12"/>
    </row>
    <row r="576054" spans="8:8">
      <c r="H576054" s="12"/>
    </row>
    <row r="576055" spans="8:8">
      <c r="H576055" s="12"/>
    </row>
    <row r="576056" spans="8:8">
      <c r="H576056" s="12"/>
    </row>
    <row r="576057" spans="8:8">
      <c r="H576057" s="12"/>
    </row>
    <row r="576058" spans="8:8">
      <c r="H576058" s="12"/>
    </row>
    <row r="576059" spans="8:8">
      <c r="H576059" s="12"/>
    </row>
    <row r="576060" spans="8:8">
      <c r="H576060" s="12"/>
    </row>
    <row r="576061" spans="8:8">
      <c r="H576061" s="12"/>
    </row>
    <row r="576062" spans="8:8">
      <c r="H576062" s="12"/>
    </row>
    <row r="576063" spans="8:8">
      <c r="H576063" s="12"/>
    </row>
    <row r="576064" spans="8:8">
      <c r="H576064" s="12"/>
    </row>
    <row r="576065" spans="8:8">
      <c r="H576065" s="12"/>
    </row>
    <row r="576066" spans="8:8">
      <c r="H576066" s="12"/>
    </row>
    <row r="576067" spans="8:8">
      <c r="H576067" s="12"/>
    </row>
    <row r="576068" spans="8:8">
      <c r="H576068" s="12"/>
    </row>
    <row r="576069" spans="8:8">
      <c r="H576069" s="12"/>
    </row>
    <row r="576070" spans="8:8">
      <c r="H576070" s="12"/>
    </row>
    <row r="576071" spans="8:8">
      <c r="H576071" s="12"/>
    </row>
    <row r="576072" spans="8:8">
      <c r="H576072" s="12"/>
    </row>
    <row r="576073" spans="8:8">
      <c r="H576073" s="12"/>
    </row>
    <row r="576074" spans="8:8">
      <c r="H576074" s="12"/>
    </row>
    <row r="576075" spans="8:8">
      <c r="H576075" s="12"/>
    </row>
    <row r="576076" spans="8:8">
      <c r="H576076" s="12"/>
    </row>
    <row r="576077" spans="8:8">
      <c r="H576077" s="12"/>
    </row>
    <row r="576078" spans="8:8">
      <c r="H576078" s="12"/>
    </row>
    <row r="576079" spans="8:8">
      <c r="H576079" s="12"/>
    </row>
    <row r="576080" spans="8:8">
      <c r="H576080" s="12"/>
    </row>
    <row r="576081" spans="8:8">
      <c r="H576081" s="12"/>
    </row>
    <row r="576082" spans="8:8">
      <c r="H576082" s="12"/>
    </row>
    <row r="576083" spans="8:8">
      <c r="H576083" s="12"/>
    </row>
    <row r="576084" spans="8:8">
      <c r="H576084" s="12"/>
    </row>
    <row r="576085" spans="8:8">
      <c r="H576085" s="12"/>
    </row>
    <row r="576086" spans="8:8">
      <c r="H576086" s="12"/>
    </row>
    <row r="576087" spans="8:8">
      <c r="H576087" s="12"/>
    </row>
    <row r="576088" spans="8:8">
      <c r="H576088" s="12"/>
    </row>
    <row r="576089" spans="8:8">
      <c r="H576089" s="12"/>
    </row>
    <row r="576090" spans="8:8">
      <c r="H576090" s="12"/>
    </row>
    <row r="576091" spans="8:8">
      <c r="H576091" s="12"/>
    </row>
    <row r="576092" spans="8:8">
      <c r="H576092" s="12"/>
    </row>
    <row r="576093" spans="8:8">
      <c r="H576093" s="12"/>
    </row>
    <row r="576094" spans="8:8">
      <c r="H576094" s="12"/>
    </row>
    <row r="576095" spans="8:8">
      <c r="H576095" s="12"/>
    </row>
    <row r="576096" spans="8:8">
      <c r="H576096" s="12"/>
    </row>
    <row r="576097" spans="8:8">
      <c r="H576097" s="12"/>
    </row>
    <row r="576098" spans="8:8">
      <c r="H576098" s="12"/>
    </row>
    <row r="576099" spans="8:8">
      <c r="H576099" s="12"/>
    </row>
    <row r="576100" spans="8:8">
      <c r="H576100" s="12"/>
    </row>
    <row r="576101" spans="8:8">
      <c r="H576101" s="12"/>
    </row>
    <row r="576102" spans="8:8">
      <c r="H576102" s="12"/>
    </row>
    <row r="576103" spans="8:8">
      <c r="H576103" s="12"/>
    </row>
    <row r="576104" spans="8:8">
      <c r="H576104" s="12"/>
    </row>
    <row r="576105" spans="8:8">
      <c r="H576105" s="12"/>
    </row>
    <row r="576106" spans="8:8">
      <c r="H576106" s="12"/>
    </row>
    <row r="576107" spans="8:8">
      <c r="H576107" s="12"/>
    </row>
    <row r="576108" spans="8:8">
      <c r="H576108" s="12"/>
    </row>
    <row r="576109" spans="8:8">
      <c r="H576109" s="12"/>
    </row>
    <row r="576110" spans="8:8">
      <c r="H576110" s="12"/>
    </row>
    <row r="576111" spans="8:8">
      <c r="H576111" s="12"/>
    </row>
    <row r="576112" spans="8:8">
      <c r="H576112" s="12"/>
    </row>
    <row r="576113" spans="8:8">
      <c r="H576113" s="12"/>
    </row>
    <row r="576114" spans="8:8">
      <c r="H576114" s="12"/>
    </row>
    <row r="576115" spans="8:8">
      <c r="H576115" s="12"/>
    </row>
    <row r="576116" spans="8:8">
      <c r="H576116" s="12"/>
    </row>
    <row r="576117" spans="8:8">
      <c r="H576117" s="12"/>
    </row>
    <row r="576118" spans="8:8">
      <c r="H576118" s="12"/>
    </row>
    <row r="576119" spans="8:8">
      <c r="H576119" s="12"/>
    </row>
    <row r="576120" spans="8:8">
      <c r="H576120" s="12"/>
    </row>
    <row r="576121" spans="8:8">
      <c r="H576121" s="12"/>
    </row>
    <row r="576122" spans="8:8">
      <c r="H576122" s="12"/>
    </row>
    <row r="576123" spans="8:8">
      <c r="H576123" s="12"/>
    </row>
    <row r="576124" spans="8:8">
      <c r="H576124" s="12"/>
    </row>
    <row r="576125" spans="8:8">
      <c r="H576125" s="12"/>
    </row>
    <row r="576126" spans="8:8">
      <c r="H576126" s="12"/>
    </row>
    <row r="576127" spans="8:8">
      <c r="H576127" s="12"/>
    </row>
    <row r="576128" spans="8:8">
      <c r="H576128" s="12"/>
    </row>
    <row r="576129" spans="8:8">
      <c r="H576129" s="12"/>
    </row>
    <row r="576130" spans="8:8">
      <c r="H576130" s="12"/>
    </row>
    <row r="576131" spans="8:8">
      <c r="H576131" s="12"/>
    </row>
    <row r="576132" spans="8:8">
      <c r="H576132" s="12"/>
    </row>
    <row r="576133" spans="8:8">
      <c r="H576133" s="12"/>
    </row>
    <row r="576134" spans="8:8">
      <c r="H576134" s="12"/>
    </row>
    <row r="576135" spans="8:8">
      <c r="H576135" s="12"/>
    </row>
    <row r="576136" spans="8:8">
      <c r="H576136" s="12"/>
    </row>
    <row r="576137" spans="8:8">
      <c r="H576137" s="12"/>
    </row>
    <row r="576138" spans="8:8">
      <c r="H576138" s="12"/>
    </row>
    <row r="576139" spans="8:8">
      <c r="H576139" s="12"/>
    </row>
    <row r="576140" spans="8:8">
      <c r="H576140" s="12"/>
    </row>
    <row r="576141" spans="8:8">
      <c r="H576141" s="12"/>
    </row>
    <row r="576142" spans="8:8">
      <c r="H576142" s="12"/>
    </row>
    <row r="576143" spans="8:8">
      <c r="H576143" s="12"/>
    </row>
    <row r="576144" spans="8:8">
      <c r="H576144" s="12"/>
    </row>
    <row r="576145" spans="8:8">
      <c r="H576145" s="12"/>
    </row>
    <row r="576146" spans="8:8">
      <c r="H576146" s="12"/>
    </row>
    <row r="576147" spans="8:8">
      <c r="H576147" s="12"/>
    </row>
    <row r="576148" spans="8:8">
      <c r="H576148" s="12"/>
    </row>
    <row r="576149" spans="8:8">
      <c r="H576149" s="12"/>
    </row>
    <row r="576150" spans="8:8">
      <c r="H576150" s="12"/>
    </row>
    <row r="576151" spans="8:8">
      <c r="H576151" s="12"/>
    </row>
    <row r="576152" spans="8:8">
      <c r="H576152" s="12"/>
    </row>
    <row r="576153" spans="8:8">
      <c r="H576153" s="12"/>
    </row>
    <row r="576154" spans="8:8">
      <c r="H576154" s="12"/>
    </row>
    <row r="576155" spans="8:8">
      <c r="H576155" s="12"/>
    </row>
    <row r="576156" spans="8:8">
      <c r="H576156" s="12"/>
    </row>
    <row r="576157" spans="8:8">
      <c r="H576157" s="12"/>
    </row>
    <row r="576158" spans="8:8">
      <c r="H576158" s="12"/>
    </row>
    <row r="576159" spans="8:8">
      <c r="H576159" s="12"/>
    </row>
    <row r="576160" spans="8:8">
      <c r="H576160" s="12"/>
    </row>
    <row r="576161" spans="8:8">
      <c r="H576161" s="12"/>
    </row>
    <row r="576162" spans="8:8">
      <c r="H576162" s="12"/>
    </row>
    <row r="576163" spans="8:8">
      <c r="H576163" s="12"/>
    </row>
    <row r="576164" spans="8:8">
      <c r="H576164" s="12"/>
    </row>
    <row r="576165" spans="8:8">
      <c r="H576165" s="12"/>
    </row>
    <row r="576166" spans="8:8">
      <c r="H576166" s="12"/>
    </row>
    <row r="576167" spans="8:8">
      <c r="H576167" s="12"/>
    </row>
    <row r="576168" spans="8:8">
      <c r="H576168" s="12"/>
    </row>
    <row r="576169" spans="8:8">
      <c r="H576169" s="12"/>
    </row>
    <row r="576170" spans="8:8">
      <c r="H576170" s="12"/>
    </row>
    <row r="576171" spans="8:8">
      <c r="H576171" s="12"/>
    </row>
    <row r="576172" spans="8:8">
      <c r="H576172" s="12"/>
    </row>
    <row r="576173" spans="8:8">
      <c r="H576173" s="12"/>
    </row>
    <row r="576174" spans="8:8">
      <c r="H576174" s="12"/>
    </row>
    <row r="576175" spans="8:8">
      <c r="H576175" s="12"/>
    </row>
    <row r="576176" spans="8:8">
      <c r="H576176" s="12"/>
    </row>
    <row r="576177" spans="8:8">
      <c r="H576177" s="12"/>
    </row>
    <row r="576178" spans="8:8">
      <c r="H576178" s="12"/>
    </row>
    <row r="576179" spans="8:8">
      <c r="H576179" s="12"/>
    </row>
    <row r="576180" spans="8:8">
      <c r="H576180" s="12"/>
    </row>
    <row r="576181" spans="8:8">
      <c r="H576181" s="12"/>
    </row>
    <row r="576182" spans="8:8">
      <c r="H576182" s="12"/>
    </row>
    <row r="576183" spans="8:8">
      <c r="H576183" s="12"/>
    </row>
    <row r="576184" spans="8:8">
      <c r="H576184" s="12"/>
    </row>
    <row r="576185" spans="8:8">
      <c r="H576185" s="12"/>
    </row>
    <row r="576186" spans="8:8">
      <c r="H576186" s="12"/>
    </row>
    <row r="576187" spans="8:8">
      <c r="H576187" s="12"/>
    </row>
    <row r="576188" spans="8:8">
      <c r="H576188" s="12"/>
    </row>
    <row r="576189" spans="8:8">
      <c r="H576189" s="12"/>
    </row>
    <row r="576190" spans="8:8">
      <c r="H576190" s="12"/>
    </row>
    <row r="576191" spans="8:8">
      <c r="H576191" s="12"/>
    </row>
    <row r="576192" spans="8:8">
      <c r="H576192" s="12"/>
    </row>
    <row r="576193" spans="8:8">
      <c r="H576193" s="12"/>
    </row>
    <row r="576194" spans="8:8">
      <c r="H576194" s="12"/>
    </row>
    <row r="576195" spans="8:8">
      <c r="H576195" s="12"/>
    </row>
    <row r="576196" spans="8:8">
      <c r="H576196" s="12"/>
    </row>
    <row r="576197" spans="8:8">
      <c r="H576197" s="12"/>
    </row>
    <row r="576198" spans="8:8">
      <c r="H576198" s="12"/>
    </row>
    <row r="576199" spans="8:8">
      <c r="H576199" s="12"/>
    </row>
    <row r="576200" spans="8:8">
      <c r="H576200" s="12"/>
    </row>
    <row r="576201" spans="8:8">
      <c r="H576201" s="12"/>
    </row>
    <row r="576202" spans="8:8">
      <c r="H576202" s="12"/>
    </row>
    <row r="576203" spans="8:8">
      <c r="H576203" s="12"/>
    </row>
    <row r="576204" spans="8:8">
      <c r="H576204" s="12"/>
    </row>
    <row r="576205" spans="8:8">
      <c r="H576205" s="12"/>
    </row>
    <row r="576206" spans="8:8">
      <c r="H576206" s="12"/>
    </row>
    <row r="576207" spans="8:8">
      <c r="H576207" s="12"/>
    </row>
    <row r="576208" spans="8:8">
      <c r="H576208" s="12"/>
    </row>
    <row r="576209" spans="8:8">
      <c r="H576209" s="12"/>
    </row>
    <row r="576210" spans="8:8">
      <c r="H576210" s="12"/>
    </row>
    <row r="576211" spans="8:8">
      <c r="H576211" s="12"/>
    </row>
    <row r="576212" spans="8:8">
      <c r="H576212" s="12"/>
    </row>
    <row r="576213" spans="8:8">
      <c r="H576213" s="12"/>
    </row>
    <row r="576214" spans="8:8">
      <c r="H576214" s="12"/>
    </row>
    <row r="576215" spans="8:8">
      <c r="H576215" s="12"/>
    </row>
    <row r="576216" spans="8:8">
      <c r="H576216" s="12"/>
    </row>
    <row r="576217" spans="8:8">
      <c r="H576217" s="12"/>
    </row>
    <row r="576218" spans="8:8">
      <c r="H576218" s="12"/>
    </row>
    <row r="576219" spans="8:8">
      <c r="H576219" s="12"/>
    </row>
    <row r="576220" spans="8:8">
      <c r="H576220" s="12"/>
    </row>
    <row r="576221" spans="8:8">
      <c r="H576221" s="12"/>
    </row>
    <row r="576222" spans="8:8">
      <c r="H576222" s="12"/>
    </row>
    <row r="576223" spans="8:8">
      <c r="H576223" s="12"/>
    </row>
    <row r="576224" spans="8:8">
      <c r="H576224" s="12"/>
    </row>
    <row r="576225" spans="8:8">
      <c r="H576225" s="12"/>
    </row>
    <row r="576226" spans="8:8">
      <c r="H576226" s="12"/>
    </row>
    <row r="576227" spans="8:8">
      <c r="H576227" s="12"/>
    </row>
    <row r="576228" spans="8:8">
      <c r="H576228" s="12"/>
    </row>
    <row r="576229" spans="8:8">
      <c r="H576229" s="12"/>
    </row>
    <row r="576230" spans="8:8">
      <c r="H576230" s="12"/>
    </row>
    <row r="576231" spans="8:8">
      <c r="H576231" s="12"/>
    </row>
    <row r="576232" spans="8:8">
      <c r="H576232" s="12"/>
    </row>
    <row r="576233" spans="8:8">
      <c r="H576233" s="12"/>
    </row>
    <row r="576234" spans="8:8">
      <c r="H576234" s="12"/>
    </row>
    <row r="576235" spans="8:8">
      <c r="H576235" s="12"/>
    </row>
    <row r="576236" spans="8:8">
      <c r="H576236" s="12"/>
    </row>
    <row r="576237" spans="8:8">
      <c r="H576237" s="12"/>
    </row>
    <row r="576238" spans="8:8">
      <c r="H576238" s="12"/>
    </row>
    <row r="576239" spans="8:8">
      <c r="H576239" s="12"/>
    </row>
    <row r="576240" spans="8:8">
      <c r="H576240" s="12"/>
    </row>
    <row r="576241" spans="8:8">
      <c r="H576241" s="12"/>
    </row>
    <row r="576242" spans="8:8">
      <c r="H576242" s="12"/>
    </row>
    <row r="576243" spans="8:8">
      <c r="H576243" s="12"/>
    </row>
    <row r="576244" spans="8:8">
      <c r="H576244" s="12"/>
    </row>
    <row r="576245" spans="8:8">
      <c r="H576245" s="12"/>
    </row>
    <row r="576246" spans="8:8">
      <c r="H576246" s="12"/>
    </row>
    <row r="576247" spans="8:8">
      <c r="H576247" s="12"/>
    </row>
    <row r="576248" spans="8:8">
      <c r="H576248" s="12"/>
    </row>
    <row r="576249" spans="8:8">
      <c r="H576249" s="12"/>
    </row>
    <row r="576250" spans="8:8">
      <c r="H576250" s="12"/>
    </row>
    <row r="576251" spans="8:8">
      <c r="H576251" s="12"/>
    </row>
    <row r="576252" spans="8:8">
      <c r="H576252" s="12"/>
    </row>
    <row r="576253" spans="8:8">
      <c r="H576253" s="12"/>
    </row>
    <row r="576254" spans="8:8">
      <c r="H576254" s="12"/>
    </row>
    <row r="576255" spans="8:8">
      <c r="H576255" s="12"/>
    </row>
    <row r="576256" spans="8:8">
      <c r="H576256" s="12"/>
    </row>
    <row r="576257" spans="8:8">
      <c r="H576257" s="12"/>
    </row>
    <row r="576258" spans="8:8">
      <c r="H576258" s="12"/>
    </row>
    <row r="576259" spans="8:8">
      <c r="H576259" s="12"/>
    </row>
    <row r="576260" spans="8:8">
      <c r="H576260" s="12"/>
    </row>
    <row r="576261" spans="8:8">
      <c r="H576261" s="12"/>
    </row>
    <row r="576262" spans="8:8">
      <c r="H576262" s="12"/>
    </row>
    <row r="576263" spans="8:8">
      <c r="H576263" s="12"/>
    </row>
    <row r="576264" spans="8:8">
      <c r="H576264" s="12"/>
    </row>
    <row r="576265" spans="8:8">
      <c r="H576265" s="12"/>
    </row>
    <row r="576266" spans="8:8">
      <c r="H576266" s="12"/>
    </row>
    <row r="576267" spans="8:8">
      <c r="H576267" s="12"/>
    </row>
    <row r="576268" spans="8:8">
      <c r="H576268" s="12"/>
    </row>
    <row r="576269" spans="8:8">
      <c r="H576269" s="12"/>
    </row>
    <row r="576270" spans="8:8">
      <c r="H576270" s="12"/>
    </row>
    <row r="576271" spans="8:8">
      <c r="H576271" s="12"/>
    </row>
    <row r="576272" spans="8:8">
      <c r="H576272" s="12"/>
    </row>
    <row r="576273" spans="8:8">
      <c r="H576273" s="12"/>
    </row>
    <row r="576274" spans="8:8">
      <c r="H576274" s="12"/>
    </row>
    <row r="576275" spans="8:8">
      <c r="H576275" s="12"/>
    </row>
    <row r="576276" spans="8:8">
      <c r="H576276" s="12"/>
    </row>
    <row r="576277" spans="8:8">
      <c r="H576277" s="12"/>
    </row>
    <row r="576278" spans="8:8">
      <c r="H576278" s="12"/>
    </row>
    <row r="576279" spans="8:8">
      <c r="H576279" s="12"/>
    </row>
    <row r="576280" spans="8:8">
      <c r="H576280" s="12"/>
    </row>
    <row r="576281" spans="8:8">
      <c r="H576281" s="12"/>
    </row>
    <row r="576282" spans="8:8">
      <c r="H576282" s="12"/>
    </row>
    <row r="576283" spans="8:8">
      <c r="H576283" s="12"/>
    </row>
    <row r="576284" spans="8:8">
      <c r="H576284" s="12"/>
    </row>
    <row r="576285" spans="8:8">
      <c r="H576285" s="12"/>
    </row>
    <row r="576286" spans="8:8">
      <c r="H576286" s="12"/>
    </row>
    <row r="576287" spans="8:8">
      <c r="H576287" s="12"/>
    </row>
    <row r="576288" spans="8:8">
      <c r="H576288" s="12"/>
    </row>
    <row r="576289" spans="8:8">
      <c r="H576289" s="12"/>
    </row>
    <row r="576290" spans="8:8">
      <c r="H576290" s="12"/>
    </row>
    <row r="576291" spans="8:8">
      <c r="H576291" s="12"/>
    </row>
    <row r="576292" spans="8:8">
      <c r="H576292" s="12"/>
    </row>
    <row r="576293" spans="8:8">
      <c r="H576293" s="12"/>
    </row>
    <row r="576294" spans="8:8">
      <c r="H576294" s="12"/>
    </row>
    <row r="576295" spans="8:8">
      <c r="H576295" s="12"/>
    </row>
    <row r="576296" spans="8:8">
      <c r="H576296" s="12"/>
    </row>
    <row r="576297" spans="8:8">
      <c r="H576297" s="12"/>
    </row>
    <row r="576298" spans="8:8">
      <c r="H576298" s="12"/>
    </row>
    <row r="576299" spans="8:8">
      <c r="H576299" s="12"/>
    </row>
    <row r="576300" spans="8:8">
      <c r="H576300" s="12"/>
    </row>
    <row r="576301" spans="8:8">
      <c r="H576301" s="12"/>
    </row>
    <row r="576302" spans="8:8">
      <c r="H576302" s="12"/>
    </row>
    <row r="576303" spans="8:8">
      <c r="H576303" s="12"/>
    </row>
    <row r="576304" spans="8:8">
      <c r="H576304" s="12"/>
    </row>
    <row r="576305" spans="8:8">
      <c r="H576305" s="12"/>
    </row>
    <row r="576306" spans="8:8">
      <c r="H576306" s="12"/>
    </row>
    <row r="576307" spans="8:8">
      <c r="H576307" s="12"/>
    </row>
    <row r="576308" spans="8:8">
      <c r="H576308" s="12"/>
    </row>
    <row r="576309" spans="8:8">
      <c r="H576309" s="12"/>
    </row>
    <row r="576310" spans="8:8">
      <c r="H576310" s="12"/>
    </row>
    <row r="576311" spans="8:8">
      <c r="H576311" s="12"/>
    </row>
    <row r="576312" spans="8:8">
      <c r="H576312" s="12"/>
    </row>
    <row r="576313" spans="8:8">
      <c r="H576313" s="12"/>
    </row>
    <row r="576314" spans="8:8">
      <c r="H576314" s="12"/>
    </row>
    <row r="576315" spans="8:8">
      <c r="H576315" s="12"/>
    </row>
    <row r="576316" spans="8:8">
      <c r="H576316" s="12"/>
    </row>
    <row r="576317" spans="8:8">
      <c r="H576317" s="12"/>
    </row>
    <row r="576318" spans="8:8">
      <c r="H576318" s="12"/>
    </row>
    <row r="576319" spans="8:8">
      <c r="H576319" s="12"/>
    </row>
    <row r="576320" spans="8:8">
      <c r="H576320" s="12"/>
    </row>
    <row r="576321" spans="8:8">
      <c r="H576321" s="12"/>
    </row>
    <row r="576322" spans="8:8">
      <c r="H576322" s="12"/>
    </row>
    <row r="576323" spans="8:8">
      <c r="H576323" s="12"/>
    </row>
    <row r="576324" spans="8:8">
      <c r="H576324" s="12"/>
    </row>
    <row r="576325" spans="8:8">
      <c r="H576325" s="12"/>
    </row>
    <row r="576326" spans="8:8">
      <c r="H576326" s="12"/>
    </row>
    <row r="576327" spans="8:8">
      <c r="H576327" s="12"/>
    </row>
    <row r="576328" spans="8:8">
      <c r="H576328" s="12"/>
    </row>
    <row r="576329" spans="8:8">
      <c r="H576329" s="12"/>
    </row>
    <row r="576330" spans="8:8">
      <c r="H576330" s="12"/>
    </row>
    <row r="576331" spans="8:8">
      <c r="H576331" s="12"/>
    </row>
    <row r="576332" spans="8:8">
      <c r="H576332" s="12"/>
    </row>
    <row r="576333" spans="8:8">
      <c r="H576333" s="12"/>
    </row>
    <row r="576334" spans="8:8">
      <c r="H576334" s="12"/>
    </row>
    <row r="576335" spans="8:8">
      <c r="H576335" s="12"/>
    </row>
    <row r="576336" spans="8:8">
      <c r="H576336" s="12"/>
    </row>
    <row r="576337" spans="8:8">
      <c r="H576337" s="12"/>
    </row>
    <row r="576338" spans="8:8">
      <c r="H576338" s="12"/>
    </row>
    <row r="576339" spans="8:8">
      <c r="H576339" s="12"/>
    </row>
    <row r="576340" spans="8:8">
      <c r="H576340" s="12"/>
    </row>
    <row r="576341" spans="8:8">
      <c r="H576341" s="12"/>
    </row>
    <row r="576342" spans="8:8">
      <c r="H576342" s="12"/>
    </row>
    <row r="576343" spans="8:8">
      <c r="H576343" s="12"/>
    </row>
    <row r="576344" spans="8:8">
      <c r="H576344" s="12"/>
    </row>
    <row r="576345" spans="8:8">
      <c r="H576345" s="12"/>
    </row>
    <row r="576346" spans="8:8">
      <c r="H576346" s="12"/>
    </row>
    <row r="576347" spans="8:8">
      <c r="H576347" s="12"/>
    </row>
    <row r="576348" spans="8:8">
      <c r="H576348" s="12"/>
    </row>
    <row r="576349" spans="8:8">
      <c r="H576349" s="12"/>
    </row>
    <row r="576350" spans="8:8">
      <c r="H576350" s="12"/>
    </row>
    <row r="576351" spans="8:8">
      <c r="H576351" s="12"/>
    </row>
    <row r="576352" spans="8:8">
      <c r="H576352" s="12"/>
    </row>
    <row r="576353" spans="8:8">
      <c r="H576353" s="12"/>
    </row>
    <row r="576354" spans="8:8">
      <c r="H576354" s="12"/>
    </row>
    <row r="576355" spans="8:8">
      <c r="H576355" s="12"/>
    </row>
    <row r="576356" spans="8:8">
      <c r="H576356" s="12"/>
    </row>
    <row r="576357" spans="8:8">
      <c r="H576357" s="12"/>
    </row>
    <row r="576358" spans="8:8">
      <c r="H576358" s="12"/>
    </row>
    <row r="576359" spans="8:8">
      <c r="H576359" s="12"/>
    </row>
    <row r="576360" spans="8:8">
      <c r="H576360" s="12"/>
    </row>
    <row r="576361" spans="8:8">
      <c r="H576361" s="12"/>
    </row>
    <row r="576362" spans="8:8">
      <c r="H576362" s="12"/>
    </row>
    <row r="576363" spans="8:8">
      <c r="H576363" s="12"/>
    </row>
    <row r="576364" spans="8:8">
      <c r="H576364" s="12"/>
    </row>
    <row r="576365" spans="8:8">
      <c r="H576365" s="12"/>
    </row>
    <row r="576366" spans="8:8">
      <c r="H576366" s="12"/>
    </row>
    <row r="576367" spans="8:8">
      <c r="H576367" s="12"/>
    </row>
    <row r="576368" spans="8:8">
      <c r="H576368" s="12"/>
    </row>
    <row r="576369" spans="8:8">
      <c r="H576369" s="12"/>
    </row>
    <row r="576370" spans="8:8">
      <c r="H576370" s="12"/>
    </row>
    <row r="576371" spans="8:8">
      <c r="H576371" s="12"/>
    </row>
    <row r="576372" spans="8:8">
      <c r="H576372" s="12"/>
    </row>
    <row r="576373" spans="8:8">
      <c r="H576373" s="12"/>
    </row>
    <row r="576374" spans="8:8">
      <c r="H576374" s="12"/>
    </row>
    <row r="576375" spans="8:8">
      <c r="H576375" s="12"/>
    </row>
    <row r="576376" spans="8:8">
      <c r="H576376" s="12"/>
    </row>
    <row r="576377" spans="8:8">
      <c r="H576377" s="12"/>
    </row>
    <row r="576378" spans="8:8">
      <c r="H576378" s="12"/>
    </row>
    <row r="576379" spans="8:8">
      <c r="H576379" s="12"/>
    </row>
    <row r="576380" spans="8:8">
      <c r="H576380" s="12"/>
    </row>
    <row r="576381" spans="8:8">
      <c r="H576381" s="12"/>
    </row>
    <row r="576382" spans="8:8">
      <c r="H576382" s="12"/>
    </row>
    <row r="576383" spans="8:8">
      <c r="H576383" s="12"/>
    </row>
    <row r="576384" spans="8:8">
      <c r="H576384" s="12"/>
    </row>
    <row r="576385" spans="8:8">
      <c r="H576385" s="12"/>
    </row>
    <row r="576386" spans="8:8">
      <c r="H576386" s="12"/>
    </row>
    <row r="576387" spans="8:8">
      <c r="H576387" s="12"/>
    </row>
    <row r="576388" spans="8:8">
      <c r="H576388" s="12"/>
    </row>
    <row r="576389" spans="8:8">
      <c r="H576389" s="12"/>
    </row>
    <row r="576390" spans="8:8">
      <c r="H576390" s="12"/>
    </row>
    <row r="576391" spans="8:8">
      <c r="H576391" s="12"/>
    </row>
    <row r="576392" spans="8:8">
      <c r="H576392" s="12"/>
    </row>
    <row r="576393" spans="8:8">
      <c r="H576393" s="12"/>
    </row>
    <row r="576394" spans="8:8">
      <c r="H576394" s="12"/>
    </row>
    <row r="576395" spans="8:8">
      <c r="H576395" s="12"/>
    </row>
    <row r="576396" spans="8:8">
      <c r="H576396" s="12"/>
    </row>
    <row r="576397" spans="8:8">
      <c r="H576397" s="12"/>
    </row>
    <row r="576398" spans="8:8">
      <c r="H576398" s="12"/>
    </row>
    <row r="576399" spans="8:8">
      <c r="H576399" s="12"/>
    </row>
    <row r="576400" spans="8:8">
      <c r="H576400" s="12"/>
    </row>
    <row r="576401" spans="8:8">
      <c r="H576401" s="12"/>
    </row>
    <row r="576402" spans="8:8">
      <c r="H576402" s="12"/>
    </row>
    <row r="576403" spans="8:8">
      <c r="H576403" s="12"/>
    </row>
    <row r="576404" spans="8:8">
      <c r="H576404" s="12"/>
    </row>
    <row r="576405" spans="8:8">
      <c r="H576405" s="12"/>
    </row>
    <row r="576406" spans="8:8">
      <c r="H576406" s="12"/>
    </row>
    <row r="576407" spans="8:8">
      <c r="H576407" s="12"/>
    </row>
    <row r="576408" spans="8:8">
      <c r="H576408" s="12"/>
    </row>
    <row r="576409" spans="8:8">
      <c r="H576409" s="12"/>
    </row>
    <row r="576410" spans="8:8">
      <c r="H576410" s="12"/>
    </row>
    <row r="576411" spans="8:8">
      <c r="H576411" s="12"/>
    </row>
    <row r="576412" spans="8:8">
      <c r="H576412" s="12"/>
    </row>
    <row r="576413" spans="8:8">
      <c r="H576413" s="12"/>
    </row>
    <row r="576414" spans="8:8">
      <c r="H576414" s="12"/>
    </row>
    <row r="576415" spans="8:8">
      <c r="H576415" s="12"/>
    </row>
    <row r="576416" spans="8:8">
      <c r="H576416" s="12"/>
    </row>
    <row r="576417" spans="8:8">
      <c r="H576417" s="12"/>
    </row>
    <row r="576418" spans="8:8">
      <c r="H576418" s="12"/>
    </row>
    <row r="576419" spans="8:8">
      <c r="H576419" s="12"/>
    </row>
    <row r="576420" spans="8:8">
      <c r="H576420" s="12"/>
    </row>
    <row r="576421" spans="8:8">
      <c r="H576421" s="12"/>
    </row>
    <row r="576422" spans="8:8">
      <c r="H576422" s="12"/>
    </row>
    <row r="576423" spans="8:8">
      <c r="H576423" s="12"/>
    </row>
    <row r="576424" spans="8:8">
      <c r="H576424" s="12"/>
    </row>
    <row r="576425" spans="8:8">
      <c r="H576425" s="12"/>
    </row>
    <row r="576426" spans="8:8">
      <c r="H576426" s="12"/>
    </row>
    <row r="576427" spans="8:8">
      <c r="H576427" s="12"/>
    </row>
    <row r="576428" spans="8:8">
      <c r="H576428" s="12"/>
    </row>
    <row r="576429" spans="8:8">
      <c r="H576429" s="12"/>
    </row>
    <row r="576430" spans="8:8">
      <c r="H576430" s="12"/>
    </row>
    <row r="576431" spans="8:8">
      <c r="H576431" s="12"/>
    </row>
    <row r="576432" spans="8:8">
      <c r="H576432" s="12"/>
    </row>
    <row r="576433" spans="8:8">
      <c r="H576433" s="12"/>
    </row>
    <row r="576434" spans="8:8">
      <c r="H576434" s="12"/>
    </row>
    <row r="576435" spans="8:8">
      <c r="H576435" s="12"/>
    </row>
    <row r="576436" spans="8:8">
      <c r="H576436" s="12"/>
    </row>
    <row r="576437" spans="8:8">
      <c r="H576437" s="12"/>
    </row>
    <row r="576438" spans="8:8">
      <c r="H576438" s="12"/>
    </row>
    <row r="576439" spans="8:8">
      <c r="H576439" s="12"/>
    </row>
    <row r="576440" spans="8:8">
      <c r="H576440" s="12"/>
    </row>
    <row r="576441" spans="8:8">
      <c r="H576441" s="12"/>
    </row>
    <row r="576442" spans="8:8">
      <c r="H576442" s="12"/>
    </row>
    <row r="576443" spans="8:8">
      <c r="H576443" s="12"/>
    </row>
    <row r="576444" spans="8:8">
      <c r="H576444" s="12"/>
    </row>
    <row r="576445" spans="8:8">
      <c r="H576445" s="12"/>
    </row>
    <row r="576446" spans="8:8">
      <c r="H576446" s="12"/>
    </row>
    <row r="576447" spans="8:8">
      <c r="H576447" s="12"/>
    </row>
    <row r="576448" spans="8:8">
      <c r="H576448" s="12"/>
    </row>
    <row r="576449" spans="8:8">
      <c r="H576449" s="12"/>
    </row>
    <row r="576450" spans="8:8">
      <c r="H576450" s="12"/>
    </row>
    <row r="576451" spans="8:8">
      <c r="H576451" s="12"/>
    </row>
    <row r="576452" spans="8:8">
      <c r="H576452" s="12"/>
    </row>
    <row r="576453" spans="8:8">
      <c r="H576453" s="12"/>
    </row>
    <row r="576454" spans="8:8">
      <c r="H576454" s="12"/>
    </row>
    <row r="576455" spans="8:8">
      <c r="H576455" s="12"/>
    </row>
    <row r="576456" spans="8:8">
      <c r="H576456" s="12"/>
    </row>
    <row r="576457" spans="8:8">
      <c r="H576457" s="12"/>
    </row>
    <row r="576458" spans="8:8">
      <c r="H576458" s="12"/>
    </row>
    <row r="576459" spans="8:8">
      <c r="H576459" s="12"/>
    </row>
    <row r="576460" spans="8:8">
      <c r="H576460" s="12"/>
    </row>
    <row r="576461" spans="8:8">
      <c r="H576461" s="12"/>
    </row>
    <row r="576462" spans="8:8">
      <c r="H576462" s="12"/>
    </row>
    <row r="576463" spans="8:8">
      <c r="H576463" s="12"/>
    </row>
    <row r="576464" spans="8:8">
      <c r="H576464" s="12"/>
    </row>
    <row r="576465" spans="8:8">
      <c r="H576465" s="12"/>
    </row>
    <row r="576466" spans="8:8">
      <c r="H576466" s="12"/>
    </row>
    <row r="576467" spans="8:8">
      <c r="H576467" s="12"/>
    </row>
    <row r="576468" spans="8:8">
      <c r="H576468" s="12"/>
    </row>
    <row r="576469" spans="8:8">
      <c r="H576469" s="12"/>
    </row>
    <row r="576470" spans="8:8">
      <c r="H576470" s="12"/>
    </row>
    <row r="576471" spans="8:8">
      <c r="H576471" s="12"/>
    </row>
    <row r="576472" spans="8:8">
      <c r="H576472" s="12"/>
    </row>
    <row r="576473" spans="8:8">
      <c r="H576473" s="12"/>
    </row>
    <row r="576474" spans="8:8">
      <c r="H576474" s="12"/>
    </row>
    <row r="576475" spans="8:8">
      <c r="H576475" s="12"/>
    </row>
    <row r="576476" spans="8:8">
      <c r="H576476" s="12"/>
    </row>
    <row r="576477" spans="8:8">
      <c r="H576477" s="12"/>
    </row>
    <row r="576478" spans="8:8">
      <c r="H576478" s="12"/>
    </row>
    <row r="576479" spans="8:8">
      <c r="H576479" s="12"/>
    </row>
    <row r="576480" spans="8:8">
      <c r="H576480" s="12"/>
    </row>
    <row r="576481" spans="8:8">
      <c r="H576481" s="12"/>
    </row>
    <row r="576482" spans="8:8">
      <c r="H576482" s="12"/>
    </row>
    <row r="576483" spans="8:8">
      <c r="H576483" s="12"/>
    </row>
    <row r="576484" spans="8:8">
      <c r="H576484" s="12"/>
    </row>
    <row r="576485" spans="8:8">
      <c r="H576485" s="12"/>
    </row>
    <row r="576486" spans="8:8">
      <c r="H576486" s="12"/>
    </row>
    <row r="576487" spans="8:8">
      <c r="H576487" s="12"/>
    </row>
    <row r="576488" spans="8:8">
      <c r="H576488" s="12"/>
    </row>
    <row r="576489" spans="8:8">
      <c r="H576489" s="12"/>
    </row>
    <row r="576490" spans="8:8">
      <c r="H576490" s="12"/>
    </row>
    <row r="576491" spans="8:8">
      <c r="H576491" s="12"/>
    </row>
    <row r="576492" spans="8:8">
      <c r="H576492" s="12"/>
    </row>
    <row r="576493" spans="8:8">
      <c r="H576493" s="12"/>
    </row>
    <row r="576494" spans="8:8">
      <c r="H576494" s="12"/>
    </row>
    <row r="576495" spans="8:8">
      <c r="H576495" s="12"/>
    </row>
    <row r="576496" spans="8:8">
      <c r="H576496" s="12"/>
    </row>
    <row r="576497" spans="8:8">
      <c r="H576497" s="12"/>
    </row>
    <row r="576498" spans="8:8">
      <c r="H576498" s="12"/>
    </row>
    <row r="576499" spans="8:8">
      <c r="H576499" s="12"/>
    </row>
    <row r="576500" spans="8:8">
      <c r="H576500" s="12"/>
    </row>
    <row r="576501" spans="8:8">
      <c r="H576501" s="12"/>
    </row>
    <row r="576502" spans="8:8">
      <c r="H576502" s="12"/>
    </row>
    <row r="576503" spans="8:8">
      <c r="H576503" s="12"/>
    </row>
    <row r="576504" spans="8:8">
      <c r="H576504" s="12"/>
    </row>
    <row r="576505" spans="8:8">
      <c r="H576505" s="12"/>
    </row>
    <row r="576506" spans="8:8">
      <c r="H576506" s="12"/>
    </row>
    <row r="576507" spans="8:8">
      <c r="H576507" s="12"/>
    </row>
    <row r="576508" spans="8:8">
      <c r="H576508" s="12"/>
    </row>
    <row r="576509" spans="8:8">
      <c r="H576509" s="12"/>
    </row>
    <row r="576510" spans="8:8">
      <c r="H576510" s="12"/>
    </row>
    <row r="576511" spans="8:8">
      <c r="H576511" s="12"/>
    </row>
    <row r="576512" spans="8:8">
      <c r="H576512" s="12"/>
    </row>
    <row r="576513" spans="8:8">
      <c r="H576513" s="12"/>
    </row>
    <row r="576514" spans="8:8">
      <c r="H576514" s="12"/>
    </row>
    <row r="576515" spans="8:8">
      <c r="H576515" s="12"/>
    </row>
    <row r="576516" spans="8:8">
      <c r="H576516" s="12"/>
    </row>
    <row r="576517" spans="8:8">
      <c r="H576517" s="12"/>
    </row>
    <row r="576518" spans="8:8">
      <c r="H576518" s="12"/>
    </row>
    <row r="576519" spans="8:8">
      <c r="H576519" s="12"/>
    </row>
    <row r="576520" spans="8:8">
      <c r="H576520" s="12"/>
    </row>
    <row r="576521" spans="8:8">
      <c r="H576521" s="12"/>
    </row>
    <row r="576522" spans="8:8">
      <c r="H576522" s="12"/>
    </row>
    <row r="576523" spans="8:8">
      <c r="H576523" s="12"/>
    </row>
    <row r="576524" spans="8:8">
      <c r="H576524" s="12"/>
    </row>
    <row r="576525" spans="8:8">
      <c r="H576525" s="12"/>
    </row>
    <row r="576526" spans="8:8">
      <c r="H576526" s="12"/>
    </row>
    <row r="576527" spans="8:8">
      <c r="H576527" s="12"/>
    </row>
    <row r="576528" spans="8:8">
      <c r="H576528" s="12"/>
    </row>
    <row r="576529" spans="8:8">
      <c r="H576529" s="12"/>
    </row>
    <row r="576530" spans="8:8">
      <c r="H576530" s="12"/>
    </row>
    <row r="576531" spans="8:8">
      <c r="H576531" s="12"/>
    </row>
    <row r="576532" spans="8:8">
      <c r="H576532" s="12"/>
    </row>
    <row r="576533" spans="8:8">
      <c r="H576533" s="12"/>
    </row>
    <row r="576534" spans="8:8">
      <c r="H576534" s="12"/>
    </row>
    <row r="576535" spans="8:8">
      <c r="H576535" s="12"/>
    </row>
    <row r="576536" spans="8:8">
      <c r="H576536" s="12"/>
    </row>
    <row r="576537" spans="8:8">
      <c r="H576537" s="12"/>
    </row>
    <row r="576538" spans="8:8">
      <c r="H576538" s="12"/>
    </row>
    <row r="576539" spans="8:8">
      <c r="H576539" s="12"/>
    </row>
    <row r="576540" spans="8:8">
      <c r="H576540" s="12"/>
    </row>
    <row r="576541" spans="8:8">
      <c r="H576541" s="12"/>
    </row>
    <row r="576542" spans="8:8">
      <c r="H576542" s="12"/>
    </row>
    <row r="576543" spans="8:8">
      <c r="H576543" s="12"/>
    </row>
    <row r="576544" spans="8:8">
      <c r="H576544" s="12"/>
    </row>
    <row r="576545" spans="8:8">
      <c r="H576545" s="12"/>
    </row>
    <row r="576546" spans="8:8">
      <c r="H576546" s="12"/>
    </row>
    <row r="576547" spans="8:8">
      <c r="H576547" s="12"/>
    </row>
    <row r="576548" spans="8:8">
      <c r="H576548" s="12"/>
    </row>
    <row r="576549" spans="8:8">
      <c r="H576549" s="12"/>
    </row>
    <row r="576550" spans="8:8">
      <c r="H576550" s="12"/>
    </row>
    <row r="576551" spans="8:8">
      <c r="H576551" s="12"/>
    </row>
    <row r="576552" spans="8:8">
      <c r="H576552" s="12"/>
    </row>
    <row r="576553" spans="8:8">
      <c r="H576553" s="12"/>
    </row>
    <row r="576554" spans="8:8">
      <c r="H576554" s="12"/>
    </row>
    <row r="576555" spans="8:8">
      <c r="H576555" s="12"/>
    </row>
    <row r="576556" spans="8:8">
      <c r="H576556" s="12"/>
    </row>
    <row r="576557" spans="8:8">
      <c r="H576557" s="12"/>
    </row>
    <row r="576558" spans="8:8">
      <c r="H576558" s="12"/>
    </row>
    <row r="576559" spans="8:8">
      <c r="H576559" s="12"/>
    </row>
    <row r="576560" spans="8:8">
      <c r="H576560" s="12"/>
    </row>
    <row r="576561" spans="8:8">
      <c r="H576561" s="12"/>
    </row>
    <row r="576562" spans="8:8">
      <c r="H576562" s="12"/>
    </row>
    <row r="576563" spans="8:8">
      <c r="H576563" s="12"/>
    </row>
    <row r="576564" spans="8:8">
      <c r="H576564" s="12"/>
    </row>
    <row r="576565" spans="8:8">
      <c r="H576565" s="12"/>
    </row>
    <row r="576566" spans="8:8">
      <c r="H576566" s="12"/>
    </row>
    <row r="576567" spans="8:8">
      <c r="H576567" s="12"/>
    </row>
    <row r="576568" spans="8:8">
      <c r="H576568" s="12"/>
    </row>
    <row r="576569" spans="8:8">
      <c r="H576569" s="12"/>
    </row>
    <row r="576570" spans="8:8">
      <c r="H576570" s="12"/>
    </row>
    <row r="576571" spans="8:8">
      <c r="H576571" s="12"/>
    </row>
    <row r="576572" spans="8:8">
      <c r="H576572" s="12"/>
    </row>
    <row r="576573" spans="8:8">
      <c r="H576573" s="12"/>
    </row>
    <row r="576574" spans="8:8">
      <c r="H576574" s="12"/>
    </row>
    <row r="576575" spans="8:8">
      <c r="H576575" s="12"/>
    </row>
    <row r="576576" spans="8:8">
      <c r="H576576" s="12"/>
    </row>
    <row r="576577" spans="8:8">
      <c r="H576577" s="12"/>
    </row>
    <row r="576578" spans="8:8">
      <c r="H576578" s="12"/>
    </row>
    <row r="576579" spans="8:8">
      <c r="H576579" s="12"/>
    </row>
    <row r="576580" spans="8:8">
      <c r="H576580" s="12"/>
    </row>
    <row r="576581" spans="8:8">
      <c r="H576581" s="12"/>
    </row>
    <row r="576582" spans="8:8">
      <c r="H576582" s="12"/>
    </row>
    <row r="576583" spans="8:8">
      <c r="H576583" s="12"/>
    </row>
    <row r="576584" spans="8:8">
      <c r="H576584" s="12"/>
    </row>
    <row r="576585" spans="8:8">
      <c r="H576585" s="12"/>
    </row>
    <row r="576586" spans="8:8">
      <c r="H576586" s="12"/>
    </row>
    <row r="576587" spans="8:8">
      <c r="H576587" s="12"/>
    </row>
    <row r="576588" spans="8:8">
      <c r="H576588" s="12"/>
    </row>
    <row r="576589" spans="8:8">
      <c r="H576589" s="12"/>
    </row>
    <row r="576590" spans="8:8">
      <c r="H576590" s="12"/>
    </row>
    <row r="576591" spans="8:8">
      <c r="H576591" s="12"/>
    </row>
    <row r="576592" spans="8:8">
      <c r="H576592" s="12"/>
    </row>
    <row r="576593" spans="8:8">
      <c r="H576593" s="12"/>
    </row>
    <row r="576594" spans="8:8">
      <c r="H576594" s="12"/>
    </row>
    <row r="576595" spans="8:8">
      <c r="H576595" s="12"/>
    </row>
    <row r="576596" spans="8:8">
      <c r="H576596" s="12"/>
    </row>
    <row r="576597" spans="8:8">
      <c r="H576597" s="12"/>
    </row>
    <row r="576598" spans="8:8">
      <c r="H576598" s="12"/>
    </row>
    <row r="576599" spans="8:8">
      <c r="H576599" s="12"/>
    </row>
    <row r="576600" spans="8:8">
      <c r="H576600" s="12"/>
    </row>
    <row r="576601" spans="8:8">
      <c r="H576601" s="12"/>
    </row>
    <row r="576602" spans="8:8">
      <c r="H576602" s="12"/>
    </row>
    <row r="576603" spans="8:8">
      <c r="H576603" s="12"/>
    </row>
    <row r="576604" spans="8:8">
      <c r="H576604" s="12"/>
    </row>
    <row r="576605" spans="8:8">
      <c r="H576605" s="12"/>
    </row>
    <row r="576606" spans="8:8">
      <c r="H576606" s="12"/>
    </row>
    <row r="576607" spans="8:8">
      <c r="H576607" s="12"/>
    </row>
    <row r="576608" spans="8:8">
      <c r="H576608" s="12"/>
    </row>
    <row r="576609" spans="8:8">
      <c r="H576609" s="12"/>
    </row>
    <row r="576610" spans="8:8">
      <c r="H576610" s="12"/>
    </row>
    <row r="576611" spans="8:8">
      <c r="H576611" s="12"/>
    </row>
    <row r="576612" spans="8:8">
      <c r="H576612" s="12"/>
    </row>
    <row r="576613" spans="8:8">
      <c r="H576613" s="12"/>
    </row>
    <row r="576614" spans="8:8">
      <c r="H576614" s="12"/>
    </row>
    <row r="576615" spans="8:8">
      <c r="H576615" s="12"/>
    </row>
    <row r="576616" spans="8:8">
      <c r="H576616" s="12"/>
    </row>
    <row r="576617" spans="8:8">
      <c r="H576617" s="12"/>
    </row>
    <row r="576618" spans="8:8">
      <c r="H576618" s="12"/>
    </row>
    <row r="576619" spans="8:8">
      <c r="H576619" s="12"/>
    </row>
    <row r="576620" spans="8:8">
      <c r="H576620" s="12"/>
    </row>
    <row r="576621" spans="8:8">
      <c r="H576621" s="12"/>
    </row>
    <row r="576622" spans="8:8">
      <c r="H576622" s="12"/>
    </row>
    <row r="576623" spans="8:8">
      <c r="H576623" s="12"/>
    </row>
    <row r="576624" spans="8:8">
      <c r="H576624" s="12"/>
    </row>
    <row r="576625" spans="8:8">
      <c r="H576625" s="12"/>
    </row>
    <row r="576626" spans="8:8">
      <c r="H576626" s="12"/>
    </row>
    <row r="576627" spans="8:8">
      <c r="H576627" s="12"/>
    </row>
    <row r="576628" spans="8:8">
      <c r="H576628" s="12"/>
    </row>
    <row r="576629" spans="8:8">
      <c r="H576629" s="12"/>
    </row>
    <row r="576630" spans="8:8">
      <c r="H576630" s="12"/>
    </row>
    <row r="576631" spans="8:8">
      <c r="H576631" s="12"/>
    </row>
    <row r="576632" spans="8:8">
      <c r="H576632" s="12"/>
    </row>
    <row r="576633" spans="8:8">
      <c r="H576633" s="12"/>
    </row>
    <row r="576634" spans="8:8">
      <c r="H576634" s="12"/>
    </row>
    <row r="576635" spans="8:8">
      <c r="H576635" s="12"/>
    </row>
    <row r="576636" spans="8:8">
      <c r="H576636" s="12"/>
    </row>
    <row r="576637" spans="8:8">
      <c r="H576637" s="12"/>
    </row>
    <row r="576638" spans="8:8">
      <c r="H576638" s="12"/>
    </row>
    <row r="576639" spans="8:8">
      <c r="H576639" s="12"/>
    </row>
    <row r="576640" spans="8:8">
      <c r="H576640" s="12"/>
    </row>
    <row r="576641" spans="8:8">
      <c r="H576641" s="12"/>
    </row>
    <row r="576642" spans="8:8">
      <c r="H576642" s="12"/>
    </row>
    <row r="576643" spans="8:8">
      <c r="H576643" s="12"/>
    </row>
    <row r="576644" spans="8:8">
      <c r="H576644" s="12"/>
    </row>
    <row r="576645" spans="8:8">
      <c r="H576645" s="12"/>
    </row>
    <row r="576646" spans="8:8">
      <c r="H576646" s="12"/>
    </row>
    <row r="576647" spans="8:8">
      <c r="H576647" s="12"/>
    </row>
    <row r="576648" spans="8:8">
      <c r="H576648" s="12"/>
    </row>
    <row r="576649" spans="8:8">
      <c r="H576649" s="12"/>
    </row>
    <row r="576650" spans="8:8">
      <c r="H576650" s="12"/>
    </row>
    <row r="576651" spans="8:8">
      <c r="H576651" s="12"/>
    </row>
    <row r="576652" spans="8:8">
      <c r="H576652" s="12"/>
    </row>
    <row r="576653" spans="8:8">
      <c r="H576653" s="12"/>
    </row>
    <row r="576654" spans="8:8">
      <c r="H576654" s="12"/>
    </row>
    <row r="576655" spans="8:8">
      <c r="H576655" s="12"/>
    </row>
    <row r="576656" spans="8:8">
      <c r="H576656" s="12"/>
    </row>
    <row r="576657" spans="8:8">
      <c r="H576657" s="12"/>
    </row>
    <row r="576658" spans="8:8">
      <c r="H576658" s="12"/>
    </row>
    <row r="576659" spans="8:8">
      <c r="H576659" s="12"/>
    </row>
    <row r="576660" spans="8:8">
      <c r="H576660" s="12"/>
    </row>
    <row r="576661" spans="8:8">
      <c r="H576661" s="12"/>
    </row>
    <row r="576662" spans="8:8">
      <c r="H576662" s="12"/>
    </row>
    <row r="576663" spans="8:8">
      <c r="H576663" s="12"/>
    </row>
    <row r="576664" spans="8:8">
      <c r="H576664" s="12"/>
    </row>
    <row r="576665" spans="8:8">
      <c r="H576665" s="12"/>
    </row>
    <row r="576666" spans="8:8">
      <c r="H576666" s="12"/>
    </row>
    <row r="576667" spans="8:8">
      <c r="H576667" s="12"/>
    </row>
    <row r="576668" spans="8:8">
      <c r="H576668" s="12"/>
    </row>
    <row r="576669" spans="8:8">
      <c r="H576669" s="12"/>
    </row>
    <row r="576670" spans="8:8">
      <c r="H576670" s="12"/>
    </row>
    <row r="576671" spans="8:8">
      <c r="H576671" s="12"/>
    </row>
    <row r="576672" spans="8:8">
      <c r="H576672" s="12"/>
    </row>
    <row r="576673" spans="8:8">
      <c r="H576673" s="12"/>
    </row>
    <row r="576674" spans="8:8">
      <c r="H576674" s="12"/>
    </row>
    <row r="576675" spans="8:8">
      <c r="H576675" s="12"/>
    </row>
    <row r="576676" spans="8:8">
      <c r="H576676" s="12"/>
    </row>
    <row r="576677" spans="8:8">
      <c r="H576677" s="12"/>
    </row>
    <row r="576678" spans="8:8">
      <c r="H576678" s="12"/>
    </row>
    <row r="576679" spans="8:8">
      <c r="H576679" s="12"/>
    </row>
    <row r="576680" spans="8:8">
      <c r="H576680" s="12"/>
    </row>
    <row r="576681" spans="8:8">
      <c r="H576681" s="12"/>
    </row>
    <row r="576682" spans="8:8">
      <c r="H576682" s="12"/>
    </row>
    <row r="576683" spans="8:8">
      <c r="H576683" s="12"/>
    </row>
    <row r="576684" spans="8:8">
      <c r="H576684" s="12"/>
    </row>
    <row r="576685" spans="8:8">
      <c r="H576685" s="12"/>
    </row>
    <row r="576686" spans="8:8">
      <c r="H576686" s="12"/>
    </row>
    <row r="576687" spans="8:8">
      <c r="H576687" s="12"/>
    </row>
    <row r="576688" spans="8:8">
      <c r="H576688" s="12"/>
    </row>
    <row r="576689" spans="8:8">
      <c r="H576689" s="12"/>
    </row>
    <row r="576690" spans="8:8">
      <c r="H576690" s="12"/>
    </row>
    <row r="576691" spans="8:8">
      <c r="H576691" s="12"/>
    </row>
    <row r="576692" spans="8:8">
      <c r="H576692" s="12"/>
    </row>
    <row r="576693" spans="8:8">
      <c r="H576693" s="12"/>
    </row>
    <row r="576694" spans="8:8">
      <c r="H576694" s="12"/>
    </row>
    <row r="576695" spans="8:8">
      <c r="H576695" s="12"/>
    </row>
    <row r="576696" spans="8:8">
      <c r="H576696" s="12"/>
    </row>
    <row r="576697" spans="8:8">
      <c r="H576697" s="12"/>
    </row>
    <row r="576698" spans="8:8">
      <c r="H576698" s="12"/>
    </row>
    <row r="576699" spans="8:8">
      <c r="H576699" s="12"/>
    </row>
    <row r="576700" spans="8:8">
      <c r="H576700" s="12"/>
    </row>
    <row r="576701" spans="8:8">
      <c r="H576701" s="12"/>
    </row>
    <row r="576702" spans="8:8">
      <c r="H576702" s="12"/>
    </row>
    <row r="576703" spans="8:8">
      <c r="H576703" s="12"/>
    </row>
    <row r="576704" spans="8:8">
      <c r="H576704" s="12"/>
    </row>
    <row r="576705" spans="8:8">
      <c r="H576705" s="12"/>
    </row>
    <row r="576706" spans="8:8">
      <c r="H576706" s="12"/>
    </row>
    <row r="576707" spans="8:8">
      <c r="H576707" s="12"/>
    </row>
    <row r="576708" spans="8:8">
      <c r="H576708" s="12"/>
    </row>
    <row r="576709" spans="8:8">
      <c r="H576709" s="12"/>
    </row>
    <row r="576710" spans="8:8">
      <c r="H576710" s="12"/>
    </row>
    <row r="576711" spans="8:8">
      <c r="H576711" s="12"/>
    </row>
    <row r="576712" spans="8:8">
      <c r="H576712" s="12"/>
    </row>
    <row r="576713" spans="8:8">
      <c r="H576713" s="12"/>
    </row>
    <row r="576714" spans="8:8">
      <c r="H576714" s="12"/>
    </row>
    <row r="576715" spans="8:8">
      <c r="H576715" s="12"/>
    </row>
    <row r="576716" spans="8:8">
      <c r="H576716" s="12"/>
    </row>
    <row r="576717" spans="8:8">
      <c r="H576717" s="12"/>
    </row>
    <row r="576718" spans="8:8">
      <c r="H576718" s="12"/>
    </row>
    <row r="576719" spans="8:8">
      <c r="H576719" s="12"/>
    </row>
    <row r="576720" spans="8:8">
      <c r="H576720" s="12"/>
    </row>
    <row r="576721" spans="8:8">
      <c r="H576721" s="12"/>
    </row>
    <row r="576722" spans="8:8">
      <c r="H576722" s="12"/>
    </row>
    <row r="576723" spans="8:8">
      <c r="H576723" s="12"/>
    </row>
    <row r="576724" spans="8:8">
      <c r="H576724" s="12"/>
    </row>
    <row r="576725" spans="8:8">
      <c r="H576725" s="12"/>
    </row>
    <row r="576726" spans="8:8">
      <c r="H576726" s="12"/>
    </row>
    <row r="576727" spans="8:8">
      <c r="H576727" s="12"/>
    </row>
    <row r="576728" spans="8:8">
      <c r="H576728" s="12"/>
    </row>
    <row r="576729" spans="8:8">
      <c r="H576729" s="12"/>
    </row>
    <row r="576730" spans="8:8">
      <c r="H576730" s="12"/>
    </row>
    <row r="576731" spans="8:8">
      <c r="H576731" s="12"/>
    </row>
    <row r="576732" spans="8:8">
      <c r="H576732" s="12"/>
    </row>
    <row r="576733" spans="8:8">
      <c r="H576733" s="12"/>
    </row>
    <row r="576734" spans="8:8">
      <c r="H576734" s="12"/>
    </row>
    <row r="576735" spans="8:8">
      <c r="H576735" s="12"/>
    </row>
    <row r="576736" spans="8:8">
      <c r="H576736" s="12"/>
    </row>
    <row r="576737" spans="8:8">
      <c r="H576737" s="12"/>
    </row>
    <row r="576738" spans="8:8">
      <c r="H576738" s="12"/>
    </row>
    <row r="576739" spans="8:8">
      <c r="H576739" s="12"/>
    </row>
    <row r="576740" spans="8:8">
      <c r="H576740" s="12"/>
    </row>
    <row r="576741" spans="8:8">
      <c r="H576741" s="12"/>
    </row>
    <row r="576742" spans="8:8">
      <c r="H576742" s="12"/>
    </row>
    <row r="576743" spans="8:8">
      <c r="H576743" s="12"/>
    </row>
    <row r="576744" spans="8:8">
      <c r="H576744" s="12"/>
    </row>
    <row r="576745" spans="8:8">
      <c r="H576745" s="12"/>
    </row>
    <row r="576746" spans="8:8">
      <c r="H576746" s="12"/>
    </row>
    <row r="576747" spans="8:8">
      <c r="H576747" s="12"/>
    </row>
    <row r="576748" spans="8:8">
      <c r="H576748" s="12"/>
    </row>
    <row r="576749" spans="8:8">
      <c r="H576749" s="12"/>
    </row>
    <row r="576750" spans="8:8">
      <c r="H576750" s="12"/>
    </row>
    <row r="576751" spans="8:8">
      <c r="H576751" s="12"/>
    </row>
    <row r="576752" spans="8:8">
      <c r="H576752" s="12"/>
    </row>
    <row r="576753" spans="8:8">
      <c r="H576753" s="12"/>
    </row>
    <row r="576754" spans="8:8">
      <c r="H576754" s="12"/>
    </row>
    <row r="576755" spans="8:8">
      <c r="H576755" s="12"/>
    </row>
    <row r="576756" spans="8:8">
      <c r="H576756" s="12"/>
    </row>
    <row r="576757" spans="8:8">
      <c r="H576757" s="12"/>
    </row>
    <row r="576758" spans="8:8">
      <c r="H576758" s="12"/>
    </row>
    <row r="576759" spans="8:8">
      <c r="H576759" s="12"/>
    </row>
    <row r="576760" spans="8:8">
      <c r="H576760" s="12"/>
    </row>
    <row r="576761" spans="8:8">
      <c r="H576761" s="12"/>
    </row>
    <row r="576762" spans="8:8">
      <c r="H576762" s="12"/>
    </row>
    <row r="576763" spans="8:8">
      <c r="H576763" s="12"/>
    </row>
    <row r="576764" spans="8:8">
      <c r="H576764" s="12"/>
    </row>
    <row r="576765" spans="8:8">
      <c r="H576765" s="12"/>
    </row>
    <row r="576766" spans="8:8">
      <c r="H576766" s="12"/>
    </row>
    <row r="576767" spans="8:8">
      <c r="H576767" s="12"/>
    </row>
    <row r="576768" spans="8:8">
      <c r="H576768" s="12"/>
    </row>
    <row r="576769" spans="8:8">
      <c r="H576769" s="12"/>
    </row>
    <row r="576770" spans="8:8">
      <c r="H576770" s="12"/>
    </row>
    <row r="576771" spans="8:8">
      <c r="H576771" s="12"/>
    </row>
    <row r="576772" spans="8:8">
      <c r="H576772" s="12"/>
    </row>
    <row r="576773" spans="8:8">
      <c r="H576773" s="12"/>
    </row>
    <row r="576774" spans="8:8">
      <c r="H576774" s="12"/>
    </row>
    <row r="576775" spans="8:8">
      <c r="H576775" s="12"/>
    </row>
    <row r="576776" spans="8:8">
      <c r="H576776" s="12"/>
    </row>
    <row r="576777" spans="8:8">
      <c r="H576777" s="12"/>
    </row>
    <row r="576778" spans="8:8">
      <c r="H576778" s="12"/>
    </row>
    <row r="576779" spans="8:8">
      <c r="H576779" s="12"/>
    </row>
    <row r="576780" spans="8:8">
      <c r="H576780" s="12"/>
    </row>
    <row r="576781" spans="8:8">
      <c r="H576781" s="12"/>
    </row>
    <row r="576782" spans="8:8">
      <c r="H576782" s="12"/>
    </row>
    <row r="576783" spans="8:8">
      <c r="H576783" s="12"/>
    </row>
    <row r="576784" spans="8:8">
      <c r="H576784" s="12"/>
    </row>
    <row r="576785" spans="8:8">
      <c r="H576785" s="12"/>
    </row>
    <row r="576786" spans="8:8">
      <c r="H576786" s="12"/>
    </row>
    <row r="576787" spans="8:8">
      <c r="H576787" s="12"/>
    </row>
    <row r="576788" spans="8:8">
      <c r="H576788" s="12"/>
    </row>
    <row r="576789" spans="8:8">
      <c r="H576789" s="12"/>
    </row>
    <row r="576790" spans="8:8">
      <c r="H576790" s="12"/>
    </row>
    <row r="576791" spans="8:8">
      <c r="H576791" s="12"/>
    </row>
    <row r="576792" spans="8:8">
      <c r="H576792" s="12"/>
    </row>
    <row r="576793" spans="8:8">
      <c r="H576793" s="12"/>
    </row>
    <row r="576794" spans="8:8">
      <c r="H576794" s="12"/>
    </row>
    <row r="576795" spans="8:8">
      <c r="H576795" s="12"/>
    </row>
    <row r="576796" spans="8:8">
      <c r="H576796" s="12"/>
    </row>
    <row r="576797" spans="8:8">
      <c r="H576797" s="12"/>
    </row>
    <row r="576798" spans="8:8">
      <c r="H576798" s="12"/>
    </row>
    <row r="576799" spans="8:8">
      <c r="H576799" s="12"/>
    </row>
    <row r="576800" spans="8:8">
      <c r="H576800" s="12"/>
    </row>
    <row r="576801" spans="8:8">
      <c r="H576801" s="12"/>
    </row>
    <row r="576802" spans="8:8">
      <c r="H576802" s="12"/>
    </row>
    <row r="576803" spans="8:8">
      <c r="H576803" s="12"/>
    </row>
    <row r="576804" spans="8:8">
      <c r="H576804" s="12"/>
    </row>
    <row r="576805" spans="8:8">
      <c r="H576805" s="12"/>
    </row>
    <row r="576806" spans="8:8">
      <c r="H576806" s="12"/>
    </row>
    <row r="576807" spans="8:8">
      <c r="H576807" s="12"/>
    </row>
    <row r="576808" spans="8:8">
      <c r="H576808" s="12"/>
    </row>
    <row r="576809" spans="8:8">
      <c r="H576809" s="12"/>
    </row>
    <row r="576810" spans="8:8">
      <c r="H576810" s="12"/>
    </row>
    <row r="576811" spans="8:8">
      <c r="H576811" s="12"/>
    </row>
    <row r="576812" spans="8:8">
      <c r="H576812" s="12"/>
    </row>
    <row r="576813" spans="8:8">
      <c r="H576813" s="12"/>
    </row>
    <row r="576814" spans="8:8">
      <c r="H576814" s="12"/>
    </row>
    <row r="576815" spans="8:8">
      <c r="H576815" s="12"/>
    </row>
    <row r="576816" spans="8:8">
      <c r="H576816" s="12"/>
    </row>
    <row r="576817" spans="8:8">
      <c r="H576817" s="12"/>
    </row>
    <row r="576818" spans="8:8">
      <c r="H576818" s="12"/>
    </row>
    <row r="576819" spans="8:8">
      <c r="H576819" s="12"/>
    </row>
    <row r="576820" spans="8:8">
      <c r="H576820" s="12"/>
    </row>
    <row r="576821" spans="8:8">
      <c r="H576821" s="12"/>
    </row>
    <row r="576822" spans="8:8">
      <c r="H576822" s="12"/>
    </row>
    <row r="576823" spans="8:8">
      <c r="H576823" s="12"/>
    </row>
    <row r="576824" spans="8:8">
      <c r="H576824" s="12"/>
    </row>
    <row r="576825" spans="8:8">
      <c r="H576825" s="12"/>
    </row>
    <row r="576826" spans="8:8">
      <c r="H576826" s="12"/>
    </row>
    <row r="576827" spans="8:8">
      <c r="H576827" s="12"/>
    </row>
    <row r="576828" spans="8:8">
      <c r="H576828" s="12"/>
    </row>
    <row r="576829" spans="8:8">
      <c r="H576829" s="12"/>
    </row>
    <row r="576830" spans="8:8">
      <c r="H576830" s="12"/>
    </row>
    <row r="576831" spans="8:8">
      <c r="H576831" s="12"/>
    </row>
    <row r="576832" spans="8:8">
      <c r="H576832" s="12"/>
    </row>
    <row r="576833" spans="8:8">
      <c r="H576833" s="12"/>
    </row>
    <row r="576834" spans="8:8">
      <c r="H576834" s="12"/>
    </row>
    <row r="576835" spans="8:8">
      <c r="H576835" s="12"/>
    </row>
    <row r="576836" spans="8:8">
      <c r="H576836" s="12"/>
    </row>
    <row r="576837" spans="8:8">
      <c r="H576837" s="12"/>
    </row>
    <row r="576838" spans="8:8">
      <c r="H576838" s="12"/>
    </row>
    <row r="576839" spans="8:8">
      <c r="H576839" s="12"/>
    </row>
    <row r="576840" spans="8:8">
      <c r="H576840" s="12"/>
    </row>
    <row r="576841" spans="8:8">
      <c r="H576841" s="12"/>
    </row>
    <row r="576842" spans="8:8">
      <c r="H576842" s="12"/>
    </row>
    <row r="576843" spans="8:8">
      <c r="H576843" s="12"/>
    </row>
    <row r="576844" spans="8:8">
      <c r="H576844" s="12"/>
    </row>
    <row r="576845" spans="8:8">
      <c r="H576845" s="12"/>
    </row>
    <row r="576846" spans="8:8">
      <c r="H576846" s="12"/>
    </row>
    <row r="576847" spans="8:8">
      <c r="H576847" s="12"/>
    </row>
    <row r="576848" spans="8:8">
      <c r="H576848" s="12"/>
    </row>
    <row r="576849" spans="8:8">
      <c r="H576849" s="12"/>
    </row>
    <row r="576850" spans="8:8">
      <c r="H576850" s="12"/>
    </row>
    <row r="576851" spans="8:8">
      <c r="H576851" s="12"/>
    </row>
    <row r="576852" spans="8:8">
      <c r="H576852" s="12"/>
    </row>
    <row r="576853" spans="8:8">
      <c r="H576853" s="12"/>
    </row>
    <row r="576854" spans="8:8">
      <c r="H576854" s="12"/>
    </row>
    <row r="576855" spans="8:8">
      <c r="H576855" s="12"/>
    </row>
    <row r="576856" spans="8:8">
      <c r="H576856" s="12"/>
    </row>
    <row r="576857" spans="8:8">
      <c r="H576857" s="12"/>
    </row>
    <row r="576858" spans="8:8">
      <c r="H576858" s="12"/>
    </row>
    <row r="576859" spans="8:8">
      <c r="H576859" s="12"/>
    </row>
    <row r="576860" spans="8:8">
      <c r="H576860" s="12"/>
    </row>
    <row r="576861" spans="8:8">
      <c r="H576861" s="12"/>
    </row>
    <row r="576862" spans="8:8">
      <c r="H576862" s="12"/>
    </row>
    <row r="576863" spans="8:8">
      <c r="H576863" s="12"/>
    </row>
    <row r="576864" spans="8:8">
      <c r="H576864" s="12"/>
    </row>
    <row r="576865" spans="8:8">
      <c r="H576865" s="12"/>
    </row>
    <row r="576866" spans="8:8">
      <c r="H576866" s="12"/>
    </row>
    <row r="576867" spans="8:8">
      <c r="H576867" s="12"/>
    </row>
    <row r="576868" spans="8:8">
      <c r="H576868" s="12"/>
    </row>
    <row r="576869" spans="8:8">
      <c r="H576869" s="12"/>
    </row>
    <row r="576870" spans="8:8">
      <c r="H576870" s="12"/>
    </row>
    <row r="576871" spans="8:8">
      <c r="H576871" s="12"/>
    </row>
    <row r="576872" spans="8:8">
      <c r="H576872" s="12"/>
    </row>
    <row r="576873" spans="8:8">
      <c r="H576873" s="12"/>
    </row>
    <row r="576874" spans="8:8">
      <c r="H576874" s="12"/>
    </row>
    <row r="576875" spans="8:8">
      <c r="H576875" s="12"/>
    </row>
    <row r="576876" spans="8:8">
      <c r="H576876" s="12"/>
    </row>
    <row r="576877" spans="8:8">
      <c r="H576877" s="12"/>
    </row>
    <row r="576878" spans="8:8">
      <c r="H576878" s="12"/>
    </row>
    <row r="576879" spans="8:8">
      <c r="H576879" s="12"/>
    </row>
    <row r="576880" spans="8:8">
      <c r="H576880" s="12"/>
    </row>
    <row r="576881" spans="8:8">
      <c r="H576881" s="12"/>
    </row>
    <row r="576882" spans="8:8">
      <c r="H576882" s="12"/>
    </row>
    <row r="576883" spans="8:8">
      <c r="H576883" s="12"/>
    </row>
    <row r="576884" spans="8:8">
      <c r="H576884" s="12"/>
    </row>
    <row r="576885" spans="8:8">
      <c r="H576885" s="12"/>
    </row>
    <row r="576886" spans="8:8">
      <c r="H576886" s="12"/>
    </row>
    <row r="576887" spans="8:8">
      <c r="H576887" s="12"/>
    </row>
    <row r="576888" spans="8:8">
      <c r="H576888" s="12"/>
    </row>
    <row r="576889" spans="8:8">
      <c r="H576889" s="12"/>
    </row>
    <row r="576890" spans="8:8">
      <c r="H576890" s="12"/>
    </row>
    <row r="576891" spans="8:8">
      <c r="H576891" s="12"/>
    </row>
    <row r="576892" spans="8:8">
      <c r="H576892" s="12"/>
    </row>
    <row r="576893" spans="8:8">
      <c r="H576893" s="12"/>
    </row>
    <row r="576894" spans="8:8">
      <c r="H576894" s="12"/>
    </row>
    <row r="576895" spans="8:8">
      <c r="H576895" s="12"/>
    </row>
    <row r="576896" spans="8:8">
      <c r="H576896" s="12"/>
    </row>
    <row r="576897" spans="8:8">
      <c r="H576897" s="12"/>
    </row>
    <row r="576898" spans="8:8">
      <c r="H576898" s="12"/>
    </row>
    <row r="576899" spans="8:8">
      <c r="H576899" s="12"/>
    </row>
    <row r="576900" spans="8:8">
      <c r="H576900" s="12"/>
    </row>
    <row r="576901" spans="8:8">
      <c r="H576901" s="12"/>
    </row>
    <row r="576902" spans="8:8">
      <c r="H576902" s="12"/>
    </row>
    <row r="576903" spans="8:8">
      <c r="H576903" s="12"/>
    </row>
    <row r="576904" spans="8:8">
      <c r="H576904" s="12"/>
    </row>
    <row r="576905" spans="8:8">
      <c r="H576905" s="12"/>
    </row>
    <row r="576906" spans="8:8">
      <c r="H576906" s="12"/>
    </row>
    <row r="576907" spans="8:8">
      <c r="H576907" s="12"/>
    </row>
    <row r="576908" spans="8:8">
      <c r="H576908" s="12"/>
    </row>
    <row r="576909" spans="8:8">
      <c r="H576909" s="12"/>
    </row>
    <row r="576910" spans="8:8">
      <c r="H576910" s="12"/>
    </row>
    <row r="576911" spans="8:8">
      <c r="H576911" s="12"/>
    </row>
    <row r="576912" spans="8:8">
      <c r="H576912" s="12"/>
    </row>
    <row r="576913" spans="8:8">
      <c r="H576913" s="12"/>
    </row>
    <row r="576914" spans="8:8">
      <c r="H576914" s="12"/>
    </row>
    <row r="576915" spans="8:8">
      <c r="H576915" s="12"/>
    </row>
    <row r="576916" spans="8:8">
      <c r="H576916" s="12"/>
    </row>
    <row r="576917" spans="8:8">
      <c r="H576917" s="12"/>
    </row>
    <row r="576918" spans="8:8">
      <c r="H576918" s="12"/>
    </row>
    <row r="576919" spans="8:8">
      <c r="H576919" s="12"/>
    </row>
    <row r="576920" spans="8:8">
      <c r="H576920" s="12"/>
    </row>
    <row r="576921" spans="8:8">
      <c r="H576921" s="12"/>
    </row>
    <row r="576922" spans="8:8">
      <c r="H576922" s="12"/>
    </row>
    <row r="576923" spans="8:8">
      <c r="H576923" s="12"/>
    </row>
    <row r="576924" spans="8:8">
      <c r="H576924" s="12"/>
    </row>
    <row r="576925" spans="8:8">
      <c r="H576925" s="12"/>
    </row>
    <row r="576926" spans="8:8">
      <c r="H576926" s="12"/>
    </row>
    <row r="576927" spans="8:8">
      <c r="H576927" s="12"/>
    </row>
    <row r="576928" spans="8:8">
      <c r="H576928" s="12"/>
    </row>
    <row r="576929" spans="8:8">
      <c r="H576929" s="12"/>
    </row>
    <row r="576930" spans="8:8">
      <c r="H576930" s="12"/>
    </row>
    <row r="576931" spans="8:8">
      <c r="H576931" s="12"/>
    </row>
    <row r="576932" spans="8:8">
      <c r="H576932" s="12"/>
    </row>
    <row r="576933" spans="8:8">
      <c r="H576933" s="12"/>
    </row>
    <row r="576934" spans="8:8">
      <c r="H576934" s="12"/>
    </row>
    <row r="576935" spans="8:8">
      <c r="H576935" s="12"/>
    </row>
    <row r="576936" spans="8:8">
      <c r="H576936" s="12"/>
    </row>
    <row r="576937" spans="8:8">
      <c r="H576937" s="12"/>
    </row>
    <row r="576938" spans="8:8">
      <c r="H576938" s="12"/>
    </row>
    <row r="576939" spans="8:8">
      <c r="H576939" s="12"/>
    </row>
    <row r="576940" spans="8:8">
      <c r="H576940" s="12"/>
    </row>
    <row r="576941" spans="8:8">
      <c r="H576941" s="12"/>
    </row>
    <row r="576942" spans="8:8">
      <c r="H576942" s="12"/>
    </row>
    <row r="576943" spans="8:8">
      <c r="H576943" s="12"/>
    </row>
    <row r="576944" spans="8:8">
      <c r="H576944" s="12"/>
    </row>
    <row r="576945" spans="8:8">
      <c r="H576945" s="12"/>
    </row>
    <row r="576946" spans="8:8">
      <c r="H576946" s="12"/>
    </row>
    <row r="576947" spans="8:8">
      <c r="H576947" s="12"/>
    </row>
    <row r="576948" spans="8:8">
      <c r="H576948" s="12"/>
    </row>
    <row r="576949" spans="8:8">
      <c r="H576949" s="12"/>
    </row>
    <row r="576950" spans="8:8">
      <c r="H576950" s="12"/>
    </row>
    <row r="576951" spans="8:8">
      <c r="H576951" s="12"/>
    </row>
    <row r="576952" spans="8:8">
      <c r="H576952" s="12"/>
    </row>
    <row r="576953" spans="8:8">
      <c r="H576953" s="12"/>
    </row>
    <row r="576954" spans="8:8">
      <c r="H576954" s="12"/>
    </row>
    <row r="576955" spans="8:8">
      <c r="H576955" s="12"/>
    </row>
    <row r="576956" spans="8:8">
      <c r="H576956" s="12"/>
    </row>
    <row r="576957" spans="8:8">
      <c r="H576957" s="12"/>
    </row>
    <row r="576958" spans="8:8">
      <c r="H576958" s="12"/>
    </row>
    <row r="576959" spans="8:8">
      <c r="H576959" s="12"/>
    </row>
    <row r="576960" spans="8:8">
      <c r="H576960" s="12"/>
    </row>
    <row r="576961" spans="8:8">
      <c r="H576961" s="12"/>
    </row>
    <row r="576962" spans="8:8">
      <c r="H576962" s="12"/>
    </row>
    <row r="576963" spans="8:8">
      <c r="H576963" s="12"/>
    </row>
    <row r="576964" spans="8:8">
      <c r="H576964" s="12"/>
    </row>
    <row r="576965" spans="8:8">
      <c r="H576965" s="12"/>
    </row>
    <row r="576966" spans="8:8">
      <c r="H576966" s="12"/>
    </row>
    <row r="576967" spans="8:8">
      <c r="H576967" s="12"/>
    </row>
    <row r="576968" spans="8:8">
      <c r="H576968" s="12"/>
    </row>
    <row r="576969" spans="8:8">
      <c r="H576969" s="12"/>
    </row>
    <row r="576970" spans="8:8">
      <c r="H576970" s="12"/>
    </row>
    <row r="576971" spans="8:8">
      <c r="H576971" s="12"/>
    </row>
    <row r="576972" spans="8:8">
      <c r="H576972" s="12"/>
    </row>
    <row r="576973" spans="8:8">
      <c r="H576973" s="12"/>
    </row>
    <row r="576974" spans="8:8">
      <c r="H576974" s="12"/>
    </row>
    <row r="576975" spans="8:8">
      <c r="H576975" s="12"/>
    </row>
    <row r="576976" spans="8:8">
      <c r="H576976" s="12"/>
    </row>
    <row r="576977" spans="8:8">
      <c r="H576977" s="12"/>
    </row>
    <row r="576978" spans="8:8">
      <c r="H576978" s="12"/>
    </row>
    <row r="576979" spans="8:8">
      <c r="H576979" s="12"/>
    </row>
    <row r="576980" spans="8:8">
      <c r="H576980" s="12"/>
    </row>
    <row r="576981" spans="8:8">
      <c r="H576981" s="12"/>
    </row>
    <row r="576982" spans="8:8">
      <c r="H576982" s="12"/>
    </row>
    <row r="576983" spans="8:8">
      <c r="H576983" s="12"/>
    </row>
    <row r="576984" spans="8:8">
      <c r="H576984" s="12"/>
    </row>
    <row r="576985" spans="8:8">
      <c r="H576985" s="12"/>
    </row>
    <row r="576986" spans="8:8">
      <c r="H576986" s="12"/>
    </row>
    <row r="576987" spans="8:8">
      <c r="H576987" s="12"/>
    </row>
    <row r="576988" spans="8:8">
      <c r="H576988" s="12"/>
    </row>
    <row r="576989" spans="8:8">
      <c r="H576989" s="12"/>
    </row>
    <row r="576990" spans="8:8">
      <c r="H576990" s="12"/>
    </row>
    <row r="576991" spans="8:8">
      <c r="H576991" s="12"/>
    </row>
    <row r="576992" spans="8:8">
      <c r="H576992" s="12"/>
    </row>
    <row r="576993" spans="8:8">
      <c r="H576993" s="12"/>
    </row>
    <row r="576994" spans="8:8">
      <c r="H576994" s="12"/>
    </row>
    <row r="576995" spans="8:8">
      <c r="H576995" s="12"/>
    </row>
    <row r="576996" spans="8:8">
      <c r="H576996" s="12"/>
    </row>
    <row r="576997" spans="8:8">
      <c r="H576997" s="12"/>
    </row>
    <row r="576998" spans="8:8">
      <c r="H576998" s="12"/>
    </row>
    <row r="576999" spans="8:8">
      <c r="H576999" s="12"/>
    </row>
    <row r="577000" spans="8:8">
      <c r="H577000" s="12"/>
    </row>
    <row r="577001" spans="8:8">
      <c r="H577001" s="12"/>
    </row>
    <row r="577002" spans="8:8">
      <c r="H577002" s="12"/>
    </row>
    <row r="577003" spans="8:8">
      <c r="H577003" s="12"/>
    </row>
    <row r="577004" spans="8:8">
      <c r="H577004" s="12"/>
    </row>
    <row r="577005" spans="8:8">
      <c r="H577005" s="12"/>
    </row>
    <row r="577006" spans="8:8">
      <c r="H577006" s="12"/>
    </row>
    <row r="577007" spans="8:8">
      <c r="H577007" s="12"/>
    </row>
    <row r="577008" spans="8:8">
      <c r="H577008" s="12"/>
    </row>
    <row r="577009" spans="8:8">
      <c r="H577009" s="12"/>
    </row>
    <row r="577010" spans="8:8">
      <c r="H577010" s="12"/>
    </row>
    <row r="577011" spans="8:8">
      <c r="H577011" s="12"/>
    </row>
    <row r="577012" spans="8:8">
      <c r="H577012" s="12"/>
    </row>
    <row r="577013" spans="8:8">
      <c r="H577013" s="12"/>
    </row>
    <row r="577014" spans="8:8">
      <c r="H577014" s="12"/>
    </row>
    <row r="577015" spans="8:8">
      <c r="H577015" s="12"/>
    </row>
    <row r="577016" spans="8:8">
      <c r="H577016" s="12"/>
    </row>
    <row r="577017" spans="8:8">
      <c r="H577017" s="12"/>
    </row>
    <row r="577018" spans="8:8">
      <c r="H577018" s="12"/>
    </row>
    <row r="577019" spans="8:8">
      <c r="H577019" s="12"/>
    </row>
    <row r="577020" spans="8:8">
      <c r="H577020" s="12"/>
    </row>
    <row r="577021" spans="8:8">
      <c r="H577021" s="12"/>
    </row>
    <row r="577022" spans="8:8">
      <c r="H577022" s="12"/>
    </row>
    <row r="577023" spans="8:8">
      <c r="H577023" s="12"/>
    </row>
    <row r="577024" spans="8:8">
      <c r="H577024" s="12"/>
    </row>
    <row r="577025" spans="8:8">
      <c r="H577025" s="12"/>
    </row>
    <row r="577026" spans="8:8">
      <c r="H577026" s="12"/>
    </row>
    <row r="577027" spans="8:8">
      <c r="H577027" s="12"/>
    </row>
    <row r="577028" spans="8:8">
      <c r="H577028" s="12"/>
    </row>
    <row r="577029" spans="8:8">
      <c r="H577029" s="12"/>
    </row>
    <row r="577030" spans="8:8">
      <c r="H577030" s="12"/>
    </row>
    <row r="577031" spans="8:8">
      <c r="H577031" s="12"/>
    </row>
    <row r="577032" spans="8:8">
      <c r="H577032" s="12"/>
    </row>
    <row r="577033" spans="8:8">
      <c r="H577033" s="12"/>
    </row>
    <row r="577034" spans="8:8">
      <c r="H577034" s="12"/>
    </row>
    <row r="577035" spans="8:8">
      <c r="H577035" s="12"/>
    </row>
    <row r="577036" spans="8:8">
      <c r="H577036" s="12"/>
    </row>
    <row r="577037" spans="8:8">
      <c r="H577037" s="12"/>
    </row>
    <row r="577038" spans="8:8">
      <c r="H577038" s="12"/>
    </row>
    <row r="577039" spans="8:8">
      <c r="H577039" s="12"/>
    </row>
    <row r="577040" spans="8:8">
      <c r="H577040" s="12"/>
    </row>
    <row r="577041" spans="8:8">
      <c r="H577041" s="12"/>
    </row>
    <row r="577042" spans="8:8">
      <c r="H577042" s="12"/>
    </row>
    <row r="577043" spans="8:8">
      <c r="H577043" s="12"/>
    </row>
    <row r="577044" spans="8:8">
      <c r="H577044" s="12"/>
    </row>
    <row r="577045" spans="8:8">
      <c r="H577045" s="12"/>
    </row>
    <row r="577046" spans="8:8">
      <c r="H577046" s="12"/>
    </row>
    <row r="577047" spans="8:8">
      <c r="H577047" s="12"/>
    </row>
    <row r="577048" spans="8:8">
      <c r="H577048" s="12"/>
    </row>
    <row r="577049" spans="8:8">
      <c r="H577049" s="12"/>
    </row>
    <row r="577050" spans="8:8">
      <c r="H577050" s="12"/>
    </row>
    <row r="577051" spans="8:8">
      <c r="H577051" s="12"/>
    </row>
    <row r="577052" spans="8:8">
      <c r="H577052" s="12"/>
    </row>
    <row r="577053" spans="8:8">
      <c r="H577053" s="12"/>
    </row>
    <row r="577054" spans="8:8">
      <c r="H577054" s="12"/>
    </row>
    <row r="577055" spans="8:8">
      <c r="H577055" s="12"/>
    </row>
    <row r="577056" spans="8:8">
      <c r="H577056" s="12"/>
    </row>
    <row r="577057" spans="8:8">
      <c r="H577057" s="12"/>
    </row>
    <row r="577058" spans="8:8">
      <c r="H577058" s="12"/>
    </row>
    <row r="577059" spans="8:8">
      <c r="H577059" s="12"/>
    </row>
    <row r="577060" spans="8:8">
      <c r="H577060" s="12"/>
    </row>
    <row r="577061" spans="8:8">
      <c r="H577061" s="12"/>
    </row>
    <row r="577062" spans="8:8">
      <c r="H577062" s="12"/>
    </row>
    <row r="577063" spans="8:8">
      <c r="H577063" s="12"/>
    </row>
    <row r="577064" spans="8:8">
      <c r="H577064" s="12"/>
    </row>
    <row r="577065" spans="8:8">
      <c r="H577065" s="12"/>
    </row>
    <row r="577066" spans="8:8">
      <c r="H577066" s="12"/>
    </row>
    <row r="577067" spans="8:8">
      <c r="H577067" s="12"/>
    </row>
    <row r="577068" spans="8:8">
      <c r="H577068" s="12"/>
    </row>
    <row r="577069" spans="8:8">
      <c r="H577069" s="12"/>
    </row>
    <row r="577070" spans="8:8">
      <c r="H577070" s="12"/>
    </row>
    <row r="577071" spans="8:8">
      <c r="H577071" s="12"/>
    </row>
    <row r="577072" spans="8:8">
      <c r="H577072" s="12"/>
    </row>
    <row r="577073" spans="8:8">
      <c r="H577073" s="12"/>
    </row>
    <row r="577074" spans="8:8">
      <c r="H577074" s="12"/>
    </row>
    <row r="577075" spans="8:8">
      <c r="H577075" s="12"/>
    </row>
    <row r="577076" spans="8:8">
      <c r="H577076" s="12"/>
    </row>
    <row r="577077" spans="8:8">
      <c r="H577077" s="12"/>
    </row>
    <row r="577078" spans="8:8">
      <c r="H577078" s="12"/>
    </row>
    <row r="577079" spans="8:8">
      <c r="H577079" s="12"/>
    </row>
    <row r="577080" spans="8:8">
      <c r="H577080" s="12"/>
    </row>
    <row r="577081" spans="8:8">
      <c r="H577081" s="12"/>
    </row>
    <row r="577082" spans="8:8">
      <c r="H577082" s="12"/>
    </row>
    <row r="577083" spans="8:8">
      <c r="H577083" s="12"/>
    </row>
    <row r="577084" spans="8:8">
      <c r="H577084" s="12"/>
    </row>
    <row r="577085" spans="8:8">
      <c r="H577085" s="12"/>
    </row>
    <row r="577086" spans="8:8">
      <c r="H577086" s="12"/>
    </row>
    <row r="577087" spans="8:8">
      <c r="H577087" s="12"/>
    </row>
    <row r="577088" spans="8:8">
      <c r="H577088" s="12"/>
    </row>
    <row r="577089" spans="8:8">
      <c r="H577089" s="12"/>
    </row>
    <row r="577090" spans="8:8">
      <c r="H577090" s="12"/>
    </row>
    <row r="577091" spans="8:8">
      <c r="H577091" s="12"/>
    </row>
    <row r="577092" spans="8:8">
      <c r="H577092" s="12"/>
    </row>
    <row r="577093" spans="8:8">
      <c r="H577093" s="12"/>
    </row>
    <row r="577094" spans="8:8">
      <c r="H577094" s="12"/>
    </row>
    <row r="577095" spans="8:8">
      <c r="H577095" s="12"/>
    </row>
    <row r="577096" spans="8:8">
      <c r="H577096" s="12"/>
    </row>
    <row r="577097" spans="8:8">
      <c r="H577097" s="12"/>
    </row>
    <row r="577098" spans="8:8">
      <c r="H577098" s="12"/>
    </row>
    <row r="577099" spans="8:8">
      <c r="H577099" s="12"/>
    </row>
    <row r="577100" spans="8:8">
      <c r="H577100" s="12"/>
    </row>
    <row r="577101" spans="8:8">
      <c r="H577101" s="12"/>
    </row>
    <row r="577102" spans="8:8">
      <c r="H577102" s="12"/>
    </row>
    <row r="577103" spans="8:8">
      <c r="H577103" s="12"/>
    </row>
    <row r="577104" spans="8:8">
      <c r="H577104" s="12"/>
    </row>
    <row r="577105" spans="8:8">
      <c r="H577105" s="12"/>
    </row>
    <row r="577106" spans="8:8">
      <c r="H577106" s="12"/>
    </row>
    <row r="577107" spans="8:8">
      <c r="H577107" s="12"/>
    </row>
    <row r="577108" spans="8:8">
      <c r="H577108" s="12"/>
    </row>
    <row r="577109" spans="8:8">
      <c r="H577109" s="12"/>
    </row>
    <row r="577110" spans="8:8">
      <c r="H577110" s="12"/>
    </row>
    <row r="577111" spans="8:8">
      <c r="H577111" s="12"/>
    </row>
    <row r="577112" spans="8:8">
      <c r="H577112" s="12"/>
    </row>
    <row r="577113" spans="8:8">
      <c r="H577113" s="12"/>
    </row>
    <row r="577114" spans="8:8">
      <c r="H577114" s="12"/>
    </row>
    <row r="577115" spans="8:8">
      <c r="H577115" s="12"/>
    </row>
    <row r="577116" spans="8:8">
      <c r="H577116" s="12"/>
    </row>
    <row r="577117" spans="8:8">
      <c r="H577117" s="12"/>
    </row>
    <row r="577118" spans="8:8">
      <c r="H577118" s="12"/>
    </row>
    <row r="577119" spans="8:8">
      <c r="H577119" s="12"/>
    </row>
    <row r="577120" spans="8:8">
      <c r="H577120" s="12"/>
    </row>
    <row r="577121" spans="8:8">
      <c r="H577121" s="12"/>
    </row>
    <row r="577122" spans="8:8">
      <c r="H577122" s="12"/>
    </row>
    <row r="577123" spans="8:8">
      <c r="H577123" s="12"/>
    </row>
    <row r="577124" spans="8:8">
      <c r="H577124" s="12"/>
    </row>
    <row r="577125" spans="8:8">
      <c r="H577125" s="12"/>
    </row>
    <row r="577126" spans="8:8">
      <c r="H577126" s="12"/>
    </row>
    <row r="577127" spans="8:8">
      <c r="H577127" s="12"/>
    </row>
    <row r="577128" spans="8:8">
      <c r="H577128" s="12"/>
    </row>
    <row r="577129" spans="8:8">
      <c r="H577129" s="12"/>
    </row>
    <row r="577130" spans="8:8">
      <c r="H577130" s="12"/>
    </row>
    <row r="577131" spans="8:8">
      <c r="H577131" s="12"/>
    </row>
    <row r="577132" spans="8:8">
      <c r="H577132" s="12"/>
    </row>
    <row r="577133" spans="8:8">
      <c r="H577133" s="12"/>
    </row>
    <row r="577134" spans="8:8">
      <c r="H577134" s="12"/>
    </row>
    <row r="577135" spans="8:8">
      <c r="H577135" s="12"/>
    </row>
    <row r="577136" spans="8:8">
      <c r="H577136" s="12"/>
    </row>
    <row r="577137" spans="8:8">
      <c r="H577137" s="12"/>
    </row>
    <row r="577138" spans="8:8">
      <c r="H577138" s="12"/>
    </row>
    <row r="577139" spans="8:8">
      <c r="H577139" s="12"/>
    </row>
    <row r="577140" spans="8:8">
      <c r="H577140" s="12"/>
    </row>
    <row r="577141" spans="8:8">
      <c r="H577141" s="12"/>
    </row>
    <row r="577142" spans="8:8">
      <c r="H577142" s="12"/>
    </row>
    <row r="577143" spans="8:8">
      <c r="H577143" s="12"/>
    </row>
    <row r="577144" spans="8:8">
      <c r="H577144" s="12"/>
    </row>
    <row r="577145" spans="8:8">
      <c r="H577145" s="12"/>
    </row>
    <row r="577146" spans="8:8">
      <c r="H577146" s="12"/>
    </row>
    <row r="577147" spans="8:8">
      <c r="H577147" s="12"/>
    </row>
    <row r="577148" spans="8:8">
      <c r="H577148" s="12"/>
    </row>
    <row r="577149" spans="8:8">
      <c r="H577149" s="12"/>
    </row>
    <row r="577150" spans="8:8">
      <c r="H577150" s="12"/>
    </row>
    <row r="577151" spans="8:8">
      <c r="H577151" s="12"/>
    </row>
    <row r="577152" spans="8:8">
      <c r="H577152" s="12"/>
    </row>
    <row r="577153" spans="8:8">
      <c r="H577153" s="12"/>
    </row>
    <row r="577154" spans="8:8">
      <c r="H577154" s="12"/>
    </row>
    <row r="577155" spans="8:8">
      <c r="H577155" s="12"/>
    </row>
    <row r="577156" spans="8:8">
      <c r="H577156" s="12"/>
    </row>
    <row r="577157" spans="8:8">
      <c r="H577157" s="12"/>
    </row>
    <row r="577158" spans="8:8">
      <c r="H577158" s="12"/>
    </row>
    <row r="577159" spans="8:8">
      <c r="H577159" s="12"/>
    </row>
    <row r="577160" spans="8:8">
      <c r="H577160" s="12"/>
    </row>
    <row r="577161" spans="8:8">
      <c r="H577161" s="12"/>
    </row>
    <row r="577162" spans="8:8">
      <c r="H577162" s="12"/>
    </row>
    <row r="577163" spans="8:8">
      <c r="H577163" s="12"/>
    </row>
    <row r="577164" spans="8:8">
      <c r="H577164" s="12"/>
    </row>
    <row r="577165" spans="8:8">
      <c r="H577165" s="12"/>
    </row>
    <row r="577166" spans="8:8">
      <c r="H577166" s="12"/>
    </row>
    <row r="577167" spans="8:8">
      <c r="H577167" s="12"/>
    </row>
    <row r="577168" spans="8:8">
      <c r="H577168" s="12"/>
    </row>
    <row r="577169" spans="8:8">
      <c r="H577169" s="12"/>
    </row>
    <row r="577170" spans="8:8">
      <c r="H577170" s="12"/>
    </row>
    <row r="577171" spans="8:8">
      <c r="H577171" s="12"/>
    </row>
    <row r="577172" spans="8:8">
      <c r="H577172" s="12"/>
    </row>
    <row r="577173" spans="8:8">
      <c r="H577173" s="12"/>
    </row>
    <row r="577174" spans="8:8">
      <c r="H577174" s="12"/>
    </row>
    <row r="577175" spans="8:8">
      <c r="H577175" s="12"/>
    </row>
    <row r="577176" spans="8:8">
      <c r="H577176" s="12"/>
    </row>
    <row r="577177" spans="8:8">
      <c r="H577177" s="12"/>
    </row>
    <row r="577178" spans="8:8">
      <c r="H577178" s="12"/>
    </row>
    <row r="577179" spans="8:8">
      <c r="H577179" s="12"/>
    </row>
    <row r="577180" spans="8:8">
      <c r="H577180" s="12"/>
    </row>
    <row r="577181" spans="8:8">
      <c r="H577181" s="12"/>
    </row>
    <row r="577182" spans="8:8">
      <c r="H577182" s="12"/>
    </row>
    <row r="577183" spans="8:8">
      <c r="H577183" s="12"/>
    </row>
    <row r="577184" spans="8:8">
      <c r="H577184" s="12"/>
    </row>
    <row r="577185" spans="8:8">
      <c r="H577185" s="12"/>
    </row>
    <row r="577186" spans="8:8">
      <c r="H577186" s="12"/>
    </row>
    <row r="577187" spans="8:8">
      <c r="H577187" s="12"/>
    </row>
    <row r="577188" spans="8:8">
      <c r="H577188" s="12"/>
    </row>
    <row r="577189" spans="8:8">
      <c r="H577189" s="12"/>
    </row>
    <row r="577190" spans="8:8">
      <c r="H577190" s="12"/>
    </row>
    <row r="577191" spans="8:8">
      <c r="H577191" s="12"/>
    </row>
    <row r="577192" spans="8:8">
      <c r="H577192" s="12"/>
    </row>
    <row r="577193" spans="8:8">
      <c r="H577193" s="12"/>
    </row>
    <row r="577194" spans="8:8">
      <c r="H577194" s="12"/>
    </row>
    <row r="577195" spans="8:8">
      <c r="H577195" s="12"/>
    </row>
    <row r="577196" spans="8:8">
      <c r="H577196" s="12"/>
    </row>
    <row r="577197" spans="8:8">
      <c r="H577197" s="12"/>
    </row>
    <row r="577198" spans="8:8">
      <c r="H577198" s="12"/>
    </row>
    <row r="577199" spans="8:8">
      <c r="H577199" s="12"/>
    </row>
    <row r="577200" spans="8:8">
      <c r="H577200" s="12"/>
    </row>
    <row r="577201" spans="8:8">
      <c r="H577201" s="12"/>
    </row>
    <row r="577202" spans="8:8">
      <c r="H577202" s="12"/>
    </row>
    <row r="577203" spans="8:8">
      <c r="H577203" s="12"/>
    </row>
    <row r="577204" spans="8:8">
      <c r="H577204" s="12"/>
    </row>
    <row r="577205" spans="8:8">
      <c r="H577205" s="12"/>
    </row>
    <row r="577206" spans="8:8">
      <c r="H577206" s="12"/>
    </row>
    <row r="577207" spans="8:8">
      <c r="H577207" s="12"/>
    </row>
    <row r="577208" spans="8:8">
      <c r="H577208" s="12"/>
    </row>
    <row r="577209" spans="8:8">
      <c r="H577209" s="12"/>
    </row>
    <row r="577210" spans="8:8">
      <c r="H577210" s="12"/>
    </row>
    <row r="577211" spans="8:8">
      <c r="H577211" s="12"/>
    </row>
    <row r="577212" spans="8:8">
      <c r="H577212" s="12"/>
    </row>
    <row r="577213" spans="8:8">
      <c r="H577213" s="12"/>
    </row>
    <row r="577214" spans="8:8">
      <c r="H577214" s="12"/>
    </row>
    <row r="577215" spans="8:8">
      <c r="H577215" s="12"/>
    </row>
    <row r="577216" spans="8:8">
      <c r="H577216" s="12"/>
    </row>
    <row r="577217" spans="8:8">
      <c r="H577217" s="12"/>
    </row>
    <row r="577218" spans="8:8">
      <c r="H577218" s="12"/>
    </row>
    <row r="577219" spans="8:8">
      <c r="H577219" s="12"/>
    </row>
    <row r="577220" spans="8:8">
      <c r="H577220" s="12"/>
    </row>
    <row r="577221" spans="8:8">
      <c r="H577221" s="12"/>
    </row>
    <row r="577222" spans="8:8">
      <c r="H577222" s="12"/>
    </row>
    <row r="577223" spans="8:8">
      <c r="H577223" s="12"/>
    </row>
    <row r="577224" spans="8:8">
      <c r="H577224" s="12"/>
    </row>
    <row r="577225" spans="8:8">
      <c r="H577225" s="12"/>
    </row>
    <row r="577226" spans="8:8">
      <c r="H577226" s="12"/>
    </row>
    <row r="577227" spans="8:8">
      <c r="H577227" s="12"/>
    </row>
    <row r="577228" spans="8:8">
      <c r="H577228" s="12"/>
    </row>
    <row r="577229" spans="8:8">
      <c r="H577229" s="12"/>
    </row>
    <row r="577230" spans="8:8">
      <c r="H577230" s="12"/>
    </row>
    <row r="577231" spans="8:8">
      <c r="H577231" s="12"/>
    </row>
    <row r="577232" spans="8:8">
      <c r="H577232" s="12"/>
    </row>
    <row r="577233" spans="8:8">
      <c r="H577233" s="12"/>
    </row>
    <row r="577234" spans="8:8">
      <c r="H577234" s="12"/>
    </row>
    <row r="577235" spans="8:8">
      <c r="H577235" s="12"/>
    </row>
    <row r="577236" spans="8:8">
      <c r="H577236" s="12"/>
    </row>
    <row r="577237" spans="8:8">
      <c r="H577237" s="12"/>
    </row>
    <row r="577238" spans="8:8">
      <c r="H577238" s="12"/>
    </row>
    <row r="577239" spans="8:8">
      <c r="H577239" s="12"/>
    </row>
    <row r="577240" spans="8:8">
      <c r="H577240" s="12"/>
    </row>
    <row r="577241" spans="8:8">
      <c r="H577241" s="12"/>
    </row>
    <row r="577242" spans="8:8">
      <c r="H577242" s="12"/>
    </row>
    <row r="577243" spans="8:8">
      <c r="H577243" s="12"/>
    </row>
    <row r="577244" spans="8:8">
      <c r="H577244" s="12"/>
    </row>
    <row r="577245" spans="8:8">
      <c r="H577245" s="12"/>
    </row>
    <row r="577246" spans="8:8">
      <c r="H577246" s="12"/>
    </row>
    <row r="577247" spans="8:8">
      <c r="H577247" s="12"/>
    </row>
    <row r="577248" spans="8:8">
      <c r="H577248" s="12"/>
    </row>
    <row r="577249" spans="8:8">
      <c r="H577249" s="12"/>
    </row>
    <row r="577250" spans="8:8">
      <c r="H577250" s="12"/>
    </row>
    <row r="577251" spans="8:8">
      <c r="H577251" s="12"/>
    </row>
    <row r="577252" spans="8:8">
      <c r="H577252" s="12"/>
    </row>
    <row r="577253" spans="8:8">
      <c r="H577253" s="12"/>
    </row>
    <row r="577254" spans="8:8">
      <c r="H577254" s="12"/>
    </row>
    <row r="577255" spans="8:8">
      <c r="H577255" s="12"/>
    </row>
    <row r="577256" spans="8:8">
      <c r="H577256" s="12"/>
    </row>
    <row r="577257" spans="8:8">
      <c r="H577257" s="12"/>
    </row>
    <row r="577258" spans="8:8">
      <c r="H577258" s="12"/>
    </row>
    <row r="577259" spans="8:8">
      <c r="H577259" s="12"/>
    </row>
    <row r="577260" spans="8:8">
      <c r="H577260" s="12"/>
    </row>
    <row r="577261" spans="8:8">
      <c r="H577261" s="12"/>
    </row>
    <row r="577262" spans="8:8">
      <c r="H577262" s="12"/>
    </row>
    <row r="577263" spans="8:8">
      <c r="H577263" s="12"/>
    </row>
    <row r="577264" spans="8:8">
      <c r="H577264" s="12"/>
    </row>
    <row r="577265" spans="8:8">
      <c r="H577265" s="12"/>
    </row>
    <row r="577266" spans="8:8">
      <c r="H577266" s="12"/>
    </row>
    <row r="577267" spans="8:8">
      <c r="H577267" s="12"/>
    </row>
    <row r="577268" spans="8:8">
      <c r="H577268" s="12"/>
    </row>
    <row r="577269" spans="8:8">
      <c r="H577269" s="12"/>
    </row>
    <row r="577270" spans="8:8">
      <c r="H577270" s="12"/>
    </row>
    <row r="577271" spans="8:8">
      <c r="H577271" s="12"/>
    </row>
    <row r="577272" spans="8:8">
      <c r="H577272" s="12"/>
    </row>
    <row r="577273" spans="8:8">
      <c r="H577273" s="12"/>
    </row>
    <row r="577274" spans="8:8">
      <c r="H577274" s="12"/>
    </row>
    <row r="577275" spans="8:8">
      <c r="H577275" s="12"/>
    </row>
    <row r="577276" spans="8:8">
      <c r="H577276" s="12"/>
    </row>
    <row r="577277" spans="8:8">
      <c r="H577277" s="12"/>
    </row>
    <row r="577278" spans="8:8">
      <c r="H577278" s="12"/>
    </row>
    <row r="577279" spans="8:8">
      <c r="H577279" s="12"/>
    </row>
    <row r="577280" spans="8:8">
      <c r="H577280" s="12"/>
    </row>
    <row r="577281" spans="8:8">
      <c r="H577281" s="12"/>
    </row>
    <row r="577282" spans="8:8">
      <c r="H577282" s="12"/>
    </row>
    <row r="577283" spans="8:8">
      <c r="H577283" s="12"/>
    </row>
    <row r="577284" spans="8:8">
      <c r="H577284" s="12"/>
    </row>
    <row r="577285" spans="8:8">
      <c r="H577285" s="12"/>
    </row>
    <row r="577286" spans="8:8">
      <c r="H577286" s="12"/>
    </row>
    <row r="577287" spans="8:8">
      <c r="H577287" s="12"/>
    </row>
    <row r="577288" spans="8:8">
      <c r="H577288" s="12"/>
    </row>
    <row r="577289" spans="8:8">
      <c r="H577289" s="12"/>
    </row>
    <row r="577290" spans="8:8">
      <c r="H577290" s="12"/>
    </row>
    <row r="577291" spans="8:8">
      <c r="H577291" s="12"/>
    </row>
    <row r="577292" spans="8:8">
      <c r="H577292" s="12"/>
    </row>
    <row r="577293" spans="8:8">
      <c r="H577293" s="12"/>
    </row>
    <row r="577294" spans="8:8">
      <c r="H577294" s="12"/>
    </row>
    <row r="577295" spans="8:8">
      <c r="H577295" s="12"/>
    </row>
    <row r="577296" spans="8:8">
      <c r="H577296" s="12"/>
    </row>
    <row r="577297" spans="8:8">
      <c r="H577297" s="12"/>
    </row>
    <row r="577298" spans="8:8">
      <c r="H577298" s="12"/>
    </row>
    <row r="577299" spans="8:8">
      <c r="H577299" s="12"/>
    </row>
    <row r="577300" spans="8:8">
      <c r="H577300" s="12"/>
    </row>
    <row r="577301" spans="8:8">
      <c r="H577301" s="12"/>
    </row>
    <row r="577302" spans="8:8">
      <c r="H577302" s="12"/>
    </row>
    <row r="577303" spans="8:8">
      <c r="H577303" s="12"/>
    </row>
    <row r="577304" spans="8:8">
      <c r="H577304" s="12"/>
    </row>
    <row r="577305" spans="8:8">
      <c r="H577305" s="12"/>
    </row>
    <row r="577306" spans="8:8">
      <c r="H577306" s="12"/>
    </row>
    <row r="577307" spans="8:8">
      <c r="H577307" s="12"/>
    </row>
    <row r="577308" spans="8:8">
      <c r="H577308" s="12"/>
    </row>
    <row r="577309" spans="8:8">
      <c r="H577309" s="12"/>
    </row>
    <row r="577310" spans="8:8">
      <c r="H577310" s="12"/>
    </row>
    <row r="577311" spans="8:8">
      <c r="H577311" s="12"/>
    </row>
    <row r="577312" spans="8:8">
      <c r="H577312" s="12"/>
    </row>
    <row r="577313" spans="8:8">
      <c r="H577313" s="12"/>
    </row>
    <row r="577314" spans="8:8">
      <c r="H577314" s="12"/>
    </row>
    <row r="577315" spans="8:8">
      <c r="H577315" s="12"/>
    </row>
    <row r="577316" spans="8:8">
      <c r="H577316" s="12"/>
    </row>
    <row r="577317" spans="8:8">
      <c r="H577317" s="12"/>
    </row>
    <row r="577318" spans="8:8">
      <c r="H577318" s="12"/>
    </row>
    <row r="577319" spans="8:8">
      <c r="H577319" s="12"/>
    </row>
    <row r="577320" spans="8:8">
      <c r="H577320" s="12"/>
    </row>
    <row r="577321" spans="8:8">
      <c r="H577321" s="12"/>
    </row>
    <row r="577322" spans="8:8">
      <c r="H577322" s="12"/>
    </row>
    <row r="577323" spans="8:8">
      <c r="H577323" s="12"/>
    </row>
    <row r="577324" spans="8:8">
      <c r="H577324" s="12"/>
    </row>
    <row r="577325" spans="8:8">
      <c r="H577325" s="12"/>
    </row>
    <row r="577326" spans="8:8">
      <c r="H577326" s="12"/>
    </row>
    <row r="577327" spans="8:8">
      <c r="H577327" s="12"/>
    </row>
    <row r="577328" spans="8:8">
      <c r="H577328" s="12"/>
    </row>
    <row r="577329" spans="8:8">
      <c r="H577329" s="12"/>
    </row>
    <row r="577330" spans="8:8">
      <c r="H577330" s="12"/>
    </row>
    <row r="577331" spans="8:8">
      <c r="H577331" s="12"/>
    </row>
    <row r="577332" spans="8:8">
      <c r="H577332" s="12"/>
    </row>
    <row r="577333" spans="8:8">
      <c r="H577333" s="12"/>
    </row>
    <row r="577334" spans="8:8">
      <c r="H577334" s="12"/>
    </row>
    <row r="577335" spans="8:8">
      <c r="H577335" s="12"/>
    </row>
    <row r="577336" spans="8:8">
      <c r="H577336" s="12"/>
    </row>
    <row r="577337" spans="8:8">
      <c r="H577337" s="12"/>
    </row>
    <row r="577338" spans="8:8">
      <c r="H577338" s="12"/>
    </row>
    <row r="577339" spans="8:8">
      <c r="H577339" s="12"/>
    </row>
    <row r="577340" spans="8:8">
      <c r="H577340" s="12"/>
    </row>
    <row r="577341" spans="8:8">
      <c r="H577341" s="12"/>
    </row>
    <row r="577342" spans="8:8">
      <c r="H577342" s="12"/>
    </row>
    <row r="577343" spans="8:8">
      <c r="H577343" s="12"/>
    </row>
    <row r="577344" spans="8:8">
      <c r="H577344" s="12"/>
    </row>
    <row r="577345" spans="8:8">
      <c r="H577345" s="12"/>
    </row>
    <row r="577346" spans="8:8">
      <c r="H577346" s="12"/>
    </row>
    <row r="577347" spans="8:8">
      <c r="H577347" s="12"/>
    </row>
    <row r="577348" spans="8:8">
      <c r="H577348" s="12"/>
    </row>
    <row r="577349" spans="8:8">
      <c r="H577349" s="12"/>
    </row>
    <row r="577350" spans="8:8">
      <c r="H577350" s="12"/>
    </row>
    <row r="577351" spans="8:8">
      <c r="H577351" s="12"/>
    </row>
    <row r="577352" spans="8:8">
      <c r="H577352" s="12"/>
    </row>
    <row r="577353" spans="8:8">
      <c r="H577353" s="12"/>
    </row>
    <row r="577354" spans="8:8">
      <c r="H577354" s="12"/>
    </row>
    <row r="577355" spans="8:8">
      <c r="H577355" s="12"/>
    </row>
    <row r="577356" spans="8:8">
      <c r="H577356" s="12"/>
    </row>
    <row r="577357" spans="8:8">
      <c r="H577357" s="12"/>
    </row>
    <row r="577358" spans="8:8">
      <c r="H577358" s="12"/>
    </row>
    <row r="577359" spans="8:8">
      <c r="H577359" s="12"/>
    </row>
    <row r="577360" spans="8:8">
      <c r="H577360" s="12"/>
    </row>
    <row r="577361" spans="8:8">
      <c r="H577361" s="12"/>
    </row>
    <row r="577362" spans="8:8">
      <c r="H577362" s="12"/>
    </row>
    <row r="577363" spans="8:8">
      <c r="H577363" s="12"/>
    </row>
    <row r="577364" spans="8:8">
      <c r="H577364" s="12"/>
    </row>
    <row r="577365" spans="8:8">
      <c r="H577365" s="12"/>
    </row>
    <row r="577366" spans="8:8">
      <c r="H577366" s="12"/>
    </row>
    <row r="577367" spans="8:8">
      <c r="H577367" s="12"/>
    </row>
    <row r="577368" spans="8:8">
      <c r="H577368" s="12"/>
    </row>
    <row r="577369" spans="8:8">
      <c r="H577369" s="12"/>
    </row>
    <row r="577370" spans="8:8">
      <c r="H577370" s="12"/>
    </row>
    <row r="577371" spans="8:8">
      <c r="H577371" s="12"/>
    </row>
    <row r="577372" spans="8:8">
      <c r="H577372" s="12"/>
    </row>
    <row r="577373" spans="8:8">
      <c r="H577373" s="12"/>
    </row>
    <row r="577374" spans="8:8">
      <c r="H577374" s="12"/>
    </row>
    <row r="577375" spans="8:8">
      <c r="H577375" s="12"/>
    </row>
    <row r="577376" spans="8:8">
      <c r="H577376" s="12"/>
    </row>
    <row r="577377" spans="8:8">
      <c r="H577377" s="12"/>
    </row>
    <row r="577378" spans="8:8">
      <c r="H577378" s="12"/>
    </row>
    <row r="577379" spans="8:8">
      <c r="H577379" s="12"/>
    </row>
    <row r="577380" spans="8:8">
      <c r="H577380" s="12"/>
    </row>
    <row r="577381" spans="8:8">
      <c r="H577381" s="12"/>
    </row>
    <row r="577382" spans="8:8">
      <c r="H577382" s="12"/>
    </row>
    <row r="577383" spans="8:8">
      <c r="H577383" s="12"/>
    </row>
    <row r="577384" spans="8:8">
      <c r="H577384" s="12"/>
    </row>
    <row r="577385" spans="8:8">
      <c r="H577385" s="12"/>
    </row>
    <row r="577386" spans="8:8">
      <c r="H577386" s="12"/>
    </row>
    <row r="577387" spans="8:8">
      <c r="H577387" s="12"/>
    </row>
    <row r="577388" spans="8:8">
      <c r="H577388" s="12"/>
    </row>
    <row r="577389" spans="8:8">
      <c r="H577389" s="12"/>
    </row>
    <row r="577390" spans="8:8">
      <c r="H577390" s="12"/>
    </row>
    <row r="577391" spans="8:8">
      <c r="H577391" s="12"/>
    </row>
    <row r="577392" spans="8:8">
      <c r="H577392" s="12"/>
    </row>
    <row r="577393" spans="8:8">
      <c r="H577393" s="12"/>
    </row>
    <row r="577394" spans="8:8">
      <c r="H577394" s="12"/>
    </row>
    <row r="577395" spans="8:8">
      <c r="H577395" s="12"/>
    </row>
    <row r="577396" spans="8:8">
      <c r="H577396" s="12"/>
    </row>
    <row r="577397" spans="8:8">
      <c r="H577397" s="12"/>
    </row>
    <row r="577398" spans="8:8">
      <c r="H577398" s="12"/>
    </row>
    <row r="577399" spans="8:8">
      <c r="H577399" s="12"/>
    </row>
    <row r="577400" spans="8:8">
      <c r="H577400" s="12"/>
    </row>
    <row r="577401" spans="8:8">
      <c r="H577401" s="12"/>
    </row>
    <row r="577402" spans="8:8">
      <c r="H577402" s="12"/>
    </row>
    <row r="577403" spans="8:8">
      <c r="H577403" s="12"/>
    </row>
    <row r="577404" spans="8:8">
      <c r="H577404" s="12"/>
    </row>
    <row r="577405" spans="8:8">
      <c r="H577405" s="12"/>
    </row>
    <row r="577406" spans="8:8">
      <c r="H577406" s="12"/>
    </row>
    <row r="577407" spans="8:8">
      <c r="H577407" s="12"/>
    </row>
    <row r="577408" spans="8:8">
      <c r="H577408" s="12"/>
    </row>
    <row r="577409" spans="8:8">
      <c r="H577409" s="12"/>
    </row>
    <row r="577410" spans="8:8">
      <c r="H577410" s="12"/>
    </row>
    <row r="577411" spans="8:8">
      <c r="H577411" s="12"/>
    </row>
    <row r="577412" spans="8:8">
      <c r="H577412" s="12"/>
    </row>
    <row r="577413" spans="8:8">
      <c r="H577413" s="12"/>
    </row>
    <row r="577414" spans="8:8">
      <c r="H577414" s="12"/>
    </row>
    <row r="577415" spans="8:8">
      <c r="H577415" s="12"/>
    </row>
    <row r="577416" spans="8:8">
      <c r="H577416" s="12"/>
    </row>
    <row r="577417" spans="8:8">
      <c r="H577417" s="12"/>
    </row>
    <row r="577418" spans="8:8">
      <c r="H577418" s="12"/>
    </row>
    <row r="577419" spans="8:8">
      <c r="H577419" s="12"/>
    </row>
    <row r="577420" spans="8:8">
      <c r="H577420" s="12"/>
    </row>
    <row r="577421" spans="8:8">
      <c r="H577421" s="12"/>
    </row>
    <row r="577422" spans="8:8">
      <c r="H577422" s="12"/>
    </row>
    <row r="577423" spans="8:8">
      <c r="H577423" s="12"/>
    </row>
    <row r="577424" spans="8:8">
      <c r="H577424" s="12"/>
    </row>
    <row r="577425" spans="8:8">
      <c r="H577425" s="12"/>
    </row>
    <row r="577426" spans="8:8">
      <c r="H577426" s="12"/>
    </row>
    <row r="577427" spans="8:8">
      <c r="H577427" s="12"/>
    </row>
    <row r="577428" spans="8:8">
      <c r="H577428" s="12"/>
    </row>
    <row r="577429" spans="8:8">
      <c r="H577429" s="12"/>
    </row>
    <row r="577430" spans="8:8">
      <c r="H577430" s="12"/>
    </row>
    <row r="577431" spans="8:8">
      <c r="H577431" s="12"/>
    </row>
    <row r="577432" spans="8:8">
      <c r="H577432" s="12"/>
    </row>
    <row r="577433" spans="8:8">
      <c r="H577433" s="12"/>
    </row>
    <row r="577434" spans="8:8">
      <c r="H577434" s="12"/>
    </row>
    <row r="577435" spans="8:8">
      <c r="H577435" s="12"/>
    </row>
    <row r="577436" spans="8:8">
      <c r="H577436" s="12"/>
    </row>
    <row r="577437" spans="8:8">
      <c r="H577437" s="12"/>
    </row>
    <row r="577438" spans="8:8">
      <c r="H577438" s="12"/>
    </row>
    <row r="577439" spans="8:8">
      <c r="H577439" s="12"/>
    </row>
    <row r="577440" spans="8:8">
      <c r="H577440" s="12"/>
    </row>
    <row r="577441" spans="8:8">
      <c r="H577441" s="12"/>
    </row>
    <row r="577442" spans="8:8">
      <c r="H577442" s="12"/>
    </row>
    <row r="577443" spans="8:8">
      <c r="H577443" s="12"/>
    </row>
    <row r="577444" spans="8:8">
      <c r="H577444" s="12"/>
    </row>
    <row r="577445" spans="8:8">
      <c r="H577445" s="12"/>
    </row>
    <row r="577446" spans="8:8">
      <c r="H577446" s="12"/>
    </row>
    <row r="577447" spans="8:8">
      <c r="H577447" s="12"/>
    </row>
    <row r="577448" spans="8:8">
      <c r="H577448" s="12"/>
    </row>
    <row r="577449" spans="8:8">
      <c r="H577449" s="12"/>
    </row>
    <row r="577450" spans="8:8">
      <c r="H577450" s="12"/>
    </row>
    <row r="577451" spans="8:8">
      <c r="H577451" s="12"/>
    </row>
    <row r="577452" spans="8:8">
      <c r="H577452" s="12"/>
    </row>
    <row r="577453" spans="8:8">
      <c r="H577453" s="12"/>
    </row>
    <row r="577454" spans="8:8">
      <c r="H577454" s="12"/>
    </row>
    <row r="577455" spans="8:8">
      <c r="H577455" s="12"/>
    </row>
    <row r="577456" spans="8:8">
      <c r="H577456" s="12"/>
    </row>
    <row r="577457" spans="8:8">
      <c r="H577457" s="12"/>
    </row>
    <row r="577458" spans="8:8">
      <c r="H577458" s="12"/>
    </row>
    <row r="577459" spans="8:8">
      <c r="H577459" s="12"/>
    </row>
    <row r="577460" spans="8:8">
      <c r="H577460" s="12"/>
    </row>
    <row r="577461" spans="8:8">
      <c r="H577461" s="12"/>
    </row>
    <row r="577462" spans="8:8">
      <c r="H577462" s="12"/>
    </row>
    <row r="577463" spans="8:8">
      <c r="H577463" s="12"/>
    </row>
    <row r="577464" spans="8:8">
      <c r="H577464" s="12"/>
    </row>
    <row r="577465" spans="8:8">
      <c r="H577465" s="12"/>
    </row>
    <row r="577466" spans="8:8">
      <c r="H577466" s="12"/>
    </row>
    <row r="577467" spans="8:8">
      <c r="H577467" s="12"/>
    </row>
    <row r="577468" spans="8:8">
      <c r="H577468" s="12"/>
    </row>
    <row r="577469" spans="8:8">
      <c r="H577469" s="12"/>
    </row>
    <row r="577470" spans="8:8">
      <c r="H577470" s="12"/>
    </row>
    <row r="577471" spans="8:8">
      <c r="H577471" s="12"/>
    </row>
    <row r="577472" spans="8:8">
      <c r="H577472" s="12"/>
    </row>
    <row r="577473" spans="8:8">
      <c r="H577473" s="12"/>
    </row>
    <row r="577474" spans="8:8">
      <c r="H577474" s="12"/>
    </row>
    <row r="577475" spans="8:8">
      <c r="H577475" s="12"/>
    </row>
    <row r="577476" spans="8:8">
      <c r="H577476" s="12"/>
    </row>
    <row r="577477" spans="8:8">
      <c r="H577477" s="12"/>
    </row>
    <row r="577478" spans="8:8">
      <c r="H577478" s="12"/>
    </row>
    <row r="577479" spans="8:8">
      <c r="H577479" s="12"/>
    </row>
    <row r="577480" spans="8:8">
      <c r="H577480" s="12"/>
    </row>
    <row r="577481" spans="8:8">
      <c r="H577481" s="12"/>
    </row>
    <row r="577482" spans="8:8">
      <c r="H577482" s="12"/>
    </row>
    <row r="577483" spans="8:8">
      <c r="H577483" s="12"/>
    </row>
    <row r="577484" spans="8:8">
      <c r="H577484" s="12"/>
    </row>
    <row r="577485" spans="8:8">
      <c r="H577485" s="12"/>
    </row>
    <row r="577486" spans="8:8">
      <c r="H577486" s="12"/>
    </row>
    <row r="577487" spans="8:8">
      <c r="H577487" s="12"/>
    </row>
    <row r="577488" spans="8:8">
      <c r="H577488" s="12"/>
    </row>
    <row r="577489" spans="8:8">
      <c r="H577489" s="12"/>
    </row>
    <row r="577490" spans="8:8">
      <c r="H577490" s="12"/>
    </row>
    <row r="577491" spans="8:8">
      <c r="H577491" s="12"/>
    </row>
    <row r="577492" spans="8:8">
      <c r="H577492" s="12"/>
    </row>
    <row r="577493" spans="8:8">
      <c r="H577493" s="12"/>
    </row>
    <row r="577494" spans="8:8">
      <c r="H577494" s="12"/>
    </row>
    <row r="577495" spans="8:8">
      <c r="H577495" s="12"/>
    </row>
    <row r="577496" spans="8:8">
      <c r="H577496" s="12"/>
    </row>
    <row r="577497" spans="8:8">
      <c r="H577497" s="12"/>
    </row>
    <row r="577498" spans="8:8">
      <c r="H577498" s="12"/>
    </row>
    <row r="577499" spans="8:8">
      <c r="H577499" s="12"/>
    </row>
    <row r="577500" spans="8:8">
      <c r="H577500" s="12"/>
    </row>
    <row r="577501" spans="8:8">
      <c r="H577501" s="12"/>
    </row>
    <row r="577502" spans="8:8">
      <c r="H577502" s="12"/>
    </row>
    <row r="577503" spans="8:8">
      <c r="H577503" s="12"/>
    </row>
    <row r="577504" spans="8:8">
      <c r="H577504" s="12"/>
    </row>
    <row r="577505" spans="8:8">
      <c r="H577505" s="12"/>
    </row>
    <row r="577506" spans="8:8">
      <c r="H577506" s="12"/>
    </row>
    <row r="577507" spans="8:8">
      <c r="H577507" s="12"/>
    </row>
    <row r="577508" spans="8:8">
      <c r="H577508" s="12"/>
    </row>
    <row r="577509" spans="8:8">
      <c r="H577509" s="12"/>
    </row>
    <row r="577510" spans="8:8">
      <c r="H577510" s="12"/>
    </row>
    <row r="577511" spans="8:8">
      <c r="H577511" s="12"/>
    </row>
    <row r="577512" spans="8:8">
      <c r="H577512" s="12"/>
    </row>
    <row r="577513" spans="8:8">
      <c r="H577513" s="12"/>
    </row>
    <row r="577514" spans="8:8">
      <c r="H577514" s="12"/>
    </row>
    <row r="577515" spans="8:8">
      <c r="H577515" s="12"/>
    </row>
    <row r="577516" spans="8:8">
      <c r="H577516" s="12"/>
    </row>
    <row r="577517" spans="8:8">
      <c r="H577517" s="12"/>
    </row>
    <row r="577518" spans="8:8">
      <c r="H577518" s="12"/>
    </row>
    <row r="577519" spans="8:8">
      <c r="H577519" s="12"/>
    </row>
    <row r="577520" spans="8:8">
      <c r="H577520" s="12"/>
    </row>
    <row r="577521" spans="8:8">
      <c r="H577521" s="12"/>
    </row>
    <row r="577522" spans="8:8">
      <c r="H577522" s="12"/>
    </row>
    <row r="577523" spans="8:8">
      <c r="H577523" s="12"/>
    </row>
    <row r="577524" spans="8:8">
      <c r="H577524" s="12"/>
    </row>
    <row r="577525" spans="8:8">
      <c r="H577525" s="12"/>
    </row>
    <row r="577526" spans="8:8">
      <c r="H577526" s="12"/>
    </row>
    <row r="577527" spans="8:8">
      <c r="H577527" s="12"/>
    </row>
    <row r="577528" spans="8:8">
      <c r="H577528" s="12"/>
    </row>
    <row r="577529" spans="8:8">
      <c r="H577529" s="12"/>
    </row>
    <row r="577530" spans="8:8">
      <c r="H577530" s="12"/>
    </row>
    <row r="577531" spans="8:8">
      <c r="H577531" s="12"/>
    </row>
    <row r="577532" spans="8:8">
      <c r="H577532" s="12"/>
    </row>
    <row r="577533" spans="8:8">
      <c r="H577533" s="12"/>
    </row>
    <row r="577534" spans="8:8">
      <c r="H577534" s="12"/>
    </row>
    <row r="577535" spans="8:8">
      <c r="H577535" s="12"/>
    </row>
    <row r="577536" spans="8:8">
      <c r="H577536" s="12"/>
    </row>
    <row r="577537" spans="8:8">
      <c r="H577537" s="12"/>
    </row>
    <row r="577538" spans="8:8">
      <c r="H577538" s="12"/>
    </row>
    <row r="577539" spans="8:8">
      <c r="H577539" s="12"/>
    </row>
    <row r="577540" spans="8:8">
      <c r="H577540" s="12"/>
    </row>
    <row r="577541" spans="8:8">
      <c r="H577541" s="12"/>
    </row>
    <row r="577542" spans="8:8">
      <c r="H577542" s="12"/>
    </row>
    <row r="577543" spans="8:8">
      <c r="H577543" s="12"/>
    </row>
    <row r="577544" spans="8:8">
      <c r="H577544" s="12"/>
    </row>
    <row r="577545" spans="8:8">
      <c r="H577545" s="12"/>
    </row>
    <row r="577546" spans="8:8">
      <c r="H577546" s="12"/>
    </row>
    <row r="577547" spans="8:8">
      <c r="H577547" s="12"/>
    </row>
    <row r="577548" spans="8:8">
      <c r="H577548" s="12"/>
    </row>
    <row r="577549" spans="8:8">
      <c r="H577549" s="12"/>
    </row>
    <row r="577550" spans="8:8">
      <c r="H577550" s="12"/>
    </row>
    <row r="577551" spans="8:8">
      <c r="H577551" s="12"/>
    </row>
    <row r="577552" spans="8:8">
      <c r="H577552" s="12"/>
    </row>
    <row r="577553" spans="8:8">
      <c r="H577553" s="12"/>
    </row>
    <row r="577554" spans="8:8">
      <c r="H577554" s="12"/>
    </row>
    <row r="577555" spans="8:8">
      <c r="H577555" s="12"/>
    </row>
    <row r="577556" spans="8:8">
      <c r="H577556" s="12"/>
    </row>
    <row r="577557" spans="8:8">
      <c r="H577557" s="12"/>
    </row>
    <row r="577558" spans="8:8">
      <c r="H577558" s="12"/>
    </row>
    <row r="577559" spans="8:8">
      <c r="H577559" s="12"/>
    </row>
    <row r="577560" spans="8:8">
      <c r="H577560" s="12"/>
    </row>
    <row r="577561" spans="8:8">
      <c r="H577561" s="12"/>
    </row>
    <row r="577562" spans="8:8">
      <c r="H577562" s="12"/>
    </row>
    <row r="577563" spans="8:8">
      <c r="H577563" s="12"/>
    </row>
    <row r="577564" spans="8:8">
      <c r="H577564" s="12"/>
    </row>
    <row r="577565" spans="8:8">
      <c r="H577565" s="12"/>
    </row>
    <row r="577566" spans="8:8">
      <c r="H577566" s="12"/>
    </row>
    <row r="577567" spans="8:8">
      <c r="H577567" s="12"/>
    </row>
    <row r="577568" spans="8:8">
      <c r="H577568" s="12"/>
    </row>
    <row r="577569" spans="8:8">
      <c r="H577569" s="12"/>
    </row>
    <row r="577570" spans="8:8">
      <c r="H577570" s="12"/>
    </row>
    <row r="577571" spans="8:8">
      <c r="H577571" s="12"/>
    </row>
    <row r="577572" spans="8:8">
      <c r="H577572" s="12"/>
    </row>
    <row r="577573" spans="8:8">
      <c r="H577573" s="12"/>
    </row>
    <row r="577574" spans="8:8">
      <c r="H577574" s="12"/>
    </row>
    <row r="577575" spans="8:8">
      <c r="H577575" s="12"/>
    </row>
    <row r="577576" spans="8:8">
      <c r="H577576" s="12"/>
    </row>
    <row r="577577" spans="8:8">
      <c r="H577577" s="12"/>
    </row>
    <row r="577578" spans="8:8">
      <c r="H577578" s="12"/>
    </row>
    <row r="577579" spans="8:8">
      <c r="H577579" s="12"/>
    </row>
    <row r="577580" spans="8:8">
      <c r="H577580" s="12"/>
    </row>
    <row r="577581" spans="8:8">
      <c r="H577581" s="12"/>
    </row>
    <row r="577582" spans="8:8">
      <c r="H577582" s="12"/>
    </row>
    <row r="577583" spans="8:8">
      <c r="H577583" s="12"/>
    </row>
    <row r="577584" spans="8:8">
      <c r="H577584" s="12"/>
    </row>
    <row r="577585" spans="8:8">
      <c r="H577585" s="12"/>
    </row>
    <row r="577586" spans="8:8">
      <c r="H577586" s="12"/>
    </row>
    <row r="577587" spans="8:8">
      <c r="H577587" s="12"/>
    </row>
    <row r="577588" spans="8:8">
      <c r="H577588" s="12"/>
    </row>
    <row r="577589" spans="8:8">
      <c r="H577589" s="12"/>
    </row>
    <row r="577590" spans="8:8">
      <c r="H577590" s="12"/>
    </row>
    <row r="577591" spans="8:8">
      <c r="H577591" s="12"/>
    </row>
    <row r="577592" spans="8:8">
      <c r="H577592" s="12"/>
    </row>
    <row r="577593" spans="8:8">
      <c r="H577593" s="12"/>
    </row>
    <row r="577594" spans="8:8">
      <c r="H577594" s="12"/>
    </row>
    <row r="577595" spans="8:8">
      <c r="H577595" s="12"/>
    </row>
    <row r="577596" spans="8:8">
      <c r="H577596" s="12"/>
    </row>
    <row r="577597" spans="8:8">
      <c r="H577597" s="12"/>
    </row>
    <row r="577598" spans="8:8">
      <c r="H577598" s="12"/>
    </row>
    <row r="577599" spans="8:8">
      <c r="H577599" s="12"/>
    </row>
    <row r="577600" spans="8:8">
      <c r="H577600" s="12"/>
    </row>
    <row r="577601" spans="8:8">
      <c r="H577601" s="12"/>
    </row>
    <row r="577602" spans="8:8">
      <c r="H577602" s="12"/>
    </row>
    <row r="577603" spans="8:8">
      <c r="H577603" s="12"/>
    </row>
    <row r="577604" spans="8:8">
      <c r="H577604" s="12"/>
    </row>
    <row r="577605" spans="8:8">
      <c r="H577605" s="12"/>
    </row>
    <row r="577606" spans="8:8">
      <c r="H577606" s="12"/>
    </row>
    <row r="577607" spans="8:8">
      <c r="H577607" s="12"/>
    </row>
    <row r="577608" spans="8:8">
      <c r="H577608" s="12"/>
    </row>
    <row r="577609" spans="8:8">
      <c r="H577609" s="12"/>
    </row>
    <row r="577610" spans="8:8">
      <c r="H577610" s="12"/>
    </row>
    <row r="577611" spans="8:8">
      <c r="H577611" s="12"/>
    </row>
    <row r="577612" spans="8:8">
      <c r="H577612" s="12"/>
    </row>
    <row r="577613" spans="8:8">
      <c r="H577613" s="12"/>
    </row>
    <row r="577614" spans="8:8">
      <c r="H577614" s="12"/>
    </row>
    <row r="577615" spans="8:8">
      <c r="H577615" s="12"/>
    </row>
    <row r="577616" spans="8:8">
      <c r="H577616" s="12"/>
    </row>
    <row r="577617" spans="8:8">
      <c r="H577617" s="12"/>
    </row>
    <row r="577618" spans="8:8">
      <c r="H577618" s="12"/>
    </row>
    <row r="577619" spans="8:8">
      <c r="H577619" s="12"/>
    </row>
    <row r="577620" spans="8:8">
      <c r="H577620" s="12"/>
    </row>
    <row r="577621" spans="8:8">
      <c r="H577621" s="12"/>
    </row>
    <row r="577622" spans="8:8">
      <c r="H577622" s="12"/>
    </row>
    <row r="577623" spans="8:8">
      <c r="H577623" s="12"/>
    </row>
    <row r="577624" spans="8:8">
      <c r="H577624" s="12"/>
    </row>
    <row r="577625" spans="8:8">
      <c r="H577625" s="12"/>
    </row>
    <row r="577626" spans="8:8">
      <c r="H577626" s="12"/>
    </row>
    <row r="577627" spans="8:8">
      <c r="H577627" s="12"/>
    </row>
    <row r="577628" spans="8:8">
      <c r="H577628" s="12"/>
    </row>
    <row r="577629" spans="8:8">
      <c r="H577629" s="12"/>
    </row>
    <row r="577630" spans="8:8">
      <c r="H577630" s="12"/>
    </row>
    <row r="577631" spans="8:8">
      <c r="H577631" s="12"/>
    </row>
    <row r="577632" spans="8:8">
      <c r="H577632" s="12"/>
    </row>
    <row r="577633" spans="8:8">
      <c r="H577633" s="12"/>
    </row>
    <row r="577634" spans="8:8">
      <c r="H577634" s="12"/>
    </row>
    <row r="577635" spans="8:8">
      <c r="H577635" s="12"/>
    </row>
    <row r="577636" spans="8:8">
      <c r="H577636" s="12"/>
    </row>
    <row r="577637" spans="8:8">
      <c r="H577637" s="12"/>
    </row>
    <row r="577638" spans="8:8">
      <c r="H577638" s="12"/>
    </row>
    <row r="577639" spans="8:8">
      <c r="H577639" s="12"/>
    </row>
    <row r="577640" spans="8:8">
      <c r="H577640" s="12"/>
    </row>
    <row r="577641" spans="8:8">
      <c r="H577641" s="12"/>
    </row>
    <row r="577642" spans="8:8">
      <c r="H577642" s="12"/>
    </row>
    <row r="577643" spans="8:8">
      <c r="H577643" s="12"/>
    </row>
    <row r="577644" spans="8:8">
      <c r="H577644" s="12"/>
    </row>
    <row r="577645" spans="8:8">
      <c r="H577645" s="12"/>
    </row>
    <row r="577646" spans="8:8">
      <c r="H577646" s="12"/>
    </row>
    <row r="577647" spans="8:8">
      <c r="H577647" s="12"/>
    </row>
    <row r="577648" spans="8:8">
      <c r="H577648" s="12"/>
    </row>
    <row r="577649" spans="8:8">
      <c r="H577649" s="12"/>
    </row>
    <row r="577650" spans="8:8">
      <c r="H577650" s="12"/>
    </row>
    <row r="577651" spans="8:8">
      <c r="H577651" s="12"/>
    </row>
    <row r="577652" spans="8:8">
      <c r="H577652" s="12"/>
    </row>
    <row r="577653" spans="8:8">
      <c r="H577653" s="12"/>
    </row>
    <row r="577654" spans="8:8">
      <c r="H577654" s="12"/>
    </row>
    <row r="577655" spans="8:8">
      <c r="H577655" s="12"/>
    </row>
    <row r="577656" spans="8:8">
      <c r="H577656" s="12"/>
    </row>
    <row r="577657" spans="8:8">
      <c r="H577657" s="12"/>
    </row>
    <row r="577658" spans="8:8">
      <c r="H577658" s="12"/>
    </row>
    <row r="577659" spans="8:8">
      <c r="H577659" s="12"/>
    </row>
    <row r="577660" spans="8:8">
      <c r="H577660" s="12"/>
    </row>
    <row r="577661" spans="8:8">
      <c r="H577661" s="12"/>
    </row>
    <row r="577662" spans="8:8">
      <c r="H577662" s="12"/>
    </row>
    <row r="577663" spans="8:8">
      <c r="H577663" s="12"/>
    </row>
    <row r="577664" spans="8:8">
      <c r="H577664" s="12"/>
    </row>
    <row r="577665" spans="8:8">
      <c r="H577665" s="12"/>
    </row>
    <row r="577666" spans="8:8">
      <c r="H577666" s="12"/>
    </row>
    <row r="577667" spans="8:8">
      <c r="H577667" s="12"/>
    </row>
    <row r="577668" spans="8:8">
      <c r="H577668" s="12"/>
    </row>
    <row r="577669" spans="8:8">
      <c r="H577669" s="12"/>
    </row>
    <row r="577670" spans="8:8">
      <c r="H577670" s="12"/>
    </row>
    <row r="577671" spans="8:8">
      <c r="H577671" s="12"/>
    </row>
    <row r="577672" spans="8:8">
      <c r="H577672" s="12"/>
    </row>
    <row r="577673" spans="8:8">
      <c r="H577673" s="12"/>
    </row>
    <row r="577674" spans="8:8">
      <c r="H577674" s="12"/>
    </row>
    <row r="577675" spans="8:8">
      <c r="H577675" s="12"/>
    </row>
    <row r="577676" spans="8:8">
      <c r="H577676" s="12"/>
    </row>
    <row r="577677" spans="8:8">
      <c r="H577677" s="12"/>
    </row>
    <row r="577678" spans="8:8">
      <c r="H577678" s="12"/>
    </row>
    <row r="577679" spans="8:8">
      <c r="H577679" s="12"/>
    </row>
    <row r="577680" spans="8:8">
      <c r="H577680" s="12"/>
    </row>
    <row r="577681" spans="8:8">
      <c r="H577681" s="12"/>
    </row>
    <row r="577682" spans="8:8">
      <c r="H577682" s="12"/>
    </row>
    <row r="577683" spans="8:8">
      <c r="H577683" s="12"/>
    </row>
    <row r="577684" spans="8:8">
      <c r="H577684" s="12"/>
    </row>
    <row r="577685" spans="8:8">
      <c r="H577685" s="12"/>
    </row>
    <row r="577686" spans="8:8">
      <c r="H577686" s="12"/>
    </row>
    <row r="577687" spans="8:8">
      <c r="H577687" s="12"/>
    </row>
    <row r="577688" spans="8:8">
      <c r="H577688" s="12"/>
    </row>
    <row r="577689" spans="8:8">
      <c r="H577689" s="12"/>
    </row>
    <row r="577690" spans="8:8">
      <c r="H577690" s="12"/>
    </row>
    <row r="577691" spans="8:8">
      <c r="H577691" s="12"/>
    </row>
    <row r="577692" spans="8:8">
      <c r="H577692" s="12"/>
    </row>
    <row r="577693" spans="8:8">
      <c r="H577693" s="12"/>
    </row>
    <row r="577694" spans="8:8">
      <c r="H577694" s="12"/>
    </row>
    <row r="577695" spans="8:8">
      <c r="H577695" s="12"/>
    </row>
    <row r="577696" spans="8:8">
      <c r="H577696" s="12"/>
    </row>
    <row r="577697" spans="8:8">
      <c r="H577697" s="12"/>
    </row>
    <row r="577698" spans="8:8">
      <c r="H577698" s="12"/>
    </row>
    <row r="577699" spans="8:8">
      <c r="H577699" s="12"/>
    </row>
    <row r="577700" spans="8:8">
      <c r="H577700" s="12"/>
    </row>
    <row r="577701" spans="8:8">
      <c r="H577701" s="12"/>
    </row>
    <row r="577702" spans="8:8">
      <c r="H577702" s="12"/>
    </row>
    <row r="577703" spans="8:8">
      <c r="H577703" s="12"/>
    </row>
    <row r="577704" spans="8:8">
      <c r="H577704" s="12"/>
    </row>
    <row r="577705" spans="8:8">
      <c r="H577705" s="12"/>
    </row>
    <row r="577706" spans="8:8">
      <c r="H577706" s="12"/>
    </row>
    <row r="577707" spans="8:8">
      <c r="H577707" s="12"/>
    </row>
    <row r="577708" spans="8:8">
      <c r="H577708" s="12"/>
    </row>
    <row r="577709" spans="8:8">
      <c r="H577709" s="12"/>
    </row>
    <row r="577710" spans="8:8">
      <c r="H577710" s="12"/>
    </row>
    <row r="577711" spans="8:8">
      <c r="H577711" s="12"/>
    </row>
    <row r="577712" spans="8:8">
      <c r="H577712" s="12"/>
    </row>
    <row r="577713" spans="8:8">
      <c r="H577713" s="12"/>
    </row>
    <row r="577714" spans="8:8">
      <c r="H577714" s="12"/>
    </row>
    <row r="577715" spans="8:8">
      <c r="H577715" s="12"/>
    </row>
    <row r="577716" spans="8:8">
      <c r="H577716" s="12"/>
    </row>
    <row r="577717" spans="8:8">
      <c r="H577717" s="12"/>
    </row>
    <row r="577718" spans="8:8">
      <c r="H577718" s="12"/>
    </row>
    <row r="577719" spans="8:8">
      <c r="H577719" s="12"/>
    </row>
    <row r="577720" spans="8:8">
      <c r="H577720" s="12"/>
    </row>
    <row r="577721" spans="8:8">
      <c r="H577721" s="12"/>
    </row>
    <row r="577722" spans="8:8">
      <c r="H577722" s="12"/>
    </row>
    <row r="577723" spans="8:8">
      <c r="H577723" s="12"/>
    </row>
    <row r="577724" spans="8:8">
      <c r="H577724" s="12"/>
    </row>
    <row r="577725" spans="8:8">
      <c r="H577725" s="12"/>
    </row>
    <row r="577726" spans="8:8">
      <c r="H577726" s="12"/>
    </row>
    <row r="577727" spans="8:8">
      <c r="H577727" s="12"/>
    </row>
    <row r="577728" spans="8:8">
      <c r="H577728" s="12"/>
    </row>
    <row r="577729" spans="8:8">
      <c r="H577729" s="12"/>
    </row>
    <row r="577730" spans="8:8">
      <c r="H577730" s="12"/>
    </row>
    <row r="577731" spans="8:8">
      <c r="H577731" s="12"/>
    </row>
    <row r="577732" spans="8:8">
      <c r="H577732" s="12"/>
    </row>
    <row r="577733" spans="8:8">
      <c r="H577733" s="12"/>
    </row>
    <row r="577734" spans="8:8">
      <c r="H577734" s="12"/>
    </row>
    <row r="577735" spans="8:8">
      <c r="H577735" s="12"/>
    </row>
    <row r="577736" spans="8:8">
      <c r="H577736" s="12"/>
    </row>
    <row r="577737" spans="8:8">
      <c r="H577737" s="12"/>
    </row>
    <row r="577738" spans="8:8">
      <c r="H577738" s="12"/>
    </row>
    <row r="577739" spans="8:8">
      <c r="H577739" s="12"/>
    </row>
    <row r="577740" spans="8:8">
      <c r="H577740" s="12"/>
    </row>
    <row r="577741" spans="8:8">
      <c r="H577741" s="12"/>
    </row>
    <row r="577742" spans="8:8">
      <c r="H577742" s="12"/>
    </row>
    <row r="577743" spans="8:8">
      <c r="H577743" s="12"/>
    </row>
    <row r="577744" spans="8:8">
      <c r="H577744" s="12"/>
    </row>
    <row r="577745" spans="8:8">
      <c r="H577745" s="12"/>
    </row>
    <row r="577746" spans="8:8">
      <c r="H577746" s="12"/>
    </row>
    <row r="577747" spans="8:8">
      <c r="H577747" s="12"/>
    </row>
    <row r="577748" spans="8:8">
      <c r="H577748" s="12"/>
    </row>
    <row r="577749" spans="8:8">
      <c r="H577749" s="12"/>
    </row>
    <row r="577750" spans="8:8">
      <c r="H577750" s="12"/>
    </row>
    <row r="577751" spans="8:8">
      <c r="H577751" s="12"/>
    </row>
    <row r="577752" spans="8:8">
      <c r="H577752" s="12"/>
    </row>
    <row r="577753" spans="8:8">
      <c r="H577753" s="12"/>
    </row>
    <row r="577754" spans="8:8">
      <c r="H577754" s="12"/>
    </row>
    <row r="577755" spans="8:8">
      <c r="H577755" s="12"/>
    </row>
    <row r="577756" spans="8:8">
      <c r="H577756" s="12"/>
    </row>
    <row r="577757" spans="8:8">
      <c r="H577757" s="12"/>
    </row>
    <row r="577758" spans="8:8">
      <c r="H577758" s="12"/>
    </row>
    <row r="577759" spans="8:8">
      <c r="H577759" s="12"/>
    </row>
    <row r="577760" spans="8:8">
      <c r="H577760" s="12"/>
    </row>
    <row r="577761" spans="8:8">
      <c r="H577761" s="12"/>
    </row>
    <row r="577762" spans="8:8">
      <c r="H577762" s="12"/>
    </row>
    <row r="577763" spans="8:8">
      <c r="H577763" s="12"/>
    </row>
    <row r="577764" spans="8:8">
      <c r="H577764" s="12"/>
    </row>
    <row r="577765" spans="8:8">
      <c r="H577765" s="12"/>
    </row>
    <row r="577766" spans="8:8">
      <c r="H577766" s="12"/>
    </row>
    <row r="577767" spans="8:8">
      <c r="H577767" s="12"/>
    </row>
    <row r="577768" spans="8:8">
      <c r="H577768" s="12"/>
    </row>
    <row r="577769" spans="8:8">
      <c r="H577769" s="12"/>
    </row>
    <row r="577770" spans="8:8">
      <c r="H577770" s="12"/>
    </row>
    <row r="577771" spans="8:8">
      <c r="H577771" s="12"/>
    </row>
    <row r="577772" spans="8:8">
      <c r="H577772" s="12"/>
    </row>
    <row r="577773" spans="8:8">
      <c r="H577773" s="12"/>
    </row>
    <row r="577774" spans="8:8">
      <c r="H577774" s="12"/>
    </row>
    <row r="577775" spans="8:8">
      <c r="H577775" s="12"/>
    </row>
    <row r="577776" spans="8:8">
      <c r="H577776" s="12"/>
    </row>
    <row r="577777" spans="8:8">
      <c r="H577777" s="12"/>
    </row>
    <row r="577778" spans="8:8">
      <c r="H577778" s="12"/>
    </row>
    <row r="577779" spans="8:8">
      <c r="H577779" s="12"/>
    </row>
    <row r="577780" spans="8:8">
      <c r="H577780" s="12"/>
    </row>
    <row r="577781" spans="8:8">
      <c r="H577781" s="12"/>
    </row>
    <row r="577782" spans="8:8">
      <c r="H577782" s="12"/>
    </row>
    <row r="577783" spans="8:8">
      <c r="H577783" s="12"/>
    </row>
    <row r="577784" spans="8:8">
      <c r="H577784" s="12"/>
    </row>
    <row r="577785" spans="8:8">
      <c r="H577785" s="12"/>
    </row>
    <row r="577786" spans="8:8">
      <c r="H577786" s="12"/>
    </row>
    <row r="577787" spans="8:8">
      <c r="H577787" s="12"/>
    </row>
    <row r="577788" spans="8:8">
      <c r="H577788" s="12"/>
    </row>
    <row r="577789" spans="8:8">
      <c r="H577789" s="12"/>
    </row>
    <row r="577790" spans="8:8">
      <c r="H577790" s="12"/>
    </row>
    <row r="577791" spans="8:8">
      <c r="H577791" s="12"/>
    </row>
    <row r="577792" spans="8:8">
      <c r="H577792" s="12"/>
    </row>
    <row r="577793" spans="8:8">
      <c r="H577793" s="12"/>
    </row>
    <row r="577794" spans="8:8">
      <c r="H577794" s="12"/>
    </row>
    <row r="577795" spans="8:8">
      <c r="H577795" s="12"/>
    </row>
    <row r="577796" spans="8:8">
      <c r="H577796" s="12"/>
    </row>
    <row r="577797" spans="8:8">
      <c r="H577797" s="12"/>
    </row>
    <row r="577798" spans="8:8">
      <c r="H577798" s="12"/>
    </row>
    <row r="577799" spans="8:8">
      <c r="H577799" s="12"/>
    </row>
    <row r="577800" spans="8:8">
      <c r="H577800" s="12"/>
    </row>
    <row r="577801" spans="8:8">
      <c r="H577801" s="12"/>
    </row>
    <row r="577802" spans="8:8">
      <c r="H577802" s="12"/>
    </row>
    <row r="577803" spans="8:8">
      <c r="H577803" s="12"/>
    </row>
    <row r="577804" spans="8:8">
      <c r="H577804" s="12"/>
    </row>
    <row r="577805" spans="8:8">
      <c r="H577805" s="12"/>
    </row>
    <row r="577806" spans="8:8">
      <c r="H577806" s="12"/>
    </row>
    <row r="577807" spans="8:8">
      <c r="H577807" s="12"/>
    </row>
    <row r="577808" spans="8:8">
      <c r="H577808" s="12"/>
    </row>
    <row r="577809" spans="8:8">
      <c r="H577809" s="12"/>
    </row>
    <row r="577810" spans="8:8">
      <c r="H577810" s="12"/>
    </row>
    <row r="577811" spans="8:8">
      <c r="H577811" s="12"/>
    </row>
    <row r="577812" spans="8:8">
      <c r="H577812" s="12"/>
    </row>
    <row r="577813" spans="8:8">
      <c r="H577813" s="12"/>
    </row>
    <row r="577814" spans="8:8">
      <c r="H577814" s="12"/>
    </row>
    <row r="577815" spans="8:8">
      <c r="H577815" s="12"/>
    </row>
    <row r="577816" spans="8:8">
      <c r="H577816" s="12"/>
    </row>
    <row r="577817" spans="8:8">
      <c r="H577817" s="12"/>
    </row>
    <row r="577818" spans="8:8">
      <c r="H577818" s="12"/>
    </row>
    <row r="577819" spans="8:8">
      <c r="H577819" s="12"/>
    </row>
    <row r="577820" spans="8:8">
      <c r="H577820" s="12"/>
    </row>
    <row r="577821" spans="8:8">
      <c r="H577821" s="12"/>
    </row>
    <row r="577822" spans="8:8">
      <c r="H577822" s="12"/>
    </row>
    <row r="577823" spans="8:8">
      <c r="H577823" s="12"/>
    </row>
    <row r="577824" spans="8:8">
      <c r="H577824" s="12"/>
    </row>
    <row r="577825" spans="8:8">
      <c r="H577825" s="12"/>
    </row>
    <row r="577826" spans="8:8">
      <c r="H577826" s="12"/>
    </row>
    <row r="577827" spans="8:8">
      <c r="H577827" s="12"/>
    </row>
    <row r="577828" spans="8:8">
      <c r="H577828" s="12"/>
    </row>
    <row r="577829" spans="8:8">
      <c r="H577829" s="12"/>
    </row>
    <row r="577830" spans="8:8">
      <c r="H577830" s="12"/>
    </row>
    <row r="577831" spans="8:8">
      <c r="H577831" s="12"/>
    </row>
    <row r="577832" spans="8:8">
      <c r="H577832" s="12"/>
    </row>
    <row r="577833" spans="8:8">
      <c r="H577833" s="12"/>
    </row>
    <row r="577834" spans="8:8">
      <c r="H577834" s="12"/>
    </row>
    <row r="577835" spans="8:8">
      <c r="H577835" s="12"/>
    </row>
    <row r="577836" spans="8:8">
      <c r="H577836" s="12"/>
    </row>
    <row r="577837" spans="8:8">
      <c r="H577837" s="12"/>
    </row>
    <row r="577838" spans="8:8">
      <c r="H577838" s="12"/>
    </row>
    <row r="577839" spans="8:8">
      <c r="H577839" s="12"/>
    </row>
    <row r="577840" spans="8:8">
      <c r="H577840" s="12"/>
    </row>
    <row r="577841" spans="8:8">
      <c r="H577841" s="12"/>
    </row>
    <row r="577842" spans="8:8">
      <c r="H577842" s="12"/>
    </row>
    <row r="577843" spans="8:8">
      <c r="H577843" s="12"/>
    </row>
    <row r="577844" spans="8:8">
      <c r="H577844" s="12"/>
    </row>
    <row r="577845" spans="8:8">
      <c r="H577845" s="12"/>
    </row>
    <row r="577846" spans="8:8">
      <c r="H577846" s="12"/>
    </row>
    <row r="577847" spans="8:8">
      <c r="H577847" s="12"/>
    </row>
    <row r="577848" spans="8:8">
      <c r="H577848" s="12"/>
    </row>
    <row r="577849" spans="8:8">
      <c r="H577849" s="12"/>
    </row>
    <row r="577850" spans="8:8">
      <c r="H577850" s="12"/>
    </row>
    <row r="577851" spans="8:8">
      <c r="H577851" s="12"/>
    </row>
    <row r="577852" spans="8:8">
      <c r="H577852" s="12"/>
    </row>
    <row r="577853" spans="8:8">
      <c r="H577853" s="12"/>
    </row>
    <row r="577854" spans="8:8">
      <c r="H577854" s="12"/>
    </row>
    <row r="577855" spans="8:8">
      <c r="H577855" s="12"/>
    </row>
    <row r="577856" spans="8:8">
      <c r="H577856" s="12"/>
    </row>
    <row r="577857" spans="8:8">
      <c r="H577857" s="12"/>
    </row>
    <row r="577858" spans="8:8">
      <c r="H577858" s="12"/>
    </row>
    <row r="577859" spans="8:8">
      <c r="H577859" s="12"/>
    </row>
    <row r="577860" spans="8:8">
      <c r="H577860" s="12"/>
    </row>
    <row r="577861" spans="8:8">
      <c r="H577861" s="12"/>
    </row>
    <row r="577862" spans="8:8">
      <c r="H577862" s="12"/>
    </row>
    <row r="577863" spans="8:8">
      <c r="H577863" s="12"/>
    </row>
    <row r="577864" spans="8:8">
      <c r="H577864" s="12"/>
    </row>
    <row r="577865" spans="8:8">
      <c r="H577865" s="12"/>
    </row>
    <row r="577866" spans="8:8">
      <c r="H577866" s="12"/>
    </row>
    <row r="577867" spans="8:8">
      <c r="H577867" s="12"/>
    </row>
    <row r="577868" spans="8:8">
      <c r="H577868" s="12"/>
    </row>
    <row r="577869" spans="8:8">
      <c r="H577869" s="12"/>
    </row>
    <row r="577870" spans="8:8">
      <c r="H577870" s="12"/>
    </row>
    <row r="577871" spans="8:8">
      <c r="H577871" s="12"/>
    </row>
    <row r="577872" spans="8:8">
      <c r="H577872" s="12"/>
    </row>
    <row r="577873" spans="8:8">
      <c r="H577873" s="12"/>
    </row>
    <row r="577874" spans="8:8">
      <c r="H577874" s="12"/>
    </row>
    <row r="577875" spans="8:8">
      <c r="H577875" s="12"/>
    </row>
    <row r="577876" spans="8:8">
      <c r="H577876" s="12"/>
    </row>
    <row r="577877" spans="8:8">
      <c r="H577877" s="12"/>
    </row>
    <row r="577878" spans="8:8">
      <c r="H577878" s="12"/>
    </row>
    <row r="577879" spans="8:8">
      <c r="H577879" s="12"/>
    </row>
    <row r="577880" spans="8:8">
      <c r="H577880" s="12"/>
    </row>
    <row r="577881" spans="8:8">
      <c r="H577881" s="12"/>
    </row>
    <row r="577882" spans="8:8">
      <c r="H577882" s="12"/>
    </row>
    <row r="577883" spans="8:8">
      <c r="H577883" s="12"/>
    </row>
    <row r="577884" spans="8:8">
      <c r="H577884" s="12"/>
    </row>
    <row r="577885" spans="8:8">
      <c r="H577885" s="12"/>
    </row>
    <row r="577886" spans="8:8">
      <c r="H577886" s="12"/>
    </row>
    <row r="577887" spans="8:8">
      <c r="H577887" s="12"/>
    </row>
    <row r="577888" spans="8:8">
      <c r="H577888" s="12"/>
    </row>
    <row r="577889" spans="8:8">
      <c r="H577889" s="12"/>
    </row>
    <row r="577890" spans="8:8">
      <c r="H577890" s="12"/>
    </row>
    <row r="577891" spans="8:8">
      <c r="H577891" s="12"/>
    </row>
    <row r="577892" spans="8:8">
      <c r="H577892" s="12"/>
    </row>
    <row r="577893" spans="8:8">
      <c r="H577893" s="12"/>
    </row>
    <row r="577894" spans="8:8">
      <c r="H577894" s="12"/>
    </row>
    <row r="577895" spans="8:8">
      <c r="H577895" s="12"/>
    </row>
    <row r="577896" spans="8:8">
      <c r="H577896" s="12"/>
    </row>
    <row r="577897" spans="8:8">
      <c r="H577897" s="12"/>
    </row>
    <row r="577898" spans="8:8">
      <c r="H577898" s="12"/>
    </row>
    <row r="577899" spans="8:8">
      <c r="H577899" s="12"/>
    </row>
    <row r="577900" spans="8:8">
      <c r="H577900" s="12"/>
    </row>
    <row r="577901" spans="8:8">
      <c r="H577901" s="12"/>
    </row>
    <row r="577902" spans="8:8">
      <c r="H577902" s="12"/>
    </row>
    <row r="577903" spans="8:8">
      <c r="H577903" s="12"/>
    </row>
    <row r="577904" spans="8:8">
      <c r="H577904" s="12"/>
    </row>
    <row r="577905" spans="8:8">
      <c r="H577905" s="12"/>
    </row>
    <row r="577906" spans="8:8">
      <c r="H577906" s="12"/>
    </row>
    <row r="577907" spans="8:8">
      <c r="H577907" s="12"/>
    </row>
    <row r="577908" spans="8:8">
      <c r="H577908" s="12"/>
    </row>
    <row r="577909" spans="8:8">
      <c r="H577909" s="12"/>
    </row>
    <row r="577910" spans="8:8">
      <c r="H577910" s="12"/>
    </row>
    <row r="577911" spans="8:8">
      <c r="H577911" s="12"/>
    </row>
    <row r="577912" spans="8:8">
      <c r="H577912" s="12"/>
    </row>
    <row r="577913" spans="8:8">
      <c r="H577913" s="12"/>
    </row>
    <row r="577914" spans="8:8">
      <c r="H577914" s="12"/>
    </row>
    <row r="577915" spans="8:8">
      <c r="H577915" s="12"/>
    </row>
    <row r="577916" spans="8:8">
      <c r="H577916" s="12"/>
    </row>
    <row r="577917" spans="8:8">
      <c r="H577917" s="12"/>
    </row>
    <row r="577918" spans="8:8">
      <c r="H577918" s="12"/>
    </row>
    <row r="577919" spans="8:8">
      <c r="H577919" s="12"/>
    </row>
    <row r="577920" spans="8:8">
      <c r="H577920" s="12"/>
    </row>
    <row r="577921" spans="8:8">
      <c r="H577921" s="12"/>
    </row>
    <row r="577922" spans="8:8">
      <c r="H577922" s="12"/>
    </row>
    <row r="577923" spans="8:8">
      <c r="H577923" s="12"/>
    </row>
    <row r="577924" spans="8:8">
      <c r="H577924" s="12"/>
    </row>
    <row r="577925" spans="8:8">
      <c r="H577925" s="12"/>
    </row>
    <row r="577926" spans="8:8">
      <c r="H577926" s="12"/>
    </row>
    <row r="577927" spans="8:8">
      <c r="H577927" s="12"/>
    </row>
    <row r="577928" spans="8:8">
      <c r="H577928" s="12"/>
    </row>
    <row r="577929" spans="8:8">
      <c r="H577929" s="12"/>
    </row>
    <row r="577930" spans="8:8">
      <c r="H577930" s="12"/>
    </row>
    <row r="577931" spans="8:8">
      <c r="H577931" s="12"/>
    </row>
    <row r="577932" spans="8:8">
      <c r="H577932" s="12"/>
    </row>
    <row r="577933" spans="8:8">
      <c r="H577933" s="12"/>
    </row>
    <row r="577934" spans="8:8">
      <c r="H577934" s="12"/>
    </row>
    <row r="577935" spans="8:8">
      <c r="H577935" s="12"/>
    </row>
    <row r="577936" spans="8:8">
      <c r="H577936" s="12"/>
    </row>
    <row r="577937" spans="8:8">
      <c r="H577937" s="12"/>
    </row>
    <row r="577938" spans="8:8">
      <c r="H577938" s="12"/>
    </row>
    <row r="577939" spans="8:8">
      <c r="H577939" s="12"/>
    </row>
    <row r="577940" spans="8:8">
      <c r="H577940" s="12"/>
    </row>
    <row r="577941" spans="8:8">
      <c r="H577941" s="12"/>
    </row>
    <row r="577942" spans="8:8">
      <c r="H577942" s="12"/>
    </row>
    <row r="577943" spans="8:8">
      <c r="H577943" s="12"/>
    </row>
    <row r="577944" spans="8:8">
      <c r="H577944" s="12"/>
    </row>
    <row r="577945" spans="8:8">
      <c r="H577945" s="12"/>
    </row>
    <row r="577946" spans="8:8">
      <c r="H577946" s="12"/>
    </row>
    <row r="577947" spans="8:8">
      <c r="H577947" s="12"/>
    </row>
    <row r="577948" spans="8:8">
      <c r="H577948" s="12"/>
    </row>
    <row r="577949" spans="8:8">
      <c r="H577949" s="12"/>
    </row>
    <row r="577950" spans="8:8">
      <c r="H577950" s="12"/>
    </row>
    <row r="577951" spans="8:8">
      <c r="H577951" s="12"/>
    </row>
    <row r="577952" spans="8:8">
      <c r="H577952" s="12"/>
    </row>
    <row r="577953" spans="8:8">
      <c r="H577953" s="12"/>
    </row>
    <row r="577954" spans="8:8">
      <c r="H577954" s="12"/>
    </row>
    <row r="577955" spans="8:8">
      <c r="H577955" s="12"/>
    </row>
    <row r="577956" spans="8:8">
      <c r="H577956" s="12"/>
    </row>
    <row r="577957" spans="8:8">
      <c r="H577957" s="12"/>
    </row>
    <row r="577958" spans="8:8">
      <c r="H577958" s="12"/>
    </row>
    <row r="577959" spans="8:8">
      <c r="H577959" s="12"/>
    </row>
    <row r="577960" spans="8:8">
      <c r="H577960" s="12"/>
    </row>
    <row r="577961" spans="8:8">
      <c r="H577961" s="12"/>
    </row>
    <row r="577962" spans="8:8">
      <c r="H577962" s="12"/>
    </row>
    <row r="577963" spans="8:8">
      <c r="H577963" s="12"/>
    </row>
    <row r="577964" spans="8:8">
      <c r="H577964" s="12"/>
    </row>
    <row r="577965" spans="8:8">
      <c r="H577965" s="12"/>
    </row>
    <row r="577966" spans="8:8">
      <c r="H577966" s="12"/>
    </row>
    <row r="577967" spans="8:8">
      <c r="H577967" s="12"/>
    </row>
    <row r="577968" spans="8:8">
      <c r="H577968" s="12"/>
    </row>
    <row r="577969" spans="8:8">
      <c r="H577969" s="12"/>
    </row>
    <row r="577970" spans="8:8">
      <c r="H577970" s="12"/>
    </row>
    <row r="577971" spans="8:8">
      <c r="H577971" s="12"/>
    </row>
    <row r="577972" spans="8:8">
      <c r="H577972" s="12"/>
    </row>
    <row r="577973" spans="8:8">
      <c r="H577973" s="12"/>
    </row>
    <row r="577974" spans="8:8">
      <c r="H577974" s="12"/>
    </row>
    <row r="577975" spans="8:8">
      <c r="H577975" s="12"/>
    </row>
    <row r="577976" spans="8:8">
      <c r="H577976" s="12"/>
    </row>
    <row r="577977" spans="8:8">
      <c r="H577977" s="12"/>
    </row>
    <row r="577978" spans="8:8">
      <c r="H577978" s="12"/>
    </row>
    <row r="577979" spans="8:8">
      <c r="H577979" s="12"/>
    </row>
    <row r="577980" spans="8:8">
      <c r="H577980" s="12"/>
    </row>
    <row r="577981" spans="8:8">
      <c r="H577981" s="12"/>
    </row>
    <row r="577982" spans="8:8">
      <c r="H577982" s="12"/>
    </row>
    <row r="577983" spans="8:8">
      <c r="H577983" s="12"/>
    </row>
    <row r="577984" spans="8:8">
      <c r="H577984" s="12"/>
    </row>
    <row r="577985" spans="8:8">
      <c r="H577985" s="12"/>
    </row>
    <row r="577986" spans="8:8">
      <c r="H577986" s="12"/>
    </row>
    <row r="577987" spans="8:8">
      <c r="H577987" s="12"/>
    </row>
    <row r="577988" spans="8:8">
      <c r="H577988" s="12"/>
    </row>
    <row r="577989" spans="8:8">
      <c r="H577989" s="12"/>
    </row>
    <row r="577990" spans="8:8">
      <c r="H577990" s="12"/>
    </row>
    <row r="577991" spans="8:8">
      <c r="H577991" s="12"/>
    </row>
    <row r="577992" spans="8:8">
      <c r="H577992" s="12"/>
    </row>
    <row r="577993" spans="8:8">
      <c r="H577993" s="12"/>
    </row>
    <row r="577994" spans="8:8">
      <c r="H577994" s="12"/>
    </row>
    <row r="577995" spans="8:8">
      <c r="H577995" s="12"/>
    </row>
    <row r="577996" spans="8:8">
      <c r="H577996" s="12"/>
    </row>
    <row r="577997" spans="8:8">
      <c r="H577997" s="12"/>
    </row>
    <row r="577998" spans="8:8">
      <c r="H577998" s="12"/>
    </row>
    <row r="577999" spans="8:8">
      <c r="H577999" s="12"/>
    </row>
    <row r="578000" spans="8:8">
      <c r="H578000" s="12"/>
    </row>
    <row r="578001" spans="8:8">
      <c r="H578001" s="12"/>
    </row>
    <row r="578002" spans="8:8">
      <c r="H578002" s="12"/>
    </row>
    <row r="578003" spans="8:8">
      <c r="H578003" s="12"/>
    </row>
    <row r="578004" spans="8:8">
      <c r="H578004" s="12"/>
    </row>
    <row r="578005" spans="8:8">
      <c r="H578005" s="12"/>
    </row>
    <row r="578006" spans="8:8">
      <c r="H578006" s="12"/>
    </row>
    <row r="578007" spans="8:8">
      <c r="H578007" s="12"/>
    </row>
    <row r="578008" spans="8:8">
      <c r="H578008" s="12"/>
    </row>
    <row r="578009" spans="8:8">
      <c r="H578009" s="12"/>
    </row>
    <row r="578010" spans="8:8">
      <c r="H578010" s="12"/>
    </row>
    <row r="578011" spans="8:8">
      <c r="H578011" s="12"/>
    </row>
    <row r="578012" spans="8:8">
      <c r="H578012" s="12"/>
    </row>
    <row r="578013" spans="8:8">
      <c r="H578013" s="12"/>
    </row>
    <row r="578014" spans="8:8">
      <c r="H578014" s="12"/>
    </row>
    <row r="578015" spans="8:8">
      <c r="H578015" s="12"/>
    </row>
    <row r="578016" spans="8:8">
      <c r="H578016" s="12"/>
    </row>
    <row r="578017" spans="8:8">
      <c r="H578017" s="12"/>
    </row>
    <row r="578018" spans="8:8">
      <c r="H578018" s="12"/>
    </row>
    <row r="578019" spans="8:8">
      <c r="H578019" s="12"/>
    </row>
    <row r="578020" spans="8:8">
      <c r="H578020" s="12"/>
    </row>
    <row r="578021" spans="8:8">
      <c r="H578021" s="12"/>
    </row>
    <row r="578022" spans="8:8">
      <c r="H578022" s="12"/>
    </row>
    <row r="578023" spans="8:8">
      <c r="H578023" s="12"/>
    </row>
    <row r="578024" spans="8:8">
      <c r="H578024" s="12"/>
    </row>
    <row r="578025" spans="8:8">
      <c r="H578025" s="12"/>
    </row>
    <row r="578026" spans="8:8">
      <c r="H578026" s="12"/>
    </row>
    <row r="578027" spans="8:8">
      <c r="H578027" s="12"/>
    </row>
    <row r="578028" spans="8:8">
      <c r="H578028" s="12"/>
    </row>
    <row r="578029" spans="8:8">
      <c r="H578029" s="12"/>
    </row>
    <row r="578030" spans="8:8">
      <c r="H578030" s="12"/>
    </row>
    <row r="578031" spans="8:8">
      <c r="H578031" s="12"/>
    </row>
    <row r="578032" spans="8:8">
      <c r="H578032" s="12"/>
    </row>
    <row r="578033" spans="8:8">
      <c r="H578033" s="12"/>
    </row>
    <row r="578034" spans="8:8">
      <c r="H578034" s="12"/>
    </row>
    <row r="578035" spans="8:8">
      <c r="H578035" s="12"/>
    </row>
    <row r="578036" spans="8:8">
      <c r="H578036" s="12"/>
    </row>
    <row r="578037" spans="8:8">
      <c r="H578037" s="12"/>
    </row>
    <row r="578038" spans="8:8">
      <c r="H578038" s="12"/>
    </row>
    <row r="578039" spans="8:8">
      <c r="H578039" s="12"/>
    </row>
    <row r="578040" spans="8:8">
      <c r="H578040" s="12"/>
    </row>
    <row r="578041" spans="8:8">
      <c r="H578041" s="12"/>
    </row>
    <row r="578042" spans="8:8">
      <c r="H578042" s="12"/>
    </row>
    <row r="578043" spans="8:8">
      <c r="H578043" s="12"/>
    </row>
    <row r="578044" spans="8:8">
      <c r="H578044" s="12"/>
    </row>
    <row r="578045" spans="8:8">
      <c r="H578045" s="12"/>
    </row>
    <row r="578046" spans="8:8">
      <c r="H578046" s="12"/>
    </row>
    <row r="578047" spans="8:8">
      <c r="H578047" s="12"/>
    </row>
    <row r="578048" spans="8:8">
      <c r="H578048" s="12"/>
    </row>
    <row r="578049" spans="8:8">
      <c r="H578049" s="12"/>
    </row>
    <row r="578050" spans="8:8">
      <c r="H578050" s="12"/>
    </row>
    <row r="578051" spans="8:8">
      <c r="H578051" s="12"/>
    </row>
    <row r="578052" spans="8:8">
      <c r="H578052" s="12"/>
    </row>
    <row r="578053" spans="8:8">
      <c r="H578053" s="12"/>
    </row>
    <row r="578054" spans="8:8">
      <c r="H578054" s="12"/>
    </row>
    <row r="578055" spans="8:8">
      <c r="H578055" s="12"/>
    </row>
    <row r="578056" spans="8:8">
      <c r="H578056" s="12"/>
    </row>
    <row r="578057" spans="8:8">
      <c r="H578057" s="12"/>
    </row>
    <row r="578058" spans="8:8">
      <c r="H578058" s="12"/>
    </row>
    <row r="578059" spans="8:8">
      <c r="H578059" s="12"/>
    </row>
    <row r="578060" spans="8:8">
      <c r="H578060" s="12"/>
    </row>
    <row r="578061" spans="8:8">
      <c r="H578061" s="12"/>
    </row>
    <row r="578062" spans="8:8">
      <c r="H578062" s="12"/>
    </row>
    <row r="578063" spans="8:8">
      <c r="H578063" s="12"/>
    </row>
    <row r="578064" spans="8:8">
      <c r="H578064" s="12"/>
    </row>
    <row r="578065" spans="8:8">
      <c r="H578065" s="12"/>
    </row>
    <row r="578066" spans="8:8">
      <c r="H578066" s="12"/>
    </row>
    <row r="578067" spans="8:8">
      <c r="H578067" s="12"/>
    </row>
    <row r="578068" spans="8:8">
      <c r="H578068" s="12"/>
    </row>
    <row r="578069" spans="8:8">
      <c r="H578069" s="12"/>
    </row>
    <row r="578070" spans="8:8">
      <c r="H578070" s="12"/>
    </row>
    <row r="578071" spans="8:8">
      <c r="H578071" s="12"/>
    </row>
    <row r="578072" spans="8:8">
      <c r="H578072" s="12"/>
    </row>
    <row r="578073" spans="8:8">
      <c r="H578073" s="12"/>
    </row>
    <row r="578074" spans="8:8">
      <c r="H578074" s="12"/>
    </row>
    <row r="578075" spans="8:8">
      <c r="H578075" s="12"/>
    </row>
    <row r="578076" spans="8:8">
      <c r="H578076" s="12"/>
    </row>
    <row r="578077" spans="8:8">
      <c r="H578077" s="12"/>
    </row>
    <row r="578078" spans="8:8">
      <c r="H578078" s="12"/>
    </row>
    <row r="578079" spans="8:8">
      <c r="H578079" s="12"/>
    </row>
    <row r="578080" spans="8:8">
      <c r="H578080" s="12"/>
    </row>
    <row r="578081" spans="8:8">
      <c r="H578081" s="12"/>
    </row>
    <row r="578082" spans="8:8">
      <c r="H578082" s="12"/>
    </row>
    <row r="578083" spans="8:8">
      <c r="H578083" s="12"/>
    </row>
    <row r="578084" spans="8:8">
      <c r="H578084" s="12"/>
    </row>
    <row r="578085" spans="8:8">
      <c r="H578085" s="12"/>
    </row>
    <row r="578086" spans="8:8">
      <c r="H578086" s="12"/>
    </row>
    <row r="578087" spans="8:8">
      <c r="H578087" s="12"/>
    </row>
    <row r="578088" spans="8:8">
      <c r="H578088" s="12"/>
    </row>
    <row r="578089" spans="8:8">
      <c r="H578089" s="12"/>
    </row>
    <row r="578090" spans="8:8">
      <c r="H578090" s="12"/>
    </row>
    <row r="578091" spans="8:8">
      <c r="H578091" s="12"/>
    </row>
    <row r="578092" spans="8:8">
      <c r="H578092" s="12"/>
    </row>
    <row r="578093" spans="8:8">
      <c r="H578093" s="12"/>
    </row>
    <row r="578094" spans="8:8">
      <c r="H578094" s="12"/>
    </row>
    <row r="578095" spans="8:8">
      <c r="H578095" s="12"/>
    </row>
    <row r="578096" spans="8:8">
      <c r="H578096" s="12"/>
    </row>
    <row r="578097" spans="8:8">
      <c r="H578097" s="12"/>
    </row>
    <row r="578098" spans="8:8">
      <c r="H578098" s="12"/>
    </row>
    <row r="578099" spans="8:8">
      <c r="H578099" s="12"/>
    </row>
    <row r="578100" spans="8:8">
      <c r="H578100" s="12"/>
    </row>
    <row r="578101" spans="8:8">
      <c r="H578101" s="12"/>
    </row>
    <row r="578102" spans="8:8">
      <c r="H578102" s="12"/>
    </row>
    <row r="578103" spans="8:8">
      <c r="H578103" s="12"/>
    </row>
    <row r="578104" spans="8:8">
      <c r="H578104" s="12"/>
    </row>
    <row r="578105" spans="8:8">
      <c r="H578105" s="12"/>
    </row>
    <row r="578106" spans="8:8">
      <c r="H578106" s="12"/>
    </row>
    <row r="578107" spans="8:8">
      <c r="H578107" s="12"/>
    </row>
    <row r="578108" spans="8:8">
      <c r="H578108" s="12"/>
    </row>
    <row r="578109" spans="8:8">
      <c r="H578109" s="12"/>
    </row>
    <row r="578110" spans="8:8">
      <c r="H578110" s="12"/>
    </row>
    <row r="578111" spans="8:8">
      <c r="H578111" s="12"/>
    </row>
    <row r="578112" spans="8:8">
      <c r="H578112" s="12"/>
    </row>
    <row r="578113" spans="8:8">
      <c r="H578113" s="12"/>
    </row>
    <row r="578114" spans="8:8">
      <c r="H578114" s="12"/>
    </row>
    <row r="578115" spans="8:8">
      <c r="H578115" s="12"/>
    </row>
    <row r="578116" spans="8:8">
      <c r="H578116" s="12"/>
    </row>
    <row r="578117" spans="8:8">
      <c r="H578117" s="12"/>
    </row>
    <row r="578118" spans="8:8">
      <c r="H578118" s="12"/>
    </row>
    <row r="578119" spans="8:8">
      <c r="H578119" s="12"/>
    </row>
    <row r="578120" spans="8:8">
      <c r="H578120" s="12"/>
    </row>
    <row r="578121" spans="8:8">
      <c r="H578121" s="12"/>
    </row>
    <row r="578122" spans="8:8">
      <c r="H578122" s="12"/>
    </row>
    <row r="578123" spans="8:8">
      <c r="H578123" s="12"/>
    </row>
    <row r="578124" spans="8:8">
      <c r="H578124" s="12"/>
    </row>
    <row r="578125" spans="8:8">
      <c r="H578125" s="12"/>
    </row>
    <row r="578126" spans="8:8">
      <c r="H578126" s="12"/>
    </row>
    <row r="578127" spans="8:8">
      <c r="H578127" s="12"/>
    </row>
    <row r="578128" spans="8:8">
      <c r="H578128" s="12"/>
    </row>
    <row r="578129" spans="8:8">
      <c r="H578129" s="12"/>
    </row>
    <row r="578130" spans="8:8">
      <c r="H578130" s="12"/>
    </row>
    <row r="578131" spans="8:8">
      <c r="H578131" s="12"/>
    </row>
    <row r="578132" spans="8:8">
      <c r="H578132" s="12"/>
    </row>
    <row r="578133" spans="8:8">
      <c r="H578133" s="12"/>
    </row>
    <row r="578134" spans="8:8">
      <c r="H578134" s="12"/>
    </row>
    <row r="578135" spans="8:8">
      <c r="H578135" s="12"/>
    </row>
    <row r="578136" spans="8:8">
      <c r="H578136" s="12"/>
    </row>
    <row r="578137" spans="8:8">
      <c r="H578137" s="12"/>
    </row>
    <row r="578138" spans="8:8">
      <c r="H578138" s="12"/>
    </row>
    <row r="578139" spans="8:8">
      <c r="H578139" s="12"/>
    </row>
    <row r="578140" spans="8:8">
      <c r="H578140" s="12"/>
    </row>
    <row r="578141" spans="8:8">
      <c r="H578141" s="12"/>
    </row>
    <row r="578142" spans="8:8">
      <c r="H578142" s="12"/>
    </row>
    <row r="578143" spans="8:8">
      <c r="H578143" s="12"/>
    </row>
    <row r="578144" spans="8:8">
      <c r="H578144" s="12"/>
    </row>
    <row r="578145" spans="8:8">
      <c r="H578145" s="12"/>
    </row>
    <row r="578146" spans="8:8">
      <c r="H578146" s="12"/>
    </row>
    <row r="578147" spans="8:8">
      <c r="H578147" s="12"/>
    </row>
    <row r="578148" spans="8:8">
      <c r="H578148" s="12"/>
    </row>
    <row r="578149" spans="8:8">
      <c r="H578149" s="12"/>
    </row>
    <row r="578150" spans="8:8">
      <c r="H578150" s="12"/>
    </row>
    <row r="578151" spans="8:8">
      <c r="H578151" s="12"/>
    </row>
    <row r="578152" spans="8:8">
      <c r="H578152" s="12"/>
    </row>
    <row r="578153" spans="8:8">
      <c r="H578153" s="12"/>
    </row>
    <row r="578154" spans="8:8">
      <c r="H578154" s="12"/>
    </row>
    <row r="578155" spans="8:8">
      <c r="H578155" s="12"/>
    </row>
    <row r="578156" spans="8:8">
      <c r="H578156" s="12"/>
    </row>
    <row r="578157" spans="8:8">
      <c r="H578157" s="12"/>
    </row>
    <row r="578158" spans="8:8">
      <c r="H578158" s="12"/>
    </row>
    <row r="578159" spans="8:8">
      <c r="H578159" s="12"/>
    </row>
    <row r="578160" spans="8:8">
      <c r="H578160" s="12"/>
    </row>
    <row r="578161" spans="8:8">
      <c r="H578161" s="12"/>
    </row>
    <row r="578162" spans="8:8">
      <c r="H578162" s="12"/>
    </row>
    <row r="578163" spans="8:8">
      <c r="H578163" s="12"/>
    </row>
    <row r="578164" spans="8:8">
      <c r="H578164" s="12"/>
    </row>
    <row r="578165" spans="8:8">
      <c r="H578165" s="12"/>
    </row>
    <row r="578166" spans="8:8">
      <c r="H578166" s="12"/>
    </row>
    <row r="578167" spans="8:8">
      <c r="H578167" s="12"/>
    </row>
    <row r="578168" spans="8:8">
      <c r="H578168" s="12"/>
    </row>
    <row r="578169" spans="8:8">
      <c r="H578169" s="12"/>
    </row>
    <row r="578170" spans="8:8">
      <c r="H578170" s="12"/>
    </row>
    <row r="578171" spans="8:8">
      <c r="H578171" s="12"/>
    </row>
    <row r="578172" spans="8:8">
      <c r="H578172" s="12"/>
    </row>
    <row r="578173" spans="8:8">
      <c r="H578173" s="12"/>
    </row>
    <row r="578174" spans="8:8">
      <c r="H578174" s="12"/>
    </row>
    <row r="578175" spans="8:8">
      <c r="H578175" s="12"/>
    </row>
    <row r="578176" spans="8:8">
      <c r="H578176" s="12"/>
    </row>
    <row r="578177" spans="8:8">
      <c r="H578177" s="12"/>
    </row>
    <row r="578178" spans="8:8">
      <c r="H578178" s="12"/>
    </row>
    <row r="578179" spans="8:8">
      <c r="H578179" s="12"/>
    </row>
    <row r="578180" spans="8:8">
      <c r="H578180" s="12"/>
    </row>
    <row r="578181" spans="8:8">
      <c r="H578181" s="12"/>
    </row>
    <row r="578182" spans="8:8">
      <c r="H578182" s="12"/>
    </row>
    <row r="578183" spans="8:8">
      <c r="H578183" s="12"/>
    </row>
    <row r="578184" spans="8:8">
      <c r="H578184" s="12"/>
    </row>
    <row r="578185" spans="8:8">
      <c r="H578185" s="12"/>
    </row>
    <row r="578186" spans="8:8">
      <c r="H578186" s="12"/>
    </row>
    <row r="578187" spans="8:8">
      <c r="H578187" s="12"/>
    </row>
    <row r="578188" spans="8:8">
      <c r="H578188" s="12"/>
    </row>
    <row r="578189" spans="8:8">
      <c r="H578189" s="12"/>
    </row>
    <row r="578190" spans="8:8">
      <c r="H578190" s="12"/>
    </row>
    <row r="578191" spans="8:8">
      <c r="H578191" s="12"/>
    </row>
    <row r="578192" spans="8:8">
      <c r="H578192" s="12"/>
    </row>
    <row r="578193" spans="8:8">
      <c r="H578193" s="12"/>
    </row>
    <row r="578194" spans="8:8">
      <c r="H578194" s="12"/>
    </row>
    <row r="578195" spans="8:8">
      <c r="H578195" s="12"/>
    </row>
    <row r="578196" spans="8:8">
      <c r="H578196" s="12"/>
    </row>
    <row r="578197" spans="8:8">
      <c r="H578197" s="12"/>
    </row>
    <row r="578198" spans="8:8">
      <c r="H578198" s="12"/>
    </row>
    <row r="578199" spans="8:8">
      <c r="H578199" s="12"/>
    </row>
    <row r="578200" spans="8:8">
      <c r="H578200" s="12"/>
    </row>
    <row r="578201" spans="8:8">
      <c r="H578201" s="12"/>
    </row>
    <row r="578202" spans="8:8">
      <c r="H578202" s="12"/>
    </row>
    <row r="578203" spans="8:8">
      <c r="H578203" s="12"/>
    </row>
    <row r="578204" spans="8:8">
      <c r="H578204" s="12"/>
    </row>
    <row r="578205" spans="8:8">
      <c r="H578205" s="12"/>
    </row>
    <row r="578206" spans="8:8">
      <c r="H578206" s="12"/>
    </row>
    <row r="578207" spans="8:8">
      <c r="H578207" s="12"/>
    </row>
    <row r="578208" spans="8:8">
      <c r="H578208" s="12"/>
    </row>
    <row r="578209" spans="8:8">
      <c r="H578209" s="12"/>
    </row>
    <row r="578210" spans="8:8">
      <c r="H578210" s="12"/>
    </row>
    <row r="578211" spans="8:8">
      <c r="H578211" s="12"/>
    </row>
    <row r="578212" spans="8:8">
      <c r="H578212" s="12"/>
    </row>
    <row r="578213" spans="8:8">
      <c r="H578213" s="12"/>
    </row>
    <row r="578214" spans="8:8">
      <c r="H578214" s="12"/>
    </row>
    <row r="578215" spans="8:8">
      <c r="H578215" s="12"/>
    </row>
    <row r="578216" spans="8:8">
      <c r="H578216" s="12"/>
    </row>
    <row r="578217" spans="8:8">
      <c r="H578217" s="12"/>
    </row>
    <row r="578218" spans="8:8">
      <c r="H578218" s="12"/>
    </row>
    <row r="578219" spans="8:8">
      <c r="H578219" s="12"/>
    </row>
    <row r="578220" spans="8:8">
      <c r="H578220" s="12"/>
    </row>
    <row r="578221" spans="8:8">
      <c r="H578221" s="12"/>
    </row>
    <row r="578222" spans="8:8">
      <c r="H578222" s="12"/>
    </row>
    <row r="578223" spans="8:8">
      <c r="H578223" s="12"/>
    </row>
    <row r="578224" spans="8:8">
      <c r="H578224" s="12"/>
    </row>
    <row r="578225" spans="8:8">
      <c r="H578225" s="12"/>
    </row>
    <row r="578226" spans="8:8">
      <c r="H578226" s="12"/>
    </row>
    <row r="578227" spans="8:8">
      <c r="H578227" s="12"/>
    </row>
    <row r="578228" spans="8:8">
      <c r="H578228" s="12"/>
    </row>
    <row r="578229" spans="8:8">
      <c r="H578229" s="12"/>
    </row>
    <row r="578230" spans="8:8">
      <c r="H578230" s="12"/>
    </row>
    <row r="578231" spans="8:8">
      <c r="H578231" s="12"/>
    </row>
    <row r="578232" spans="8:8">
      <c r="H578232" s="12"/>
    </row>
    <row r="578233" spans="8:8">
      <c r="H578233" s="12"/>
    </row>
    <row r="578234" spans="8:8">
      <c r="H578234" s="12"/>
    </row>
    <row r="578235" spans="8:8">
      <c r="H578235" s="12"/>
    </row>
    <row r="578236" spans="8:8">
      <c r="H578236" s="12"/>
    </row>
    <row r="578237" spans="8:8">
      <c r="H578237" s="12"/>
    </row>
    <row r="578238" spans="8:8">
      <c r="H578238" s="12"/>
    </row>
    <row r="578239" spans="8:8">
      <c r="H578239" s="12"/>
    </row>
    <row r="578240" spans="8:8">
      <c r="H578240" s="12"/>
    </row>
    <row r="578241" spans="8:8">
      <c r="H578241" s="12"/>
    </row>
    <row r="578242" spans="8:8">
      <c r="H578242" s="12"/>
    </row>
    <row r="578243" spans="8:8">
      <c r="H578243" s="12"/>
    </row>
    <row r="578244" spans="8:8">
      <c r="H578244" s="12"/>
    </row>
    <row r="578245" spans="8:8">
      <c r="H578245" s="12"/>
    </row>
    <row r="578246" spans="8:8">
      <c r="H578246" s="12"/>
    </row>
    <row r="578247" spans="8:8">
      <c r="H578247" s="12"/>
    </row>
    <row r="578248" spans="8:8">
      <c r="H578248" s="12"/>
    </row>
    <row r="578249" spans="8:8">
      <c r="H578249" s="12"/>
    </row>
    <row r="578250" spans="8:8">
      <c r="H578250" s="12"/>
    </row>
    <row r="578251" spans="8:8">
      <c r="H578251" s="12"/>
    </row>
    <row r="578252" spans="8:8">
      <c r="H578252" s="12"/>
    </row>
    <row r="578253" spans="8:8">
      <c r="H578253" s="12"/>
    </row>
    <row r="578254" spans="8:8">
      <c r="H578254" s="12"/>
    </row>
    <row r="578255" spans="8:8">
      <c r="H578255" s="12"/>
    </row>
    <row r="578256" spans="8:8">
      <c r="H578256" s="12"/>
    </row>
    <row r="578257" spans="8:8">
      <c r="H578257" s="12"/>
    </row>
    <row r="578258" spans="8:8">
      <c r="H578258" s="12"/>
    </row>
    <row r="578259" spans="8:8">
      <c r="H578259" s="12"/>
    </row>
    <row r="578260" spans="8:8">
      <c r="H578260" s="12"/>
    </row>
    <row r="578261" spans="8:8">
      <c r="H578261" s="12"/>
    </row>
    <row r="578262" spans="8:8">
      <c r="H578262" s="12"/>
    </row>
    <row r="578263" spans="8:8">
      <c r="H578263" s="12"/>
    </row>
    <row r="578264" spans="8:8">
      <c r="H578264" s="12"/>
    </row>
    <row r="578265" spans="8:8">
      <c r="H578265" s="12"/>
    </row>
    <row r="578266" spans="8:8">
      <c r="H578266" s="12"/>
    </row>
    <row r="578267" spans="8:8">
      <c r="H578267" s="12"/>
    </row>
    <row r="578268" spans="8:8">
      <c r="H578268" s="12"/>
    </row>
    <row r="578269" spans="8:8">
      <c r="H578269" s="12"/>
    </row>
    <row r="578270" spans="8:8">
      <c r="H578270" s="12"/>
    </row>
    <row r="578271" spans="8:8">
      <c r="H578271" s="12"/>
    </row>
    <row r="578272" spans="8:8">
      <c r="H578272" s="12"/>
    </row>
    <row r="578273" spans="8:8">
      <c r="H578273" s="12"/>
    </row>
    <row r="578274" spans="8:8">
      <c r="H578274" s="12"/>
    </row>
    <row r="578275" spans="8:8">
      <c r="H578275" s="12"/>
    </row>
    <row r="578276" spans="8:8">
      <c r="H578276" s="12"/>
    </row>
    <row r="578277" spans="8:8">
      <c r="H578277" s="12"/>
    </row>
    <row r="578278" spans="8:8">
      <c r="H578278" s="12"/>
    </row>
    <row r="578279" spans="8:8">
      <c r="H578279" s="12"/>
    </row>
    <row r="578280" spans="8:8">
      <c r="H578280" s="12"/>
    </row>
    <row r="578281" spans="8:8">
      <c r="H578281" s="12"/>
    </row>
    <row r="578282" spans="8:8">
      <c r="H578282" s="12"/>
    </row>
    <row r="578283" spans="8:8">
      <c r="H578283" s="12"/>
    </row>
    <row r="578284" spans="8:8">
      <c r="H578284" s="12"/>
    </row>
    <row r="578285" spans="8:8">
      <c r="H578285" s="12"/>
    </row>
    <row r="578286" spans="8:8">
      <c r="H578286" s="12"/>
    </row>
    <row r="578287" spans="8:8">
      <c r="H578287" s="12"/>
    </row>
    <row r="578288" spans="8:8">
      <c r="H578288" s="12"/>
    </row>
    <row r="578289" spans="8:8">
      <c r="H578289" s="12"/>
    </row>
    <row r="578290" spans="8:8">
      <c r="H578290" s="12"/>
    </row>
    <row r="578291" spans="8:8">
      <c r="H578291" s="12"/>
    </row>
    <row r="578292" spans="8:8">
      <c r="H578292" s="12"/>
    </row>
    <row r="578293" spans="8:8">
      <c r="H578293" s="12"/>
    </row>
    <row r="578294" spans="8:8">
      <c r="H578294" s="12"/>
    </row>
    <row r="578295" spans="8:8">
      <c r="H578295" s="12"/>
    </row>
    <row r="578296" spans="8:8">
      <c r="H578296" s="12"/>
    </row>
    <row r="578297" spans="8:8">
      <c r="H578297" s="12"/>
    </row>
    <row r="578298" spans="8:8">
      <c r="H578298" s="12"/>
    </row>
    <row r="578299" spans="8:8">
      <c r="H578299" s="12"/>
    </row>
    <row r="578300" spans="8:8">
      <c r="H578300" s="12"/>
    </row>
    <row r="578301" spans="8:8">
      <c r="H578301" s="12"/>
    </row>
    <row r="578302" spans="8:8">
      <c r="H578302" s="12"/>
    </row>
    <row r="578303" spans="8:8">
      <c r="H578303" s="12"/>
    </row>
    <row r="578304" spans="8:8">
      <c r="H578304" s="12"/>
    </row>
    <row r="578305" spans="8:8">
      <c r="H578305" s="12"/>
    </row>
    <row r="578306" spans="8:8">
      <c r="H578306" s="12"/>
    </row>
    <row r="578307" spans="8:8">
      <c r="H578307" s="12"/>
    </row>
    <row r="578308" spans="8:8">
      <c r="H578308" s="12"/>
    </row>
    <row r="578309" spans="8:8">
      <c r="H578309" s="12"/>
    </row>
    <row r="578310" spans="8:8">
      <c r="H578310" s="12"/>
    </row>
    <row r="578311" spans="8:8">
      <c r="H578311" s="12"/>
    </row>
    <row r="578312" spans="8:8">
      <c r="H578312" s="12"/>
    </row>
    <row r="578313" spans="8:8">
      <c r="H578313" s="12"/>
    </row>
    <row r="578314" spans="8:8">
      <c r="H578314" s="12"/>
    </row>
    <row r="578315" spans="8:8">
      <c r="H578315" s="12"/>
    </row>
    <row r="578316" spans="8:8">
      <c r="H578316" s="12"/>
    </row>
    <row r="578317" spans="8:8">
      <c r="H578317" s="12"/>
    </row>
    <row r="578318" spans="8:8">
      <c r="H578318" s="12"/>
    </row>
    <row r="578319" spans="8:8">
      <c r="H578319" s="12"/>
    </row>
    <row r="578320" spans="8:8">
      <c r="H578320" s="12"/>
    </row>
    <row r="578321" spans="8:8">
      <c r="H578321" s="12"/>
    </row>
    <row r="578322" spans="8:8">
      <c r="H578322" s="12"/>
    </row>
    <row r="578323" spans="8:8">
      <c r="H578323" s="12"/>
    </row>
    <row r="578324" spans="8:8">
      <c r="H578324" s="12"/>
    </row>
    <row r="578325" spans="8:8">
      <c r="H578325" s="12"/>
    </row>
    <row r="578326" spans="8:8">
      <c r="H578326" s="12"/>
    </row>
    <row r="578327" spans="8:8">
      <c r="H578327" s="12"/>
    </row>
    <row r="578328" spans="8:8">
      <c r="H578328" s="12"/>
    </row>
    <row r="578329" spans="8:8">
      <c r="H578329" s="12"/>
    </row>
    <row r="578330" spans="8:8">
      <c r="H578330" s="12"/>
    </row>
    <row r="578331" spans="8:8">
      <c r="H578331" s="12"/>
    </row>
    <row r="578332" spans="8:8">
      <c r="H578332" s="12"/>
    </row>
    <row r="578333" spans="8:8">
      <c r="H578333" s="12"/>
    </row>
    <row r="578334" spans="8:8">
      <c r="H578334" s="12"/>
    </row>
    <row r="578335" spans="8:8">
      <c r="H578335" s="12"/>
    </row>
    <row r="578336" spans="8:8">
      <c r="H578336" s="12"/>
    </row>
    <row r="578337" spans="8:8">
      <c r="H578337" s="12"/>
    </row>
    <row r="578338" spans="8:8">
      <c r="H578338" s="12"/>
    </row>
    <row r="578339" spans="8:8">
      <c r="H578339" s="12"/>
    </row>
    <row r="578340" spans="8:8">
      <c r="H578340" s="12"/>
    </row>
    <row r="578341" spans="8:8">
      <c r="H578341" s="12"/>
    </row>
    <row r="578342" spans="8:8">
      <c r="H578342" s="12"/>
    </row>
    <row r="578343" spans="8:8">
      <c r="H578343" s="12"/>
    </row>
    <row r="578344" spans="8:8">
      <c r="H578344" s="12"/>
    </row>
    <row r="578345" spans="8:8">
      <c r="H578345" s="12"/>
    </row>
    <row r="578346" spans="8:8">
      <c r="H578346" s="12"/>
    </row>
    <row r="578347" spans="8:8">
      <c r="H578347" s="12"/>
    </row>
    <row r="578348" spans="8:8">
      <c r="H578348" s="12"/>
    </row>
    <row r="578349" spans="8:8">
      <c r="H578349" s="12"/>
    </row>
    <row r="578350" spans="8:8">
      <c r="H578350" s="12"/>
    </row>
    <row r="578351" spans="8:8">
      <c r="H578351" s="12"/>
    </row>
    <row r="578352" spans="8:8">
      <c r="H578352" s="12"/>
    </row>
    <row r="578353" spans="8:8">
      <c r="H578353" s="12"/>
    </row>
    <row r="578354" spans="8:8">
      <c r="H578354" s="12"/>
    </row>
    <row r="578355" spans="8:8">
      <c r="H578355" s="12"/>
    </row>
    <row r="578356" spans="8:8">
      <c r="H578356" s="12"/>
    </row>
    <row r="578357" spans="8:8">
      <c r="H578357" s="12"/>
    </row>
    <row r="578358" spans="8:8">
      <c r="H578358" s="12"/>
    </row>
    <row r="578359" spans="8:8">
      <c r="H578359" s="12"/>
    </row>
    <row r="578360" spans="8:8">
      <c r="H578360" s="12"/>
    </row>
    <row r="578361" spans="8:8">
      <c r="H578361" s="12"/>
    </row>
    <row r="578362" spans="8:8">
      <c r="H578362" s="12"/>
    </row>
    <row r="578363" spans="8:8">
      <c r="H578363" s="12"/>
    </row>
    <row r="578364" spans="8:8">
      <c r="H578364" s="12"/>
    </row>
    <row r="578365" spans="8:8">
      <c r="H578365" s="12"/>
    </row>
    <row r="578366" spans="8:8">
      <c r="H578366" s="12"/>
    </row>
    <row r="578367" spans="8:8">
      <c r="H578367" s="12"/>
    </row>
    <row r="578368" spans="8:8">
      <c r="H578368" s="12"/>
    </row>
    <row r="578369" spans="8:8">
      <c r="H578369" s="12"/>
    </row>
    <row r="578370" spans="8:8">
      <c r="H578370" s="12"/>
    </row>
    <row r="578371" spans="8:8">
      <c r="H578371" s="12"/>
    </row>
    <row r="578372" spans="8:8">
      <c r="H578372" s="12"/>
    </row>
    <row r="578373" spans="8:8">
      <c r="H578373" s="12"/>
    </row>
    <row r="578374" spans="8:8">
      <c r="H578374" s="12"/>
    </row>
    <row r="578375" spans="8:8">
      <c r="H578375" s="12"/>
    </row>
    <row r="578376" spans="8:8">
      <c r="H578376" s="12"/>
    </row>
    <row r="578377" spans="8:8">
      <c r="H578377" s="12"/>
    </row>
    <row r="578378" spans="8:8">
      <c r="H578378" s="12"/>
    </row>
    <row r="578379" spans="8:8">
      <c r="H578379" s="12"/>
    </row>
    <row r="578380" spans="8:8">
      <c r="H578380" s="12"/>
    </row>
    <row r="578381" spans="8:8">
      <c r="H578381" s="12"/>
    </row>
    <row r="578382" spans="8:8">
      <c r="H578382" s="12"/>
    </row>
    <row r="578383" spans="8:8">
      <c r="H578383" s="12"/>
    </row>
    <row r="578384" spans="8:8">
      <c r="H578384" s="12"/>
    </row>
    <row r="578385" spans="8:8">
      <c r="H578385" s="12"/>
    </row>
    <row r="578386" spans="8:8">
      <c r="H578386" s="12"/>
    </row>
    <row r="578387" spans="8:8">
      <c r="H578387" s="12"/>
    </row>
    <row r="578388" spans="8:8">
      <c r="H578388" s="12"/>
    </row>
    <row r="578389" spans="8:8">
      <c r="H578389" s="12"/>
    </row>
    <row r="578390" spans="8:8">
      <c r="H578390" s="12"/>
    </row>
    <row r="578391" spans="8:8">
      <c r="H578391" s="12"/>
    </row>
    <row r="578392" spans="8:8">
      <c r="H578392" s="12"/>
    </row>
    <row r="578393" spans="8:8">
      <c r="H578393" s="12"/>
    </row>
    <row r="578394" spans="8:8">
      <c r="H578394" s="12"/>
    </row>
    <row r="578395" spans="8:8">
      <c r="H578395" s="12"/>
    </row>
    <row r="578396" spans="8:8">
      <c r="H578396" s="12"/>
    </row>
    <row r="578397" spans="8:8">
      <c r="H578397" s="12"/>
    </row>
    <row r="578398" spans="8:8">
      <c r="H578398" s="12"/>
    </row>
    <row r="578399" spans="8:8">
      <c r="H578399" s="12"/>
    </row>
    <row r="578400" spans="8:8">
      <c r="H578400" s="12"/>
    </row>
    <row r="578401" spans="8:8">
      <c r="H578401" s="12"/>
    </row>
    <row r="578402" spans="8:8">
      <c r="H578402" s="12"/>
    </row>
    <row r="578403" spans="8:8">
      <c r="H578403" s="12"/>
    </row>
    <row r="578404" spans="8:8">
      <c r="H578404" s="12"/>
    </row>
    <row r="578405" spans="8:8">
      <c r="H578405" s="12"/>
    </row>
    <row r="578406" spans="8:8">
      <c r="H578406" s="12"/>
    </row>
    <row r="578407" spans="8:8">
      <c r="H578407" s="12"/>
    </row>
    <row r="578408" spans="8:8">
      <c r="H578408" s="12"/>
    </row>
    <row r="578409" spans="8:8">
      <c r="H578409" s="12"/>
    </row>
    <row r="578410" spans="8:8">
      <c r="H578410" s="12"/>
    </row>
    <row r="578411" spans="8:8">
      <c r="H578411" s="12"/>
    </row>
    <row r="578412" spans="8:8">
      <c r="H578412" s="12"/>
    </row>
    <row r="578413" spans="8:8">
      <c r="H578413" s="12"/>
    </row>
    <row r="578414" spans="8:8">
      <c r="H578414" s="12"/>
    </row>
    <row r="578415" spans="8:8">
      <c r="H578415" s="12"/>
    </row>
    <row r="578416" spans="8:8">
      <c r="H578416" s="12"/>
    </row>
    <row r="578417" spans="8:8">
      <c r="H578417" s="12"/>
    </row>
    <row r="578418" spans="8:8">
      <c r="H578418" s="12"/>
    </row>
    <row r="578419" spans="8:8">
      <c r="H578419" s="12"/>
    </row>
    <row r="578420" spans="8:8">
      <c r="H578420" s="12"/>
    </row>
    <row r="578421" spans="8:8">
      <c r="H578421" s="12"/>
    </row>
    <row r="578422" spans="8:8">
      <c r="H578422" s="12"/>
    </row>
    <row r="578423" spans="8:8">
      <c r="H578423" s="12"/>
    </row>
    <row r="578424" spans="8:8">
      <c r="H578424" s="12"/>
    </row>
    <row r="578425" spans="8:8">
      <c r="H578425" s="12"/>
    </row>
    <row r="578426" spans="8:8">
      <c r="H578426" s="12"/>
    </row>
    <row r="578427" spans="8:8">
      <c r="H578427" s="12"/>
    </row>
    <row r="578428" spans="8:8">
      <c r="H578428" s="12"/>
    </row>
    <row r="578429" spans="8:8">
      <c r="H578429" s="12"/>
    </row>
    <row r="578430" spans="8:8">
      <c r="H578430" s="12"/>
    </row>
    <row r="578431" spans="8:8">
      <c r="H578431" s="12"/>
    </row>
    <row r="578432" spans="8:8">
      <c r="H578432" s="12"/>
    </row>
    <row r="578433" spans="8:8">
      <c r="H578433" s="12"/>
    </row>
    <row r="578434" spans="8:8">
      <c r="H578434" s="12"/>
    </row>
    <row r="578435" spans="8:8">
      <c r="H578435" s="12"/>
    </row>
    <row r="578436" spans="8:8">
      <c r="H578436" s="12"/>
    </row>
    <row r="578437" spans="8:8">
      <c r="H578437" s="12"/>
    </row>
    <row r="578438" spans="8:8">
      <c r="H578438" s="12"/>
    </row>
    <row r="578439" spans="8:8">
      <c r="H578439" s="12"/>
    </row>
    <row r="578440" spans="8:8">
      <c r="H578440" s="12"/>
    </row>
    <row r="578441" spans="8:8">
      <c r="H578441" s="12"/>
    </row>
    <row r="578442" spans="8:8">
      <c r="H578442" s="12"/>
    </row>
    <row r="578443" spans="8:8">
      <c r="H578443" s="12"/>
    </row>
    <row r="578444" spans="8:8">
      <c r="H578444" s="12"/>
    </row>
    <row r="578445" spans="8:8">
      <c r="H578445" s="12"/>
    </row>
    <row r="578446" spans="8:8">
      <c r="H578446" s="12"/>
    </row>
    <row r="578447" spans="8:8">
      <c r="H578447" s="12"/>
    </row>
    <row r="578448" spans="8:8">
      <c r="H578448" s="12"/>
    </row>
    <row r="578449" spans="8:8">
      <c r="H578449" s="12"/>
    </row>
    <row r="578450" spans="8:8">
      <c r="H578450" s="12"/>
    </row>
    <row r="578451" spans="8:8">
      <c r="H578451" s="12"/>
    </row>
    <row r="578452" spans="8:8">
      <c r="H578452" s="12"/>
    </row>
    <row r="578453" spans="8:8">
      <c r="H578453" s="12"/>
    </row>
    <row r="578454" spans="8:8">
      <c r="H578454" s="12"/>
    </row>
    <row r="578455" spans="8:8">
      <c r="H578455" s="12"/>
    </row>
    <row r="578456" spans="8:8">
      <c r="H578456" s="12"/>
    </row>
    <row r="578457" spans="8:8">
      <c r="H578457" s="12"/>
    </row>
    <row r="578458" spans="8:8">
      <c r="H578458" s="12"/>
    </row>
    <row r="578459" spans="8:8">
      <c r="H578459" s="12"/>
    </row>
    <row r="578460" spans="8:8">
      <c r="H578460" s="12"/>
    </row>
    <row r="578461" spans="8:8">
      <c r="H578461" s="12"/>
    </row>
    <row r="578462" spans="8:8">
      <c r="H578462" s="12"/>
    </row>
    <row r="578463" spans="8:8">
      <c r="H578463" s="12"/>
    </row>
    <row r="578464" spans="8:8">
      <c r="H578464" s="12"/>
    </row>
    <row r="578465" spans="8:8">
      <c r="H578465" s="12"/>
    </row>
    <row r="578466" spans="8:8">
      <c r="H578466" s="12"/>
    </row>
    <row r="578467" spans="8:8">
      <c r="H578467" s="12"/>
    </row>
    <row r="578468" spans="8:8">
      <c r="H578468" s="12"/>
    </row>
    <row r="578469" spans="8:8">
      <c r="H578469" s="12"/>
    </row>
    <row r="578470" spans="8:8">
      <c r="H578470" s="12"/>
    </row>
    <row r="578471" spans="8:8">
      <c r="H578471" s="12"/>
    </row>
    <row r="578472" spans="8:8">
      <c r="H578472" s="12"/>
    </row>
    <row r="578473" spans="8:8">
      <c r="H578473" s="12"/>
    </row>
    <row r="578474" spans="8:8">
      <c r="H578474" s="12"/>
    </row>
    <row r="578475" spans="8:8">
      <c r="H578475" s="12"/>
    </row>
    <row r="578476" spans="8:8">
      <c r="H578476" s="12"/>
    </row>
    <row r="578477" spans="8:8">
      <c r="H578477" s="12"/>
    </row>
    <row r="578478" spans="8:8">
      <c r="H578478" s="12"/>
    </row>
    <row r="578479" spans="8:8">
      <c r="H578479" s="12"/>
    </row>
    <row r="578480" spans="8:8">
      <c r="H578480" s="12"/>
    </row>
    <row r="578481" spans="8:8">
      <c r="H578481" s="12"/>
    </row>
    <row r="578482" spans="8:8">
      <c r="H578482" s="12"/>
    </row>
    <row r="578483" spans="8:8">
      <c r="H578483" s="12"/>
    </row>
    <row r="578484" spans="8:8">
      <c r="H578484" s="12"/>
    </row>
    <row r="578485" spans="8:8">
      <c r="H578485" s="12"/>
    </row>
    <row r="578486" spans="8:8">
      <c r="H578486" s="12"/>
    </row>
    <row r="578487" spans="8:8">
      <c r="H578487" s="12"/>
    </row>
    <row r="578488" spans="8:8">
      <c r="H578488" s="12"/>
    </row>
    <row r="578489" spans="8:8">
      <c r="H578489" s="12"/>
    </row>
    <row r="578490" spans="8:8">
      <c r="H578490" s="12"/>
    </row>
    <row r="578491" spans="8:8">
      <c r="H578491" s="12"/>
    </row>
    <row r="578492" spans="8:8">
      <c r="H578492" s="12"/>
    </row>
    <row r="578493" spans="8:8">
      <c r="H578493" s="12"/>
    </row>
    <row r="578494" spans="8:8">
      <c r="H578494" s="12"/>
    </row>
    <row r="578495" spans="8:8">
      <c r="H578495" s="12"/>
    </row>
    <row r="578496" spans="8:8">
      <c r="H578496" s="12"/>
    </row>
    <row r="578497" spans="8:8">
      <c r="H578497" s="12"/>
    </row>
    <row r="578498" spans="8:8">
      <c r="H578498" s="12"/>
    </row>
    <row r="578499" spans="8:8">
      <c r="H578499" s="12"/>
    </row>
    <row r="578500" spans="8:8">
      <c r="H578500" s="12"/>
    </row>
    <row r="578501" spans="8:8">
      <c r="H578501" s="12"/>
    </row>
    <row r="578502" spans="8:8">
      <c r="H578502" s="12"/>
    </row>
    <row r="578503" spans="8:8">
      <c r="H578503" s="12"/>
    </row>
    <row r="578504" spans="8:8">
      <c r="H578504" s="12"/>
    </row>
    <row r="578505" spans="8:8">
      <c r="H578505" s="12"/>
    </row>
    <row r="578506" spans="8:8">
      <c r="H578506" s="12"/>
    </row>
    <row r="578507" spans="8:8">
      <c r="H578507" s="12"/>
    </row>
    <row r="578508" spans="8:8">
      <c r="H578508" s="12"/>
    </row>
    <row r="578509" spans="8:8">
      <c r="H578509" s="12"/>
    </row>
    <row r="578510" spans="8:8">
      <c r="H578510" s="12"/>
    </row>
    <row r="578511" spans="8:8">
      <c r="H578511" s="12"/>
    </row>
    <row r="578512" spans="8:8">
      <c r="H578512" s="12"/>
    </row>
    <row r="578513" spans="8:8">
      <c r="H578513" s="12"/>
    </row>
    <row r="578514" spans="8:8">
      <c r="H578514" s="12"/>
    </row>
    <row r="578515" spans="8:8">
      <c r="H578515" s="12"/>
    </row>
    <row r="578516" spans="8:8">
      <c r="H578516" s="12"/>
    </row>
    <row r="578517" spans="8:8">
      <c r="H578517" s="12"/>
    </row>
    <row r="578518" spans="8:8">
      <c r="H578518" s="12"/>
    </row>
    <row r="578519" spans="8:8">
      <c r="H578519" s="12"/>
    </row>
    <row r="578520" spans="8:8">
      <c r="H578520" s="12"/>
    </row>
    <row r="578521" spans="8:8">
      <c r="H578521" s="12"/>
    </row>
    <row r="578522" spans="8:8">
      <c r="H578522" s="12"/>
    </row>
    <row r="578523" spans="8:8">
      <c r="H578523" s="12"/>
    </row>
    <row r="578524" spans="8:8">
      <c r="H578524" s="12"/>
    </row>
    <row r="578525" spans="8:8">
      <c r="H578525" s="12"/>
    </row>
    <row r="578526" spans="8:8">
      <c r="H578526" s="12"/>
    </row>
    <row r="578527" spans="8:8">
      <c r="H578527" s="12"/>
    </row>
    <row r="578528" spans="8:8">
      <c r="H578528" s="12"/>
    </row>
    <row r="578529" spans="8:8">
      <c r="H578529" s="12"/>
    </row>
    <row r="578530" spans="8:8">
      <c r="H578530" s="12"/>
    </row>
    <row r="578531" spans="8:8">
      <c r="H578531" s="12"/>
    </row>
    <row r="578532" spans="8:8">
      <c r="H578532" s="12"/>
    </row>
    <row r="578533" spans="8:8">
      <c r="H578533" s="12"/>
    </row>
    <row r="578534" spans="8:8">
      <c r="H578534" s="12"/>
    </row>
    <row r="578535" spans="8:8">
      <c r="H578535" s="12"/>
    </row>
    <row r="578536" spans="8:8">
      <c r="H578536" s="12"/>
    </row>
    <row r="578537" spans="8:8">
      <c r="H578537" s="12"/>
    </row>
    <row r="578538" spans="8:8">
      <c r="H578538" s="12"/>
    </row>
    <row r="578539" spans="8:8">
      <c r="H578539" s="12"/>
    </row>
    <row r="578540" spans="8:8">
      <c r="H578540" s="12"/>
    </row>
    <row r="578541" spans="8:8">
      <c r="H578541" s="12"/>
    </row>
    <row r="578542" spans="8:8">
      <c r="H578542" s="12"/>
    </row>
    <row r="578543" spans="8:8">
      <c r="H578543" s="12"/>
    </row>
    <row r="578544" spans="8:8">
      <c r="H578544" s="12"/>
    </row>
    <row r="578545" spans="8:8">
      <c r="H578545" s="12"/>
    </row>
    <row r="578546" spans="8:8">
      <c r="H578546" s="12"/>
    </row>
    <row r="578547" spans="8:8">
      <c r="H578547" s="12"/>
    </row>
    <row r="578548" spans="8:8">
      <c r="H578548" s="12"/>
    </row>
    <row r="578549" spans="8:8">
      <c r="H578549" s="12"/>
    </row>
    <row r="578550" spans="8:8">
      <c r="H578550" s="12"/>
    </row>
    <row r="578551" spans="8:8">
      <c r="H578551" s="12"/>
    </row>
    <row r="578552" spans="8:8">
      <c r="H578552" s="12"/>
    </row>
    <row r="578553" spans="8:8">
      <c r="H578553" s="12"/>
    </row>
    <row r="578554" spans="8:8">
      <c r="H578554" s="12"/>
    </row>
    <row r="578555" spans="8:8">
      <c r="H578555" s="12"/>
    </row>
    <row r="578556" spans="8:8">
      <c r="H578556" s="12"/>
    </row>
    <row r="578557" spans="8:8">
      <c r="H578557" s="12"/>
    </row>
    <row r="578558" spans="8:8">
      <c r="H578558" s="12"/>
    </row>
    <row r="578559" spans="8:8">
      <c r="H578559" s="12"/>
    </row>
    <row r="578560" spans="8:8">
      <c r="H578560" s="12"/>
    </row>
    <row r="578561" spans="8:8">
      <c r="H578561" s="12"/>
    </row>
    <row r="578562" spans="8:8">
      <c r="H578562" s="12"/>
    </row>
    <row r="578563" spans="8:8">
      <c r="H578563" s="12"/>
    </row>
    <row r="578564" spans="8:8">
      <c r="H578564" s="12"/>
    </row>
    <row r="578565" spans="8:8">
      <c r="H578565" s="12"/>
    </row>
    <row r="578566" spans="8:8">
      <c r="H578566" s="12"/>
    </row>
    <row r="578567" spans="8:8">
      <c r="H578567" s="12"/>
    </row>
    <row r="578568" spans="8:8">
      <c r="H578568" s="12"/>
    </row>
    <row r="578569" spans="8:8">
      <c r="H578569" s="12"/>
    </row>
    <row r="578570" spans="8:8">
      <c r="H578570" s="12"/>
    </row>
    <row r="578571" spans="8:8">
      <c r="H578571" s="12"/>
    </row>
    <row r="578572" spans="8:8">
      <c r="H578572" s="12"/>
    </row>
    <row r="578573" spans="8:8">
      <c r="H578573" s="12"/>
    </row>
    <row r="578574" spans="8:8">
      <c r="H578574" s="12"/>
    </row>
    <row r="578575" spans="8:8">
      <c r="H578575" s="12"/>
    </row>
    <row r="578576" spans="8:8">
      <c r="H578576" s="12"/>
    </row>
    <row r="578577" spans="8:8">
      <c r="H578577" s="12"/>
    </row>
    <row r="578578" spans="8:8">
      <c r="H578578" s="12"/>
    </row>
    <row r="578579" spans="8:8">
      <c r="H578579" s="12"/>
    </row>
    <row r="578580" spans="8:8">
      <c r="H578580" s="12"/>
    </row>
    <row r="578581" spans="8:8">
      <c r="H578581" s="12"/>
    </row>
    <row r="578582" spans="8:8">
      <c r="H578582" s="12"/>
    </row>
    <row r="578583" spans="8:8">
      <c r="H578583" s="12"/>
    </row>
    <row r="578584" spans="8:8">
      <c r="H578584" s="12"/>
    </row>
    <row r="578585" spans="8:8">
      <c r="H578585" s="12"/>
    </row>
    <row r="578586" spans="8:8">
      <c r="H578586" s="12"/>
    </row>
    <row r="578587" spans="8:8">
      <c r="H578587" s="12"/>
    </row>
    <row r="578588" spans="8:8">
      <c r="H578588" s="12"/>
    </row>
    <row r="578589" spans="8:8">
      <c r="H578589" s="12"/>
    </row>
    <row r="578590" spans="8:8">
      <c r="H578590" s="12"/>
    </row>
    <row r="578591" spans="8:8">
      <c r="H578591" s="12"/>
    </row>
    <row r="578592" spans="8:8">
      <c r="H578592" s="12"/>
    </row>
    <row r="578593" spans="8:8">
      <c r="H578593" s="12"/>
    </row>
    <row r="578594" spans="8:8">
      <c r="H578594" s="12"/>
    </row>
    <row r="578595" spans="8:8">
      <c r="H578595" s="12"/>
    </row>
    <row r="578596" spans="8:8">
      <c r="H578596" s="12"/>
    </row>
    <row r="578597" spans="8:8">
      <c r="H578597" s="12"/>
    </row>
    <row r="578598" spans="8:8">
      <c r="H578598" s="12"/>
    </row>
    <row r="578599" spans="8:8">
      <c r="H578599" s="12"/>
    </row>
    <row r="578600" spans="8:8">
      <c r="H578600" s="12"/>
    </row>
    <row r="578601" spans="8:8">
      <c r="H578601" s="12"/>
    </row>
    <row r="578602" spans="8:8">
      <c r="H578602" s="12"/>
    </row>
    <row r="578603" spans="8:8">
      <c r="H578603" s="12"/>
    </row>
    <row r="578604" spans="8:8">
      <c r="H578604" s="12"/>
    </row>
    <row r="578605" spans="8:8">
      <c r="H578605" s="12"/>
    </row>
    <row r="578606" spans="8:8">
      <c r="H578606" s="12"/>
    </row>
    <row r="578607" spans="8:8">
      <c r="H578607" s="12"/>
    </row>
    <row r="578608" spans="8:8">
      <c r="H578608" s="12"/>
    </row>
    <row r="578609" spans="8:8">
      <c r="H578609" s="12"/>
    </row>
    <row r="578610" spans="8:8">
      <c r="H578610" s="12"/>
    </row>
    <row r="578611" spans="8:8">
      <c r="H578611" s="12"/>
    </row>
    <row r="578612" spans="8:8">
      <c r="H578612" s="12"/>
    </row>
    <row r="578613" spans="8:8">
      <c r="H578613" s="12"/>
    </row>
    <row r="578614" spans="8:8">
      <c r="H578614" s="12"/>
    </row>
    <row r="578615" spans="8:8">
      <c r="H578615" s="12"/>
    </row>
    <row r="578616" spans="8:8">
      <c r="H578616" s="12"/>
    </row>
    <row r="578617" spans="8:8">
      <c r="H578617" s="12"/>
    </row>
    <row r="578618" spans="8:8">
      <c r="H578618" s="12"/>
    </row>
    <row r="578619" spans="8:8">
      <c r="H578619" s="12"/>
    </row>
    <row r="578620" spans="8:8">
      <c r="H578620" s="12"/>
    </row>
    <row r="578621" spans="8:8">
      <c r="H578621" s="12"/>
    </row>
    <row r="578622" spans="8:8">
      <c r="H578622" s="12"/>
    </row>
    <row r="578623" spans="8:8">
      <c r="H578623" s="12"/>
    </row>
    <row r="578624" spans="8:8">
      <c r="H578624" s="12"/>
    </row>
    <row r="578625" spans="8:8">
      <c r="H578625" s="12"/>
    </row>
    <row r="578626" spans="8:8">
      <c r="H578626" s="12"/>
    </row>
    <row r="578627" spans="8:8">
      <c r="H578627" s="12"/>
    </row>
    <row r="578628" spans="8:8">
      <c r="H578628" s="12"/>
    </row>
    <row r="578629" spans="8:8">
      <c r="H578629" s="12"/>
    </row>
    <row r="578630" spans="8:8">
      <c r="H578630" s="12"/>
    </row>
    <row r="578631" spans="8:8">
      <c r="H578631" s="12"/>
    </row>
    <row r="578632" spans="8:8">
      <c r="H578632" s="12"/>
    </row>
    <row r="578633" spans="8:8">
      <c r="H578633" s="12"/>
    </row>
    <row r="578634" spans="8:8">
      <c r="H578634" s="12"/>
    </row>
    <row r="578635" spans="8:8">
      <c r="H578635" s="12"/>
    </row>
    <row r="578636" spans="8:8">
      <c r="H578636" s="12"/>
    </row>
    <row r="578637" spans="8:8">
      <c r="H578637" s="12"/>
    </row>
    <row r="578638" spans="8:8">
      <c r="H578638" s="12"/>
    </row>
    <row r="578639" spans="8:8">
      <c r="H578639" s="12"/>
    </row>
    <row r="578640" spans="8:8">
      <c r="H578640" s="12"/>
    </row>
    <row r="578641" spans="8:8">
      <c r="H578641" s="12"/>
    </row>
    <row r="578642" spans="8:8">
      <c r="H578642" s="12"/>
    </row>
    <row r="578643" spans="8:8">
      <c r="H578643" s="12"/>
    </row>
    <row r="578644" spans="8:8">
      <c r="H578644" s="12"/>
    </row>
    <row r="578645" spans="8:8">
      <c r="H578645" s="12"/>
    </row>
    <row r="578646" spans="8:8">
      <c r="H578646" s="12"/>
    </row>
    <row r="578647" spans="8:8">
      <c r="H578647" s="12"/>
    </row>
    <row r="578648" spans="8:8">
      <c r="H578648" s="12"/>
    </row>
    <row r="578649" spans="8:8">
      <c r="H578649" s="12"/>
    </row>
    <row r="578650" spans="8:8">
      <c r="H578650" s="12"/>
    </row>
    <row r="578651" spans="8:8">
      <c r="H578651" s="12"/>
    </row>
    <row r="578652" spans="8:8">
      <c r="H578652" s="12"/>
    </row>
    <row r="578653" spans="8:8">
      <c r="H578653" s="12"/>
    </row>
    <row r="578654" spans="8:8">
      <c r="H578654" s="12"/>
    </row>
    <row r="578655" spans="8:8">
      <c r="H578655" s="12"/>
    </row>
    <row r="578656" spans="8:8">
      <c r="H578656" s="12"/>
    </row>
    <row r="578657" spans="8:8">
      <c r="H578657" s="12"/>
    </row>
    <row r="578658" spans="8:8">
      <c r="H578658" s="12"/>
    </row>
    <row r="578659" spans="8:8">
      <c r="H578659" s="12"/>
    </row>
    <row r="578660" spans="8:8">
      <c r="H578660" s="12"/>
    </row>
    <row r="578661" spans="8:8">
      <c r="H578661" s="12"/>
    </row>
    <row r="578662" spans="8:8">
      <c r="H578662" s="12"/>
    </row>
    <row r="578663" spans="8:8">
      <c r="H578663" s="12"/>
    </row>
    <row r="578664" spans="8:8">
      <c r="H578664" s="12"/>
    </row>
    <row r="578665" spans="8:8">
      <c r="H578665" s="12"/>
    </row>
    <row r="578666" spans="8:8">
      <c r="H578666" s="12"/>
    </row>
    <row r="578667" spans="8:8">
      <c r="H578667" s="12"/>
    </row>
    <row r="578668" spans="8:8">
      <c r="H578668" s="12"/>
    </row>
    <row r="578669" spans="8:8">
      <c r="H578669" s="12"/>
    </row>
    <row r="578670" spans="8:8">
      <c r="H578670" s="12"/>
    </row>
    <row r="578671" spans="8:8">
      <c r="H578671" s="12"/>
    </row>
    <row r="578672" spans="8:8">
      <c r="H578672" s="12"/>
    </row>
    <row r="578673" spans="8:8">
      <c r="H578673" s="12"/>
    </row>
    <row r="578674" spans="8:8">
      <c r="H578674" s="12"/>
    </row>
    <row r="578675" spans="8:8">
      <c r="H578675" s="12"/>
    </row>
    <row r="578676" spans="8:8">
      <c r="H578676" s="12"/>
    </row>
    <row r="578677" spans="8:8">
      <c r="H578677" s="12"/>
    </row>
    <row r="578678" spans="8:8">
      <c r="H578678" s="12"/>
    </row>
    <row r="578679" spans="8:8">
      <c r="H578679" s="12"/>
    </row>
    <row r="578680" spans="8:8">
      <c r="H578680" s="12"/>
    </row>
    <row r="578681" spans="8:8">
      <c r="H578681" s="12"/>
    </row>
    <row r="578682" spans="8:8">
      <c r="H578682" s="12"/>
    </row>
    <row r="578683" spans="8:8">
      <c r="H578683" s="12"/>
    </row>
    <row r="578684" spans="8:8">
      <c r="H578684" s="12"/>
    </row>
    <row r="578685" spans="8:8">
      <c r="H578685" s="12"/>
    </row>
    <row r="578686" spans="8:8">
      <c r="H578686" s="12"/>
    </row>
    <row r="578687" spans="8:8">
      <c r="H578687" s="12"/>
    </row>
    <row r="578688" spans="8:8">
      <c r="H578688" s="12"/>
    </row>
    <row r="578689" spans="8:8">
      <c r="H578689" s="12"/>
    </row>
    <row r="578690" spans="8:8">
      <c r="H578690" s="12"/>
    </row>
    <row r="578691" spans="8:8">
      <c r="H578691" s="12"/>
    </row>
    <row r="578692" spans="8:8">
      <c r="H578692" s="12"/>
    </row>
    <row r="578693" spans="8:8">
      <c r="H578693" s="12"/>
    </row>
    <row r="578694" spans="8:8">
      <c r="H578694" s="12"/>
    </row>
    <row r="578695" spans="8:8">
      <c r="H578695" s="12"/>
    </row>
    <row r="578696" spans="8:8">
      <c r="H578696" s="12"/>
    </row>
    <row r="578697" spans="8:8">
      <c r="H578697" s="12"/>
    </row>
    <row r="578698" spans="8:8">
      <c r="H578698" s="12"/>
    </row>
    <row r="578699" spans="8:8">
      <c r="H578699" s="12"/>
    </row>
    <row r="578700" spans="8:8">
      <c r="H578700" s="12"/>
    </row>
    <row r="578701" spans="8:8">
      <c r="H578701" s="12"/>
    </row>
    <row r="578702" spans="8:8">
      <c r="H578702" s="12"/>
    </row>
    <row r="578703" spans="8:8">
      <c r="H578703" s="12"/>
    </row>
    <row r="578704" spans="8:8">
      <c r="H578704" s="12"/>
    </row>
    <row r="578705" spans="8:8">
      <c r="H578705" s="12"/>
    </row>
    <row r="578706" spans="8:8">
      <c r="H578706" s="12"/>
    </row>
    <row r="578707" spans="8:8">
      <c r="H578707" s="12"/>
    </row>
    <row r="578708" spans="8:8">
      <c r="H578708" s="12"/>
    </row>
    <row r="578709" spans="8:8">
      <c r="H578709" s="12"/>
    </row>
    <row r="578710" spans="8:8">
      <c r="H578710" s="12"/>
    </row>
    <row r="578711" spans="8:8">
      <c r="H578711" s="12"/>
    </row>
    <row r="578712" spans="8:8">
      <c r="H578712" s="12"/>
    </row>
    <row r="578713" spans="8:8">
      <c r="H578713" s="12"/>
    </row>
    <row r="578714" spans="8:8">
      <c r="H578714" s="12"/>
    </row>
    <row r="578715" spans="8:8">
      <c r="H578715" s="12"/>
    </row>
    <row r="578716" spans="8:8">
      <c r="H578716" s="12"/>
    </row>
    <row r="578717" spans="8:8">
      <c r="H578717" s="12"/>
    </row>
    <row r="578718" spans="8:8">
      <c r="H578718" s="12"/>
    </row>
    <row r="578719" spans="8:8">
      <c r="H578719" s="12"/>
    </row>
    <row r="578720" spans="8:8">
      <c r="H578720" s="12"/>
    </row>
    <row r="578721" spans="8:8">
      <c r="H578721" s="12"/>
    </row>
    <row r="578722" spans="8:8">
      <c r="H578722" s="12"/>
    </row>
    <row r="578723" spans="8:8">
      <c r="H578723" s="12"/>
    </row>
    <row r="578724" spans="8:8">
      <c r="H578724" s="12"/>
    </row>
    <row r="578725" spans="8:8">
      <c r="H578725" s="12"/>
    </row>
    <row r="578726" spans="8:8">
      <c r="H578726" s="12"/>
    </row>
    <row r="578727" spans="8:8">
      <c r="H578727" s="12"/>
    </row>
    <row r="578728" spans="8:8">
      <c r="H578728" s="12"/>
    </row>
    <row r="578729" spans="8:8">
      <c r="H578729" s="12"/>
    </row>
    <row r="578730" spans="8:8">
      <c r="H578730" s="12"/>
    </row>
    <row r="578731" spans="8:8">
      <c r="H578731" s="12"/>
    </row>
    <row r="578732" spans="8:8">
      <c r="H578732" s="12"/>
    </row>
    <row r="578733" spans="8:8">
      <c r="H578733" s="12"/>
    </row>
    <row r="578734" spans="8:8">
      <c r="H578734" s="12"/>
    </row>
    <row r="578735" spans="8:8">
      <c r="H578735" s="12"/>
    </row>
    <row r="578736" spans="8:8">
      <c r="H578736" s="12"/>
    </row>
    <row r="578737" spans="8:8">
      <c r="H578737" s="12"/>
    </row>
    <row r="578738" spans="8:8">
      <c r="H578738" s="12"/>
    </row>
    <row r="578739" spans="8:8">
      <c r="H578739" s="12"/>
    </row>
    <row r="578740" spans="8:8">
      <c r="H578740" s="12"/>
    </row>
    <row r="578741" spans="8:8">
      <c r="H578741" s="12"/>
    </row>
    <row r="578742" spans="8:8">
      <c r="H578742" s="12"/>
    </row>
    <row r="578743" spans="8:8">
      <c r="H578743" s="12"/>
    </row>
    <row r="578744" spans="8:8">
      <c r="H578744" s="12"/>
    </row>
    <row r="578745" spans="8:8">
      <c r="H578745" s="12"/>
    </row>
    <row r="578746" spans="8:8">
      <c r="H578746" s="12"/>
    </row>
    <row r="578747" spans="8:8">
      <c r="H578747" s="12"/>
    </row>
    <row r="578748" spans="8:8">
      <c r="H578748" s="12"/>
    </row>
    <row r="578749" spans="8:8">
      <c r="H578749" s="12"/>
    </row>
    <row r="578750" spans="8:8">
      <c r="H578750" s="12"/>
    </row>
    <row r="578751" spans="8:8">
      <c r="H578751" s="12"/>
    </row>
    <row r="578752" spans="8:8">
      <c r="H578752" s="12"/>
    </row>
    <row r="578753" spans="8:8">
      <c r="H578753" s="12"/>
    </row>
    <row r="578754" spans="8:8">
      <c r="H578754" s="12"/>
    </row>
    <row r="578755" spans="8:8">
      <c r="H578755" s="12"/>
    </row>
    <row r="578756" spans="8:8">
      <c r="H578756" s="12"/>
    </row>
    <row r="578757" spans="8:8">
      <c r="H578757" s="12"/>
    </row>
    <row r="578758" spans="8:8">
      <c r="H578758" s="12"/>
    </row>
    <row r="578759" spans="8:8">
      <c r="H578759" s="12"/>
    </row>
    <row r="578760" spans="8:8">
      <c r="H578760" s="12"/>
    </row>
    <row r="578761" spans="8:8">
      <c r="H578761" s="12"/>
    </row>
    <row r="578762" spans="8:8">
      <c r="H578762" s="12"/>
    </row>
    <row r="578763" spans="8:8">
      <c r="H578763" s="12"/>
    </row>
    <row r="578764" spans="8:8">
      <c r="H578764" s="12"/>
    </row>
    <row r="578765" spans="8:8">
      <c r="H578765" s="12"/>
    </row>
    <row r="578766" spans="8:8">
      <c r="H578766" s="12"/>
    </row>
    <row r="578767" spans="8:8">
      <c r="H578767" s="12"/>
    </row>
    <row r="578768" spans="8:8">
      <c r="H578768" s="12"/>
    </row>
    <row r="578769" spans="8:8">
      <c r="H578769" s="12"/>
    </row>
    <row r="578770" spans="8:8">
      <c r="H578770" s="12"/>
    </row>
    <row r="578771" spans="8:8">
      <c r="H578771" s="12"/>
    </row>
    <row r="578772" spans="8:8">
      <c r="H578772" s="12"/>
    </row>
    <row r="578773" spans="8:8">
      <c r="H578773" s="12"/>
    </row>
    <row r="578774" spans="8:8">
      <c r="H578774" s="12"/>
    </row>
    <row r="578775" spans="8:8">
      <c r="H578775" s="12"/>
    </row>
    <row r="578776" spans="8:8">
      <c r="H578776" s="12"/>
    </row>
    <row r="578777" spans="8:8">
      <c r="H578777" s="12"/>
    </row>
    <row r="578778" spans="8:8">
      <c r="H578778" s="12"/>
    </row>
    <row r="578779" spans="8:8">
      <c r="H578779" s="12"/>
    </row>
    <row r="578780" spans="8:8">
      <c r="H578780" s="12"/>
    </row>
    <row r="578781" spans="8:8">
      <c r="H578781" s="12"/>
    </row>
    <row r="578782" spans="8:8">
      <c r="H578782" s="12"/>
    </row>
    <row r="578783" spans="8:8">
      <c r="H578783" s="12"/>
    </row>
    <row r="578784" spans="8:8">
      <c r="H578784" s="12"/>
    </row>
    <row r="578785" spans="8:8">
      <c r="H578785" s="12"/>
    </row>
    <row r="578786" spans="8:8">
      <c r="H578786" s="12"/>
    </row>
    <row r="578787" spans="8:8">
      <c r="H578787" s="12"/>
    </row>
    <row r="578788" spans="8:8">
      <c r="H578788" s="12"/>
    </row>
    <row r="578789" spans="8:8">
      <c r="H578789" s="12"/>
    </row>
    <row r="578790" spans="8:8">
      <c r="H578790" s="12"/>
    </row>
    <row r="578791" spans="8:8">
      <c r="H578791" s="12"/>
    </row>
    <row r="578792" spans="8:8">
      <c r="H578792" s="12"/>
    </row>
    <row r="578793" spans="8:8">
      <c r="H578793" s="12"/>
    </row>
    <row r="578794" spans="8:8">
      <c r="H578794" s="12"/>
    </row>
    <row r="578795" spans="8:8">
      <c r="H578795" s="12"/>
    </row>
    <row r="578796" spans="8:8">
      <c r="H578796" s="12"/>
    </row>
    <row r="578797" spans="8:8">
      <c r="H578797" s="12"/>
    </row>
    <row r="578798" spans="8:8">
      <c r="H578798" s="12"/>
    </row>
    <row r="578799" spans="8:8">
      <c r="H578799" s="12"/>
    </row>
    <row r="578800" spans="8:8">
      <c r="H578800" s="12"/>
    </row>
    <row r="578801" spans="8:8">
      <c r="H578801" s="12"/>
    </row>
    <row r="578802" spans="8:8">
      <c r="H578802" s="12"/>
    </row>
    <row r="578803" spans="8:8">
      <c r="H578803" s="12"/>
    </row>
    <row r="578804" spans="8:8">
      <c r="H578804" s="12"/>
    </row>
    <row r="578805" spans="8:8">
      <c r="H578805" s="12"/>
    </row>
    <row r="578806" spans="8:8">
      <c r="H578806" s="12"/>
    </row>
    <row r="578807" spans="8:8">
      <c r="H578807" s="12"/>
    </row>
    <row r="578808" spans="8:8">
      <c r="H578808" s="12"/>
    </row>
    <row r="578809" spans="8:8">
      <c r="H578809" s="12"/>
    </row>
    <row r="578810" spans="8:8">
      <c r="H578810" s="12"/>
    </row>
    <row r="578811" spans="8:8">
      <c r="H578811" s="12"/>
    </row>
    <row r="578812" spans="8:8">
      <c r="H578812" s="12"/>
    </row>
    <row r="578813" spans="8:8">
      <c r="H578813" s="12"/>
    </row>
    <row r="578814" spans="8:8">
      <c r="H578814" s="12"/>
    </row>
    <row r="578815" spans="8:8">
      <c r="H578815" s="12"/>
    </row>
    <row r="578816" spans="8:8">
      <c r="H578816" s="12"/>
    </row>
    <row r="578817" spans="8:8">
      <c r="H578817" s="12"/>
    </row>
    <row r="578818" spans="8:8">
      <c r="H578818" s="12"/>
    </row>
    <row r="578819" spans="8:8">
      <c r="H578819" s="12"/>
    </row>
    <row r="578820" spans="8:8">
      <c r="H578820" s="12"/>
    </row>
    <row r="578821" spans="8:8">
      <c r="H578821" s="12"/>
    </row>
    <row r="578822" spans="8:8">
      <c r="H578822" s="12"/>
    </row>
    <row r="578823" spans="8:8">
      <c r="H578823" s="12"/>
    </row>
    <row r="578824" spans="8:8">
      <c r="H578824" s="12"/>
    </row>
    <row r="578825" spans="8:8">
      <c r="H578825" s="12"/>
    </row>
    <row r="578826" spans="8:8">
      <c r="H578826" s="12"/>
    </row>
    <row r="578827" spans="8:8">
      <c r="H578827" s="12"/>
    </row>
    <row r="578828" spans="8:8">
      <c r="H578828" s="12"/>
    </row>
    <row r="578829" spans="8:8">
      <c r="H578829" s="12"/>
    </row>
    <row r="578830" spans="8:8">
      <c r="H578830" s="12"/>
    </row>
    <row r="578831" spans="8:8">
      <c r="H578831" s="12"/>
    </row>
    <row r="578832" spans="8:8">
      <c r="H578832" s="12"/>
    </row>
    <row r="578833" spans="8:8">
      <c r="H578833" s="12"/>
    </row>
    <row r="578834" spans="8:8">
      <c r="H578834" s="12"/>
    </row>
    <row r="578835" spans="8:8">
      <c r="H578835" s="12"/>
    </row>
    <row r="578836" spans="8:8">
      <c r="H578836" s="12"/>
    </row>
    <row r="578837" spans="8:8">
      <c r="H578837" s="12"/>
    </row>
    <row r="578838" spans="8:8">
      <c r="H578838" s="12"/>
    </row>
    <row r="578839" spans="8:8">
      <c r="H578839" s="12"/>
    </row>
    <row r="578840" spans="8:8">
      <c r="H578840" s="12"/>
    </row>
    <row r="578841" spans="8:8">
      <c r="H578841" s="12"/>
    </row>
    <row r="578842" spans="8:8">
      <c r="H578842" s="12"/>
    </row>
    <row r="578843" spans="8:8">
      <c r="H578843" s="12"/>
    </row>
    <row r="578844" spans="8:8">
      <c r="H578844" s="12"/>
    </row>
    <row r="578845" spans="8:8">
      <c r="H578845" s="12"/>
    </row>
    <row r="578846" spans="8:8">
      <c r="H578846" s="12"/>
    </row>
    <row r="578847" spans="8:8">
      <c r="H578847" s="12"/>
    </row>
    <row r="578848" spans="8:8">
      <c r="H578848" s="12"/>
    </row>
    <row r="578849" spans="8:8">
      <c r="H578849" s="12"/>
    </row>
    <row r="578850" spans="8:8">
      <c r="H578850" s="12"/>
    </row>
    <row r="578851" spans="8:8">
      <c r="H578851" s="12"/>
    </row>
    <row r="578852" spans="8:8">
      <c r="H578852" s="12"/>
    </row>
    <row r="578853" spans="8:8">
      <c r="H578853" s="12"/>
    </row>
    <row r="578854" spans="8:8">
      <c r="H578854" s="12"/>
    </row>
    <row r="578855" spans="8:8">
      <c r="H578855" s="12"/>
    </row>
    <row r="578856" spans="8:8">
      <c r="H578856" s="12"/>
    </row>
    <row r="578857" spans="8:8">
      <c r="H578857" s="12"/>
    </row>
    <row r="578858" spans="8:8">
      <c r="H578858" s="12"/>
    </row>
    <row r="578859" spans="8:8">
      <c r="H578859" s="12"/>
    </row>
    <row r="578860" spans="8:8">
      <c r="H578860" s="12"/>
    </row>
    <row r="578861" spans="8:8">
      <c r="H578861" s="12"/>
    </row>
    <row r="578862" spans="8:8">
      <c r="H578862" s="12"/>
    </row>
    <row r="578863" spans="8:8">
      <c r="H578863" s="12"/>
    </row>
    <row r="578864" spans="8:8">
      <c r="H578864" s="12"/>
    </row>
    <row r="578865" spans="8:8">
      <c r="H578865" s="12"/>
    </row>
    <row r="578866" spans="8:8">
      <c r="H578866" s="12"/>
    </row>
    <row r="578867" spans="8:8">
      <c r="H578867" s="12"/>
    </row>
    <row r="578868" spans="8:8">
      <c r="H578868" s="12"/>
    </row>
    <row r="578869" spans="8:8">
      <c r="H578869" s="12"/>
    </row>
    <row r="578870" spans="8:8">
      <c r="H578870" s="12"/>
    </row>
    <row r="578871" spans="8:8">
      <c r="H578871" s="12"/>
    </row>
    <row r="578872" spans="8:8">
      <c r="H578872" s="12"/>
    </row>
    <row r="578873" spans="8:8">
      <c r="H578873" s="12"/>
    </row>
    <row r="578874" spans="8:8">
      <c r="H578874" s="12"/>
    </row>
    <row r="578875" spans="8:8">
      <c r="H578875" s="12"/>
    </row>
    <row r="578876" spans="8:8">
      <c r="H578876" s="12"/>
    </row>
    <row r="578877" spans="8:8">
      <c r="H578877" s="12"/>
    </row>
    <row r="578878" spans="8:8">
      <c r="H578878" s="12"/>
    </row>
    <row r="578879" spans="8:8">
      <c r="H578879" s="12"/>
    </row>
    <row r="578880" spans="8:8">
      <c r="H578880" s="12"/>
    </row>
    <row r="578881" spans="8:8">
      <c r="H578881" s="12"/>
    </row>
    <row r="578882" spans="8:8">
      <c r="H578882" s="12"/>
    </row>
    <row r="578883" spans="8:8">
      <c r="H578883" s="12"/>
    </row>
    <row r="578884" spans="8:8">
      <c r="H578884" s="12"/>
    </row>
    <row r="578885" spans="8:8">
      <c r="H578885" s="12"/>
    </row>
    <row r="578886" spans="8:8">
      <c r="H578886" s="12"/>
    </row>
    <row r="578887" spans="8:8">
      <c r="H578887" s="12"/>
    </row>
    <row r="578888" spans="8:8">
      <c r="H578888" s="12"/>
    </row>
    <row r="578889" spans="8:8">
      <c r="H578889" s="12"/>
    </row>
    <row r="578890" spans="8:8">
      <c r="H578890" s="12"/>
    </row>
    <row r="578891" spans="8:8">
      <c r="H578891" s="12"/>
    </row>
    <row r="578892" spans="8:8">
      <c r="H578892" s="12"/>
    </row>
    <row r="578893" spans="8:8">
      <c r="H578893" s="12"/>
    </row>
    <row r="578894" spans="8:8">
      <c r="H578894" s="12"/>
    </row>
    <row r="578895" spans="8:8">
      <c r="H578895" s="12"/>
    </row>
    <row r="578896" spans="8:8">
      <c r="H578896" s="12"/>
    </row>
    <row r="578897" spans="8:8">
      <c r="H578897" s="12"/>
    </row>
    <row r="578898" spans="8:8">
      <c r="H578898" s="12"/>
    </row>
    <row r="578899" spans="8:8">
      <c r="H578899" s="12"/>
    </row>
    <row r="578900" spans="8:8">
      <c r="H578900" s="12"/>
    </row>
    <row r="578901" spans="8:8">
      <c r="H578901" s="12"/>
    </row>
    <row r="578902" spans="8:8">
      <c r="H578902" s="12"/>
    </row>
    <row r="578903" spans="8:8">
      <c r="H578903" s="12"/>
    </row>
    <row r="578904" spans="8:8">
      <c r="H578904" s="12"/>
    </row>
    <row r="578905" spans="8:8">
      <c r="H578905" s="12"/>
    </row>
    <row r="578906" spans="8:8">
      <c r="H578906" s="12"/>
    </row>
    <row r="578907" spans="8:8">
      <c r="H578907" s="12"/>
    </row>
    <row r="578908" spans="8:8">
      <c r="H578908" s="12"/>
    </row>
    <row r="578909" spans="8:8">
      <c r="H578909" s="12"/>
    </row>
    <row r="578910" spans="8:8">
      <c r="H578910" s="12"/>
    </row>
    <row r="578911" spans="8:8">
      <c r="H578911" s="12"/>
    </row>
    <row r="578912" spans="8:8">
      <c r="H578912" s="12"/>
    </row>
    <row r="578913" spans="8:8">
      <c r="H578913" s="12"/>
    </row>
    <row r="578914" spans="8:8">
      <c r="H578914" s="12"/>
    </row>
    <row r="578915" spans="8:8">
      <c r="H578915" s="12"/>
    </row>
    <row r="578916" spans="8:8">
      <c r="H578916" s="12"/>
    </row>
    <row r="578917" spans="8:8">
      <c r="H578917" s="12"/>
    </row>
    <row r="578918" spans="8:8">
      <c r="H578918" s="12"/>
    </row>
    <row r="578919" spans="8:8">
      <c r="H578919" s="12"/>
    </row>
    <row r="578920" spans="8:8">
      <c r="H578920" s="12"/>
    </row>
    <row r="578921" spans="8:8">
      <c r="H578921" s="12"/>
    </row>
    <row r="578922" spans="8:8">
      <c r="H578922" s="12"/>
    </row>
    <row r="578923" spans="8:8">
      <c r="H578923" s="12"/>
    </row>
    <row r="578924" spans="8:8">
      <c r="H578924" s="12"/>
    </row>
    <row r="578925" spans="8:8">
      <c r="H578925" s="12"/>
    </row>
    <row r="578926" spans="8:8">
      <c r="H578926" s="12"/>
    </row>
    <row r="578927" spans="8:8">
      <c r="H578927" s="12"/>
    </row>
    <row r="578928" spans="8:8">
      <c r="H578928" s="12"/>
    </row>
    <row r="578929" spans="8:8">
      <c r="H578929" s="12"/>
    </row>
    <row r="578930" spans="8:8">
      <c r="H578930" s="12"/>
    </row>
    <row r="578931" spans="8:8">
      <c r="H578931" s="12"/>
    </row>
    <row r="578932" spans="8:8">
      <c r="H578932" s="12"/>
    </row>
    <row r="578933" spans="8:8">
      <c r="H578933" s="12"/>
    </row>
    <row r="578934" spans="8:8">
      <c r="H578934" s="12"/>
    </row>
    <row r="578935" spans="8:8">
      <c r="H578935" s="12"/>
    </row>
    <row r="578936" spans="8:8">
      <c r="H578936" s="12"/>
    </row>
    <row r="578937" spans="8:8">
      <c r="H578937" s="12"/>
    </row>
    <row r="578938" spans="8:8">
      <c r="H578938" s="12"/>
    </row>
    <row r="578939" spans="8:8">
      <c r="H578939" s="12"/>
    </row>
    <row r="578940" spans="8:8">
      <c r="H578940" s="12"/>
    </row>
    <row r="578941" spans="8:8">
      <c r="H578941" s="12"/>
    </row>
    <row r="578942" spans="8:8">
      <c r="H578942" s="12"/>
    </row>
    <row r="578943" spans="8:8">
      <c r="H578943" s="12"/>
    </row>
    <row r="578944" spans="8:8">
      <c r="H578944" s="12"/>
    </row>
    <row r="578945" spans="8:8">
      <c r="H578945" s="12"/>
    </row>
    <row r="578946" spans="8:8">
      <c r="H578946" s="12"/>
    </row>
    <row r="578947" spans="8:8">
      <c r="H578947" s="12"/>
    </row>
    <row r="578948" spans="8:8">
      <c r="H578948" s="12"/>
    </row>
    <row r="578949" spans="8:8">
      <c r="H578949" s="12"/>
    </row>
    <row r="578950" spans="8:8">
      <c r="H578950" s="12"/>
    </row>
    <row r="578951" spans="8:8">
      <c r="H578951" s="12"/>
    </row>
    <row r="578952" spans="8:8">
      <c r="H578952" s="12"/>
    </row>
    <row r="578953" spans="8:8">
      <c r="H578953" s="12"/>
    </row>
    <row r="578954" spans="8:8">
      <c r="H578954" s="12"/>
    </row>
    <row r="578955" spans="8:8">
      <c r="H578955" s="12"/>
    </row>
    <row r="578956" spans="8:8">
      <c r="H578956" s="12"/>
    </row>
    <row r="578957" spans="8:8">
      <c r="H578957" s="12"/>
    </row>
    <row r="578958" spans="8:8">
      <c r="H578958" s="12"/>
    </row>
    <row r="578959" spans="8:8">
      <c r="H578959" s="12"/>
    </row>
    <row r="578960" spans="8:8">
      <c r="H578960" s="12"/>
    </row>
    <row r="578961" spans="8:8">
      <c r="H578961" s="12"/>
    </row>
    <row r="578962" spans="8:8">
      <c r="H578962" s="12"/>
    </row>
    <row r="578963" spans="8:8">
      <c r="H578963" s="12"/>
    </row>
    <row r="578964" spans="8:8">
      <c r="H578964" s="12"/>
    </row>
    <row r="578965" spans="8:8">
      <c r="H578965" s="12"/>
    </row>
    <row r="578966" spans="8:8">
      <c r="H578966" s="12"/>
    </row>
    <row r="578967" spans="8:8">
      <c r="H578967" s="12"/>
    </row>
    <row r="578968" spans="8:8">
      <c r="H578968" s="12"/>
    </row>
    <row r="578969" spans="8:8">
      <c r="H578969" s="12"/>
    </row>
    <row r="578970" spans="8:8">
      <c r="H578970" s="12"/>
    </row>
    <row r="578971" spans="8:8">
      <c r="H578971" s="12"/>
    </row>
    <row r="578972" spans="8:8">
      <c r="H578972" s="12"/>
    </row>
    <row r="578973" spans="8:8">
      <c r="H578973" s="12"/>
    </row>
    <row r="578974" spans="8:8">
      <c r="H578974" s="12"/>
    </row>
    <row r="578975" spans="8:8">
      <c r="H578975" s="12"/>
    </row>
    <row r="578976" spans="8:8">
      <c r="H578976" s="12"/>
    </row>
    <row r="578977" spans="8:8">
      <c r="H578977" s="12"/>
    </row>
    <row r="578978" spans="8:8">
      <c r="H578978" s="12"/>
    </row>
    <row r="578979" spans="8:8">
      <c r="H578979" s="12"/>
    </row>
    <row r="578980" spans="8:8">
      <c r="H578980" s="12"/>
    </row>
    <row r="578981" spans="8:8">
      <c r="H578981" s="12"/>
    </row>
    <row r="578982" spans="8:8">
      <c r="H578982" s="12"/>
    </row>
    <row r="578983" spans="8:8">
      <c r="H578983" s="12"/>
    </row>
    <row r="578984" spans="8:8">
      <c r="H578984" s="12"/>
    </row>
    <row r="578985" spans="8:8">
      <c r="H578985" s="12"/>
    </row>
    <row r="578986" spans="8:8">
      <c r="H578986" s="12"/>
    </row>
    <row r="578987" spans="8:8">
      <c r="H578987" s="12"/>
    </row>
    <row r="578988" spans="8:8">
      <c r="H578988" s="12"/>
    </row>
    <row r="578989" spans="8:8">
      <c r="H578989" s="12"/>
    </row>
    <row r="578990" spans="8:8">
      <c r="H578990" s="12"/>
    </row>
    <row r="578991" spans="8:8">
      <c r="H578991" s="12"/>
    </row>
    <row r="578992" spans="8:8">
      <c r="H578992" s="12"/>
    </row>
    <row r="578993" spans="8:8">
      <c r="H578993" s="12"/>
    </row>
    <row r="578994" spans="8:8">
      <c r="H578994" s="12"/>
    </row>
    <row r="578995" spans="8:8">
      <c r="H578995" s="12"/>
    </row>
    <row r="578996" spans="8:8">
      <c r="H578996" s="12"/>
    </row>
    <row r="578997" spans="8:8">
      <c r="H578997" s="12"/>
    </row>
    <row r="578998" spans="8:8">
      <c r="H578998" s="12"/>
    </row>
    <row r="578999" spans="8:8">
      <c r="H578999" s="12"/>
    </row>
    <row r="579000" spans="8:8">
      <c r="H579000" s="12"/>
    </row>
    <row r="579001" spans="8:8">
      <c r="H579001" s="12"/>
    </row>
    <row r="579002" spans="8:8">
      <c r="H579002" s="12"/>
    </row>
    <row r="579003" spans="8:8">
      <c r="H579003" s="12"/>
    </row>
    <row r="579004" spans="8:8">
      <c r="H579004" s="12"/>
    </row>
    <row r="579005" spans="8:8">
      <c r="H579005" s="12"/>
    </row>
    <row r="579006" spans="8:8">
      <c r="H579006" s="12"/>
    </row>
    <row r="579007" spans="8:8">
      <c r="H579007" s="12"/>
    </row>
    <row r="579008" spans="8:8">
      <c r="H579008" s="12"/>
    </row>
    <row r="579009" spans="8:8">
      <c r="H579009" s="12"/>
    </row>
    <row r="579010" spans="8:8">
      <c r="H579010" s="12"/>
    </row>
    <row r="579011" spans="8:8">
      <c r="H579011" s="12"/>
    </row>
    <row r="579012" spans="8:8">
      <c r="H579012" s="12"/>
    </row>
    <row r="579013" spans="8:8">
      <c r="H579013" s="12"/>
    </row>
    <row r="579014" spans="8:8">
      <c r="H579014" s="12"/>
    </row>
    <row r="579015" spans="8:8">
      <c r="H579015" s="12"/>
    </row>
    <row r="579016" spans="8:8">
      <c r="H579016" s="12"/>
    </row>
    <row r="579017" spans="8:8">
      <c r="H579017" s="12"/>
    </row>
    <row r="579018" spans="8:8">
      <c r="H579018" s="12"/>
    </row>
    <row r="579019" spans="8:8">
      <c r="H579019" s="12"/>
    </row>
    <row r="579020" spans="8:8">
      <c r="H579020" s="12"/>
    </row>
    <row r="579021" spans="8:8">
      <c r="H579021" s="12"/>
    </row>
    <row r="579022" spans="8:8">
      <c r="H579022" s="12"/>
    </row>
    <row r="579023" spans="8:8">
      <c r="H579023" s="12"/>
    </row>
    <row r="579024" spans="8:8">
      <c r="H579024" s="12"/>
    </row>
    <row r="579025" spans="8:8">
      <c r="H579025" s="12"/>
    </row>
    <row r="579026" spans="8:8">
      <c r="H579026" s="12"/>
    </row>
    <row r="579027" spans="8:8">
      <c r="H579027" s="12"/>
    </row>
    <row r="579028" spans="8:8">
      <c r="H579028" s="12"/>
    </row>
    <row r="579029" spans="8:8">
      <c r="H579029" s="12"/>
    </row>
    <row r="579030" spans="8:8">
      <c r="H579030" s="12"/>
    </row>
    <row r="579031" spans="8:8">
      <c r="H579031" s="12"/>
    </row>
    <row r="579032" spans="8:8">
      <c r="H579032" s="12"/>
    </row>
    <row r="579033" spans="8:8">
      <c r="H579033" s="12"/>
    </row>
    <row r="579034" spans="8:8">
      <c r="H579034" s="12"/>
    </row>
    <row r="579035" spans="8:8">
      <c r="H579035" s="12"/>
    </row>
    <row r="579036" spans="8:8">
      <c r="H579036" s="12"/>
    </row>
    <row r="579037" spans="8:8">
      <c r="H579037" s="12"/>
    </row>
    <row r="579038" spans="8:8">
      <c r="H579038" s="12"/>
    </row>
    <row r="579039" spans="8:8">
      <c r="H579039" s="12"/>
    </row>
    <row r="579040" spans="8:8">
      <c r="H579040" s="12"/>
    </row>
    <row r="579041" spans="8:8">
      <c r="H579041" s="12"/>
    </row>
    <row r="579042" spans="8:8">
      <c r="H579042" s="12"/>
    </row>
    <row r="579043" spans="8:8">
      <c r="H579043" s="12"/>
    </row>
    <row r="579044" spans="8:8">
      <c r="H579044" s="12"/>
    </row>
    <row r="579045" spans="8:8">
      <c r="H579045" s="12"/>
    </row>
    <row r="579046" spans="8:8">
      <c r="H579046" s="12"/>
    </row>
    <row r="579047" spans="8:8">
      <c r="H579047" s="12"/>
    </row>
    <row r="579048" spans="8:8">
      <c r="H579048" s="12"/>
    </row>
    <row r="579049" spans="8:8">
      <c r="H579049" s="12"/>
    </row>
    <row r="579050" spans="8:8">
      <c r="H579050" s="12"/>
    </row>
    <row r="579051" spans="8:8">
      <c r="H579051" s="12"/>
    </row>
    <row r="579052" spans="8:8">
      <c r="H579052" s="12"/>
    </row>
    <row r="579053" spans="8:8">
      <c r="H579053" s="12"/>
    </row>
    <row r="579054" spans="8:8">
      <c r="H579054" s="12"/>
    </row>
    <row r="579055" spans="8:8">
      <c r="H579055" s="12"/>
    </row>
    <row r="579056" spans="8:8">
      <c r="H579056" s="12"/>
    </row>
    <row r="579057" spans="8:8">
      <c r="H579057" s="12"/>
    </row>
    <row r="579058" spans="8:8">
      <c r="H579058" s="12"/>
    </row>
    <row r="579059" spans="8:8">
      <c r="H579059" s="12"/>
    </row>
    <row r="579060" spans="8:8">
      <c r="H579060" s="12"/>
    </row>
    <row r="579061" spans="8:8">
      <c r="H579061" s="12"/>
    </row>
    <row r="579062" spans="8:8">
      <c r="H579062" s="12"/>
    </row>
    <row r="579063" spans="8:8">
      <c r="H579063" s="12"/>
    </row>
    <row r="579064" spans="8:8">
      <c r="H579064" s="12"/>
    </row>
    <row r="579065" spans="8:8">
      <c r="H579065" s="12"/>
    </row>
    <row r="579066" spans="8:8">
      <c r="H579066" s="12"/>
    </row>
    <row r="579067" spans="8:8">
      <c r="H579067" s="12"/>
    </row>
    <row r="579068" spans="8:8">
      <c r="H579068" s="12"/>
    </row>
    <row r="579069" spans="8:8">
      <c r="H579069" s="12"/>
    </row>
    <row r="579070" spans="8:8">
      <c r="H579070" s="12"/>
    </row>
    <row r="579071" spans="8:8">
      <c r="H579071" s="12"/>
    </row>
    <row r="579072" spans="8:8">
      <c r="H579072" s="12"/>
    </row>
    <row r="579073" spans="8:8">
      <c r="H579073" s="12"/>
    </row>
    <row r="579074" spans="8:8">
      <c r="H579074" s="12"/>
    </row>
    <row r="579075" spans="8:8">
      <c r="H579075" s="12"/>
    </row>
    <row r="579076" spans="8:8">
      <c r="H579076" s="12"/>
    </row>
    <row r="579077" spans="8:8">
      <c r="H579077" s="12"/>
    </row>
    <row r="579078" spans="8:8">
      <c r="H579078" s="12"/>
    </row>
    <row r="579079" spans="8:8">
      <c r="H579079" s="12"/>
    </row>
    <row r="579080" spans="8:8">
      <c r="H579080" s="12"/>
    </row>
    <row r="579081" spans="8:8">
      <c r="H579081" s="12"/>
    </row>
    <row r="579082" spans="8:8">
      <c r="H579082" s="12"/>
    </row>
    <row r="579083" spans="8:8">
      <c r="H579083" s="12"/>
    </row>
    <row r="579084" spans="8:8">
      <c r="H579084" s="12"/>
    </row>
    <row r="579085" spans="8:8">
      <c r="H579085" s="12"/>
    </row>
    <row r="579086" spans="8:8">
      <c r="H579086" s="12"/>
    </row>
    <row r="579087" spans="8:8">
      <c r="H579087" s="12"/>
    </row>
    <row r="579088" spans="8:8">
      <c r="H579088" s="12"/>
    </row>
    <row r="579089" spans="8:8">
      <c r="H579089" s="12"/>
    </row>
    <row r="579090" spans="8:8">
      <c r="H579090" s="12"/>
    </row>
    <row r="579091" spans="8:8">
      <c r="H579091" s="12"/>
    </row>
    <row r="579092" spans="8:8">
      <c r="H579092" s="12"/>
    </row>
    <row r="579093" spans="8:8">
      <c r="H579093" s="12"/>
    </row>
    <row r="579094" spans="8:8">
      <c r="H579094" s="12"/>
    </row>
    <row r="579095" spans="8:8">
      <c r="H579095" s="12"/>
    </row>
    <row r="579096" spans="8:8">
      <c r="H579096" s="12"/>
    </row>
    <row r="579097" spans="8:8">
      <c r="H579097" s="12"/>
    </row>
    <row r="579098" spans="8:8">
      <c r="H579098" s="12"/>
    </row>
    <row r="579099" spans="8:8">
      <c r="H579099" s="12"/>
    </row>
    <row r="579100" spans="8:8">
      <c r="H579100" s="12"/>
    </row>
    <row r="579101" spans="8:8">
      <c r="H579101" s="12"/>
    </row>
    <row r="579102" spans="8:8">
      <c r="H579102" s="12"/>
    </row>
    <row r="579103" spans="8:8">
      <c r="H579103" s="12"/>
    </row>
    <row r="579104" spans="8:8">
      <c r="H579104" s="12"/>
    </row>
    <row r="579105" spans="8:8">
      <c r="H579105" s="12"/>
    </row>
    <row r="579106" spans="8:8">
      <c r="H579106" s="12"/>
    </row>
    <row r="579107" spans="8:8">
      <c r="H579107" s="12"/>
    </row>
    <row r="579108" spans="8:8">
      <c r="H579108" s="12"/>
    </row>
    <row r="579109" spans="8:8">
      <c r="H579109" s="12"/>
    </row>
    <row r="579110" spans="8:8">
      <c r="H579110" s="12"/>
    </row>
    <row r="579111" spans="8:8">
      <c r="H579111" s="12"/>
    </row>
    <row r="579112" spans="8:8">
      <c r="H579112" s="12"/>
    </row>
    <row r="579113" spans="8:8">
      <c r="H579113" s="12"/>
    </row>
    <row r="579114" spans="8:8">
      <c r="H579114" s="12"/>
    </row>
    <row r="579115" spans="8:8">
      <c r="H579115" s="12"/>
    </row>
    <row r="579116" spans="8:8">
      <c r="H579116" s="12"/>
    </row>
    <row r="579117" spans="8:8">
      <c r="H579117" s="12"/>
    </row>
    <row r="579118" spans="8:8">
      <c r="H579118" s="12"/>
    </row>
    <row r="579119" spans="8:8">
      <c r="H579119" s="12"/>
    </row>
    <row r="579120" spans="8:8">
      <c r="H579120" s="12"/>
    </row>
    <row r="579121" spans="8:8">
      <c r="H579121" s="12"/>
    </row>
    <row r="579122" spans="8:8">
      <c r="H579122" s="12"/>
    </row>
    <row r="579123" spans="8:8">
      <c r="H579123" s="12"/>
    </row>
    <row r="579124" spans="8:8">
      <c r="H579124" s="12"/>
    </row>
    <row r="579125" spans="8:8">
      <c r="H579125" s="12"/>
    </row>
    <row r="579126" spans="8:8">
      <c r="H579126" s="12"/>
    </row>
    <row r="579127" spans="8:8">
      <c r="H579127" s="12"/>
    </row>
    <row r="579128" spans="8:8">
      <c r="H579128" s="12"/>
    </row>
    <row r="579129" spans="8:8">
      <c r="H579129" s="12"/>
    </row>
    <row r="579130" spans="8:8">
      <c r="H579130" s="12"/>
    </row>
    <row r="579131" spans="8:8">
      <c r="H579131" s="12"/>
    </row>
    <row r="579132" spans="8:8">
      <c r="H579132" s="12"/>
    </row>
    <row r="579133" spans="8:8">
      <c r="H579133" s="12"/>
    </row>
    <row r="579134" spans="8:8">
      <c r="H579134" s="12"/>
    </row>
    <row r="579135" spans="8:8">
      <c r="H579135" s="12"/>
    </row>
    <row r="579136" spans="8:8">
      <c r="H579136" s="12"/>
    </row>
    <row r="579137" spans="8:8">
      <c r="H579137" s="12"/>
    </row>
    <row r="579138" spans="8:8">
      <c r="H579138" s="12"/>
    </row>
    <row r="579139" spans="8:8">
      <c r="H579139" s="12"/>
    </row>
    <row r="579140" spans="8:8">
      <c r="H579140" s="12"/>
    </row>
    <row r="579141" spans="8:8">
      <c r="H579141" s="12"/>
    </row>
    <row r="579142" spans="8:8">
      <c r="H579142" s="12"/>
    </row>
    <row r="579143" spans="8:8">
      <c r="H579143" s="12"/>
    </row>
    <row r="579144" spans="8:8">
      <c r="H579144" s="12"/>
    </row>
    <row r="579145" spans="8:8">
      <c r="H579145" s="12"/>
    </row>
    <row r="579146" spans="8:8">
      <c r="H579146" s="12"/>
    </row>
    <row r="579147" spans="8:8">
      <c r="H579147" s="12"/>
    </row>
    <row r="579148" spans="8:8">
      <c r="H579148" s="12"/>
    </row>
    <row r="579149" spans="8:8">
      <c r="H579149" s="12"/>
    </row>
    <row r="579150" spans="8:8">
      <c r="H579150" s="12"/>
    </row>
    <row r="579151" spans="8:8">
      <c r="H579151" s="12"/>
    </row>
    <row r="579152" spans="8:8">
      <c r="H579152" s="12"/>
    </row>
    <row r="579153" spans="8:8">
      <c r="H579153" s="12"/>
    </row>
    <row r="579154" spans="8:8">
      <c r="H579154" s="12"/>
    </row>
    <row r="579155" spans="8:8">
      <c r="H579155" s="12"/>
    </row>
    <row r="579156" spans="8:8">
      <c r="H579156" s="12"/>
    </row>
    <row r="579157" spans="8:8">
      <c r="H579157" s="12"/>
    </row>
    <row r="579158" spans="8:8">
      <c r="H579158" s="12"/>
    </row>
    <row r="579159" spans="8:8">
      <c r="H579159" s="12"/>
    </row>
    <row r="579160" spans="8:8">
      <c r="H579160" s="12"/>
    </row>
    <row r="579161" spans="8:8">
      <c r="H579161" s="12"/>
    </row>
    <row r="579162" spans="8:8">
      <c r="H579162" s="12"/>
    </row>
    <row r="579163" spans="8:8">
      <c r="H579163" s="12"/>
    </row>
    <row r="579164" spans="8:8">
      <c r="H579164" s="12"/>
    </row>
    <row r="579165" spans="8:8">
      <c r="H579165" s="12"/>
    </row>
    <row r="579166" spans="8:8">
      <c r="H579166" s="12"/>
    </row>
    <row r="579167" spans="8:8">
      <c r="H579167" s="12"/>
    </row>
    <row r="579168" spans="8:8">
      <c r="H579168" s="12"/>
    </row>
    <row r="579169" spans="8:8">
      <c r="H579169" s="12"/>
    </row>
    <row r="579170" spans="8:8">
      <c r="H579170" s="12"/>
    </row>
    <row r="579171" spans="8:8">
      <c r="H579171" s="12"/>
    </row>
    <row r="579172" spans="8:8">
      <c r="H579172" s="12"/>
    </row>
    <row r="579173" spans="8:8">
      <c r="H579173" s="12"/>
    </row>
    <row r="579174" spans="8:8">
      <c r="H579174" s="12"/>
    </row>
    <row r="579175" spans="8:8">
      <c r="H579175" s="12"/>
    </row>
    <row r="579176" spans="8:8">
      <c r="H579176" s="12"/>
    </row>
    <row r="579177" spans="8:8">
      <c r="H579177" s="12"/>
    </row>
    <row r="579178" spans="8:8">
      <c r="H579178" s="12"/>
    </row>
    <row r="579179" spans="8:8">
      <c r="H579179" s="12"/>
    </row>
    <row r="579180" spans="8:8">
      <c r="H579180" s="12"/>
    </row>
    <row r="579181" spans="8:8">
      <c r="H579181" s="12"/>
    </row>
    <row r="579182" spans="8:8">
      <c r="H579182" s="12"/>
    </row>
    <row r="579183" spans="8:8">
      <c r="H579183" s="12"/>
    </row>
    <row r="579184" spans="8:8">
      <c r="H579184" s="12"/>
    </row>
    <row r="579185" spans="8:8">
      <c r="H579185" s="12"/>
    </row>
    <row r="579186" spans="8:8">
      <c r="H579186" s="12"/>
    </row>
    <row r="579187" spans="8:8">
      <c r="H579187" s="12"/>
    </row>
    <row r="579188" spans="8:8">
      <c r="H579188" s="12"/>
    </row>
    <row r="579189" spans="8:8">
      <c r="H579189" s="12"/>
    </row>
    <row r="579190" spans="8:8">
      <c r="H579190" s="12"/>
    </row>
    <row r="579191" spans="8:8">
      <c r="H579191" s="12"/>
    </row>
    <row r="579192" spans="8:8">
      <c r="H579192" s="12"/>
    </row>
    <row r="579193" spans="8:8">
      <c r="H579193" s="12"/>
    </row>
    <row r="579194" spans="8:8">
      <c r="H579194" s="12"/>
    </row>
    <row r="579195" spans="8:8">
      <c r="H579195" s="12"/>
    </row>
    <row r="579196" spans="8:8">
      <c r="H579196" s="12"/>
    </row>
    <row r="579197" spans="8:8">
      <c r="H579197" s="12"/>
    </row>
    <row r="579198" spans="8:8">
      <c r="H579198" s="12"/>
    </row>
    <row r="579199" spans="8:8">
      <c r="H579199" s="12"/>
    </row>
    <row r="579200" spans="8:8">
      <c r="H579200" s="12"/>
    </row>
    <row r="579201" spans="8:8">
      <c r="H579201" s="12"/>
    </row>
    <row r="579202" spans="8:8">
      <c r="H579202" s="12"/>
    </row>
    <row r="579203" spans="8:8">
      <c r="H579203" s="12"/>
    </row>
    <row r="579204" spans="8:8">
      <c r="H579204" s="12"/>
    </row>
    <row r="579205" spans="8:8">
      <c r="H579205" s="12"/>
    </row>
    <row r="579206" spans="8:8">
      <c r="H579206" s="12"/>
    </row>
    <row r="579207" spans="8:8">
      <c r="H579207" s="12"/>
    </row>
    <row r="579208" spans="8:8">
      <c r="H579208" s="12"/>
    </row>
    <row r="579209" spans="8:8">
      <c r="H579209" s="12"/>
    </row>
    <row r="579210" spans="8:8">
      <c r="H579210" s="12"/>
    </row>
    <row r="579211" spans="8:8">
      <c r="H579211" s="12"/>
    </row>
    <row r="579212" spans="8:8">
      <c r="H579212" s="12"/>
    </row>
    <row r="579213" spans="8:8">
      <c r="H579213" s="12"/>
    </row>
    <row r="579214" spans="8:8">
      <c r="H579214" s="12"/>
    </row>
    <row r="579215" spans="8:8">
      <c r="H579215" s="12"/>
    </row>
    <row r="579216" spans="8:8">
      <c r="H579216" s="12"/>
    </row>
    <row r="579217" spans="8:8">
      <c r="H579217" s="12"/>
    </row>
    <row r="579218" spans="8:8">
      <c r="H579218" s="12"/>
    </row>
    <row r="579219" spans="8:8">
      <c r="H579219" s="12"/>
    </row>
    <row r="579220" spans="8:8">
      <c r="H579220" s="12"/>
    </row>
    <row r="579221" spans="8:8">
      <c r="H579221" s="12"/>
    </row>
    <row r="579222" spans="8:8">
      <c r="H579222" s="12"/>
    </row>
    <row r="579223" spans="8:8">
      <c r="H579223" s="12"/>
    </row>
    <row r="579224" spans="8:8">
      <c r="H579224" s="12"/>
    </row>
    <row r="579225" spans="8:8">
      <c r="H579225" s="12"/>
    </row>
    <row r="579226" spans="8:8">
      <c r="H579226" s="12"/>
    </row>
    <row r="579227" spans="8:8">
      <c r="H579227" s="12"/>
    </row>
    <row r="579228" spans="8:8">
      <c r="H579228" s="12"/>
    </row>
    <row r="579229" spans="8:8">
      <c r="H579229" s="12"/>
    </row>
    <row r="579230" spans="8:8">
      <c r="H579230" s="12"/>
    </row>
    <row r="579231" spans="8:8">
      <c r="H579231" s="12"/>
    </row>
    <row r="579232" spans="8:8">
      <c r="H579232" s="12"/>
    </row>
    <row r="579233" spans="8:8">
      <c r="H579233" s="12"/>
    </row>
    <row r="579234" spans="8:8">
      <c r="H579234" s="12"/>
    </row>
    <row r="579235" spans="8:8">
      <c r="H579235" s="12"/>
    </row>
    <row r="579236" spans="8:8">
      <c r="H579236" s="12"/>
    </row>
    <row r="579237" spans="8:8">
      <c r="H579237" s="12"/>
    </row>
    <row r="579238" spans="8:8">
      <c r="H579238" s="12"/>
    </row>
    <row r="579239" spans="8:8">
      <c r="H579239" s="12"/>
    </row>
    <row r="579240" spans="8:8">
      <c r="H579240" s="12"/>
    </row>
    <row r="579241" spans="8:8">
      <c r="H579241" s="12"/>
    </row>
    <row r="579242" spans="8:8">
      <c r="H579242" s="12"/>
    </row>
    <row r="579243" spans="8:8">
      <c r="H579243" s="12"/>
    </row>
    <row r="579244" spans="8:8">
      <c r="H579244" s="12"/>
    </row>
    <row r="579245" spans="8:8">
      <c r="H579245" s="12"/>
    </row>
    <row r="579246" spans="8:8">
      <c r="H579246" s="12"/>
    </row>
    <row r="579247" spans="8:8">
      <c r="H579247" s="12"/>
    </row>
    <row r="579248" spans="8:8">
      <c r="H579248" s="12"/>
    </row>
    <row r="579249" spans="8:8">
      <c r="H579249" s="12"/>
    </row>
    <row r="579250" spans="8:8">
      <c r="H579250" s="12"/>
    </row>
    <row r="579251" spans="8:8">
      <c r="H579251" s="12"/>
    </row>
    <row r="579252" spans="8:8">
      <c r="H579252" s="12"/>
    </row>
    <row r="579253" spans="8:8">
      <c r="H579253" s="12"/>
    </row>
    <row r="579254" spans="8:8">
      <c r="H579254" s="12"/>
    </row>
    <row r="579255" spans="8:8">
      <c r="H579255" s="12"/>
    </row>
    <row r="579256" spans="8:8">
      <c r="H579256" s="12"/>
    </row>
    <row r="579257" spans="8:8">
      <c r="H579257" s="12"/>
    </row>
    <row r="579258" spans="8:8">
      <c r="H579258" s="12"/>
    </row>
    <row r="579259" spans="8:8">
      <c r="H579259" s="12"/>
    </row>
    <row r="579260" spans="8:8">
      <c r="H579260" s="12"/>
    </row>
    <row r="579261" spans="8:8">
      <c r="H579261" s="12"/>
    </row>
    <row r="579262" spans="8:8">
      <c r="H579262" s="12"/>
    </row>
    <row r="579263" spans="8:8">
      <c r="H579263" s="12"/>
    </row>
    <row r="579264" spans="8:8">
      <c r="H579264" s="12"/>
    </row>
    <row r="579265" spans="8:8">
      <c r="H579265" s="12"/>
    </row>
    <row r="579266" spans="8:8">
      <c r="H579266" s="12"/>
    </row>
    <row r="579267" spans="8:8">
      <c r="H579267" s="12"/>
    </row>
    <row r="579268" spans="8:8">
      <c r="H579268" s="12"/>
    </row>
    <row r="579269" spans="8:8">
      <c r="H579269" s="12"/>
    </row>
    <row r="579270" spans="8:8">
      <c r="H579270" s="12"/>
    </row>
    <row r="579271" spans="8:8">
      <c r="H579271" s="12"/>
    </row>
    <row r="579272" spans="8:8">
      <c r="H579272" s="12"/>
    </row>
    <row r="579273" spans="8:8">
      <c r="H579273" s="12"/>
    </row>
    <row r="579274" spans="8:8">
      <c r="H579274" s="12"/>
    </row>
    <row r="579275" spans="8:8">
      <c r="H579275" s="12"/>
    </row>
    <row r="579276" spans="8:8">
      <c r="H579276" s="12"/>
    </row>
    <row r="579277" spans="8:8">
      <c r="H579277" s="12"/>
    </row>
    <row r="579278" spans="8:8">
      <c r="H579278" s="12"/>
    </row>
    <row r="579279" spans="8:8">
      <c r="H579279" s="12"/>
    </row>
    <row r="579280" spans="8:8">
      <c r="H579280" s="12"/>
    </row>
    <row r="579281" spans="8:8">
      <c r="H579281" s="12"/>
    </row>
    <row r="579282" spans="8:8">
      <c r="H579282" s="12"/>
    </row>
    <row r="579283" spans="8:8">
      <c r="H579283" s="12"/>
    </row>
    <row r="579284" spans="8:8">
      <c r="H579284" s="12"/>
    </row>
    <row r="579285" spans="8:8">
      <c r="H579285" s="12"/>
    </row>
    <row r="579286" spans="8:8">
      <c r="H579286" s="12"/>
    </row>
    <row r="579287" spans="8:8">
      <c r="H579287" s="12"/>
    </row>
    <row r="579288" spans="8:8">
      <c r="H579288" s="12"/>
    </row>
    <row r="579289" spans="8:8">
      <c r="H579289" s="12"/>
    </row>
    <row r="579290" spans="8:8">
      <c r="H579290" s="12"/>
    </row>
    <row r="579291" spans="8:8">
      <c r="H579291" s="12"/>
    </row>
    <row r="579292" spans="8:8">
      <c r="H579292" s="12"/>
    </row>
    <row r="579293" spans="8:8">
      <c r="H579293" s="12"/>
    </row>
    <row r="579294" spans="8:8">
      <c r="H579294" s="12"/>
    </row>
    <row r="579295" spans="8:8">
      <c r="H579295" s="12"/>
    </row>
    <row r="579296" spans="8:8">
      <c r="H579296" s="12"/>
    </row>
    <row r="579297" spans="8:8">
      <c r="H579297" s="12"/>
    </row>
    <row r="579298" spans="8:8">
      <c r="H579298" s="12"/>
    </row>
    <row r="579299" spans="8:8">
      <c r="H579299" s="12"/>
    </row>
    <row r="579300" spans="8:8">
      <c r="H579300" s="12"/>
    </row>
    <row r="579301" spans="8:8">
      <c r="H579301" s="12"/>
    </row>
    <row r="579302" spans="8:8">
      <c r="H579302" s="12"/>
    </row>
    <row r="579303" spans="8:8">
      <c r="H579303" s="12"/>
    </row>
    <row r="579304" spans="8:8">
      <c r="H579304" s="12"/>
    </row>
    <row r="579305" spans="8:8">
      <c r="H579305" s="12"/>
    </row>
    <row r="579306" spans="8:8">
      <c r="H579306" s="12"/>
    </row>
    <row r="579307" spans="8:8">
      <c r="H579307" s="12"/>
    </row>
    <row r="579308" spans="8:8">
      <c r="H579308" s="12"/>
    </row>
    <row r="579309" spans="8:8">
      <c r="H579309" s="12"/>
    </row>
    <row r="579310" spans="8:8">
      <c r="H579310" s="12"/>
    </row>
    <row r="579311" spans="8:8">
      <c r="H579311" s="12"/>
    </row>
    <row r="579312" spans="8:8">
      <c r="H579312" s="12"/>
    </row>
    <row r="579313" spans="8:8">
      <c r="H579313" s="12"/>
    </row>
    <row r="579314" spans="8:8">
      <c r="H579314" s="12"/>
    </row>
    <row r="579315" spans="8:8">
      <c r="H579315" s="12"/>
    </row>
    <row r="579316" spans="8:8">
      <c r="H579316" s="12"/>
    </row>
    <row r="579317" spans="8:8">
      <c r="H579317" s="12"/>
    </row>
    <row r="579318" spans="8:8">
      <c r="H579318" s="12"/>
    </row>
    <row r="579319" spans="8:8">
      <c r="H579319" s="12"/>
    </row>
    <row r="579320" spans="8:8">
      <c r="H579320" s="12"/>
    </row>
    <row r="579321" spans="8:8">
      <c r="H579321" s="12"/>
    </row>
    <row r="579322" spans="8:8">
      <c r="H579322" s="12"/>
    </row>
    <row r="579323" spans="8:8">
      <c r="H579323" s="12"/>
    </row>
    <row r="579324" spans="8:8">
      <c r="H579324" s="12"/>
    </row>
    <row r="579325" spans="8:8">
      <c r="H579325" s="12"/>
    </row>
    <row r="579326" spans="8:8">
      <c r="H579326" s="12"/>
    </row>
    <row r="579327" spans="8:8">
      <c r="H579327" s="12"/>
    </row>
    <row r="579328" spans="8:8">
      <c r="H579328" s="12"/>
    </row>
    <row r="579329" spans="8:8">
      <c r="H579329" s="12"/>
    </row>
    <row r="579330" spans="8:8">
      <c r="H579330" s="12"/>
    </row>
    <row r="579331" spans="8:8">
      <c r="H579331" s="12"/>
    </row>
    <row r="579332" spans="8:8">
      <c r="H579332" s="12"/>
    </row>
    <row r="579333" spans="8:8">
      <c r="H579333" s="12"/>
    </row>
    <row r="579334" spans="8:8">
      <c r="H579334" s="12"/>
    </row>
    <row r="579335" spans="8:8">
      <c r="H579335" s="12"/>
    </row>
    <row r="579336" spans="8:8">
      <c r="H579336" s="12"/>
    </row>
    <row r="579337" spans="8:8">
      <c r="H579337" s="12"/>
    </row>
    <row r="579338" spans="8:8">
      <c r="H579338" s="12"/>
    </row>
    <row r="579339" spans="8:8">
      <c r="H579339" s="12"/>
    </row>
    <row r="579340" spans="8:8">
      <c r="H579340" s="12"/>
    </row>
    <row r="579341" spans="8:8">
      <c r="H579341" s="12"/>
    </row>
    <row r="579342" spans="8:8">
      <c r="H579342" s="12"/>
    </row>
    <row r="579343" spans="8:8">
      <c r="H579343" s="12"/>
    </row>
    <row r="579344" spans="8:8">
      <c r="H579344" s="12"/>
    </row>
    <row r="579345" spans="8:8">
      <c r="H579345" s="12"/>
    </row>
    <row r="579346" spans="8:8">
      <c r="H579346" s="12"/>
    </row>
    <row r="579347" spans="8:8">
      <c r="H579347" s="12"/>
    </row>
    <row r="579348" spans="8:8">
      <c r="H579348" s="12"/>
    </row>
    <row r="579349" spans="8:8">
      <c r="H579349" s="12"/>
    </row>
    <row r="579350" spans="8:8">
      <c r="H579350" s="12"/>
    </row>
    <row r="579351" spans="8:8">
      <c r="H579351" s="12"/>
    </row>
    <row r="579352" spans="8:8">
      <c r="H579352" s="12"/>
    </row>
    <row r="579353" spans="8:8">
      <c r="H579353" s="12"/>
    </row>
    <row r="579354" spans="8:8">
      <c r="H579354" s="12"/>
    </row>
    <row r="579355" spans="8:8">
      <c r="H579355" s="12"/>
    </row>
    <row r="579356" spans="8:8">
      <c r="H579356" s="12"/>
    </row>
    <row r="579357" spans="8:8">
      <c r="H579357" s="12"/>
    </row>
    <row r="579358" spans="8:8">
      <c r="H579358" s="12"/>
    </row>
    <row r="579359" spans="8:8">
      <c r="H579359" s="12"/>
    </row>
    <row r="579360" spans="8:8">
      <c r="H579360" s="12"/>
    </row>
    <row r="579361" spans="8:8">
      <c r="H579361" s="12"/>
    </row>
    <row r="579362" spans="8:8">
      <c r="H579362" s="12"/>
    </row>
    <row r="579363" spans="8:8">
      <c r="H579363" s="12"/>
    </row>
    <row r="579364" spans="8:8">
      <c r="H579364" s="12"/>
    </row>
    <row r="579365" spans="8:8">
      <c r="H579365" s="12"/>
    </row>
    <row r="579366" spans="8:8">
      <c r="H579366" s="12"/>
    </row>
    <row r="579367" spans="8:8">
      <c r="H579367" s="12"/>
    </row>
    <row r="579368" spans="8:8">
      <c r="H579368" s="12"/>
    </row>
    <row r="579369" spans="8:8">
      <c r="H579369" s="12"/>
    </row>
    <row r="579370" spans="8:8">
      <c r="H579370" s="12"/>
    </row>
    <row r="579371" spans="8:8">
      <c r="H579371" s="12"/>
    </row>
    <row r="579372" spans="8:8">
      <c r="H579372" s="12"/>
    </row>
    <row r="579373" spans="8:8">
      <c r="H579373" s="12"/>
    </row>
    <row r="579374" spans="8:8">
      <c r="H579374" s="12"/>
    </row>
    <row r="579375" spans="8:8">
      <c r="H579375" s="12"/>
    </row>
    <row r="579376" spans="8:8">
      <c r="H579376" s="12"/>
    </row>
    <row r="579377" spans="8:8">
      <c r="H579377" s="12"/>
    </row>
    <row r="579378" spans="8:8">
      <c r="H579378" s="12"/>
    </row>
    <row r="579379" spans="8:8">
      <c r="H579379" s="12"/>
    </row>
    <row r="579380" spans="8:8">
      <c r="H579380" s="12"/>
    </row>
    <row r="579381" spans="8:8">
      <c r="H579381" s="12"/>
    </row>
    <row r="579382" spans="8:8">
      <c r="H579382" s="12"/>
    </row>
    <row r="579383" spans="8:8">
      <c r="H579383" s="12"/>
    </row>
    <row r="579384" spans="8:8">
      <c r="H579384" s="12"/>
    </row>
    <row r="579385" spans="8:8">
      <c r="H579385" s="12"/>
    </row>
    <row r="579386" spans="8:8">
      <c r="H579386" s="12"/>
    </row>
    <row r="579387" spans="8:8">
      <c r="H579387" s="12"/>
    </row>
    <row r="579388" spans="8:8">
      <c r="H579388" s="12"/>
    </row>
    <row r="579389" spans="8:8">
      <c r="H579389" s="12"/>
    </row>
    <row r="579390" spans="8:8">
      <c r="H579390" s="12"/>
    </row>
    <row r="579391" spans="8:8">
      <c r="H579391" s="12"/>
    </row>
    <row r="579392" spans="8:8">
      <c r="H579392" s="12"/>
    </row>
    <row r="579393" spans="8:8">
      <c r="H579393" s="12"/>
    </row>
    <row r="579394" spans="8:8">
      <c r="H579394" s="12"/>
    </row>
    <row r="579395" spans="8:8">
      <c r="H579395" s="12"/>
    </row>
    <row r="579396" spans="8:8">
      <c r="H579396" s="12"/>
    </row>
    <row r="579397" spans="8:8">
      <c r="H579397" s="12"/>
    </row>
    <row r="579398" spans="8:8">
      <c r="H579398" s="12"/>
    </row>
    <row r="579399" spans="8:8">
      <c r="H579399" s="12"/>
    </row>
    <row r="579400" spans="8:8">
      <c r="H579400" s="12"/>
    </row>
    <row r="579401" spans="8:8">
      <c r="H579401" s="12"/>
    </row>
    <row r="579402" spans="8:8">
      <c r="H579402" s="12"/>
    </row>
    <row r="579403" spans="8:8">
      <c r="H579403" s="12"/>
    </row>
    <row r="579404" spans="8:8">
      <c r="H579404" s="12"/>
    </row>
    <row r="579405" spans="8:8">
      <c r="H579405" s="12"/>
    </row>
    <row r="579406" spans="8:8">
      <c r="H579406" s="12"/>
    </row>
    <row r="579407" spans="8:8">
      <c r="H579407" s="12"/>
    </row>
    <row r="579408" spans="8:8">
      <c r="H579408" s="12"/>
    </row>
    <row r="579409" spans="8:8">
      <c r="H579409" s="12"/>
    </row>
    <row r="579410" spans="8:8">
      <c r="H579410" s="12"/>
    </row>
    <row r="579411" spans="8:8">
      <c r="H579411" s="12"/>
    </row>
    <row r="579412" spans="8:8">
      <c r="H579412" s="12"/>
    </row>
    <row r="579413" spans="8:8">
      <c r="H579413" s="12"/>
    </row>
    <row r="579414" spans="8:8">
      <c r="H579414" s="12"/>
    </row>
    <row r="579415" spans="8:8">
      <c r="H579415" s="12"/>
    </row>
    <row r="579416" spans="8:8">
      <c r="H579416" s="12"/>
    </row>
    <row r="579417" spans="8:8">
      <c r="H579417" s="12"/>
    </row>
    <row r="579418" spans="8:8">
      <c r="H579418" s="12"/>
    </row>
    <row r="579419" spans="8:8">
      <c r="H579419" s="12"/>
    </row>
    <row r="579420" spans="8:8">
      <c r="H579420" s="12"/>
    </row>
    <row r="579421" spans="8:8">
      <c r="H579421" s="12"/>
    </row>
    <row r="579422" spans="8:8">
      <c r="H579422" s="12"/>
    </row>
    <row r="579423" spans="8:8">
      <c r="H579423" s="12"/>
    </row>
    <row r="579424" spans="8:8">
      <c r="H579424" s="12"/>
    </row>
    <row r="579425" spans="8:8">
      <c r="H579425" s="12"/>
    </row>
    <row r="579426" spans="8:8">
      <c r="H579426" s="12"/>
    </row>
    <row r="579427" spans="8:8">
      <c r="H579427" s="12"/>
    </row>
    <row r="579428" spans="8:8">
      <c r="H579428" s="12"/>
    </row>
    <row r="579429" spans="8:8">
      <c r="H579429" s="12"/>
    </row>
    <row r="579430" spans="8:8">
      <c r="H579430" s="12"/>
    </row>
    <row r="579431" spans="8:8">
      <c r="H579431" s="12"/>
    </row>
    <row r="579432" spans="8:8">
      <c r="H579432" s="12"/>
    </row>
    <row r="579433" spans="8:8">
      <c r="H579433" s="12"/>
    </row>
    <row r="579434" spans="8:8">
      <c r="H579434" s="12"/>
    </row>
    <row r="579435" spans="8:8">
      <c r="H579435" s="12"/>
    </row>
    <row r="579436" spans="8:8">
      <c r="H579436" s="12"/>
    </row>
    <row r="579437" spans="8:8">
      <c r="H579437" s="12"/>
    </row>
    <row r="579438" spans="8:8">
      <c r="H579438" s="12"/>
    </row>
    <row r="579439" spans="8:8">
      <c r="H579439" s="12"/>
    </row>
    <row r="579440" spans="8:8">
      <c r="H579440" s="12"/>
    </row>
    <row r="579441" spans="8:8">
      <c r="H579441" s="12"/>
    </row>
    <row r="579442" spans="8:8">
      <c r="H579442" s="12"/>
    </row>
    <row r="579443" spans="8:8">
      <c r="H579443" s="12"/>
    </row>
    <row r="579444" spans="8:8">
      <c r="H579444" s="12"/>
    </row>
    <row r="579445" spans="8:8">
      <c r="H579445" s="12"/>
    </row>
    <row r="579446" spans="8:8">
      <c r="H579446" s="12"/>
    </row>
    <row r="579447" spans="8:8">
      <c r="H579447" s="12"/>
    </row>
    <row r="579448" spans="8:8">
      <c r="H579448" s="12"/>
    </row>
    <row r="579449" spans="8:8">
      <c r="H579449" s="12"/>
    </row>
    <row r="579450" spans="8:8">
      <c r="H579450" s="12"/>
    </row>
    <row r="579451" spans="8:8">
      <c r="H579451" s="12"/>
    </row>
    <row r="579452" spans="8:8">
      <c r="H579452" s="12"/>
    </row>
    <row r="579453" spans="8:8">
      <c r="H579453" s="12"/>
    </row>
    <row r="579454" spans="8:8">
      <c r="H579454" s="12"/>
    </row>
    <row r="579455" spans="8:8">
      <c r="H579455" s="12"/>
    </row>
    <row r="579456" spans="8:8">
      <c r="H579456" s="12"/>
    </row>
    <row r="579457" spans="8:8">
      <c r="H579457" s="12"/>
    </row>
    <row r="579458" spans="8:8">
      <c r="H579458" s="12"/>
    </row>
    <row r="579459" spans="8:8">
      <c r="H579459" s="12"/>
    </row>
    <row r="579460" spans="8:8">
      <c r="H579460" s="12"/>
    </row>
    <row r="579461" spans="8:8">
      <c r="H579461" s="12"/>
    </row>
    <row r="579462" spans="8:8">
      <c r="H579462" s="12"/>
    </row>
    <row r="579463" spans="8:8">
      <c r="H579463" s="12"/>
    </row>
    <row r="579464" spans="8:8">
      <c r="H579464" s="12"/>
    </row>
    <row r="579465" spans="8:8">
      <c r="H579465" s="12"/>
    </row>
    <row r="579466" spans="8:8">
      <c r="H579466" s="12"/>
    </row>
    <row r="579467" spans="8:8">
      <c r="H579467" s="12"/>
    </row>
    <row r="579468" spans="8:8">
      <c r="H579468" s="12"/>
    </row>
    <row r="579469" spans="8:8">
      <c r="H579469" s="12"/>
    </row>
    <row r="579470" spans="8:8">
      <c r="H579470" s="12"/>
    </row>
    <row r="579471" spans="8:8">
      <c r="H579471" s="12"/>
    </row>
    <row r="579472" spans="8:8">
      <c r="H579472" s="12"/>
    </row>
    <row r="579473" spans="8:8">
      <c r="H579473" s="12"/>
    </row>
    <row r="579474" spans="8:8">
      <c r="H579474" s="12"/>
    </row>
    <row r="579475" spans="8:8">
      <c r="H579475" s="12"/>
    </row>
    <row r="579476" spans="8:8">
      <c r="H579476" s="12"/>
    </row>
    <row r="579477" spans="8:8">
      <c r="H579477" s="12"/>
    </row>
    <row r="579478" spans="8:8">
      <c r="H579478" s="12"/>
    </row>
    <row r="579479" spans="8:8">
      <c r="H579479" s="12"/>
    </row>
    <row r="579480" spans="8:8">
      <c r="H579480" s="12"/>
    </row>
    <row r="579481" spans="8:8">
      <c r="H579481" s="12"/>
    </row>
    <row r="579482" spans="8:8">
      <c r="H579482" s="12"/>
    </row>
    <row r="579483" spans="8:8">
      <c r="H579483" s="12"/>
    </row>
    <row r="579484" spans="8:8">
      <c r="H579484" s="12"/>
    </row>
    <row r="579485" spans="8:8">
      <c r="H579485" s="12"/>
    </row>
    <row r="579486" spans="8:8">
      <c r="H579486" s="12"/>
    </row>
    <row r="579487" spans="8:8">
      <c r="H579487" s="12"/>
    </row>
    <row r="579488" spans="8:8">
      <c r="H579488" s="12"/>
    </row>
    <row r="579489" spans="8:8">
      <c r="H579489" s="12"/>
    </row>
    <row r="579490" spans="8:8">
      <c r="H579490" s="12"/>
    </row>
    <row r="579491" spans="8:8">
      <c r="H579491" s="12"/>
    </row>
    <row r="579492" spans="8:8">
      <c r="H579492" s="12"/>
    </row>
    <row r="579493" spans="8:8">
      <c r="H579493" s="12"/>
    </row>
    <row r="579494" spans="8:8">
      <c r="H579494" s="12"/>
    </row>
    <row r="579495" spans="8:8">
      <c r="H579495" s="12"/>
    </row>
    <row r="579496" spans="8:8">
      <c r="H579496" s="12"/>
    </row>
    <row r="579497" spans="8:8">
      <c r="H579497" s="12"/>
    </row>
    <row r="579498" spans="8:8">
      <c r="H579498" s="12"/>
    </row>
    <row r="579499" spans="8:8">
      <c r="H579499" s="12"/>
    </row>
    <row r="579500" spans="8:8">
      <c r="H579500" s="12"/>
    </row>
    <row r="579501" spans="8:8">
      <c r="H579501" s="12"/>
    </row>
    <row r="579502" spans="8:8">
      <c r="H579502" s="12"/>
    </row>
    <row r="579503" spans="8:8">
      <c r="H579503" s="12"/>
    </row>
    <row r="579504" spans="8:8">
      <c r="H579504" s="12"/>
    </row>
    <row r="579505" spans="8:8">
      <c r="H579505" s="12"/>
    </row>
    <row r="579506" spans="8:8">
      <c r="H579506" s="12"/>
    </row>
    <row r="579507" spans="8:8">
      <c r="H579507" s="12"/>
    </row>
    <row r="579508" spans="8:8">
      <c r="H579508" s="12"/>
    </row>
    <row r="579509" spans="8:8">
      <c r="H579509" s="12"/>
    </row>
    <row r="579510" spans="8:8">
      <c r="H579510" s="12"/>
    </row>
    <row r="579511" spans="8:8">
      <c r="H579511" s="12"/>
    </row>
    <row r="579512" spans="8:8">
      <c r="H579512" s="12"/>
    </row>
    <row r="579513" spans="8:8">
      <c r="H579513" s="12"/>
    </row>
    <row r="579514" spans="8:8">
      <c r="H579514" s="12"/>
    </row>
    <row r="579515" spans="8:8">
      <c r="H579515" s="12"/>
    </row>
    <row r="579516" spans="8:8">
      <c r="H579516" s="12"/>
    </row>
    <row r="579517" spans="8:8">
      <c r="H579517" s="12"/>
    </row>
    <row r="579518" spans="8:8">
      <c r="H579518" s="12"/>
    </row>
    <row r="579519" spans="8:8">
      <c r="H579519" s="12"/>
    </row>
    <row r="579520" spans="8:8">
      <c r="H579520" s="12"/>
    </row>
    <row r="579521" spans="8:8">
      <c r="H579521" s="12"/>
    </row>
    <row r="579522" spans="8:8">
      <c r="H579522" s="12"/>
    </row>
    <row r="579523" spans="8:8">
      <c r="H579523" s="12"/>
    </row>
    <row r="579524" spans="8:8">
      <c r="H579524" s="12"/>
    </row>
    <row r="579525" spans="8:8">
      <c r="H579525" s="12"/>
    </row>
    <row r="579526" spans="8:8">
      <c r="H579526" s="12"/>
    </row>
    <row r="579527" spans="8:8">
      <c r="H579527" s="12"/>
    </row>
    <row r="579528" spans="8:8">
      <c r="H579528" s="12"/>
    </row>
    <row r="579529" spans="8:8">
      <c r="H579529" s="12"/>
    </row>
    <row r="579530" spans="8:8">
      <c r="H579530" s="12"/>
    </row>
    <row r="579531" spans="8:8">
      <c r="H579531" s="12"/>
    </row>
    <row r="579532" spans="8:8">
      <c r="H579532" s="12"/>
    </row>
    <row r="579533" spans="8:8">
      <c r="H579533" s="12"/>
    </row>
    <row r="579534" spans="8:8">
      <c r="H579534" s="12"/>
    </row>
    <row r="579535" spans="8:8">
      <c r="H579535" s="12"/>
    </row>
    <row r="579536" spans="8:8">
      <c r="H579536" s="12"/>
    </row>
    <row r="579537" spans="8:8">
      <c r="H579537" s="12"/>
    </row>
    <row r="579538" spans="8:8">
      <c r="H579538" s="12"/>
    </row>
    <row r="579539" spans="8:8">
      <c r="H579539" s="12"/>
    </row>
    <row r="579540" spans="8:8">
      <c r="H579540" s="12"/>
    </row>
    <row r="579541" spans="8:8">
      <c r="H579541" s="12"/>
    </row>
    <row r="579542" spans="8:8">
      <c r="H579542" s="12"/>
    </row>
    <row r="579543" spans="8:8">
      <c r="H579543" s="12"/>
    </row>
    <row r="579544" spans="8:8">
      <c r="H579544" s="12"/>
    </row>
    <row r="579545" spans="8:8">
      <c r="H579545" s="12"/>
    </row>
    <row r="579546" spans="8:8">
      <c r="H579546" s="12"/>
    </row>
    <row r="579547" spans="8:8">
      <c r="H579547" s="12"/>
    </row>
    <row r="579548" spans="8:8">
      <c r="H579548" s="12"/>
    </row>
    <row r="579549" spans="8:8">
      <c r="H579549" s="12"/>
    </row>
    <row r="579550" spans="8:8">
      <c r="H579550" s="12"/>
    </row>
    <row r="579551" spans="8:8">
      <c r="H579551" s="12"/>
    </row>
    <row r="579552" spans="8:8">
      <c r="H579552" s="12"/>
    </row>
    <row r="579553" spans="8:8">
      <c r="H579553" s="12"/>
    </row>
    <row r="579554" spans="8:8">
      <c r="H579554" s="12"/>
    </row>
    <row r="579555" spans="8:8">
      <c r="H579555" s="12"/>
    </row>
    <row r="579556" spans="8:8">
      <c r="H579556" s="12"/>
    </row>
    <row r="579557" spans="8:8">
      <c r="H579557" s="12"/>
    </row>
    <row r="579558" spans="8:8">
      <c r="H579558" s="12"/>
    </row>
    <row r="579559" spans="8:8">
      <c r="H579559" s="12"/>
    </row>
    <row r="579560" spans="8:8">
      <c r="H579560" s="12"/>
    </row>
    <row r="579561" spans="8:8">
      <c r="H579561" s="12"/>
    </row>
    <row r="579562" spans="8:8">
      <c r="H579562" s="12"/>
    </row>
    <row r="579563" spans="8:8">
      <c r="H579563" s="12"/>
    </row>
    <row r="579564" spans="8:8">
      <c r="H579564" s="12"/>
    </row>
    <row r="579565" spans="8:8">
      <c r="H579565" s="12"/>
    </row>
    <row r="579566" spans="8:8">
      <c r="H579566" s="12"/>
    </row>
    <row r="579567" spans="8:8">
      <c r="H579567" s="12"/>
    </row>
    <row r="579568" spans="8:8">
      <c r="H579568" s="12"/>
    </row>
    <row r="579569" spans="8:8">
      <c r="H579569" s="12"/>
    </row>
    <row r="579570" spans="8:8">
      <c r="H579570" s="12"/>
    </row>
    <row r="579571" spans="8:8">
      <c r="H579571" s="12"/>
    </row>
    <row r="579572" spans="8:8">
      <c r="H579572" s="12"/>
    </row>
    <row r="579573" spans="8:8">
      <c r="H579573" s="12"/>
    </row>
    <row r="579574" spans="8:8">
      <c r="H579574" s="12"/>
    </row>
    <row r="579575" spans="8:8">
      <c r="H579575" s="12"/>
    </row>
    <row r="579576" spans="8:8">
      <c r="H579576" s="12"/>
    </row>
    <row r="579577" spans="8:8">
      <c r="H579577" s="12"/>
    </row>
    <row r="579578" spans="8:8">
      <c r="H579578" s="12"/>
    </row>
    <row r="579579" spans="8:8">
      <c r="H579579" s="12"/>
    </row>
    <row r="579580" spans="8:8">
      <c r="H579580" s="12"/>
    </row>
    <row r="579581" spans="8:8">
      <c r="H579581" s="12"/>
    </row>
    <row r="579582" spans="8:8">
      <c r="H579582" s="12"/>
    </row>
    <row r="579583" spans="8:8">
      <c r="H579583" s="12"/>
    </row>
    <row r="579584" spans="8:8">
      <c r="H579584" s="12"/>
    </row>
    <row r="579585" spans="8:8">
      <c r="H579585" s="12"/>
    </row>
    <row r="579586" spans="8:8">
      <c r="H579586" s="12"/>
    </row>
    <row r="579587" spans="8:8">
      <c r="H579587" s="12"/>
    </row>
    <row r="579588" spans="8:8">
      <c r="H579588" s="12"/>
    </row>
    <row r="579589" spans="8:8">
      <c r="H579589" s="12"/>
    </row>
    <row r="579590" spans="8:8">
      <c r="H579590" s="12"/>
    </row>
    <row r="579591" spans="8:8">
      <c r="H579591" s="12"/>
    </row>
    <row r="579592" spans="8:8">
      <c r="H579592" s="12"/>
    </row>
    <row r="579593" spans="8:8">
      <c r="H579593" s="12"/>
    </row>
    <row r="579594" spans="8:8">
      <c r="H579594" s="12"/>
    </row>
    <row r="579595" spans="8:8">
      <c r="H579595" s="12"/>
    </row>
    <row r="579596" spans="8:8">
      <c r="H579596" s="12"/>
    </row>
    <row r="579597" spans="8:8">
      <c r="H579597" s="12"/>
    </row>
    <row r="579598" spans="8:8">
      <c r="H579598" s="12"/>
    </row>
    <row r="579599" spans="8:8">
      <c r="H579599" s="12"/>
    </row>
    <row r="579600" spans="8:8">
      <c r="H579600" s="12"/>
    </row>
    <row r="579601" spans="8:8">
      <c r="H579601" s="12"/>
    </row>
    <row r="579602" spans="8:8">
      <c r="H579602" s="12"/>
    </row>
    <row r="579603" spans="8:8">
      <c r="H579603" s="12"/>
    </row>
    <row r="579604" spans="8:8">
      <c r="H579604" s="12"/>
    </row>
    <row r="579605" spans="8:8">
      <c r="H579605" s="12"/>
    </row>
    <row r="579606" spans="8:8">
      <c r="H579606" s="12"/>
    </row>
    <row r="579607" spans="8:8">
      <c r="H579607" s="12"/>
    </row>
    <row r="579608" spans="8:8">
      <c r="H579608" s="12"/>
    </row>
    <row r="579609" spans="8:8">
      <c r="H579609" s="12"/>
    </row>
    <row r="579610" spans="8:8">
      <c r="H579610" s="12"/>
    </row>
    <row r="579611" spans="8:8">
      <c r="H579611" s="12"/>
    </row>
    <row r="579612" spans="8:8">
      <c r="H579612" s="12"/>
    </row>
    <row r="579613" spans="8:8">
      <c r="H579613" s="12"/>
    </row>
    <row r="579614" spans="8:8">
      <c r="H579614" s="12"/>
    </row>
    <row r="579615" spans="8:8">
      <c r="H579615" s="12"/>
    </row>
    <row r="579616" spans="8:8">
      <c r="H579616" s="12"/>
    </row>
    <row r="579617" spans="8:8">
      <c r="H579617" s="12"/>
    </row>
    <row r="579618" spans="8:8">
      <c r="H579618" s="12"/>
    </row>
    <row r="579619" spans="8:8">
      <c r="H579619" s="12"/>
    </row>
    <row r="579620" spans="8:8">
      <c r="H579620" s="12"/>
    </row>
    <row r="579621" spans="8:8">
      <c r="H579621" s="12"/>
    </row>
    <row r="579622" spans="8:8">
      <c r="H579622" s="12"/>
    </row>
    <row r="579623" spans="8:8">
      <c r="H579623" s="12"/>
    </row>
    <row r="579624" spans="8:8">
      <c r="H579624" s="12"/>
    </row>
    <row r="579625" spans="8:8">
      <c r="H579625" s="12"/>
    </row>
    <row r="579626" spans="8:8">
      <c r="H579626" s="12"/>
    </row>
    <row r="579627" spans="8:8">
      <c r="H579627" s="12"/>
    </row>
    <row r="579628" spans="8:8">
      <c r="H579628" s="12"/>
    </row>
    <row r="579629" spans="8:8">
      <c r="H579629" s="12"/>
    </row>
    <row r="579630" spans="8:8">
      <c r="H579630" s="12"/>
    </row>
    <row r="579631" spans="8:8">
      <c r="H579631" s="12"/>
    </row>
    <row r="579632" spans="8:8">
      <c r="H579632" s="12"/>
    </row>
    <row r="579633" spans="8:8">
      <c r="H579633" s="12"/>
    </row>
    <row r="579634" spans="8:8">
      <c r="H579634" s="12"/>
    </row>
    <row r="579635" spans="8:8">
      <c r="H579635" s="12"/>
    </row>
    <row r="579636" spans="8:8">
      <c r="H579636" s="12"/>
    </row>
    <row r="579637" spans="8:8">
      <c r="H579637" s="12"/>
    </row>
    <row r="579638" spans="8:8">
      <c r="H579638" s="12"/>
    </row>
    <row r="579639" spans="8:8">
      <c r="H579639" s="12"/>
    </row>
    <row r="579640" spans="8:8">
      <c r="H579640" s="12"/>
    </row>
    <row r="579641" spans="8:8">
      <c r="H579641" s="12"/>
    </row>
    <row r="579642" spans="8:8">
      <c r="H579642" s="12"/>
    </row>
    <row r="579643" spans="8:8">
      <c r="H579643" s="12"/>
    </row>
    <row r="579644" spans="8:8">
      <c r="H579644" s="12"/>
    </row>
    <row r="579645" spans="8:8">
      <c r="H579645" s="12"/>
    </row>
    <row r="579646" spans="8:8">
      <c r="H579646" s="12"/>
    </row>
    <row r="579647" spans="8:8">
      <c r="H579647" s="12"/>
    </row>
    <row r="579648" spans="8:8">
      <c r="H579648" s="12"/>
    </row>
    <row r="579649" spans="8:8">
      <c r="H579649" s="12"/>
    </row>
    <row r="579650" spans="8:8">
      <c r="H579650" s="12"/>
    </row>
    <row r="579651" spans="8:8">
      <c r="H579651" s="12"/>
    </row>
    <row r="579652" spans="8:8">
      <c r="H579652" s="12"/>
    </row>
    <row r="579653" spans="8:8">
      <c r="H579653" s="12"/>
    </row>
    <row r="579654" spans="8:8">
      <c r="H579654" s="12"/>
    </row>
    <row r="579655" spans="8:8">
      <c r="H579655" s="12"/>
    </row>
    <row r="579656" spans="8:8">
      <c r="H579656" s="12"/>
    </row>
    <row r="579657" spans="8:8">
      <c r="H579657" s="12"/>
    </row>
    <row r="579658" spans="8:8">
      <c r="H579658" s="12"/>
    </row>
    <row r="579659" spans="8:8">
      <c r="H579659" s="12"/>
    </row>
    <row r="579660" spans="8:8">
      <c r="H579660" s="12"/>
    </row>
    <row r="579661" spans="8:8">
      <c r="H579661" s="12"/>
    </row>
    <row r="579662" spans="8:8">
      <c r="H579662" s="12"/>
    </row>
    <row r="579663" spans="8:8">
      <c r="H579663" s="12"/>
    </row>
    <row r="579664" spans="8:8">
      <c r="H579664" s="12"/>
    </row>
    <row r="579665" spans="8:8">
      <c r="H579665" s="12"/>
    </row>
    <row r="579666" spans="8:8">
      <c r="H579666" s="12"/>
    </row>
    <row r="579667" spans="8:8">
      <c r="H579667" s="12"/>
    </row>
    <row r="579668" spans="8:8">
      <c r="H579668" s="12"/>
    </row>
    <row r="579669" spans="8:8">
      <c r="H579669" s="12"/>
    </row>
    <row r="579670" spans="8:8">
      <c r="H579670" s="12"/>
    </row>
    <row r="579671" spans="8:8">
      <c r="H579671" s="12"/>
    </row>
    <row r="579672" spans="8:8">
      <c r="H579672" s="12"/>
    </row>
    <row r="579673" spans="8:8">
      <c r="H579673" s="12"/>
    </row>
    <row r="579674" spans="8:8">
      <c r="H579674" s="12"/>
    </row>
    <row r="579675" spans="8:8">
      <c r="H579675" s="12"/>
    </row>
    <row r="579676" spans="8:8">
      <c r="H579676" s="12"/>
    </row>
    <row r="579677" spans="8:8">
      <c r="H579677" s="12"/>
    </row>
    <row r="579678" spans="8:8">
      <c r="H579678" s="12"/>
    </row>
    <row r="579679" spans="8:8">
      <c r="H579679" s="12"/>
    </row>
    <row r="579680" spans="8:8">
      <c r="H579680" s="12"/>
    </row>
    <row r="579681" spans="8:8">
      <c r="H579681" s="12"/>
    </row>
    <row r="579682" spans="8:8">
      <c r="H579682" s="12"/>
    </row>
    <row r="579683" spans="8:8">
      <c r="H579683" s="12"/>
    </row>
    <row r="579684" spans="8:8">
      <c r="H579684" s="12"/>
    </row>
    <row r="579685" spans="8:8">
      <c r="H579685" s="12"/>
    </row>
    <row r="579686" spans="8:8">
      <c r="H579686" s="12"/>
    </row>
    <row r="579687" spans="8:8">
      <c r="H579687" s="12"/>
    </row>
    <row r="579688" spans="8:8">
      <c r="H579688" s="12"/>
    </row>
    <row r="579689" spans="8:8">
      <c r="H579689" s="12"/>
    </row>
    <row r="579690" spans="8:8">
      <c r="H579690" s="12"/>
    </row>
    <row r="579691" spans="8:8">
      <c r="H579691" s="12"/>
    </row>
    <row r="579692" spans="8:8">
      <c r="H579692" s="12"/>
    </row>
    <row r="579693" spans="8:8">
      <c r="H579693" s="12"/>
    </row>
    <row r="579694" spans="8:8">
      <c r="H579694" s="12"/>
    </row>
    <row r="579695" spans="8:8">
      <c r="H579695" s="12"/>
    </row>
    <row r="579696" spans="8:8">
      <c r="H579696" s="12"/>
    </row>
    <row r="579697" spans="8:8">
      <c r="H579697" s="12"/>
    </row>
    <row r="579698" spans="8:8">
      <c r="H579698" s="12"/>
    </row>
    <row r="579699" spans="8:8">
      <c r="H579699" s="12"/>
    </row>
    <row r="579700" spans="8:8">
      <c r="H579700" s="12"/>
    </row>
    <row r="579701" spans="8:8">
      <c r="H579701" s="12"/>
    </row>
    <row r="579702" spans="8:8">
      <c r="H579702" s="12"/>
    </row>
    <row r="579703" spans="8:8">
      <c r="H579703" s="12"/>
    </row>
    <row r="579704" spans="8:8">
      <c r="H579704" s="12"/>
    </row>
    <row r="579705" spans="8:8">
      <c r="H579705" s="12"/>
    </row>
    <row r="579706" spans="8:8">
      <c r="H579706" s="12"/>
    </row>
    <row r="579707" spans="8:8">
      <c r="H579707" s="12"/>
    </row>
    <row r="579708" spans="8:8">
      <c r="H579708" s="12"/>
    </row>
    <row r="579709" spans="8:8">
      <c r="H579709" s="12"/>
    </row>
    <row r="579710" spans="8:8">
      <c r="H579710" s="12"/>
    </row>
    <row r="579711" spans="8:8">
      <c r="H579711" s="12"/>
    </row>
    <row r="579712" spans="8:8">
      <c r="H579712" s="12"/>
    </row>
    <row r="579713" spans="8:8">
      <c r="H579713" s="12"/>
    </row>
    <row r="579714" spans="8:8">
      <c r="H579714" s="12"/>
    </row>
    <row r="579715" spans="8:8">
      <c r="H579715" s="12"/>
    </row>
    <row r="579716" spans="8:8">
      <c r="H579716" s="12"/>
    </row>
    <row r="579717" spans="8:8">
      <c r="H579717" s="12"/>
    </row>
    <row r="579718" spans="8:8">
      <c r="H579718" s="12"/>
    </row>
    <row r="579719" spans="8:8">
      <c r="H579719" s="12"/>
    </row>
    <row r="579720" spans="8:8">
      <c r="H579720" s="12"/>
    </row>
    <row r="579721" spans="8:8">
      <c r="H579721" s="12"/>
    </row>
    <row r="579722" spans="8:8">
      <c r="H579722" s="12"/>
    </row>
    <row r="579723" spans="8:8">
      <c r="H579723" s="12"/>
    </row>
    <row r="579724" spans="8:8">
      <c r="H579724" s="12"/>
    </row>
    <row r="579725" spans="8:8">
      <c r="H579725" s="12"/>
    </row>
    <row r="579726" spans="8:8">
      <c r="H579726" s="12"/>
    </row>
    <row r="579727" spans="8:8">
      <c r="H579727" s="12"/>
    </row>
    <row r="579728" spans="8:8">
      <c r="H579728" s="12"/>
    </row>
    <row r="579729" spans="8:8">
      <c r="H579729" s="12"/>
    </row>
    <row r="579730" spans="8:8">
      <c r="H579730" s="12"/>
    </row>
    <row r="579731" spans="8:8">
      <c r="H579731" s="12"/>
    </row>
    <row r="579732" spans="8:8">
      <c r="H579732" s="12"/>
    </row>
    <row r="579733" spans="8:8">
      <c r="H579733" s="12"/>
    </row>
    <row r="579734" spans="8:8">
      <c r="H579734" s="12"/>
    </row>
    <row r="579735" spans="8:8">
      <c r="H579735" s="12"/>
    </row>
    <row r="579736" spans="8:8">
      <c r="H579736" s="12"/>
    </row>
    <row r="579737" spans="8:8">
      <c r="H579737" s="12"/>
    </row>
    <row r="579738" spans="8:8">
      <c r="H579738" s="12"/>
    </row>
    <row r="579739" spans="8:8">
      <c r="H579739" s="12"/>
    </row>
    <row r="579740" spans="8:8">
      <c r="H579740" s="12"/>
    </row>
    <row r="579741" spans="8:8">
      <c r="H579741" s="12"/>
    </row>
    <row r="579742" spans="8:8">
      <c r="H579742" s="12"/>
    </row>
    <row r="579743" spans="8:8">
      <c r="H579743" s="12"/>
    </row>
    <row r="579744" spans="8:8">
      <c r="H579744" s="12"/>
    </row>
    <row r="579745" spans="8:8">
      <c r="H579745" s="12"/>
    </row>
    <row r="579746" spans="8:8">
      <c r="H579746" s="12"/>
    </row>
    <row r="579747" spans="8:8">
      <c r="H579747" s="12"/>
    </row>
    <row r="579748" spans="8:8">
      <c r="H579748" s="12"/>
    </row>
    <row r="579749" spans="8:8">
      <c r="H579749" s="12"/>
    </row>
    <row r="579750" spans="8:8">
      <c r="H579750" s="12"/>
    </row>
    <row r="579751" spans="8:8">
      <c r="H579751" s="12"/>
    </row>
    <row r="579752" spans="8:8">
      <c r="H579752" s="12"/>
    </row>
    <row r="579753" spans="8:8">
      <c r="H579753" s="12"/>
    </row>
    <row r="579754" spans="8:8">
      <c r="H579754" s="12"/>
    </row>
    <row r="579755" spans="8:8">
      <c r="H579755" s="12"/>
    </row>
    <row r="579756" spans="8:8">
      <c r="H579756" s="12"/>
    </row>
    <row r="579757" spans="8:8">
      <c r="H579757" s="12"/>
    </row>
    <row r="579758" spans="8:8">
      <c r="H579758" s="12"/>
    </row>
    <row r="579759" spans="8:8">
      <c r="H579759" s="12"/>
    </row>
    <row r="579760" spans="8:8">
      <c r="H579760" s="12"/>
    </row>
    <row r="579761" spans="8:8">
      <c r="H579761" s="12"/>
    </row>
    <row r="579762" spans="8:8">
      <c r="H579762" s="12"/>
    </row>
    <row r="579763" spans="8:8">
      <c r="H579763" s="12"/>
    </row>
    <row r="579764" spans="8:8">
      <c r="H579764" s="12"/>
    </row>
    <row r="579765" spans="8:8">
      <c r="H579765" s="12"/>
    </row>
    <row r="579766" spans="8:8">
      <c r="H579766" s="12"/>
    </row>
    <row r="579767" spans="8:8">
      <c r="H579767" s="12"/>
    </row>
    <row r="579768" spans="8:8">
      <c r="H579768" s="12"/>
    </row>
    <row r="579769" spans="8:8">
      <c r="H579769" s="12"/>
    </row>
    <row r="579770" spans="8:8">
      <c r="H579770" s="12"/>
    </row>
    <row r="579771" spans="8:8">
      <c r="H579771" s="12"/>
    </row>
    <row r="579772" spans="8:8">
      <c r="H579772" s="12"/>
    </row>
    <row r="579773" spans="8:8">
      <c r="H579773" s="12"/>
    </row>
    <row r="579774" spans="8:8">
      <c r="H579774" s="12"/>
    </row>
    <row r="579775" spans="8:8">
      <c r="H579775" s="12"/>
    </row>
    <row r="579776" spans="8:8">
      <c r="H579776" s="12"/>
    </row>
    <row r="579777" spans="8:8">
      <c r="H579777" s="12"/>
    </row>
    <row r="579778" spans="8:8">
      <c r="H579778" s="12"/>
    </row>
    <row r="579779" spans="8:8">
      <c r="H579779" s="12"/>
    </row>
    <row r="579780" spans="8:8">
      <c r="H579780" s="12"/>
    </row>
    <row r="579781" spans="8:8">
      <c r="H579781" s="12"/>
    </row>
    <row r="579782" spans="8:8">
      <c r="H579782" s="12"/>
    </row>
    <row r="579783" spans="8:8">
      <c r="H579783" s="12"/>
    </row>
    <row r="579784" spans="8:8">
      <c r="H579784" s="12"/>
    </row>
    <row r="579785" spans="8:8">
      <c r="H579785" s="12"/>
    </row>
    <row r="579786" spans="8:8">
      <c r="H579786" s="12"/>
    </row>
    <row r="579787" spans="8:8">
      <c r="H579787" s="12"/>
    </row>
    <row r="579788" spans="8:8">
      <c r="H579788" s="12"/>
    </row>
    <row r="579789" spans="8:8">
      <c r="H579789" s="12"/>
    </row>
    <row r="579790" spans="8:8">
      <c r="H579790" s="12"/>
    </row>
    <row r="579791" spans="8:8">
      <c r="H579791" s="12"/>
    </row>
    <row r="579792" spans="8:8">
      <c r="H579792" s="12"/>
    </row>
    <row r="579793" spans="8:8">
      <c r="H579793" s="12"/>
    </row>
    <row r="579794" spans="8:8">
      <c r="H579794" s="12"/>
    </row>
    <row r="579795" spans="8:8">
      <c r="H579795" s="12"/>
    </row>
    <row r="579796" spans="8:8">
      <c r="H579796" s="12"/>
    </row>
    <row r="579797" spans="8:8">
      <c r="H579797" s="12"/>
    </row>
    <row r="579798" spans="8:8">
      <c r="H579798" s="12"/>
    </row>
    <row r="579799" spans="8:8">
      <c r="H579799" s="12"/>
    </row>
    <row r="579800" spans="8:8">
      <c r="H579800" s="12"/>
    </row>
    <row r="579801" spans="8:8">
      <c r="H579801" s="12"/>
    </row>
    <row r="579802" spans="8:8">
      <c r="H579802" s="12"/>
    </row>
    <row r="579803" spans="8:8">
      <c r="H579803" s="12"/>
    </row>
    <row r="579804" spans="8:8">
      <c r="H579804" s="12"/>
    </row>
    <row r="579805" spans="8:8">
      <c r="H579805" s="12"/>
    </row>
    <row r="579806" spans="8:8">
      <c r="H579806" s="12"/>
    </row>
    <row r="579807" spans="8:8">
      <c r="H579807" s="12"/>
    </row>
    <row r="579808" spans="8:8">
      <c r="H579808" s="12"/>
    </row>
    <row r="579809" spans="8:8">
      <c r="H579809" s="12"/>
    </row>
    <row r="579810" spans="8:8">
      <c r="H579810" s="12"/>
    </row>
    <row r="579811" spans="8:8">
      <c r="H579811" s="12"/>
    </row>
    <row r="579812" spans="8:8">
      <c r="H579812" s="12"/>
    </row>
    <row r="579813" spans="8:8">
      <c r="H579813" s="12"/>
    </row>
    <row r="579814" spans="8:8">
      <c r="H579814" s="12"/>
    </row>
    <row r="579815" spans="8:8">
      <c r="H579815" s="12"/>
    </row>
    <row r="579816" spans="8:8">
      <c r="H579816" s="12"/>
    </row>
    <row r="579817" spans="8:8">
      <c r="H579817" s="12"/>
    </row>
    <row r="579818" spans="8:8">
      <c r="H579818" s="12"/>
    </row>
    <row r="579819" spans="8:8">
      <c r="H579819" s="12"/>
    </row>
    <row r="579820" spans="8:8">
      <c r="H579820" s="12"/>
    </row>
    <row r="579821" spans="8:8">
      <c r="H579821" s="12"/>
    </row>
    <row r="579822" spans="8:8">
      <c r="H579822" s="12"/>
    </row>
    <row r="579823" spans="8:8">
      <c r="H579823" s="12"/>
    </row>
    <row r="579824" spans="8:8">
      <c r="H579824" s="12"/>
    </row>
    <row r="579825" spans="8:8">
      <c r="H579825" s="12"/>
    </row>
    <row r="579826" spans="8:8">
      <c r="H579826" s="12"/>
    </row>
    <row r="579827" spans="8:8">
      <c r="H579827" s="12"/>
    </row>
    <row r="579828" spans="8:8">
      <c r="H579828" s="12"/>
    </row>
    <row r="579829" spans="8:8">
      <c r="H579829" s="12"/>
    </row>
    <row r="579830" spans="8:8">
      <c r="H579830" s="12"/>
    </row>
    <row r="579831" spans="8:8">
      <c r="H579831" s="12"/>
    </row>
    <row r="579832" spans="8:8">
      <c r="H579832" s="12"/>
    </row>
    <row r="579833" spans="8:8">
      <c r="H579833" s="12"/>
    </row>
    <row r="579834" spans="8:8">
      <c r="H579834" s="12"/>
    </row>
    <row r="579835" spans="8:8">
      <c r="H579835" s="12"/>
    </row>
    <row r="579836" spans="8:8">
      <c r="H579836" s="12"/>
    </row>
    <row r="579837" spans="8:8">
      <c r="H579837" s="12"/>
    </row>
    <row r="579838" spans="8:8">
      <c r="H579838" s="12"/>
    </row>
    <row r="579839" spans="8:8">
      <c r="H579839" s="12"/>
    </row>
    <row r="579840" spans="8:8">
      <c r="H579840" s="12"/>
    </row>
    <row r="579841" spans="8:8">
      <c r="H579841" s="12"/>
    </row>
    <row r="579842" spans="8:8">
      <c r="H579842" s="12"/>
    </row>
    <row r="579843" spans="8:8">
      <c r="H579843" s="12"/>
    </row>
    <row r="579844" spans="8:8">
      <c r="H579844" s="12"/>
    </row>
    <row r="579845" spans="8:8">
      <c r="H579845" s="12"/>
    </row>
    <row r="579846" spans="8:8">
      <c r="H579846" s="12"/>
    </row>
    <row r="579847" spans="8:8">
      <c r="H579847" s="12"/>
    </row>
    <row r="579848" spans="8:8">
      <c r="H579848" s="12"/>
    </row>
    <row r="579849" spans="8:8">
      <c r="H579849" s="12"/>
    </row>
    <row r="579850" spans="8:8">
      <c r="H579850" s="12"/>
    </row>
    <row r="579851" spans="8:8">
      <c r="H579851" s="12"/>
    </row>
    <row r="579852" spans="8:8">
      <c r="H579852" s="12"/>
    </row>
    <row r="579853" spans="8:8">
      <c r="H579853" s="12"/>
    </row>
    <row r="579854" spans="8:8">
      <c r="H579854" s="12"/>
    </row>
    <row r="579855" spans="8:8">
      <c r="H579855" s="12"/>
    </row>
    <row r="579856" spans="8:8">
      <c r="H579856" s="12"/>
    </row>
    <row r="579857" spans="8:8">
      <c r="H579857" s="12"/>
    </row>
    <row r="579858" spans="8:8">
      <c r="H579858" s="12"/>
    </row>
    <row r="579859" spans="8:8">
      <c r="H579859" s="12"/>
    </row>
    <row r="579860" spans="8:8">
      <c r="H579860" s="12"/>
    </row>
    <row r="579861" spans="8:8">
      <c r="H579861" s="12"/>
    </row>
    <row r="579862" spans="8:8">
      <c r="H579862" s="12"/>
    </row>
    <row r="579863" spans="8:8">
      <c r="H579863" s="12"/>
    </row>
    <row r="579864" spans="8:8">
      <c r="H579864" s="12"/>
    </row>
    <row r="579865" spans="8:8">
      <c r="H579865" s="12"/>
    </row>
    <row r="579866" spans="8:8">
      <c r="H579866" s="12"/>
    </row>
    <row r="579867" spans="8:8">
      <c r="H579867" s="12"/>
    </row>
    <row r="579868" spans="8:8">
      <c r="H579868" s="12"/>
    </row>
    <row r="579869" spans="8:8">
      <c r="H579869" s="12"/>
    </row>
    <row r="579870" spans="8:8">
      <c r="H579870" s="12"/>
    </row>
    <row r="579871" spans="8:8">
      <c r="H579871" s="12"/>
    </row>
    <row r="579872" spans="8:8">
      <c r="H579872" s="12"/>
    </row>
    <row r="579873" spans="8:8">
      <c r="H579873" s="12"/>
    </row>
    <row r="579874" spans="8:8">
      <c r="H579874" s="12"/>
    </row>
    <row r="579875" spans="8:8">
      <c r="H579875" s="12"/>
    </row>
    <row r="579876" spans="8:8">
      <c r="H579876" s="12"/>
    </row>
    <row r="579877" spans="8:8">
      <c r="H579877" s="12"/>
    </row>
    <row r="579878" spans="8:8">
      <c r="H579878" s="12"/>
    </row>
    <row r="579879" spans="8:8">
      <c r="H579879" s="12"/>
    </row>
    <row r="579880" spans="8:8">
      <c r="H579880" s="12"/>
    </row>
    <row r="579881" spans="8:8">
      <c r="H579881" s="12"/>
    </row>
    <row r="579882" spans="8:8">
      <c r="H579882" s="12"/>
    </row>
    <row r="579883" spans="8:8">
      <c r="H579883" s="12"/>
    </row>
    <row r="579884" spans="8:8">
      <c r="H579884" s="12"/>
    </row>
    <row r="579885" spans="8:8">
      <c r="H579885" s="12"/>
    </row>
    <row r="579886" spans="8:8">
      <c r="H579886" s="12"/>
    </row>
    <row r="579887" spans="8:8">
      <c r="H579887" s="12"/>
    </row>
    <row r="579888" spans="8:8">
      <c r="H579888" s="12"/>
    </row>
    <row r="579889" spans="8:8">
      <c r="H579889" s="12"/>
    </row>
    <row r="579890" spans="8:8">
      <c r="H579890" s="12"/>
    </row>
    <row r="579891" spans="8:8">
      <c r="H579891" s="12"/>
    </row>
    <row r="579892" spans="8:8">
      <c r="H579892" s="12"/>
    </row>
    <row r="579893" spans="8:8">
      <c r="H579893" s="12"/>
    </row>
    <row r="579894" spans="8:8">
      <c r="H579894" s="12"/>
    </row>
    <row r="579895" spans="8:8">
      <c r="H579895" s="12"/>
    </row>
    <row r="579896" spans="8:8">
      <c r="H579896" s="12"/>
    </row>
    <row r="579897" spans="8:8">
      <c r="H579897" s="12"/>
    </row>
    <row r="579898" spans="8:8">
      <c r="H579898" s="12"/>
    </row>
    <row r="579899" spans="8:8">
      <c r="H579899" s="12"/>
    </row>
    <row r="579900" spans="8:8">
      <c r="H579900" s="12"/>
    </row>
    <row r="579901" spans="8:8">
      <c r="H579901" s="12"/>
    </row>
    <row r="579902" spans="8:8">
      <c r="H579902" s="12"/>
    </row>
    <row r="579903" spans="8:8">
      <c r="H579903" s="12"/>
    </row>
    <row r="579904" spans="8:8">
      <c r="H579904" s="12"/>
    </row>
    <row r="579905" spans="8:8">
      <c r="H579905" s="12"/>
    </row>
    <row r="579906" spans="8:8">
      <c r="H579906" s="12"/>
    </row>
    <row r="579907" spans="8:8">
      <c r="H579907" s="12"/>
    </row>
    <row r="579908" spans="8:8">
      <c r="H579908" s="12"/>
    </row>
    <row r="579909" spans="8:8">
      <c r="H579909" s="12"/>
    </row>
    <row r="579910" spans="8:8">
      <c r="H579910" s="12"/>
    </row>
    <row r="579911" spans="8:8">
      <c r="H579911" s="12"/>
    </row>
    <row r="579912" spans="8:8">
      <c r="H579912" s="12"/>
    </row>
    <row r="579913" spans="8:8">
      <c r="H579913" s="12"/>
    </row>
    <row r="579914" spans="8:8">
      <c r="H579914" s="12"/>
    </row>
    <row r="579915" spans="8:8">
      <c r="H579915" s="12"/>
    </row>
    <row r="579916" spans="8:8">
      <c r="H579916" s="12"/>
    </row>
    <row r="579917" spans="8:8">
      <c r="H579917" s="12"/>
    </row>
    <row r="579918" spans="8:8">
      <c r="H579918" s="12"/>
    </row>
    <row r="579919" spans="8:8">
      <c r="H579919" s="12"/>
    </row>
    <row r="579920" spans="8:8">
      <c r="H579920" s="12"/>
    </row>
    <row r="579921" spans="8:8">
      <c r="H579921" s="12"/>
    </row>
    <row r="579922" spans="8:8">
      <c r="H579922" s="12"/>
    </row>
    <row r="579923" spans="8:8">
      <c r="H579923" s="12"/>
    </row>
    <row r="579924" spans="8:8">
      <c r="H579924" s="12"/>
    </row>
    <row r="579925" spans="8:8">
      <c r="H579925" s="12"/>
    </row>
    <row r="579926" spans="8:8">
      <c r="H579926" s="12"/>
    </row>
    <row r="579927" spans="8:8">
      <c r="H579927" s="12"/>
    </row>
    <row r="579928" spans="8:8">
      <c r="H579928" s="12"/>
    </row>
    <row r="579929" spans="8:8">
      <c r="H579929" s="12"/>
    </row>
    <row r="579930" spans="8:8">
      <c r="H579930" s="12"/>
    </row>
    <row r="579931" spans="8:8">
      <c r="H579931" s="12"/>
    </row>
    <row r="579932" spans="8:8">
      <c r="H579932" s="12"/>
    </row>
    <row r="579933" spans="8:8">
      <c r="H579933" s="12"/>
    </row>
    <row r="579934" spans="8:8">
      <c r="H579934" s="12"/>
    </row>
    <row r="579935" spans="8:8">
      <c r="H579935" s="12"/>
    </row>
    <row r="579936" spans="8:8">
      <c r="H579936" s="12"/>
    </row>
    <row r="579937" spans="8:8">
      <c r="H579937" s="12"/>
    </row>
    <row r="579938" spans="8:8">
      <c r="H579938" s="12"/>
    </row>
    <row r="579939" spans="8:8">
      <c r="H579939" s="12"/>
    </row>
    <row r="579940" spans="8:8">
      <c r="H579940" s="12"/>
    </row>
    <row r="579941" spans="8:8">
      <c r="H579941" s="12"/>
    </row>
    <row r="579942" spans="8:8">
      <c r="H579942" s="12"/>
    </row>
    <row r="579943" spans="8:8">
      <c r="H579943" s="12"/>
    </row>
    <row r="579944" spans="8:8">
      <c r="H579944" s="12"/>
    </row>
    <row r="579945" spans="8:8">
      <c r="H579945" s="12"/>
    </row>
    <row r="579946" spans="8:8">
      <c r="H579946" s="12"/>
    </row>
    <row r="579947" spans="8:8">
      <c r="H579947" s="12"/>
    </row>
    <row r="579948" spans="8:8">
      <c r="H579948" s="12"/>
    </row>
    <row r="579949" spans="8:8">
      <c r="H579949" s="12"/>
    </row>
    <row r="579950" spans="8:8">
      <c r="H579950" s="12"/>
    </row>
    <row r="579951" spans="8:8">
      <c r="H579951" s="12"/>
    </row>
    <row r="579952" spans="8:8">
      <c r="H579952" s="12"/>
    </row>
    <row r="579953" spans="8:8">
      <c r="H579953" s="12"/>
    </row>
    <row r="579954" spans="8:8">
      <c r="H579954" s="12"/>
    </row>
    <row r="579955" spans="8:8">
      <c r="H579955" s="12"/>
    </row>
    <row r="579956" spans="8:8">
      <c r="H579956" s="12"/>
    </row>
    <row r="579957" spans="8:8">
      <c r="H579957" s="12"/>
    </row>
    <row r="579958" spans="8:8">
      <c r="H579958" s="12"/>
    </row>
    <row r="579959" spans="8:8">
      <c r="H579959" s="12"/>
    </row>
    <row r="579960" spans="8:8">
      <c r="H579960" s="12"/>
    </row>
    <row r="579961" spans="8:8">
      <c r="H579961" s="12"/>
    </row>
    <row r="579962" spans="8:8">
      <c r="H579962" s="12"/>
    </row>
    <row r="579963" spans="8:8">
      <c r="H579963" s="12"/>
    </row>
    <row r="579964" spans="8:8">
      <c r="H579964" s="12"/>
    </row>
    <row r="579965" spans="8:8">
      <c r="H579965" s="12"/>
    </row>
    <row r="579966" spans="8:8">
      <c r="H579966" s="12"/>
    </row>
    <row r="579967" spans="8:8">
      <c r="H579967" s="12"/>
    </row>
    <row r="579968" spans="8:8">
      <c r="H579968" s="12"/>
    </row>
    <row r="579969" spans="8:8">
      <c r="H579969" s="12"/>
    </row>
    <row r="579970" spans="8:8">
      <c r="H579970" s="12"/>
    </row>
    <row r="579971" spans="8:8">
      <c r="H579971" s="12"/>
    </row>
    <row r="579972" spans="8:8">
      <c r="H579972" s="12"/>
    </row>
    <row r="579973" spans="8:8">
      <c r="H579973" s="12"/>
    </row>
    <row r="579974" spans="8:8">
      <c r="H579974" s="12"/>
    </row>
    <row r="579975" spans="8:8">
      <c r="H579975" s="12"/>
    </row>
    <row r="579976" spans="8:8">
      <c r="H579976" s="12"/>
    </row>
    <row r="579977" spans="8:8">
      <c r="H579977" s="12"/>
    </row>
    <row r="579978" spans="8:8">
      <c r="H579978" s="12"/>
    </row>
    <row r="579979" spans="8:8">
      <c r="H579979" s="12"/>
    </row>
    <row r="579980" spans="8:8">
      <c r="H579980" s="12"/>
    </row>
    <row r="579981" spans="8:8">
      <c r="H579981" s="12"/>
    </row>
    <row r="579982" spans="8:8">
      <c r="H579982" s="12"/>
    </row>
    <row r="579983" spans="8:8">
      <c r="H579983" s="12"/>
    </row>
    <row r="579984" spans="8:8">
      <c r="H579984" s="12"/>
    </row>
    <row r="579985" spans="8:8">
      <c r="H579985" s="12"/>
    </row>
    <row r="579986" spans="8:8">
      <c r="H579986" s="12"/>
    </row>
    <row r="579987" spans="8:8">
      <c r="H579987" s="12"/>
    </row>
    <row r="579988" spans="8:8">
      <c r="H579988" s="12"/>
    </row>
    <row r="579989" spans="8:8">
      <c r="H579989" s="12"/>
    </row>
    <row r="579990" spans="8:8">
      <c r="H579990" s="12"/>
    </row>
    <row r="579991" spans="8:8">
      <c r="H579991" s="12"/>
    </row>
    <row r="579992" spans="8:8">
      <c r="H579992" s="12"/>
    </row>
    <row r="579993" spans="8:8">
      <c r="H579993" s="12"/>
    </row>
    <row r="579994" spans="8:8">
      <c r="H579994" s="12"/>
    </row>
    <row r="579995" spans="8:8">
      <c r="H579995" s="12"/>
    </row>
    <row r="579996" spans="8:8">
      <c r="H579996" s="12"/>
    </row>
    <row r="579997" spans="8:8">
      <c r="H579997" s="12"/>
    </row>
    <row r="579998" spans="8:8">
      <c r="H579998" s="12"/>
    </row>
    <row r="579999" spans="8:8">
      <c r="H579999" s="12"/>
    </row>
    <row r="580000" spans="8:8">
      <c r="H580000" s="12"/>
    </row>
    <row r="580001" spans="8:8">
      <c r="H580001" s="12"/>
    </row>
    <row r="580002" spans="8:8">
      <c r="H580002" s="12"/>
    </row>
    <row r="580003" spans="8:8">
      <c r="H580003" s="12"/>
    </row>
    <row r="580004" spans="8:8">
      <c r="H580004" s="12"/>
    </row>
    <row r="580005" spans="8:8">
      <c r="H580005" s="12"/>
    </row>
    <row r="580006" spans="8:8">
      <c r="H580006" s="12"/>
    </row>
    <row r="580007" spans="8:8">
      <c r="H580007" s="12"/>
    </row>
    <row r="580008" spans="8:8">
      <c r="H580008" s="12"/>
    </row>
    <row r="580009" spans="8:8">
      <c r="H580009" s="12"/>
    </row>
    <row r="580010" spans="8:8">
      <c r="H580010" s="12"/>
    </row>
    <row r="580011" spans="8:8">
      <c r="H580011" s="12"/>
    </row>
    <row r="580012" spans="8:8">
      <c r="H580012" s="12"/>
    </row>
    <row r="580013" spans="8:8">
      <c r="H580013" s="12"/>
    </row>
    <row r="580014" spans="8:8">
      <c r="H580014" s="12"/>
    </row>
    <row r="580015" spans="8:8">
      <c r="H580015" s="12"/>
    </row>
    <row r="580016" spans="8:8">
      <c r="H580016" s="12"/>
    </row>
    <row r="580017" spans="8:8">
      <c r="H580017" s="12"/>
    </row>
    <row r="580018" spans="8:8">
      <c r="H580018" s="12"/>
    </row>
    <row r="580019" spans="8:8">
      <c r="H580019" s="12"/>
    </row>
    <row r="580020" spans="8:8">
      <c r="H580020" s="12"/>
    </row>
    <row r="580021" spans="8:8">
      <c r="H580021" s="12"/>
    </row>
    <row r="580022" spans="8:8">
      <c r="H580022" s="12"/>
    </row>
    <row r="580023" spans="8:8">
      <c r="H580023" s="12"/>
    </row>
    <row r="580024" spans="8:8">
      <c r="H580024" s="12"/>
    </row>
    <row r="580025" spans="8:8">
      <c r="H580025" s="12"/>
    </row>
    <row r="580026" spans="8:8">
      <c r="H580026" s="12"/>
    </row>
    <row r="580027" spans="8:8">
      <c r="H580027" s="12"/>
    </row>
    <row r="580028" spans="8:8">
      <c r="H580028" s="12"/>
    </row>
    <row r="580029" spans="8:8">
      <c r="H580029" s="12"/>
    </row>
    <row r="580030" spans="8:8">
      <c r="H580030" s="12"/>
    </row>
    <row r="580031" spans="8:8">
      <c r="H580031" s="12"/>
    </row>
    <row r="580032" spans="8:8">
      <c r="H580032" s="12"/>
    </row>
    <row r="580033" spans="8:8">
      <c r="H580033" s="12"/>
    </row>
    <row r="580034" spans="8:8">
      <c r="H580034" s="12"/>
    </row>
    <row r="580035" spans="8:8">
      <c r="H580035" s="12"/>
    </row>
    <row r="580036" spans="8:8">
      <c r="H580036" s="12"/>
    </row>
    <row r="580037" spans="8:8">
      <c r="H580037" s="12"/>
    </row>
    <row r="580038" spans="8:8">
      <c r="H580038" s="12"/>
    </row>
    <row r="580039" spans="8:8">
      <c r="H580039" s="12"/>
    </row>
    <row r="580040" spans="8:8">
      <c r="H580040" s="12"/>
    </row>
    <row r="580041" spans="8:8">
      <c r="H580041" s="12"/>
    </row>
    <row r="580042" spans="8:8">
      <c r="H580042" s="12"/>
    </row>
    <row r="580043" spans="8:8">
      <c r="H580043" s="12"/>
    </row>
    <row r="580044" spans="8:8">
      <c r="H580044" s="12"/>
    </row>
    <row r="580045" spans="8:8">
      <c r="H580045" s="12"/>
    </row>
    <row r="580046" spans="8:8">
      <c r="H580046" s="12"/>
    </row>
    <row r="580047" spans="8:8">
      <c r="H580047" s="12"/>
    </row>
    <row r="580048" spans="8:8">
      <c r="H580048" s="12"/>
    </row>
    <row r="580049" spans="8:8">
      <c r="H580049" s="12"/>
    </row>
    <row r="580050" spans="8:8">
      <c r="H580050" s="12"/>
    </row>
    <row r="580051" spans="8:8">
      <c r="H580051" s="12"/>
    </row>
    <row r="580052" spans="8:8">
      <c r="H580052" s="12"/>
    </row>
    <row r="580053" spans="8:8">
      <c r="H580053" s="12"/>
    </row>
    <row r="580054" spans="8:8">
      <c r="H580054" s="12"/>
    </row>
    <row r="580055" spans="8:8">
      <c r="H580055" s="12"/>
    </row>
    <row r="580056" spans="8:8">
      <c r="H580056" s="12"/>
    </row>
    <row r="580057" spans="8:8">
      <c r="H580057" s="12"/>
    </row>
    <row r="580058" spans="8:8">
      <c r="H580058" s="12"/>
    </row>
    <row r="580059" spans="8:8">
      <c r="H580059" s="12"/>
    </row>
    <row r="580060" spans="8:8">
      <c r="H580060" s="12"/>
    </row>
    <row r="580061" spans="8:8">
      <c r="H580061" s="12"/>
    </row>
    <row r="580062" spans="8:8">
      <c r="H580062" s="12"/>
    </row>
    <row r="580063" spans="8:8">
      <c r="H580063" s="12"/>
    </row>
    <row r="580064" spans="8:8">
      <c r="H580064" s="12"/>
    </row>
    <row r="580065" spans="8:8">
      <c r="H580065" s="12"/>
    </row>
    <row r="580066" spans="8:8">
      <c r="H580066" s="12"/>
    </row>
    <row r="580067" spans="8:8">
      <c r="H580067" s="12"/>
    </row>
    <row r="580068" spans="8:8">
      <c r="H580068" s="12"/>
    </row>
    <row r="580069" spans="8:8">
      <c r="H580069" s="12"/>
    </row>
    <row r="580070" spans="8:8">
      <c r="H580070" s="12"/>
    </row>
    <row r="580071" spans="8:8">
      <c r="H580071" s="12"/>
    </row>
    <row r="580072" spans="8:8">
      <c r="H580072" s="12"/>
    </row>
    <row r="580073" spans="8:8">
      <c r="H580073" s="12"/>
    </row>
    <row r="580074" spans="8:8">
      <c r="H580074" s="12"/>
    </row>
    <row r="580075" spans="8:8">
      <c r="H580075" s="12"/>
    </row>
    <row r="580076" spans="8:8">
      <c r="H580076" s="12"/>
    </row>
    <row r="580077" spans="8:8">
      <c r="H580077" s="12"/>
    </row>
    <row r="580078" spans="8:8">
      <c r="H580078" s="12"/>
    </row>
    <row r="580079" spans="8:8">
      <c r="H580079" s="12"/>
    </row>
    <row r="580080" spans="8:8">
      <c r="H580080" s="12"/>
    </row>
    <row r="580081" spans="8:8">
      <c r="H580081" s="12"/>
    </row>
    <row r="580082" spans="8:8">
      <c r="H580082" s="12"/>
    </row>
    <row r="580083" spans="8:8">
      <c r="H580083" s="12"/>
    </row>
    <row r="580084" spans="8:8">
      <c r="H580084" s="12"/>
    </row>
    <row r="580085" spans="8:8">
      <c r="H580085" s="12"/>
    </row>
    <row r="580086" spans="8:8">
      <c r="H580086" s="12"/>
    </row>
    <row r="580087" spans="8:8">
      <c r="H580087" s="12"/>
    </row>
    <row r="580088" spans="8:8">
      <c r="H580088" s="12"/>
    </row>
    <row r="580089" spans="8:8">
      <c r="H580089" s="12"/>
    </row>
    <row r="580090" spans="8:8">
      <c r="H580090" s="12"/>
    </row>
    <row r="580091" spans="8:8">
      <c r="H580091" s="12"/>
    </row>
    <row r="580092" spans="8:8">
      <c r="H580092" s="12"/>
    </row>
    <row r="580093" spans="8:8">
      <c r="H580093" s="12"/>
    </row>
    <row r="580094" spans="8:8">
      <c r="H580094" s="12"/>
    </row>
    <row r="580095" spans="8:8">
      <c r="H580095" s="12"/>
    </row>
    <row r="580096" spans="8:8">
      <c r="H580096" s="12"/>
    </row>
    <row r="580097" spans="8:8">
      <c r="H580097" s="12"/>
    </row>
    <row r="580098" spans="8:8">
      <c r="H580098" s="12"/>
    </row>
    <row r="580099" spans="8:8">
      <c r="H580099" s="12"/>
    </row>
    <row r="580100" spans="8:8">
      <c r="H580100" s="12"/>
    </row>
    <row r="580101" spans="8:8">
      <c r="H580101" s="12"/>
    </row>
    <row r="580102" spans="8:8">
      <c r="H580102" s="12"/>
    </row>
    <row r="580103" spans="8:8">
      <c r="H580103" s="12"/>
    </row>
    <row r="580104" spans="8:8">
      <c r="H580104" s="12"/>
    </row>
    <row r="580105" spans="8:8">
      <c r="H580105" s="12"/>
    </row>
    <row r="580106" spans="8:8">
      <c r="H580106" s="12"/>
    </row>
    <row r="580107" spans="8:8">
      <c r="H580107" s="12"/>
    </row>
    <row r="580108" spans="8:8">
      <c r="H580108" s="12"/>
    </row>
    <row r="580109" spans="8:8">
      <c r="H580109" s="12"/>
    </row>
    <row r="580110" spans="8:8">
      <c r="H580110" s="12"/>
    </row>
    <row r="580111" spans="8:8">
      <c r="H580111" s="12"/>
    </row>
    <row r="580112" spans="8:8">
      <c r="H580112" s="12"/>
    </row>
    <row r="580113" spans="8:8">
      <c r="H580113" s="12"/>
    </row>
    <row r="580114" spans="8:8">
      <c r="H580114" s="12"/>
    </row>
    <row r="580115" spans="8:8">
      <c r="H580115" s="12"/>
    </row>
    <row r="580116" spans="8:8">
      <c r="H580116" s="12"/>
    </row>
    <row r="580117" spans="8:8">
      <c r="H580117" s="12"/>
    </row>
    <row r="580118" spans="8:8">
      <c r="H580118" s="12"/>
    </row>
    <row r="580119" spans="8:8">
      <c r="H580119" s="12"/>
    </row>
    <row r="580120" spans="8:8">
      <c r="H580120" s="12"/>
    </row>
    <row r="580121" spans="8:8">
      <c r="H580121" s="12"/>
    </row>
    <row r="580122" spans="8:8">
      <c r="H580122" s="12"/>
    </row>
    <row r="580123" spans="8:8">
      <c r="H580123" s="12"/>
    </row>
    <row r="580124" spans="8:8">
      <c r="H580124" s="12"/>
    </row>
    <row r="580125" spans="8:8">
      <c r="H580125" s="12"/>
    </row>
    <row r="580126" spans="8:8">
      <c r="H580126" s="12"/>
    </row>
    <row r="580127" spans="8:8">
      <c r="H580127" s="12"/>
    </row>
    <row r="580128" spans="8:8">
      <c r="H580128" s="12"/>
    </row>
    <row r="580129" spans="8:8">
      <c r="H580129" s="12"/>
    </row>
    <row r="580130" spans="8:8">
      <c r="H580130" s="12"/>
    </row>
    <row r="580131" spans="8:8">
      <c r="H580131" s="12"/>
    </row>
    <row r="580132" spans="8:8">
      <c r="H580132" s="12"/>
    </row>
    <row r="580133" spans="8:8">
      <c r="H580133" s="12"/>
    </row>
    <row r="580134" spans="8:8">
      <c r="H580134" s="12"/>
    </row>
    <row r="580135" spans="8:8">
      <c r="H580135" s="12"/>
    </row>
    <row r="580136" spans="8:8">
      <c r="H580136" s="12"/>
    </row>
    <row r="580137" spans="8:8">
      <c r="H580137" s="12"/>
    </row>
    <row r="580138" spans="8:8">
      <c r="H580138" s="12"/>
    </row>
    <row r="580139" spans="8:8">
      <c r="H580139" s="12"/>
    </row>
    <row r="580140" spans="8:8">
      <c r="H580140" s="12"/>
    </row>
    <row r="580141" spans="8:8">
      <c r="H580141" s="12"/>
    </row>
    <row r="580142" spans="8:8">
      <c r="H580142" s="12"/>
    </row>
    <row r="580143" spans="8:8">
      <c r="H580143" s="12"/>
    </row>
    <row r="580144" spans="8:8">
      <c r="H580144" s="12"/>
    </row>
    <row r="580145" spans="8:8">
      <c r="H580145" s="12"/>
    </row>
    <row r="580146" spans="8:8">
      <c r="H580146" s="12"/>
    </row>
    <row r="580147" spans="8:8">
      <c r="H580147" s="12"/>
    </row>
    <row r="580148" spans="8:8">
      <c r="H580148" s="12"/>
    </row>
    <row r="580149" spans="8:8">
      <c r="H580149" s="12"/>
    </row>
    <row r="580150" spans="8:8">
      <c r="H580150" s="12"/>
    </row>
    <row r="580151" spans="8:8">
      <c r="H580151" s="12"/>
    </row>
    <row r="580152" spans="8:8">
      <c r="H580152" s="12"/>
    </row>
    <row r="580153" spans="8:8">
      <c r="H580153" s="12"/>
    </row>
    <row r="580154" spans="8:8">
      <c r="H580154" s="12"/>
    </row>
    <row r="580155" spans="8:8">
      <c r="H580155" s="12"/>
    </row>
    <row r="580156" spans="8:8">
      <c r="H580156" s="12"/>
    </row>
    <row r="580157" spans="8:8">
      <c r="H580157" s="12"/>
    </row>
    <row r="580158" spans="8:8">
      <c r="H580158" s="12"/>
    </row>
    <row r="580159" spans="8:8">
      <c r="H580159" s="12"/>
    </row>
    <row r="580160" spans="8:8">
      <c r="H580160" s="12"/>
    </row>
    <row r="580161" spans="8:8">
      <c r="H580161" s="12"/>
    </row>
    <row r="580162" spans="8:8">
      <c r="H580162" s="12"/>
    </row>
    <row r="580163" spans="8:8">
      <c r="H580163" s="12"/>
    </row>
    <row r="580164" spans="8:8">
      <c r="H580164" s="12"/>
    </row>
    <row r="580165" spans="8:8">
      <c r="H580165" s="12"/>
    </row>
    <row r="580166" spans="8:8">
      <c r="H580166" s="12"/>
    </row>
    <row r="580167" spans="8:8">
      <c r="H580167" s="12"/>
    </row>
    <row r="580168" spans="8:8">
      <c r="H580168" s="12"/>
    </row>
    <row r="580169" spans="8:8">
      <c r="H580169" s="12"/>
    </row>
    <row r="580170" spans="8:8">
      <c r="H580170" s="12"/>
    </row>
    <row r="580171" spans="8:8">
      <c r="H580171" s="12"/>
    </row>
    <row r="580172" spans="8:8">
      <c r="H580172" s="12"/>
    </row>
    <row r="580173" spans="8:8">
      <c r="H580173" s="12"/>
    </row>
    <row r="580174" spans="8:8">
      <c r="H580174" s="12"/>
    </row>
    <row r="580175" spans="8:8">
      <c r="H580175" s="12"/>
    </row>
    <row r="580176" spans="8:8">
      <c r="H580176" s="12"/>
    </row>
    <row r="580177" spans="8:8">
      <c r="H580177" s="12"/>
    </row>
    <row r="580178" spans="8:8">
      <c r="H580178" s="12"/>
    </row>
    <row r="580179" spans="8:8">
      <c r="H580179" s="12"/>
    </row>
    <row r="580180" spans="8:8">
      <c r="H580180" s="12"/>
    </row>
    <row r="580181" spans="8:8">
      <c r="H580181" s="12"/>
    </row>
    <row r="580182" spans="8:8">
      <c r="H580182" s="12"/>
    </row>
    <row r="580183" spans="8:8">
      <c r="H580183" s="12"/>
    </row>
    <row r="580184" spans="8:8">
      <c r="H580184" s="12"/>
    </row>
    <row r="580185" spans="8:8">
      <c r="H580185" s="12"/>
    </row>
    <row r="580186" spans="8:8">
      <c r="H580186" s="12"/>
    </row>
    <row r="580187" spans="8:8">
      <c r="H580187" s="12"/>
    </row>
    <row r="580188" spans="8:8">
      <c r="H580188" s="12"/>
    </row>
    <row r="580189" spans="8:8">
      <c r="H580189" s="12"/>
    </row>
    <row r="580190" spans="8:8">
      <c r="H580190" s="12"/>
    </row>
    <row r="580191" spans="8:8">
      <c r="H580191" s="12"/>
    </row>
    <row r="580192" spans="8:8">
      <c r="H580192" s="12"/>
    </row>
    <row r="580193" spans="8:8">
      <c r="H580193" s="12"/>
    </row>
    <row r="580194" spans="8:8">
      <c r="H580194" s="12"/>
    </row>
    <row r="580195" spans="8:8">
      <c r="H580195" s="12"/>
    </row>
    <row r="580196" spans="8:8">
      <c r="H580196" s="12"/>
    </row>
    <row r="580197" spans="8:8">
      <c r="H580197" s="12"/>
    </row>
    <row r="580198" spans="8:8">
      <c r="H580198" s="12"/>
    </row>
    <row r="580199" spans="8:8">
      <c r="H580199" s="12"/>
    </row>
    <row r="580200" spans="8:8">
      <c r="H580200" s="12"/>
    </row>
    <row r="580201" spans="8:8">
      <c r="H580201" s="12"/>
    </row>
    <row r="580202" spans="8:8">
      <c r="H580202" s="12"/>
    </row>
    <row r="580203" spans="8:8">
      <c r="H580203" s="12"/>
    </row>
    <row r="580204" spans="8:8">
      <c r="H580204" s="12"/>
    </row>
    <row r="580205" spans="8:8">
      <c r="H580205" s="12"/>
    </row>
    <row r="580206" spans="8:8">
      <c r="H580206" s="12"/>
    </row>
    <row r="580207" spans="8:8">
      <c r="H580207" s="12"/>
    </row>
    <row r="580208" spans="8:8">
      <c r="H580208" s="12"/>
    </row>
    <row r="580209" spans="8:8">
      <c r="H580209" s="12"/>
    </row>
    <row r="580210" spans="8:8">
      <c r="H580210" s="12"/>
    </row>
    <row r="580211" spans="8:8">
      <c r="H580211" s="12"/>
    </row>
    <row r="580212" spans="8:8">
      <c r="H580212" s="12"/>
    </row>
    <row r="580213" spans="8:8">
      <c r="H580213" s="12"/>
    </row>
    <row r="580214" spans="8:8">
      <c r="H580214" s="12"/>
    </row>
    <row r="580215" spans="8:8">
      <c r="H580215" s="12"/>
    </row>
    <row r="580216" spans="8:8">
      <c r="H580216" s="12"/>
    </row>
    <row r="580217" spans="8:8">
      <c r="H580217" s="12"/>
    </row>
    <row r="580218" spans="8:8">
      <c r="H580218" s="12"/>
    </row>
    <row r="580219" spans="8:8">
      <c r="H580219" s="12"/>
    </row>
    <row r="580220" spans="8:8">
      <c r="H580220" s="12"/>
    </row>
    <row r="580221" spans="8:8">
      <c r="H580221" s="12"/>
    </row>
    <row r="580222" spans="8:8">
      <c r="H580222" s="12"/>
    </row>
    <row r="580223" spans="8:8">
      <c r="H580223" s="12"/>
    </row>
    <row r="580224" spans="8:8">
      <c r="H580224" s="12"/>
    </row>
    <row r="580225" spans="8:8">
      <c r="H580225" s="12"/>
    </row>
    <row r="580226" spans="8:8">
      <c r="H580226" s="12"/>
    </row>
    <row r="580227" spans="8:8">
      <c r="H580227" s="12"/>
    </row>
    <row r="580228" spans="8:8">
      <c r="H580228" s="12"/>
    </row>
    <row r="580229" spans="8:8">
      <c r="H580229" s="12"/>
    </row>
    <row r="580230" spans="8:8">
      <c r="H580230" s="12"/>
    </row>
    <row r="580231" spans="8:8">
      <c r="H580231" s="12"/>
    </row>
    <row r="580232" spans="8:8">
      <c r="H580232" s="12"/>
    </row>
    <row r="580233" spans="8:8">
      <c r="H580233" s="12"/>
    </row>
    <row r="580234" spans="8:8">
      <c r="H580234" s="12"/>
    </row>
    <row r="580235" spans="8:8">
      <c r="H580235" s="12"/>
    </row>
    <row r="580236" spans="8:8">
      <c r="H580236" s="12"/>
    </row>
    <row r="580237" spans="8:8">
      <c r="H580237" s="12"/>
    </row>
    <row r="580238" spans="8:8">
      <c r="H580238" s="12"/>
    </row>
    <row r="580239" spans="8:8">
      <c r="H580239" s="12"/>
    </row>
    <row r="580240" spans="8:8">
      <c r="H580240" s="12"/>
    </row>
    <row r="580241" spans="8:8">
      <c r="H580241" s="12"/>
    </row>
    <row r="580242" spans="8:8">
      <c r="H580242" s="12"/>
    </row>
    <row r="580243" spans="8:8">
      <c r="H580243" s="12"/>
    </row>
    <row r="580244" spans="8:8">
      <c r="H580244" s="12"/>
    </row>
    <row r="580245" spans="8:8">
      <c r="H580245" s="12"/>
    </row>
    <row r="580246" spans="8:8">
      <c r="H580246" s="12"/>
    </row>
    <row r="580247" spans="8:8">
      <c r="H580247" s="12"/>
    </row>
    <row r="580248" spans="8:8">
      <c r="H580248" s="12"/>
    </row>
    <row r="580249" spans="8:8">
      <c r="H580249" s="12"/>
    </row>
    <row r="580250" spans="8:8">
      <c r="H580250" s="12"/>
    </row>
    <row r="580251" spans="8:8">
      <c r="H580251" s="12"/>
    </row>
    <row r="580252" spans="8:8">
      <c r="H580252" s="12"/>
    </row>
    <row r="580253" spans="8:8">
      <c r="H580253" s="12"/>
    </row>
    <row r="580254" spans="8:8">
      <c r="H580254" s="12"/>
    </row>
    <row r="580255" spans="8:8">
      <c r="H580255" s="12"/>
    </row>
    <row r="580256" spans="8:8">
      <c r="H580256" s="12"/>
    </row>
    <row r="580257" spans="8:8">
      <c r="H580257" s="12"/>
    </row>
    <row r="580258" spans="8:8">
      <c r="H580258" s="12"/>
    </row>
    <row r="580259" spans="8:8">
      <c r="H580259" s="12"/>
    </row>
    <row r="580260" spans="8:8">
      <c r="H580260" s="12"/>
    </row>
    <row r="580261" spans="8:8">
      <c r="H580261" s="12"/>
    </row>
    <row r="580262" spans="8:8">
      <c r="H580262" s="12"/>
    </row>
    <row r="580263" spans="8:8">
      <c r="H580263" s="12"/>
    </row>
    <row r="580264" spans="8:8">
      <c r="H580264" s="12"/>
    </row>
    <row r="580265" spans="8:8">
      <c r="H580265" s="12"/>
    </row>
    <row r="580266" spans="8:8">
      <c r="H580266" s="12"/>
    </row>
    <row r="580267" spans="8:8">
      <c r="H580267" s="12"/>
    </row>
    <row r="580268" spans="8:8">
      <c r="H580268" s="12"/>
    </row>
    <row r="580269" spans="8:8">
      <c r="H580269" s="12"/>
    </row>
    <row r="580270" spans="8:8">
      <c r="H580270" s="12"/>
    </row>
    <row r="580271" spans="8:8">
      <c r="H580271" s="12"/>
    </row>
    <row r="580272" spans="8:8">
      <c r="H580272" s="12"/>
    </row>
    <row r="580273" spans="8:8">
      <c r="H580273" s="12"/>
    </row>
    <row r="580274" spans="8:8">
      <c r="H580274" s="12"/>
    </row>
    <row r="580275" spans="8:8">
      <c r="H580275" s="12"/>
    </row>
    <row r="580276" spans="8:8">
      <c r="H580276" s="12"/>
    </row>
    <row r="580277" spans="8:8">
      <c r="H580277" s="12"/>
    </row>
    <row r="580278" spans="8:8">
      <c r="H580278" s="12"/>
    </row>
    <row r="580279" spans="8:8">
      <c r="H580279" s="12"/>
    </row>
    <row r="580280" spans="8:8">
      <c r="H580280" s="12"/>
    </row>
    <row r="580281" spans="8:8">
      <c r="H580281" s="12"/>
    </row>
    <row r="580282" spans="8:8">
      <c r="H580282" s="12"/>
    </row>
    <row r="580283" spans="8:8">
      <c r="H580283" s="12"/>
    </row>
    <row r="580284" spans="8:8">
      <c r="H580284" s="12"/>
    </row>
    <row r="580285" spans="8:8">
      <c r="H580285" s="12"/>
    </row>
    <row r="580286" spans="8:8">
      <c r="H580286" s="12"/>
    </row>
    <row r="580287" spans="8:8">
      <c r="H580287" s="12"/>
    </row>
    <row r="580288" spans="8:8">
      <c r="H580288" s="12"/>
    </row>
    <row r="580289" spans="8:8">
      <c r="H580289" s="12"/>
    </row>
    <row r="580290" spans="8:8">
      <c r="H580290" s="12"/>
    </row>
    <row r="580291" spans="8:8">
      <c r="H580291" s="12"/>
    </row>
    <row r="580292" spans="8:8">
      <c r="H580292" s="12"/>
    </row>
    <row r="580293" spans="8:8">
      <c r="H580293" s="12"/>
    </row>
    <row r="580294" spans="8:8">
      <c r="H580294" s="12"/>
    </row>
    <row r="580295" spans="8:8">
      <c r="H580295" s="12"/>
    </row>
    <row r="580296" spans="8:8">
      <c r="H580296" s="12"/>
    </row>
    <row r="580297" spans="8:8">
      <c r="H580297" s="12"/>
    </row>
    <row r="580298" spans="8:8">
      <c r="H580298" s="12"/>
    </row>
    <row r="580299" spans="8:8">
      <c r="H580299" s="12"/>
    </row>
    <row r="580300" spans="8:8">
      <c r="H580300" s="12"/>
    </row>
    <row r="580301" spans="8:8">
      <c r="H580301" s="12"/>
    </row>
    <row r="580302" spans="8:8">
      <c r="H580302" s="12"/>
    </row>
    <row r="580303" spans="8:8">
      <c r="H580303" s="12"/>
    </row>
    <row r="580304" spans="8:8">
      <c r="H580304" s="12"/>
    </row>
    <row r="580305" spans="8:8">
      <c r="H580305" s="12"/>
    </row>
    <row r="580306" spans="8:8">
      <c r="H580306" s="12"/>
    </row>
    <row r="580307" spans="8:8">
      <c r="H580307" s="12"/>
    </row>
    <row r="580308" spans="8:8">
      <c r="H580308" s="12"/>
    </row>
    <row r="580309" spans="8:8">
      <c r="H580309" s="12"/>
    </row>
    <row r="580310" spans="8:8">
      <c r="H580310" s="12"/>
    </row>
    <row r="580311" spans="8:8">
      <c r="H580311" s="12"/>
    </row>
    <row r="580312" spans="8:8">
      <c r="H580312" s="12"/>
    </row>
    <row r="580313" spans="8:8">
      <c r="H580313" s="12"/>
    </row>
    <row r="580314" spans="8:8">
      <c r="H580314" s="12"/>
    </row>
    <row r="580315" spans="8:8">
      <c r="H580315" s="12"/>
    </row>
    <row r="580316" spans="8:8">
      <c r="H580316" s="12"/>
    </row>
    <row r="580317" spans="8:8">
      <c r="H580317" s="12"/>
    </row>
    <row r="580318" spans="8:8">
      <c r="H580318" s="12"/>
    </row>
    <row r="580319" spans="8:8">
      <c r="H580319" s="12"/>
    </row>
    <row r="580320" spans="8:8">
      <c r="H580320" s="12"/>
    </row>
    <row r="580321" spans="8:8">
      <c r="H580321" s="12"/>
    </row>
    <row r="580322" spans="8:8">
      <c r="H580322" s="12"/>
    </row>
    <row r="580323" spans="8:8">
      <c r="H580323" s="12"/>
    </row>
    <row r="580324" spans="8:8">
      <c r="H580324" s="12"/>
    </row>
    <row r="580325" spans="8:8">
      <c r="H580325" s="12"/>
    </row>
    <row r="580326" spans="8:8">
      <c r="H580326" s="12"/>
    </row>
    <row r="580327" spans="8:8">
      <c r="H580327" s="12"/>
    </row>
    <row r="580328" spans="8:8">
      <c r="H580328" s="12"/>
    </row>
    <row r="580329" spans="8:8">
      <c r="H580329" s="12"/>
    </row>
    <row r="580330" spans="8:8">
      <c r="H580330" s="12"/>
    </row>
    <row r="580331" spans="8:8">
      <c r="H580331" s="12"/>
    </row>
    <row r="580332" spans="8:8">
      <c r="H580332" s="12"/>
    </row>
    <row r="580333" spans="8:8">
      <c r="H580333" s="12"/>
    </row>
    <row r="580334" spans="8:8">
      <c r="H580334" s="12"/>
    </row>
    <row r="580335" spans="8:8">
      <c r="H580335" s="12"/>
    </row>
    <row r="580336" spans="8:8">
      <c r="H580336" s="12"/>
    </row>
    <row r="580337" spans="8:8">
      <c r="H580337" s="12"/>
    </row>
    <row r="580338" spans="8:8">
      <c r="H580338" s="12"/>
    </row>
    <row r="580339" spans="8:8">
      <c r="H580339" s="12"/>
    </row>
    <row r="580340" spans="8:8">
      <c r="H580340" s="12"/>
    </row>
    <row r="580341" spans="8:8">
      <c r="H580341" s="12"/>
    </row>
    <row r="580342" spans="8:8">
      <c r="H580342" s="12"/>
    </row>
    <row r="580343" spans="8:8">
      <c r="H580343" s="12"/>
    </row>
    <row r="580344" spans="8:8">
      <c r="H580344" s="12"/>
    </row>
    <row r="580345" spans="8:8">
      <c r="H580345" s="12"/>
    </row>
    <row r="580346" spans="8:8">
      <c r="H580346" s="12"/>
    </row>
    <row r="580347" spans="8:8">
      <c r="H580347" s="12"/>
    </row>
    <row r="580348" spans="8:8">
      <c r="H580348" s="12"/>
    </row>
    <row r="580349" spans="8:8">
      <c r="H580349" s="12"/>
    </row>
    <row r="580350" spans="8:8">
      <c r="H580350" s="12"/>
    </row>
    <row r="580351" spans="8:8">
      <c r="H580351" s="12"/>
    </row>
    <row r="580352" spans="8:8">
      <c r="H580352" s="12"/>
    </row>
    <row r="580353" spans="8:8">
      <c r="H580353" s="12"/>
    </row>
    <row r="580354" spans="8:8">
      <c r="H580354" s="12"/>
    </row>
    <row r="580355" spans="8:8">
      <c r="H580355" s="12"/>
    </row>
    <row r="580356" spans="8:8">
      <c r="H580356" s="12"/>
    </row>
    <row r="580357" spans="8:8">
      <c r="H580357" s="12"/>
    </row>
    <row r="580358" spans="8:8">
      <c r="H580358" s="12"/>
    </row>
    <row r="580359" spans="8:8">
      <c r="H580359" s="12"/>
    </row>
    <row r="580360" spans="8:8">
      <c r="H580360" s="12"/>
    </row>
    <row r="580361" spans="8:8">
      <c r="H580361" s="12"/>
    </row>
    <row r="580362" spans="8:8">
      <c r="H580362" s="12"/>
    </row>
    <row r="580363" spans="8:8">
      <c r="H580363" s="12"/>
    </row>
    <row r="580364" spans="8:8">
      <c r="H580364" s="12"/>
    </row>
    <row r="580365" spans="8:8">
      <c r="H580365" s="12"/>
    </row>
    <row r="580366" spans="8:8">
      <c r="H580366" s="12"/>
    </row>
    <row r="580367" spans="8:8">
      <c r="H580367" s="12"/>
    </row>
    <row r="580368" spans="8:8">
      <c r="H580368" s="12"/>
    </row>
    <row r="580369" spans="8:8">
      <c r="H580369" s="12"/>
    </row>
    <row r="580370" spans="8:8">
      <c r="H580370" s="12"/>
    </row>
    <row r="580371" spans="8:8">
      <c r="H580371" s="12"/>
    </row>
    <row r="580372" spans="8:8">
      <c r="H580372" s="12"/>
    </row>
    <row r="580373" spans="8:8">
      <c r="H580373" s="12"/>
    </row>
    <row r="580374" spans="8:8">
      <c r="H580374" s="12"/>
    </row>
    <row r="580375" spans="8:8">
      <c r="H580375" s="12"/>
    </row>
    <row r="580376" spans="8:8">
      <c r="H580376" s="12"/>
    </row>
    <row r="580377" spans="8:8">
      <c r="H580377" s="12"/>
    </row>
    <row r="580378" spans="8:8">
      <c r="H580378" s="12"/>
    </row>
    <row r="580379" spans="8:8">
      <c r="H580379" s="12"/>
    </row>
    <row r="580380" spans="8:8">
      <c r="H580380" s="12"/>
    </row>
    <row r="580381" spans="8:8">
      <c r="H580381" s="12"/>
    </row>
    <row r="580382" spans="8:8">
      <c r="H580382" s="12"/>
    </row>
    <row r="580383" spans="8:8">
      <c r="H580383" s="12"/>
    </row>
    <row r="580384" spans="8:8">
      <c r="H580384" s="12"/>
    </row>
    <row r="580385" spans="8:8">
      <c r="H580385" s="12"/>
    </row>
    <row r="580386" spans="8:8">
      <c r="H580386" s="12"/>
    </row>
    <row r="580387" spans="8:8">
      <c r="H580387" s="12"/>
    </row>
    <row r="580388" spans="8:8">
      <c r="H580388" s="12"/>
    </row>
    <row r="580389" spans="8:8">
      <c r="H580389" s="12"/>
    </row>
    <row r="580390" spans="8:8">
      <c r="H580390" s="12"/>
    </row>
    <row r="580391" spans="8:8">
      <c r="H580391" s="12"/>
    </row>
    <row r="580392" spans="8:8">
      <c r="H580392" s="12"/>
    </row>
    <row r="580393" spans="8:8">
      <c r="H580393" s="12"/>
    </row>
    <row r="580394" spans="8:8">
      <c r="H580394" s="12"/>
    </row>
    <row r="580395" spans="8:8">
      <c r="H580395" s="12"/>
    </row>
    <row r="580396" spans="8:8">
      <c r="H580396" s="12"/>
    </row>
    <row r="580397" spans="8:8">
      <c r="H580397" s="12"/>
    </row>
    <row r="580398" spans="8:8">
      <c r="H580398" s="12"/>
    </row>
    <row r="580399" spans="8:8">
      <c r="H580399" s="12"/>
    </row>
    <row r="580400" spans="8:8">
      <c r="H580400" s="12"/>
    </row>
    <row r="580401" spans="8:8">
      <c r="H580401" s="12"/>
    </row>
    <row r="580402" spans="8:8">
      <c r="H580402" s="12"/>
    </row>
    <row r="580403" spans="8:8">
      <c r="H580403" s="12"/>
    </row>
    <row r="580404" spans="8:8">
      <c r="H580404" s="12"/>
    </row>
    <row r="580405" spans="8:8">
      <c r="H580405" s="12"/>
    </row>
    <row r="580406" spans="8:8">
      <c r="H580406" s="12"/>
    </row>
    <row r="580407" spans="8:8">
      <c r="H580407" s="12"/>
    </row>
    <row r="580408" spans="8:8">
      <c r="H580408" s="12"/>
    </row>
    <row r="580409" spans="8:8">
      <c r="H580409" s="12"/>
    </row>
    <row r="580410" spans="8:8">
      <c r="H580410" s="12"/>
    </row>
    <row r="580411" spans="8:8">
      <c r="H580411" s="12"/>
    </row>
    <row r="580412" spans="8:8">
      <c r="H580412" s="12"/>
    </row>
    <row r="580413" spans="8:8">
      <c r="H580413" s="12"/>
    </row>
    <row r="580414" spans="8:8">
      <c r="H580414" s="12"/>
    </row>
    <row r="580415" spans="8:8">
      <c r="H580415" s="12"/>
    </row>
    <row r="580416" spans="8:8">
      <c r="H580416" s="12"/>
    </row>
    <row r="580417" spans="8:8">
      <c r="H580417" s="12"/>
    </row>
    <row r="580418" spans="8:8">
      <c r="H580418" s="12"/>
    </row>
    <row r="580419" spans="8:8">
      <c r="H580419" s="12"/>
    </row>
    <row r="580420" spans="8:8">
      <c r="H580420" s="12"/>
    </row>
    <row r="580421" spans="8:8">
      <c r="H580421" s="12"/>
    </row>
    <row r="580422" spans="8:8">
      <c r="H580422" s="12"/>
    </row>
    <row r="580423" spans="8:8">
      <c r="H580423" s="12"/>
    </row>
    <row r="580424" spans="8:8">
      <c r="H580424" s="12"/>
    </row>
    <row r="580425" spans="8:8">
      <c r="H580425" s="12"/>
    </row>
    <row r="580426" spans="8:8">
      <c r="H580426" s="12"/>
    </row>
    <row r="580427" spans="8:8">
      <c r="H580427" s="12"/>
    </row>
    <row r="580428" spans="8:8">
      <c r="H580428" s="12"/>
    </row>
    <row r="580429" spans="8:8">
      <c r="H580429" s="12"/>
    </row>
    <row r="580430" spans="8:8">
      <c r="H580430" s="12"/>
    </row>
    <row r="580431" spans="8:8">
      <c r="H580431" s="12"/>
    </row>
    <row r="580432" spans="8:8">
      <c r="H580432" s="12"/>
    </row>
    <row r="580433" spans="8:8">
      <c r="H580433" s="12"/>
    </row>
    <row r="580434" spans="8:8">
      <c r="H580434" s="12"/>
    </row>
    <row r="580435" spans="8:8">
      <c r="H580435" s="12"/>
    </row>
    <row r="580436" spans="8:8">
      <c r="H580436" s="12"/>
    </row>
    <row r="580437" spans="8:8">
      <c r="H580437" s="12"/>
    </row>
    <row r="580438" spans="8:8">
      <c r="H580438" s="12"/>
    </row>
    <row r="580439" spans="8:8">
      <c r="H580439" s="12"/>
    </row>
    <row r="580440" spans="8:8">
      <c r="H580440" s="12"/>
    </row>
    <row r="580441" spans="8:8">
      <c r="H580441" s="12"/>
    </row>
    <row r="580442" spans="8:8">
      <c r="H580442" s="12"/>
    </row>
    <row r="580443" spans="8:8">
      <c r="H580443" s="12"/>
    </row>
    <row r="580444" spans="8:8">
      <c r="H580444" s="12"/>
    </row>
    <row r="580445" spans="8:8">
      <c r="H580445" s="12"/>
    </row>
    <row r="580446" spans="8:8">
      <c r="H580446" s="12"/>
    </row>
    <row r="580447" spans="8:8">
      <c r="H580447" s="12"/>
    </row>
    <row r="580448" spans="8:8">
      <c r="H580448" s="12"/>
    </row>
    <row r="580449" spans="8:8">
      <c r="H580449" s="12"/>
    </row>
    <row r="580450" spans="8:8">
      <c r="H580450" s="12"/>
    </row>
    <row r="580451" spans="8:8">
      <c r="H580451" s="12"/>
    </row>
    <row r="580452" spans="8:8">
      <c r="H580452" s="12"/>
    </row>
    <row r="580453" spans="8:8">
      <c r="H580453" s="12"/>
    </row>
    <row r="580454" spans="8:8">
      <c r="H580454" s="12"/>
    </row>
    <row r="580455" spans="8:8">
      <c r="H580455" s="12"/>
    </row>
    <row r="580456" spans="8:8">
      <c r="H580456" s="12"/>
    </row>
    <row r="580457" spans="8:8">
      <c r="H580457" s="12"/>
    </row>
    <row r="580458" spans="8:8">
      <c r="H580458" s="12"/>
    </row>
    <row r="580459" spans="8:8">
      <c r="H580459" s="12"/>
    </row>
    <row r="580460" spans="8:8">
      <c r="H580460" s="12"/>
    </row>
    <row r="580461" spans="8:8">
      <c r="H580461" s="12"/>
    </row>
    <row r="580462" spans="8:8">
      <c r="H580462" s="12"/>
    </row>
    <row r="580463" spans="8:8">
      <c r="H580463" s="12"/>
    </row>
    <row r="580464" spans="8:8">
      <c r="H580464" s="12"/>
    </row>
    <row r="580465" spans="8:8">
      <c r="H580465" s="12"/>
    </row>
    <row r="580466" spans="8:8">
      <c r="H580466" s="12"/>
    </row>
    <row r="580467" spans="8:8">
      <c r="H580467" s="12"/>
    </row>
    <row r="580468" spans="8:8">
      <c r="H580468" s="12"/>
    </row>
    <row r="580469" spans="8:8">
      <c r="H580469" s="12"/>
    </row>
    <row r="580470" spans="8:8">
      <c r="H580470" s="12"/>
    </row>
    <row r="580471" spans="8:8">
      <c r="H580471" s="12"/>
    </row>
    <row r="580472" spans="8:8">
      <c r="H580472" s="12"/>
    </row>
    <row r="580473" spans="8:8">
      <c r="H580473" s="12"/>
    </row>
    <row r="580474" spans="8:8">
      <c r="H580474" s="12"/>
    </row>
    <row r="580475" spans="8:8">
      <c r="H580475" s="12"/>
    </row>
    <row r="580476" spans="8:8">
      <c r="H580476" s="12"/>
    </row>
    <row r="580477" spans="8:8">
      <c r="H580477" s="12"/>
    </row>
    <row r="580478" spans="8:8">
      <c r="H580478" s="12"/>
    </row>
    <row r="580479" spans="8:8">
      <c r="H580479" s="12"/>
    </row>
    <row r="580480" spans="8:8">
      <c r="H580480" s="12"/>
    </row>
    <row r="580481" spans="8:8">
      <c r="H580481" s="12"/>
    </row>
    <row r="580482" spans="8:8">
      <c r="H580482" s="12"/>
    </row>
    <row r="580483" spans="8:8">
      <c r="H580483" s="12"/>
    </row>
    <row r="580484" spans="8:8">
      <c r="H580484" s="12"/>
    </row>
    <row r="580485" spans="8:8">
      <c r="H580485" s="12"/>
    </row>
    <row r="580486" spans="8:8">
      <c r="H580486" s="12"/>
    </row>
    <row r="580487" spans="8:8">
      <c r="H580487" s="12"/>
    </row>
    <row r="580488" spans="8:8">
      <c r="H580488" s="12"/>
    </row>
    <row r="580489" spans="8:8">
      <c r="H580489" s="12"/>
    </row>
    <row r="580490" spans="8:8">
      <c r="H580490" s="12"/>
    </row>
    <row r="580491" spans="8:8">
      <c r="H580491" s="12"/>
    </row>
    <row r="580492" spans="8:8">
      <c r="H580492" s="12"/>
    </row>
    <row r="580493" spans="8:8">
      <c r="H580493" s="12"/>
    </row>
    <row r="580494" spans="8:8">
      <c r="H580494" s="12"/>
    </row>
    <row r="580495" spans="8:8">
      <c r="H580495" s="12"/>
    </row>
    <row r="580496" spans="8:8">
      <c r="H580496" s="12"/>
    </row>
    <row r="580497" spans="8:8">
      <c r="H580497" s="12"/>
    </row>
    <row r="580498" spans="8:8">
      <c r="H580498" s="12"/>
    </row>
    <row r="580499" spans="8:8">
      <c r="H580499" s="12"/>
    </row>
    <row r="580500" spans="8:8">
      <c r="H580500" s="12"/>
    </row>
    <row r="580501" spans="8:8">
      <c r="H580501" s="12"/>
    </row>
    <row r="580502" spans="8:8">
      <c r="H580502" s="12"/>
    </row>
    <row r="580503" spans="8:8">
      <c r="H580503" s="12"/>
    </row>
    <row r="580504" spans="8:8">
      <c r="H580504" s="12"/>
    </row>
    <row r="580505" spans="8:8">
      <c r="H580505" s="12"/>
    </row>
    <row r="580506" spans="8:8">
      <c r="H580506" s="12"/>
    </row>
    <row r="580507" spans="8:8">
      <c r="H580507" s="12"/>
    </row>
    <row r="580508" spans="8:8">
      <c r="H580508" s="12"/>
    </row>
    <row r="580509" spans="8:8">
      <c r="H580509" s="12"/>
    </row>
    <row r="580510" spans="8:8">
      <c r="H580510" s="12"/>
    </row>
    <row r="580511" spans="8:8">
      <c r="H580511" s="12"/>
    </row>
    <row r="580512" spans="8:8">
      <c r="H580512" s="12"/>
    </row>
    <row r="580513" spans="8:8">
      <c r="H580513" s="12"/>
    </row>
    <row r="580514" spans="8:8">
      <c r="H580514" s="12"/>
    </row>
    <row r="580515" spans="8:8">
      <c r="H580515" s="12"/>
    </row>
    <row r="580516" spans="8:8">
      <c r="H580516" s="12"/>
    </row>
    <row r="580517" spans="8:8">
      <c r="H580517" s="12"/>
    </row>
    <row r="580518" spans="8:8">
      <c r="H580518" s="12"/>
    </row>
    <row r="580519" spans="8:8">
      <c r="H580519" s="12"/>
    </row>
    <row r="580520" spans="8:8">
      <c r="H580520" s="12"/>
    </row>
    <row r="580521" spans="8:8">
      <c r="H580521" s="12"/>
    </row>
    <row r="580522" spans="8:8">
      <c r="H580522" s="12"/>
    </row>
    <row r="580523" spans="8:8">
      <c r="H580523" s="12"/>
    </row>
    <row r="580524" spans="8:8">
      <c r="H580524" s="12"/>
    </row>
    <row r="580525" spans="8:8">
      <c r="H580525" s="12"/>
    </row>
    <row r="580526" spans="8:8">
      <c r="H580526" s="12"/>
    </row>
    <row r="580527" spans="8:8">
      <c r="H580527" s="12"/>
    </row>
    <row r="580528" spans="8:8">
      <c r="H580528" s="12"/>
    </row>
    <row r="580529" spans="8:8">
      <c r="H580529" s="12"/>
    </row>
    <row r="580530" spans="8:8">
      <c r="H580530" s="12"/>
    </row>
    <row r="580531" spans="8:8">
      <c r="H580531" s="12"/>
    </row>
    <row r="580532" spans="8:8">
      <c r="H580532" s="12"/>
    </row>
    <row r="580533" spans="8:8">
      <c r="H580533" s="12"/>
    </row>
    <row r="580534" spans="8:8">
      <c r="H580534" s="12"/>
    </row>
    <row r="580535" spans="8:8">
      <c r="H580535" s="12"/>
    </row>
    <row r="580536" spans="8:8">
      <c r="H580536" s="12"/>
    </row>
    <row r="580537" spans="8:8">
      <c r="H580537" s="12"/>
    </row>
    <row r="580538" spans="8:8">
      <c r="H580538" s="12"/>
    </row>
    <row r="580539" spans="8:8">
      <c r="H580539" s="12"/>
    </row>
    <row r="580540" spans="8:8">
      <c r="H580540" s="12"/>
    </row>
    <row r="580541" spans="8:8">
      <c r="H580541" s="12"/>
    </row>
    <row r="580542" spans="8:8">
      <c r="H580542" s="12"/>
    </row>
    <row r="580543" spans="8:8">
      <c r="H580543" s="12"/>
    </row>
    <row r="580544" spans="8:8">
      <c r="H580544" s="12"/>
    </row>
    <row r="580545" spans="8:8">
      <c r="H580545" s="12"/>
    </row>
    <row r="580546" spans="8:8">
      <c r="H580546" s="12"/>
    </row>
    <row r="580547" spans="8:8">
      <c r="H580547" s="12"/>
    </row>
    <row r="580548" spans="8:8">
      <c r="H580548" s="12"/>
    </row>
    <row r="580549" spans="8:8">
      <c r="H580549" s="12"/>
    </row>
    <row r="580550" spans="8:8">
      <c r="H580550" s="12"/>
    </row>
    <row r="580551" spans="8:8">
      <c r="H580551" s="12"/>
    </row>
    <row r="580552" spans="8:8">
      <c r="H580552" s="12"/>
    </row>
    <row r="580553" spans="8:8">
      <c r="H580553" s="12"/>
    </row>
    <row r="580554" spans="8:8">
      <c r="H580554" s="12"/>
    </row>
    <row r="580555" spans="8:8">
      <c r="H580555" s="12"/>
    </row>
    <row r="580556" spans="8:8">
      <c r="H580556" s="12"/>
    </row>
    <row r="580557" spans="8:8">
      <c r="H580557" s="12"/>
    </row>
    <row r="580558" spans="8:8">
      <c r="H580558" s="12"/>
    </row>
    <row r="580559" spans="8:8">
      <c r="H580559" s="12"/>
    </row>
    <row r="580560" spans="8:8">
      <c r="H580560" s="12"/>
    </row>
    <row r="580561" spans="8:8">
      <c r="H580561" s="12"/>
    </row>
    <row r="580562" spans="8:8">
      <c r="H580562" s="12"/>
    </row>
    <row r="580563" spans="8:8">
      <c r="H580563" s="12"/>
    </row>
    <row r="580564" spans="8:8">
      <c r="H580564" s="12"/>
    </row>
    <row r="580565" spans="8:8">
      <c r="H580565" s="12"/>
    </row>
    <row r="580566" spans="8:8">
      <c r="H580566" s="12"/>
    </row>
    <row r="580567" spans="8:8">
      <c r="H580567" s="12"/>
    </row>
    <row r="580568" spans="8:8">
      <c r="H580568" s="12"/>
    </row>
    <row r="580569" spans="8:8">
      <c r="H580569" s="12"/>
    </row>
    <row r="580570" spans="8:8">
      <c r="H580570" s="12"/>
    </row>
    <row r="580571" spans="8:8">
      <c r="H580571" s="12"/>
    </row>
    <row r="580572" spans="8:8">
      <c r="H580572" s="12"/>
    </row>
    <row r="580573" spans="8:8">
      <c r="H580573" s="12"/>
    </row>
    <row r="580574" spans="8:8">
      <c r="H580574" s="12"/>
    </row>
    <row r="580575" spans="8:8">
      <c r="H580575" s="12"/>
    </row>
    <row r="580576" spans="8:8">
      <c r="H580576" s="12"/>
    </row>
    <row r="580577" spans="8:8">
      <c r="H580577" s="12"/>
    </row>
    <row r="580578" spans="8:8">
      <c r="H580578" s="12"/>
    </row>
    <row r="580579" spans="8:8">
      <c r="H580579" s="12"/>
    </row>
    <row r="580580" spans="8:8">
      <c r="H580580" s="12"/>
    </row>
    <row r="580581" spans="8:8">
      <c r="H580581" s="12"/>
    </row>
    <row r="580582" spans="8:8">
      <c r="H580582" s="12"/>
    </row>
    <row r="580583" spans="8:8">
      <c r="H580583" s="12"/>
    </row>
    <row r="580584" spans="8:8">
      <c r="H580584" s="12"/>
    </row>
    <row r="580585" spans="8:8">
      <c r="H580585" s="12"/>
    </row>
    <row r="580586" spans="8:8">
      <c r="H580586" s="12"/>
    </row>
    <row r="580587" spans="8:8">
      <c r="H580587" s="12"/>
    </row>
    <row r="580588" spans="8:8">
      <c r="H580588" s="12"/>
    </row>
    <row r="580589" spans="8:8">
      <c r="H580589" s="12"/>
    </row>
    <row r="580590" spans="8:8">
      <c r="H580590" s="12"/>
    </row>
    <row r="580591" spans="8:8">
      <c r="H580591" s="12"/>
    </row>
    <row r="580592" spans="8:8">
      <c r="H580592" s="12"/>
    </row>
    <row r="580593" spans="8:8">
      <c r="H580593" s="12"/>
    </row>
    <row r="580594" spans="8:8">
      <c r="H580594" s="12"/>
    </row>
    <row r="580595" spans="8:8">
      <c r="H580595" s="12"/>
    </row>
    <row r="580596" spans="8:8">
      <c r="H580596" s="12"/>
    </row>
    <row r="580597" spans="8:8">
      <c r="H580597" s="12"/>
    </row>
    <row r="580598" spans="8:8">
      <c r="H580598" s="12"/>
    </row>
    <row r="580599" spans="8:8">
      <c r="H580599" s="12"/>
    </row>
    <row r="580600" spans="8:8">
      <c r="H580600" s="12"/>
    </row>
    <row r="580601" spans="8:8">
      <c r="H580601" s="12"/>
    </row>
    <row r="580602" spans="8:8">
      <c r="H580602" s="12"/>
    </row>
    <row r="580603" spans="8:8">
      <c r="H580603" s="12"/>
    </row>
    <row r="580604" spans="8:8">
      <c r="H580604" s="12"/>
    </row>
    <row r="580605" spans="8:8">
      <c r="H580605" s="12"/>
    </row>
    <row r="580606" spans="8:8">
      <c r="H580606" s="12"/>
    </row>
    <row r="580607" spans="8:8">
      <c r="H580607" s="12"/>
    </row>
    <row r="580608" spans="8:8">
      <c r="H580608" s="12"/>
    </row>
    <row r="580609" spans="8:8">
      <c r="H580609" s="12"/>
    </row>
    <row r="580610" spans="8:8">
      <c r="H580610" s="12"/>
    </row>
    <row r="580611" spans="8:8">
      <c r="H580611" s="12"/>
    </row>
    <row r="580612" spans="8:8">
      <c r="H580612" s="12"/>
    </row>
    <row r="580613" spans="8:8">
      <c r="H580613" s="12"/>
    </row>
    <row r="580614" spans="8:8">
      <c r="H580614" s="12"/>
    </row>
    <row r="580615" spans="8:8">
      <c r="H580615" s="12"/>
    </row>
    <row r="580616" spans="8:8">
      <c r="H580616" s="12"/>
    </row>
    <row r="580617" spans="8:8">
      <c r="H580617" s="12"/>
    </row>
    <row r="580618" spans="8:8">
      <c r="H580618" s="12"/>
    </row>
    <row r="580619" spans="8:8">
      <c r="H580619" s="12"/>
    </row>
    <row r="580620" spans="8:8">
      <c r="H580620" s="12"/>
    </row>
    <row r="580621" spans="8:8">
      <c r="H580621" s="12"/>
    </row>
    <row r="580622" spans="8:8">
      <c r="H580622" s="12"/>
    </row>
    <row r="580623" spans="8:8">
      <c r="H580623" s="12"/>
    </row>
    <row r="580624" spans="8:8">
      <c r="H580624" s="12"/>
    </row>
    <row r="580625" spans="8:8">
      <c r="H580625" s="12"/>
    </row>
    <row r="580626" spans="8:8">
      <c r="H580626" s="12"/>
    </row>
    <row r="580627" spans="8:8">
      <c r="H580627" s="12"/>
    </row>
    <row r="580628" spans="8:8">
      <c r="H580628" s="12"/>
    </row>
    <row r="580629" spans="8:8">
      <c r="H580629" s="12"/>
    </row>
    <row r="580630" spans="8:8">
      <c r="H580630" s="12"/>
    </row>
    <row r="580631" spans="8:8">
      <c r="H580631" s="12"/>
    </row>
    <row r="580632" spans="8:8">
      <c r="H580632" s="12"/>
    </row>
    <row r="580633" spans="8:8">
      <c r="H580633" s="12"/>
    </row>
    <row r="580634" spans="8:8">
      <c r="H580634" s="12"/>
    </row>
    <row r="580635" spans="8:8">
      <c r="H580635" s="12"/>
    </row>
    <row r="580636" spans="8:8">
      <c r="H580636" s="12"/>
    </row>
    <row r="580637" spans="8:8">
      <c r="H580637" s="12"/>
    </row>
    <row r="580638" spans="8:8">
      <c r="H580638" s="12"/>
    </row>
    <row r="580639" spans="8:8">
      <c r="H580639" s="12"/>
    </row>
    <row r="580640" spans="8:8">
      <c r="H580640" s="12"/>
    </row>
    <row r="580641" spans="8:8">
      <c r="H580641" s="12"/>
    </row>
    <row r="580642" spans="8:8">
      <c r="H580642" s="12"/>
    </row>
    <row r="580643" spans="8:8">
      <c r="H580643" s="12"/>
    </row>
    <row r="580644" spans="8:8">
      <c r="H580644" s="12"/>
    </row>
    <row r="580645" spans="8:8">
      <c r="H580645" s="12"/>
    </row>
    <row r="580646" spans="8:8">
      <c r="H580646" s="12"/>
    </row>
    <row r="580647" spans="8:8">
      <c r="H580647" s="12"/>
    </row>
    <row r="580648" spans="8:8">
      <c r="H580648" s="12"/>
    </row>
    <row r="580649" spans="8:8">
      <c r="H580649" s="12"/>
    </row>
    <row r="580650" spans="8:8">
      <c r="H580650" s="12"/>
    </row>
    <row r="580651" spans="8:8">
      <c r="H580651" s="12"/>
    </row>
    <row r="580652" spans="8:8">
      <c r="H580652" s="12"/>
    </row>
    <row r="580653" spans="8:8">
      <c r="H580653" s="12"/>
    </row>
    <row r="580654" spans="8:8">
      <c r="H580654" s="12"/>
    </row>
    <row r="580655" spans="8:8">
      <c r="H580655" s="12"/>
    </row>
    <row r="580656" spans="8:8">
      <c r="H580656" s="12"/>
    </row>
    <row r="580657" spans="8:8">
      <c r="H580657" s="12"/>
    </row>
    <row r="580658" spans="8:8">
      <c r="H580658" s="12"/>
    </row>
    <row r="580659" spans="8:8">
      <c r="H580659" s="12"/>
    </row>
    <row r="580660" spans="8:8">
      <c r="H580660" s="12"/>
    </row>
    <row r="580661" spans="8:8">
      <c r="H580661" s="12"/>
    </row>
    <row r="580662" spans="8:8">
      <c r="H580662" s="12"/>
    </row>
    <row r="580663" spans="8:8">
      <c r="H580663" s="12"/>
    </row>
    <row r="580664" spans="8:8">
      <c r="H580664" s="12"/>
    </row>
    <row r="580665" spans="8:8">
      <c r="H580665" s="12"/>
    </row>
    <row r="580666" spans="8:8">
      <c r="H580666" s="12"/>
    </row>
    <row r="580667" spans="8:8">
      <c r="H580667" s="12"/>
    </row>
    <row r="580668" spans="8:8">
      <c r="H580668" s="12"/>
    </row>
    <row r="580669" spans="8:8">
      <c r="H580669" s="12"/>
    </row>
    <row r="580670" spans="8:8">
      <c r="H580670" s="12"/>
    </row>
    <row r="580671" spans="8:8">
      <c r="H580671" s="12"/>
    </row>
    <row r="580672" spans="8:8">
      <c r="H580672" s="12"/>
    </row>
    <row r="580673" spans="8:8">
      <c r="H580673" s="12"/>
    </row>
    <row r="580674" spans="8:8">
      <c r="H580674" s="12"/>
    </row>
    <row r="580675" spans="8:8">
      <c r="H580675" s="12"/>
    </row>
    <row r="580676" spans="8:8">
      <c r="H580676" s="12"/>
    </row>
    <row r="580677" spans="8:8">
      <c r="H580677" s="12"/>
    </row>
    <row r="580678" spans="8:8">
      <c r="H580678" s="12"/>
    </row>
    <row r="580679" spans="8:8">
      <c r="H580679" s="12"/>
    </row>
    <row r="580680" spans="8:8">
      <c r="H580680" s="12"/>
    </row>
    <row r="580681" spans="8:8">
      <c r="H580681" s="12"/>
    </row>
    <row r="580682" spans="8:8">
      <c r="H580682" s="12"/>
    </row>
    <row r="580683" spans="8:8">
      <c r="H580683" s="12"/>
    </row>
    <row r="580684" spans="8:8">
      <c r="H580684" s="12"/>
    </row>
    <row r="580685" spans="8:8">
      <c r="H580685" s="12"/>
    </row>
    <row r="580686" spans="8:8">
      <c r="H580686" s="12"/>
    </row>
    <row r="580687" spans="8:8">
      <c r="H580687" s="12"/>
    </row>
    <row r="580688" spans="8:8">
      <c r="H580688" s="12"/>
    </row>
    <row r="580689" spans="8:8">
      <c r="H580689" s="12"/>
    </row>
    <row r="580690" spans="8:8">
      <c r="H580690" s="12"/>
    </row>
    <row r="580691" spans="8:8">
      <c r="H580691" s="12"/>
    </row>
    <row r="580692" spans="8:8">
      <c r="H580692" s="12"/>
    </row>
    <row r="580693" spans="8:8">
      <c r="H580693" s="12"/>
    </row>
    <row r="580694" spans="8:8">
      <c r="H580694" s="12"/>
    </row>
    <row r="580695" spans="8:8">
      <c r="H580695" s="12"/>
    </row>
    <row r="580696" spans="8:8">
      <c r="H580696" s="12"/>
    </row>
    <row r="580697" spans="8:8">
      <c r="H580697" s="12"/>
    </row>
    <row r="580698" spans="8:8">
      <c r="H580698" s="12"/>
    </row>
    <row r="580699" spans="8:8">
      <c r="H580699" s="12"/>
    </row>
    <row r="580700" spans="8:8">
      <c r="H580700" s="12"/>
    </row>
    <row r="580701" spans="8:8">
      <c r="H580701" s="12"/>
    </row>
    <row r="580702" spans="8:8">
      <c r="H580702" s="12"/>
    </row>
    <row r="580703" spans="8:8">
      <c r="H580703" s="12"/>
    </row>
    <row r="580704" spans="8:8">
      <c r="H580704" s="12"/>
    </row>
    <row r="580705" spans="8:8">
      <c r="H580705" s="12"/>
    </row>
    <row r="580706" spans="8:8">
      <c r="H580706" s="12"/>
    </row>
    <row r="580707" spans="8:8">
      <c r="H580707" s="12"/>
    </row>
    <row r="580708" spans="8:8">
      <c r="H580708" s="12"/>
    </row>
    <row r="580709" spans="8:8">
      <c r="H580709" s="12"/>
    </row>
    <row r="580710" spans="8:8">
      <c r="H580710" s="12"/>
    </row>
    <row r="580711" spans="8:8">
      <c r="H580711" s="12"/>
    </row>
    <row r="580712" spans="8:8">
      <c r="H580712" s="12"/>
    </row>
    <row r="580713" spans="8:8">
      <c r="H580713" s="12"/>
    </row>
    <row r="580714" spans="8:8">
      <c r="H580714" s="12"/>
    </row>
    <row r="580715" spans="8:8">
      <c r="H580715" s="12"/>
    </row>
    <row r="580716" spans="8:8">
      <c r="H580716" s="12"/>
    </row>
    <row r="580717" spans="8:8">
      <c r="H580717" s="12"/>
    </row>
    <row r="580718" spans="8:8">
      <c r="H580718" s="12"/>
    </row>
    <row r="580719" spans="8:8">
      <c r="H580719" s="12"/>
    </row>
    <row r="580720" spans="8:8">
      <c r="H580720" s="12"/>
    </row>
    <row r="580721" spans="8:8">
      <c r="H580721" s="12"/>
    </row>
    <row r="580722" spans="8:8">
      <c r="H580722" s="12"/>
    </row>
    <row r="580723" spans="8:8">
      <c r="H580723" s="12"/>
    </row>
    <row r="580724" spans="8:8">
      <c r="H580724" s="12"/>
    </row>
    <row r="580725" spans="8:8">
      <c r="H580725" s="12"/>
    </row>
    <row r="580726" spans="8:8">
      <c r="H580726" s="12"/>
    </row>
    <row r="580727" spans="8:8">
      <c r="H580727" s="12"/>
    </row>
    <row r="580728" spans="8:8">
      <c r="H580728" s="12"/>
    </row>
    <row r="580729" spans="8:8">
      <c r="H580729" s="12"/>
    </row>
    <row r="580730" spans="8:8">
      <c r="H580730" s="12"/>
    </row>
    <row r="580731" spans="8:8">
      <c r="H580731" s="12"/>
    </row>
    <row r="580732" spans="8:8">
      <c r="H580732" s="12"/>
    </row>
    <row r="580733" spans="8:8">
      <c r="H580733" s="12"/>
    </row>
    <row r="580734" spans="8:8">
      <c r="H580734" s="12"/>
    </row>
    <row r="580735" spans="8:8">
      <c r="H580735" s="12"/>
    </row>
    <row r="580736" spans="8:8">
      <c r="H580736" s="12"/>
    </row>
    <row r="580737" spans="8:8">
      <c r="H580737" s="12"/>
    </row>
    <row r="580738" spans="8:8">
      <c r="H580738" s="12"/>
    </row>
    <row r="580739" spans="8:8">
      <c r="H580739" s="12"/>
    </row>
    <row r="580740" spans="8:8">
      <c r="H580740" s="12"/>
    </row>
    <row r="580741" spans="8:8">
      <c r="H580741" s="12"/>
    </row>
    <row r="580742" spans="8:8">
      <c r="H580742" s="12"/>
    </row>
    <row r="580743" spans="8:8">
      <c r="H580743" s="12"/>
    </row>
    <row r="580744" spans="8:8">
      <c r="H580744" s="12"/>
    </row>
    <row r="580745" spans="8:8">
      <c r="H580745" s="12"/>
    </row>
    <row r="580746" spans="8:8">
      <c r="H580746" s="12"/>
    </row>
    <row r="580747" spans="8:8">
      <c r="H580747" s="12"/>
    </row>
    <row r="580748" spans="8:8">
      <c r="H580748" s="12"/>
    </row>
    <row r="580749" spans="8:8">
      <c r="H580749" s="12"/>
    </row>
    <row r="580750" spans="8:8">
      <c r="H580750" s="12"/>
    </row>
    <row r="580751" spans="8:8">
      <c r="H580751" s="12"/>
    </row>
    <row r="580752" spans="8:8">
      <c r="H580752" s="12"/>
    </row>
    <row r="580753" spans="8:8">
      <c r="H580753" s="12"/>
    </row>
    <row r="580754" spans="8:8">
      <c r="H580754" s="12"/>
    </row>
    <row r="580755" spans="8:8">
      <c r="H580755" s="12"/>
    </row>
    <row r="580756" spans="8:8">
      <c r="H580756" s="12"/>
    </row>
    <row r="580757" spans="8:8">
      <c r="H580757" s="12"/>
    </row>
    <row r="580758" spans="8:8">
      <c r="H580758" s="12"/>
    </row>
    <row r="580759" spans="8:8">
      <c r="H580759" s="12"/>
    </row>
    <row r="580760" spans="8:8">
      <c r="H580760" s="12"/>
    </row>
    <row r="580761" spans="8:8">
      <c r="H580761" s="12"/>
    </row>
    <row r="580762" spans="8:8">
      <c r="H580762" s="12"/>
    </row>
    <row r="580763" spans="8:8">
      <c r="H580763" s="12"/>
    </row>
    <row r="580764" spans="8:8">
      <c r="H580764" s="12"/>
    </row>
    <row r="580765" spans="8:8">
      <c r="H580765" s="12"/>
    </row>
    <row r="580766" spans="8:8">
      <c r="H580766" s="12"/>
    </row>
    <row r="580767" spans="8:8">
      <c r="H580767" s="12"/>
    </row>
    <row r="580768" spans="8:8">
      <c r="H580768" s="12"/>
    </row>
    <row r="580769" spans="8:8">
      <c r="H580769" s="12"/>
    </row>
    <row r="580770" spans="8:8">
      <c r="H580770" s="12"/>
    </row>
    <row r="580771" spans="8:8">
      <c r="H580771" s="12"/>
    </row>
    <row r="580772" spans="8:8">
      <c r="H580772" s="12"/>
    </row>
    <row r="580773" spans="8:8">
      <c r="H580773" s="12"/>
    </row>
    <row r="580774" spans="8:8">
      <c r="H580774" s="12"/>
    </row>
    <row r="580775" spans="8:8">
      <c r="H580775" s="12"/>
    </row>
    <row r="580776" spans="8:8">
      <c r="H580776" s="12"/>
    </row>
    <row r="580777" spans="8:8">
      <c r="H580777" s="12"/>
    </row>
    <row r="580778" spans="8:8">
      <c r="H580778" s="12"/>
    </row>
    <row r="580779" spans="8:8">
      <c r="H580779" s="12"/>
    </row>
    <row r="580780" spans="8:8">
      <c r="H580780" s="12"/>
    </row>
    <row r="580781" spans="8:8">
      <c r="H580781" s="12"/>
    </row>
    <row r="580782" spans="8:8">
      <c r="H580782" s="12"/>
    </row>
    <row r="580783" spans="8:8">
      <c r="H580783" s="12"/>
    </row>
    <row r="580784" spans="8:8">
      <c r="H580784" s="12"/>
    </row>
    <row r="580785" spans="8:8">
      <c r="H580785" s="12"/>
    </row>
    <row r="580786" spans="8:8">
      <c r="H580786" s="12"/>
    </row>
    <row r="580787" spans="8:8">
      <c r="H580787" s="12"/>
    </row>
    <row r="580788" spans="8:8">
      <c r="H580788" s="12"/>
    </row>
    <row r="580789" spans="8:8">
      <c r="H580789" s="12"/>
    </row>
    <row r="580790" spans="8:8">
      <c r="H580790" s="12"/>
    </row>
    <row r="580791" spans="8:8">
      <c r="H580791" s="12"/>
    </row>
    <row r="580792" spans="8:8">
      <c r="H580792" s="12"/>
    </row>
    <row r="580793" spans="8:8">
      <c r="H580793" s="12"/>
    </row>
    <row r="580794" spans="8:8">
      <c r="H580794" s="12"/>
    </row>
    <row r="580795" spans="8:8">
      <c r="H580795" s="12"/>
    </row>
    <row r="580796" spans="8:8">
      <c r="H580796" s="12"/>
    </row>
    <row r="580797" spans="8:8">
      <c r="H580797" s="12"/>
    </row>
    <row r="580798" spans="8:8">
      <c r="H580798" s="12"/>
    </row>
    <row r="580799" spans="8:8">
      <c r="H580799" s="12"/>
    </row>
    <row r="580800" spans="8:8">
      <c r="H580800" s="12"/>
    </row>
    <row r="580801" spans="8:8">
      <c r="H580801" s="12"/>
    </row>
    <row r="580802" spans="8:8">
      <c r="H580802" s="12"/>
    </row>
    <row r="580803" spans="8:8">
      <c r="H580803" s="12"/>
    </row>
    <row r="580804" spans="8:8">
      <c r="H580804" s="12"/>
    </row>
    <row r="580805" spans="8:8">
      <c r="H580805" s="12"/>
    </row>
    <row r="580806" spans="8:8">
      <c r="H580806" s="12"/>
    </row>
    <row r="580807" spans="8:8">
      <c r="H580807" s="12"/>
    </row>
    <row r="580808" spans="8:8">
      <c r="H580808" s="12"/>
    </row>
    <row r="580809" spans="8:8">
      <c r="H580809" s="12"/>
    </row>
    <row r="580810" spans="8:8">
      <c r="H580810" s="12"/>
    </row>
    <row r="580811" spans="8:8">
      <c r="H580811" s="12"/>
    </row>
    <row r="580812" spans="8:8">
      <c r="H580812" s="12"/>
    </row>
    <row r="580813" spans="8:8">
      <c r="H580813" s="12"/>
    </row>
    <row r="580814" spans="8:8">
      <c r="H580814" s="12"/>
    </row>
    <row r="580815" spans="8:8">
      <c r="H580815" s="12"/>
    </row>
    <row r="580816" spans="8:8">
      <c r="H580816" s="12"/>
    </row>
    <row r="580817" spans="8:8">
      <c r="H580817" s="12"/>
    </row>
    <row r="580818" spans="8:8">
      <c r="H580818" s="12"/>
    </row>
    <row r="580819" spans="8:8">
      <c r="H580819" s="12"/>
    </row>
    <row r="580820" spans="8:8">
      <c r="H580820" s="12"/>
    </row>
    <row r="580821" spans="8:8">
      <c r="H580821" s="12"/>
    </row>
    <row r="580822" spans="8:8">
      <c r="H580822" s="12"/>
    </row>
    <row r="580823" spans="8:8">
      <c r="H580823" s="12"/>
    </row>
    <row r="580824" spans="8:8">
      <c r="H580824" s="12"/>
    </row>
    <row r="580825" spans="8:8">
      <c r="H580825" s="12"/>
    </row>
    <row r="580826" spans="8:8">
      <c r="H580826" s="12"/>
    </row>
    <row r="580827" spans="8:8">
      <c r="H580827" s="12"/>
    </row>
    <row r="580828" spans="8:8">
      <c r="H580828" s="12"/>
    </row>
    <row r="580829" spans="8:8">
      <c r="H580829" s="12"/>
    </row>
    <row r="580830" spans="8:8">
      <c r="H580830" s="12"/>
    </row>
    <row r="580831" spans="8:8">
      <c r="H580831" s="12"/>
    </row>
    <row r="580832" spans="8:8">
      <c r="H580832" s="12"/>
    </row>
    <row r="580833" spans="8:8">
      <c r="H580833" s="12"/>
    </row>
    <row r="580834" spans="8:8">
      <c r="H580834" s="12"/>
    </row>
    <row r="580835" spans="8:8">
      <c r="H580835" s="12"/>
    </row>
    <row r="580836" spans="8:8">
      <c r="H580836" s="12"/>
    </row>
    <row r="580837" spans="8:8">
      <c r="H580837" s="12"/>
    </row>
    <row r="580838" spans="8:8">
      <c r="H580838" s="12"/>
    </row>
    <row r="580839" spans="8:8">
      <c r="H580839" s="12"/>
    </row>
    <row r="580840" spans="8:8">
      <c r="H580840" s="12"/>
    </row>
    <row r="580841" spans="8:8">
      <c r="H580841" s="12"/>
    </row>
    <row r="580842" spans="8:8">
      <c r="H580842" s="12"/>
    </row>
    <row r="580843" spans="8:8">
      <c r="H580843" s="12"/>
    </row>
    <row r="580844" spans="8:8">
      <c r="H580844" s="12"/>
    </row>
    <row r="580845" spans="8:8">
      <c r="H580845" s="12"/>
    </row>
    <row r="580846" spans="8:8">
      <c r="H580846" s="12"/>
    </row>
    <row r="580847" spans="8:8">
      <c r="H580847" s="12"/>
    </row>
    <row r="580848" spans="8:8">
      <c r="H580848" s="12"/>
    </row>
    <row r="580849" spans="8:8">
      <c r="H580849" s="12"/>
    </row>
    <row r="580850" spans="8:8">
      <c r="H580850" s="12"/>
    </row>
    <row r="580851" spans="8:8">
      <c r="H580851" s="12"/>
    </row>
    <row r="580852" spans="8:8">
      <c r="H580852" s="12"/>
    </row>
    <row r="580853" spans="8:8">
      <c r="H580853" s="12"/>
    </row>
    <row r="580854" spans="8:8">
      <c r="H580854" s="12"/>
    </row>
    <row r="580855" spans="8:8">
      <c r="H580855" s="12"/>
    </row>
    <row r="580856" spans="8:8">
      <c r="H580856" s="12"/>
    </row>
    <row r="580857" spans="8:8">
      <c r="H580857" s="12"/>
    </row>
    <row r="580858" spans="8:8">
      <c r="H580858" s="12"/>
    </row>
    <row r="580859" spans="8:8">
      <c r="H580859" s="12"/>
    </row>
    <row r="580860" spans="8:8">
      <c r="H580860" s="12"/>
    </row>
    <row r="580861" spans="8:8">
      <c r="H580861" s="12"/>
    </row>
    <row r="580862" spans="8:8">
      <c r="H580862" s="12"/>
    </row>
    <row r="580863" spans="8:8">
      <c r="H580863" s="12"/>
    </row>
    <row r="580864" spans="8:8">
      <c r="H580864" s="12"/>
    </row>
    <row r="580865" spans="8:8">
      <c r="H580865" s="12"/>
    </row>
    <row r="580866" spans="8:8">
      <c r="H580866" s="12"/>
    </row>
    <row r="580867" spans="8:8">
      <c r="H580867" s="12"/>
    </row>
    <row r="580868" spans="8:8">
      <c r="H580868" s="12"/>
    </row>
    <row r="580869" spans="8:8">
      <c r="H580869" s="12"/>
    </row>
    <row r="580870" spans="8:8">
      <c r="H580870" s="12"/>
    </row>
    <row r="580871" spans="8:8">
      <c r="H580871" s="12"/>
    </row>
    <row r="580872" spans="8:8">
      <c r="H580872" s="12"/>
    </row>
    <row r="580873" spans="8:8">
      <c r="H580873" s="12"/>
    </row>
    <row r="580874" spans="8:8">
      <c r="H580874" s="12"/>
    </row>
    <row r="580875" spans="8:8">
      <c r="H580875" s="12"/>
    </row>
    <row r="580876" spans="8:8">
      <c r="H580876" s="12"/>
    </row>
    <row r="580877" spans="8:8">
      <c r="H580877" s="12"/>
    </row>
    <row r="580878" spans="8:8">
      <c r="H580878" s="12"/>
    </row>
    <row r="580879" spans="8:8">
      <c r="H580879" s="12"/>
    </row>
    <row r="580880" spans="8:8">
      <c r="H580880" s="12"/>
    </row>
    <row r="580881" spans="8:8">
      <c r="H580881" s="12"/>
    </row>
    <row r="580882" spans="8:8">
      <c r="H580882" s="12"/>
    </row>
    <row r="580883" spans="8:8">
      <c r="H580883" s="12"/>
    </row>
    <row r="580884" spans="8:8">
      <c r="H580884" s="12"/>
    </row>
    <row r="580885" spans="8:8">
      <c r="H580885" s="12"/>
    </row>
    <row r="580886" spans="8:8">
      <c r="H580886" s="12"/>
    </row>
    <row r="580887" spans="8:8">
      <c r="H580887" s="12"/>
    </row>
    <row r="580888" spans="8:8">
      <c r="H580888" s="12"/>
    </row>
    <row r="580889" spans="8:8">
      <c r="H580889" s="12"/>
    </row>
    <row r="580890" spans="8:8">
      <c r="H580890" s="12"/>
    </row>
    <row r="580891" spans="8:8">
      <c r="H580891" s="12"/>
    </row>
    <row r="580892" spans="8:8">
      <c r="H580892" s="12"/>
    </row>
    <row r="580893" spans="8:8">
      <c r="H580893" s="12"/>
    </row>
    <row r="580894" spans="8:8">
      <c r="H580894" s="12"/>
    </row>
    <row r="580895" spans="8:8">
      <c r="H580895" s="12"/>
    </row>
    <row r="580896" spans="8:8">
      <c r="H580896" s="12"/>
    </row>
    <row r="580897" spans="8:8">
      <c r="H580897" s="12"/>
    </row>
    <row r="580898" spans="8:8">
      <c r="H580898" s="12"/>
    </row>
    <row r="580899" spans="8:8">
      <c r="H580899" s="12"/>
    </row>
    <row r="580900" spans="8:8">
      <c r="H580900" s="12"/>
    </row>
    <row r="580901" spans="8:8">
      <c r="H580901" s="12"/>
    </row>
    <row r="580902" spans="8:8">
      <c r="H580902" s="12"/>
    </row>
    <row r="580903" spans="8:8">
      <c r="H580903" s="12"/>
    </row>
    <row r="580904" spans="8:8">
      <c r="H580904" s="12"/>
    </row>
    <row r="580905" spans="8:8">
      <c r="H580905" s="12"/>
    </row>
    <row r="580906" spans="8:8">
      <c r="H580906" s="12"/>
    </row>
    <row r="580907" spans="8:8">
      <c r="H580907" s="12"/>
    </row>
    <row r="580908" spans="8:8">
      <c r="H580908" s="12"/>
    </row>
    <row r="580909" spans="8:8">
      <c r="H580909" s="12"/>
    </row>
    <row r="580910" spans="8:8">
      <c r="H580910" s="12"/>
    </row>
    <row r="580911" spans="8:8">
      <c r="H580911" s="12"/>
    </row>
    <row r="580912" spans="8:8">
      <c r="H580912" s="12"/>
    </row>
    <row r="580913" spans="8:8">
      <c r="H580913" s="12"/>
    </row>
    <row r="580914" spans="8:8">
      <c r="H580914" s="12"/>
    </row>
    <row r="580915" spans="8:8">
      <c r="H580915" s="12"/>
    </row>
    <row r="580916" spans="8:8">
      <c r="H580916" s="12"/>
    </row>
    <row r="580917" spans="8:8">
      <c r="H580917" s="12"/>
    </row>
    <row r="580918" spans="8:8">
      <c r="H580918" s="12"/>
    </row>
    <row r="580919" spans="8:8">
      <c r="H580919" s="12"/>
    </row>
    <row r="580920" spans="8:8">
      <c r="H580920" s="12"/>
    </row>
    <row r="580921" spans="8:8">
      <c r="H580921" s="12"/>
    </row>
    <row r="580922" spans="8:8">
      <c r="H580922" s="12"/>
    </row>
    <row r="580923" spans="8:8">
      <c r="H580923" s="12"/>
    </row>
    <row r="580924" spans="8:8">
      <c r="H580924" s="12"/>
    </row>
    <row r="580925" spans="8:8">
      <c r="H580925" s="12"/>
    </row>
    <row r="580926" spans="8:8">
      <c r="H580926" s="12"/>
    </row>
    <row r="580927" spans="8:8">
      <c r="H580927" s="12"/>
    </row>
    <row r="580928" spans="8:8">
      <c r="H580928" s="12"/>
    </row>
    <row r="580929" spans="8:8">
      <c r="H580929" s="12"/>
    </row>
    <row r="580930" spans="8:8">
      <c r="H580930" s="12"/>
    </row>
    <row r="580931" spans="8:8">
      <c r="H580931" s="12"/>
    </row>
    <row r="580932" spans="8:8">
      <c r="H580932" s="12"/>
    </row>
    <row r="580933" spans="8:8">
      <c r="H580933" s="12"/>
    </row>
    <row r="580934" spans="8:8">
      <c r="H580934" s="12"/>
    </row>
    <row r="580935" spans="8:8">
      <c r="H580935" s="12"/>
    </row>
    <row r="580936" spans="8:8">
      <c r="H580936" s="12"/>
    </row>
    <row r="580937" spans="8:8">
      <c r="H580937" s="12"/>
    </row>
    <row r="580938" spans="8:8">
      <c r="H580938" s="12"/>
    </row>
    <row r="580939" spans="8:8">
      <c r="H580939" s="12"/>
    </row>
    <row r="580940" spans="8:8">
      <c r="H580940" s="12"/>
    </row>
    <row r="580941" spans="8:8">
      <c r="H580941" s="12"/>
    </row>
    <row r="580942" spans="8:8">
      <c r="H580942" s="12"/>
    </row>
    <row r="580943" spans="8:8">
      <c r="H580943" s="12"/>
    </row>
    <row r="580944" spans="8:8">
      <c r="H580944" s="12"/>
    </row>
    <row r="580945" spans="8:8">
      <c r="H580945" s="12"/>
    </row>
    <row r="580946" spans="8:8">
      <c r="H580946" s="12"/>
    </row>
    <row r="580947" spans="8:8">
      <c r="H580947" s="12"/>
    </row>
    <row r="580948" spans="8:8">
      <c r="H580948" s="12"/>
    </row>
    <row r="580949" spans="8:8">
      <c r="H580949" s="12"/>
    </row>
    <row r="580950" spans="8:8">
      <c r="H580950" s="12"/>
    </row>
    <row r="580951" spans="8:8">
      <c r="H580951" s="12"/>
    </row>
    <row r="580952" spans="8:8">
      <c r="H580952" s="12"/>
    </row>
    <row r="580953" spans="8:8">
      <c r="H580953" s="12"/>
    </row>
    <row r="580954" spans="8:8">
      <c r="H580954" s="12"/>
    </row>
    <row r="580955" spans="8:8">
      <c r="H580955" s="12"/>
    </row>
    <row r="580956" spans="8:8">
      <c r="H580956" s="12"/>
    </row>
    <row r="580957" spans="8:8">
      <c r="H580957" s="12"/>
    </row>
    <row r="580958" spans="8:8">
      <c r="H580958" s="12"/>
    </row>
    <row r="580959" spans="8:8">
      <c r="H580959" s="12"/>
    </row>
    <row r="580960" spans="8:8">
      <c r="H580960" s="12"/>
    </row>
    <row r="580961" spans="8:8">
      <c r="H580961" s="12"/>
    </row>
    <row r="580962" spans="8:8">
      <c r="H580962" s="12"/>
    </row>
    <row r="580963" spans="8:8">
      <c r="H580963" s="12"/>
    </row>
    <row r="580964" spans="8:8">
      <c r="H580964" s="12"/>
    </row>
    <row r="580965" spans="8:8">
      <c r="H580965" s="12"/>
    </row>
    <row r="580966" spans="8:8">
      <c r="H580966" s="12"/>
    </row>
    <row r="580967" spans="8:8">
      <c r="H580967" s="12"/>
    </row>
    <row r="580968" spans="8:8">
      <c r="H580968" s="12"/>
    </row>
    <row r="580969" spans="8:8">
      <c r="H580969" s="12"/>
    </row>
    <row r="580970" spans="8:8">
      <c r="H580970" s="12"/>
    </row>
    <row r="580971" spans="8:8">
      <c r="H580971" s="12"/>
    </row>
    <row r="580972" spans="8:8">
      <c r="H580972" s="12"/>
    </row>
    <row r="580973" spans="8:8">
      <c r="H580973" s="12"/>
    </row>
    <row r="580974" spans="8:8">
      <c r="H580974" s="12"/>
    </row>
    <row r="580975" spans="8:8">
      <c r="H580975" s="12"/>
    </row>
    <row r="580976" spans="8:8">
      <c r="H580976" s="12"/>
    </row>
    <row r="580977" spans="8:8">
      <c r="H580977" s="12"/>
    </row>
    <row r="580978" spans="8:8">
      <c r="H580978" s="12"/>
    </row>
    <row r="580979" spans="8:8">
      <c r="H580979" s="12"/>
    </row>
    <row r="580980" spans="8:8">
      <c r="H580980" s="12"/>
    </row>
    <row r="580981" spans="8:8">
      <c r="H580981" s="12"/>
    </row>
    <row r="580982" spans="8:8">
      <c r="H580982" s="12"/>
    </row>
    <row r="580983" spans="8:8">
      <c r="H580983" s="12"/>
    </row>
    <row r="580984" spans="8:8">
      <c r="H580984" s="12"/>
    </row>
    <row r="580985" spans="8:8">
      <c r="H580985" s="12"/>
    </row>
    <row r="580986" spans="8:8">
      <c r="H580986" s="12"/>
    </row>
    <row r="580987" spans="8:8">
      <c r="H580987" s="12"/>
    </row>
    <row r="580988" spans="8:8">
      <c r="H580988" s="12"/>
    </row>
    <row r="580989" spans="8:8">
      <c r="H580989" s="12"/>
    </row>
    <row r="580990" spans="8:8">
      <c r="H580990" s="12"/>
    </row>
    <row r="580991" spans="8:8">
      <c r="H580991" s="12"/>
    </row>
    <row r="580992" spans="8:8">
      <c r="H580992" s="12"/>
    </row>
    <row r="580993" spans="8:8">
      <c r="H580993" s="12"/>
    </row>
    <row r="580994" spans="8:8">
      <c r="H580994" s="12"/>
    </row>
    <row r="580995" spans="8:8">
      <c r="H580995" s="12"/>
    </row>
    <row r="580996" spans="8:8">
      <c r="H580996" s="12"/>
    </row>
    <row r="580997" spans="8:8">
      <c r="H580997" s="12"/>
    </row>
    <row r="580998" spans="8:8">
      <c r="H580998" s="12"/>
    </row>
    <row r="580999" spans="8:8">
      <c r="H580999" s="12"/>
    </row>
    <row r="581000" spans="8:8">
      <c r="H581000" s="12"/>
    </row>
    <row r="581001" spans="8:8">
      <c r="H581001" s="12"/>
    </row>
    <row r="581002" spans="8:8">
      <c r="H581002" s="12"/>
    </row>
    <row r="581003" spans="8:8">
      <c r="H581003" s="12"/>
    </row>
    <row r="581004" spans="8:8">
      <c r="H581004" s="12"/>
    </row>
    <row r="581005" spans="8:8">
      <c r="H581005" s="12"/>
    </row>
    <row r="581006" spans="8:8">
      <c r="H581006" s="12"/>
    </row>
    <row r="581007" spans="8:8">
      <c r="H581007" s="12"/>
    </row>
    <row r="581008" spans="8:8">
      <c r="H581008" s="12"/>
    </row>
    <row r="581009" spans="8:8">
      <c r="H581009" s="12"/>
    </row>
    <row r="581010" spans="8:8">
      <c r="H581010" s="12"/>
    </row>
    <row r="581011" spans="8:8">
      <c r="H581011" s="12"/>
    </row>
    <row r="581012" spans="8:8">
      <c r="H581012" s="12"/>
    </row>
    <row r="581013" spans="8:8">
      <c r="H581013" s="12"/>
    </row>
    <row r="581014" spans="8:8">
      <c r="H581014" s="12"/>
    </row>
    <row r="581015" spans="8:8">
      <c r="H581015" s="12"/>
    </row>
    <row r="581016" spans="8:8">
      <c r="H581016" s="12"/>
    </row>
    <row r="581017" spans="8:8">
      <c r="H581017" s="12"/>
    </row>
    <row r="581018" spans="8:8">
      <c r="H581018" s="12"/>
    </row>
    <row r="581019" spans="8:8">
      <c r="H581019" s="12"/>
    </row>
    <row r="581020" spans="8:8">
      <c r="H581020" s="12"/>
    </row>
    <row r="581021" spans="8:8">
      <c r="H581021" s="12"/>
    </row>
    <row r="581022" spans="8:8">
      <c r="H581022" s="12"/>
    </row>
    <row r="581023" spans="8:8">
      <c r="H581023" s="12"/>
    </row>
    <row r="581024" spans="8:8">
      <c r="H581024" s="12"/>
    </row>
    <row r="581025" spans="8:8">
      <c r="H581025" s="12"/>
    </row>
    <row r="581026" spans="8:8">
      <c r="H581026" s="12"/>
    </row>
    <row r="581027" spans="8:8">
      <c r="H581027" s="12"/>
    </row>
    <row r="581028" spans="8:8">
      <c r="H581028" s="12"/>
    </row>
    <row r="581029" spans="8:8">
      <c r="H581029" s="12"/>
    </row>
    <row r="581030" spans="8:8">
      <c r="H581030" s="12"/>
    </row>
    <row r="581031" spans="8:8">
      <c r="H581031" s="12"/>
    </row>
    <row r="581032" spans="8:8">
      <c r="H581032" s="12"/>
    </row>
    <row r="581033" spans="8:8">
      <c r="H581033" s="12"/>
    </row>
    <row r="581034" spans="8:8">
      <c r="H581034" s="12"/>
    </row>
    <row r="581035" spans="8:8">
      <c r="H581035" s="12"/>
    </row>
    <row r="581036" spans="8:8">
      <c r="H581036" s="12"/>
    </row>
    <row r="581037" spans="8:8">
      <c r="H581037" s="12"/>
    </row>
    <row r="581038" spans="8:8">
      <c r="H581038" s="12"/>
    </row>
    <row r="581039" spans="8:8">
      <c r="H581039" s="12"/>
    </row>
    <row r="581040" spans="8:8">
      <c r="H581040" s="12"/>
    </row>
    <row r="581041" spans="8:8">
      <c r="H581041" s="12"/>
    </row>
    <row r="581042" spans="8:8">
      <c r="H581042" s="12"/>
    </row>
    <row r="581043" spans="8:8">
      <c r="H581043" s="12"/>
    </row>
    <row r="581044" spans="8:8">
      <c r="H581044" s="12"/>
    </row>
    <row r="581045" spans="8:8">
      <c r="H581045" s="12"/>
    </row>
    <row r="581046" spans="8:8">
      <c r="H581046" s="12"/>
    </row>
    <row r="581047" spans="8:8">
      <c r="H581047" s="12"/>
    </row>
    <row r="581048" spans="8:8">
      <c r="H581048" s="12"/>
    </row>
    <row r="581049" spans="8:8">
      <c r="H581049" s="12"/>
    </row>
    <row r="581050" spans="8:8">
      <c r="H581050" s="12"/>
    </row>
    <row r="581051" spans="8:8">
      <c r="H581051" s="12"/>
    </row>
    <row r="581052" spans="8:8">
      <c r="H581052" s="12"/>
    </row>
    <row r="581053" spans="8:8">
      <c r="H581053" s="12"/>
    </row>
    <row r="581054" spans="8:8">
      <c r="H581054" s="12"/>
    </row>
    <row r="581055" spans="8:8">
      <c r="H581055" s="12"/>
    </row>
    <row r="581056" spans="8:8">
      <c r="H581056" s="12"/>
    </row>
    <row r="581057" spans="8:8">
      <c r="H581057" s="12"/>
    </row>
    <row r="581058" spans="8:8">
      <c r="H581058" s="12"/>
    </row>
    <row r="581059" spans="8:8">
      <c r="H581059" s="12"/>
    </row>
    <row r="581060" spans="8:8">
      <c r="H581060" s="12"/>
    </row>
    <row r="581061" spans="8:8">
      <c r="H581061" s="12"/>
    </row>
    <row r="581062" spans="8:8">
      <c r="H581062" s="12"/>
    </row>
    <row r="581063" spans="8:8">
      <c r="H581063" s="12"/>
    </row>
    <row r="581064" spans="8:8">
      <c r="H581064" s="12"/>
    </row>
    <row r="581065" spans="8:8">
      <c r="H581065" s="12"/>
    </row>
    <row r="581066" spans="8:8">
      <c r="H581066" s="12"/>
    </row>
    <row r="581067" spans="8:8">
      <c r="H581067" s="12"/>
    </row>
    <row r="581068" spans="8:8">
      <c r="H581068" s="12"/>
    </row>
    <row r="581069" spans="8:8">
      <c r="H581069" s="12"/>
    </row>
    <row r="581070" spans="8:8">
      <c r="H581070" s="12"/>
    </row>
    <row r="581071" spans="8:8">
      <c r="H581071" s="12"/>
    </row>
    <row r="581072" spans="8:8">
      <c r="H581072" s="12"/>
    </row>
    <row r="581073" spans="8:8">
      <c r="H581073" s="12"/>
    </row>
    <row r="581074" spans="8:8">
      <c r="H581074" s="12"/>
    </row>
    <row r="581075" spans="8:8">
      <c r="H581075" s="12"/>
    </row>
    <row r="581076" spans="8:8">
      <c r="H581076" s="12"/>
    </row>
    <row r="581077" spans="8:8">
      <c r="H581077" s="12"/>
    </row>
    <row r="581078" spans="8:8">
      <c r="H581078" s="12"/>
    </row>
    <row r="581079" spans="8:8">
      <c r="H581079" s="12"/>
    </row>
    <row r="581080" spans="8:8">
      <c r="H581080" s="12"/>
    </row>
    <row r="581081" spans="8:8">
      <c r="H581081" s="12"/>
    </row>
    <row r="581082" spans="8:8">
      <c r="H581082" s="12"/>
    </row>
    <row r="581083" spans="8:8">
      <c r="H581083" s="12"/>
    </row>
    <row r="581084" spans="8:8">
      <c r="H581084" s="12"/>
    </row>
    <row r="581085" spans="8:8">
      <c r="H581085" s="12"/>
    </row>
    <row r="581086" spans="8:8">
      <c r="H581086" s="12"/>
    </row>
    <row r="581087" spans="8:8">
      <c r="H581087" s="12"/>
    </row>
    <row r="581088" spans="8:8">
      <c r="H581088" s="12"/>
    </row>
    <row r="581089" spans="8:8">
      <c r="H581089" s="12"/>
    </row>
    <row r="581090" spans="8:8">
      <c r="H581090" s="12"/>
    </row>
    <row r="581091" spans="8:8">
      <c r="H581091" s="12"/>
    </row>
    <row r="581092" spans="8:8">
      <c r="H581092" s="12"/>
    </row>
    <row r="581093" spans="8:8">
      <c r="H581093" s="12"/>
    </row>
    <row r="581094" spans="8:8">
      <c r="H581094" s="12"/>
    </row>
    <row r="581095" spans="8:8">
      <c r="H581095" s="12"/>
    </row>
    <row r="581096" spans="8:8">
      <c r="H581096" s="12"/>
    </row>
    <row r="581097" spans="8:8">
      <c r="H581097" s="12"/>
    </row>
    <row r="581098" spans="8:8">
      <c r="H581098" s="12"/>
    </row>
    <row r="581099" spans="8:8">
      <c r="H581099" s="12"/>
    </row>
    <row r="581100" spans="8:8">
      <c r="H581100" s="12"/>
    </row>
    <row r="581101" spans="8:8">
      <c r="H581101" s="12"/>
    </row>
    <row r="581102" spans="8:8">
      <c r="H581102" s="12"/>
    </row>
    <row r="581103" spans="8:8">
      <c r="H581103" s="12"/>
    </row>
    <row r="581104" spans="8:8">
      <c r="H581104" s="12"/>
    </row>
    <row r="581105" spans="8:8">
      <c r="H581105" s="12"/>
    </row>
    <row r="581106" spans="8:8">
      <c r="H581106" s="12"/>
    </row>
    <row r="581107" spans="8:8">
      <c r="H581107" s="12"/>
    </row>
    <row r="581108" spans="8:8">
      <c r="H581108" s="12"/>
    </row>
    <row r="581109" spans="8:8">
      <c r="H581109" s="12"/>
    </row>
    <row r="581110" spans="8:8">
      <c r="H581110" s="12"/>
    </row>
    <row r="581111" spans="8:8">
      <c r="H581111" s="12"/>
    </row>
    <row r="581112" spans="8:8">
      <c r="H581112" s="12"/>
    </row>
    <row r="581113" spans="8:8">
      <c r="H581113" s="12"/>
    </row>
    <row r="581114" spans="8:8">
      <c r="H581114" s="12"/>
    </row>
    <row r="581115" spans="8:8">
      <c r="H581115" s="12"/>
    </row>
    <row r="581116" spans="8:8">
      <c r="H581116" s="12"/>
    </row>
    <row r="581117" spans="8:8">
      <c r="H581117" s="12"/>
    </row>
    <row r="581118" spans="8:8">
      <c r="H581118" s="12"/>
    </row>
    <row r="581119" spans="8:8">
      <c r="H581119" s="12"/>
    </row>
    <row r="581120" spans="8:8">
      <c r="H581120" s="12"/>
    </row>
    <row r="581121" spans="8:8">
      <c r="H581121" s="12"/>
    </row>
    <row r="581122" spans="8:8">
      <c r="H581122" s="12"/>
    </row>
    <row r="581123" spans="8:8">
      <c r="H581123" s="12"/>
    </row>
    <row r="581124" spans="8:8">
      <c r="H581124" s="12"/>
    </row>
    <row r="581125" spans="8:8">
      <c r="H581125" s="12"/>
    </row>
    <row r="581126" spans="8:8">
      <c r="H581126" s="12"/>
    </row>
    <row r="581127" spans="8:8">
      <c r="H581127" s="12"/>
    </row>
    <row r="581128" spans="8:8">
      <c r="H581128" s="12"/>
    </row>
    <row r="581129" spans="8:8">
      <c r="H581129" s="12"/>
    </row>
    <row r="581130" spans="8:8">
      <c r="H581130" s="12"/>
    </row>
    <row r="581131" spans="8:8">
      <c r="H581131" s="12"/>
    </row>
    <row r="581132" spans="8:8">
      <c r="H581132" s="12"/>
    </row>
    <row r="581133" spans="8:8">
      <c r="H581133" s="12"/>
    </row>
    <row r="581134" spans="8:8">
      <c r="H581134" s="12"/>
    </row>
    <row r="581135" spans="8:8">
      <c r="H581135" s="12"/>
    </row>
    <row r="581136" spans="8:8">
      <c r="H581136" s="12"/>
    </row>
    <row r="581137" spans="8:8">
      <c r="H581137" s="12"/>
    </row>
    <row r="581138" spans="8:8">
      <c r="H581138" s="12"/>
    </row>
    <row r="581139" spans="8:8">
      <c r="H581139" s="12"/>
    </row>
    <row r="581140" spans="8:8">
      <c r="H581140" s="12"/>
    </row>
    <row r="581141" spans="8:8">
      <c r="H581141" s="12"/>
    </row>
    <row r="581142" spans="8:8">
      <c r="H581142" s="12"/>
    </row>
    <row r="581143" spans="8:8">
      <c r="H581143" s="12"/>
    </row>
    <row r="581144" spans="8:8">
      <c r="H581144" s="12"/>
    </row>
    <row r="581145" spans="8:8">
      <c r="H581145" s="12"/>
    </row>
    <row r="581146" spans="8:8">
      <c r="H581146" s="12"/>
    </row>
    <row r="581147" spans="8:8">
      <c r="H581147" s="12"/>
    </row>
    <row r="581148" spans="8:8">
      <c r="H581148" s="12"/>
    </row>
    <row r="581149" spans="8:8">
      <c r="H581149" s="12"/>
    </row>
    <row r="581150" spans="8:8">
      <c r="H581150" s="12"/>
    </row>
    <row r="581151" spans="8:8">
      <c r="H581151" s="12"/>
    </row>
    <row r="581152" spans="8:8">
      <c r="H581152" s="12"/>
    </row>
    <row r="581153" spans="8:8">
      <c r="H581153" s="12"/>
    </row>
    <row r="581154" spans="8:8">
      <c r="H581154" s="12"/>
    </row>
    <row r="581155" spans="8:8">
      <c r="H581155" s="12"/>
    </row>
    <row r="581156" spans="8:8">
      <c r="H581156" s="12"/>
    </row>
    <row r="581157" spans="8:8">
      <c r="H581157" s="12"/>
    </row>
    <row r="581158" spans="8:8">
      <c r="H581158" s="12"/>
    </row>
    <row r="581159" spans="8:8">
      <c r="H581159" s="12"/>
    </row>
    <row r="581160" spans="8:8">
      <c r="H581160" s="12"/>
    </row>
    <row r="581161" spans="8:8">
      <c r="H581161" s="12"/>
    </row>
    <row r="581162" spans="8:8">
      <c r="H581162" s="12"/>
    </row>
    <row r="581163" spans="8:8">
      <c r="H581163" s="12"/>
    </row>
    <row r="581164" spans="8:8">
      <c r="H581164" s="12"/>
    </row>
    <row r="581165" spans="8:8">
      <c r="H581165" s="12"/>
    </row>
    <row r="581166" spans="8:8">
      <c r="H581166" s="12"/>
    </row>
    <row r="581167" spans="8:8">
      <c r="H581167" s="12"/>
    </row>
    <row r="581168" spans="8:8">
      <c r="H581168" s="12"/>
    </row>
    <row r="581169" spans="8:8">
      <c r="H581169" s="12"/>
    </row>
    <row r="581170" spans="8:8">
      <c r="H581170" s="12"/>
    </row>
    <row r="581171" spans="8:8">
      <c r="H581171" s="12"/>
    </row>
    <row r="581172" spans="8:8">
      <c r="H581172" s="12"/>
    </row>
    <row r="581173" spans="8:8">
      <c r="H581173" s="12"/>
    </row>
    <row r="581174" spans="8:8">
      <c r="H581174" s="12"/>
    </row>
    <row r="581175" spans="8:8">
      <c r="H581175" s="12"/>
    </row>
    <row r="581176" spans="8:8">
      <c r="H581176" s="12"/>
    </row>
    <row r="581177" spans="8:8">
      <c r="H581177" s="12"/>
    </row>
    <row r="581178" spans="8:8">
      <c r="H581178" s="12"/>
    </row>
    <row r="581179" spans="8:8">
      <c r="H581179" s="12"/>
    </row>
    <row r="581180" spans="8:8">
      <c r="H581180" s="12"/>
    </row>
    <row r="581181" spans="8:8">
      <c r="H581181" s="12"/>
    </row>
    <row r="581182" spans="8:8">
      <c r="H581182" s="12"/>
    </row>
    <row r="581183" spans="8:8">
      <c r="H581183" s="12"/>
    </row>
    <row r="581184" spans="8:8">
      <c r="H581184" s="12"/>
    </row>
    <row r="581185" spans="8:8">
      <c r="H581185" s="12"/>
    </row>
    <row r="581186" spans="8:8">
      <c r="H581186" s="12"/>
    </row>
    <row r="581187" spans="8:8">
      <c r="H581187" s="12"/>
    </row>
    <row r="581188" spans="8:8">
      <c r="H581188" s="12"/>
    </row>
    <row r="581189" spans="8:8">
      <c r="H581189" s="12"/>
    </row>
    <row r="581190" spans="8:8">
      <c r="H581190" s="12"/>
    </row>
    <row r="581191" spans="8:8">
      <c r="H581191" s="12"/>
    </row>
    <row r="581192" spans="8:8">
      <c r="H581192" s="12"/>
    </row>
    <row r="581193" spans="8:8">
      <c r="H581193" s="12"/>
    </row>
    <row r="581194" spans="8:8">
      <c r="H581194" s="12"/>
    </row>
    <row r="581195" spans="8:8">
      <c r="H581195" s="12"/>
    </row>
    <row r="581196" spans="8:8">
      <c r="H581196" s="12"/>
    </row>
    <row r="581197" spans="8:8">
      <c r="H581197" s="12"/>
    </row>
    <row r="581198" spans="8:8">
      <c r="H581198" s="12"/>
    </row>
    <row r="581199" spans="8:8">
      <c r="H581199" s="12"/>
    </row>
    <row r="581200" spans="8:8">
      <c r="H581200" s="12"/>
    </row>
    <row r="581201" spans="8:8">
      <c r="H581201" s="12"/>
    </row>
    <row r="581202" spans="8:8">
      <c r="H581202" s="12"/>
    </row>
    <row r="581203" spans="8:8">
      <c r="H581203" s="12"/>
    </row>
    <row r="581204" spans="8:8">
      <c r="H581204" s="12"/>
    </row>
    <row r="581205" spans="8:8">
      <c r="H581205" s="12"/>
    </row>
    <row r="581206" spans="8:8">
      <c r="H581206" s="12"/>
    </row>
    <row r="581207" spans="8:8">
      <c r="H581207" s="12"/>
    </row>
    <row r="581208" spans="8:8">
      <c r="H581208" s="12"/>
    </row>
    <row r="581209" spans="8:8">
      <c r="H581209" s="12"/>
    </row>
    <row r="581210" spans="8:8">
      <c r="H581210" s="12"/>
    </row>
    <row r="581211" spans="8:8">
      <c r="H581211" s="12"/>
    </row>
    <row r="581212" spans="8:8">
      <c r="H581212" s="12"/>
    </row>
    <row r="581213" spans="8:8">
      <c r="H581213" s="12"/>
    </row>
    <row r="581214" spans="8:8">
      <c r="H581214" s="12"/>
    </row>
    <row r="581215" spans="8:8">
      <c r="H581215" s="12"/>
    </row>
    <row r="581216" spans="8:8">
      <c r="H581216" s="12"/>
    </row>
    <row r="581217" spans="8:8">
      <c r="H581217" s="12"/>
    </row>
    <row r="581218" spans="8:8">
      <c r="H581218" s="12"/>
    </row>
    <row r="581219" spans="8:8">
      <c r="H581219" s="12"/>
    </row>
    <row r="581220" spans="8:8">
      <c r="H581220" s="12"/>
    </row>
    <row r="581221" spans="8:8">
      <c r="H581221" s="12"/>
    </row>
    <row r="581222" spans="8:8">
      <c r="H581222" s="12"/>
    </row>
    <row r="581223" spans="8:8">
      <c r="H581223" s="12"/>
    </row>
    <row r="581224" spans="8:8">
      <c r="H581224" s="12"/>
    </row>
    <row r="581225" spans="8:8">
      <c r="H581225" s="12"/>
    </row>
    <row r="581226" spans="8:8">
      <c r="H581226" s="12"/>
    </row>
    <row r="581227" spans="8:8">
      <c r="H581227" s="12"/>
    </row>
    <row r="581228" spans="8:8">
      <c r="H581228" s="12"/>
    </row>
    <row r="581229" spans="8:8">
      <c r="H581229" s="12"/>
    </row>
    <row r="581230" spans="8:8">
      <c r="H581230" s="12"/>
    </row>
    <row r="581231" spans="8:8">
      <c r="H581231" s="12"/>
    </row>
    <row r="581232" spans="8:8">
      <c r="H581232" s="12"/>
    </row>
    <row r="581233" spans="8:8">
      <c r="H581233" s="12"/>
    </row>
    <row r="581234" spans="8:8">
      <c r="H581234" s="12"/>
    </row>
    <row r="581235" spans="8:8">
      <c r="H581235" s="12"/>
    </row>
    <row r="581236" spans="8:8">
      <c r="H581236" s="12"/>
    </row>
    <row r="581237" spans="8:8">
      <c r="H581237" s="12"/>
    </row>
    <row r="581238" spans="8:8">
      <c r="H581238" s="12"/>
    </row>
    <row r="581239" spans="8:8">
      <c r="H581239" s="12"/>
    </row>
    <row r="581240" spans="8:8">
      <c r="H581240" s="12"/>
    </row>
    <row r="581241" spans="8:8">
      <c r="H581241" s="12"/>
    </row>
    <row r="581242" spans="8:8">
      <c r="H581242" s="12"/>
    </row>
    <row r="581243" spans="8:8">
      <c r="H581243" s="12"/>
    </row>
    <row r="581244" spans="8:8">
      <c r="H581244" s="12"/>
    </row>
    <row r="581245" spans="8:8">
      <c r="H581245" s="12"/>
    </row>
    <row r="581246" spans="8:8">
      <c r="H581246" s="12"/>
    </row>
    <row r="581247" spans="8:8">
      <c r="H581247" s="12"/>
    </row>
    <row r="581248" spans="8:8">
      <c r="H581248" s="12"/>
    </row>
    <row r="581249" spans="8:8">
      <c r="H581249" s="12"/>
    </row>
    <row r="581250" spans="8:8">
      <c r="H581250" s="12"/>
    </row>
    <row r="581251" spans="8:8">
      <c r="H581251" s="12"/>
    </row>
    <row r="581252" spans="8:8">
      <c r="H581252" s="12"/>
    </row>
    <row r="581253" spans="8:8">
      <c r="H581253" s="12"/>
    </row>
    <row r="581254" spans="8:8">
      <c r="H581254" s="12"/>
    </row>
    <row r="581255" spans="8:8">
      <c r="H581255" s="12"/>
    </row>
    <row r="581256" spans="8:8">
      <c r="H581256" s="12"/>
    </row>
    <row r="581257" spans="8:8">
      <c r="H581257" s="12"/>
    </row>
    <row r="581258" spans="8:8">
      <c r="H581258" s="12"/>
    </row>
    <row r="581259" spans="8:8">
      <c r="H581259" s="12"/>
    </row>
    <row r="581260" spans="8:8">
      <c r="H581260" s="12"/>
    </row>
    <row r="581261" spans="8:8">
      <c r="H581261" s="12"/>
    </row>
    <row r="581262" spans="8:8">
      <c r="H581262" s="12"/>
    </row>
    <row r="581263" spans="8:8">
      <c r="H581263" s="12"/>
    </row>
    <row r="581264" spans="8:8">
      <c r="H581264" s="12"/>
    </row>
    <row r="581265" spans="8:8">
      <c r="H581265" s="12"/>
    </row>
    <row r="581266" spans="8:8">
      <c r="H581266" s="12"/>
    </row>
    <row r="581267" spans="8:8">
      <c r="H581267" s="12"/>
    </row>
    <row r="581268" spans="8:8">
      <c r="H581268" s="12"/>
    </row>
    <row r="581269" spans="8:8">
      <c r="H581269" s="12"/>
    </row>
    <row r="581270" spans="8:8">
      <c r="H581270" s="12"/>
    </row>
    <row r="581271" spans="8:8">
      <c r="H581271" s="12"/>
    </row>
    <row r="581272" spans="8:8">
      <c r="H581272" s="12"/>
    </row>
    <row r="581273" spans="8:8">
      <c r="H581273" s="12"/>
    </row>
    <row r="581274" spans="8:8">
      <c r="H581274" s="12"/>
    </row>
    <row r="581275" spans="8:8">
      <c r="H581275" s="12"/>
    </row>
    <row r="581276" spans="8:8">
      <c r="H581276" s="12"/>
    </row>
    <row r="581277" spans="8:8">
      <c r="H581277" s="12"/>
    </row>
    <row r="581278" spans="8:8">
      <c r="H581278" s="12"/>
    </row>
    <row r="581279" spans="8:8">
      <c r="H581279" s="12"/>
    </row>
    <row r="581280" spans="8:8">
      <c r="H581280" s="12"/>
    </row>
    <row r="581281" spans="8:8">
      <c r="H581281" s="12"/>
    </row>
    <row r="581282" spans="8:8">
      <c r="H581282" s="12"/>
    </row>
    <row r="581283" spans="8:8">
      <c r="H581283" s="12"/>
    </row>
    <row r="581284" spans="8:8">
      <c r="H581284" s="12"/>
    </row>
    <row r="581285" spans="8:8">
      <c r="H581285" s="12"/>
    </row>
    <row r="581286" spans="8:8">
      <c r="H581286" s="12"/>
    </row>
    <row r="581287" spans="8:8">
      <c r="H581287" s="12"/>
    </row>
    <row r="581288" spans="8:8">
      <c r="H581288" s="12"/>
    </row>
    <row r="581289" spans="8:8">
      <c r="H581289" s="12"/>
    </row>
    <row r="581290" spans="8:8">
      <c r="H581290" s="12"/>
    </row>
    <row r="581291" spans="8:8">
      <c r="H581291" s="12"/>
    </row>
    <row r="581292" spans="8:8">
      <c r="H581292" s="12"/>
    </row>
    <row r="581293" spans="8:8">
      <c r="H581293" s="12"/>
    </row>
    <row r="581294" spans="8:8">
      <c r="H581294" s="12"/>
    </row>
    <row r="581295" spans="8:8">
      <c r="H581295" s="12"/>
    </row>
    <row r="581296" spans="8:8">
      <c r="H581296" s="12"/>
    </row>
    <row r="581297" spans="8:8">
      <c r="H581297" s="12"/>
    </row>
    <row r="581298" spans="8:8">
      <c r="H581298" s="12"/>
    </row>
    <row r="581299" spans="8:8">
      <c r="H581299" s="12"/>
    </row>
    <row r="581300" spans="8:8">
      <c r="H581300" s="12"/>
    </row>
    <row r="581301" spans="8:8">
      <c r="H581301" s="12"/>
    </row>
    <row r="581302" spans="8:8">
      <c r="H581302" s="12"/>
    </row>
    <row r="581303" spans="8:8">
      <c r="H581303" s="12"/>
    </row>
    <row r="581304" spans="8:8">
      <c r="H581304" s="12"/>
    </row>
    <row r="581305" spans="8:8">
      <c r="H581305" s="12"/>
    </row>
    <row r="581306" spans="8:8">
      <c r="H581306" s="12"/>
    </row>
    <row r="581307" spans="8:8">
      <c r="H581307" s="12"/>
    </row>
    <row r="581308" spans="8:8">
      <c r="H581308" s="12"/>
    </row>
    <row r="581309" spans="8:8">
      <c r="H581309" s="12"/>
    </row>
    <row r="581310" spans="8:8">
      <c r="H581310" s="12"/>
    </row>
    <row r="581311" spans="8:8">
      <c r="H581311" s="12"/>
    </row>
    <row r="581312" spans="8:8">
      <c r="H581312" s="12"/>
    </row>
    <row r="581313" spans="8:8">
      <c r="H581313" s="12"/>
    </row>
    <row r="581314" spans="8:8">
      <c r="H581314" s="12"/>
    </row>
    <row r="581315" spans="8:8">
      <c r="H581315" s="12"/>
    </row>
    <row r="581316" spans="8:8">
      <c r="H581316" s="12"/>
    </row>
    <row r="581317" spans="8:8">
      <c r="H581317" s="12"/>
    </row>
    <row r="581318" spans="8:8">
      <c r="H581318" s="12"/>
    </row>
    <row r="581319" spans="8:8">
      <c r="H581319" s="12"/>
    </row>
    <row r="581320" spans="8:8">
      <c r="H581320" s="12"/>
    </row>
    <row r="581321" spans="8:8">
      <c r="H581321" s="12"/>
    </row>
    <row r="581322" spans="8:8">
      <c r="H581322" s="12"/>
    </row>
    <row r="581323" spans="8:8">
      <c r="H581323" s="12"/>
    </row>
    <row r="581324" spans="8:8">
      <c r="H581324" s="12"/>
    </row>
    <row r="581325" spans="8:8">
      <c r="H581325" s="12"/>
    </row>
    <row r="581326" spans="8:8">
      <c r="H581326" s="12"/>
    </row>
    <row r="581327" spans="8:8">
      <c r="H581327" s="12"/>
    </row>
    <row r="581328" spans="8:8">
      <c r="H581328" s="12"/>
    </row>
    <row r="581329" spans="8:8">
      <c r="H581329" s="12"/>
    </row>
    <row r="581330" spans="8:8">
      <c r="H581330" s="12"/>
    </row>
    <row r="581331" spans="8:8">
      <c r="H581331" s="12"/>
    </row>
    <row r="581332" spans="8:8">
      <c r="H581332" s="12"/>
    </row>
    <row r="581333" spans="8:8">
      <c r="H581333" s="12"/>
    </row>
    <row r="581334" spans="8:8">
      <c r="H581334" s="12"/>
    </row>
    <row r="581335" spans="8:8">
      <c r="H581335" s="12"/>
    </row>
    <row r="581336" spans="8:8">
      <c r="H581336" s="12"/>
    </row>
    <row r="581337" spans="8:8">
      <c r="H581337" s="12"/>
    </row>
    <row r="581338" spans="8:8">
      <c r="H581338" s="12"/>
    </row>
    <row r="581339" spans="8:8">
      <c r="H581339" s="12"/>
    </row>
    <row r="581340" spans="8:8">
      <c r="H581340" s="12"/>
    </row>
    <row r="581341" spans="8:8">
      <c r="H581341" s="12"/>
    </row>
    <row r="581342" spans="8:8">
      <c r="H581342" s="12"/>
    </row>
    <row r="581343" spans="8:8">
      <c r="H581343" s="12"/>
    </row>
    <row r="581344" spans="8:8">
      <c r="H581344" s="12"/>
    </row>
    <row r="581345" spans="8:8">
      <c r="H581345" s="12"/>
    </row>
    <row r="581346" spans="8:8">
      <c r="H581346" s="12"/>
    </row>
    <row r="581347" spans="8:8">
      <c r="H581347" s="12"/>
    </row>
    <row r="581348" spans="8:8">
      <c r="H581348" s="12"/>
    </row>
    <row r="581349" spans="8:8">
      <c r="H581349" s="12"/>
    </row>
    <row r="581350" spans="8:8">
      <c r="H581350" s="12"/>
    </row>
    <row r="581351" spans="8:8">
      <c r="H581351" s="12"/>
    </row>
    <row r="581352" spans="8:8">
      <c r="H581352" s="12"/>
    </row>
    <row r="581353" spans="8:8">
      <c r="H581353" s="12"/>
    </row>
    <row r="581354" spans="8:8">
      <c r="H581354" s="12"/>
    </row>
    <row r="581355" spans="8:8">
      <c r="H581355" s="12"/>
    </row>
    <row r="581356" spans="8:8">
      <c r="H581356" s="12"/>
    </row>
    <row r="581357" spans="8:8">
      <c r="H581357" s="12"/>
    </row>
    <row r="581358" spans="8:8">
      <c r="H581358" s="12"/>
    </row>
    <row r="581359" spans="8:8">
      <c r="H581359" s="12"/>
    </row>
    <row r="581360" spans="8:8">
      <c r="H581360" s="12"/>
    </row>
    <row r="581361" spans="8:8">
      <c r="H581361" s="12"/>
    </row>
    <row r="581362" spans="8:8">
      <c r="H581362" s="12"/>
    </row>
    <row r="581363" spans="8:8">
      <c r="H581363" s="12"/>
    </row>
    <row r="581364" spans="8:8">
      <c r="H581364" s="12"/>
    </row>
    <row r="581365" spans="8:8">
      <c r="H581365" s="12"/>
    </row>
    <row r="581366" spans="8:8">
      <c r="H581366" s="12"/>
    </row>
    <row r="581367" spans="8:8">
      <c r="H581367" s="12"/>
    </row>
    <row r="581368" spans="8:8">
      <c r="H581368" s="12"/>
    </row>
    <row r="581369" spans="8:8">
      <c r="H581369" s="12"/>
    </row>
    <row r="581370" spans="8:8">
      <c r="H581370" s="12"/>
    </row>
    <row r="581371" spans="8:8">
      <c r="H581371" s="12"/>
    </row>
    <row r="581372" spans="8:8">
      <c r="H581372" s="12"/>
    </row>
    <row r="581373" spans="8:8">
      <c r="H581373" s="12"/>
    </row>
    <row r="581374" spans="8:8">
      <c r="H581374" s="12"/>
    </row>
    <row r="581375" spans="8:8">
      <c r="H581375" s="12"/>
    </row>
    <row r="581376" spans="8:8">
      <c r="H581376" s="12"/>
    </row>
    <row r="581377" spans="8:8">
      <c r="H581377" s="12"/>
    </row>
    <row r="581378" spans="8:8">
      <c r="H581378" s="12"/>
    </row>
    <row r="581379" spans="8:8">
      <c r="H581379" s="12"/>
    </row>
    <row r="581380" spans="8:8">
      <c r="H581380" s="12"/>
    </row>
    <row r="581381" spans="8:8">
      <c r="H581381" s="12"/>
    </row>
    <row r="581382" spans="8:8">
      <c r="H581382" s="12"/>
    </row>
    <row r="581383" spans="8:8">
      <c r="H581383" s="12"/>
    </row>
    <row r="581384" spans="8:8">
      <c r="H581384" s="12"/>
    </row>
    <row r="581385" spans="8:8">
      <c r="H581385" s="12"/>
    </row>
    <row r="581386" spans="8:8">
      <c r="H581386" s="12"/>
    </row>
    <row r="581387" spans="8:8">
      <c r="H581387" s="12"/>
    </row>
    <row r="581388" spans="8:8">
      <c r="H581388" s="12"/>
    </row>
    <row r="581389" spans="8:8">
      <c r="H581389" s="12"/>
    </row>
    <row r="581390" spans="8:8">
      <c r="H581390" s="12"/>
    </row>
    <row r="581391" spans="8:8">
      <c r="H581391" s="12"/>
    </row>
    <row r="581392" spans="8:8">
      <c r="H581392" s="12"/>
    </row>
    <row r="581393" spans="8:8">
      <c r="H581393" s="12"/>
    </row>
    <row r="581394" spans="8:8">
      <c r="H581394" s="12"/>
    </row>
    <row r="581395" spans="8:8">
      <c r="H581395" s="12"/>
    </row>
    <row r="581396" spans="8:8">
      <c r="H581396" s="12"/>
    </row>
    <row r="581397" spans="8:8">
      <c r="H581397" s="12"/>
    </row>
    <row r="581398" spans="8:8">
      <c r="H581398" s="12"/>
    </row>
    <row r="581399" spans="8:8">
      <c r="H581399" s="12"/>
    </row>
    <row r="581400" spans="8:8">
      <c r="H581400" s="12"/>
    </row>
    <row r="581401" spans="8:8">
      <c r="H581401" s="12"/>
    </row>
    <row r="581402" spans="8:8">
      <c r="H581402" s="12"/>
    </row>
    <row r="581403" spans="8:8">
      <c r="H581403" s="12"/>
    </row>
    <row r="581404" spans="8:8">
      <c r="H581404" s="12"/>
    </row>
    <row r="581405" spans="8:8">
      <c r="H581405" s="12"/>
    </row>
    <row r="581406" spans="8:8">
      <c r="H581406" s="12"/>
    </row>
    <row r="581407" spans="8:8">
      <c r="H581407" s="12"/>
    </row>
    <row r="581408" spans="8:8">
      <c r="H581408" s="12"/>
    </row>
    <row r="581409" spans="8:8">
      <c r="H581409" s="12"/>
    </row>
    <row r="581410" spans="8:8">
      <c r="H581410" s="12"/>
    </row>
    <row r="581411" spans="8:8">
      <c r="H581411" s="12"/>
    </row>
    <row r="581412" spans="8:8">
      <c r="H581412" s="12"/>
    </row>
    <row r="581413" spans="8:8">
      <c r="H581413" s="12"/>
    </row>
    <row r="581414" spans="8:8">
      <c r="H581414" s="12"/>
    </row>
    <row r="581415" spans="8:8">
      <c r="H581415" s="12"/>
    </row>
    <row r="581416" spans="8:8">
      <c r="H581416" s="12"/>
    </row>
    <row r="581417" spans="8:8">
      <c r="H581417" s="12"/>
    </row>
    <row r="581418" spans="8:8">
      <c r="H581418" s="12"/>
    </row>
    <row r="581419" spans="8:8">
      <c r="H581419" s="12"/>
    </row>
    <row r="581420" spans="8:8">
      <c r="H581420" s="12"/>
    </row>
    <row r="581421" spans="8:8">
      <c r="H581421" s="12"/>
    </row>
    <row r="581422" spans="8:8">
      <c r="H581422" s="12"/>
    </row>
    <row r="581423" spans="8:8">
      <c r="H581423" s="12"/>
    </row>
    <row r="581424" spans="8:8">
      <c r="H581424" s="12"/>
    </row>
    <row r="581425" spans="8:8">
      <c r="H581425" s="12"/>
    </row>
    <row r="581426" spans="8:8">
      <c r="H581426" s="12"/>
    </row>
    <row r="581427" spans="8:8">
      <c r="H581427" s="12"/>
    </row>
    <row r="581428" spans="8:8">
      <c r="H581428" s="12"/>
    </row>
    <row r="581429" spans="8:8">
      <c r="H581429" s="12"/>
    </row>
    <row r="581430" spans="8:8">
      <c r="H581430" s="12"/>
    </row>
    <row r="581431" spans="8:8">
      <c r="H581431" s="12"/>
    </row>
    <row r="581432" spans="8:8">
      <c r="H581432" s="12"/>
    </row>
    <row r="581433" spans="8:8">
      <c r="H581433" s="12"/>
    </row>
    <row r="581434" spans="8:8">
      <c r="H581434" s="12"/>
    </row>
    <row r="581435" spans="8:8">
      <c r="H581435" s="12"/>
    </row>
    <row r="581436" spans="8:8">
      <c r="H581436" s="12"/>
    </row>
    <row r="581437" spans="8:8">
      <c r="H581437" s="12"/>
    </row>
    <row r="581438" spans="8:8">
      <c r="H581438" s="12"/>
    </row>
    <row r="581439" spans="8:8">
      <c r="H581439" s="12"/>
    </row>
    <row r="581440" spans="8:8">
      <c r="H581440" s="12"/>
    </row>
    <row r="581441" spans="8:8">
      <c r="H581441" s="12"/>
    </row>
    <row r="581442" spans="8:8">
      <c r="H581442" s="12"/>
    </row>
    <row r="581443" spans="8:8">
      <c r="H581443" s="12"/>
    </row>
    <row r="581444" spans="8:8">
      <c r="H581444" s="12"/>
    </row>
    <row r="581445" spans="8:8">
      <c r="H581445" s="12"/>
    </row>
    <row r="581446" spans="8:8">
      <c r="H581446" s="12"/>
    </row>
    <row r="581447" spans="8:8">
      <c r="H581447" s="12"/>
    </row>
    <row r="581448" spans="8:8">
      <c r="H581448" s="12"/>
    </row>
    <row r="581449" spans="8:8">
      <c r="H581449" s="12"/>
    </row>
    <row r="581450" spans="8:8">
      <c r="H581450" s="12"/>
    </row>
    <row r="581451" spans="8:8">
      <c r="H581451" s="12"/>
    </row>
    <row r="581452" spans="8:8">
      <c r="H581452" s="12"/>
    </row>
    <row r="581453" spans="8:8">
      <c r="H581453" s="12"/>
    </row>
    <row r="581454" spans="8:8">
      <c r="H581454" s="12"/>
    </row>
    <row r="581455" spans="8:8">
      <c r="H581455" s="12"/>
    </row>
    <row r="581456" spans="8:8">
      <c r="H581456" s="12"/>
    </row>
    <row r="581457" spans="8:8">
      <c r="H581457" s="12"/>
    </row>
    <row r="581458" spans="8:8">
      <c r="H581458" s="12"/>
    </row>
    <row r="581459" spans="8:8">
      <c r="H581459" s="12"/>
    </row>
    <row r="581460" spans="8:8">
      <c r="H581460" s="12"/>
    </row>
    <row r="581461" spans="8:8">
      <c r="H581461" s="12"/>
    </row>
    <row r="581462" spans="8:8">
      <c r="H581462" s="12"/>
    </row>
    <row r="581463" spans="8:8">
      <c r="H581463" s="12"/>
    </row>
    <row r="581464" spans="8:8">
      <c r="H581464" s="12"/>
    </row>
    <row r="581465" spans="8:8">
      <c r="H581465" s="12"/>
    </row>
    <row r="581466" spans="8:8">
      <c r="H581466" s="12"/>
    </row>
    <row r="581467" spans="8:8">
      <c r="H581467" s="12"/>
    </row>
    <row r="581468" spans="8:8">
      <c r="H581468" s="12"/>
    </row>
    <row r="581469" spans="8:8">
      <c r="H581469" s="12"/>
    </row>
    <row r="581470" spans="8:8">
      <c r="H581470" s="12"/>
    </row>
    <row r="581471" spans="8:8">
      <c r="H581471" s="12"/>
    </row>
    <row r="581472" spans="8:8">
      <c r="H581472" s="12"/>
    </row>
    <row r="581473" spans="8:8">
      <c r="H581473" s="12"/>
    </row>
    <row r="581474" spans="8:8">
      <c r="H581474" s="12"/>
    </row>
    <row r="581475" spans="8:8">
      <c r="H581475" s="12"/>
    </row>
    <row r="581476" spans="8:8">
      <c r="H581476" s="12"/>
    </row>
    <row r="581477" spans="8:8">
      <c r="H581477" s="12"/>
    </row>
    <row r="581478" spans="8:8">
      <c r="H581478" s="12"/>
    </row>
    <row r="581479" spans="8:8">
      <c r="H581479" s="12"/>
    </row>
    <row r="581480" spans="8:8">
      <c r="H581480" s="12"/>
    </row>
    <row r="581481" spans="8:8">
      <c r="H581481" s="12"/>
    </row>
    <row r="581482" spans="8:8">
      <c r="H581482" s="12"/>
    </row>
    <row r="581483" spans="8:8">
      <c r="H581483" s="12"/>
    </row>
    <row r="581484" spans="8:8">
      <c r="H581484" s="12"/>
    </row>
    <row r="581485" spans="8:8">
      <c r="H581485" s="12"/>
    </row>
    <row r="581486" spans="8:8">
      <c r="H581486" s="12"/>
    </row>
    <row r="581487" spans="8:8">
      <c r="H581487" s="12"/>
    </row>
    <row r="581488" spans="8:8">
      <c r="H581488" s="12"/>
    </row>
    <row r="581489" spans="8:8">
      <c r="H581489" s="12"/>
    </row>
    <row r="581490" spans="8:8">
      <c r="H581490" s="12"/>
    </row>
    <row r="581491" spans="8:8">
      <c r="H581491" s="12"/>
    </row>
    <row r="581492" spans="8:8">
      <c r="H581492" s="12"/>
    </row>
    <row r="581493" spans="8:8">
      <c r="H581493" s="12"/>
    </row>
    <row r="581494" spans="8:8">
      <c r="H581494" s="12"/>
    </row>
    <row r="581495" spans="8:8">
      <c r="H581495" s="12"/>
    </row>
    <row r="581496" spans="8:8">
      <c r="H581496" s="12"/>
    </row>
    <row r="581497" spans="8:8">
      <c r="H581497" s="12"/>
    </row>
    <row r="581498" spans="8:8">
      <c r="H581498" s="12"/>
    </row>
    <row r="581499" spans="8:8">
      <c r="H581499" s="12"/>
    </row>
    <row r="581500" spans="8:8">
      <c r="H581500" s="12"/>
    </row>
    <row r="581501" spans="8:8">
      <c r="H581501" s="12"/>
    </row>
    <row r="581502" spans="8:8">
      <c r="H581502" s="12"/>
    </row>
    <row r="581503" spans="8:8">
      <c r="H581503" s="12"/>
    </row>
    <row r="581504" spans="8:8">
      <c r="H581504" s="12"/>
    </row>
    <row r="581505" spans="8:8">
      <c r="H581505" s="12"/>
    </row>
    <row r="581506" spans="8:8">
      <c r="H581506" s="12"/>
    </row>
    <row r="581507" spans="8:8">
      <c r="H581507" s="12"/>
    </row>
    <row r="581508" spans="8:8">
      <c r="H581508" s="12"/>
    </row>
    <row r="581509" spans="8:8">
      <c r="H581509" s="12"/>
    </row>
    <row r="581510" spans="8:8">
      <c r="H581510" s="12"/>
    </row>
    <row r="581511" spans="8:8">
      <c r="H581511" s="12"/>
    </row>
    <row r="581512" spans="8:8">
      <c r="H581512" s="12"/>
    </row>
    <row r="581513" spans="8:8">
      <c r="H581513" s="12"/>
    </row>
    <row r="581514" spans="8:8">
      <c r="H581514" s="12"/>
    </row>
    <row r="581515" spans="8:8">
      <c r="H581515" s="12"/>
    </row>
    <row r="581516" spans="8:8">
      <c r="H581516" s="12"/>
    </row>
    <row r="581517" spans="8:8">
      <c r="H581517" s="12"/>
    </row>
    <row r="581518" spans="8:8">
      <c r="H581518" s="12"/>
    </row>
    <row r="581519" spans="8:8">
      <c r="H581519" s="12"/>
    </row>
    <row r="581520" spans="8:8">
      <c r="H581520" s="12"/>
    </row>
    <row r="581521" spans="8:8">
      <c r="H581521" s="12"/>
    </row>
    <row r="581522" spans="8:8">
      <c r="H581522" s="12"/>
    </row>
    <row r="581523" spans="8:8">
      <c r="H581523" s="12"/>
    </row>
    <row r="581524" spans="8:8">
      <c r="H581524" s="12"/>
    </row>
    <row r="581525" spans="8:8">
      <c r="H581525" s="12"/>
    </row>
    <row r="581526" spans="8:8">
      <c r="H581526" s="12"/>
    </row>
    <row r="581527" spans="8:8">
      <c r="H581527" s="12"/>
    </row>
    <row r="581528" spans="8:8">
      <c r="H581528" s="12"/>
    </row>
    <row r="581529" spans="8:8">
      <c r="H581529" s="12"/>
    </row>
    <row r="581530" spans="8:8">
      <c r="H581530" s="12"/>
    </row>
    <row r="581531" spans="8:8">
      <c r="H581531" s="12"/>
    </row>
    <row r="581532" spans="8:8">
      <c r="H581532" s="12"/>
    </row>
    <row r="581533" spans="8:8">
      <c r="H581533" s="12"/>
    </row>
    <row r="581534" spans="8:8">
      <c r="H581534" s="12"/>
    </row>
    <row r="581535" spans="8:8">
      <c r="H581535" s="12"/>
    </row>
    <row r="581536" spans="8:8">
      <c r="H581536" s="12"/>
    </row>
    <row r="581537" spans="8:8">
      <c r="H581537" s="12"/>
    </row>
    <row r="581538" spans="8:8">
      <c r="H581538" s="12"/>
    </row>
    <row r="581539" spans="8:8">
      <c r="H581539" s="12"/>
    </row>
    <row r="581540" spans="8:8">
      <c r="H581540" s="12"/>
    </row>
    <row r="581541" spans="8:8">
      <c r="H581541" s="12"/>
    </row>
    <row r="581542" spans="8:8">
      <c r="H581542" s="12"/>
    </row>
    <row r="581543" spans="8:8">
      <c r="H581543" s="12"/>
    </row>
    <row r="581544" spans="8:8">
      <c r="H581544" s="12"/>
    </row>
    <row r="581545" spans="8:8">
      <c r="H581545" s="12"/>
    </row>
    <row r="581546" spans="8:8">
      <c r="H581546" s="12"/>
    </row>
    <row r="581547" spans="8:8">
      <c r="H581547" s="12"/>
    </row>
    <row r="581548" spans="8:8">
      <c r="H581548" s="12"/>
    </row>
    <row r="581549" spans="8:8">
      <c r="H581549" s="12"/>
    </row>
    <row r="581550" spans="8:8">
      <c r="H581550" s="12"/>
    </row>
    <row r="581551" spans="8:8">
      <c r="H581551" s="12"/>
    </row>
    <row r="581552" spans="8:8">
      <c r="H581552" s="12"/>
    </row>
    <row r="581553" spans="8:8">
      <c r="H581553" s="12"/>
    </row>
    <row r="581554" spans="8:8">
      <c r="H581554" s="12"/>
    </row>
    <row r="581555" spans="8:8">
      <c r="H581555" s="12"/>
    </row>
    <row r="581556" spans="8:8">
      <c r="H581556" s="12"/>
    </row>
    <row r="581557" spans="8:8">
      <c r="H581557" s="12"/>
    </row>
    <row r="581558" spans="8:8">
      <c r="H581558" s="12"/>
    </row>
    <row r="581559" spans="8:8">
      <c r="H581559" s="12"/>
    </row>
    <row r="581560" spans="8:8">
      <c r="H581560" s="12"/>
    </row>
    <row r="581561" spans="8:8">
      <c r="H581561" s="12"/>
    </row>
    <row r="581562" spans="8:8">
      <c r="H581562" s="12"/>
    </row>
    <row r="581563" spans="8:8">
      <c r="H581563" s="12"/>
    </row>
    <row r="581564" spans="8:8">
      <c r="H581564" s="12"/>
    </row>
    <row r="581565" spans="8:8">
      <c r="H581565" s="12"/>
    </row>
    <row r="581566" spans="8:8">
      <c r="H581566" s="12"/>
    </row>
    <row r="581567" spans="8:8">
      <c r="H581567" s="12"/>
    </row>
    <row r="581568" spans="8:8">
      <c r="H581568" s="12"/>
    </row>
    <row r="581569" spans="8:8">
      <c r="H581569" s="12"/>
    </row>
    <row r="581570" spans="8:8">
      <c r="H581570" s="12"/>
    </row>
    <row r="581571" spans="8:8">
      <c r="H581571" s="12"/>
    </row>
    <row r="581572" spans="8:8">
      <c r="H581572" s="12"/>
    </row>
    <row r="581573" spans="8:8">
      <c r="H581573" s="12"/>
    </row>
    <row r="581574" spans="8:8">
      <c r="H581574" s="12"/>
    </row>
    <row r="581575" spans="8:8">
      <c r="H581575" s="12"/>
    </row>
    <row r="581576" spans="8:8">
      <c r="H581576" s="12"/>
    </row>
    <row r="581577" spans="8:8">
      <c r="H581577" s="12"/>
    </row>
    <row r="581578" spans="8:8">
      <c r="H581578" s="12"/>
    </row>
    <row r="581579" spans="8:8">
      <c r="H581579" s="12"/>
    </row>
    <row r="581580" spans="8:8">
      <c r="H581580" s="12"/>
    </row>
    <row r="581581" spans="8:8">
      <c r="H581581" s="12"/>
    </row>
    <row r="581582" spans="8:8">
      <c r="H581582" s="12"/>
    </row>
    <row r="581583" spans="8:8">
      <c r="H581583" s="12"/>
    </row>
    <row r="581584" spans="8:8">
      <c r="H581584" s="12"/>
    </row>
    <row r="581585" spans="8:8">
      <c r="H581585" s="12"/>
    </row>
    <row r="581586" spans="8:8">
      <c r="H581586" s="12"/>
    </row>
    <row r="581587" spans="8:8">
      <c r="H581587" s="12"/>
    </row>
    <row r="581588" spans="8:8">
      <c r="H581588" s="12"/>
    </row>
    <row r="581589" spans="8:8">
      <c r="H581589" s="12"/>
    </row>
    <row r="581590" spans="8:8">
      <c r="H581590" s="12"/>
    </row>
    <row r="581591" spans="8:8">
      <c r="H581591" s="12"/>
    </row>
    <row r="581592" spans="8:8">
      <c r="H581592" s="12"/>
    </row>
    <row r="581593" spans="8:8">
      <c r="H581593" s="12"/>
    </row>
    <row r="581594" spans="8:8">
      <c r="H581594" s="12"/>
    </row>
    <row r="581595" spans="8:8">
      <c r="H581595" s="12"/>
    </row>
    <row r="581596" spans="8:8">
      <c r="H581596" s="12"/>
    </row>
    <row r="581597" spans="8:8">
      <c r="H581597" s="12"/>
    </row>
    <row r="581598" spans="8:8">
      <c r="H581598" s="12"/>
    </row>
    <row r="581599" spans="8:8">
      <c r="H581599" s="12"/>
    </row>
    <row r="581600" spans="8:8">
      <c r="H581600" s="12"/>
    </row>
    <row r="581601" spans="8:8">
      <c r="H581601" s="12"/>
    </row>
    <row r="581602" spans="8:8">
      <c r="H581602" s="12"/>
    </row>
    <row r="581603" spans="8:8">
      <c r="H581603" s="12"/>
    </row>
    <row r="581604" spans="8:8">
      <c r="H581604" s="12"/>
    </row>
    <row r="581605" spans="8:8">
      <c r="H581605" s="12"/>
    </row>
    <row r="581606" spans="8:8">
      <c r="H581606" s="12"/>
    </row>
    <row r="581607" spans="8:8">
      <c r="H581607" s="12"/>
    </row>
    <row r="581608" spans="8:8">
      <c r="H581608" s="12"/>
    </row>
    <row r="581609" spans="8:8">
      <c r="H581609" s="12"/>
    </row>
    <row r="581610" spans="8:8">
      <c r="H581610" s="12"/>
    </row>
    <row r="581611" spans="8:8">
      <c r="H581611" s="12"/>
    </row>
    <row r="581612" spans="8:8">
      <c r="H581612" s="12"/>
    </row>
    <row r="581613" spans="8:8">
      <c r="H581613" s="12"/>
    </row>
    <row r="581614" spans="8:8">
      <c r="H581614" s="12"/>
    </row>
    <row r="581615" spans="8:8">
      <c r="H581615" s="12"/>
    </row>
    <row r="581616" spans="8:8">
      <c r="H581616" s="12"/>
    </row>
    <row r="581617" spans="8:8">
      <c r="H581617" s="12"/>
    </row>
    <row r="581618" spans="8:8">
      <c r="H581618" s="12"/>
    </row>
    <row r="581619" spans="8:8">
      <c r="H581619" s="12"/>
    </row>
    <row r="581620" spans="8:8">
      <c r="H581620" s="12"/>
    </row>
    <row r="581621" spans="8:8">
      <c r="H581621" s="12"/>
    </row>
    <row r="581622" spans="8:8">
      <c r="H581622" s="12"/>
    </row>
    <row r="581623" spans="8:8">
      <c r="H581623" s="12"/>
    </row>
    <row r="581624" spans="8:8">
      <c r="H581624" s="12"/>
    </row>
    <row r="581625" spans="8:8">
      <c r="H581625" s="12"/>
    </row>
    <row r="581626" spans="8:8">
      <c r="H581626" s="12"/>
    </row>
    <row r="581627" spans="8:8">
      <c r="H581627" s="12"/>
    </row>
    <row r="581628" spans="8:8">
      <c r="H581628" s="12"/>
    </row>
    <row r="581629" spans="8:8">
      <c r="H581629" s="12"/>
    </row>
    <row r="581630" spans="8:8">
      <c r="H581630" s="12"/>
    </row>
    <row r="581631" spans="8:8">
      <c r="H581631" s="12"/>
    </row>
    <row r="581632" spans="8:8">
      <c r="H581632" s="12"/>
    </row>
    <row r="581633" spans="8:8">
      <c r="H581633" s="12"/>
    </row>
    <row r="581634" spans="8:8">
      <c r="H581634" s="12"/>
    </row>
    <row r="581635" spans="8:8">
      <c r="H581635" s="12"/>
    </row>
    <row r="581636" spans="8:8">
      <c r="H581636" s="12"/>
    </row>
    <row r="581637" spans="8:8">
      <c r="H581637" s="12"/>
    </row>
    <row r="581638" spans="8:8">
      <c r="H581638" s="12"/>
    </row>
    <row r="581639" spans="8:8">
      <c r="H581639" s="12"/>
    </row>
    <row r="581640" spans="8:8">
      <c r="H581640" s="12"/>
    </row>
    <row r="581641" spans="8:8">
      <c r="H581641" s="12"/>
    </row>
    <row r="581642" spans="8:8">
      <c r="H581642" s="12"/>
    </row>
    <row r="581643" spans="8:8">
      <c r="H581643" s="12"/>
    </row>
    <row r="581644" spans="8:8">
      <c r="H581644" s="12"/>
    </row>
    <row r="581645" spans="8:8">
      <c r="H581645" s="12"/>
    </row>
    <row r="581646" spans="8:8">
      <c r="H581646" s="12"/>
    </row>
    <row r="581647" spans="8:8">
      <c r="H581647" s="12"/>
    </row>
    <row r="581648" spans="8:8">
      <c r="H581648" s="12"/>
    </row>
    <row r="581649" spans="8:8">
      <c r="H581649" s="12"/>
    </row>
    <row r="581650" spans="8:8">
      <c r="H581650" s="12"/>
    </row>
    <row r="581651" spans="8:8">
      <c r="H581651" s="12"/>
    </row>
    <row r="581652" spans="8:8">
      <c r="H581652" s="12"/>
    </row>
    <row r="581653" spans="8:8">
      <c r="H581653" s="12"/>
    </row>
    <row r="581654" spans="8:8">
      <c r="H581654" s="12"/>
    </row>
    <row r="581655" spans="8:8">
      <c r="H581655" s="12"/>
    </row>
    <row r="581656" spans="8:8">
      <c r="H581656" s="12"/>
    </row>
    <row r="581657" spans="8:8">
      <c r="H581657" s="12"/>
    </row>
    <row r="581658" spans="8:8">
      <c r="H581658" s="12"/>
    </row>
    <row r="581659" spans="8:8">
      <c r="H581659" s="12"/>
    </row>
    <row r="581660" spans="8:8">
      <c r="H581660" s="12"/>
    </row>
    <row r="581661" spans="8:8">
      <c r="H581661" s="12"/>
    </row>
    <row r="581662" spans="8:8">
      <c r="H581662" s="12"/>
    </row>
    <row r="581663" spans="8:8">
      <c r="H581663" s="12"/>
    </row>
    <row r="581664" spans="8:8">
      <c r="H581664" s="12"/>
    </row>
    <row r="581665" spans="8:8">
      <c r="H581665" s="12"/>
    </row>
    <row r="581666" spans="8:8">
      <c r="H581666" s="12"/>
    </row>
    <row r="581667" spans="8:8">
      <c r="H581667" s="12"/>
    </row>
    <row r="581668" spans="8:8">
      <c r="H581668" s="12"/>
    </row>
    <row r="581669" spans="8:8">
      <c r="H581669" s="12"/>
    </row>
    <row r="581670" spans="8:8">
      <c r="H581670" s="12"/>
    </row>
    <row r="581671" spans="8:8">
      <c r="H581671" s="12"/>
    </row>
    <row r="581672" spans="8:8">
      <c r="H581672" s="12"/>
    </row>
    <row r="581673" spans="8:8">
      <c r="H581673" s="12"/>
    </row>
    <row r="581674" spans="8:8">
      <c r="H581674" s="12"/>
    </row>
    <row r="581675" spans="8:8">
      <c r="H581675" s="12"/>
    </row>
    <row r="581676" spans="8:8">
      <c r="H581676" s="12"/>
    </row>
    <row r="581677" spans="8:8">
      <c r="H581677" s="12"/>
    </row>
    <row r="581678" spans="8:8">
      <c r="H581678" s="12"/>
    </row>
    <row r="581679" spans="8:8">
      <c r="H581679" s="12"/>
    </row>
    <row r="581680" spans="8:8">
      <c r="H581680" s="12"/>
    </row>
    <row r="581681" spans="8:8">
      <c r="H581681" s="12"/>
    </row>
    <row r="581682" spans="8:8">
      <c r="H581682" s="12"/>
    </row>
    <row r="581683" spans="8:8">
      <c r="H581683" s="12"/>
    </row>
    <row r="581684" spans="8:8">
      <c r="H581684" s="12"/>
    </row>
    <row r="581685" spans="8:8">
      <c r="H581685" s="12"/>
    </row>
    <row r="581686" spans="8:8">
      <c r="H581686" s="12"/>
    </row>
    <row r="581687" spans="8:8">
      <c r="H581687" s="12"/>
    </row>
    <row r="581688" spans="8:8">
      <c r="H581688" s="12"/>
    </row>
    <row r="581689" spans="8:8">
      <c r="H581689" s="12"/>
    </row>
    <row r="581690" spans="8:8">
      <c r="H581690" s="12"/>
    </row>
    <row r="581691" spans="8:8">
      <c r="H581691" s="12"/>
    </row>
    <row r="581692" spans="8:8">
      <c r="H581692" s="12"/>
    </row>
    <row r="581693" spans="8:8">
      <c r="H581693" s="12"/>
    </row>
    <row r="581694" spans="8:8">
      <c r="H581694" s="12"/>
    </row>
    <row r="581695" spans="8:8">
      <c r="H581695" s="12"/>
    </row>
    <row r="581696" spans="8:8">
      <c r="H581696" s="12"/>
    </row>
    <row r="581697" spans="8:8">
      <c r="H581697" s="12"/>
    </row>
    <row r="581698" spans="8:8">
      <c r="H581698" s="12"/>
    </row>
    <row r="581699" spans="8:8">
      <c r="H581699" s="12"/>
    </row>
    <row r="581700" spans="8:8">
      <c r="H581700" s="12"/>
    </row>
    <row r="581701" spans="8:8">
      <c r="H581701" s="12"/>
    </row>
    <row r="581702" spans="8:8">
      <c r="H581702" s="12"/>
    </row>
    <row r="581703" spans="8:8">
      <c r="H581703" s="12"/>
    </row>
    <row r="581704" spans="8:8">
      <c r="H581704" s="12"/>
    </row>
    <row r="581705" spans="8:8">
      <c r="H581705" s="12"/>
    </row>
    <row r="581706" spans="8:8">
      <c r="H581706" s="12"/>
    </row>
    <row r="581707" spans="8:8">
      <c r="H581707" s="12"/>
    </row>
    <row r="581708" spans="8:8">
      <c r="H581708" s="12"/>
    </row>
    <row r="581709" spans="8:8">
      <c r="H581709" s="12"/>
    </row>
    <row r="581710" spans="8:8">
      <c r="H581710" s="12"/>
    </row>
    <row r="581711" spans="8:8">
      <c r="H581711" s="12"/>
    </row>
    <row r="581712" spans="8:8">
      <c r="H581712" s="12"/>
    </row>
    <row r="581713" spans="8:8">
      <c r="H581713" s="12"/>
    </row>
    <row r="581714" spans="8:8">
      <c r="H581714" s="12"/>
    </row>
    <row r="581715" spans="8:8">
      <c r="H581715" s="12"/>
    </row>
    <row r="581716" spans="8:8">
      <c r="H581716" s="12"/>
    </row>
    <row r="581717" spans="8:8">
      <c r="H581717" s="12"/>
    </row>
    <row r="581718" spans="8:8">
      <c r="H581718" s="12"/>
    </row>
    <row r="581719" spans="8:8">
      <c r="H581719" s="12"/>
    </row>
    <row r="581720" spans="8:8">
      <c r="H581720" s="12"/>
    </row>
    <row r="581721" spans="8:8">
      <c r="H581721" s="12"/>
    </row>
    <row r="581722" spans="8:8">
      <c r="H581722" s="12"/>
    </row>
    <row r="581723" spans="8:8">
      <c r="H581723" s="12"/>
    </row>
    <row r="581724" spans="8:8">
      <c r="H581724" s="12"/>
    </row>
    <row r="581725" spans="8:8">
      <c r="H581725" s="12"/>
    </row>
    <row r="581726" spans="8:8">
      <c r="H581726" s="12"/>
    </row>
    <row r="581727" spans="8:8">
      <c r="H581727" s="12"/>
    </row>
    <row r="581728" spans="8:8">
      <c r="H581728" s="12"/>
    </row>
    <row r="581729" spans="8:8">
      <c r="H581729" s="12"/>
    </row>
    <row r="581730" spans="8:8">
      <c r="H581730" s="12"/>
    </row>
    <row r="581731" spans="8:8">
      <c r="H581731" s="12"/>
    </row>
    <row r="581732" spans="8:8">
      <c r="H581732" s="12"/>
    </row>
    <row r="581733" spans="8:8">
      <c r="H581733" s="12"/>
    </row>
    <row r="581734" spans="8:8">
      <c r="H581734" s="12"/>
    </row>
    <row r="581735" spans="8:8">
      <c r="H581735" s="12"/>
    </row>
    <row r="581736" spans="8:8">
      <c r="H581736" s="12"/>
    </row>
    <row r="581737" spans="8:8">
      <c r="H581737" s="12"/>
    </row>
    <row r="581738" spans="8:8">
      <c r="H581738" s="12"/>
    </row>
    <row r="581739" spans="8:8">
      <c r="H581739" s="12"/>
    </row>
    <row r="581740" spans="8:8">
      <c r="H581740" s="12"/>
    </row>
    <row r="581741" spans="8:8">
      <c r="H581741" s="12"/>
    </row>
    <row r="581742" spans="8:8">
      <c r="H581742" s="12"/>
    </row>
    <row r="581743" spans="8:8">
      <c r="H581743" s="12"/>
    </row>
    <row r="581744" spans="8:8">
      <c r="H581744" s="12"/>
    </row>
    <row r="581745" spans="8:8">
      <c r="H581745" s="12"/>
    </row>
    <row r="581746" spans="8:8">
      <c r="H581746" s="12"/>
    </row>
    <row r="581747" spans="8:8">
      <c r="H581747" s="12"/>
    </row>
    <row r="581748" spans="8:8">
      <c r="H581748" s="12"/>
    </row>
    <row r="581749" spans="8:8">
      <c r="H581749" s="12"/>
    </row>
    <row r="581750" spans="8:8">
      <c r="H581750" s="12"/>
    </row>
    <row r="581751" spans="8:8">
      <c r="H581751" s="12"/>
    </row>
    <row r="581752" spans="8:8">
      <c r="H581752" s="12"/>
    </row>
    <row r="581753" spans="8:8">
      <c r="H581753" s="12"/>
    </row>
    <row r="581754" spans="8:8">
      <c r="H581754" s="12"/>
    </row>
    <row r="581755" spans="8:8">
      <c r="H581755" s="12"/>
    </row>
    <row r="581756" spans="8:8">
      <c r="H581756" s="12"/>
    </row>
    <row r="581757" spans="8:8">
      <c r="H581757" s="12"/>
    </row>
    <row r="581758" spans="8:8">
      <c r="H581758" s="12"/>
    </row>
    <row r="581759" spans="8:8">
      <c r="H581759" s="12"/>
    </row>
    <row r="581760" spans="8:8">
      <c r="H581760" s="12"/>
    </row>
    <row r="581761" spans="8:8">
      <c r="H581761" s="12"/>
    </row>
    <row r="581762" spans="8:8">
      <c r="H581762" s="12"/>
    </row>
    <row r="581763" spans="8:8">
      <c r="H581763" s="12"/>
    </row>
    <row r="581764" spans="8:8">
      <c r="H581764" s="12"/>
    </row>
    <row r="581765" spans="8:8">
      <c r="H581765" s="12"/>
    </row>
    <row r="581766" spans="8:8">
      <c r="H581766" s="12"/>
    </row>
    <row r="581767" spans="8:8">
      <c r="H581767" s="12"/>
    </row>
    <row r="581768" spans="8:8">
      <c r="H581768" s="12"/>
    </row>
    <row r="581769" spans="8:8">
      <c r="H581769" s="12"/>
    </row>
    <row r="581770" spans="8:8">
      <c r="H581770" s="12"/>
    </row>
    <row r="581771" spans="8:8">
      <c r="H581771" s="12"/>
    </row>
    <row r="581772" spans="8:8">
      <c r="H581772" s="12"/>
    </row>
    <row r="581773" spans="8:8">
      <c r="H581773" s="12"/>
    </row>
    <row r="581774" spans="8:8">
      <c r="H581774" s="12"/>
    </row>
    <row r="581775" spans="8:8">
      <c r="H581775" s="12"/>
    </row>
    <row r="581776" spans="8:8">
      <c r="H581776" s="12"/>
    </row>
    <row r="581777" spans="8:8">
      <c r="H581777" s="12"/>
    </row>
    <row r="581778" spans="8:8">
      <c r="H581778" s="12"/>
    </row>
    <row r="581779" spans="8:8">
      <c r="H581779" s="12"/>
    </row>
    <row r="581780" spans="8:8">
      <c r="H581780" s="12"/>
    </row>
    <row r="581781" spans="8:8">
      <c r="H581781" s="12"/>
    </row>
    <row r="581782" spans="8:8">
      <c r="H581782" s="12"/>
    </row>
    <row r="581783" spans="8:8">
      <c r="H581783" s="12"/>
    </row>
    <row r="581784" spans="8:8">
      <c r="H581784" s="12"/>
    </row>
    <row r="581785" spans="8:8">
      <c r="H581785" s="12"/>
    </row>
    <row r="581786" spans="8:8">
      <c r="H581786" s="12"/>
    </row>
    <row r="581787" spans="8:8">
      <c r="H581787" s="12"/>
    </row>
    <row r="581788" spans="8:8">
      <c r="H581788" s="12"/>
    </row>
    <row r="581789" spans="8:8">
      <c r="H581789" s="12"/>
    </row>
    <row r="581790" spans="8:8">
      <c r="H581790" s="12"/>
    </row>
    <row r="581791" spans="8:8">
      <c r="H581791" s="12"/>
    </row>
    <row r="581792" spans="8:8">
      <c r="H581792" s="12"/>
    </row>
    <row r="581793" spans="8:8">
      <c r="H581793" s="12"/>
    </row>
    <row r="581794" spans="8:8">
      <c r="H581794" s="12"/>
    </row>
    <row r="581795" spans="8:8">
      <c r="H581795" s="12"/>
    </row>
    <row r="581796" spans="8:8">
      <c r="H581796" s="12"/>
    </row>
    <row r="581797" spans="8:8">
      <c r="H581797" s="12"/>
    </row>
    <row r="581798" spans="8:8">
      <c r="H581798" s="12"/>
    </row>
    <row r="581799" spans="8:8">
      <c r="H581799" s="12"/>
    </row>
    <row r="581800" spans="8:8">
      <c r="H581800" s="12"/>
    </row>
    <row r="581801" spans="8:8">
      <c r="H581801" s="12"/>
    </row>
    <row r="581802" spans="8:8">
      <c r="H581802" s="12"/>
    </row>
    <row r="581803" spans="8:8">
      <c r="H581803" s="12"/>
    </row>
    <row r="581804" spans="8:8">
      <c r="H581804" s="12"/>
    </row>
    <row r="581805" spans="8:8">
      <c r="H581805" s="12"/>
    </row>
    <row r="581806" spans="8:8">
      <c r="H581806" s="12"/>
    </row>
    <row r="581807" spans="8:8">
      <c r="H581807" s="12"/>
    </row>
    <row r="581808" spans="8:8">
      <c r="H581808" s="12"/>
    </row>
    <row r="581809" spans="8:8">
      <c r="H581809" s="12"/>
    </row>
    <row r="581810" spans="8:8">
      <c r="H581810" s="12"/>
    </row>
    <row r="581811" spans="8:8">
      <c r="H581811" s="12"/>
    </row>
    <row r="581812" spans="8:8">
      <c r="H581812" s="12"/>
    </row>
    <row r="581813" spans="8:8">
      <c r="H581813" s="12"/>
    </row>
    <row r="581814" spans="8:8">
      <c r="H581814" s="12"/>
    </row>
    <row r="581815" spans="8:8">
      <c r="H581815" s="12"/>
    </row>
    <row r="581816" spans="8:8">
      <c r="H581816" s="12"/>
    </row>
    <row r="581817" spans="8:8">
      <c r="H581817" s="12"/>
    </row>
    <row r="581818" spans="8:8">
      <c r="H581818" s="12"/>
    </row>
    <row r="581819" spans="8:8">
      <c r="H581819" s="12"/>
    </row>
    <row r="581820" spans="8:8">
      <c r="H581820" s="12"/>
    </row>
    <row r="581821" spans="8:8">
      <c r="H581821" s="12"/>
    </row>
    <row r="581822" spans="8:8">
      <c r="H581822" s="12"/>
    </row>
    <row r="581823" spans="8:8">
      <c r="H581823" s="12"/>
    </row>
    <row r="581824" spans="8:8">
      <c r="H581824" s="12"/>
    </row>
    <row r="581825" spans="8:8">
      <c r="H581825" s="12"/>
    </row>
    <row r="581826" spans="8:8">
      <c r="H581826" s="12"/>
    </row>
    <row r="581827" spans="8:8">
      <c r="H581827" s="12"/>
    </row>
    <row r="581828" spans="8:8">
      <c r="H581828" s="12"/>
    </row>
    <row r="581829" spans="8:8">
      <c r="H581829" s="12"/>
    </row>
    <row r="581830" spans="8:8">
      <c r="H581830" s="12"/>
    </row>
    <row r="581831" spans="8:8">
      <c r="H581831" s="12"/>
    </row>
    <row r="581832" spans="8:8">
      <c r="H581832" s="12"/>
    </row>
    <row r="581833" spans="8:8">
      <c r="H581833" s="12"/>
    </row>
    <row r="581834" spans="8:8">
      <c r="H581834" s="12"/>
    </row>
    <row r="581835" spans="8:8">
      <c r="H581835" s="12"/>
    </row>
    <row r="581836" spans="8:8">
      <c r="H581836" s="12"/>
    </row>
    <row r="581837" spans="8:8">
      <c r="H581837" s="12"/>
    </row>
    <row r="581838" spans="8:8">
      <c r="H581838" s="12"/>
    </row>
    <row r="581839" spans="8:8">
      <c r="H581839" s="12"/>
    </row>
    <row r="581840" spans="8:8">
      <c r="H581840" s="12"/>
    </row>
    <row r="581841" spans="8:8">
      <c r="H581841" s="12"/>
    </row>
    <row r="581842" spans="8:8">
      <c r="H581842" s="12"/>
    </row>
    <row r="581843" spans="8:8">
      <c r="H581843" s="12"/>
    </row>
    <row r="581844" spans="8:8">
      <c r="H581844" s="12"/>
    </row>
    <row r="581845" spans="8:8">
      <c r="H581845" s="12"/>
    </row>
    <row r="581846" spans="8:8">
      <c r="H581846" s="12"/>
    </row>
    <row r="581847" spans="8:8">
      <c r="H581847" s="12"/>
    </row>
    <row r="581848" spans="8:8">
      <c r="H581848" s="12"/>
    </row>
    <row r="581849" spans="8:8">
      <c r="H581849" s="12"/>
    </row>
    <row r="581850" spans="8:8">
      <c r="H581850" s="12"/>
    </row>
    <row r="581851" spans="8:8">
      <c r="H581851" s="12"/>
    </row>
    <row r="581852" spans="8:8">
      <c r="H581852" s="12"/>
    </row>
    <row r="581853" spans="8:8">
      <c r="H581853" s="12"/>
    </row>
    <row r="581854" spans="8:8">
      <c r="H581854" s="12"/>
    </row>
    <row r="581855" spans="8:8">
      <c r="H581855" s="12"/>
    </row>
    <row r="581856" spans="8:8">
      <c r="H581856" s="12"/>
    </row>
    <row r="581857" spans="8:8">
      <c r="H581857" s="12"/>
    </row>
    <row r="581858" spans="8:8">
      <c r="H581858" s="12"/>
    </row>
    <row r="581859" spans="8:8">
      <c r="H581859" s="12"/>
    </row>
    <row r="581860" spans="8:8">
      <c r="H581860" s="12"/>
    </row>
    <row r="581861" spans="8:8">
      <c r="H581861" s="12"/>
    </row>
    <row r="581862" spans="8:8">
      <c r="H581862" s="12"/>
    </row>
    <row r="581863" spans="8:8">
      <c r="H581863" s="12"/>
    </row>
    <row r="581864" spans="8:8">
      <c r="H581864" s="12"/>
    </row>
    <row r="581865" spans="8:8">
      <c r="H581865" s="12"/>
    </row>
    <row r="581866" spans="8:8">
      <c r="H581866" s="12"/>
    </row>
    <row r="581867" spans="8:8">
      <c r="H581867" s="12"/>
    </row>
    <row r="581868" spans="8:8">
      <c r="H581868" s="12"/>
    </row>
    <row r="581869" spans="8:8">
      <c r="H581869" s="12"/>
    </row>
    <row r="581870" spans="8:8">
      <c r="H581870" s="12"/>
    </row>
    <row r="581871" spans="8:8">
      <c r="H581871" s="12"/>
    </row>
    <row r="581872" spans="8:8">
      <c r="H581872" s="12"/>
    </row>
    <row r="581873" spans="8:8">
      <c r="H581873" s="12"/>
    </row>
    <row r="581874" spans="8:8">
      <c r="H581874" s="12"/>
    </row>
    <row r="581875" spans="8:8">
      <c r="H581875" s="12"/>
    </row>
    <row r="581876" spans="8:8">
      <c r="H581876" s="12"/>
    </row>
    <row r="581877" spans="8:8">
      <c r="H581877" s="12"/>
    </row>
    <row r="581878" spans="8:8">
      <c r="H581878" s="12"/>
    </row>
    <row r="581879" spans="8:8">
      <c r="H581879" s="12"/>
    </row>
    <row r="581880" spans="8:8">
      <c r="H581880" s="12"/>
    </row>
    <row r="581881" spans="8:8">
      <c r="H581881" s="12"/>
    </row>
    <row r="581882" spans="8:8">
      <c r="H581882" s="12"/>
    </row>
    <row r="581883" spans="8:8">
      <c r="H581883" s="12"/>
    </row>
    <row r="581884" spans="8:8">
      <c r="H581884" s="12"/>
    </row>
    <row r="581885" spans="8:8">
      <c r="H581885" s="12"/>
    </row>
    <row r="581886" spans="8:8">
      <c r="H581886" s="12"/>
    </row>
    <row r="581887" spans="8:8">
      <c r="H581887" s="12"/>
    </row>
    <row r="581888" spans="8:8">
      <c r="H581888" s="12"/>
    </row>
    <row r="581889" spans="8:8">
      <c r="H581889" s="12"/>
    </row>
    <row r="581890" spans="8:8">
      <c r="H581890" s="12"/>
    </row>
    <row r="581891" spans="8:8">
      <c r="H581891" s="12"/>
    </row>
    <row r="581892" spans="8:8">
      <c r="H581892" s="12"/>
    </row>
    <row r="581893" spans="8:8">
      <c r="H581893" s="12"/>
    </row>
    <row r="581894" spans="8:8">
      <c r="H581894" s="12"/>
    </row>
    <row r="581895" spans="8:8">
      <c r="H581895" s="12"/>
    </row>
    <row r="581896" spans="8:8">
      <c r="H581896" s="12"/>
    </row>
    <row r="581897" spans="8:8">
      <c r="H581897" s="12"/>
    </row>
    <row r="581898" spans="8:8">
      <c r="H581898" s="12"/>
    </row>
    <row r="581899" spans="8:8">
      <c r="H581899" s="12"/>
    </row>
    <row r="581900" spans="8:8">
      <c r="H581900" s="12"/>
    </row>
    <row r="581901" spans="8:8">
      <c r="H581901" s="12"/>
    </row>
    <row r="581902" spans="8:8">
      <c r="H581902" s="12"/>
    </row>
    <row r="581903" spans="8:8">
      <c r="H581903" s="12"/>
    </row>
    <row r="581904" spans="8:8">
      <c r="H581904" s="12"/>
    </row>
    <row r="581905" spans="8:8">
      <c r="H581905" s="12"/>
    </row>
    <row r="581906" spans="8:8">
      <c r="H581906" s="12"/>
    </row>
    <row r="581907" spans="8:8">
      <c r="H581907" s="12"/>
    </row>
    <row r="581908" spans="8:8">
      <c r="H581908" s="12"/>
    </row>
    <row r="581909" spans="8:8">
      <c r="H581909" s="12"/>
    </row>
    <row r="581910" spans="8:8">
      <c r="H581910" s="12"/>
    </row>
    <row r="581911" spans="8:8">
      <c r="H581911" s="12"/>
    </row>
    <row r="581912" spans="8:8">
      <c r="H581912" s="12"/>
    </row>
    <row r="581913" spans="8:8">
      <c r="H581913" s="12"/>
    </row>
    <row r="581914" spans="8:8">
      <c r="H581914" s="12"/>
    </row>
    <row r="581915" spans="8:8">
      <c r="H581915" s="12"/>
    </row>
    <row r="581916" spans="8:8">
      <c r="H581916" s="12"/>
    </row>
    <row r="581917" spans="8:8">
      <c r="H581917" s="12"/>
    </row>
    <row r="581918" spans="8:8">
      <c r="H581918" s="12"/>
    </row>
    <row r="581919" spans="8:8">
      <c r="H581919" s="12"/>
    </row>
    <row r="581920" spans="8:8">
      <c r="H581920" s="12"/>
    </row>
    <row r="581921" spans="8:8">
      <c r="H581921" s="12"/>
    </row>
    <row r="581922" spans="8:8">
      <c r="H581922" s="12"/>
    </row>
    <row r="581923" spans="8:8">
      <c r="H581923" s="12"/>
    </row>
    <row r="581924" spans="8:8">
      <c r="H581924" s="12"/>
    </row>
    <row r="581925" spans="8:8">
      <c r="H581925" s="12"/>
    </row>
    <row r="581926" spans="8:8">
      <c r="H581926" s="12"/>
    </row>
    <row r="581927" spans="8:8">
      <c r="H581927" s="12"/>
    </row>
    <row r="581928" spans="8:8">
      <c r="H581928" s="12"/>
    </row>
    <row r="581929" spans="8:8">
      <c r="H581929" s="12"/>
    </row>
    <row r="581930" spans="8:8">
      <c r="H581930" s="12"/>
    </row>
    <row r="581931" spans="8:8">
      <c r="H581931" s="12"/>
    </row>
    <row r="581932" spans="8:8">
      <c r="H581932" s="12"/>
    </row>
    <row r="581933" spans="8:8">
      <c r="H581933" s="12"/>
    </row>
    <row r="581934" spans="8:8">
      <c r="H581934" s="12"/>
    </row>
    <row r="581935" spans="8:8">
      <c r="H581935" s="12"/>
    </row>
    <row r="581936" spans="8:8">
      <c r="H581936" s="12"/>
    </row>
    <row r="581937" spans="8:8">
      <c r="H581937" s="12"/>
    </row>
    <row r="581938" spans="8:8">
      <c r="H581938" s="12"/>
    </row>
    <row r="581939" spans="8:8">
      <c r="H581939" s="12"/>
    </row>
    <row r="581940" spans="8:8">
      <c r="H581940" s="12"/>
    </row>
    <row r="581941" spans="8:8">
      <c r="H581941" s="12"/>
    </row>
    <row r="581942" spans="8:8">
      <c r="H581942" s="12"/>
    </row>
    <row r="581943" spans="8:8">
      <c r="H581943" s="12"/>
    </row>
    <row r="581944" spans="8:8">
      <c r="H581944" s="12"/>
    </row>
    <row r="581945" spans="8:8">
      <c r="H581945" s="12"/>
    </row>
    <row r="581946" spans="8:8">
      <c r="H581946" s="12"/>
    </row>
    <row r="581947" spans="8:8">
      <c r="H581947" s="12"/>
    </row>
    <row r="581948" spans="8:8">
      <c r="H581948" s="12"/>
    </row>
    <row r="581949" spans="8:8">
      <c r="H581949" s="12"/>
    </row>
    <row r="581950" spans="8:8">
      <c r="H581950" s="12"/>
    </row>
    <row r="581951" spans="8:8">
      <c r="H581951" s="12"/>
    </row>
    <row r="581952" spans="8:8">
      <c r="H581952" s="12"/>
    </row>
    <row r="581953" spans="8:8">
      <c r="H581953" s="12"/>
    </row>
    <row r="581954" spans="8:8">
      <c r="H581954" s="12"/>
    </row>
    <row r="581955" spans="8:8">
      <c r="H581955" s="12"/>
    </row>
    <row r="581956" spans="8:8">
      <c r="H581956" s="12"/>
    </row>
    <row r="581957" spans="8:8">
      <c r="H581957" s="12"/>
    </row>
    <row r="581958" spans="8:8">
      <c r="H581958" s="12"/>
    </row>
    <row r="581959" spans="8:8">
      <c r="H581959" s="12"/>
    </row>
    <row r="581960" spans="8:8">
      <c r="H581960" s="12"/>
    </row>
    <row r="581961" spans="8:8">
      <c r="H581961" s="12"/>
    </row>
    <row r="581962" spans="8:8">
      <c r="H581962" s="12"/>
    </row>
    <row r="581963" spans="8:8">
      <c r="H581963" s="12"/>
    </row>
    <row r="581964" spans="8:8">
      <c r="H581964" s="12"/>
    </row>
    <row r="581965" spans="8:8">
      <c r="H581965" s="12"/>
    </row>
    <row r="581966" spans="8:8">
      <c r="H581966" s="12"/>
    </row>
    <row r="581967" spans="8:8">
      <c r="H581967" s="12"/>
    </row>
    <row r="581968" spans="8:8">
      <c r="H581968" s="12"/>
    </row>
    <row r="581969" spans="8:8">
      <c r="H581969" s="12"/>
    </row>
    <row r="581970" spans="8:8">
      <c r="H581970" s="12"/>
    </row>
    <row r="581971" spans="8:8">
      <c r="H581971" s="12"/>
    </row>
    <row r="581972" spans="8:8">
      <c r="H581972" s="12"/>
    </row>
    <row r="581973" spans="8:8">
      <c r="H581973" s="12"/>
    </row>
    <row r="581974" spans="8:8">
      <c r="H581974" s="12"/>
    </row>
    <row r="581975" spans="8:8">
      <c r="H581975" s="12"/>
    </row>
    <row r="581976" spans="8:8">
      <c r="H581976" s="12"/>
    </row>
    <row r="581977" spans="8:8">
      <c r="H581977" s="12"/>
    </row>
    <row r="581978" spans="8:8">
      <c r="H581978" s="12"/>
    </row>
    <row r="581979" spans="8:8">
      <c r="H581979" s="12"/>
    </row>
    <row r="581980" spans="8:8">
      <c r="H581980" s="12"/>
    </row>
    <row r="581981" spans="8:8">
      <c r="H581981" s="12"/>
    </row>
    <row r="581982" spans="8:8">
      <c r="H581982" s="12"/>
    </row>
    <row r="581983" spans="8:8">
      <c r="H581983" s="12"/>
    </row>
    <row r="581984" spans="8:8">
      <c r="H581984" s="12"/>
    </row>
    <row r="581985" spans="8:8">
      <c r="H581985" s="12"/>
    </row>
    <row r="581986" spans="8:8">
      <c r="H581986" s="12"/>
    </row>
    <row r="581987" spans="8:8">
      <c r="H581987" s="12"/>
    </row>
    <row r="581988" spans="8:8">
      <c r="H581988" s="12"/>
    </row>
    <row r="581989" spans="8:8">
      <c r="H581989" s="12"/>
    </row>
    <row r="581990" spans="8:8">
      <c r="H581990" s="12"/>
    </row>
    <row r="581991" spans="8:8">
      <c r="H581991" s="12"/>
    </row>
    <row r="581992" spans="8:8">
      <c r="H581992" s="12"/>
    </row>
    <row r="581993" spans="8:8">
      <c r="H581993" s="12"/>
    </row>
    <row r="581994" spans="8:8">
      <c r="H581994" s="12"/>
    </row>
    <row r="581995" spans="8:8">
      <c r="H581995" s="12"/>
    </row>
    <row r="581996" spans="8:8">
      <c r="H581996" s="12"/>
    </row>
    <row r="581997" spans="8:8">
      <c r="H581997" s="12"/>
    </row>
    <row r="581998" spans="8:8">
      <c r="H581998" s="12"/>
    </row>
    <row r="581999" spans="8:8">
      <c r="H581999" s="12"/>
    </row>
    <row r="582000" spans="8:8">
      <c r="H582000" s="12"/>
    </row>
    <row r="582001" spans="8:8">
      <c r="H582001" s="12"/>
    </row>
    <row r="582002" spans="8:8">
      <c r="H582002" s="12"/>
    </row>
    <row r="582003" spans="8:8">
      <c r="H582003" s="12"/>
    </row>
    <row r="582004" spans="8:8">
      <c r="H582004" s="12"/>
    </row>
    <row r="582005" spans="8:8">
      <c r="H582005" s="12"/>
    </row>
    <row r="582006" spans="8:8">
      <c r="H582006" s="12"/>
    </row>
    <row r="582007" spans="8:8">
      <c r="H582007" s="12"/>
    </row>
    <row r="582008" spans="8:8">
      <c r="H582008" s="12"/>
    </row>
    <row r="582009" spans="8:8">
      <c r="H582009" s="12"/>
    </row>
    <row r="582010" spans="8:8">
      <c r="H582010" s="12"/>
    </row>
    <row r="582011" spans="8:8">
      <c r="H582011" s="12"/>
    </row>
    <row r="582012" spans="8:8">
      <c r="H582012" s="12"/>
    </row>
    <row r="582013" spans="8:8">
      <c r="H582013" s="12"/>
    </row>
    <row r="582014" spans="8:8">
      <c r="H582014" s="12"/>
    </row>
    <row r="582015" spans="8:8">
      <c r="H582015" s="12"/>
    </row>
    <row r="582016" spans="8:8">
      <c r="H582016" s="12"/>
    </row>
    <row r="582017" spans="8:8">
      <c r="H582017" s="12"/>
    </row>
    <row r="582018" spans="8:8">
      <c r="H582018" s="12"/>
    </row>
    <row r="582019" spans="8:8">
      <c r="H582019" s="12"/>
    </row>
    <row r="582020" spans="8:8">
      <c r="H582020" s="12"/>
    </row>
    <row r="582021" spans="8:8">
      <c r="H582021" s="12"/>
    </row>
    <row r="582022" spans="8:8">
      <c r="H582022" s="12"/>
    </row>
    <row r="582023" spans="8:8">
      <c r="H582023" s="12"/>
    </row>
    <row r="582024" spans="8:8">
      <c r="H582024" s="12"/>
    </row>
    <row r="582025" spans="8:8">
      <c r="H582025" s="12"/>
    </row>
    <row r="582026" spans="8:8">
      <c r="H582026" s="12"/>
    </row>
    <row r="582027" spans="8:8">
      <c r="H582027" s="12"/>
    </row>
    <row r="582028" spans="8:8">
      <c r="H582028" s="12"/>
    </row>
    <row r="582029" spans="8:8">
      <c r="H582029" s="12"/>
    </row>
    <row r="582030" spans="8:8">
      <c r="H582030" s="12"/>
    </row>
    <row r="582031" spans="8:8">
      <c r="H582031" s="12"/>
    </row>
    <row r="582032" spans="8:8">
      <c r="H582032" s="12"/>
    </row>
    <row r="582033" spans="8:8">
      <c r="H582033" s="12"/>
    </row>
    <row r="582034" spans="8:8">
      <c r="H582034" s="12"/>
    </row>
    <row r="582035" spans="8:8">
      <c r="H582035" s="12"/>
    </row>
    <row r="582036" spans="8:8">
      <c r="H582036" s="12"/>
    </row>
    <row r="582037" spans="8:8">
      <c r="H582037" s="12"/>
    </row>
    <row r="582038" spans="8:8">
      <c r="H582038" s="12"/>
    </row>
    <row r="582039" spans="8:8">
      <c r="H582039" s="12"/>
    </row>
    <row r="582040" spans="8:8">
      <c r="H582040" s="12"/>
    </row>
    <row r="582041" spans="8:8">
      <c r="H582041" s="12"/>
    </row>
    <row r="582042" spans="8:8">
      <c r="H582042" s="12"/>
    </row>
    <row r="582043" spans="8:8">
      <c r="H582043" s="12"/>
    </row>
    <row r="582044" spans="8:8">
      <c r="H582044" s="12"/>
    </row>
    <row r="582045" spans="8:8">
      <c r="H582045" s="12"/>
    </row>
    <row r="582046" spans="8:8">
      <c r="H582046" s="12"/>
    </row>
    <row r="582047" spans="8:8">
      <c r="H582047" s="12"/>
    </row>
    <row r="582048" spans="8:8">
      <c r="H582048" s="12"/>
    </row>
    <row r="582049" spans="8:8">
      <c r="H582049" s="12"/>
    </row>
    <row r="582050" spans="8:8">
      <c r="H582050" s="12"/>
    </row>
    <row r="582051" spans="8:8">
      <c r="H582051" s="12"/>
    </row>
    <row r="582052" spans="8:8">
      <c r="H582052" s="12"/>
    </row>
    <row r="582053" spans="8:8">
      <c r="H582053" s="12"/>
    </row>
    <row r="582054" spans="8:8">
      <c r="H582054" s="12"/>
    </row>
    <row r="582055" spans="8:8">
      <c r="H582055" s="12"/>
    </row>
    <row r="582056" spans="8:8">
      <c r="H582056" s="12"/>
    </row>
    <row r="582057" spans="8:8">
      <c r="H582057" s="12"/>
    </row>
    <row r="582058" spans="8:8">
      <c r="H582058" s="12"/>
    </row>
    <row r="582059" spans="8:8">
      <c r="H582059" s="12"/>
    </row>
    <row r="582060" spans="8:8">
      <c r="H582060" s="12"/>
    </row>
    <row r="582061" spans="8:8">
      <c r="H582061" s="12"/>
    </row>
    <row r="582062" spans="8:8">
      <c r="H582062" s="12"/>
    </row>
    <row r="582063" spans="8:8">
      <c r="H582063" s="12"/>
    </row>
    <row r="582064" spans="8:8">
      <c r="H582064" s="12"/>
    </row>
    <row r="582065" spans="8:8">
      <c r="H582065" s="12"/>
    </row>
    <row r="582066" spans="8:8">
      <c r="H582066" s="12"/>
    </row>
    <row r="582067" spans="8:8">
      <c r="H582067" s="12"/>
    </row>
    <row r="582068" spans="8:8">
      <c r="H582068" s="12"/>
    </row>
    <row r="582069" spans="8:8">
      <c r="H582069" s="12"/>
    </row>
    <row r="582070" spans="8:8">
      <c r="H582070" s="12"/>
    </row>
    <row r="582071" spans="8:8">
      <c r="H582071" s="12"/>
    </row>
    <row r="582072" spans="8:8">
      <c r="H582072" s="12"/>
    </row>
    <row r="582073" spans="8:8">
      <c r="H582073" s="12"/>
    </row>
    <row r="582074" spans="8:8">
      <c r="H582074" s="12"/>
    </row>
    <row r="582075" spans="8:8">
      <c r="H582075" s="12"/>
    </row>
    <row r="582076" spans="8:8">
      <c r="H582076" s="12"/>
    </row>
    <row r="582077" spans="8:8">
      <c r="H582077" s="12"/>
    </row>
    <row r="582078" spans="8:8">
      <c r="H582078" s="12"/>
    </row>
    <row r="582079" spans="8:8">
      <c r="H582079" s="12"/>
    </row>
    <row r="582080" spans="8:8">
      <c r="H582080" s="12"/>
    </row>
    <row r="582081" spans="8:8">
      <c r="H582081" s="12"/>
    </row>
    <row r="582082" spans="8:8">
      <c r="H582082" s="12"/>
    </row>
    <row r="582083" spans="8:8">
      <c r="H582083" s="12"/>
    </row>
    <row r="582084" spans="8:8">
      <c r="H582084" s="12"/>
    </row>
    <row r="582085" spans="8:8">
      <c r="H582085" s="12"/>
    </row>
    <row r="582086" spans="8:8">
      <c r="H582086" s="12"/>
    </row>
    <row r="582087" spans="8:8">
      <c r="H582087" s="12"/>
    </row>
    <row r="582088" spans="8:8">
      <c r="H582088" s="12"/>
    </row>
    <row r="582089" spans="8:8">
      <c r="H582089" s="12"/>
    </row>
    <row r="582090" spans="8:8">
      <c r="H582090" s="12"/>
    </row>
    <row r="582091" spans="8:8">
      <c r="H582091" s="12"/>
    </row>
    <row r="582092" spans="8:8">
      <c r="H582092" s="12"/>
    </row>
    <row r="582093" spans="8:8">
      <c r="H582093" s="12"/>
    </row>
    <row r="582094" spans="8:8">
      <c r="H582094" s="12"/>
    </row>
    <row r="582095" spans="8:8">
      <c r="H582095" s="12"/>
    </row>
    <row r="582096" spans="8:8">
      <c r="H582096" s="12"/>
    </row>
    <row r="582097" spans="8:8">
      <c r="H582097" s="12"/>
    </row>
    <row r="582098" spans="8:8">
      <c r="H582098" s="12"/>
    </row>
    <row r="582099" spans="8:8">
      <c r="H582099" s="12"/>
    </row>
    <row r="582100" spans="8:8">
      <c r="H582100" s="12"/>
    </row>
    <row r="582101" spans="8:8">
      <c r="H582101" s="12"/>
    </row>
    <row r="582102" spans="8:8">
      <c r="H582102" s="12"/>
    </row>
    <row r="582103" spans="8:8">
      <c r="H582103" s="12"/>
    </row>
    <row r="582104" spans="8:8">
      <c r="H582104" s="12"/>
    </row>
    <row r="582105" spans="8:8">
      <c r="H582105" s="12"/>
    </row>
    <row r="582106" spans="8:8">
      <c r="H582106" s="12"/>
    </row>
    <row r="582107" spans="8:8">
      <c r="H582107" s="12"/>
    </row>
    <row r="582108" spans="8:8">
      <c r="H582108" s="12"/>
    </row>
    <row r="582109" spans="8:8">
      <c r="H582109" s="12"/>
    </row>
    <row r="582110" spans="8:8">
      <c r="H582110" s="12"/>
    </row>
    <row r="582111" spans="8:8">
      <c r="H582111" s="12"/>
    </row>
    <row r="582112" spans="8:8">
      <c r="H582112" s="12"/>
    </row>
    <row r="582113" spans="8:8">
      <c r="H582113" s="12"/>
    </row>
    <row r="582114" spans="8:8">
      <c r="H582114" s="12"/>
    </row>
    <row r="582115" spans="8:8">
      <c r="H582115" s="12"/>
    </row>
    <row r="582116" spans="8:8">
      <c r="H582116" s="12"/>
    </row>
    <row r="582117" spans="8:8">
      <c r="H582117" s="12"/>
    </row>
    <row r="582118" spans="8:8">
      <c r="H582118" s="12"/>
    </row>
    <row r="582119" spans="8:8">
      <c r="H582119" s="12"/>
    </row>
    <row r="582120" spans="8:8">
      <c r="H582120" s="12"/>
    </row>
    <row r="582121" spans="8:8">
      <c r="H582121" s="12"/>
    </row>
    <row r="582122" spans="8:8">
      <c r="H582122" s="12"/>
    </row>
    <row r="582123" spans="8:8">
      <c r="H582123" s="12"/>
    </row>
    <row r="582124" spans="8:8">
      <c r="H582124" s="12"/>
    </row>
    <row r="582125" spans="8:8">
      <c r="H582125" s="12"/>
    </row>
    <row r="582126" spans="8:8">
      <c r="H582126" s="12"/>
    </row>
    <row r="582127" spans="8:8">
      <c r="H582127" s="12"/>
    </row>
    <row r="582128" spans="8:8">
      <c r="H582128" s="12"/>
    </row>
    <row r="582129" spans="8:8">
      <c r="H582129" s="12"/>
    </row>
    <row r="582130" spans="8:8">
      <c r="H582130" s="12"/>
    </row>
    <row r="582131" spans="8:8">
      <c r="H582131" s="12"/>
    </row>
    <row r="582132" spans="8:8">
      <c r="H582132" s="12"/>
    </row>
    <row r="582133" spans="8:8">
      <c r="H582133" s="12"/>
    </row>
    <row r="582134" spans="8:8">
      <c r="H582134" s="12"/>
    </row>
    <row r="582135" spans="8:8">
      <c r="H582135" s="12"/>
    </row>
    <row r="582136" spans="8:8">
      <c r="H582136" s="12"/>
    </row>
    <row r="582137" spans="8:8">
      <c r="H582137" s="12"/>
    </row>
    <row r="582138" spans="8:8">
      <c r="H582138" s="12"/>
    </row>
    <row r="582139" spans="8:8">
      <c r="H582139" s="12"/>
    </row>
    <row r="582140" spans="8:8">
      <c r="H582140" s="12"/>
    </row>
    <row r="582141" spans="8:8">
      <c r="H582141" s="12"/>
    </row>
    <row r="582142" spans="8:8">
      <c r="H582142" s="12"/>
    </row>
    <row r="582143" spans="8:8">
      <c r="H582143" s="12"/>
    </row>
    <row r="582144" spans="8:8">
      <c r="H582144" s="12"/>
    </row>
    <row r="582145" spans="8:8">
      <c r="H582145" s="12"/>
    </row>
    <row r="582146" spans="8:8">
      <c r="H582146" s="12"/>
    </row>
    <row r="582147" spans="8:8">
      <c r="H582147" s="12"/>
    </row>
    <row r="582148" spans="8:8">
      <c r="H582148" s="12"/>
    </row>
    <row r="582149" spans="8:8">
      <c r="H582149" s="12"/>
    </row>
    <row r="582150" spans="8:8">
      <c r="H582150" s="12"/>
    </row>
    <row r="582151" spans="8:8">
      <c r="H582151" s="12"/>
    </row>
    <row r="582152" spans="8:8">
      <c r="H582152" s="12"/>
    </row>
    <row r="582153" spans="8:8">
      <c r="H582153" s="12"/>
    </row>
    <row r="582154" spans="8:8">
      <c r="H582154" s="12"/>
    </row>
    <row r="582155" spans="8:8">
      <c r="H582155" s="12"/>
    </row>
    <row r="582156" spans="8:8">
      <c r="H582156" s="12"/>
    </row>
    <row r="582157" spans="8:8">
      <c r="H582157" s="12"/>
    </row>
    <row r="582158" spans="8:8">
      <c r="H582158" s="12"/>
    </row>
    <row r="582159" spans="8:8">
      <c r="H582159" s="12"/>
    </row>
    <row r="582160" spans="8:8">
      <c r="H582160" s="12"/>
    </row>
    <row r="582161" spans="8:8">
      <c r="H582161" s="12"/>
    </row>
    <row r="582162" spans="8:8">
      <c r="H582162" s="12"/>
    </row>
    <row r="582163" spans="8:8">
      <c r="H582163" s="12"/>
    </row>
    <row r="582164" spans="8:8">
      <c r="H582164" s="12"/>
    </row>
    <row r="582165" spans="8:8">
      <c r="H582165" s="12"/>
    </row>
    <row r="582166" spans="8:8">
      <c r="H582166" s="12"/>
    </row>
    <row r="582167" spans="8:8">
      <c r="H582167" s="12"/>
    </row>
    <row r="582168" spans="8:8">
      <c r="H582168" s="12"/>
    </row>
    <row r="582169" spans="8:8">
      <c r="H582169" s="12"/>
    </row>
    <row r="582170" spans="8:8">
      <c r="H582170" s="12"/>
    </row>
    <row r="582171" spans="8:8">
      <c r="H582171" s="12"/>
    </row>
    <row r="582172" spans="8:8">
      <c r="H582172" s="12"/>
    </row>
    <row r="582173" spans="8:8">
      <c r="H582173" s="12"/>
    </row>
    <row r="582174" spans="8:8">
      <c r="H582174" s="12"/>
    </row>
    <row r="582175" spans="8:8">
      <c r="H582175" s="12"/>
    </row>
    <row r="582176" spans="8:8">
      <c r="H582176" s="12"/>
    </row>
    <row r="582177" spans="8:8">
      <c r="H582177" s="12"/>
    </row>
    <row r="582178" spans="8:8">
      <c r="H582178" s="12"/>
    </row>
    <row r="582179" spans="8:8">
      <c r="H582179" s="12"/>
    </row>
    <row r="582180" spans="8:8">
      <c r="H582180" s="12"/>
    </row>
    <row r="582181" spans="8:8">
      <c r="H582181" s="12"/>
    </row>
    <row r="582182" spans="8:8">
      <c r="H582182" s="12"/>
    </row>
    <row r="582183" spans="8:8">
      <c r="H582183" s="12"/>
    </row>
    <row r="582184" spans="8:8">
      <c r="H582184" s="12"/>
    </row>
    <row r="582185" spans="8:8">
      <c r="H582185" s="12"/>
    </row>
    <row r="582186" spans="8:8">
      <c r="H582186" s="12"/>
    </row>
    <row r="582187" spans="8:8">
      <c r="H582187" s="12"/>
    </row>
    <row r="582188" spans="8:8">
      <c r="H582188" s="12"/>
    </row>
    <row r="582189" spans="8:8">
      <c r="H582189" s="12"/>
    </row>
    <row r="582190" spans="8:8">
      <c r="H582190" s="12"/>
    </row>
    <row r="582191" spans="8:8">
      <c r="H582191" s="12"/>
    </row>
    <row r="582192" spans="8:8">
      <c r="H582192" s="12"/>
    </row>
    <row r="582193" spans="8:8">
      <c r="H582193" s="12"/>
    </row>
    <row r="582194" spans="8:8">
      <c r="H582194" s="12"/>
    </row>
    <row r="582195" spans="8:8">
      <c r="H582195" s="12"/>
    </row>
    <row r="582196" spans="8:8">
      <c r="H582196" s="12"/>
    </row>
    <row r="582197" spans="8:8">
      <c r="H582197" s="12"/>
    </row>
    <row r="582198" spans="8:8">
      <c r="H582198" s="12"/>
    </row>
    <row r="582199" spans="8:8">
      <c r="H582199" s="12"/>
    </row>
    <row r="582200" spans="8:8">
      <c r="H582200" s="12"/>
    </row>
    <row r="582201" spans="8:8">
      <c r="H582201" s="12"/>
    </row>
    <row r="582202" spans="8:8">
      <c r="H582202" s="12"/>
    </row>
    <row r="582203" spans="8:8">
      <c r="H582203" s="12"/>
    </row>
    <row r="582204" spans="8:8">
      <c r="H582204" s="12"/>
    </row>
    <row r="582205" spans="8:8">
      <c r="H582205" s="12"/>
    </row>
    <row r="582206" spans="8:8">
      <c r="H582206" s="12"/>
    </row>
    <row r="582207" spans="8:8">
      <c r="H582207" s="12"/>
    </row>
    <row r="582208" spans="8:8">
      <c r="H582208" s="12"/>
    </row>
    <row r="582209" spans="8:8">
      <c r="H582209" s="12"/>
    </row>
    <row r="582210" spans="8:8">
      <c r="H582210" s="12"/>
    </row>
    <row r="582211" spans="8:8">
      <c r="H582211" s="12"/>
    </row>
    <row r="582212" spans="8:8">
      <c r="H582212" s="12"/>
    </row>
    <row r="582213" spans="8:8">
      <c r="H582213" s="12"/>
    </row>
    <row r="582214" spans="8:8">
      <c r="H582214" s="12"/>
    </row>
    <row r="582215" spans="8:8">
      <c r="H582215" s="12"/>
    </row>
    <row r="582216" spans="8:8">
      <c r="H582216" s="12"/>
    </row>
    <row r="582217" spans="8:8">
      <c r="H582217" s="12"/>
    </row>
    <row r="582218" spans="8:8">
      <c r="H582218" s="12"/>
    </row>
    <row r="582219" spans="8:8">
      <c r="H582219" s="12"/>
    </row>
    <row r="582220" spans="8:8">
      <c r="H582220" s="12"/>
    </row>
    <row r="582221" spans="8:8">
      <c r="H582221" s="12"/>
    </row>
    <row r="582222" spans="8:8">
      <c r="H582222" s="12"/>
    </row>
    <row r="582223" spans="8:8">
      <c r="H582223" s="12"/>
    </row>
    <row r="582224" spans="8:8">
      <c r="H582224" s="12"/>
    </row>
    <row r="582225" spans="8:8">
      <c r="H582225" s="12"/>
    </row>
    <row r="582226" spans="8:8">
      <c r="H582226" s="12"/>
    </row>
    <row r="582227" spans="8:8">
      <c r="H582227" s="12"/>
    </row>
    <row r="582228" spans="8:8">
      <c r="H582228" s="12"/>
    </row>
    <row r="582229" spans="8:8">
      <c r="H582229" s="12"/>
    </row>
    <row r="582230" spans="8:8">
      <c r="H582230" s="12"/>
    </row>
    <row r="582231" spans="8:8">
      <c r="H582231" s="12"/>
    </row>
    <row r="582232" spans="8:8">
      <c r="H582232" s="12"/>
    </row>
    <row r="582233" spans="8:8">
      <c r="H582233" s="12"/>
    </row>
    <row r="582234" spans="8:8">
      <c r="H582234" s="12"/>
    </row>
    <row r="582235" spans="8:8">
      <c r="H582235" s="12"/>
    </row>
    <row r="582236" spans="8:8">
      <c r="H582236" s="12"/>
    </row>
    <row r="582237" spans="8:8">
      <c r="H582237" s="12"/>
    </row>
    <row r="582238" spans="8:8">
      <c r="H582238" s="12"/>
    </row>
    <row r="582239" spans="8:8">
      <c r="H582239" s="12"/>
    </row>
    <row r="582240" spans="8:8">
      <c r="H582240" s="12"/>
    </row>
    <row r="582241" spans="8:8">
      <c r="H582241" s="12"/>
    </row>
    <row r="582242" spans="8:8">
      <c r="H582242" s="12"/>
    </row>
    <row r="582243" spans="8:8">
      <c r="H582243" s="12"/>
    </row>
    <row r="582244" spans="8:8">
      <c r="H582244" s="12"/>
    </row>
    <row r="582245" spans="8:8">
      <c r="H582245" s="12"/>
    </row>
    <row r="582246" spans="8:8">
      <c r="H582246" s="12"/>
    </row>
    <row r="582247" spans="8:8">
      <c r="H582247" s="12"/>
    </row>
    <row r="582248" spans="8:8">
      <c r="H582248" s="12"/>
    </row>
    <row r="582249" spans="8:8">
      <c r="H582249" s="12"/>
    </row>
    <row r="582250" spans="8:8">
      <c r="H582250" s="12"/>
    </row>
    <row r="582251" spans="8:8">
      <c r="H582251" s="12"/>
    </row>
    <row r="582252" spans="8:8">
      <c r="H582252" s="12"/>
    </row>
    <row r="582253" spans="8:8">
      <c r="H582253" s="12"/>
    </row>
    <row r="582254" spans="8:8">
      <c r="H582254" s="12"/>
    </row>
    <row r="582255" spans="8:8">
      <c r="H582255" s="12"/>
    </row>
    <row r="582256" spans="8:8">
      <c r="H582256" s="12"/>
    </row>
    <row r="582257" spans="8:8">
      <c r="H582257" s="12"/>
    </row>
    <row r="582258" spans="8:8">
      <c r="H582258" s="12"/>
    </row>
    <row r="582259" spans="8:8">
      <c r="H582259" s="12"/>
    </row>
    <row r="582260" spans="8:8">
      <c r="H582260" s="12"/>
    </row>
    <row r="582261" spans="8:8">
      <c r="H582261" s="12"/>
    </row>
    <row r="582262" spans="8:8">
      <c r="H582262" s="12"/>
    </row>
    <row r="582263" spans="8:8">
      <c r="H582263" s="12"/>
    </row>
    <row r="582264" spans="8:8">
      <c r="H582264" s="12"/>
    </row>
    <row r="582265" spans="8:8">
      <c r="H582265" s="12"/>
    </row>
    <row r="582266" spans="8:8">
      <c r="H582266" s="12"/>
    </row>
    <row r="582267" spans="8:8">
      <c r="H582267" s="12"/>
    </row>
    <row r="582268" spans="8:8">
      <c r="H582268" s="12"/>
    </row>
    <row r="582269" spans="8:8">
      <c r="H582269" s="12"/>
    </row>
    <row r="582270" spans="8:8">
      <c r="H582270" s="12"/>
    </row>
    <row r="582271" spans="8:8">
      <c r="H582271" s="12"/>
    </row>
    <row r="582272" spans="8:8">
      <c r="H582272" s="12"/>
    </row>
    <row r="582273" spans="8:8">
      <c r="H582273" s="12"/>
    </row>
    <row r="582274" spans="8:8">
      <c r="H582274" s="12"/>
    </row>
    <row r="582275" spans="8:8">
      <c r="H582275" s="12"/>
    </row>
    <row r="582276" spans="8:8">
      <c r="H582276" s="12"/>
    </row>
    <row r="582277" spans="8:8">
      <c r="H582277" s="12"/>
    </row>
    <row r="582278" spans="8:8">
      <c r="H582278" s="12"/>
    </row>
    <row r="582279" spans="8:8">
      <c r="H582279" s="12"/>
    </row>
    <row r="582280" spans="8:8">
      <c r="H582280" s="12"/>
    </row>
    <row r="582281" spans="8:8">
      <c r="H582281" s="12"/>
    </row>
    <row r="582282" spans="8:8">
      <c r="H582282" s="12"/>
    </row>
    <row r="582283" spans="8:8">
      <c r="H582283" s="12"/>
    </row>
    <row r="582284" spans="8:8">
      <c r="H582284" s="12"/>
    </row>
    <row r="582285" spans="8:8">
      <c r="H582285" s="12"/>
    </row>
    <row r="582286" spans="8:8">
      <c r="H582286" s="12"/>
    </row>
    <row r="582287" spans="8:8">
      <c r="H582287" s="12"/>
    </row>
    <row r="582288" spans="8:8">
      <c r="H582288" s="12"/>
    </row>
    <row r="582289" spans="8:8">
      <c r="H582289" s="12"/>
    </row>
    <row r="582290" spans="8:8">
      <c r="H582290" s="12"/>
    </row>
    <row r="582291" spans="8:8">
      <c r="H582291" s="12"/>
    </row>
    <row r="582292" spans="8:8">
      <c r="H582292" s="12"/>
    </row>
    <row r="582293" spans="8:8">
      <c r="H582293" s="12"/>
    </row>
    <row r="582294" spans="8:8">
      <c r="H582294" s="12"/>
    </row>
    <row r="582295" spans="8:8">
      <c r="H582295" s="12"/>
    </row>
    <row r="582296" spans="8:8">
      <c r="H582296" s="12"/>
    </row>
    <row r="582297" spans="8:8">
      <c r="H582297" s="12"/>
    </row>
    <row r="582298" spans="8:8">
      <c r="H582298" s="12"/>
    </row>
    <row r="582299" spans="8:8">
      <c r="H582299" s="12"/>
    </row>
    <row r="582300" spans="8:8">
      <c r="H582300" s="12"/>
    </row>
    <row r="582301" spans="8:8">
      <c r="H582301" s="12"/>
    </row>
    <row r="582302" spans="8:8">
      <c r="H582302" s="12"/>
    </row>
    <row r="582303" spans="8:8">
      <c r="H582303" s="12"/>
    </row>
    <row r="582304" spans="8:8">
      <c r="H582304" s="12"/>
    </row>
    <row r="582305" spans="8:8">
      <c r="H582305" s="12"/>
    </row>
    <row r="582306" spans="8:8">
      <c r="H582306" s="12"/>
    </row>
    <row r="582307" spans="8:8">
      <c r="H582307" s="12"/>
    </row>
    <row r="582308" spans="8:8">
      <c r="H582308" s="12"/>
    </row>
    <row r="582309" spans="8:8">
      <c r="H582309" s="12"/>
    </row>
    <row r="582310" spans="8:8">
      <c r="H582310" s="12"/>
    </row>
    <row r="582311" spans="8:8">
      <c r="H582311" s="12"/>
    </row>
    <row r="582312" spans="8:8">
      <c r="H582312" s="12"/>
    </row>
    <row r="582313" spans="8:8">
      <c r="H582313" s="12"/>
    </row>
    <row r="582314" spans="8:8">
      <c r="H582314" s="12"/>
    </row>
    <row r="582315" spans="8:8">
      <c r="H582315" s="12"/>
    </row>
    <row r="582316" spans="8:8">
      <c r="H582316" s="12"/>
    </row>
    <row r="582317" spans="8:8">
      <c r="H582317" s="12"/>
    </row>
    <row r="582318" spans="8:8">
      <c r="H582318" s="12"/>
    </row>
    <row r="582319" spans="8:8">
      <c r="H582319" s="12"/>
    </row>
    <row r="582320" spans="8:8">
      <c r="H582320" s="12"/>
    </row>
    <row r="582321" spans="8:8">
      <c r="H582321" s="12"/>
    </row>
    <row r="582322" spans="8:8">
      <c r="H582322" s="12"/>
    </row>
    <row r="582323" spans="8:8">
      <c r="H582323" s="12"/>
    </row>
    <row r="582324" spans="8:8">
      <c r="H582324" s="12"/>
    </row>
    <row r="582325" spans="8:8">
      <c r="H582325" s="12"/>
    </row>
    <row r="582326" spans="8:8">
      <c r="H582326" s="12"/>
    </row>
    <row r="582327" spans="8:8">
      <c r="H582327" s="12"/>
    </row>
    <row r="582328" spans="8:8">
      <c r="H582328" s="12"/>
    </row>
    <row r="582329" spans="8:8">
      <c r="H582329" s="12"/>
    </row>
    <row r="582330" spans="8:8">
      <c r="H582330" s="12"/>
    </row>
    <row r="582331" spans="8:8">
      <c r="H582331" s="12"/>
    </row>
    <row r="582332" spans="8:8">
      <c r="H582332" s="12"/>
    </row>
    <row r="582333" spans="8:8">
      <c r="H582333" s="12"/>
    </row>
    <row r="582334" spans="8:8">
      <c r="H582334" s="12"/>
    </row>
    <row r="582335" spans="8:8">
      <c r="H582335" s="12"/>
    </row>
    <row r="582336" spans="8:8">
      <c r="H582336" s="12"/>
    </row>
    <row r="582337" spans="8:8">
      <c r="H582337" s="12"/>
    </row>
    <row r="582338" spans="8:8">
      <c r="H582338" s="12"/>
    </row>
    <row r="582339" spans="8:8">
      <c r="H582339" s="12"/>
    </row>
    <row r="582340" spans="8:8">
      <c r="H582340" s="12"/>
    </row>
    <row r="582341" spans="8:8">
      <c r="H582341" s="12"/>
    </row>
    <row r="582342" spans="8:8">
      <c r="H582342" s="12"/>
    </row>
    <row r="582343" spans="8:8">
      <c r="H582343" s="12"/>
    </row>
    <row r="582344" spans="8:8">
      <c r="H582344" s="12"/>
    </row>
    <row r="582345" spans="8:8">
      <c r="H582345" s="12"/>
    </row>
    <row r="582346" spans="8:8">
      <c r="H582346" s="12"/>
    </row>
    <row r="582347" spans="8:8">
      <c r="H582347" s="12"/>
    </row>
    <row r="582348" spans="8:8">
      <c r="H582348" s="12"/>
    </row>
    <row r="582349" spans="8:8">
      <c r="H582349" s="12"/>
    </row>
    <row r="582350" spans="8:8">
      <c r="H582350" s="12"/>
    </row>
    <row r="582351" spans="8:8">
      <c r="H582351" s="12"/>
    </row>
    <row r="582352" spans="8:8">
      <c r="H582352" s="12"/>
    </row>
    <row r="582353" spans="8:8">
      <c r="H582353" s="12"/>
    </row>
    <row r="582354" spans="8:8">
      <c r="H582354" s="12"/>
    </row>
    <row r="582355" spans="8:8">
      <c r="H582355" s="12"/>
    </row>
    <row r="582356" spans="8:8">
      <c r="H582356" s="12"/>
    </row>
    <row r="582357" spans="8:8">
      <c r="H582357" s="12"/>
    </row>
    <row r="582358" spans="8:8">
      <c r="H582358" s="12"/>
    </row>
    <row r="582359" spans="8:8">
      <c r="H582359" s="12"/>
    </row>
    <row r="582360" spans="8:8">
      <c r="H582360" s="12"/>
    </row>
    <row r="582361" spans="8:8">
      <c r="H582361" s="12"/>
    </row>
    <row r="582362" spans="8:8">
      <c r="H582362" s="12"/>
    </row>
    <row r="582363" spans="8:8">
      <c r="H582363" s="12"/>
    </row>
    <row r="582364" spans="8:8">
      <c r="H582364" s="12"/>
    </row>
    <row r="582365" spans="8:8">
      <c r="H582365" s="12"/>
    </row>
    <row r="582366" spans="8:8">
      <c r="H582366" s="12"/>
    </row>
    <row r="582367" spans="8:8">
      <c r="H582367" s="12"/>
    </row>
    <row r="582368" spans="8:8">
      <c r="H582368" s="12"/>
    </row>
    <row r="582369" spans="8:8">
      <c r="H582369" s="12"/>
    </row>
    <row r="582370" spans="8:8">
      <c r="H582370" s="12"/>
    </row>
    <row r="582371" spans="8:8">
      <c r="H582371" s="12"/>
    </row>
    <row r="582372" spans="8:8">
      <c r="H582372" s="12"/>
    </row>
    <row r="582373" spans="8:8">
      <c r="H582373" s="12"/>
    </row>
    <row r="582374" spans="8:8">
      <c r="H582374" s="12"/>
    </row>
    <row r="582375" spans="8:8">
      <c r="H582375" s="12"/>
    </row>
    <row r="582376" spans="8:8">
      <c r="H582376" s="12"/>
    </row>
    <row r="582377" spans="8:8">
      <c r="H582377" s="12"/>
    </row>
    <row r="582378" spans="8:8">
      <c r="H582378" s="12"/>
    </row>
    <row r="582379" spans="8:8">
      <c r="H582379" s="12"/>
    </row>
    <row r="582380" spans="8:8">
      <c r="H582380" s="12"/>
    </row>
    <row r="582381" spans="8:8">
      <c r="H582381" s="12"/>
    </row>
    <row r="582382" spans="8:8">
      <c r="H582382" s="12"/>
    </row>
    <row r="582383" spans="8:8">
      <c r="H582383" s="12"/>
    </row>
    <row r="582384" spans="8:8">
      <c r="H582384" s="12"/>
    </row>
    <row r="582385" spans="8:8">
      <c r="H582385" s="12"/>
    </row>
    <row r="582386" spans="8:8">
      <c r="H582386" s="12"/>
    </row>
    <row r="582387" spans="8:8">
      <c r="H582387" s="12"/>
    </row>
    <row r="582388" spans="8:8">
      <c r="H582388" s="12"/>
    </row>
    <row r="582389" spans="8:8">
      <c r="H582389" s="12"/>
    </row>
    <row r="582390" spans="8:8">
      <c r="H582390" s="12"/>
    </row>
    <row r="582391" spans="8:8">
      <c r="H582391" s="12"/>
    </row>
    <row r="582392" spans="8:8">
      <c r="H582392" s="12"/>
    </row>
    <row r="582393" spans="8:8">
      <c r="H582393" s="12"/>
    </row>
    <row r="582394" spans="8:8">
      <c r="H582394" s="12"/>
    </row>
    <row r="582395" spans="8:8">
      <c r="H582395" s="12"/>
    </row>
    <row r="582396" spans="8:8">
      <c r="H582396" s="12"/>
    </row>
    <row r="582397" spans="8:8">
      <c r="H582397" s="12"/>
    </row>
    <row r="582398" spans="8:8">
      <c r="H582398" s="12"/>
    </row>
    <row r="582399" spans="8:8">
      <c r="H582399" s="12"/>
    </row>
    <row r="582400" spans="8:8">
      <c r="H582400" s="12"/>
    </row>
    <row r="582401" spans="8:8">
      <c r="H582401" s="12"/>
    </row>
    <row r="582402" spans="8:8">
      <c r="H582402" s="12"/>
    </row>
    <row r="582403" spans="8:8">
      <c r="H582403" s="12"/>
    </row>
    <row r="582404" spans="8:8">
      <c r="H582404" s="12"/>
    </row>
    <row r="582405" spans="8:8">
      <c r="H582405" s="12"/>
    </row>
    <row r="582406" spans="8:8">
      <c r="H582406" s="12"/>
    </row>
    <row r="582407" spans="8:8">
      <c r="H582407" s="12"/>
    </row>
    <row r="582408" spans="8:8">
      <c r="H582408" s="12"/>
    </row>
    <row r="582409" spans="8:8">
      <c r="H582409" s="12"/>
    </row>
    <row r="582410" spans="8:8">
      <c r="H582410" s="12"/>
    </row>
    <row r="582411" spans="8:8">
      <c r="H582411" s="12"/>
    </row>
    <row r="582412" spans="8:8">
      <c r="H582412" s="12"/>
    </row>
    <row r="582413" spans="8:8">
      <c r="H582413" s="12"/>
    </row>
    <row r="582414" spans="8:8">
      <c r="H582414" s="12"/>
    </row>
    <row r="582415" spans="8:8">
      <c r="H582415" s="12"/>
    </row>
    <row r="582416" spans="8:8">
      <c r="H582416" s="12"/>
    </row>
    <row r="582417" spans="8:8">
      <c r="H582417" s="12"/>
    </row>
    <row r="582418" spans="8:8">
      <c r="H582418" s="12"/>
    </row>
    <row r="582419" spans="8:8">
      <c r="H582419" s="12"/>
    </row>
    <row r="582420" spans="8:8">
      <c r="H582420" s="12"/>
    </row>
    <row r="582421" spans="8:8">
      <c r="H582421" s="12"/>
    </row>
    <row r="582422" spans="8:8">
      <c r="H582422" s="12"/>
    </row>
    <row r="582423" spans="8:8">
      <c r="H582423" s="12"/>
    </row>
    <row r="582424" spans="8:8">
      <c r="H582424" s="12"/>
    </row>
    <row r="582425" spans="8:8">
      <c r="H582425" s="12"/>
    </row>
    <row r="582426" spans="8:8">
      <c r="H582426" s="12"/>
    </row>
    <row r="582427" spans="8:8">
      <c r="H582427" s="12"/>
    </row>
    <row r="582428" spans="8:8">
      <c r="H582428" s="12"/>
    </row>
    <row r="582429" spans="8:8">
      <c r="H582429" s="12"/>
    </row>
    <row r="582430" spans="8:8">
      <c r="H582430" s="12"/>
    </row>
    <row r="582431" spans="8:8">
      <c r="H582431" s="12"/>
    </row>
    <row r="582432" spans="8:8">
      <c r="H582432" s="12"/>
    </row>
    <row r="582433" spans="8:8">
      <c r="H582433" s="12"/>
    </row>
    <row r="582434" spans="8:8">
      <c r="H582434" s="12"/>
    </row>
    <row r="582435" spans="8:8">
      <c r="H582435" s="12"/>
    </row>
    <row r="582436" spans="8:8">
      <c r="H582436" s="12"/>
    </row>
    <row r="582437" spans="8:8">
      <c r="H582437" s="12"/>
    </row>
    <row r="582438" spans="8:8">
      <c r="H582438" s="12"/>
    </row>
    <row r="582439" spans="8:8">
      <c r="H582439" s="12"/>
    </row>
    <row r="582440" spans="8:8">
      <c r="H582440" s="12"/>
    </row>
    <row r="582441" spans="8:8">
      <c r="H582441" s="12"/>
    </row>
    <row r="582442" spans="8:8">
      <c r="H582442" s="12"/>
    </row>
    <row r="582443" spans="8:8">
      <c r="H582443" s="12"/>
    </row>
    <row r="582444" spans="8:8">
      <c r="H582444" s="12"/>
    </row>
    <row r="582445" spans="8:8">
      <c r="H582445" s="12"/>
    </row>
    <row r="582446" spans="8:8">
      <c r="H582446" s="12"/>
    </row>
    <row r="582447" spans="8:8">
      <c r="H582447" s="12"/>
    </row>
    <row r="582448" spans="8:8">
      <c r="H582448" s="12"/>
    </row>
    <row r="582449" spans="8:8">
      <c r="H582449" s="12"/>
    </row>
    <row r="582450" spans="8:8">
      <c r="H582450" s="12"/>
    </row>
    <row r="582451" spans="8:8">
      <c r="H582451" s="12"/>
    </row>
    <row r="582452" spans="8:8">
      <c r="H582452" s="12"/>
    </row>
    <row r="582453" spans="8:8">
      <c r="H582453" s="12"/>
    </row>
    <row r="582454" spans="8:8">
      <c r="H582454" s="12"/>
    </row>
    <row r="582455" spans="8:8">
      <c r="H582455" s="12"/>
    </row>
    <row r="582456" spans="8:8">
      <c r="H582456" s="12"/>
    </row>
    <row r="582457" spans="8:8">
      <c r="H582457" s="12"/>
    </row>
    <row r="582458" spans="8:8">
      <c r="H582458" s="12"/>
    </row>
    <row r="582459" spans="8:8">
      <c r="H582459" s="12"/>
    </row>
    <row r="582460" spans="8:8">
      <c r="H582460" s="12"/>
    </row>
    <row r="582461" spans="8:8">
      <c r="H582461" s="12"/>
    </row>
    <row r="582462" spans="8:8">
      <c r="H582462" s="12"/>
    </row>
    <row r="582463" spans="8:8">
      <c r="H582463" s="12"/>
    </row>
    <row r="582464" spans="8:8">
      <c r="H582464" s="12"/>
    </row>
    <row r="582465" spans="8:8">
      <c r="H582465" s="12"/>
    </row>
    <row r="582466" spans="8:8">
      <c r="H582466" s="12"/>
    </row>
    <row r="582467" spans="8:8">
      <c r="H582467" s="12"/>
    </row>
    <row r="582468" spans="8:8">
      <c r="H582468" s="12"/>
    </row>
    <row r="582469" spans="8:8">
      <c r="H582469" s="12"/>
    </row>
    <row r="582470" spans="8:8">
      <c r="H582470" s="12"/>
    </row>
    <row r="582471" spans="8:8">
      <c r="H582471" s="12"/>
    </row>
    <row r="582472" spans="8:8">
      <c r="H582472" s="12"/>
    </row>
    <row r="582473" spans="8:8">
      <c r="H582473" s="12"/>
    </row>
    <row r="582474" spans="8:8">
      <c r="H582474" s="12"/>
    </row>
    <row r="582475" spans="8:8">
      <c r="H582475" s="12"/>
    </row>
    <row r="582476" spans="8:8">
      <c r="H582476" s="12"/>
    </row>
    <row r="582477" spans="8:8">
      <c r="H582477" s="12"/>
    </row>
    <row r="582478" spans="8:8">
      <c r="H582478" s="12"/>
    </row>
    <row r="582479" spans="8:8">
      <c r="H582479" s="12"/>
    </row>
    <row r="582480" spans="8:8">
      <c r="H582480" s="12"/>
    </row>
    <row r="582481" spans="8:8">
      <c r="H582481" s="12"/>
    </row>
    <row r="582482" spans="8:8">
      <c r="H582482" s="12"/>
    </row>
    <row r="582483" spans="8:8">
      <c r="H582483" s="12"/>
    </row>
    <row r="582484" spans="8:8">
      <c r="H582484" s="12"/>
    </row>
    <row r="582485" spans="8:8">
      <c r="H582485" s="12"/>
    </row>
    <row r="582486" spans="8:8">
      <c r="H582486" s="12"/>
    </row>
    <row r="582487" spans="8:8">
      <c r="H582487" s="12"/>
    </row>
    <row r="582488" spans="8:8">
      <c r="H582488" s="12"/>
    </row>
    <row r="582489" spans="8:8">
      <c r="H582489" s="12"/>
    </row>
    <row r="582490" spans="8:8">
      <c r="H582490" s="12"/>
    </row>
    <row r="582491" spans="8:8">
      <c r="H582491" s="12"/>
    </row>
    <row r="582492" spans="8:8">
      <c r="H582492" s="12"/>
    </row>
    <row r="582493" spans="8:8">
      <c r="H582493" s="12"/>
    </row>
    <row r="582494" spans="8:8">
      <c r="H582494" s="12"/>
    </row>
    <row r="582495" spans="8:8">
      <c r="H582495" s="12"/>
    </row>
    <row r="582496" spans="8:8">
      <c r="H582496" s="12"/>
    </row>
    <row r="582497" spans="8:8">
      <c r="H582497" s="12"/>
    </row>
    <row r="582498" spans="8:8">
      <c r="H582498" s="12"/>
    </row>
    <row r="582499" spans="8:8">
      <c r="H582499" s="12"/>
    </row>
    <row r="582500" spans="8:8">
      <c r="H582500" s="12"/>
    </row>
    <row r="582501" spans="8:8">
      <c r="H582501" s="12"/>
    </row>
    <row r="582502" spans="8:8">
      <c r="H582502" s="12"/>
    </row>
    <row r="582503" spans="8:8">
      <c r="H582503" s="12"/>
    </row>
    <row r="582504" spans="8:8">
      <c r="H582504" s="12"/>
    </row>
    <row r="582505" spans="8:8">
      <c r="H582505" s="12"/>
    </row>
    <row r="582506" spans="8:8">
      <c r="H582506" s="12"/>
    </row>
    <row r="582507" spans="8:8">
      <c r="H582507" s="12"/>
    </row>
    <row r="582508" spans="8:8">
      <c r="H582508" s="12"/>
    </row>
    <row r="582509" spans="8:8">
      <c r="H582509" s="12"/>
    </row>
    <row r="582510" spans="8:8">
      <c r="H582510" s="12"/>
    </row>
    <row r="582511" spans="8:8">
      <c r="H582511" s="12"/>
    </row>
    <row r="582512" spans="8:8">
      <c r="H582512" s="12"/>
    </row>
    <row r="582513" spans="8:8">
      <c r="H582513" s="12"/>
    </row>
    <row r="582514" spans="8:8">
      <c r="H582514" s="12"/>
    </row>
    <row r="582515" spans="8:8">
      <c r="H582515" s="12"/>
    </row>
    <row r="582516" spans="8:8">
      <c r="H582516" s="12"/>
    </row>
    <row r="582517" spans="8:8">
      <c r="H582517" s="12"/>
    </row>
    <row r="582518" spans="8:8">
      <c r="H582518" s="12"/>
    </row>
    <row r="582519" spans="8:8">
      <c r="H582519" s="12"/>
    </row>
    <row r="582520" spans="8:8">
      <c r="H582520" s="12"/>
    </row>
    <row r="582521" spans="8:8">
      <c r="H582521" s="12"/>
    </row>
    <row r="582522" spans="8:8">
      <c r="H582522" s="12"/>
    </row>
    <row r="582523" spans="8:8">
      <c r="H582523" s="12"/>
    </row>
    <row r="582524" spans="8:8">
      <c r="H582524" s="12"/>
    </row>
    <row r="582525" spans="8:8">
      <c r="H582525" s="12"/>
    </row>
    <row r="582526" spans="8:8">
      <c r="H582526" s="12"/>
    </row>
    <row r="582527" spans="8:8">
      <c r="H582527" s="12"/>
    </row>
    <row r="582528" spans="8:8">
      <c r="H582528" s="12"/>
    </row>
    <row r="582529" spans="8:8">
      <c r="H582529" s="12"/>
    </row>
    <row r="582530" spans="8:8">
      <c r="H582530" s="12"/>
    </row>
    <row r="582531" spans="8:8">
      <c r="H582531" s="12"/>
    </row>
    <row r="582532" spans="8:8">
      <c r="H582532" s="12"/>
    </row>
    <row r="582533" spans="8:8">
      <c r="H582533" s="12"/>
    </row>
    <row r="582534" spans="8:8">
      <c r="H582534" s="12"/>
    </row>
    <row r="582535" spans="8:8">
      <c r="H582535" s="12"/>
    </row>
    <row r="582536" spans="8:8">
      <c r="H582536" s="12"/>
    </row>
    <row r="582537" spans="8:8">
      <c r="H582537" s="12"/>
    </row>
    <row r="582538" spans="8:8">
      <c r="H582538" s="12"/>
    </row>
    <row r="582539" spans="8:8">
      <c r="H582539" s="12"/>
    </row>
    <row r="582540" spans="8:8">
      <c r="H582540" s="12"/>
    </row>
    <row r="582541" spans="8:8">
      <c r="H582541" s="12"/>
    </row>
    <row r="582542" spans="8:8">
      <c r="H582542" s="12"/>
    </row>
    <row r="582543" spans="8:8">
      <c r="H582543" s="12"/>
    </row>
    <row r="582544" spans="8:8">
      <c r="H582544" s="12"/>
    </row>
    <row r="582545" spans="8:8">
      <c r="H582545" s="12"/>
    </row>
    <row r="582546" spans="8:8">
      <c r="H582546" s="12"/>
    </row>
    <row r="582547" spans="8:8">
      <c r="H582547" s="12"/>
    </row>
    <row r="582548" spans="8:8">
      <c r="H582548" s="12"/>
    </row>
    <row r="582549" spans="8:8">
      <c r="H582549" s="12"/>
    </row>
    <row r="582550" spans="8:8">
      <c r="H582550" s="12"/>
    </row>
    <row r="582551" spans="8:8">
      <c r="H582551" s="12"/>
    </row>
    <row r="582552" spans="8:8">
      <c r="H582552" s="12"/>
    </row>
    <row r="582553" spans="8:8">
      <c r="H582553" s="12"/>
    </row>
    <row r="582554" spans="8:8">
      <c r="H582554" s="12"/>
    </row>
    <row r="582555" spans="8:8">
      <c r="H582555" s="12"/>
    </row>
    <row r="582556" spans="8:8">
      <c r="H582556" s="12"/>
    </row>
    <row r="582557" spans="8:8">
      <c r="H582557" s="12"/>
    </row>
    <row r="582558" spans="8:8">
      <c r="H582558" s="12"/>
    </row>
    <row r="582559" spans="8:8">
      <c r="H582559" s="12"/>
    </row>
    <row r="582560" spans="8:8">
      <c r="H582560" s="12"/>
    </row>
    <row r="582561" spans="8:8">
      <c r="H582561" s="12"/>
    </row>
    <row r="582562" spans="8:8">
      <c r="H582562" s="12"/>
    </row>
    <row r="582563" spans="8:8">
      <c r="H582563" s="12"/>
    </row>
    <row r="582564" spans="8:8">
      <c r="H582564" s="12"/>
    </row>
    <row r="582565" spans="8:8">
      <c r="H582565" s="12"/>
    </row>
    <row r="582566" spans="8:8">
      <c r="H582566" s="12"/>
    </row>
    <row r="582567" spans="8:8">
      <c r="H582567" s="12"/>
    </row>
    <row r="582568" spans="8:8">
      <c r="H582568" s="12"/>
    </row>
    <row r="582569" spans="8:8">
      <c r="H582569" s="12"/>
    </row>
    <row r="582570" spans="8:8">
      <c r="H582570" s="12"/>
    </row>
    <row r="582571" spans="8:8">
      <c r="H582571" s="12"/>
    </row>
    <row r="582572" spans="8:8">
      <c r="H582572" s="12"/>
    </row>
    <row r="582573" spans="8:8">
      <c r="H582573" s="12"/>
    </row>
    <row r="582574" spans="8:8">
      <c r="H582574" s="12"/>
    </row>
    <row r="582575" spans="8:8">
      <c r="H582575" s="12"/>
    </row>
    <row r="582576" spans="8:8">
      <c r="H582576" s="12"/>
    </row>
    <row r="582577" spans="8:8">
      <c r="H582577" s="12"/>
    </row>
    <row r="582578" spans="8:8">
      <c r="H582578" s="12"/>
    </row>
    <row r="582579" spans="8:8">
      <c r="H582579" s="12"/>
    </row>
    <row r="582580" spans="8:8">
      <c r="H582580" s="12"/>
    </row>
    <row r="582581" spans="8:8">
      <c r="H582581" s="12"/>
    </row>
    <row r="582582" spans="8:8">
      <c r="H582582" s="12"/>
    </row>
    <row r="582583" spans="8:8">
      <c r="H582583" s="12"/>
    </row>
    <row r="582584" spans="8:8">
      <c r="H582584" s="12"/>
    </row>
    <row r="582585" spans="8:8">
      <c r="H582585" s="12"/>
    </row>
    <row r="582586" spans="8:8">
      <c r="H582586" s="12"/>
    </row>
    <row r="582587" spans="8:8">
      <c r="H582587" s="12"/>
    </row>
    <row r="582588" spans="8:8">
      <c r="H582588" s="12"/>
    </row>
    <row r="582589" spans="8:8">
      <c r="H582589" s="12"/>
    </row>
    <row r="582590" spans="8:8">
      <c r="H582590" s="12"/>
    </row>
    <row r="582591" spans="8:8">
      <c r="H582591" s="12"/>
    </row>
    <row r="582592" spans="8:8">
      <c r="H582592" s="12"/>
    </row>
    <row r="582593" spans="8:8">
      <c r="H582593" s="12"/>
    </row>
    <row r="582594" spans="8:8">
      <c r="H582594" s="12"/>
    </row>
    <row r="582595" spans="8:8">
      <c r="H582595" s="12"/>
    </row>
    <row r="582596" spans="8:8">
      <c r="H582596" s="12"/>
    </row>
    <row r="582597" spans="8:8">
      <c r="H582597" s="12"/>
    </row>
    <row r="582598" spans="8:8">
      <c r="H582598" s="12"/>
    </row>
    <row r="582599" spans="8:8">
      <c r="H582599" s="12"/>
    </row>
    <row r="582600" spans="8:8">
      <c r="H582600" s="12"/>
    </row>
    <row r="582601" spans="8:8">
      <c r="H582601" s="12"/>
    </row>
    <row r="582602" spans="8:8">
      <c r="H582602" s="12"/>
    </row>
    <row r="582603" spans="8:8">
      <c r="H582603" s="12"/>
    </row>
    <row r="582604" spans="8:8">
      <c r="H582604" s="12"/>
    </row>
    <row r="582605" spans="8:8">
      <c r="H582605" s="12"/>
    </row>
    <row r="582606" spans="8:8">
      <c r="H582606" s="12"/>
    </row>
    <row r="582607" spans="8:8">
      <c r="H582607" s="12"/>
    </row>
    <row r="582608" spans="8:8">
      <c r="H582608" s="12"/>
    </row>
    <row r="582609" spans="8:8">
      <c r="H582609" s="12"/>
    </row>
    <row r="582610" spans="8:8">
      <c r="H582610" s="12"/>
    </row>
    <row r="582611" spans="8:8">
      <c r="H582611" s="12"/>
    </row>
    <row r="582612" spans="8:8">
      <c r="H582612" s="12"/>
    </row>
    <row r="582613" spans="8:8">
      <c r="H582613" s="12"/>
    </row>
    <row r="582614" spans="8:8">
      <c r="H582614" s="12"/>
    </row>
    <row r="582615" spans="8:8">
      <c r="H582615" s="12"/>
    </row>
    <row r="582616" spans="8:8">
      <c r="H582616" s="12"/>
    </row>
    <row r="582617" spans="8:8">
      <c r="H582617" s="12"/>
    </row>
    <row r="582618" spans="8:8">
      <c r="H582618" s="12"/>
    </row>
    <row r="582619" spans="8:8">
      <c r="H582619" s="12"/>
    </row>
    <row r="582620" spans="8:8">
      <c r="H582620" s="12"/>
    </row>
    <row r="582621" spans="8:8">
      <c r="H582621" s="12"/>
    </row>
    <row r="582622" spans="8:8">
      <c r="H582622" s="12"/>
    </row>
    <row r="582623" spans="8:8">
      <c r="H582623" s="12"/>
    </row>
    <row r="582624" spans="8:8">
      <c r="H582624" s="12"/>
    </row>
    <row r="582625" spans="8:8">
      <c r="H582625" s="12"/>
    </row>
    <row r="582626" spans="8:8">
      <c r="H582626" s="12"/>
    </row>
    <row r="582627" spans="8:8">
      <c r="H582627" s="12"/>
    </row>
    <row r="582628" spans="8:8">
      <c r="H582628" s="12"/>
    </row>
    <row r="582629" spans="8:8">
      <c r="H582629" s="12"/>
    </row>
    <row r="582630" spans="8:8">
      <c r="H582630" s="12"/>
    </row>
    <row r="582631" spans="8:8">
      <c r="H582631" s="12"/>
    </row>
    <row r="582632" spans="8:8">
      <c r="H582632" s="12"/>
    </row>
    <row r="582633" spans="8:8">
      <c r="H582633" s="12"/>
    </row>
    <row r="582634" spans="8:8">
      <c r="H582634" s="12"/>
    </row>
    <row r="582635" spans="8:8">
      <c r="H582635" s="12"/>
    </row>
    <row r="582636" spans="8:8">
      <c r="H582636" s="12"/>
    </row>
    <row r="582637" spans="8:8">
      <c r="H582637" s="12"/>
    </row>
    <row r="582638" spans="8:8">
      <c r="H582638" s="12"/>
    </row>
    <row r="582639" spans="8:8">
      <c r="H582639" s="12"/>
    </row>
    <row r="582640" spans="8:8">
      <c r="H582640" s="12"/>
    </row>
    <row r="582641" spans="8:8">
      <c r="H582641" s="12"/>
    </row>
    <row r="582642" spans="8:8">
      <c r="H582642" s="12"/>
    </row>
    <row r="582643" spans="8:8">
      <c r="H582643" s="12"/>
    </row>
    <row r="582644" spans="8:8">
      <c r="H582644" s="12"/>
    </row>
    <row r="582645" spans="8:8">
      <c r="H582645" s="12"/>
    </row>
    <row r="582646" spans="8:8">
      <c r="H582646" s="12"/>
    </row>
    <row r="582647" spans="8:8">
      <c r="H582647" s="12"/>
    </row>
    <row r="582648" spans="8:8">
      <c r="H582648" s="12"/>
    </row>
    <row r="582649" spans="8:8">
      <c r="H582649" s="12"/>
    </row>
    <row r="582650" spans="8:8">
      <c r="H582650" s="12"/>
    </row>
    <row r="582651" spans="8:8">
      <c r="H582651" s="12"/>
    </row>
    <row r="582652" spans="8:8">
      <c r="H582652" s="12"/>
    </row>
    <row r="582653" spans="8:8">
      <c r="H582653" s="12"/>
    </row>
    <row r="582654" spans="8:8">
      <c r="H582654" s="12"/>
    </row>
    <row r="582655" spans="8:8">
      <c r="H582655" s="12"/>
    </row>
    <row r="582656" spans="8:8">
      <c r="H582656" s="12"/>
    </row>
    <row r="582657" spans="8:8">
      <c r="H582657" s="12"/>
    </row>
    <row r="582658" spans="8:8">
      <c r="H582658" s="12"/>
    </row>
    <row r="582659" spans="8:8">
      <c r="H582659" s="12"/>
    </row>
    <row r="582660" spans="8:8">
      <c r="H582660" s="12"/>
    </row>
    <row r="582661" spans="8:8">
      <c r="H582661" s="12"/>
    </row>
    <row r="582662" spans="8:8">
      <c r="H582662" s="12"/>
    </row>
    <row r="582663" spans="8:8">
      <c r="H582663" s="12"/>
    </row>
    <row r="582664" spans="8:8">
      <c r="H582664" s="12"/>
    </row>
    <row r="582665" spans="8:8">
      <c r="H582665" s="12"/>
    </row>
    <row r="582666" spans="8:8">
      <c r="H582666" s="12"/>
    </row>
    <row r="582667" spans="8:8">
      <c r="H582667" s="12"/>
    </row>
    <row r="582668" spans="8:8">
      <c r="H582668" s="12"/>
    </row>
    <row r="582669" spans="8:8">
      <c r="H582669" s="12"/>
    </row>
    <row r="582670" spans="8:8">
      <c r="H582670" s="12"/>
    </row>
    <row r="582671" spans="8:8">
      <c r="H582671" s="12"/>
    </row>
    <row r="582672" spans="8:8">
      <c r="H582672" s="12"/>
    </row>
    <row r="582673" spans="8:8">
      <c r="H582673" s="12"/>
    </row>
    <row r="582674" spans="8:8">
      <c r="H582674" s="12"/>
    </row>
    <row r="582675" spans="8:8">
      <c r="H582675" s="12"/>
    </row>
    <row r="582676" spans="8:8">
      <c r="H582676" s="12"/>
    </row>
    <row r="582677" spans="8:8">
      <c r="H582677" s="12"/>
    </row>
    <row r="582678" spans="8:8">
      <c r="H582678" s="12"/>
    </row>
    <row r="582679" spans="8:8">
      <c r="H582679" s="12"/>
    </row>
    <row r="582680" spans="8:8">
      <c r="H582680" s="12"/>
    </row>
    <row r="582681" spans="8:8">
      <c r="H582681" s="12"/>
    </row>
    <row r="582682" spans="8:8">
      <c r="H582682" s="12"/>
    </row>
    <row r="582683" spans="8:8">
      <c r="H582683" s="12"/>
    </row>
    <row r="582684" spans="8:8">
      <c r="H582684" s="12"/>
    </row>
    <row r="582685" spans="8:8">
      <c r="H582685" s="12"/>
    </row>
    <row r="582686" spans="8:8">
      <c r="H582686" s="12"/>
    </row>
    <row r="582687" spans="8:8">
      <c r="H582687" s="12"/>
    </row>
    <row r="582688" spans="8:8">
      <c r="H582688" s="12"/>
    </row>
    <row r="582689" spans="8:8">
      <c r="H582689" s="12"/>
    </row>
    <row r="582690" spans="8:8">
      <c r="H582690" s="12"/>
    </row>
    <row r="582691" spans="8:8">
      <c r="H582691" s="12"/>
    </row>
    <row r="582692" spans="8:8">
      <c r="H582692" s="12"/>
    </row>
    <row r="582693" spans="8:8">
      <c r="H582693" s="12"/>
    </row>
    <row r="582694" spans="8:8">
      <c r="H582694" s="12"/>
    </row>
    <row r="582695" spans="8:8">
      <c r="H582695" s="12"/>
    </row>
    <row r="582696" spans="8:8">
      <c r="H582696" s="12"/>
    </row>
    <row r="582697" spans="8:8">
      <c r="H582697" s="12"/>
    </row>
    <row r="582698" spans="8:8">
      <c r="H582698" s="12"/>
    </row>
    <row r="582699" spans="8:8">
      <c r="H582699" s="12"/>
    </row>
    <row r="582700" spans="8:8">
      <c r="H582700" s="12"/>
    </row>
    <row r="582701" spans="8:8">
      <c r="H582701" s="12"/>
    </row>
    <row r="582702" spans="8:8">
      <c r="H582702" s="12"/>
    </row>
    <row r="582703" spans="8:8">
      <c r="H582703" s="12"/>
    </row>
    <row r="582704" spans="8:8">
      <c r="H582704" s="12"/>
    </row>
    <row r="582705" spans="8:8">
      <c r="H582705" s="12"/>
    </row>
    <row r="582706" spans="8:8">
      <c r="H582706" s="12"/>
    </row>
    <row r="582707" spans="8:8">
      <c r="H582707" s="12"/>
    </row>
    <row r="582708" spans="8:8">
      <c r="H582708" s="12"/>
    </row>
    <row r="582709" spans="8:8">
      <c r="H582709" s="12"/>
    </row>
    <row r="582710" spans="8:8">
      <c r="H582710" s="12"/>
    </row>
    <row r="582711" spans="8:8">
      <c r="H582711" s="12"/>
    </row>
    <row r="582712" spans="8:8">
      <c r="H582712" s="12"/>
    </row>
    <row r="582713" spans="8:8">
      <c r="H582713" s="12"/>
    </row>
    <row r="582714" spans="8:8">
      <c r="H582714" s="12"/>
    </row>
    <row r="582715" spans="8:8">
      <c r="H582715" s="12"/>
    </row>
    <row r="582716" spans="8:8">
      <c r="H582716" s="12"/>
    </row>
    <row r="582717" spans="8:8">
      <c r="H582717" s="12"/>
    </row>
    <row r="582718" spans="8:8">
      <c r="H582718" s="12"/>
    </row>
    <row r="582719" spans="8:8">
      <c r="H582719" s="12"/>
    </row>
    <row r="582720" spans="8:8">
      <c r="H582720" s="12"/>
    </row>
    <row r="582721" spans="8:8">
      <c r="H582721" s="12"/>
    </row>
    <row r="582722" spans="8:8">
      <c r="H582722" s="12"/>
    </row>
    <row r="582723" spans="8:8">
      <c r="H582723" s="12"/>
    </row>
    <row r="582724" spans="8:8">
      <c r="H582724" s="12"/>
    </row>
    <row r="582725" spans="8:8">
      <c r="H582725" s="12"/>
    </row>
    <row r="582726" spans="8:8">
      <c r="H582726" s="12"/>
    </row>
    <row r="582727" spans="8:8">
      <c r="H582727" s="12"/>
    </row>
    <row r="582728" spans="8:8">
      <c r="H582728" s="12"/>
    </row>
    <row r="582729" spans="8:8">
      <c r="H582729" s="12"/>
    </row>
    <row r="582730" spans="8:8">
      <c r="H582730" s="12"/>
    </row>
    <row r="582731" spans="8:8">
      <c r="H582731" s="12"/>
    </row>
    <row r="582732" spans="8:8">
      <c r="H582732" s="12"/>
    </row>
    <row r="582733" spans="8:8">
      <c r="H582733" s="12"/>
    </row>
    <row r="582734" spans="8:8">
      <c r="H582734" s="12"/>
    </row>
    <row r="582735" spans="8:8">
      <c r="H582735" s="12"/>
    </row>
    <row r="582736" spans="8:8">
      <c r="H582736" s="12"/>
    </row>
    <row r="582737" spans="8:8">
      <c r="H582737" s="12"/>
    </row>
    <row r="582738" spans="8:8">
      <c r="H582738" s="12"/>
    </row>
    <row r="582739" spans="8:8">
      <c r="H582739" s="12"/>
    </row>
    <row r="582740" spans="8:8">
      <c r="H582740" s="12"/>
    </row>
    <row r="582741" spans="8:8">
      <c r="H582741" s="12"/>
    </row>
    <row r="582742" spans="8:8">
      <c r="H582742" s="12"/>
    </row>
    <row r="582743" spans="8:8">
      <c r="H582743" s="12"/>
    </row>
    <row r="582744" spans="8:8">
      <c r="H582744" s="12"/>
    </row>
    <row r="582745" spans="8:8">
      <c r="H582745" s="12"/>
    </row>
    <row r="582746" spans="8:8">
      <c r="H582746" s="12"/>
    </row>
    <row r="582747" spans="8:8">
      <c r="H582747" s="12"/>
    </row>
    <row r="582748" spans="8:8">
      <c r="H582748" s="12"/>
    </row>
    <row r="582749" spans="8:8">
      <c r="H582749" s="12"/>
    </row>
    <row r="582750" spans="8:8">
      <c r="H582750" s="12"/>
    </row>
    <row r="582751" spans="8:8">
      <c r="H582751" s="12"/>
    </row>
    <row r="582752" spans="8:8">
      <c r="H582752" s="12"/>
    </row>
    <row r="582753" spans="8:8">
      <c r="H582753" s="12"/>
    </row>
    <row r="582754" spans="8:8">
      <c r="H582754" s="12"/>
    </row>
    <row r="582755" spans="8:8">
      <c r="H582755" s="12"/>
    </row>
    <row r="582756" spans="8:8">
      <c r="H582756" s="12"/>
    </row>
    <row r="582757" spans="8:8">
      <c r="H582757" s="12"/>
    </row>
    <row r="582758" spans="8:8">
      <c r="H582758" s="12"/>
    </row>
    <row r="582759" spans="8:8">
      <c r="H582759" s="12"/>
    </row>
    <row r="582760" spans="8:8">
      <c r="H582760" s="12"/>
    </row>
    <row r="582761" spans="8:8">
      <c r="H582761" s="12"/>
    </row>
    <row r="582762" spans="8:8">
      <c r="H582762" s="12"/>
    </row>
    <row r="582763" spans="8:8">
      <c r="H582763" s="12"/>
    </row>
    <row r="582764" spans="8:8">
      <c r="H582764" s="12"/>
    </row>
    <row r="582765" spans="8:8">
      <c r="H582765" s="12"/>
    </row>
    <row r="582766" spans="8:8">
      <c r="H582766" s="12"/>
    </row>
    <row r="582767" spans="8:8">
      <c r="H582767" s="12"/>
    </row>
    <row r="582768" spans="8:8">
      <c r="H582768" s="12"/>
    </row>
    <row r="582769" spans="8:8">
      <c r="H582769" s="12"/>
    </row>
    <row r="582770" spans="8:8">
      <c r="H582770" s="12"/>
    </row>
    <row r="582771" spans="8:8">
      <c r="H582771" s="12"/>
    </row>
    <row r="582772" spans="8:8">
      <c r="H582772" s="12"/>
    </row>
    <row r="582773" spans="8:8">
      <c r="H582773" s="12"/>
    </row>
    <row r="582774" spans="8:8">
      <c r="H582774" s="12"/>
    </row>
    <row r="582775" spans="8:8">
      <c r="H582775" s="12"/>
    </row>
    <row r="582776" spans="8:8">
      <c r="H582776" s="12"/>
    </row>
    <row r="582777" spans="8:8">
      <c r="H582777" s="12"/>
    </row>
    <row r="582778" spans="8:8">
      <c r="H582778" s="12"/>
    </row>
    <row r="582779" spans="8:8">
      <c r="H582779" s="12"/>
    </row>
    <row r="582780" spans="8:8">
      <c r="H582780" s="12"/>
    </row>
    <row r="582781" spans="8:8">
      <c r="H582781" s="12"/>
    </row>
    <row r="582782" spans="8:8">
      <c r="H582782" s="12"/>
    </row>
    <row r="582783" spans="8:8">
      <c r="H582783" s="12"/>
    </row>
    <row r="582784" spans="8:8">
      <c r="H582784" s="12"/>
    </row>
    <row r="582785" spans="8:8">
      <c r="H582785" s="12"/>
    </row>
    <row r="582786" spans="8:8">
      <c r="H582786" s="12"/>
    </row>
    <row r="582787" spans="8:8">
      <c r="H582787" s="12"/>
    </row>
    <row r="582788" spans="8:8">
      <c r="H582788" s="12"/>
    </row>
    <row r="582789" spans="8:8">
      <c r="H582789" s="12"/>
    </row>
    <row r="582790" spans="8:8">
      <c r="H582790" s="12"/>
    </row>
    <row r="582791" spans="8:8">
      <c r="H582791" s="12"/>
    </row>
    <row r="582792" spans="8:8">
      <c r="H582792" s="12"/>
    </row>
    <row r="582793" spans="8:8">
      <c r="H582793" s="12"/>
    </row>
    <row r="582794" spans="8:8">
      <c r="H582794" s="12"/>
    </row>
    <row r="582795" spans="8:8">
      <c r="H582795" s="12"/>
    </row>
    <row r="582796" spans="8:8">
      <c r="H582796" s="12"/>
    </row>
    <row r="582797" spans="8:8">
      <c r="H582797" s="12"/>
    </row>
    <row r="582798" spans="8:8">
      <c r="H582798" s="12"/>
    </row>
    <row r="582799" spans="8:8">
      <c r="H582799" s="12"/>
    </row>
    <row r="582800" spans="8:8">
      <c r="H582800" s="12"/>
    </row>
    <row r="582801" spans="8:8">
      <c r="H582801" s="12"/>
    </row>
    <row r="582802" spans="8:8">
      <c r="H582802" s="12"/>
    </row>
    <row r="582803" spans="8:8">
      <c r="H582803" s="12"/>
    </row>
    <row r="582804" spans="8:8">
      <c r="H582804" s="12"/>
    </row>
    <row r="582805" spans="8:8">
      <c r="H582805" s="12"/>
    </row>
    <row r="582806" spans="8:8">
      <c r="H582806" s="12"/>
    </row>
    <row r="582807" spans="8:8">
      <c r="H582807" s="12"/>
    </row>
    <row r="582808" spans="8:8">
      <c r="H582808" s="12"/>
    </row>
    <row r="582809" spans="8:8">
      <c r="H582809" s="12"/>
    </row>
    <row r="582810" spans="8:8">
      <c r="H582810" s="12"/>
    </row>
    <row r="582811" spans="8:8">
      <c r="H582811" s="12"/>
    </row>
    <row r="582812" spans="8:8">
      <c r="H582812" s="12"/>
    </row>
    <row r="582813" spans="8:8">
      <c r="H582813" s="12"/>
    </row>
    <row r="582814" spans="8:8">
      <c r="H582814" s="12"/>
    </row>
    <row r="582815" spans="8:8">
      <c r="H582815" s="12"/>
    </row>
    <row r="582816" spans="8:8">
      <c r="H582816" s="12"/>
    </row>
    <row r="582817" spans="8:8">
      <c r="H582817" s="12"/>
    </row>
    <row r="582818" spans="8:8">
      <c r="H582818" s="12"/>
    </row>
    <row r="582819" spans="8:8">
      <c r="H582819" s="12"/>
    </row>
    <row r="582820" spans="8:8">
      <c r="H582820" s="12"/>
    </row>
    <row r="582821" spans="8:8">
      <c r="H582821" s="12"/>
    </row>
    <row r="582822" spans="8:8">
      <c r="H582822" s="12"/>
    </row>
    <row r="582823" spans="8:8">
      <c r="H582823" s="12"/>
    </row>
    <row r="582824" spans="8:8">
      <c r="H582824" s="12"/>
    </row>
    <row r="582825" spans="8:8">
      <c r="H582825" s="12"/>
    </row>
    <row r="582826" spans="8:8">
      <c r="H582826" s="12"/>
    </row>
    <row r="582827" spans="8:8">
      <c r="H582827" s="12"/>
    </row>
    <row r="582828" spans="8:8">
      <c r="H582828" s="12"/>
    </row>
    <row r="582829" spans="8:8">
      <c r="H582829" s="12"/>
    </row>
    <row r="582830" spans="8:8">
      <c r="H582830" s="12"/>
    </row>
    <row r="582831" spans="8:8">
      <c r="H582831" s="12"/>
    </row>
    <row r="582832" spans="8:8">
      <c r="H582832" s="12"/>
    </row>
    <row r="582833" spans="8:8">
      <c r="H582833" s="12"/>
    </row>
    <row r="582834" spans="8:8">
      <c r="H582834" s="12"/>
    </row>
    <row r="582835" spans="8:8">
      <c r="H582835" s="12"/>
    </row>
    <row r="582836" spans="8:8">
      <c r="H582836" s="12"/>
    </row>
    <row r="582837" spans="8:8">
      <c r="H582837" s="12"/>
    </row>
    <row r="582838" spans="8:8">
      <c r="H582838" s="12"/>
    </row>
    <row r="582839" spans="8:8">
      <c r="H582839" s="12"/>
    </row>
    <row r="582840" spans="8:8">
      <c r="H582840" s="12"/>
    </row>
    <row r="582841" spans="8:8">
      <c r="H582841" s="12"/>
    </row>
    <row r="582842" spans="8:8">
      <c r="H582842" s="12"/>
    </row>
    <row r="582843" spans="8:8">
      <c r="H582843" s="12"/>
    </row>
    <row r="582844" spans="8:8">
      <c r="H582844" s="12"/>
    </row>
    <row r="582845" spans="8:8">
      <c r="H582845" s="12"/>
    </row>
    <row r="582846" spans="8:8">
      <c r="H582846" s="12"/>
    </row>
    <row r="582847" spans="8:8">
      <c r="H582847" s="12"/>
    </row>
    <row r="582848" spans="8:8">
      <c r="H582848" s="12"/>
    </row>
    <row r="582849" spans="8:8">
      <c r="H582849" s="12"/>
    </row>
    <row r="582850" spans="8:8">
      <c r="H582850" s="12"/>
    </row>
    <row r="582851" spans="8:8">
      <c r="H582851" s="12"/>
    </row>
    <row r="582852" spans="8:8">
      <c r="H582852" s="12"/>
    </row>
    <row r="582853" spans="8:8">
      <c r="H582853" s="12"/>
    </row>
    <row r="582854" spans="8:8">
      <c r="H582854" s="12"/>
    </row>
    <row r="582855" spans="8:8">
      <c r="H582855" s="12"/>
    </row>
    <row r="582856" spans="8:8">
      <c r="H582856" s="12"/>
    </row>
    <row r="582857" spans="8:8">
      <c r="H582857" s="12"/>
    </row>
    <row r="582858" spans="8:8">
      <c r="H582858" s="12"/>
    </row>
    <row r="582859" spans="8:8">
      <c r="H582859" s="12"/>
    </row>
    <row r="582860" spans="8:8">
      <c r="H582860" s="12"/>
    </row>
    <row r="582861" spans="8:8">
      <c r="H582861" s="12"/>
    </row>
    <row r="582862" spans="8:8">
      <c r="H582862" s="12"/>
    </row>
    <row r="582863" spans="8:8">
      <c r="H582863" s="12"/>
    </row>
    <row r="582864" spans="8:8">
      <c r="H582864" s="12"/>
    </row>
    <row r="582865" spans="8:8">
      <c r="H582865" s="12"/>
    </row>
    <row r="582866" spans="8:8">
      <c r="H582866" s="12"/>
    </row>
    <row r="582867" spans="8:8">
      <c r="H582867" s="12"/>
    </row>
    <row r="582868" spans="8:8">
      <c r="H582868" s="12"/>
    </row>
    <row r="582869" spans="8:8">
      <c r="H582869" s="12"/>
    </row>
    <row r="582870" spans="8:8">
      <c r="H582870" s="12"/>
    </row>
    <row r="582871" spans="8:8">
      <c r="H582871" s="12"/>
    </row>
    <row r="582872" spans="8:8">
      <c r="H582872" s="12"/>
    </row>
    <row r="582873" spans="8:8">
      <c r="H582873" s="12"/>
    </row>
    <row r="582874" spans="8:8">
      <c r="H582874" s="12"/>
    </row>
    <row r="582875" spans="8:8">
      <c r="H582875" s="12"/>
    </row>
    <row r="582876" spans="8:8">
      <c r="H582876" s="12"/>
    </row>
    <row r="582877" spans="8:8">
      <c r="H582877" s="12"/>
    </row>
    <row r="582878" spans="8:8">
      <c r="H582878" s="12"/>
    </row>
    <row r="582879" spans="8:8">
      <c r="H582879" s="12"/>
    </row>
    <row r="582880" spans="8:8">
      <c r="H582880" s="12"/>
    </row>
    <row r="582881" spans="8:8">
      <c r="H582881" s="12"/>
    </row>
    <row r="582882" spans="8:8">
      <c r="H582882" s="12"/>
    </row>
    <row r="582883" spans="8:8">
      <c r="H582883" s="12"/>
    </row>
    <row r="582884" spans="8:8">
      <c r="H582884" s="12"/>
    </row>
    <row r="582885" spans="8:8">
      <c r="H582885" s="12"/>
    </row>
    <row r="582886" spans="8:8">
      <c r="H582886" s="12"/>
    </row>
    <row r="582887" spans="8:8">
      <c r="H582887" s="12"/>
    </row>
    <row r="582888" spans="8:8">
      <c r="H582888" s="12"/>
    </row>
    <row r="582889" spans="8:8">
      <c r="H582889" s="12"/>
    </row>
    <row r="582890" spans="8:8">
      <c r="H582890" s="12"/>
    </row>
    <row r="582891" spans="8:8">
      <c r="H582891" s="12"/>
    </row>
    <row r="582892" spans="8:8">
      <c r="H582892" s="12"/>
    </row>
    <row r="582893" spans="8:8">
      <c r="H582893" s="12"/>
    </row>
    <row r="582894" spans="8:8">
      <c r="H582894" s="12"/>
    </row>
    <row r="582895" spans="8:8">
      <c r="H582895" s="12"/>
    </row>
    <row r="582896" spans="8:8">
      <c r="H582896" s="12"/>
    </row>
    <row r="582897" spans="8:8">
      <c r="H582897" s="12"/>
    </row>
    <row r="582898" spans="8:8">
      <c r="H582898" s="12"/>
    </row>
    <row r="582899" spans="8:8">
      <c r="H582899" s="12"/>
    </row>
    <row r="582900" spans="8:8">
      <c r="H582900" s="12"/>
    </row>
    <row r="582901" spans="8:8">
      <c r="H582901" s="12"/>
    </row>
    <row r="582902" spans="8:8">
      <c r="H582902" s="12"/>
    </row>
    <row r="582903" spans="8:8">
      <c r="H582903" s="12"/>
    </row>
    <row r="582904" spans="8:8">
      <c r="H582904" s="12"/>
    </row>
    <row r="582905" spans="8:8">
      <c r="H582905" s="12"/>
    </row>
    <row r="582906" spans="8:8">
      <c r="H582906" s="12"/>
    </row>
    <row r="582907" spans="8:8">
      <c r="H582907" s="12"/>
    </row>
    <row r="582908" spans="8:8">
      <c r="H582908" s="12"/>
    </row>
    <row r="582909" spans="8:8">
      <c r="H582909" s="12"/>
    </row>
    <row r="582910" spans="8:8">
      <c r="H582910" s="12"/>
    </row>
    <row r="582911" spans="8:8">
      <c r="H582911" s="12"/>
    </row>
    <row r="582912" spans="8:8">
      <c r="H582912" s="12"/>
    </row>
    <row r="582913" spans="8:8">
      <c r="H582913" s="12"/>
    </row>
    <row r="582914" spans="8:8">
      <c r="H582914" s="12"/>
    </row>
    <row r="582915" spans="8:8">
      <c r="H582915" s="12"/>
    </row>
    <row r="582916" spans="8:8">
      <c r="H582916" s="12"/>
    </row>
    <row r="582917" spans="8:8">
      <c r="H582917" s="12"/>
    </row>
    <row r="582918" spans="8:8">
      <c r="H582918" s="12"/>
    </row>
    <row r="582919" spans="8:8">
      <c r="H582919" s="12"/>
    </row>
    <row r="582920" spans="8:8">
      <c r="H582920" s="12"/>
    </row>
    <row r="582921" spans="8:8">
      <c r="H582921" s="12"/>
    </row>
    <row r="582922" spans="8:8">
      <c r="H582922" s="12"/>
    </row>
    <row r="582923" spans="8:8">
      <c r="H582923" s="12"/>
    </row>
    <row r="582924" spans="8:8">
      <c r="H582924" s="12"/>
    </row>
    <row r="582925" spans="8:8">
      <c r="H582925" s="12"/>
    </row>
    <row r="582926" spans="8:8">
      <c r="H582926" s="12"/>
    </row>
    <row r="582927" spans="8:8">
      <c r="H582927" s="12"/>
    </row>
    <row r="582928" spans="8:8">
      <c r="H582928" s="12"/>
    </row>
    <row r="582929" spans="8:8">
      <c r="H582929" s="12"/>
    </row>
    <row r="582930" spans="8:8">
      <c r="H582930" s="12"/>
    </row>
    <row r="582931" spans="8:8">
      <c r="H582931" s="12"/>
    </row>
    <row r="582932" spans="8:8">
      <c r="H582932" s="12"/>
    </row>
    <row r="582933" spans="8:8">
      <c r="H582933" s="12"/>
    </row>
    <row r="582934" spans="8:8">
      <c r="H582934" s="12"/>
    </row>
    <row r="582935" spans="8:8">
      <c r="H582935" s="12"/>
    </row>
    <row r="582936" spans="8:8">
      <c r="H582936" s="12"/>
    </row>
    <row r="582937" spans="8:8">
      <c r="H582937" s="12"/>
    </row>
    <row r="582938" spans="8:8">
      <c r="H582938" s="12"/>
    </row>
    <row r="582939" spans="8:8">
      <c r="H582939" s="12"/>
    </row>
    <row r="582940" spans="8:8">
      <c r="H582940" s="12"/>
    </row>
    <row r="582941" spans="8:8">
      <c r="H582941" s="12"/>
    </row>
    <row r="582942" spans="8:8">
      <c r="H582942" s="12"/>
    </row>
    <row r="582943" spans="8:8">
      <c r="H582943" s="12"/>
    </row>
    <row r="582944" spans="8:8">
      <c r="H582944" s="12"/>
    </row>
    <row r="582945" spans="8:8">
      <c r="H582945" s="12"/>
    </row>
    <row r="582946" spans="8:8">
      <c r="H582946" s="12"/>
    </row>
    <row r="582947" spans="8:8">
      <c r="H582947" s="12"/>
    </row>
    <row r="582948" spans="8:8">
      <c r="H582948" s="12"/>
    </row>
    <row r="582949" spans="8:8">
      <c r="H582949" s="12"/>
    </row>
    <row r="582950" spans="8:8">
      <c r="H582950" s="12"/>
    </row>
    <row r="582951" spans="8:8">
      <c r="H582951" s="12"/>
    </row>
    <row r="582952" spans="8:8">
      <c r="H582952" s="12"/>
    </row>
    <row r="582953" spans="8:8">
      <c r="H582953" s="12"/>
    </row>
    <row r="582954" spans="8:8">
      <c r="H582954" s="12"/>
    </row>
    <row r="582955" spans="8:8">
      <c r="H582955" s="12"/>
    </row>
    <row r="582956" spans="8:8">
      <c r="H582956" s="12"/>
    </row>
    <row r="582957" spans="8:8">
      <c r="H582957" s="12"/>
    </row>
    <row r="582958" spans="8:8">
      <c r="H582958" s="12"/>
    </row>
    <row r="582959" spans="8:8">
      <c r="H582959" s="12"/>
    </row>
    <row r="582960" spans="8:8">
      <c r="H582960" s="12"/>
    </row>
    <row r="582961" spans="8:8">
      <c r="H582961" s="12"/>
    </row>
    <row r="582962" spans="8:8">
      <c r="H582962" s="12"/>
    </row>
    <row r="582963" spans="8:8">
      <c r="H582963" s="12"/>
    </row>
    <row r="582964" spans="8:8">
      <c r="H582964" s="12"/>
    </row>
    <row r="582965" spans="8:8">
      <c r="H582965" s="12"/>
    </row>
    <row r="582966" spans="8:8">
      <c r="H582966" s="12"/>
    </row>
    <row r="582967" spans="8:8">
      <c r="H582967" s="12"/>
    </row>
    <row r="582968" spans="8:8">
      <c r="H582968" s="12"/>
    </row>
    <row r="582969" spans="8:8">
      <c r="H582969" s="12"/>
    </row>
    <row r="582970" spans="8:8">
      <c r="H582970" s="12"/>
    </row>
    <row r="582971" spans="8:8">
      <c r="H582971" s="12"/>
    </row>
    <row r="582972" spans="8:8">
      <c r="H582972" s="12"/>
    </row>
    <row r="582973" spans="8:8">
      <c r="H582973" s="12"/>
    </row>
    <row r="582974" spans="8:8">
      <c r="H582974" s="12"/>
    </row>
    <row r="582975" spans="8:8">
      <c r="H582975" s="12"/>
    </row>
    <row r="582976" spans="8:8">
      <c r="H582976" s="12"/>
    </row>
    <row r="582977" spans="8:8">
      <c r="H582977" s="12"/>
    </row>
    <row r="582978" spans="8:8">
      <c r="H582978" s="12"/>
    </row>
    <row r="582979" spans="8:8">
      <c r="H582979" s="12"/>
    </row>
    <row r="582980" spans="8:8">
      <c r="H582980" s="12"/>
    </row>
    <row r="582981" spans="8:8">
      <c r="H582981" s="12"/>
    </row>
    <row r="582982" spans="8:8">
      <c r="H582982" s="12"/>
    </row>
    <row r="582983" spans="8:8">
      <c r="H582983" s="12"/>
    </row>
    <row r="582984" spans="8:8">
      <c r="H582984" s="12"/>
    </row>
    <row r="582985" spans="8:8">
      <c r="H582985" s="12"/>
    </row>
    <row r="582986" spans="8:8">
      <c r="H582986" s="12"/>
    </row>
    <row r="582987" spans="8:8">
      <c r="H582987" s="12"/>
    </row>
    <row r="582988" spans="8:8">
      <c r="H582988" s="12"/>
    </row>
    <row r="582989" spans="8:8">
      <c r="H582989" s="12"/>
    </row>
    <row r="582990" spans="8:8">
      <c r="H582990" s="12"/>
    </row>
    <row r="582991" spans="8:8">
      <c r="H582991" s="12"/>
    </row>
    <row r="582992" spans="8:8">
      <c r="H582992" s="12"/>
    </row>
    <row r="582993" spans="8:8">
      <c r="H582993" s="12"/>
    </row>
    <row r="582994" spans="8:8">
      <c r="H582994" s="12"/>
    </row>
    <row r="582995" spans="8:8">
      <c r="H582995" s="12"/>
    </row>
    <row r="582996" spans="8:8">
      <c r="H582996" s="12"/>
    </row>
    <row r="582997" spans="8:8">
      <c r="H582997" s="12"/>
    </row>
    <row r="582998" spans="8:8">
      <c r="H582998" s="12"/>
    </row>
    <row r="582999" spans="8:8">
      <c r="H582999" s="12"/>
    </row>
    <row r="583000" spans="8:8">
      <c r="H583000" s="12"/>
    </row>
    <row r="583001" spans="8:8">
      <c r="H583001" s="12"/>
    </row>
    <row r="583002" spans="8:8">
      <c r="H583002" s="12"/>
    </row>
    <row r="583003" spans="8:8">
      <c r="H583003" s="12"/>
    </row>
    <row r="583004" spans="8:8">
      <c r="H583004" s="12"/>
    </row>
    <row r="583005" spans="8:8">
      <c r="H583005" s="12"/>
    </row>
    <row r="583006" spans="8:8">
      <c r="H583006" s="12"/>
    </row>
    <row r="583007" spans="8:8">
      <c r="H583007" s="12"/>
    </row>
    <row r="583008" spans="8:8">
      <c r="H583008" s="12"/>
    </row>
    <row r="583009" spans="8:8">
      <c r="H583009" s="12"/>
    </row>
    <row r="583010" spans="8:8">
      <c r="H583010" s="12"/>
    </row>
    <row r="583011" spans="8:8">
      <c r="H583011" s="12"/>
    </row>
    <row r="583012" spans="8:8">
      <c r="H583012" s="12"/>
    </row>
    <row r="583013" spans="8:8">
      <c r="H583013" s="12"/>
    </row>
    <row r="583014" spans="8:8">
      <c r="H583014" s="12"/>
    </row>
    <row r="583015" spans="8:8">
      <c r="H583015" s="12"/>
    </row>
    <row r="583016" spans="8:8">
      <c r="H583016" s="12"/>
    </row>
    <row r="583017" spans="8:8">
      <c r="H583017" s="12"/>
    </row>
    <row r="583018" spans="8:8">
      <c r="H583018" s="12"/>
    </row>
    <row r="583019" spans="8:8">
      <c r="H583019" s="12"/>
    </row>
    <row r="583020" spans="8:8">
      <c r="H583020" s="12"/>
    </row>
    <row r="583021" spans="8:8">
      <c r="H583021" s="12"/>
    </row>
    <row r="583022" spans="8:8">
      <c r="H583022" s="12"/>
    </row>
    <row r="583023" spans="8:8">
      <c r="H583023" s="12"/>
    </row>
    <row r="583024" spans="8:8">
      <c r="H583024" s="12"/>
    </row>
    <row r="583025" spans="8:8">
      <c r="H583025" s="12"/>
    </row>
    <row r="583026" spans="8:8">
      <c r="H583026" s="12"/>
    </row>
    <row r="583027" spans="8:8">
      <c r="H583027" s="12"/>
    </row>
    <row r="583028" spans="8:8">
      <c r="H583028" s="12"/>
    </row>
    <row r="583029" spans="8:8">
      <c r="H583029" s="12"/>
    </row>
    <row r="583030" spans="8:8">
      <c r="H583030" s="12"/>
    </row>
    <row r="583031" spans="8:8">
      <c r="H583031" s="12"/>
    </row>
    <row r="583032" spans="8:8">
      <c r="H583032" s="12"/>
    </row>
    <row r="583033" spans="8:8">
      <c r="H583033" s="12"/>
    </row>
    <row r="583034" spans="8:8">
      <c r="H583034" s="12"/>
    </row>
    <row r="583035" spans="8:8">
      <c r="H583035" s="12"/>
    </row>
    <row r="583036" spans="8:8">
      <c r="H583036" s="12"/>
    </row>
    <row r="583037" spans="8:8">
      <c r="H583037" s="12"/>
    </row>
    <row r="583038" spans="8:8">
      <c r="H583038" s="12"/>
    </row>
    <row r="583039" spans="8:8">
      <c r="H583039" s="12"/>
    </row>
    <row r="583040" spans="8:8">
      <c r="H583040" s="12"/>
    </row>
    <row r="583041" spans="8:8">
      <c r="H583041" s="12"/>
    </row>
    <row r="583042" spans="8:8">
      <c r="H583042" s="12"/>
    </row>
    <row r="583043" spans="8:8">
      <c r="H583043" s="12"/>
    </row>
    <row r="583044" spans="8:8">
      <c r="H583044" s="12"/>
    </row>
    <row r="583045" spans="8:8">
      <c r="H583045" s="12"/>
    </row>
    <row r="583046" spans="8:8">
      <c r="H583046" s="12"/>
    </row>
    <row r="583047" spans="8:8">
      <c r="H583047" s="12"/>
    </row>
    <row r="583048" spans="8:8">
      <c r="H583048" s="12"/>
    </row>
    <row r="583049" spans="8:8">
      <c r="H583049" s="12"/>
    </row>
    <row r="583050" spans="8:8">
      <c r="H583050" s="12"/>
    </row>
    <row r="583051" spans="8:8">
      <c r="H583051" s="12"/>
    </row>
    <row r="583052" spans="8:8">
      <c r="H583052" s="12"/>
    </row>
    <row r="583053" spans="8:8">
      <c r="H583053" s="12"/>
    </row>
    <row r="583054" spans="8:8">
      <c r="H583054" s="12"/>
    </row>
    <row r="583055" spans="8:8">
      <c r="H583055" s="12"/>
    </row>
    <row r="583056" spans="8:8">
      <c r="H583056" s="12"/>
    </row>
    <row r="583057" spans="8:8">
      <c r="H583057" s="12"/>
    </row>
    <row r="583058" spans="8:8">
      <c r="H583058" s="12"/>
    </row>
    <row r="583059" spans="8:8">
      <c r="H583059" s="12"/>
    </row>
    <row r="583060" spans="8:8">
      <c r="H583060" s="12"/>
    </row>
    <row r="583061" spans="8:8">
      <c r="H583061" s="12"/>
    </row>
    <row r="583062" spans="8:8">
      <c r="H583062" s="12"/>
    </row>
    <row r="583063" spans="8:8">
      <c r="H583063" s="12"/>
    </row>
    <row r="583064" spans="8:8">
      <c r="H583064" s="12"/>
    </row>
    <row r="583065" spans="8:8">
      <c r="H583065" s="12"/>
    </row>
    <row r="583066" spans="8:8">
      <c r="H583066" s="12"/>
    </row>
    <row r="583067" spans="8:8">
      <c r="H583067" s="12"/>
    </row>
    <row r="583068" spans="8:8">
      <c r="H583068" s="12"/>
    </row>
    <row r="583069" spans="8:8">
      <c r="H583069" s="12"/>
    </row>
    <row r="583070" spans="8:8">
      <c r="H583070" s="12"/>
    </row>
    <row r="583071" spans="8:8">
      <c r="H583071" s="12"/>
    </row>
    <row r="583072" spans="8:8">
      <c r="H583072" s="12"/>
    </row>
    <row r="583073" spans="8:8">
      <c r="H583073" s="12"/>
    </row>
    <row r="583074" spans="8:8">
      <c r="H583074" s="12"/>
    </row>
    <row r="583075" spans="8:8">
      <c r="H583075" s="12"/>
    </row>
    <row r="583076" spans="8:8">
      <c r="H583076" s="12"/>
    </row>
    <row r="583077" spans="8:8">
      <c r="H583077" s="12"/>
    </row>
    <row r="583078" spans="8:8">
      <c r="H583078" s="12"/>
    </row>
    <row r="583079" spans="8:8">
      <c r="H583079" s="12"/>
    </row>
    <row r="583080" spans="8:8">
      <c r="H583080" s="12"/>
    </row>
    <row r="583081" spans="8:8">
      <c r="H583081" s="12"/>
    </row>
    <row r="583082" spans="8:8">
      <c r="H583082" s="12"/>
    </row>
    <row r="583083" spans="8:8">
      <c r="H583083" s="12"/>
    </row>
    <row r="583084" spans="8:8">
      <c r="H583084" s="12"/>
    </row>
    <row r="583085" spans="8:8">
      <c r="H583085" s="12"/>
    </row>
    <row r="583086" spans="8:8">
      <c r="H583086" s="12"/>
    </row>
    <row r="583087" spans="8:8">
      <c r="H583087" s="12"/>
    </row>
    <row r="583088" spans="8:8">
      <c r="H583088" s="12"/>
    </row>
    <row r="583089" spans="8:8">
      <c r="H583089" s="12"/>
    </row>
    <row r="583090" spans="8:8">
      <c r="H583090" s="12"/>
    </row>
    <row r="583091" spans="8:8">
      <c r="H583091" s="12"/>
    </row>
    <row r="583092" spans="8:8">
      <c r="H583092" s="12"/>
    </row>
    <row r="583093" spans="8:8">
      <c r="H583093" s="12"/>
    </row>
    <row r="583094" spans="8:8">
      <c r="H583094" s="12"/>
    </row>
    <row r="583095" spans="8:8">
      <c r="H583095" s="12"/>
    </row>
    <row r="583096" spans="8:8">
      <c r="H583096" s="12"/>
    </row>
    <row r="583097" spans="8:8">
      <c r="H583097" s="12"/>
    </row>
    <row r="583098" spans="8:8">
      <c r="H583098" s="12"/>
    </row>
    <row r="583099" spans="8:8">
      <c r="H583099" s="12"/>
    </row>
    <row r="583100" spans="8:8">
      <c r="H583100" s="12"/>
    </row>
    <row r="583101" spans="8:8">
      <c r="H583101" s="12"/>
    </row>
    <row r="583102" spans="8:8">
      <c r="H583102" s="12"/>
    </row>
    <row r="583103" spans="8:8">
      <c r="H583103" s="12"/>
    </row>
    <row r="583104" spans="8:8">
      <c r="H583104" s="12"/>
    </row>
    <row r="583105" spans="8:8">
      <c r="H583105" s="12"/>
    </row>
    <row r="583106" spans="8:8">
      <c r="H583106" s="12"/>
    </row>
    <row r="583107" spans="8:8">
      <c r="H583107" s="12"/>
    </row>
    <row r="583108" spans="8:8">
      <c r="H583108" s="12"/>
    </row>
    <row r="583109" spans="8:8">
      <c r="H583109" s="12"/>
    </row>
    <row r="583110" spans="8:8">
      <c r="H583110" s="12"/>
    </row>
    <row r="583111" spans="8:8">
      <c r="H583111" s="12"/>
    </row>
    <row r="583112" spans="8:8">
      <c r="H583112" s="12"/>
    </row>
    <row r="583113" spans="8:8">
      <c r="H583113" s="12"/>
    </row>
    <row r="583114" spans="8:8">
      <c r="H583114" s="12"/>
    </row>
    <row r="583115" spans="8:8">
      <c r="H583115" s="12"/>
    </row>
    <row r="583116" spans="8:8">
      <c r="H583116" s="12"/>
    </row>
    <row r="583117" spans="8:8">
      <c r="H583117" s="12"/>
    </row>
    <row r="583118" spans="8:8">
      <c r="H583118" s="12"/>
    </row>
    <row r="583119" spans="8:8">
      <c r="H583119" s="12"/>
    </row>
    <row r="583120" spans="8:8">
      <c r="H583120" s="12"/>
    </row>
    <row r="583121" spans="8:8">
      <c r="H583121" s="12"/>
    </row>
    <row r="583122" spans="8:8">
      <c r="H583122" s="12"/>
    </row>
    <row r="583123" spans="8:8">
      <c r="H583123" s="12"/>
    </row>
    <row r="583124" spans="8:8">
      <c r="H583124" s="12"/>
    </row>
    <row r="583125" spans="8:8">
      <c r="H583125" s="12"/>
    </row>
    <row r="583126" spans="8:8">
      <c r="H583126" s="12"/>
    </row>
    <row r="583127" spans="8:8">
      <c r="H583127" s="12"/>
    </row>
    <row r="583128" spans="8:8">
      <c r="H583128" s="12"/>
    </row>
    <row r="583129" spans="8:8">
      <c r="H583129" s="12"/>
    </row>
    <row r="583130" spans="8:8">
      <c r="H583130" s="12"/>
    </row>
    <row r="583131" spans="8:8">
      <c r="H583131" s="12"/>
    </row>
    <row r="583132" spans="8:8">
      <c r="H583132" s="12"/>
    </row>
    <row r="583133" spans="8:8">
      <c r="H583133" s="12"/>
    </row>
    <row r="583134" spans="8:8">
      <c r="H583134" s="12"/>
    </row>
    <row r="583135" spans="8:8">
      <c r="H583135" s="12"/>
    </row>
    <row r="583136" spans="8:8">
      <c r="H583136" s="12"/>
    </row>
    <row r="583137" spans="8:8">
      <c r="H583137" s="12"/>
    </row>
    <row r="583138" spans="8:8">
      <c r="H583138" s="12"/>
    </row>
    <row r="583139" spans="8:8">
      <c r="H583139" s="12"/>
    </row>
    <row r="583140" spans="8:8">
      <c r="H583140" s="12"/>
    </row>
    <row r="583141" spans="8:8">
      <c r="H583141" s="12"/>
    </row>
    <row r="583142" spans="8:8">
      <c r="H583142" s="12"/>
    </row>
    <row r="583143" spans="8:8">
      <c r="H583143" s="12"/>
    </row>
    <row r="583144" spans="8:8">
      <c r="H583144" s="12"/>
    </row>
    <row r="583145" spans="8:8">
      <c r="H583145" s="12"/>
    </row>
    <row r="583146" spans="8:8">
      <c r="H583146" s="12"/>
    </row>
    <row r="583147" spans="8:8">
      <c r="H583147" s="12"/>
    </row>
    <row r="583148" spans="8:8">
      <c r="H583148" s="12"/>
    </row>
    <row r="583149" spans="8:8">
      <c r="H583149" s="12"/>
    </row>
    <row r="583150" spans="8:8">
      <c r="H583150" s="12"/>
    </row>
    <row r="583151" spans="8:8">
      <c r="H583151" s="12"/>
    </row>
    <row r="583152" spans="8:8">
      <c r="H583152" s="12"/>
    </row>
    <row r="583153" spans="8:8">
      <c r="H583153" s="12"/>
    </row>
    <row r="583154" spans="8:8">
      <c r="H583154" s="12"/>
    </row>
    <row r="583155" spans="8:8">
      <c r="H583155" s="12"/>
    </row>
    <row r="583156" spans="8:8">
      <c r="H583156" s="12"/>
    </row>
    <row r="583157" spans="8:8">
      <c r="H583157" s="12"/>
    </row>
    <row r="583158" spans="8:8">
      <c r="H583158" s="12"/>
    </row>
    <row r="583159" spans="8:8">
      <c r="H583159" s="12"/>
    </row>
    <row r="583160" spans="8:8">
      <c r="H583160" s="12"/>
    </row>
    <row r="583161" spans="8:8">
      <c r="H583161" s="12"/>
    </row>
    <row r="583162" spans="8:8">
      <c r="H583162" s="12"/>
    </row>
    <row r="583163" spans="8:8">
      <c r="H583163" s="12"/>
    </row>
    <row r="583164" spans="8:8">
      <c r="H583164" s="12"/>
    </row>
    <row r="583165" spans="8:8">
      <c r="H583165" s="12"/>
    </row>
    <row r="583166" spans="8:8">
      <c r="H583166" s="12"/>
    </row>
    <row r="583167" spans="8:8">
      <c r="H583167" s="12"/>
    </row>
    <row r="583168" spans="8:8">
      <c r="H583168" s="12"/>
    </row>
    <row r="583169" spans="8:8">
      <c r="H583169" s="12"/>
    </row>
    <row r="583170" spans="8:8">
      <c r="H583170" s="12"/>
    </row>
    <row r="583171" spans="8:8">
      <c r="H583171" s="12"/>
    </row>
    <row r="583172" spans="8:8">
      <c r="H583172" s="12"/>
    </row>
    <row r="583173" spans="8:8">
      <c r="H583173" s="12"/>
    </row>
    <row r="583174" spans="8:8">
      <c r="H583174" s="12"/>
    </row>
    <row r="583175" spans="8:8">
      <c r="H583175" s="12"/>
    </row>
    <row r="583176" spans="8:8">
      <c r="H583176" s="12"/>
    </row>
    <row r="583177" spans="8:8">
      <c r="H583177" s="12"/>
    </row>
    <row r="583178" spans="8:8">
      <c r="H583178" s="12"/>
    </row>
    <row r="583179" spans="8:8">
      <c r="H583179" s="12"/>
    </row>
    <row r="583180" spans="8:8">
      <c r="H583180" s="12"/>
    </row>
    <row r="583181" spans="8:8">
      <c r="H583181" s="12"/>
    </row>
    <row r="583182" spans="8:8">
      <c r="H583182" s="12"/>
    </row>
    <row r="583183" spans="8:8">
      <c r="H583183" s="12"/>
    </row>
    <row r="583184" spans="8:8">
      <c r="H583184" s="12"/>
    </row>
    <row r="583185" spans="8:8">
      <c r="H583185" s="12"/>
    </row>
    <row r="583186" spans="8:8">
      <c r="H583186" s="12"/>
    </row>
    <row r="583187" spans="8:8">
      <c r="H583187" s="12"/>
    </row>
    <row r="583188" spans="8:8">
      <c r="H583188" s="12"/>
    </row>
    <row r="583189" spans="8:8">
      <c r="H583189" s="12"/>
    </row>
    <row r="583190" spans="8:8">
      <c r="H583190" s="12"/>
    </row>
    <row r="583191" spans="8:8">
      <c r="H583191" s="12"/>
    </row>
    <row r="583192" spans="8:8">
      <c r="H583192" s="12"/>
    </row>
    <row r="583193" spans="8:8">
      <c r="H583193" s="12"/>
    </row>
    <row r="583194" spans="8:8">
      <c r="H583194" s="12"/>
    </row>
    <row r="583195" spans="8:8">
      <c r="H583195" s="12"/>
    </row>
    <row r="583196" spans="8:8">
      <c r="H583196" s="12"/>
    </row>
    <row r="583197" spans="8:8">
      <c r="H583197" s="12"/>
    </row>
    <row r="583198" spans="8:8">
      <c r="H583198" s="12"/>
    </row>
    <row r="583199" spans="8:8">
      <c r="H583199" s="12"/>
    </row>
    <row r="583200" spans="8:8">
      <c r="H583200" s="12"/>
    </row>
    <row r="583201" spans="8:8">
      <c r="H583201" s="12"/>
    </row>
    <row r="583202" spans="8:8">
      <c r="H583202" s="12"/>
    </row>
    <row r="583203" spans="8:8">
      <c r="H583203" s="12"/>
    </row>
    <row r="583204" spans="8:8">
      <c r="H583204" s="12"/>
    </row>
    <row r="583205" spans="8:8">
      <c r="H583205" s="12"/>
    </row>
    <row r="583206" spans="8:8">
      <c r="H583206" s="12"/>
    </row>
    <row r="583207" spans="8:8">
      <c r="H583207" s="12"/>
    </row>
    <row r="583208" spans="8:8">
      <c r="H583208" s="12"/>
    </row>
    <row r="583209" spans="8:8">
      <c r="H583209" s="12"/>
    </row>
    <row r="583210" spans="8:8">
      <c r="H583210" s="12"/>
    </row>
    <row r="583211" spans="8:8">
      <c r="H583211" s="12"/>
    </row>
    <row r="583212" spans="8:8">
      <c r="H583212" s="12"/>
    </row>
    <row r="583213" spans="8:8">
      <c r="H583213" s="12"/>
    </row>
    <row r="583214" spans="8:8">
      <c r="H583214" s="12"/>
    </row>
    <row r="583215" spans="8:8">
      <c r="H583215" s="12"/>
    </row>
    <row r="583216" spans="8:8">
      <c r="H583216" s="12"/>
    </row>
    <row r="583217" spans="8:8">
      <c r="H583217" s="12"/>
    </row>
    <row r="583218" spans="8:8">
      <c r="H583218" s="12"/>
    </row>
    <row r="583219" spans="8:8">
      <c r="H583219" s="12"/>
    </row>
    <row r="583220" spans="8:8">
      <c r="H583220" s="12"/>
    </row>
    <row r="583221" spans="8:8">
      <c r="H583221" s="12"/>
    </row>
    <row r="583222" spans="8:8">
      <c r="H583222" s="12"/>
    </row>
    <row r="583223" spans="8:8">
      <c r="H583223" s="12"/>
    </row>
    <row r="583224" spans="8:8">
      <c r="H583224" s="12"/>
    </row>
    <row r="583225" spans="8:8">
      <c r="H583225" s="12"/>
    </row>
    <row r="583226" spans="8:8">
      <c r="H583226" s="12"/>
    </row>
    <row r="583227" spans="8:8">
      <c r="H583227" s="12"/>
    </row>
    <row r="583228" spans="8:8">
      <c r="H583228" s="12"/>
    </row>
    <row r="583229" spans="8:8">
      <c r="H583229" s="12"/>
    </row>
    <row r="583230" spans="8:8">
      <c r="H583230" s="12"/>
    </row>
    <row r="583231" spans="8:8">
      <c r="H583231" s="12"/>
    </row>
    <row r="583232" spans="8:8">
      <c r="H583232" s="12"/>
    </row>
    <row r="583233" spans="8:8">
      <c r="H583233" s="12"/>
    </row>
    <row r="583234" spans="8:8">
      <c r="H583234" s="12"/>
    </row>
    <row r="583235" spans="8:8">
      <c r="H583235" s="12"/>
    </row>
    <row r="583236" spans="8:8">
      <c r="H583236" s="12"/>
    </row>
    <row r="583237" spans="8:8">
      <c r="H583237" s="12"/>
    </row>
    <row r="583238" spans="8:8">
      <c r="H583238" s="12"/>
    </row>
    <row r="583239" spans="8:8">
      <c r="H583239" s="12"/>
    </row>
    <row r="583240" spans="8:8">
      <c r="H583240" s="12"/>
    </row>
    <row r="583241" spans="8:8">
      <c r="H583241" s="12"/>
    </row>
    <row r="583242" spans="8:8">
      <c r="H583242" s="12"/>
    </row>
    <row r="583243" spans="8:8">
      <c r="H583243" s="12"/>
    </row>
    <row r="583244" spans="8:8">
      <c r="H583244" s="12"/>
    </row>
    <row r="583245" spans="8:8">
      <c r="H583245" s="12"/>
    </row>
    <row r="583246" spans="8:8">
      <c r="H583246" s="12"/>
    </row>
    <row r="583247" spans="8:8">
      <c r="H583247" s="12"/>
    </row>
    <row r="583248" spans="8:8">
      <c r="H583248" s="12"/>
    </row>
    <row r="583249" spans="8:8">
      <c r="H583249" s="12"/>
    </row>
    <row r="583250" spans="8:8">
      <c r="H583250" s="12"/>
    </row>
    <row r="583251" spans="8:8">
      <c r="H583251" s="12"/>
    </row>
    <row r="583252" spans="8:8">
      <c r="H583252" s="12"/>
    </row>
    <row r="583253" spans="8:8">
      <c r="H583253" s="12"/>
    </row>
    <row r="583254" spans="8:8">
      <c r="H583254" s="12"/>
    </row>
    <row r="583255" spans="8:8">
      <c r="H583255" s="12"/>
    </row>
    <row r="583256" spans="8:8">
      <c r="H583256" s="12"/>
    </row>
    <row r="583257" spans="8:8">
      <c r="H583257" s="12"/>
    </row>
    <row r="583258" spans="8:8">
      <c r="H583258" s="12"/>
    </row>
    <row r="583259" spans="8:8">
      <c r="H583259" s="12"/>
    </row>
    <row r="583260" spans="8:8">
      <c r="H583260" s="12"/>
    </row>
    <row r="583261" spans="8:8">
      <c r="H583261" s="12"/>
    </row>
    <row r="583262" spans="8:8">
      <c r="H583262" s="12"/>
    </row>
    <row r="583263" spans="8:8">
      <c r="H583263" s="12"/>
    </row>
    <row r="583264" spans="8:8">
      <c r="H583264" s="12"/>
    </row>
    <row r="583265" spans="8:8">
      <c r="H583265" s="12"/>
    </row>
    <row r="583266" spans="8:8">
      <c r="H583266" s="12"/>
    </row>
    <row r="583267" spans="8:8">
      <c r="H583267" s="12"/>
    </row>
    <row r="583268" spans="8:8">
      <c r="H583268" s="12"/>
    </row>
    <row r="583269" spans="8:8">
      <c r="H583269" s="12"/>
    </row>
    <row r="583270" spans="8:8">
      <c r="H583270" s="12"/>
    </row>
    <row r="583271" spans="8:8">
      <c r="H583271" s="12"/>
    </row>
    <row r="583272" spans="8:8">
      <c r="H583272" s="12"/>
    </row>
    <row r="583273" spans="8:8">
      <c r="H583273" s="12"/>
    </row>
    <row r="583274" spans="8:8">
      <c r="H583274" s="12"/>
    </row>
    <row r="583275" spans="8:8">
      <c r="H583275" s="12"/>
    </row>
    <row r="583276" spans="8:8">
      <c r="H583276" s="12"/>
    </row>
    <row r="583277" spans="8:8">
      <c r="H583277" s="12"/>
    </row>
    <row r="583278" spans="8:8">
      <c r="H583278" s="12"/>
    </row>
    <row r="583279" spans="8:8">
      <c r="H583279" s="12"/>
    </row>
    <row r="583280" spans="8:8">
      <c r="H583280" s="12"/>
    </row>
    <row r="583281" spans="8:8">
      <c r="H583281" s="12"/>
    </row>
    <row r="583282" spans="8:8">
      <c r="H583282" s="12"/>
    </row>
    <row r="583283" spans="8:8">
      <c r="H583283" s="12"/>
    </row>
    <row r="583284" spans="8:8">
      <c r="H583284" s="12"/>
    </row>
    <row r="583285" spans="8:8">
      <c r="H583285" s="12"/>
    </row>
    <row r="583286" spans="8:8">
      <c r="H583286" s="12"/>
    </row>
    <row r="583287" spans="8:8">
      <c r="H583287" s="12"/>
    </row>
    <row r="583288" spans="8:8">
      <c r="H583288" s="12"/>
    </row>
    <row r="583289" spans="8:8">
      <c r="H583289" s="12"/>
    </row>
    <row r="583290" spans="8:8">
      <c r="H583290" s="12"/>
    </row>
    <row r="583291" spans="8:8">
      <c r="H583291" s="12"/>
    </row>
    <row r="583292" spans="8:8">
      <c r="H583292" s="12"/>
    </row>
    <row r="583293" spans="8:8">
      <c r="H583293" s="12"/>
    </row>
    <row r="583294" spans="8:8">
      <c r="H583294" s="12"/>
    </row>
    <row r="583295" spans="8:8">
      <c r="H583295" s="12"/>
    </row>
    <row r="583296" spans="8:8">
      <c r="H583296" s="12"/>
    </row>
    <row r="583297" spans="8:8">
      <c r="H583297" s="12"/>
    </row>
    <row r="583298" spans="8:8">
      <c r="H583298" s="12"/>
    </row>
    <row r="583299" spans="8:8">
      <c r="H583299" s="12"/>
    </row>
    <row r="583300" spans="8:8">
      <c r="H583300" s="12"/>
    </row>
    <row r="583301" spans="8:8">
      <c r="H583301" s="12"/>
    </row>
    <row r="583302" spans="8:8">
      <c r="H583302" s="12"/>
    </row>
    <row r="583303" spans="8:8">
      <c r="H583303" s="12"/>
    </row>
    <row r="583304" spans="8:8">
      <c r="H583304" s="12"/>
    </row>
    <row r="583305" spans="8:8">
      <c r="H583305" s="12"/>
    </row>
    <row r="583306" spans="8:8">
      <c r="H583306" s="12"/>
    </row>
    <row r="583307" spans="8:8">
      <c r="H583307" s="12"/>
    </row>
    <row r="583308" spans="8:8">
      <c r="H583308" s="12"/>
    </row>
    <row r="583309" spans="8:8">
      <c r="H583309" s="12"/>
    </row>
    <row r="583310" spans="8:8">
      <c r="H583310" s="12"/>
    </row>
    <row r="583311" spans="8:8">
      <c r="H583311" s="12"/>
    </row>
    <row r="583312" spans="8:8">
      <c r="H583312" s="12"/>
    </row>
    <row r="583313" spans="8:8">
      <c r="H583313" s="12"/>
    </row>
    <row r="583314" spans="8:8">
      <c r="H583314" s="12"/>
    </row>
    <row r="583315" spans="8:8">
      <c r="H583315" s="12"/>
    </row>
    <row r="583316" spans="8:8">
      <c r="H583316" s="12"/>
    </row>
    <row r="583317" spans="8:8">
      <c r="H583317" s="12"/>
    </row>
    <row r="583318" spans="8:8">
      <c r="H583318" s="12"/>
    </row>
    <row r="583319" spans="8:8">
      <c r="H583319" s="12"/>
    </row>
    <row r="583320" spans="8:8">
      <c r="H583320" s="12"/>
    </row>
    <row r="583321" spans="8:8">
      <c r="H583321" s="12"/>
    </row>
    <row r="583322" spans="8:8">
      <c r="H583322" s="12"/>
    </row>
    <row r="583323" spans="8:8">
      <c r="H583323" s="12"/>
    </row>
    <row r="583324" spans="8:8">
      <c r="H583324" s="12"/>
    </row>
    <row r="583325" spans="8:8">
      <c r="H583325" s="12"/>
    </row>
    <row r="583326" spans="8:8">
      <c r="H583326" s="12"/>
    </row>
    <row r="583327" spans="8:8">
      <c r="H583327" s="12"/>
    </row>
    <row r="583328" spans="8:8">
      <c r="H583328" s="12"/>
    </row>
    <row r="583329" spans="8:8">
      <c r="H583329" s="12"/>
    </row>
    <row r="583330" spans="8:8">
      <c r="H583330" s="12"/>
    </row>
    <row r="583331" spans="8:8">
      <c r="H583331" s="12"/>
    </row>
    <row r="583332" spans="8:8">
      <c r="H583332" s="12"/>
    </row>
    <row r="583333" spans="8:8">
      <c r="H583333" s="12"/>
    </row>
    <row r="583334" spans="8:8">
      <c r="H583334" s="12"/>
    </row>
    <row r="583335" spans="8:8">
      <c r="H583335" s="12"/>
    </row>
    <row r="583336" spans="8:8">
      <c r="H583336" s="12"/>
    </row>
    <row r="583337" spans="8:8">
      <c r="H583337" s="12"/>
    </row>
    <row r="583338" spans="8:8">
      <c r="H583338" s="12"/>
    </row>
    <row r="583339" spans="8:8">
      <c r="H583339" s="12"/>
    </row>
    <row r="583340" spans="8:8">
      <c r="H583340" s="12"/>
    </row>
    <row r="583341" spans="8:8">
      <c r="H583341" s="12"/>
    </row>
    <row r="583342" spans="8:8">
      <c r="H583342" s="12"/>
    </row>
    <row r="583343" spans="8:8">
      <c r="H583343" s="12"/>
    </row>
    <row r="583344" spans="8:8">
      <c r="H583344" s="12"/>
    </row>
    <row r="583345" spans="8:8">
      <c r="H583345" s="12"/>
    </row>
    <row r="583346" spans="8:8">
      <c r="H583346" s="12"/>
    </row>
    <row r="583347" spans="8:8">
      <c r="H583347" s="12"/>
    </row>
    <row r="583348" spans="8:8">
      <c r="H583348" s="12"/>
    </row>
    <row r="583349" spans="8:8">
      <c r="H583349" s="12"/>
    </row>
    <row r="583350" spans="8:8">
      <c r="H583350" s="12"/>
    </row>
    <row r="583351" spans="8:8">
      <c r="H583351" s="12"/>
    </row>
    <row r="583352" spans="8:8">
      <c r="H583352" s="12"/>
    </row>
    <row r="583353" spans="8:8">
      <c r="H583353" s="12"/>
    </row>
    <row r="583354" spans="8:8">
      <c r="H583354" s="12"/>
    </row>
    <row r="583355" spans="8:8">
      <c r="H583355" s="12"/>
    </row>
    <row r="583356" spans="8:8">
      <c r="H583356" s="12"/>
    </row>
    <row r="583357" spans="8:8">
      <c r="H583357" s="12"/>
    </row>
    <row r="583358" spans="8:8">
      <c r="H583358" s="12"/>
    </row>
    <row r="583359" spans="8:8">
      <c r="H583359" s="12"/>
    </row>
    <row r="583360" spans="8:8">
      <c r="H583360" s="12"/>
    </row>
    <row r="583361" spans="8:8">
      <c r="H583361" s="12"/>
    </row>
    <row r="583362" spans="8:8">
      <c r="H583362" s="12"/>
    </row>
    <row r="583363" spans="8:8">
      <c r="H583363" s="12"/>
    </row>
    <row r="583364" spans="8:8">
      <c r="H583364" s="12"/>
    </row>
    <row r="583365" spans="8:8">
      <c r="H583365" s="12"/>
    </row>
    <row r="583366" spans="8:8">
      <c r="H583366" s="12"/>
    </row>
    <row r="583367" spans="8:8">
      <c r="H583367" s="12"/>
    </row>
    <row r="583368" spans="8:8">
      <c r="H583368" s="12"/>
    </row>
    <row r="583369" spans="8:8">
      <c r="H583369" s="12"/>
    </row>
    <row r="583370" spans="8:8">
      <c r="H583370" s="12"/>
    </row>
    <row r="583371" spans="8:8">
      <c r="H583371" s="12"/>
    </row>
    <row r="583372" spans="8:8">
      <c r="H583372" s="12"/>
    </row>
    <row r="583373" spans="8:8">
      <c r="H583373" s="12"/>
    </row>
    <row r="583374" spans="8:8">
      <c r="H583374" s="12"/>
    </row>
    <row r="583375" spans="8:8">
      <c r="H583375" s="12"/>
    </row>
    <row r="583376" spans="8:8">
      <c r="H583376" s="12"/>
    </row>
    <row r="583377" spans="8:8">
      <c r="H583377" s="12"/>
    </row>
    <row r="583378" spans="8:8">
      <c r="H583378" s="12"/>
    </row>
    <row r="583379" spans="8:8">
      <c r="H583379" s="12"/>
    </row>
    <row r="583380" spans="8:8">
      <c r="H583380" s="12"/>
    </row>
    <row r="583381" spans="8:8">
      <c r="H583381" s="12"/>
    </row>
    <row r="583382" spans="8:8">
      <c r="H583382" s="12"/>
    </row>
    <row r="583383" spans="8:8">
      <c r="H583383" s="12"/>
    </row>
    <row r="583384" spans="8:8">
      <c r="H583384" s="12"/>
    </row>
    <row r="583385" spans="8:8">
      <c r="H583385" s="12"/>
    </row>
    <row r="583386" spans="8:8">
      <c r="H583386" s="12"/>
    </row>
    <row r="583387" spans="8:8">
      <c r="H583387" s="12"/>
    </row>
    <row r="583388" spans="8:8">
      <c r="H583388" s="12"/>
    </row>
    <row r="583389" spans="8:8">
      <c r="H583389" s="12"/>
    </row>
    <row r="583390" spans="8:8">
      <c r="H583390" s="12"/>
    </row>
    <row r="583391" spans="8:8">
      <c r="H583391" s="12"/>
    </row>
    <row r="583392" spans="8:8">
      <c r="H583392" s="12"/>
    </row>
    <row r="583393" spans="8:8">
      <c r="H583393" s="12"/>
    </row>
    <row r="583394" spans="8:8">
      <c r="H583394" s="12"/>
    </row>
    <row r="583395" spans="8:8">
      <c r="H583395" s="12"/>
    </row>
    <row r="583396" spans="8:8">
      <c r="H583396" s="12"/>
    </row>
    <row r="583397" spans="8:8">
      <c r="H583397" s="12"/>
    </row>
    <row r="583398" spans="8:8">
      <c r="H583398" s="12"/>
    </row>
    <row r="583399" spans="8:8">
      <c r="H583399" s="12"/>
    </row>
    <row r="583400" spans="8:8">
      <c r="H583400" s="12"/>
    </row>
    <row r="583401" spans="8:8">
      <c r="H583401" s="12"/>
    </row>
    <row r="583402" spans="8:8">
      <c r="H583402" s="12"/>
    </row>
    <row r="583403" spans="8:8">
      <c r="H583403" s="12"/>
    </row>
    <row r="583404" spans="8:8">
      <c r="H583404" s="12"/>
    </row>
    <row r="583405" spans="8:8">
      <c r="H583405" s="12"/>
    </row>
    <row r="583406" spans="8:8">
      <c r="H583406" s="12"/>
    </row>
    <row r="583407" spans="8:8">
      <c r="H583407" s="12"/>
    </row>
    <row r="583408" spans="8:8">
      <c r="H583408" s="12"/>
    </row>
    <row r="583409" spans="8:8">
      <c r="H583409" s="12"/>
    </row>
    <row r="583410" spans="8:8">
      <c r="H583410" s="12"/>
    </row>
    <row r="583411" spans="8:8">
      <c r="H583411" s="12"/>
    </row>
    <row r="583412" spans="8:8">
      <c r="H583412" s="12"/>
    </row>
    <row r="583413" spans="8:8">
      <c r="H583413" s="12"/>
    </row>
    <row r="583414" spans="8:8">
      <c r="H583414" s="12"/>
    </row>
    <row r="583415" spans="8:8">
      <c r="H583415" s="12"/>
    </row>
    <row r="583416" spans="8:8">
      <c r="H583416" s="12"/>
    </row>
    <row r="583417" spans="8:8">
      <c r="H583417" s="12"/>
    </row>
    <row r="583418" spans="8:8">
      <c r="H583418" s="12"/>
    </row>
    <row r="583419" spans="8:8">
      <c r="H583419" s="12"/>
    </row>
    <row r="583420" spans="8:8">
      <c r="H583420" s="12"/>
    </row>
    <row r="583421" spans="8:8">
      <c r="H583421" s="12"/>
    </row>
    <row r="583422" spans="8:8">
      <c r="H583422" s="12"/>
    </row>
    <row r="583423" spans="8:8">
      <c r="H583423" s="12"/>
    </row>
    <row r="583424" spans="8:8">
      <c r="H583424" s="12"/>
    </row>
    <row r="583425" spans="8:8">
      <c r="H583425" s="12"/>
    </row>
    <row r="583426" spans="8:8">
      <c r="H583426" s="12"/>
    </row>
    <row r="583427" spans="8:8">
      <c r="H583427" s="12"/>
    </row>
    <row r="583428" spans="8:8">
      <c r="H583428" s="12"/>
    </row>
    <row r="583429" spans="8:8">
      <c r="H583429" s="12"/>
    </row>
    <row r="583430" spans="8:8">
      <c r="H583430" s="12"/>
    </row>
    <row r="583431" spans="8:8">
      <c r="H583431" s="12"/>
    </row>
    <row r="583432" spans="8:8">
      <c r="H583432" s="12"/>
    </row>
    <row r="583433" spans="8:8">
      <c r="H583433" s="12"/>
    </row>
    <row r="583434" spans="8:8">
      <c r="H583434" s="12"/>
    </row>
    <row r="583435" spans="8:8">
      <c r="H583435" s="12"/>
    </row>
    <row r="583436" spans="8:8">
      <c r="H583436" s="12"/>
    </row>
    <row r="583437" spans="8:8">
      <c r="H583437" s="12"/>
    </row>
    <row r="583438" spans="8:8">
      <c r="H583438" s="12"/>
    </row>
    <row r="583439" spans="8:8">
      <c r="H583439" s="12"/>
    </row>
    <row r="583440" spans="8:8">
      <c r="H583440" s="12"/>
    </row>
    <row r="583441" spans="8:8">
      <c r="H583441" s="12"/>
    </row>
    <row r="583442" spans="8:8">
      <c r="H583442" s="12"/>
    </row>
    <row r="583443" spans="8:8">
      <c r="H583443" s="12"/>
    </row>
    <row r="583444" spans="8:8">
      <c r="H583444" s="12"/>
    </row>
    <row r="583445" spans="8:8">
      <c r="H583445" s="12"/>
    </row>
    <row r="583446" spans="8:8">
      <c r="H583446" s="12"/>
    </row>
    <row r="583447" spans="8:8">
      <c r="H583447" s="12"/>
    </row>
    <row r="583448" spans="8:8">
      <c r="H583448" s="12"/>
    </row>
    <row r="583449" spans="8:8">
      <c r="H583449" s="12"/>
    </row>
    <row r="583450" spans="8:8">
      <c r="H583450" s="12"/>
    </row>
    <row r="583451" spans="8:8">
      <c r="H583451" s="12"/>
    </row>
    <row r="583452" spans="8:8">
      <c r="H583452" s="12"/>
    </row>
    <row r="583453" spans="8:8">
      <c r="H583453" s="12"/>
    </row>
    <row r="583454" spans="8:8">
      <c r="H583454" s="12"/>
    </row>
    <row r="583455" spans="8:8">
      <c r="H583455" s="12"/>
    </row>
    <row r="583456" spans="8:8">
      <c r="H583456" s="12"/>
    </row>
    <row r="583457" spans="8:8">
      <c r="H583457" s="12"/>
    </row>
    <row r="583458" spans="8:8">
      <c r="H583458" s="12"/>
    </row>
    <row r="583459" spans="8:8">
      <c r="H583459" s="12"/>
    </row>
    <row r="583460" spans="8:8">
      <c r="H583460" s="12"/>
    </row>
    <row r="583461" spans="8:8">
      <c r="H583461" s="12"/>
    </row>
    <row r="583462" spans="8:8">
      <c r="H583462" s="12"/>
    </row>
    <row r="583463" spans="8:8">
      <c r="H583463" s="12"/>
    </row>
    <row r="583464" spans="8:8">
      <c r="H583464" s="12"/>
    </row>
    <row r="583465" spans="8:8">
      <c r="H583465" s="12"/>
    </row>
    <row r="583466" spans="8:8">
      <c r="H583466" s="12"/>
    </row>
    <row r="583467" spans="8:8">
      <c r="H583467" s="12"/>
    </row>
    <row r="583468" spans="8:8">
      <c r="H583468" s="12"/>
    </row>
    <row r="583469" spans="8:8">
      <c r="H583469" s="12"/>
    </row>
    <row r="583470" spans="8:8">
      <c r="H583470" s="12"/>
    </row>
    <row r="583471" spans="8:8">
      <c r="H583471" s="12"/>
    </row>
    <row r="583472" spans="8:8">
      <c r="H583472" s="12"/>
    </row>
    <row r="583473" spans="8:8">
      <c r="H583473" s="12"/>
    </row>
    <row r="583474" spans="8:8">
      <c r="H583474" s="12"/>
    </row>
    <row r="583475" spans="8:8">
      <c r="H583475" s="12"/>
    </row>
    <row r="583476" spans="8:8">
      <c r="H583476" s="12"/>
    </row>
    <row r="583477" spans="8:8">
      <c r="H583477" s="12"/>
    </row>
    <row r="583478" spans="8:8">
      <c r="H583478" s="12"/>
    </row>
    <row r="583479" spans="8:8">
      <c r="H583479" s="12"/>
    </row>
    <row r="583480" spans="8:8">
      <c r="H583480" s="12"/>
    </row>
    <row r="583481" spans="8:8">
      <c r="H583481" s="12"/>
    </row>
    <row r="583482" spans="8:8">
      <c r="H583482" s="12"/>
    </row>
    <row r="583483" spans="8:8">
      <c r="H583483" s="12"/>
    </row>
    <row r="583484" spans="8:8">
      <c r="H583484" s="12"/>
    </row>
    <row r="583485" spans="8:8">
      <c r="H583485" s="12"/>
    </row>
    <row r="583486" spans="8:8">
      <c r="H583486" s="12"/>
    </row>
    <row r="583487" spans="8:8">
      <c r="H583487" s="12"/>
    </row>
    <row r="583488" spans="8:8">
      <c r="H583488" s="12"/>
    </row>
    <row r="583489" spans="8:8">
      <c r="H583489" s="12"/>
    </row>
    <row r="583490" spans="8:8">
      <c r="H583490" s="12"/>
    </row>
    <row r="583491" spans="8:8">
      <c r="H583491" s="12"/>
    </row>
    <row r="583492" spans="8:8">
      <c r="H583492" s="12"/>
    </row>
    <row r="583493" spans="8:8">
      <c r="H583493" s="12"/>
    </row>
    <row r="583494" spans="8:8">
      <c r="H583494" s="12"/>
    </row>
    <row r="583495" spans="8:8">
      <c r="H583495" s="12"/>
    </row>
    <row r="583496" spans="8:8">
      <c r="H583496" s="12"/>
    </row>
    <row r="583497" spans="8:8">
      <c r="H583497" s="12"/>
    </row>
    <row r="583498" spans="8:8">
      <c r="H583498" s="12"/>
    </row>
    <row r="583499" spans="8:8">
      <c r="H583499" s="12"/>
    </row>
    <row r="583500" spans="8:8">
      <c r="H583500" s="12"/>
    </row>
    <row r="583501" spans="8:8">
      <c r="H583501" s="12"/>
    </row>
    <row r="583502" spans="8:8">
      <c r="H583502" s="12"/>
    </row>
    <row r="583503" spans="8:8">
      <c r="H583503" s="12"/>
    </row>
    <row r="583504" spans="8:8">
      <c r="H583504" s="12"/>
    </row>
    <row r="583505" spans="8:8">
      <c r="H583505" s="12"/>
    </row>
    <row r="583506" spans="8:8">
      <c r="H583506" s="12"/>
    </row>
    <row r="583507" spans="8:8">
      <c r="H583507" s="12"/>
    </row>
    <row r="583508" spans="8:8">
      <c r="H583508" s="12"/>
    </row>
    <row r="583509" spans="8:8">
      <c r="H583509" s="12"/>
    </row>
    <row r="583510" spans="8:8">
      <c r="H583510" s="12"/>
    </row>
    <row r="583511" spans="8:8">
      <c r="H583511" s="12"/>
    </row>
    <row r="583512" spans="8:8">
      <c r="H583512" s="12"/>
    </row>
    <row r="583513" spans="8:8">
      <c r="H583513" s="12"/>
    </row>
    <row r="583514" spans="8:8">
      <c r="H583514" s="12"/>
    </row>
    <row r="583515" spans="8:8">
      <c r="H583515" s="12"/>
    </row>
    <row r="583516" spans="8:8">
      <c r="H583516" s="12"/>
    </row>
    <row r="583517" spans="8:8">
      <c r="H583517" s="12"/>
    </row>
    <row r="583518" spans="8:8">
      <c r="H583518" s="12"/>
    </row>
    <row r="583519" spans="8:8">
      <c r="H583519" s="12"/>
    </row>
    <row r="583520" spans="8:8">
      <c r="H583520" s="12"/>
    </row>
    <row r="583521" spans="8:8">
      <c r="H583521" s="12"/>
    </row>
    <row r="583522" spans="8:8">
      <c r="H583522" s="12"/>
    </row>
    <row r="583523" spans="8:8">
      <c r="H583523" s="12"/>
    </row>
    <row r="583524" spans="8:8">
      <c r="H583524" s="12"/>
    </row>
    <row r="583525" spans="8:8">
      <c r="H583525" s="12"/>
    </row>
    <row r="583526" spans="8:8">
      <c r="H583526" s="12"/>
    </row>
    <row r="583527" spans="8:8">
      <c r="H583527" s="12"/>
    </row>
    <row r="583528" spans="8:8">
      <c r="H583528" s="12"/>
    </row>
    <row r="583529" spans="8:8">
      <c r="H583529" s="12"/>
    </row>
    <row r="583530" spans="8:8">
      <c r="H583530" s="12"/>
    </row>
    <row r="583531" spans="8:8">
      <c r="H583531" s="12"/>
    </row>
    <row r="583532" spans="8:8">
      <c r="H583532" s="12"/>
    </row>
    <row r="583533" spans="8:8">
      <c r="H583533" s="12"/>
    </row>
    <row r="583534" spans="8:8">
      <c r="H583534" s="12"/>
    </row>
    <row r="583535" spans="8:8">
      <c r="H583535" s="12"/>
    </row>
    <row r="583536" spans="8:8">
      <c r="H583536" s="12"/>
    </row>
    <row r="583537" spans="8:8">
      <c r="H583537" s="12"/>
    </row>
    <row r="583538" spans="8:8">
      <c r="H583538" s="12"/>
    </row>
    <row r="583539" spans="8:8">
      <c r="H583539" s="12"/>
    </row>
    <row r="583540" spans="8:8">
      <c r="H583540" s="12"/>
    </row>
    <row r="583541" spans="8:8">
      <c r="H583541" s="12"/>
    </row>
    <row r="583542" spans="8:8">
      <c r="H583542" s="12"/>
    </row>
    <row r="583543" spans="8:8">
      <c r="H583543" s="12"/>
    </row>
    <row r="583544" spans="8:8">
      <c r="H583544" s="12"/>
    </row>
    <row r="583545" spans="8:8">
      <c r="H583545" s="12"/>
    </row>
    <row r="583546" spans="8:8">
      <c r="H583546" s="12"/>
    </row>
    <row r="583547" spans="8:8">
      <c r="H583547" s="12"/>
    </row>
    <row r="583548" spans="8:8">
      <c r="H583548" s="12"/>
    </row>
    <row r="583549" spans="8:8">
      <c r="H583549" s="12"/>
    </row>
    <row r="583550" spans="8:8">
      <c r="H583550" s="12"/>
    </row>
    <row r="583551" spans="8:8">
      <c r="H583551" s="12"/>
    </row>
    <row r="583552" spans="8:8">
      <c r="H583552" s="12"/>
    </row>
    <row r="583553" spans="8:8">
      <c r="H583553" s="12"/>
    </row>
    <row r="583554" spans="8:8">
      <c r="H583554" s="12"/>
    </row>
    <row r="583555" spans="8:8">
      <c r="H583555" s="12"/>
    </row>
    <row r="583556" spans="8:8">
      <c r="H583556" s="12"/>
    </row>
    <row r="583557" spans="8:8">
      <c r="H583557" s="12"/>
    </row>
    <row r="583558" spans="8:8">
      <c r="H583558" s="12"/>
    </row>
    <row r="583559" spans="8:8">
      <c r="H583559" s="12"/>
    </row>
    <row r="583560" spans="8:8">
      <c r="H583560" s="12"/>
    </row>
    <row r="583561" spans="8:8">
      <c r="H583561" s="12"/>
    </row>
    <row r="583562" spans="8:8">
      <c r="H583562" s="12"/>
    </row>
    <row r="583563" spans="8:8">
      <c r="H583563" s="12"/>
    </row>
    <row r="583564" spans="8:8">
      <c r="H583564" s="12"/>
    </row>
    <row r="583565" spans="8:8">
      <c r="H583565" s="12"/>
    </row>
    <row r="583566" spans="8:8">
      <c r="H583566" s="12"/>
    </row>
    <row r="583567" spans="8:8">
      <c r="H583567" s="12"/>
    </row>
    <row r="583568" spans="8:8">
      <c r="H583568" s="12"/>
    </row>
    <row r="583569" spans="8:8">
      <c r="H583569" s="12"/>
    </row>
    <row r="583570" spans="8:8">
      <c r="H583570" s="12"/>
    </row>
    <row r="583571" spans="8:8">
      <c r="H583571" s="12"/>
    </row>
    <row r="583572" spans="8:8">
      <c r="H583572" s="12"/>
    </row>
    <row r="583573" spans="8:8">
      <c r="H583573" s="12"/>
    </row>
    <row r="583574" spans="8:8">
      <c r="H583574" s="12"/>
    </row>
    <row r="583575" spans="8:8">
      <c r="H583575" s="12"/>
    </row>
    <row r="583576" spans="8:8">
      <c r="H583576" s="12"/>
    </row>
    <row r="583577" spans="8:8">
      <c r="H583577" s="12"/>
    </row>
    <row r="583578" spans="8:8">
      <c r="H583578" s="12"/>
    </row>
    <row r="583579" spans="8:8">
      <c r="H583579" s="12"/>
    </row>
    <row r="583580" spans="8:8">
      <c r="H583580" s="12"/>
    </row>
    <row r="583581" spans="8:8">
      <c r="H583581" s="12"/>
    </row>
    <row r="583582" spans="8:8">
      <c r="H583582" s="12"/>
    </row>
    <row r="583583" spans="8:8">
      <c r="H583583" s="12"/>
    </row>
    <row r="583584" spans="8:8">
      <c r="H583584" s="12"/>
    </row>
    <row r="583585" spans="8:8">
      <c r="H583585" s="12"/>
    </row>
    <row r="583586" spans="8:8">
      <c r="H583586" s="12"/>
    </row>
    <row r="583587" spans="8:8">
      <c r="H583587" s="12"/>
    </row>
    <row r="583588" spans="8:8">
      <c r="H583588" s="12"/>
    </row>
    <row r="583589" spans="8:8">
      <c r="H583589" s="12"/>
    </row>
    <row r="583590" spans="8:8">
      <c r="H583590" s="12"/>
    </row>
    <row r="583591" spans="8:8">
      <c r="H583591" s="12"/>
    </row>
    <row r="583592" spans="8:8">
      <c r="H583592" s="12"/>
    </row>
    <row r="583593" spans="8:8">
      <c r="H583593" s="12"/>
    </row>
    <row r="583594" spans="8:8">
      <c r="H583594" s="12"/>
    </row>
    <row r="583595" spans="8:8">
      <c r="H583595" s="12"/>
    </row>
    <row r="583596" spans="8:8">
      <c r="H583596" s="12"/>
    </row>
    <row r="583597" spans="8:8">
      <c r="H583597" s="12"/>
    </row>
    <row r="583598" spans="8:8">
      <c r="H583598" s="12"/>
    </row>
    <row r="583599" spans="8:8">
      <c r="H583599" s="12"/>
    </row>
    <row r="583600" spans="8:8">
      <c r="H583600" s="12"/>
    </row>
    <row r="583601" spans="8:8">
      <c r="H583601" s="12"/>
    </row>
    <row r="583602" spans="8:8">
      <c r="H583602" s="12"/>
    </row>
    <row r="583603" spans="8:8">
      <c r="H583603" s="12"/>
    </row>
    <row r="583604" spans="8:8">
      <c r="H583604" s="12"/>
    </row>
    <row r="583605" spans="8:8">
      <c r="H583605" s="12"/>
    </row>
    <row r="583606" spans="8:8">
      <c r="H583606" s="12"/>
    </row>
    <row r="583607" spans="8:8">
      <c r="H583607" s="12"/>
    </row>
    <row r="583608" spans="8:8">
      <c r="H583608" s="12"/>
    </row>
    <row r="583609" spans="8:8">
      <c r="H583609" s="12"/>
    </row>
    <row r="583610" spans="8:8">
      <c r="H583610" s="12"/>
    </row>
    <row r="583611" spans="8:8">
      <c r="H583611" s="12"/>
    </row>
    <row r="583612" spans="8:8">
      <c r="H583612" s="12"/>
    </row>
    <row r="583613" spans="8:8">
      <c r="H583613" s="12"/>
    </row>
    <row r="583614" spans="8:8">
      <c r="H583614" s="12"/>
    </row>
    <row r="583615" spans="8:8">
      <c r="H583615" s="12"/>
    </row>
    <row r="583616" spans="8:8">
      <c r="H583616" s="12"/>
    </row>
    <row r="583617" spans="8:8">
      <c r="H583617" s="12"/>
    </row>
    <row r="583618" spans="8:8">
      <c r="H583618" s="12"/>
    </row>
    <row r="583619" spans="8:8">
      <c r="H583619" s="12"/>
    </row>
    <row r="583620" spans="8:8">
      <c r="H583620" s="12"/>
    </row>
    <row r="583621" spans="8:8">
      <c r="H583621" s="12"/>
    </row>
    <row r="583622" spans="8:8">
      <c r="H583622" s="12"/>
    </row>
    <row r="583623" spans="8:8">
      <c r="H583623" s="12"/>
    </row>
    <row r="583624" spans="8:8">
      <c r="H583624" s="12"/>
    </row>
    <row r="583625" spans="8:8">
      <c r="H583625" s="12"/>
    </row>
    <row r="583626" spans="8:8">
      <c r="H583626" s="12"/>
    </row>
    <row r="583627" spans="8:8">
      <c r="H583627" s="12"/>
    </row>
    <row r="583628" spans="8:8">
      <c r="H583628" s="12"/>
    </row>
    <row r="583629" spans="8:8">
      <c r="H583629" s="12"/>
    </row>
    <row r="583630" spans="8:8">
      <c r="H583630" s="12"/>
    </row>
    <row r="583631" spans="8:8">
      <c r="H583631" s="12"/>
    </row>
    <row r="583632" spans="8:8">
      <c r="H583632" s="12"/>
    </row>
    <row r="583633" spans="8:8">
      <c r="H583633" s="12"/>
    </row>
    <row r="583634" spans="8:8">
      <c r="H583634" s="12"/>
    </row>
    <row r="583635" spans="8:8">
      <c r="H583635" s="12"/>
    </row>
    <row r="583636" spans="8:8">
      <c r="H583636" s="12"/>
    </row>
    <row r="583637" spans="8:8">
      <c r="H583637" s="12"/>
    </row>
    <row r="583638" spans="8:8">
      <c r="H583638" s="12"/>
    </row>
    <row r="583639" spans="8:8">
      <c r="H583639" s="12"/>
    </row>
    <row r="583640" spans="8:8">
      <c r="H583640" s="12"/>
    </row>
    <row r="583641" spans="8:8">
      <c r="H583641" s="12"/>
    </row>
    <row r="583642" spans="8:8">
      <c r="H583642" s="12"/>
    </row>
    <row r="583643" spans="8:8">
      <c r="H583643" s="12"/>
    </row>
    <row r="583644" spans="8:8">
      <c r="H583644" s="12"/>
    </row>
    <row r="583645" spans="8:8">
      <c r="H583645" s="12"/>
    </row>
    <row r="583646" spans="8:8">
      <c r="H583646" s="12"/>
    </row>
    <row r="583647" spans="8:8">
      <c r="H583647" s="12"/>
    </row>
    <row r="583648" spans="8:8">
      <c r="H583648" s="12"/>
    </row>
    <row r="583649" spans="8:8">
      <c r="H583649" s="12"/>
    </row>
    <row r="583650" spans="8:8">
      <c r="H583650" s="12"/>
    </row>
    <row r="583651" spans="8:8">
      <c r="H583651" s="12"/>
    </row>
    <row r="583652" spans="8:8">
      <c r="H583652" s="12"/>
    </row>
    <row r="583653" spans="8:8">
      <c r="H583653" s="12"/>
    </row>
    <row r="583654" spans="8:8">
      <c r="H583654" s="12"/>
    </row>
    <row r="583655" spans="8:8">
      <c r="H583655" s="12"/>
    </row>
    <row r="583656" spans="8:8">
      <c r="H583656" s="12"/>
    </row>
    <row r="583657" spans="8:8">
      <c r="H583657" s="12"/>
    </row>
    <row r="583658" spans="8:8">
      <c r="H583658" s="12"/>
    </row>
    <row r="583659" spans="8:8">
      <c r="H583659" s="12"/>
    </row>
    <row r="583660" spans="8:8">
      <c r="H583660" s="12"/>
    </row>
    <row r="583661" spans="8:8">
      <c r="H583661" s="12"/>
    </row>
    <row r="583662" spans="8:8">
      <c r="H583662" s="12"/>
    </row>
    <row r="583663" spans="8:8">
      <c r="H583663" s="12"/>
    </row>
    <row r="583664" spans="8:8">
      <c r="H583664" s="12"/>
    </row>
    <row r="583665" spans="8:8">
      <c r="H583665" s="12"/>
    </row>
    <row r="583666" spans="8:8">
      <c r="H583666" s="12"/>
    </row>
    <row r="583667" spans="8:8">
      <c r="H583667" s="12"/>
    </row>
    <row r="583668" spans="8:8">
      <c r="H583668" s="12"/>
    </row>
    <row r="583669" spans="8:8">
      <c r="H583669" s="12"/>
    </row>
    <row r="583670" spans="8:8">
      <c r="H583670" s="12"/>
    </row>
    <row r="583671" spans="8:8">
      <c r="H583671" s="12"/>
    </row>
    <row r="583672" spans="8:8">
      <c r="H583672" s="12"/>
    </row>
    <row r="583673" spans="8:8">
      <c r="H583673" s="12"/>
    </row>
    <row r="583674" spans="8:8">
      <c r="H583674" s="12"/>
    </row>
    <row r="583675" spans="8:8">
      <c r="H583675" s="12"/>
    </row>
    <row r="583676" spans="8:8">
      <c r="H583676" s="12"/>
    </row>
    <row r="583677" spans="8:8">
      <c r="H583677" s="12"/>
    </row>
    <row r="583678" spans="8:8">
      <c r="H583678" s="12"/>
    </row>
    <row r="583679" spans="8:8">
      <c r="H583679" s="12"/>
    </row>
    <row r="583680" spans="8:8">
      <c r="H583680" s="12"/>
    </row>
    <row r="583681" spans="8:8">
      <c r="H583681" s="12"/>
    </row>
    <row r="583682" spans="8:8">
      <c r="H583682" s="12"/>
    </row>
    <row r="583683" spans="8:8">
      <c r="H583683" s="12"/>
    </row>
    <row r="583684" spans="8:8">
      <c r="H583684" s="12"/>
    </row>
    <row r="583685" spans="8:8">
      <c r="H583685" s="12"/>
    </row>
    <row r="583686" spans="8:8">
      <c r="H583686" s="12"/>
    </row>
    <row r="583687" spans="8:8">
      <c r="H583687" s="12"/>
    </row>
    <row r="583688" spans="8:8">
      <c r="H583688" s="12"/>
    </row>
    <row r="583689" spans="8:8">
      <c r="H583689" s="12"/>
    </row>
    <row r="583690" spans="8:8">
      <c r="H583690" s="12"/>
    </row>
    <row r="583691" spans="8:8">
      <c r="H583691" s="12"/>
    </row>
    <row r="583692" spans="8:8">
      <c r="H583692" s="12"/>
    </row>
    <row r="583693" spans="8:8">
      <c r="H583693" s="12"/>
    </row>
    <row r="583694" spans="8:8">
      <c r="H583694" s="12"/>
    </row>
    <row r="583695" spans="8:8">
      <c r="H583695" s="12"/>
    </row>
    <row r="583696" spans="8:8">
      <c r="H583696" s="12"/>
    </row>
    <row r="583697" spans="8:8">
      <c r="H583697" s="12"/>
    </row>
    <row r="583698" spans="8:8">
      <c r="H583698" s="12"/>
    </row>
    <row r="583699" spans="8:8">
      <c r="H583699" s="12"/>
    </row>
    <row r="583700" spans="8:8">
      <c r="H583700" s="12"/>
    </row>
    <row r="583701" spans="8:8">
      <c r="H583701" s="12"/>
    </row>
    <row r="583702" spans="8:8">
      <c r="H583702" s="12"/>
    </row>
    <row r="583703" spans="8:8">
      <c r="H583703" s="12"/>
    </row>
    <row r="583704" spans="8:8">
      <c r="H583704" s="12"/>
    </row>
    <row r="583705" spans="8:8">
      <c r="H583705" s="12"/>
    </row>
    <row r="583706" spans="8:8">
      <c r="H583706" s="12"/>
    </row>
    <row r="583707" spans="8:8">
      <c r="H583707" s="12"/>
    </row>
    <row r="583708" spans="8:8">
      <c r="H583708" s="12"/>
    </row>
    <row r="583709" spans="8:8">
      <c r="H583709" s="12"/>
    </row>
    <row r="583710" spans="8:8">
      <c r="H583710" s="12"/>
    </row>
    <row r="583711" spans="8:8">
      <c r="H583711" s="12"/>
    </row>
    <row r="583712" spans="8:8">
      <c r="H583712" s="12"/>
    </row>
    <row r="583713" spans="8:8">
      <c r="H583713" s="12"/>
    </row>
    <row r="583714" spans="8:8">
      <c r="H583714" s="12"/>
    </row>
    <row r="583715" spans="8:8">
      <c r="H583715" s="12"/>
    </row>
    <row r="583716" spans="8:8">
      <c r="H583716" s="12"/>
    </row>
    <row r="583717" spans="8:8">
      <c r="H583717" s="12"/>
    </row>
    <row r="583718" spans="8:8">
      <c r="H583718" s="12"/>
    </row>
    <row r="583719" spans="8:8">
      <c r="H583719" s="12"/>
    </row>
    <row r="583720" spans="8:8">
      <c r="H583720" s="12"/>
    </row>
    <row r="583721" spans="8:8">
      <c r="H583721" s="12"/>
    </row>
    <row r="583722" spans="8:8">
      <c r="H583722" s="12"/>
    </row>
    <row r="583723" spans="8:8">
      <c r="H583723" s="12"/>
    </row>
    <row r="583724" spans="8:8">
      <c r="H583724" s="12"/>
    </row>
    <row r="583725" spans="8:8">
      <c r="H583725" s="12"/>
    </row>
    <row r="583726" spans="8:8">
      <c r="H583726" s="12"/>
    </row>
    <row r="583727" spans="8:8">
      <c r="H583727" s="12"/>
    </row>
    <row r="583728" spans="8:8">
      <c r="H583728" s="12"/>
    </row>
    <row r="583729" spans="8:8">
      <c r="H583729" s="12"/>
    </row>
    <row r="583730" spans="8:8">
      <c r="H583730" s="12"/>
    </row>
    <row r="583731" spans="8:8">
      <c r="H583731" s="12"/>
    </row>
    <row r="583732" spans="8:8">
      <c r="H583732" s="12"/>
    </row>
    <row r="583733" spans="8:8">
      <c r="H583733" s="12"/>
    </row>
    <row r="583734" spans="8:8">
      <c r="H583734" s="12"/>
    </row>
    <row r="583735" spans="8:8">
      <c r="H583735" s="12"/>
    </row>
    <row r="583736" spans="8:8">
      <c r="H583736" s="12"/>
    </row>
    <row r="583737" spans="8:8">
      <c r="H583737" s="12"/>
    </row>
    <row r="583738" spans="8:8">
      <c r="H583738" s="12"/>
    </row>
    <row r="583739" spans="8:8">
      <c r="H583739" s="12"/>
    </row>
    <row r="583740" spans="8:8">
      <c r="H583740" s="12"/>
    </row>
    <row r="583741" spans="8:8">
      <c r="H583741" s="12"/>
    </row>
    <row r="583742" spans="8:8">
      <c r="H583742" s="12"/>
    </row>
    <row r="583743" spans="8:8">
      <c r="H583743" s="12"/>
    </row>
    <row r="583744" spans="8:8">
      <c r="H583744" s="12"/>
    </row>
    <row r="583745" spans="8:8">
      <c r="H583745" s="12"/>
    </row>
    <row r="583746" spans="8:8">
      <c r="H583746" s="12"/>
    </row>
    <row r="583747" spans="8:8">
      <c r="H583747" s="12"/>
    </row>
    <row r="583748" spans="8:8">
      <c r="H583748" s="12"/>
    </row>
    <row r="583749" spans="8:8">
      <c r="H583749" s="12"/>
    </row>
    <row r="583750" spans="8:8">
      <c r="H583750" s="12"/>
    </row>
    <row r="583751" spans="8:8">
      <c r="H583751" s="12"/>
    </row>
    <row r="583752" spans="8:8">
      <c r="H583752" s="12"/>
    </row>
    <row r="583753" spans="8:8">
      <c r="H583753" s="12"/>
    </row>
    <row r="583754" spans="8:8">
      <c r="H583754" s="12"/>
    </row>
    <row r="583755" spans="8:8">
      <c r="H583755" s="12"/>
    </row>
    <row r="583756" spans="8:8">
      <c r="H583756" s="12"/>
    </row>
    <row r="583757" spans="8:8">
      <c r="H583757" s="12"/>
    </row>
    <row r="583758" spans="8:8">
      <c r="H583758" s="12"/>
    </row>
    <row r="583759" spans="8:8">
      <c r="H583759" s="12"/>
    </row>
    <row r="583760" spans="8:8">
      <c r="H583760" s="12"/>
    </row>
    <row r="583761" spans="8:8">
      <c r="H583761" s="12"/>
    </row>
    <row r="583762" spans="8:8">
      <c r="H583762" s="12"/>
    </row>
    <row r="583763" spans="8:8">
      <c r="H583763" s="12"/>
    </row>
    <row r="583764" spans="8:8">
      <c r="H583764" s="12"/>
    </row>
    <row r="583765" spans="8:8">
      <c r="H583765" s="12"/>
    </row>
    <row r="583766" spans="8:8">
      <c r="H583766" s="12"/>
    </row>
    <row r="583767" spans="8:8">
      <c r="H583767" s="12"/>
    </row>
    <row r="583768" spans="8:8">
      <c r="H583768" s="12"/>
    </row>
    <row r="583769" spans="8:8">
      <c r="H583769" s="12"/>
    </row>
    <row r="583770" spans="8:8">
      <c r="H583770" s="12"/>
    </row>
    <row r="583771" spans="8:8">
      <c r="H583771" s="12"/>
    </row>
    <row r="583772" spans="8:8">
      <c r="H583772" s="12"/>
    </row>
    <row r="583773" spans="8:8">
      <c r="H583773" s="12"/>
    </row>
    <row r="583774" spans="8:8">
      <c r="H583774" s="12"/>
    </row>
    <row r="583775" spans="8:8">
      <c r="H583775" s="12"/>
    </row>
    <row r="583776" spans="8:8">
      <c r="H583776" s="12"/>
    </row>
    <row r="583777" spans="8:8">
      <c r="H583777" s="12"/>
    </row>
    <row r="583778" spans="8:8">
      <c r="H583778" s="12"/>
    </row>
    <row r="583779" spans="8:8">
      <c r="H583779" s="12"/>
    </row>
    <row r="583780" spans="8:8">
      <c r="H583780" s="12"/>
    </row>
    <row r="583781" spans="8:8">
      <c r="H583781" s="12"/>
    </row>
    <row r="583782" spans="8:8">
      <c r="H583782" s="12"/>
    </row>
    <row r="583783" spans="8:8">
      <c r="H583783" s="12"/>
    </row>
    <row r="583784" spans="8:8">
      <c r="H583784" s="12"/>
    </row>
    <row r="583785" spans="8:8">
      <c r="H583785" s="12"/>
    </row>
    <row r="583786" spans="8:8">
      <c r="H583786" s="12"/>
    </row>
    <row r="583787" spans="8:8">
      <c r="H583787" s="12"/>
    </row>
    <row r="583788" spans="8:8">
      <c r="H583788" s="12"/>
    </row>
    <row r="583789" spans="8:8">
      <c r="H583789" s="12"/>
    </row>
    <row r="583790" spans="8:8">
      <c r="H583790" s="12"/>
    </row>
    <row r="583791" spans="8:8">
      <c r="H583791" s="12"/>
    </row>
    <row r="583792" spans="8:8">
      <c r="H583792" s="12"/>
    </row>
    <row r="583793" spans="8:8">
      <c r="H583793" s="12"/>
    </row>
    <row r="583794" spans="8:8">
      <c r="H583794" s="12"/>
    </row>
    <row r="583795" spans="8:8">
      <c r="H583795" s="12"/>
    </row>
    <row r="583796" spans="8:8">
      <c r="H583796" s="12"/>
    </row>
    <row r="583797" spans="8:8">
      <c r="H583797" s="12"/>
    </row>
    <row r="583798" spans="8:8">
      <c r="H583798" s="12"/>
    </row>
    <row r="583799" spans="8:8">
      <c r="H583799" s="12"/>
    </row>
    <row r="583800" spans="8:8">
      <c r="H583800" s="12"/>
    </row>
    <row r="583801" spans="8:8">
      <c r="H583801" s="12"/>
    </row>
    <row r="583802" spans="8:8">
      <c r="H583802" s="12"/>
    </row>
    <row r="583803" spans="8:8">
      <c r="H583803" s="12"/>
    </row>
    <row r="583804" spans="8:8">
      <c r="H583804" s="12"/>
    </row>
    <row r="583805" spans="8:8">
      <c r="H583805" s="12"/>
    </row>
    <row r="583806" spans="8:8">
      <c r="H583806" s="12"/>
    </row>
    <row r="583807" spans="8:8">
      <c r="H583807" s="12"/>
    </row>
    <row r="583808" spans="8:8">
      <c r="H583808" s="12"/>
    </row>
    <row r="583809" spans="8:8">
      <c r="H583809" s="12"/>
    </row>
    <row r="583810" spans="8:8">
      <c r="H583810" s="12"/>
    </row>
    <row r="583811" spans="8:8">
      <c r="H583811" s="12"/>
    </row>
    <row r="583812" spans="8:8">
      <c r="H583812" s="12"/>
    </row>
    <row r="583813" spans="8:8">
      <c r="H583813" s="12"/>
    </row>
    <row r="583814" spans="8:8">
      <c r="H583814" s="12"/>
    </row>
    <row r="583815" spans="8:8">
      <c r="H583815" s="12"/>
    </row>
    <row r="583816" spans="8:8">
      <c r="H583816" s="12"/>
    </row>
    <row r="583817" spans="8:8">
      <c r="H583817" s="12"/>
    </row>
    <row r="583818" spans="8:8">
      <c r="H583818" s="12"/>
    </row>
    <row r="583819" spans="8:8">
      <c r="H583819" s="12"/>
    </row>
    <row r="583820" spans="8:8">
      <c r="H583820" s="12"/>
    </row>
    <row r="583821" spans="8:8">
      <c r="H583821" s="12"/>
    </row>
    <row r="583822" spans="8:8">
      <c r="H583822" s="12"/>
    </row>
    <row r="583823" spans="8:8">
      <c r="H583823" s="12"/>
    </row>
    <row r="583824" spans="8:8">
      <c r="H583824" s="12"/>
    </row>
    <row r="583825" spans="8:8">
      <c r="H583825" s="12"/>
    </row>
    <row r="583826" spans="8:8">
      <c r="H583826" s="12"/>
    </row>
    <row r="583827" spans="8:8">
      <c r="H583827" s="12"/>
    </row>
    <row r="583828" spans="8:8">
      <c r="H583828" s="12"/>
    </row>
    <row r="583829" spans="8:8">
      <c r="H583829" s="12"/>
    </row>
    <row r="583830" spans="8:8">
      <c r="H583830" s="12"/>
    </row>
    <row r="583831" spans="8:8">
      <c r="H583831" s="12"/>
    </row>
    <row r="583832" spans="8:8">
      <c r="H583832" s="12"/>
    </row>
    <row r="583833" spans="8:8">
      <c r="H583833" s="12"/>
    </row>
    <row r="583834" spans="8:8">
      <c r="H583834" s="12"/>
    </row>
    <row r="583835" spans="8:8">
      <c r="H583835" s="12"/>
    </row>
    <row r="583836" spans="8:8">
      <c r="H583836" s="12"/>
    </row>
    <row r="583837" spans="8:8">
      <c r="H583837" s="12"/>
    </row>
    <row r="583838" spans="8:8">
      <c r="H583838" s="12"/>
    </row>
    <row r="583839" spans="8:8">
      <c r="H583839" s="12"/>
    </row>
    <row r="583840" spans="8:8">
      <c r="H583840" s="12"/>
    </row>
    <row r="583841" spans="8:8">
      <c r="H583841" s="12"/>
    </row>
    <row r="583842" spans="8:8">
      <c r="H583842" s="12"/>
    </row>
    <row r="583843" spans="8:8">
      <c r="H583843" s="12"/>
    </row>
    <row r="583844" spans="8:8">
      <c r="H583844" s="12"/>
    </row>
    <row r="583845" spans="8:8">
      <c r="H583845" s="12"/>
    </row>
    <row r="583846" spans="8:8">
      <c r="H583846" s="12"/>
    </row>
    <row r="583847" spans="8:8">
      <c r="H583847" s="12"/>
    </row>
    <row r="583848" spans="8:8">
      <c r="H583848" s="12"/>
    </row>
    <row r="583849" spans="8:8">
      <c r="H583849" s="12"/>
    </row>
    <row r="583850" spans="8:8">
      <c r="H583850" s="12"/>
    </row>
    <row r="583851" spans="8:8">
      <c r="H583851" s="12"/>
    </row>
    <row r="583852" spans="8:8">
      <c r="H583852" s="12"/>
    </row>
    <row r="583853" spans="8:8">
      <c r="H583853" s="12"/>
    </row>
    <row r="583854" spans="8:8">
      <c r="H583854" s="12"/>
    </row>
    <row r="583855" spans="8:8">
      <c r="H583855" s="12"/>
    </row>
    <row r="583856" spans="8:8">
      <c r="H583856" s="12"/>
    </row>
    <row r="583857" spans="8:8">
      <c r="H583857" s="12"/>
    </row>
    <row r="583858" spans="8:8">
      <c r="H583858" s="12"/>
    </row>
    <row r="583859" spans="8:8">
      <c r="H583859" s="12"/>
    </row>
    <row r="583860" spans="8:8">
      <c r="H583860" s="12"/>
    </row>
    <row r="583861" spans="8:8">
      <c r="H583861" s="12"/>
    </row>
    <row r="583862" spans="8:8">
      <c r="H583862" s="12"/>
    </row>
    <row r="583863" spans="8:8">
      <c r="H583863" s="12"/>
    </row>
    <row r="583864" spans="8:8">
      <c r="H583864" s="12"/>
    </row>
    <row r="583865" spans="8:8">
      <c r="H583865" s="12"/>
    </row>
    <row r="583866" spans="8:8">
      <c r="H583866" s="12"/>
    </row>
    <row r="583867" spans="8:8">
      <c r="H583867" s="12"/>
    </row>
    <row r="583868" spans="8:8">
      <c r="H583868" s="12"/>
    </row>
    <row r="583869" spans="8:8">
      <c r="H583869" s="12"/>
    </row>
    <row r="583870" spans="8:8">
      <c r="H583870" s="12"/>
    </row>
    <row r="583871" spans="8:8">
      <c r="H583871" s="12"/>
    </row>
    <row r="583872" spans="8:8">
      <c r="H583872" s="12"/>
    </row>
    <row r="583873" spans="8:8">
      <c r="H583873" s="12"/>
    </row>
    <row r="583874" spans="8:8">
      <c r="H583874" s="12"/>
    </row>
    <row r="583875" spans="8:8">
      <c r="H583875" s="12"/>
    </row>
    <row r="583876" spans="8:8">
      <c r="H583876" s="12"/>
    </row>
    <row r="583877" spans="8:8">
      <c r="H583877" s="12"/>
    </row>
    <row r="583878" spans="8:8">
      <c r="H583878" s="12"/>
    </row>
    <row r="583879" spans="8:8">
      <c r="H583879" s="12"/>
    </row>
    <row r="583880" spans="8:8">
      <c r="H583880" s="12"/>
    </row>
    <row r="583881" spans="8:8">
      <c r="H583881" s="12"/>
    </row>
    <row r="583882" spans="8:8">
      <c r="H583882" s="12"/>
    </row>
    <row r="583883" spans="8:8">
      <c r="H583883" s="12"/>
    </row>
    <row r="583884" spans="8:8">
      <c r="H583884" s="12"/>
    </row>
    <row r="583885" spans="8:8">
      <c r="H583885" s="12"/>
    </row>
    <row r="583886" spans="8:8">
      <c r="H583886" s="12"/>
    </row>
    <row r="583887" spans="8:8">
      <c r="H583887" s="12"/>
    </row>
    <row r="583888" spans="8:8">
      <c r="H583888" s="12"/>
    </row>
    <row r="583889" spans="8:8">
      <c r="H583889" s="12"/>
    </row>
    <row r="583890" spans="8:8">
      <c r="H583890" s="12"/>
    </row>
    <row r="583891" spans="8:8">
      <c r="H583891" s="12"/>
    </row>
    <row r="583892" spans="8:8">
      <c r="H583892" s="12"/>
    </row>
    <row r="583893" spans="8:8">
      <c r="H583893" s="12"/>
    </row>
    <row r="583894" spans="8:8">
      <c r="H583894" s="12"/>
    </row>
    <row r="583895" spans="8:8">
      <c r="H583895" s="12"/>
    </row>
    <row r="583896" spans="8:8">
      <c r="H583896" s="12"/>
    </row>
    <row r="583897" spans="8:8">
      <c r="H583897" s="12"/>
    </row>
    <row r="583898" spans="8:8">
      <c r="H583898" s="12"/>
    </row>
    <row r="583899" spans="8:8">
      <c r="H583899" s="12"/>
    </row>
    <row r="583900" spans="8:8">
      <c r="H583900" s="12"/>
    </row>
    <row r="583901" spans="8:8">
      <c r="H583901" s="12"/>
    </row>
    <row r="583902" spans="8:8">
      <c r="H583902" s="12"/>
    </row>
    <row r="583903" spans="8:8">
      <c r="H583903" s="12"/>
    </row>
    <row r="583904" spans="8:8">
      <c r="H583904" s="12"/>
    </row>
    <row r="583905" spans="8:8">
      <c r="H583905" s="12"/>
    </row>
    <row r="583906" spans="8:8">
      <c r="H583906" s="12"/>
    </row>
    <row r="583907" spans="8:8">
      <c r="H583907" s="12"/>
    </row>
    <row r="583908" spans="8:8">
      <c r="H583908" s="12"/>
    </row>
    <row r="583909" spans="8:8">
      <c r="H583909" s="12"/>
    </row>
    <row r="583910" spans="8:8">
      <c r="H583910" s="12"/>
    </row>
    <row r="583911" spans="8:8">
      <c r="H583911" s="12"/>
    </row>
    <row r="583912" spans="8:8">
      <c r="H583912" s="12"/>
    </row>
    <row r="583913" spans="8:8">
      <c r="H583913" s="12"/>
    </row>
    <row r="583914" spans="8:8">
      <c r="H583914" s="12"/>
    </row>
    <row r="583915" spans="8:8">
      <c r="H583915" s="12"/>
    </row>
    <row r="583916" spans="8:8">
      <c r="H583916" s="12"/>
    </row>
    <row r="583917" spans="8:8">
      <c r="H583917" s="12"/>
    </row>
    <row r="583918" spans="8:8">
      <c r="H583918" s="12"/>
    </row>
    <row r="583919" spans="8:8">
      <c r="H583919" s="12"/>
    </row>
    <row r="583920" spans="8:8">
      <c r="H583920" s="12"/>
    </row>
    <row r="583921" spans="8:8">
      <c r="H583921" s="12"/>
    </row>
    <row r="583922" spans="8:8">
      <c r="H583922" s="12"/>
    </row>
    <row r="583923" spans="8:8">
      <c r="H583923" s="12"/>
    </row>
    <row r="583924" spans="8:8">
      <c r="H583924" s="12"/>
    </row>
    <row r="583925" spans="8:8">
      <c r="H583925" s="12"/>
    </row>
    <row r="583926" spans="8:8">
      <c r="H583926" s="12"/>
    </row>
    <row r="583927" spans="8:8">
      <c r="H583927" s="12"/>
    </row>
    <row r="583928" spans="8:8">
      <c r="H583928" s="12"/>
    </row>
    <row r="583929" spans="8:8">
      <c r="H583929" s="12"/>
    </row>
    <row r="583930" spans="8:8">
      <c r="H583930" s="12"/>
    </row>
    <row r="583931" spans="8:8">
      <c r="H583931" s="12"/>
    </row>
    <row r="583932" spans="8:8">
      <c r="H583932" s="12"/>
    </row>
    <row r="583933" spans="8:8">
      <c r="H583933" s="12"/>
    </row>
    <row r="583934" spans="8:8">
      <c r="H583934" s="12"/>
    </row>
    <row r="583935" spans="8:8">
      <c r="H583935" s="12"/>
    </row>
    <row r="583936" spans="8:8">
      <c r="H583936" s="12"/>
    </row>
    <row r="583937" spans="8:8">
      <c r="H583937" s="12"/>
    </row>
    <row r="583938" spans="8:8">
      <c r="H583938" s="12"/>
    </row>
    <row r="583939" spans="8:8">
      <c r="H583939" s="12"/>
    </row>
    <row r="583940" spans="8:8">
      <c r="H583940" s="12"/>
    </row>
    <row r="583941" spans="8:8">
      <c r="H583941" s="12"/>
    </row>
    <row r="583942" spans="8:8">
      <c r="H583942" s="12"/>
    </row>
    <row r="583943" spans="8:8">
      <c r="H583943" s="12"/>
    </row>
    <row r="583944" spans="8:8">
      <c r="H583944" s="12"/>
    </row>
    <row r="583945" spans="8:8">
      <c r="H583945" s="12"/>
    </row>
    <row r="583946" spans="8:8">
      <c r="H583946" s="12"/>
    </row>
    <row r="583947" spans="8:8">
      <c r="H583947" s="12"/>
    </row>
    <row r="583948" spans="8:8">
      <c r="H583948" s="12"/>
    </row>
    <row r="583949" spans="8:8">
      <c r="H583949" s="12"/>
    </row>
    <row r="583950" spans="8:8">
      <c r="H583950" s="12"/>
    </row>
    <row r="583951" spans="8:8">
      <c r="H583951" s="12"/>
    </row>
    <row r="583952" spans="8:8">
      <c r="H583952" s="12"/>
    </row>
    <row r="583953" spans="8:8">
      <c r="H583953" s="12"/>
    </row>
    <row r="583954" spans="8:8">
      <c r="H583954" s="12"/>
    </row>
    <row r="583955" spans="8:8">
      <c r="H583955" s="12"/>
    </row>
    <row r="583956" spans="8:8">
      <c r="H583956" s="12"/>
    </row>
    <row r="583957" spans="8:8">
      <c r="H583957" s="12"/>
    </row>
    <row r="583958" spans="8:8">
      <c r="H583958" s="12"/>
    </row>
    <row r="583959" spans="8:8">
      <c r="H583959" s="12"/>
    </row>
    <row r="583960" spans="8:8">
      <c r="H583960" s="12"/>
    </row>
    <row r="583961" spans="8:8">
      <c r="H583961" s="12"/>
    </row>
    <row r="583962" spans="8:8">
      <c r="H583962" s="12"/>
    </row>
    <row r="583963" spans="8:8">
      <c r="H583963" s="12"/>
    </row>
    <row r="583964" spans="8:8">
      <c r="H583964" s="12"/>
    </row>
    <row r="583965" spans="8:8">
      <c r="H583965" s="12"/>
    </row>
    <row r="583966" spans="8:8">
      <c r="H583966" s="12"/>
    </row>
    <row r="583967" spans="8:8">
      <c r="H583967" s="12"/>
    </row>
    <row r="583968" spans="8:8">
      <c r="H583968" s="12"/>
    </row>
    <row r="583969" spans="8:8">
      <c r="H583969" s="12"/>
    </row>
    <row r="583970" spans="8:8">
      <c r="H583970" s="12"/>
    </row>
    <row r="583971" spans="8:8">
      <c r="H583971" s="12"/>
    </row>
    <row r="583972" spans="8:8">
      <c r="H583972" s="12"/>
    </row>
    <row r="583973" spans="8:8">
      <c r="H583973" s="12"/>
    </row>
    <row r="583974" spans="8:8">
      <c r="H583974" s="12"/>
    </row>
    <row r="583975" spans="8:8">
      <c r="H583975" s="12"/>
    </row>
    <row r="583976" spans="8:8">
      <c r="H583976" s="12"/>
    </row>
    <row r="583977" spans="8:8">
      <c r="H583977" s="12"/>
    </row>
    <row r="583978" spans="8:8">
      <c r="H583978" s="12"/>
    </row>
    <row r="583979" spans="8:8">
      <c r="H583979" s="12"/>
    </row>
    <row r="583980" spans="8:8">
      <c r="H583980" s="12"/>
    </row>
    <row r="583981" spans="8:8">
      <c r="H583981" s="12"/>
    </row>
    <row r="583982" spans="8:8">
      <c r="H583982" s="12"/>
    </row>
    <row r="583983" spans="8:8">
      <c r="H583983" s="12"/>
    </row>
    <row r="583984" spans="8:8">
      <c r="H583984" s="12"/>
    </row>
    <row r="583985" spans="8:8">
      <c r="H583985" s="12"/>
    </row>
    <row r="583986" spans="8:8">
      <c r="H583986" s="12"/>
    </row>
    <row r="583987" spans="8:8">
      <c r="H583987" s="12"/>
    </row>
    <row r="583988" spans="8:8">
      <c r="H583988" s="12"/>
    </row>
    <row r="583989" spans="8:8">
      <c r="H583989" s="12"/>
    </row>
    <row r="583990" spans="8:8">
      <c r="H583990" s="12"/>
    </row>
    <row r="583991" spans="8:8">
      <c r="H583991" s="12"/>
    </row>
    <row r="583992" spans="8:8">
      <c r="H583992" s="12"/>
    </row>
    <row r="583993" spans="8:8">
      <c r="H583993" s="12"/>
    </row>
    <row r="583994" spans="8:8">
      <c r="H583994" s="12"/>
    </row>
    <row r="583995" spans="8:8">
      <c r="H583995" s="12"/>
    </row>
    <row r="583996" spans="8:8">
      <c r="H583996" s="12"/>
    </row>
    <row r="583997" spans="8:8">
      <c r="H583997" s="12"/>
    </row>
    <row r="583998" spans="8:8">
      <c r="H583998" s="12"/>
    </row>
    <row r="583999" spans="8:8">
      <c r="H583999" s="12"/>
    </row>
    <row r="584000" spans="8:8">
      <c r="H584000" s="12"/>
    </row>
    <row r="584001" spans="8:8">
      <c r="H584001" s="12"/>
    </row>
    <row r="584002" spans="8:8">
      <c r="H584002" s="12"/>
    </row>
    <row r="584003" spans="8:8">
      <c r="H584003" s="12"/>
    </row>
    <row r="584004" spans="8:8">
      <c r="H584004" s="12"/>
    </row>
    <row r="584005" spans="8:8">
      <c r="H584005" s="12"/>
    </row>
    <row r="584006" spans="8:8">
      <c r="H584006" s="12"/>
    </row>
    <row r="584007" spans="8:8">
      <c r="H584007" s="12"/>
    </row>
    <row r="584008" spans="8:8">
      <c r="H584008" s="12"/>
    </row>
    <row r="584009" spans="8:8">
      <c r="H584009" s="12"/>
    </row>
    <row r="584010" spans="8:8">
      <c r="H584010" s="12"/>
    </row>
    <row r="584011" spans="8:8">
      <c r="H584011" s="12"/>
    </row>
    <row r="584012" spans="8:8">
      <c r="H584012" s="12"/>
    </row>
    <row r="584013" spans="8:8">
      <c r="H584013" s="12"/>
    </row>
    <row r="584014" spans="8:8">
      <c r="H584014" s="12"/>
    </row>
    <row r="584015" spans="8:8">
      <c r="H584015" s="12"/>
    </row>
    <row r="584016" spans="8:8">
      <c r="H584016" s="12"/>
    </row>
    <row r="584017" spans="8:8">
      <c r="H584017" s="12"/>
    </row>
    <row r="584018" spans="8:8">
      <c r="H584018" s="12"/>
    </row>
    <row r="584019" spans="8:8">
      <c r="H584019" s="12"/>
    </row>
    <row r="584020" spans="8:8">
      <c r="H584020" s="12"/>
    </row>
    <row r="584021" spans="8:8">
      <c r="H584021" s="12"/>
    </row>
    <row r="584022" spans="8:8">
      <c r="H584022" s="12"/>
    </row>
    <row r="584023" spans="8:8">
      <c r="H584023" s="12"/>
    </row>
    <row r="584024" spans="8:8">
      <c r="H584024" s="12"/>
    </row>
    <row r="584025" spans="8:8">
      <c r="H584025" s="12"/>
    </row>
    <row r="584026" spans="8:8">
      <c r="H584026" s="12"/>
    </row>
    <row r="584027" spans="8:8">
      <c r="H584027" s="12"/>
    </row>
    <row r="584028" spans="8:8">
      <c r="H584028" s="12"/>
    </row>
    <row r="584029" spans="8:8">
      <c r="H584029" s="12"/>
    </row>
    <row r="584030" spans="8:8">
      <c r="H584030" s="12"/>
    </row>
    <row r="584031" spans="8:8">
      <c r="H584031" s="12"/>
    </row>
    <row r="584032" spans="8:8">
      <c r="H584032" s="12"/>
    </row>
    <row r="584033" spans="8:8">
      <c r="H584033" s="12"/>
    </row>
    <row r="584034" spans="8:8">
      <c r="H584034" s="12"/>
    </row>
    <row r="584035" spans="8:8">
      <c r="H584035" s="12"/>
    </row>
    <row r="584036" spans="8:8">
      <c r="H584036" s="12"/>
    </row>
    <row r="584037" spans="8:8">
      <c r="H584037" s="12"/>
    </row>
    <row r="584038" spans="8:8">
      <c r="H584038" s="12"/>
    </row>
    <row r="584039" spans="8:8">
      <c r="H584039" s="12"/>
    </row>
    <row r="584040" spans="8:8">
      <c r="H584040" s="12"/>
    </row>
    <row r="584041" spans="8:8">
      <c r="H584041" s="12"/>
    </row>
    <row r="584042" spans="8:8">
      <c r="H584042" s="12"/>
    </row>
    <row r="584043" spans="8:8">
      <c r="H584043" s="12"/>
    </row>
    <row r="584044" spans="8:8">
      <c r="H584044" s="12"/>
    </row>
    <row r="584045" spans="8:8">
      <c r="H584045" s="12"/>
    </row>
    <row r="584046" spans="8:8">
      <c r="H584046" s="12"/>
    </row>
    <row r="584047" spans="8:8">
      <c r="H584047" s="12"/>
    </row>
    <row r="584048" spans="8:8">
      <c r="H584048" s="12"/>
    </row>
    <row r="584049" spans="8:8">
      <c r="H584049" s="12"/>
    </row>
    <row r="584050" spans="8:8">
      <c r="H584050" s="12"/>
    </row>
    <row r="584051" spans="8:8">
      <c r="H584051" s="12"/>
    </row>
    <row r="584052" spans="8:8">
      <c r="H584052" s="12"/>
    </row>
    <row r="584053" spans="8:8">
      <c r="H584053" s="12"/>
    </row>
    <row r="584054" spans="8:8">
      <c r="H584054" s="12"/>
    </row>
    <row r="584055" spans="8:8">
      <c r="H584055" s="12"/>
    </row>
    <row r="584056" spans="8:8">
      <c r="H584056" s="12"/>
    </row>
    <row r="584057" spans="8:8">
      <c r="H584057" s="12"/>
    </row>
    <row r="584058" spans="8:8">
      <c r="H584058" s="12"/>
    </row>
    <row r="584059" spans="8:8">
      <c r="H584059" s="12"/>
    </row>
    <row r="584060" spans="8:8">
      <c r="H584060" s="12"/>
    </row>
    <row r="584061" spans="8:8">
      <c r="H584061" s="12"/>
    </row>
    <row r="584062" spans="8:8">
      <c r="H584062" s="12"/>
    </row>
    <row r="584063" spans="8:8">
      <c r="H584063" s="12"/>
    </row>
    <row r="584064" spans="8:8">
      <c r="H584064" s="12"/>
    </row>
    <row r="584065" spans="8:8">
      <c r="H584065" s="12"/>
    </row>
    <row r="584066" spans="8:8">
      <c r="H584066" s="12"/>
    </row>
    <row r="584067" spans="8:8">
      <c r="H584067" s="12"/>
    </row>
    <row r="584068" spans="8:8">
      <c r="H584068" s="12"/>
    </row>
    <row r="584069" spans="8:8">
      <c r="H584069" s="12"/>
    </row>
    <row r="584070" spans="8:8">
      <c r="H584070" s="12"/>
    </row>
    <row r="584071" spans="8:8">
      <c r="H584071" s="12"/>
    </row>
    <row r="584072" spans="8:8">
      <c r="H584072" s="12"/>
    </row>
    <row r="584073" spans="8:8">
      <c r="H584073" s="12"/>
    </row>
    <row r="584074" spans="8:8">
      <c r="H584074" s="12"/>
    </row>
    <row r="584075" spans="8:8">
      <c r="H584075" s="12"/>
    </row>
    <row r="584076" spans="8:8">
      <c r="H584076" s="12"/>
    </row>
    <row r="584077" spans="8:8">
      <c r="H584077" s="12"/>
    </row>
    <row r="584078" spans="8:8">
      <c r="H584078" s="12"/>
    </row>
    <row r="584079" spans="8:8">
      <c r="H584079" s="12"/>
    </row>
    <row r="584080" spans="8:8">
      <c r="H584080" s="12"/>
    </row>
    <row r="584081" spans="8:8">
      <c r="H584081" s="12"/>
    </row>
    <row r="584082" spans="8:8">
      <c r="H584082" s="12"/>
    </row>
    <row r="584083" spans="8:8">
      <c r="H584083" s="12"/>
    </row>
    <row r="584084" spans="8:8">
      <c r="H584084" s="12"/>
    </row>
    <row r="584085" spans="8:8">
      <c r="H584085" s="12"/>
    </row>
    <row r="584086" spans="8:8">
      <c r="H584086" s="12"/>
    </row>
    <row r="584087" spans="8:8">
      <c r="H584087" s="12"/>
    </row>
    <row r="584088" spans="8:8">
      <c r="H584088" s="12"/>
    </row>
    <row r="584089" spans="8:8">
      <c r="H584089" s="12"/>
    </row>
    <row r="584090" spans="8:8">
      <c r="H584090" s="12"/>
    </row>
    <row r="584091" spans="8:8">
      <c r="H584091" s="12"/>
    </row>
    <row r="584092" spans="8:8">
      <c r="H584092" s="12"/>
    </row>
    <row r="584093" spans="8:8">
      <c r="H584093" s="12"/>
    </row>
    <row r="584094" spans="8:8">
      <c r="H584094" s="12"/>
    </row>
    <row r="584095" spans="8:8">
      <c r="H584095" s="12"/>
    </row>
    <row r="584096" spans="8:8">
      <c r="H584096" s="12"/>
    </row>
    <row r="584097" spans="8:8">
      <c r="H584097" s="12"/>
    </row>
    <row r="584098" spans="8:8">
      <c r="H584098" s="12"/>
    </row>
    <row r="584099" spans="8:8">
      <c r="H584099" s="12"/>
    </row>
    <row r="584100" spans="8:8">
      <c r="H584100" s="12"/>
    </row>
    <row r="584101" spans="8:8">
      <c r="H584101" s="12"/>
    </row>
    <row r="584102" spans="8:8">
      <c r="H584102" s="12"/>
    </row>
    <row r="584103" spans="8:8">
      <c r="H584103" s="12"/>
    </row>
    <row r="584104" spans="8:8">
      <c r="H584104" s="12"/>
    </row>
    <row r="584105" spans="8:8">
      <c r="H584105" s="12"/>
    </row>
    <row r="584106" spans="8:8">
      <c r="H584106" s="12"/>
    </row>
    <row r="584107" spans="8:8">
      <c r="H584107" s="12"/>
    </row>
    <row r="584108" spans="8:8">
      <c r="H584108" s="12"/>
    </row>
    <row r="584109" spans="8:8">
      <c r="H584109" s="12"/>
    </row>
    <row r="584110" spans="8:8">
      <c r="H584110" s="12"/>
    </row>
    <row r="584111" spans="8:8">
      <c r="H584111" s="12"/>
    </row>
    <row r="584112" spans="8:8">
      <c r="H584112" s="12"/>
    </row>
    <row r="584113" spans="8:8">
      <c r="H584113" s="12"/>
    </row>
    <row r="584114" spans="8:8">
      <c r="H584114" s="12"/>
    </row>
    <row r="584115" spans="8:8">
      <c r="H584115" s="12"/>
    </row>
    <row r="584116" spans="8:8">
      <c r="H584116" s="12"/>
    </row>
    <row r="584117" spans="8:8">
      <c r="H584117" s="12"/>
    </row>
    <row r="584118" spans="8:8">
      <c r="H584118" s="12"/>
    </row>
    <row r="584119" spans="8:8">
      <c r="H584119" s="12"/>
    </row>
    <row r="584120" spans="8:8">
      <c r="H584120" s="12"/>
    </row>
    <row r="584121" spans="8:8">
      <c r="H584121" s="12"/>
    </row>
    <row r="584122" spans="8:8">
      <c r="H584122" s="12"/>
    </row>
    <row r="584123" spans="8:8">
      <c r="H584123" s="12"/>
    </row>
    <row r="584124" spans="8:8">
      <c r="H584124" s="12"/>
    </row>
    <row r="584125" spans="8:8">
      <c r="H584125" s="12"/>
    </row>
    <row r="584126" spans="8:8">
      <c r="H584126" s="12"/>
    </row>
    <row r="584127" spans="8:8">
      <c r="H584127" s="12"/>
    </row>
    <row r="584128" spans="8:8">
      <c r="H584128" s="12"/>
    </row>
    <row r="584129" spans="8:8">
      <c r="H584129" s="12"/>
    </row>
    <row r="584130" spans="8:8">
      <c r="H584130" s="12"/>
    </row>
    <row r="584131" spans="8:8">
      <c r="H584131" s="12"/>
    </row>
    <row r="584132" spans="8:8">
      <c r="H584132" s="12"/>
    </row>
    <row r="584133" spans="8:8">
      <c r="H584133" s="12"/>
    </row>
    <row r="584134" spans="8:8">
      <c r="H584134" s="12"/>
    </row>
    <row r="584135" spans="8:8">
      <c r="H584135" s="12"/>
    </row>
    <row r="584136" spans="8:8">
      <c r="H584136" s="12"/>
    </row>
    <row r="584137" spans="8:8">
      <c r="H584137" s="12"/>
    </row>
    <row r="584138" spans="8:8">
      <c r="H584138" s="12"/>
    </row>
    <row r="584139" spans="8:8">
      <c r="H584139" s="12"/>
    </row>
    <row r="584140" spans="8:8">
      <c r="H584140" s="12"/>
    </row>
    <row r="584141" spans="8:8">
      <c r="H584141" s="12"/>
    </row>
    <row r="584142" spans="8:8">
      <c r="H584142" s="12"/>
    </row>
    <row r="584143" spans="8:8">
      <c r="H584143" s="12"/>
    </row>
    <row r="584144" spans="8:8">
      <c r="H584144" s="12"/>
    </row>
    <row r="584145" spans="8:8">
      <c r="H584145" s="12"/>
    </row>
    <row r="584146" spans="8:8">
      <c r="H584146" s="12"/>
    </row>
    <row r="584147" spans="8:8">
      <c r="H584147" s="12"/>
    </row>
    <row r="584148" spans="8:8">
      <c r="H584148" s="12"/>
    </row>
    <row r="584149" spans="8:8">
      <c r="H584149" s="12"/>
    </row>
    <row r="584150" spans="8:8">
      <c r="H584150" s="12"/>
    </row>
    <row r="584151" spans="8:8">
      <c r="H584151" s="12"/>
    </row>
    <row r="584152" spans="8:8">
      <c r="H584152" s="12"/>
    </row>
    <row r="584153" spans="8:8">
      <c r="H584153" s="12"/>
    </row>
    <row r="584154" spans="8:8">
      <c r="H584154" s="12"/>
    </row>
    <row r="584155" spans="8:8">
      <c r="H584155" s="12"/>
    </row>
    <row r="584156" spans="8:8">
      <c r="H584156" s="12"/>
    </row>
    <row r="584157" spans="8:8">
      <c r="H584157" s="12"/>
    </row>
    <row r="584158" spans="8:8">
      <c r="H584158" s="12"/>
    </row>
    <row r="584159" spans="8:8">
      <c r="H584159" s="12"/>
    </row>
    <row r="584160" spans="8:8">
      <c r="H584160" s="12"/>
    </row>
    <row r="584161" spans="8:8">
      <c r="H584161" s="12"/>
    </row>
    <row r="584162" spans="8:8">
      <c r="H584162" s="12"/>
    </row>
    <row r="584163" spans="8:8">
      <c r="H584163" s="12"/>
    </row>
    <row r="584164" spans="8:8">
      <c r="H584164" s="12"/>
    </row>
    <row r="584165" spans="8:8">
      <c r="H584165" s="12"/>
    </row>
    <row r="584166" spans="8:8">
      <c r="H584166" s="12"/>
    </row>
    <row r="584167" spans="8:8">
      <c r="H584167" s="12"/>
    </row>
    <row r="584168" spans="8:8">
      <c r="H584168" s="12"/>
    </row>
    <row r="584169" spans="8:8">
      <c r="H584169" s="12"/>
    </row>
    <row r="584170" spans="8:8">
      <c r="H584170" s="12"/>
    </row>
    <row r="584171" spans="8:8">
      <c r="H584171" s="12"/>
    </row>
    <row r="584172" spans="8:8">
      <c r="H584172" s="12"/>
    </row>
    <row r="584173" spans="8:8">
      <c r="H584173" s="12"/>
    </row>
    <row r="584174" spans="8:8">
      <c r="H584174" s="12"/>
    </row>
    <row r="584175" spans="8:8">
      <c r="H584175" s="12"/>
    </row>
    <row r="584176" spans="8:8">
      <c r="H584176" s="12"/>
    </row>
    <row r="584177" spans="8:8">
      <c r="H584177" s="12"/>
    </row>
    <row r="584178" spans="8:8">
      <c r="H584178" s="12"/>
    </row>
    <row r="584179" spans="8:8">
      <c r="H584179" s="12"/>
    </row>
    <row r="584180" spans="8:8">
      <c r="H584180" s="12"/>
    </row>
    <row r="584181" spans="8:8">
      <c r="H584181" s="12"/>
    </row>
    <row r="584182" spans="8:8">
      <c r="H584182" s="12"/>
    </row>
    <row r="584183" spans="8:8">
      <c r="H584183" s="12"/>
    </row>
    <row r="584184" spans="8:8">
      <c r="H584184" s="12"/>
    </row>
    <row r="584185" spans="8:8">
      <c r="H584185" s="12"/>
    </row>
    <row r="584186" spans="8:8">
      <c r="H584186" s="12"/>
    </row>
    <row r="584187" spans="8:8">
      <c r="H584187" s="12"/>
    </row>
    <row r="584188" spans="8:8">
      <c r="H584188" s="12"/>
    </row>
    <row r="584189" spans="8:8">
      <c r="H584189" s="12"/>
    </row>
    <row r="584190" spans="8:8">
      <c r="H584190" s="12"/>
    </row>
    <row r="584191" spans="8:8">
      <c r="H584191" s="12"/>
    </row>
    <row r="584192" spans="8:8">
      <c r="H584192" s="12"/>
    </row>
    <row r="584193" spans="8:8">
      <c r="H584193" s="12"/>
    </row>
    <row r="584194" spans="8:8">
      <c r="H584194" s="12"/>
    </row>
    <row r="584195" spans="8:8">
      <c r="H584195" s="12"/>
    </row>
    <row r="584196" spans="8:8">
      <c r="H584196" s="12"/>
    </row>
    <row r="584197" spans="8:8">
      <c r="H584197" s="12"/>
    </row>
    <row r="584198" spans="8:8">
      <c r="H584198" s="12"/>
    </row>
    <row r="584199" spans="8:8">
      <c r="H584199" s="12"/>
    </row>
    <row r="584200" spans="8:8">
      <c r="H584200" s="12"/>
    </row>
    <row r="584201" spans="8:8">
      <c r="H584201" s="12"/>
    </row>
    <row r="584202" spans="8:8">
      <c r="H584202" s="12"/>
    </row>
    <row r="584203" spans="8:8">
      <c r="H584203" s="12"/>
    </row>
    <row r="584204" spans="8:8">
      <c r="H584204" s="12"/>
    </row>
    <row r="584205" spans="8:8">
      <c r="H584205" s="12"/>
    </row>
    <row r="584206" spans="8:8">
      <c r="H584206" s="12"/>
    </row>
    <row r="584207" spans="8:8">
      <c r="H584207" s="12"/>
    </row>
    <row r="584208" spans="8:8">
      <c r="H584208" s="12"/>
    </row>
    <row r="584209" spans="8:8">
      <c r="H584209" s="12"/>
    </row>
    <row r="584210" spans="8:8">
      <c r="H584210" s="12"/>
    </row>
    <row r="584211" spans="8:8">
      <c r="H584211" s="12"/>
    </row>
    <row r="584212" spans="8:8">
      <c r="H584212" s="12"/>
    </row>
    <row r="584213" spans="8:8">
      <c r="H584213" s="12"/>
    </row>
    <row r="584214" spans="8:8">
      <c r="H584214" s="12"/>
    </row>
    <row r="584215" spans="8:8">
      <c r="H584215" s="12"/>
    </row>
    <row r="584216" spans="8:8">
      <c r="H584216" s="12"/>
    </row>
    <row r="584217" spans="8:8">
      <c r="H584217" s="12"/>
    </row>
    <row r="584218" spans="8:8">
      <c r="H584218" s="12"/>
    </row>
    <row r="584219" spans="8:8">
      <c r="H584219" s="12"/>
    </row>
    <row r="584220" spans="8:8">
      <c r="H584220" s="12"/>
    </row>
    <row r="584221" spans="8:8">
      <c r="H584221" s="12"/>
    </row>
    <row r="584222" spans="8:8">
      <c r="H584222" s="12"/>
    </row>
    <row r="584223" spans="8:8">
      <c r="H584223" s="12"/>
    </row>
    <row r="584224" spans="8:8">
      <c r="H584224" s="12"/>
    </row>
    <row r="584225" spans="8:8">
      <c r="H584225" s="12"/>
    </row>
    <row r="584226" spans="8:8">
      <c r="H584226" s="12"/>
    </row>
    <row r="584227" spans="8:8">
      <c r="H584227" s="12"/>
    </row>
    <row r="584228" spans="8:8">
      <c r="H584228" s="12"/>
    </row>
    <row r="584229" spans="8:8">
      <c r="H584229" s="12"/>
    </row>
    <row r="584230" spans="8:8">
      <c r="H584230" s="12"/>
    </row>
    <row r="584231" spans="8:8">
      <c r="H584231" s="12"/>
    </row>
    <row r="584232" spans="8:8">
      <c r="H584232" s="12"/>
    </row>
    <row r="584233" spans="8:8">
      <c r="H584233" s="12"/>
    </row>
    <row r="584234" spans="8:8">
      <c r="H584234" s="12"/>
    </row>
    <row r="584235" spans="8:8">
      <c r="H584235" s="12"/>
    </row>
    <row r="584236" spans="8:8">
      <c r="H584236" s="12"/>
    </row>
    <row r="584237" spans="8:8">
      <c r="H584237" s="12"/>
    </row>
    <row r="584238" spans="8:8">
      <c r="H584238" s="12"/>
    </row>
    <row r="584239" spans="8:8">
      <c r="H584239" s="12"/>
    </row>
    <row r="584240" spans="8:8">
      <c r="H584240" s="12"/>
    </row>
    <row r="584241" spans="8:8">
      <c r="H584241" s="12"/>
    </row>
    <row r="584242" spans="8:8">
      <c r="H584242" s="12"/>
    </row>
    <row r="584243" spans="8:8">
      <c r="H584243" s="12"/>
    </row>
    <row r="584244" spans="8:8">
      <c r="H584244" s="12"/>
    </row>
    <row r="584245" spans="8:8">
      <c r="H584245" s="12"/>
    </row>
    <row r="584246" spans="8:8">
      <c r="H584246" s="12"/>
    </row>
    <row r="584247" spans="8:8">
      <c r="H584247" s="12"/>
    </row>
    <row r="584248" spans="8:8">
      <c r="H584248" s="12"/>
    </row>
    <row r="584249" spans="8:8">
      <c r="H584249" s="12"/>
    </row>
    <row r="584250" spans="8:8">
      <c r="H584250" s="12"/>
    </row>
    <row r="584251" spans="8:8">
      <c r="H584251" s="12"/>
    </row>
    <row r="584252" spans="8:8">
      <c r="H584252" s="12"/>
    </row>
    <row r="584253" spans="8:8">
      <c r="H584253" s="12"/>
    </row>
    <row r="584254" spans="8:8">
      <c r="H584254" s="12"/>
    </row>
    <row r="584255" spans="8:8">
      <c r="H584255" s="12"/>
    </row>
    <row r="584256" spans="8:8">
      <c r="H584256" s="12"/>
    </row>
    <row r="584257" spans="8:8">
      <c r="H584257" s="12"/>
    </row>
    <row r="584258" spans="8:8">
      <c r="H584258" s="12"/>
    </row>
    <row r="584259" spans="8:8">
      <c r="H584259" s="12"/>
    </row>
    <row r="584260" spans="8:8">
      <c r="H584260" s="12"/>
    </row>
    <row r="584261" spans="8:8">
      <c r="H584261" s="12"/>
    </row>
    <row r="584262" spans="8:8">
      <c r="H584262" s="12"/>
    </row>
    <row r="584263" spans="8:8">
      <c r="H584263" s="12"/>
    </row>
    <row r="584264" spans="8:8">
      <c r="H584264" s="12"/>
    </row>
    <row r="584265" spans="8:8">
      <c r="H584265" s="12"/>
    </row>
    <row r="584266" spans="8:8">
      <c r="H584266" s="12"/>
    </row>
    <row r="584267" spans="8:8">
      <c r="H584267" s="12"/>
    </row>
    <row r="584268" spans="8:8">
      <c r="H584268" s="12"/>
    </row>
    <row r="584269" spans="8:8">
      <c r="H584269" s="12"/>
    </row>
    <row r="584270" spans="8:8">
      <c r="H584270" s="12"/>
    </row>
    <row r="584271" spans="8:8">
      <c r="H584271" s="12"/>
    </row>
    <row r="584272" spans="8:8">
      <c r="H584272" s="12"/>
    </row>
    <row r="584273" spans="8:8">
      <c r="H584273" s="12"/>
    </row>
    <row r="584274" spans="8:8">
      <c r="H584274" s="12"/>
    </row>
    <row r="584275" spans="8:8">
      <c r="H584275" s="12"/>
    </row>
    <row r="584276" spans="8:8">
      <c r="H584276" s="12"/>
    </row>
    <row r="584277" spans="8:8">
      <c r="H584277" s="12"/>
    </row>
    <row r="584278" spans="8:8">
      <c r="H584278" s="12"/>
    </row>
    <row r="584279" spans="8:8">
      <c r="H584279" s="12"/>
    </row>
    <row r="584280" spans="8:8">
      <c r="H584280" s="12"/>
    </row>
    <row r="584281" spans="8:8">
      <c r="H584281" s="12"/>
    </row>
    <row r="584282" spans="8:8">
      <c r="H584282" s="12"/>
    </row>
    <row r="584283" spans="8:8">
      <c r="H584283" s="12"/>
    </row>
    <row r="584284" spans="8:8">
      <c r="H584284" s="12"/>
    </row>
    <row r="584285" spans="8:8">
      <c r="H584285" s="12"/>
    </row>
    <row r="584286" spans="8:8">
      <c r="H584286" s="12"/>
    </row>
    <row r="584287" spans="8:8">
      <c r="H584287" s="12"/>
    </row>
    <row r="584288" spans="8:8">
      <c r="H584288" s="12"/>
    </row>
    <row r="584289" spans="8:8">
      <c r="H584289" s="12"/>
    </row>
    <row r="584290" spans="8:8">
      <c r="H584290" s="12"/>
    </row>
    <row r="584291" spans="8:8">
      <c r="H584291" s="12"/>
    </row>
    <row r="584292" spans="8:8">
      <c r="H584292" s="12"/>
    </row>
    <row r="584293" spans="8:8">
      <c r="H584293" s="12"/>
    </row>
    <row r="584294" spans="8:8">
      <c r="H584294" s="12"/>
    </row>
    <row r="584295" spans="8:8">
      <c r="H584295" s="12"/>
    </row>
    <row r="584296" spans="8:8">
      <c r="H584296" s="12"/>
    </row>
    <row r="584297" spans="8:8">
      <c r="H584297" s="12"/>
    </row>
    <row r="584298" spans="8:8">
      <c r="H584298" s="12"/>
    </row>
    <row r="584299" spans="8:8">
      <c r="H584299" s="12"/>
    </row>
    <row r="584300" spans="8:8">
      <c r="H584300" s="12"/>
    </row>
    <row r="584301" spans="8:8">
      <c r="H584301" s="12"/>
    </row>
    <row r="584302" spans="8:8">
      <c r="H584302" s="12"/>
    </row>
    <row r="584303" spans="8:8">
      <c r="H584303" s="12"/>
    </row>
    <row r="584304" spans="8:8">
      <c r="H584304" s="12"/>
    </row>
    <row r="584305" spans="8:8">
      <c r="H584305" s="12"/>
    </row>
    <row r="584306" spans="8:8">
      <c r="H584306" s="12"/>
    </row>
    <row r="584307" spans="8:8">
      <c r="H584307" s="12"/>
    </row>
    <row r="584308" spans="8:8">
      <c r="H584308" s="12"/>
    </row>
    <row r="584309" spans="8:8">
      <c r="H584309" s="12"/>
    </row>
    <row r="584310" spans="8:8">
      <c r="H584310" s="12"/>
    </row>
    <row r="584311" spans="8:8">
      <c r="H584311" s="12"/>
    </row>
    <row r="584312" spans="8:8">
      <c r="H584312" s="12"/>
    </row>
    <row r="584313" spans="8:8">
      <c r="H584313" s="12"/>
    </row>
    <row r="584314" spans="8:8">
      <c r="H584314" s="12"/>
    </row>
    <row r="584315" spans="8:8">
      <c r="H584315" s="12"/>
    </row>
    <row r="584316" spans="8:8">
      <c r="H584316" s="12"/>
    </row>
    <row r="584317" spans="8:8">
      <c r="H584317" s="12"/>
    </row>
    <row r="584318" spans="8:8">
      <c r="H584318" s="12"/>
    </row>
    <row r="584319" spans="8:8">
      <c r="H584319" s="12"/>
    </row>
    <row r="584320" spans="8:8">
      <c r="H584320" s="12"/>
    </row>
    <row r="584321" spans="8:8">
      <c r="H584321" s="12"/>
    </row>
    <row r="584322" spans="8:8">
      <c r="H584322" s="12"/>
    </row>
    <row r="584323" spans="8:8">
      <c r="H584323" s="12"/>
    </row>
    <row r="584324" spans="8:8">
      <c r="H584324" s="12"/>
    </row>
    <row r="584325" spans="8:8">
      <c r="H584325" s="12"/>
    </row>
    <row r="584326" spans="8:8">
      <c r="H584326" s="12"/>
    </row>
    <row r="584327" spans="8:8">
      <c r="H584327" s="12"/>
    </row>
    <row r="584328" spans="8:8">
      <c r="H584328" s="12"/>
    </row>
    <row r="584329" spans="8:8">
      <c r="H584329" s="12"/>
    </row>
    <row r="584330" spans="8:8">
      <c r="H584330" s="12"/>
    </row>
    <row r="584331" spans="8:8">
      <c r="H584331" s="12"/>
    </row>
    <row r="584332" spans="8:8">
      <c r="H584332" s="12"/>
    </row>
    <row r="584333" spans="8:8">
      <c r="H584333" s="12"/>
    </row>
    <row r="584334" spans="8:8">
      <c r="H584334" s="12"/>
    </row>
    <row r="584335" spans="8:8">
      <c r="H584335" s="12"/>
    </row>
    <row r="584336" spans="8:8">
      <c r="H584336" s="12"/>
    </row>
    <row r="584337" spans="8:8">
      <c r="H584337" s="12"/>
    </row>
    <row r="584338" spans="8:8">
      <c r="H584338" s="12"/>
    </row>
    <row r="584339" spans="8:8">
      <c r="H584339" s="12"/>
    </row>
    <row r="584340" spans="8:8">
      <c r="H584340" s="12"/>
    </row>
    <row r="584341" spans="8:8">
      <c r="H584341" s="12"/>
    </row>
    <row r="584342" spans="8:8">
      <c r="H584342" s="12"/>
    </row>
    <row r="584343" spans="8:8">
      <c r="H584343" s="12"/>
    </row>
    <row r="584344" spans="8:8">
      <c r="H584344" s="12"/>
    </row>
    <row r="584345" spans="8:8">
      <c r="H584345" s="12"/>
    </row>
    <row r="584346" spans="8:8">
      <c r="H584346" s="12"/>
    </row>
    <row r="584347" spans="8:8">
      <c r="H584347" s="12"/>
    </row>
    <row r="584348" spans="8:8">
      <c r="H584348" s="12"/>
    </row>
    <row r="584349" spans="8:8">
      <c r="H584349" s="12"/>
    </row>
    <row r="584350" spans="8:8">
      <c r="H584350" s="12"/>
    </row>
    <row r="584351" spans="8:8">
      <c r="H584351" s="12"/>
    </row>
    <row r="584352" spans="8:8">
      <c r="H584352" s="12"/>
    </row>
    <row r="584353" spans="8:8">
      <c r="H584353" s="12"/>
    </row>
    <row r="584354" spans="8:8">
      <c r="H584354" s="12"/>
    </row>
    <row r="584355" spans="8:8">
      <c r="H584355" s="12"/>
    </row>
    <row r="584356" spans="8:8">
      <c r="H584356" s="12"/>
    </row>
    <row r="584357" spans="8:8">
      <c r="H584357" s="12"/>
    </row>
    <row r="584358" spans="8:8">
      <c r="H584358" s="12"/>
    </row>
    <row r="584359" spans="8:8">
      <c r="H584359" s="12"/>
    </row>
    <row r="584360" spans="8:8">
      <c r="H584360" s="12"/>
    </row>
    <row r="584361" spans="8:8">
      <c r="H584361" s="12"/>
    </row>
    <row r="584362" spans="8:8">
      <c r="H584362" s="12"/>
    </row>
    <row r="584363" spans="8:8">
      <c r="H584363" s="12"/>
    </row>
    <row r="584364" spans="8:8">
      <c r="H584364" s="12"/>
    </row>
    <row r="584365" spans="8:8">
      <c r="H584365" s="12"/>
    </row>
    <row r="584366" spans="8:8">
      <c r="H584366" s="12"/>
    </row>
    <row r="584367" spans="8:8">
      <c r="H584367" s="12"/>
    </row>
    <row r="584368" spans="8:8">
      <c r="H584368" s="12"/>
    </row>
    <row r="584369" spans="8:8">
      <c r="H584369" s="12"/>
    </row>
    <row r="584370" spans="8:8">
      <c r="H584370" s="12"/>
    </row>
    <row r="584371" spans="8:8">
      <c r="H584371" s="12"/>
    </row>
    <row r="584372" spans="8:8">
      <c r="H584372" s="12"/>
    </row>
    <row r="584373" spans="8:8">
      <c r="H584373" s="12"/>
    </row>
    <row r="584374" spans="8:8">
      <c r="H584374" s="12"/>
    </row>
    <row r="584375" spans="8:8">
      <c r="H584375" s="12"/>
    </row>
    <row r="584376" spans="8:8">
      <c r="H584376" s="12"/>
    </row>
    <row r="584377" spans="8:8">
      <c r="H584377" s="12"/>
    </row>
    <row r="584378" spans="8:8">
      <c r="H584378" s="12"/>
    </row>
    <row r="584379" spans="8:8">
      <c r="H584379" s="12"/>
    </row>
    <row r="584380" spans="8:8">
      <c r="H584380" s="12"/>
    </row>
    <row r="584381" spans="8:8">
      <c r="H584381" s="12"/>
    </row>
    <row r="584382" spans="8:8">
      <c r="H584382" s="12"/>
    </row>
    <row r="584383" spans="8:8">
      <c r="H584383" s="12"/>
    </row>
    <row r="584384" spans="8:8">
      <c r="H584384" s="12"/>
    </row>
    <row r="584385" spans="8:8">
      <c r="H584385" s="12"/>
    </row>
    <row r="584386" spans="8:8">
      <c r="H584386" s="12"/>
    </row>
    <row r="584387" spans="8:8">
      <c r="H584387" s="12"/>
    </row>
    <row r="584388" spans="8:8">
      <c r="H584388" s="12"/>
    </row>
    <row r="584389" spans="8:8">
      <c r="H584389" s="12"/>
    </row>
    <row r="584390" spans="8:8">
      <c r="H584390" s="12"/>
    </row>
    <row r="584391" spans="8:8">
      <c r="H584391" s="12"/>
    </row>
    <row r="584392" spans="8:8">
      <c r="H584392" s="12"/>
    </row>
    <row r="584393" spans="8:8">
      <c r="H584393" s="12"/>
    </row>
    <row r="584394" spans="8:8">
      <c r="H584394" s="12"/>
    </row>
    <row r="584395" spans="8:8">
      <c r="H584395" s="12"/>
    </row>
    <row r="584396" spans="8:8">
      <c r="H584396" s="12"/>
    </row>
    <row r="584397" spans="8:8">
      <c r="H584397" s="12"/>
    </row>
    <row r="584398" spans="8:8">
      <c r="H584398" s="12"/>
    </row>
    <row r="584399" spans="8:8">
      <c r="H584399" s="12"/>
    </row>
    <row r="584400" spans="8:8">
      <c r="H584400" s="12"/>
    </row>
    <row r="584401" spans="8:8">
      <c r="H584401" s="12"/>
    </row>
    <row r="584402" spans="8:8">
      <c r="H584402" s="12"/>
    </row>
    <row r="584403" spans="8:8">
      <c r="H584403" s="12"/>
    </row>
    <row r="584404" spans="8:8">
      <c r="H584404" s="12"/>
    </row>
    <row r="584405" spans="8:8">
      <c r="H584405" s="12"/>
    </row>
    <row r="584406" spans="8:8">
      <c r="H584406" s="12"/>
    </row>
    <row r="584407" spans="8:8">
      <c r="H584407" s="12"/>
    </row>
    <row r="584408" spans="8:8">
      <c r="H584408" s="12"/>
    </row>
    <row r="584409" spans="8:8">
      <c r="H584409" s="12"/>
    </row>
    <row r="584410" spans="8:8">
      <c r="H584410" s="12"/>
    </row>
    <row r="584411" spans="8:8">
      <c r="H584411" s="12"/>
    </row>
    <row r="584412" spans="8:8">
      <c r="H584412" s="12"/>
    </row>
    <row r="584413" spans="8:8">
      <c r="H584413" s="12"/>
    </row>
    <row r="584414" spans="8:8">
      <c r="H584414" s="12"/>
    </row>
    <row r="584415" spans="8:8">
      <c r="H584415" s="12"/>
    </row>
    <row r="584416" spans="8:8">
      <c r="H584416" s="12"/>
    </row>
    <row r="584417" spans="8:8">
      <c r="H584417" s="12"/>
    </row>
    <row r="584418" spans="8:8">
      <c r="H584418" s="12"/>
    </row>
    <row r="584419" spans="8:8">
      <c r="H584419" s="12"/>
    </row>
    <row r="584420" spans="8:8">
      <c r="H584420" s="12"/>
    </row>
    <row r="584421" spans="8:8">
      <c r="H584421" s="12"/>
    </row>
    <row r="584422" spans="8:8">
      <c r="H584422" s="12"/>
    </row>
    <row r="584423" spans="8:8">
      <c r="H584423" s="12"/>
    </row>
    <row r="584424" spans="8:8">
      <c r="H584424" s="12"/>
    </row>
    <row r="584425" spans="8:8">
      <c r="H584425" s="12"/>
    </row>
    <row r="584426" spans="8:8">
      <c r="H584426" s="12"/>
    </row>
    <row r="584427" spans="8:8">
      <c r="H584427" s="12"/>
    </row>
    <row r="584428" spans="8:8">
      <c r="H584428" s="12"/>
    </row>
    <row r="584429" spans="8:8">
      <c r="H584429" s="12"/>
    </row>
    <row r="584430" spans="8:8">
      <c r="H584430" s="12"/>
    </row>
    <row r="584431" spans="8:8">
      <c r="H584431" s="12"/>
    </row>
    <row r="584432" spans="8:8">
      <c r="H584432" s="12"/>
    </row>
    <row r="584433" spans="8:8">
      <c r="H584433" s="12"/>
    </row>
    <row r="584434" spans="8:8">
      <c r="H584434" s="12"/>
    </row>
    <row r="584435" spans="8:8">
      <c r="H584435" s="12"/>
    </row>
    <row r="584436" spans="8:8">
      <c r="H584436" s="12"/>
    </row>
    <row r="584437" spans="8:8">
      <c r="H584437" s="12"/>
    </row>
    <row r="584438" spans="8:8">
      <c r="H584438" s="12"/>
    </row>
    <row r="584439" spans="8:8">
      <c r="H584439" s="12"/>
    </row>
    <row r="584440" spans="8:8">
      <c r="H584440" s="12"/>
    </row>
    <row r="584441" spans="8:8">
      <c r="H584441" s="12"/>
    </row>
    <row r="584442" spans="8:8">
      <c r="H584442" s="12"/>
    </row>
    <row r="584443" spans="8:8">
      <c r="H584443" s="12"/>
    </row>
    <row r="584444" spans="8:8">
      <c r="H584444" s="12"/>
    </row>
    <row r="584445" spans="8:8">
      <c r="H584445" s="12"/>
    </row>
    <row r="584446" spans="8:8">
      <c r="H584446" s="12"/>
    </row>
    <row r="584447" spans="8:8">
      <c r="H584447" s="12"/>
    </row>
    <row r="584448" spans="8:8">
      <c r="H584448" s="12"/>
    </row>
    <row r="584449" spans="8:8">
      <c r="H584449" s="12"/>
    </row>
    <row r="584450" spans="8:8">
      <c r="H584450" s="12"/>
    </row>
    <row r="584451" spans="8:8">
      <c r="H584451" s="12"/>
    </row>
    <row r="584452" spans="8:8">
      <c r="H584452" s="12"/>
    </row>
    <row r="584453" spans="8:8">
      <c r="H584453" s="12"/>
    </row>
    <row r="584454" spans="8:8">
      <c r="H584454" s="12"/>
    </row>
    <row r="584455" spans="8:8">
      <c r="H584455" s="12"/>
    </row>
    <row r="584456" spans="8:8">
      <c r="H584456" s="12"/>
    </row>
    <row r="584457" spans="8:8">
      <c r="H584457" s="12"/>
    </row>
    <row r="584458" spans="8:8">
      <c r="H584458" s="12"/>
    </row>
    <row r="584459" spans="8:8">
      <c r="H584459" s="12"/>
    </row>
    <row r="584460" spans="8:8">
      <c r="H584460" s="12"/>
    </row>
    <row r="584461" spans="8:8">
      <c r="H584461" s="12"/>
    </row>
    <row r="584462" spans="8:8">
      <c r="H584462" s="12"/>
    </row>
    <row r="584463" spans="8:8">
      <c r="H584463" s="12"/>
    </row>
    <row r="584464" spans="8:8">
      <c r="H584464" s="12"/>
    </row>
    <row r="584465" spans="8:8">
      <c r="H584465" s="12"/>
    </row>
    <row r="584466" spans="8:8">
      <c r="H584466" s="12"/>
    </row>
    <row r="584467" spans="8:8">
      <c r="H584467" s="12"/>
    </row>
    <row r="584468" spans="8:8">
      <c r="H584468" s="12"/>
    </row>
    <row r="584469" spans="8:8">
      <c r="H584469" s="12"/>
    </row>
    <row r="584470" spans="8:8">
      <c r="H584470" s="12"/>
    </row>
    <row r="584471" spans="8:8">
      <c r="H584471" s="12"/>
    </row>
    <row r="584472" spans="8:8">
      <c r="H584472" s="12"/>
    </row>
    <row r="584473" spans="8:8">
      <c r="H584473" s="12"/>
    </row>
    <row r="584474" spans="8:8">
      <c r="H584474" s="12"/>
    </row>
    <row r="584475" spans="8:8">
      <c r="H584475" s="12"/>
    </row>
    <row r="584476" spans="8:8">
      <c r="H584476" s="12"/>
    </row>
    <row r="584477" spans="8:8">
      <c r="H584477" s="12"/>
    </row>
    <row r="584478" spans="8:8">
      <c r="H584478" s="12"/>
    </row>
    <row r="584479" spans="8:8">
      <c r="H584479" s="12"/>
    </row>
    <row r="584480" spans="8:8">
      <c r="H584480" s="12"/>
    </row>
    <row r="584481" spans="8:8">
      <c r="H584481" s="12"/>
    </row>
    <row r="584482" spans="8:8">
      <c r="H584482" s="12"/>
    </row>
    <row r="584483" spans="8:8">
      <c r="H584483" s="12"/>
    </row>
    <row r="584484" spans="8:8">
      <c r="H584484" s="12"/>
    </row>
    <row r="584485" spans="8:8">
      <c r="H584485" s="12"/>
    </row>
    <row r="584486" spans="8:8">
      <c r="H584486" s="12"/>
    </row>
    <row r="584487" spans="8:8">
      <c r="H584487" s="12"/>
    </row>
    <row r="584488" spans="8:8">
      <c r="H584488" s="12"/>
    </row>
    <row r="584489" spans="8:8">
      <c r="H584489" s="12"/>
    </row>
    <row r="584490" spans="8:8">
      <c r="H584490" s="12"/>
    </row>
    <row r="584491" spans="8:8">
      <c r="H584491" s="12"/>
    </row>
    <row r="584492" spans="8:8">
      <c r="H584492" s="12"/>
    </row>
    <row r="584493" spans="8:8">
      <c r="H584493" s="12"/>
    </row>
    <row r="584494" spans="8:8">
      <c r="H584494" s="12"/>
    </row>
    <row r="584495" spans="8:8">
      <c r="H584495" s="12"/>
    </row>
    <row r="584496" spans="8:8">
      <c r="H584496" s="12"/>
    </row>
    <row r="584497" spans="8:8">
      <c r="H584497" s="12"/>
    </row>
    <row r="584498" spans="8:8">
      <c r="H584498" s="12"/>
    </row>
    <row r="584499" spans="8:8">
      <c r="H584499" s="12"/>
    </row>
    <row r="584500" spans="8:8">
      <c r="H584500" s="12"/>
    </row>
    <row r="584501" spans="8:8">
      <c r="H584501" s="12"/>
    </row>
    <row r="584502" spans="8:8">
      <c r="H584502" s="12"/>
    </row>
    <row r="584503" spans="8:8">
      <c r="H584503" s="12"/>
    </row>
    <row r="584504" spans="8:8">
      <c r="H584504" s="12"/>
    </row>
    <row r="584505" spans="8:8">
      <c r="H584505" s="12"/>
    </row>
    <row r="584506" spans="8:8">
      <c r="H584506" s="12"/>
    </row>
    <row r="584507" spans="8:8">
      <c r="H584507" s="12"/>
    </row>
    <row r="584508" spans="8:8">
      <c r="H584508" s="12"/>
    </row>
    <row r="584509" spans="8:8">
      <c r="H584509" s="12"/>
    </row>
    <row r="584510" spans="8:8">
      <c r="H584510" s="12"/>
    </row>
    <row r="584511" spans="8:8">
      <c r="H584511" s="12"/>
    </row>
    <row r="584512" spans="8:8">
      <c r="H584512" s="12"/>
    </row>
    <row r="584513" spans="8:8">
      <c r="H584513" s="12"/>
    </row>
    <row r="584514" spans="8:8">
      <c r="H584514" s="12"/>
    </row>
    <row r="584515" spans="8:8">
      <c r="H584515" s="12"/>
    </row>
    <row r="584516" spans="8:8">
      <c r="H584516" s="12"/>
    </row>
    <row r="584517" spans="8:8">
      <c r="H584517" s="12"/>
    </row>
    <row r="584518" spans="8:8">
      <c r="H584518" s="12"/>
    </row>
    <row r="584519" spans="8:8">
      <c r="H584519" s="12"/>
    </row>
    <row r="584520" spans="8:8">
      <c r="H584520" s="12"/>
    </row>
    <row r="584521" spans="8:8">
      <c r="H584521" s="12"/>
    </row>
    <row r="584522" spans="8:8">
      <c r="H584522" s="12"/>
    </row>
    <row r="584523" spans="8:8">
      <c r="H584523" s="12"/>
    </row>
    <row r="584524" spans="8:8">
      <c r="H584524" s="12"/>
    </row>
    <row r="584525" spans="8:8">
      <c r="H584525" s="12"/>
    </row>
    <row r="584526" spans="8:8">
      <c r="H584526" s="12"/>
    </row>
    <row r="584527" spans="8:8">
      <c r="H584527" s="12"/>
    </row>
    <row r="584528" spans="8:8">
      <c r="H584528" s="12"/>
    </row>
    <row r="584529" spans="8:8">
      <c r="H584529" s="12"/>
    </row>
    <row r="584530" spans="8:8">
      <c r="H584530" s="12"/>
    </row>
    <row r="584531" spans="8:8">
      <c r="H584531" s="12"/>
    </row>
    <row r="584532" spans="8:8">
      <c r="H584532" s="12"/>
    </row>
    <row r="584533" spans="8:8">
      <c r="H584533" s="12"/>
    </row>
    <row r="584534" spans="8:8">
      <c r="H584534" s="12"/>
    </row>
    <row r="584535" spans="8:8">
      <c r="H584535" s="12"/>
    </row>
    <row r="584536" spans="8:8">
      <c r="H584536" s="12"/>
    </row>
    <row r="584537" spans="8:8">
      <c r="H584537" s="12"/>
    </row>
    <row r="584538" spans="8:8">
      <c r="H584538" s="12"/>
    </row>
    <row r="584539" spans="8:8">
      <c r="H584539" s="12"/>
    </row>
    <row r="584540" spans="8:8">
      <c r="H584540" s="12"/>
    </row>
    <row r="584541" spans="8:8">
      <c r="H584541" s="12"/>
    </row>
    <row r="584542" spans="8:8">
      <c r="H584542" s="12"/>
    </row>
    <row r="584543" spans="8:8">
      <c r="H584543" s="12"/>
    </row>
    <row r="584544" spans="8:8">
      <c r="H584544" s="12"/>
    </row>
    <row r="584545" spans="8:8">
      <c r="H584545" s="12"/>
    </row>
    <row r="584546" spans="8:8">
      <c r="H584546" s="12"/>
    </row>
    <row r="584547" spans="8:8">
      <c r="H584547" s="12"/>
    </row>
    <row r="584548" spans="8:8">
      <c r="H584548" s="12"/>
    </row>
    <row r="584549" spans="8:8">
      <c r="H584549" s="12"/>
    </row>
    <row r="584550" spans="8:8">
      <c r="H584550" s="12"/>
    </row>
    <row r="584551" spans="8:8">
      <c r="H584551" s="12"/>
    </row>
    <row r="584552" spans="8:8">
      <c r="H584552" s="12"/>
    </row>
    <row r="584553" spans="8:8">
      <c r="H584553" s="12"/>
    </row>
    <row r="584554" spans="8:8">
      <c r="H584554" s="12"/>
    </row>
    <row r="584555" spans="8:8">
      <c r="H584555" s="12"/>
    </row>
    <row r="584556" spans="8:8">
      <c r="H584556" s="12"/>
    </row>
    <row r="584557" spans="8:8">
      <c r="H584557" s="12"/>
    </row>
    <row r="584558" spans="8:8">
      <c r="H584558" s="12"/>
    </row>
    <row r="584559" spans="8:8">
      <c r="H584559" s="12"/>
    </row>
    <row r="584560" spans="8:8">
      <c r="H584560" s="12"/>
    </row>
    <row r="584561" spans="8:8">
      <c r="H584561" s="12"/>
    </row>
    <row r="584562" spans="8:8">
      <c r="H584562" s="12"/>
    </row>
    <row r="584563" spans="8:8">
      <c r="H584563" s="12"/>
    </row>
    <row r="584564" spans="8:8">
      <c r="H584564" s="12"/>
    </row>
    <row r="584565" spans="8:8">
      <c r="H584565" s="12"/>
    </row>
    <row r="584566" spans="8:8">
      <c r="H584566" s="12"/>
    </row>
    <row r="584567" spans="8:8">
      <c r="H584567" s="12"/>
    </row>
    <row r="584568" spans="8:8">
      <c r="H584568" s="12"/>
    </row>
    <row r="584569" spans="8:8">
      <c r="H584569" s="12"/>
    </row>
    <row r="584570" spans="8:8">
      <c r="H584570" s="12"/>
    </row>
    <row r="584571" spans="8:8">
      <c r="H584571" s="12"/>
    </row>
    <row r="584572" spans="8:8">
      <c r="H584572" s="12"/>
    </row>
    <row r="584573" spans="8:8">
      <c r="H584573" s="12"/>
    </row>
    <row r="584574" spans="8:8">
      <c r="H584574" s="12"/>
    </row>
    <row r="584575" spans="8:8">
      <c r="H584575" s="12"/>
    </row>
    <row r="584576" spans="8:8">
      <c r="H584576" s="12"/>
    </row>
    <row r="584577" spans="8:8">
      <c r="H584577" s="12"/>
    </row>
    <row r="584578" spans="8:8">
      <c r="H584578" s="12"/>
    </row>
    <row r="584579" spans="8:8">
      <c r="H584579" s="12"/>
    </row>
    <row r="584580" spans="8:8">
      <c r="H584580" s="12"/>
    </row>
    <row r="584581" spans="8:8">
      <c r="H584581" s="12"/>
    </row>
    <row r="584582" spans="8:8">
      <c r="H584582" s="12"/>
    </row>
    <row r="584583" spans="8:8">
      <c r="H584583" s="12"/>
    </row>
    <row r="584584" spans="8:8">
      <c r="H584584" s="12"/>
    </row>
    <row r="584585" spans="8:8">
      <c r="H584585" s="12"/>
    </row>
    <row r="584586" spans="8:8">
      <c r="H584586" s="12"/>
    </row>
    <row r="584587" spans="8:8">
      <c r="H584587" s="12"/>
    </row>
    <row r="584588" spans="8:8">
      <c r="H584588" s="12"/>
    </row>
    <row r="584589" spans="8:8">
      <c r="H584589" s="12"/>
    </row>
    <row r="584590" spans="8:8">
      <c r="H584590" s="12"/>
    </row>
    <row r="584591" spans="8:8">
      <c r="H584591" s="12"/>
    </row>
    <row r="584592" spans="8:8">
      <c r="H584592" s="12"/>
    </row>
    <row r="584593" spans="8:8">
      <c r="H584593" s="12"/>
    </row>
    <row r="584594" spans="8:8">
      <c r="H584594" s="12"/>
    </row>
    <row r="584595" spans="8:8">
      <c r="H584595" s="12"/>
    </row>
    <row r="584596" spans="8:8">
      <c r="H584596" s="12"/>
    </row>
    <row r="584597" spans="8:8">
      <c r="H584597" s="12"/>
    </row>
    <row r="584598" spans="8:8">
      <c r="H584598" s="12"/>
    </row>
    <row r="584599" spans="8:8">
      <c r="H584599" s="12"/>
    </row>
    <row r="584600" spans="8:8">
      <c r="H584600" s="12"/>
    </row>
    <row r="584601" spans="8:8">
      <c r="H584601" s="12"/>
    </row>
    <row r="584602" spans="8:8">
      <c r="H584602" s="12"/>
    </row>
    <row r="584603" spans="8:8">
      <c r="H584603" s="12"/>
    </row>
    <row r="584604" spans="8:8">
      <c r="H584604" s="12"/>
    </row>
    <row r="584605" spans="8:8">
      <c r="H584605" s="12"/>
    </row>
    <row r="584606" spans="8:8">
      <c r="H584606" s="12"/>
    </row>
    <row r="584607" spans="8:8">
      <c r="H584607" s="12"/>
    </row>
    <row r="584608" spans="8:8">
      <c r="H584608" s="12"/>
    </row>
    <row r="584609" spans="8:8">
      <c r="H584609" s="12"/>
    </row>
    <row r="584610" spans="8:8">
      <c r="H584610" s="12"/>
    </row>
    <row r="584611" spans="8:8">
      <c r="H584611" s="12"/>
    </row>
    <row r="584612" spans="8:8">
      <c r="H584612" s="12"/>
    </row>
    <row r="584613" spans="8:8">
      <c r="H584613" s="12"/>
    </row>
    <row r="584614" spans="8:8">
      <c r="H584614" s="12"/>
    </row>
    <row r="584615" spans="8:8">
      <c r="H584615" s="12"/>
    </row>
    <row r="584616" spans="8:8">
      <c r="H584616" s="12"/>
    </row>
    <row r="584617" spans="8:8">
      <c r="H584617" s="12"/>
    </row>
    <row r="584618" spans="8:8">
      <c r="H584618" s="12"/>
    </row>
    <row r="584619" spans="8:8">
      <c r="H584619" s="12"/>
    </row>
    <row r="584620" spans="8:8">
      <c r="H584620" s="12"/>
    </row>
    <row r="584621" spans="8:8">
      <c r="H584621" s="12"/>
    </row>
    <row r="584622" spans="8:8">
      <c r="H584622" s="12"/>
    </row>
    <row r="584623" spans="8:8">
      <c r="H584623" s="12"/>
    </row>
    <row r="584624" spans="8:8">
      <c r="H584624" s="12"/>
    </row>
    <row r="584625" spans="8:8">
      <c r="H584625" s="12"/>
    </row>
    <row r="584626" spans="8:8">
      <c r="H584626" s="12"/>
    </row>
    <row r="584627" spans="8:8">
      <c r="H584627" s="12"/>
    </row>
    <row r="584628" spans="8:8">
      <c r="H584628" s="12"/>
    </row>
    <row r="584629" spans="8:8">
      <c r="H584629" s="12"/>
    </row>
    <row r="584630" spans="8:8">
      <c r="H584630" s="12"/>
    </row>
    <row r="584631" spans="8:8">
      <c r="H584631" s="12"/>
    </row>
    <row r="584632" spans="8:8">
      <c r="H584632" s="12"/>
    </row>
    <row r="584633" spans="8:8">
      <c r="H584633" s="12"/>
    </row>
    <row r="584634" spans="8:8">
      <c r="H584634" s="12"/>
    </row>
    <row r="584635" spans="8:8">
      <c r="H584635" s="12"/>
    </row>
    <row r="584636" spans="8:8">
      <c r="H584636" s="12"/>
    </row>
    <row r="584637" spans="8:8">
      <c r="H584637" s="12"/>
    </row>
    <row r="584638" spans="8:8">
      <c r="H584638" s="12"/>
    </row>
    <row r="584639" spans="8:8">
      <c r="H584639" s="12"/>
    </row>
    <row r="584640" spans="8:8">
      <c r="H584640" s="12"/>
    </row>
    <row r="584641" spans="8:8">
      <c r="H584641" s="12"/>
    </row>
    <row r="584642" spans="8:8">
      <c r="H584642" s="12"/>
    </row>
    <row r="584643" spans="8:8">
      <c r="H584643" s="12"/>
    </row>
    <row r="584644" spans="8:8">
      <c r="H584644" s="12"/>
    </row>
    <row r="584645" spans="8:8">
      <c r="H584645" s="12"/>
    </row>
    <row r="584646" spans="8:8">
      <c r="H584646" s="12"/>
    </row>
    <row r="584647" spans="8:8">
      <c r="H584647" s="12"/>
    </row>
    <row r="584648" spans="8:8">
      <c r="H584648" s="12"/>
    </row>
    <row r="584649" spans="8:8">
      <c r="H584649" s="12"/>
    </row>
    <row r="584650" spans="8:8">
      <c r="H584650" s="12"/>
    </row>
    <row r="584651" spans="8:8">
      <c r="H584651" s="12"/>
    </row>
    <row r="584652" spans="8:8">
      <c r="H584652" s="12"/>
    </row>
    <row r="584653" spans="8:8">
      <c r="H584653" s="12"/>
    </row>
    <row r="584654" spans="8:8">
      <c r="H584654" s="12"/>
    </row>
    <row r="584655" spans="8:8">
      <c r="H584655" s="12"/>
    </row>
    <row r="584656" spans="8:8">
      <c r="H584656" s="12"/>
    </row>
    <row r="584657" spans="8:8">
      <c r="H584657" s="12"/>
    </row>
    <row r="584658" spans="8:8">
      <c r="H584658" s="12"/>
    </row>
    <row r="584659" spans="8:8">
      <c r="H584659" s="12"/>
    </row>
    <row r="584660" spans="8:8">
      <c r="H584660" s="12"/>
    </row>
    <row r="584661" spans="8:8">
      <c r="H584661" s="12"/>
    </row>
    <row r="584662" spans="8:8">
      <c r="H584662" s="12"/>
    </row>
    <row r="584663" spans="8:8">
      <c r="H584663" s="12"/>
    </row>
    <row r="584664" spans="8:8">
      <c r="H584664" s="12"/>
    </row>
    <row r="584665" spans="8:8">
      <c r="H584665" s="12"/>
    </row>
    <row r="584666" spans="8:8">
      <c r="H584666" s="12"/>
    </row>
    <row r="584667" spans="8:8">
      <c r="H584667" s="12"/>
    </row>
    <row r="584668" spans="8:8">
      <c r="H584668" s="12"/>
    </row>
    <row r="584669" spans="8:8">
      <c r="H584669" s="12"/>
    </row>
    <row r="584670" spans="8:8">
      <c r="H584670" s="12"/>
    </row>
    <row r="584671" spans="8:8">
      <c r="H584671" s="12"/>
    </row>
    <row r="584672" spans="8:8">
      <c r="H584672" s="12"/>
    </row>
    <row r="584673" spans="8:8">
      <c r="H584673" s="12"/>
    </row>
    <row r="584674" spans="8:8">
      <c r="H584674" s="12"/>
    </row>
    <row r="584675" spans="8:8">
      <c r="H584675" s="12"/>
    </row>
    <row r="584676" spans="8:8">
      <c r="H584676" s="12"/>
    </row>
    <row r="584677" spans="8:8">
      <c r="H584677" s="12"/>
    </row>
    <row r="584678" spans="8:8">
      <c r="H584678" s="12"/>
    </row>
    <row r="584679" spans="8:8">
      <c r="H584679" s="12"/>
    </row>
    <row r="584680" spans="8:8">
      <c r="H584680" s="12"/>
    </row>
    <row r="584681" spans="8:8">
      <c r="H584681" s="12"/>
    </row>
    <row r="584682" spans="8:8">
      <c r="H584682" s="12"/>
    </row>
    <row r="584683" spans="8:8">
      <c r="H584683" s="12"/>
    </row>
    <row r="584684" spans="8:8">
      <c r="H584684" s="12"/>
    </row>
    <row r="584685" spans="8:8">
      <c r="H584685" s="12"/>
    </row>
    <row r="584686" spans="8:8">
      <c r="H584686" s="12"/>
    </row>
    <row r="584687" spans="8:8">
      <c r="H584687" s="12"/>
    </row>
    <row r="584688" spans="8:8">
      <c r="H584688" s="12"/>
    </row>
    <row r="584689" spans="8:8">
      <c r="H584689" s="12"/>
    </row>
    <row r="584690" spans="8:8">
      <c r="H584690" s="12"/>
    </row>
    <row r="584691" spans="8:8">
      <c r="H584691" s="12"/>
    </row>
    <row r="584692" spans="8:8">
      <c r="H584692" s="12"/>
    </row>
    <row r="584693" spans="8:8">
      <c r="H584693" s="12"/>
    </row>
    <row r="584694" spans="8:8">
      <c r="H584694" s="12"/>
    </row>
    <row r="584695" spans="8:8">
      <c r="H584695" s="12"/>
    </row>
    <row r="584696" spans="8:8">
      <c r="H584696" s="12"/>
    </row>
    <row r="584697" spans="8:8">
      <c r="H584697" s="12"/>
    </row>
    <row r="584698" spans="8:8">
      <c r="H584698" s="12"/>
    </row>
    <row r="584699" spans="8:8">
      <c r="H584699" s="12"/>
    </row>
    <row r="584700" spans="8:8">
      <c r="H584700" s="12"/>
    </row>
    <row r="584701" spans="8:8">
      <c r="H584701" s="12"/>
    </row>
    <row r="584702" spans="8:8">
      <c r="H584702" s="12"/>
    </row>
    <row r="584703" spans="8:8">
      <c r="H584703" s="12"/>
    </row>
    <row r="584704" spans="8:8">
      <c r="H584704" s="12"/>
    </row>
    <row r="584705" spans="8:8">
      <c r="H584705" s="12"/>
    </row>
    <row r="584706" spans="8:8">
      <c r="H584706" s="12"/>
    </row>
    <row r="584707" spans="8:8">
      <c r="H584707" s="12"/>
    </row>
    <row r="584708" spans="8:8">
      <c r="H584708" s="12"/>
    </row>
    <row r="584709" spans="8:8">
      <c r="H584709" s="12"/>
    </row>
    <row r="584710" spans="8:8">
      <c r="H584710" s="12"/>
    </row>
    <row r="584711" spans="8:8">
      <c r="H584711" s="12"/>
    </row>
    <row r="584712" spans="8:8">
      <c r="H584712" s="12"/>
    </row>
    <row r="584713" spans="8:8">
      <c r="H584713" s="12"/>
    </row>
    <row r="584714" spans="8:8">
      <c r="H584714" s="12"/>
    </row>
    <row r="584715" spans="8:8">
      <c r="H584715" s="12"/>
    </row>
    <row r="584716" spans="8:8">
      <c r="H584716" s="12"/>
    </row>
    <row r="584717" spans="8:8">
      <c r="H584717" s="12"/>
    </row>
    <row r="584718" spans="8:8">
      <c r="H584718" s="12"/>
    </row>
    <row r="584719" spans="8:8">
      <c r="H584719" s="12"/>
    </row>
    <row r="584720" spans="8:8">
      <c r="H584720" s="12"/>
    </row>
    <row r="584721" spans="8:8">
      <c r="H584721" s="12"/>
    </row>
    <row r="584722" spans="8:8">
      <c r="H584722" s="12"/>
    </row>
    <row r="584723" spans="8:8">
      <c r="H584723" s="12"/>
    </row>
    <row r="584724" spans="8:8">
      <c r="H584724" s="12"/>
    </row>
    <row r="584725" spans="8:8">
      <c r="H584725" s="12"/>
    </row>
    <row r="584726" spans="8:8">
      <c r="H584726" s="12"/>
    </row>
    <row r="584727" spans="8:8">
      <c r="H584727" s="12"/>
    </row>
    <row r="584728" spans="8:8">
      <c r="H584728" s="12"/>
    </row>
    <row r="584729" spans="8:8">
      <c r="H584729" s="12"/>
    </row>
    <row r="584730" spans="8:8">
      <c r="H584730" s="12"/>
    </row>
    <row r="584731" spans="8:8">
      <c r="H584731" s="12"/>
    </row>
    <row r="584732" spans="8:8">
      <c r="H584732" s="12"/>
    </row>
    <row r="584733" spans="8:8">
      <c r="H584733" s="12"/>
    </row>
    <row r="584734" spans="8:8">
      <c r="H584734" s="12"/>
    </row>
    <row r="584735" spans="8:8">
      <c r="H584735" s="12"/>
    </row>
    <row r="584736" spans="8:8">
      <c r="H584736" s="12"/>
    </row>
    <row r="584737" spans="8:8">
      <c r="H584737" s="12"/>
    </row>
    <row r="584738" spans="8:8">
      <c r="H584738" s="12"/>
    </row>
    <row r="584739" spans="8:8">
      <c r="H584739" s="12"/>
    </row>
    <row r="584740" spans="8:8">
      <c r="H584740" s="12"/>
    </row>
    <row r="584741" spans="8:8">
      <c r="H584741" s="12"/>
    </row>
    <row r="584742" spans="8:8">
      <c r="H584742" s="12"/>
    </row>
    <row r="584743" spans="8:8">
      <c r="H584743" s="12"/>
    </row>
    <row r="584744" spans="8:8">
      <c r="H584744" s="12"/>
    </row>
    <row r="584745" spans="8:8">
      <c r="H584745" s="12"/>
    </row>
    <row r="584746" spans="8:8">
      <c r="H584746" s="12"/>
    </row>
    <row r="584747" spans="8:8">
      <c r="H584747" s="12"/>
    </row>
    <row r="584748" spans="8:8">
      <c r="H584748" s="12"/>
    </row>
    <row r="584749" spans="8:8">
      <c r="H584749" s="12"/>
    </row>
    <row r="584750" spans="8:8">
      <c r="H584750" s="12"/>
    </row>
    <row r="584751" spans="8:8">
      <c r="H584751" s="12"/>
    </row>
    <row r="584752" spans="8:8">
      <c r="H584752" s="12"/>
    </row>
    <row r="584753" spans="8:8">
      <c r="H584753" s="12"/>
    </row>
    <row r="584754" spans="8:8">
      <c r="H584754" s="12"/>
    </row>
    <row r="584755" spans="8:8">
      <c r="H584755" s="12"/>
    </row>
    <row r="584756" spans="8:8">
      <c r="H584756" s="12"/>
    </row>
    <row r="584757" spans="8:8">
      <c r="H584757" s="12"/>
    </row>
    <row r="584758" spans="8:8">
      <c r="H584758" s="12"/>
    </row>
    <row r="584759" spans="8:8">
      <c r="H584759" s="12"/>
    </row>
    <row r="584760" spans="8:8">
      <c r="H584760" s="12"/>
    </row>
    <row r="584761" spans="8:8">
      <c r="H584761" s="12"/>
    </row>
    <row r="584762" spans="8:8">
      <c r="H584762" s="12"/>
    </row>
    <row r="584763" spans="8:8">
      <c r="H584763" s="12"/>
    </row>
    <row r="584764" spans="8:8">
      <c r="H584764" s="12"/>
    </row>
    <row r="584765" spans="8:8">
      <c r="H584765" s="12"/>
    </row>
    <row r="584766" spans="8:8">
      <c r="H584766" s="12"/>
    </row>
    <row r="584767" spans="8:8">
      <c r="H584767" s="12"/>
    </row>
    <row r="584768" spans="8:8">
      <c r="H584768" s="12"/>
    </row>
    <row r="584769" spans="8:8">
      <c r="H584769" s="12"/>
    </row>
    <row r="584770" spans="8:8">
      <c r="H584770" s="12"/>
    </row>
    <row r="584771" spans="8:8">
      <c r="H584771" s="12"/>
    </row>
    <row r="584772" spans="8:8">
      <c r="H584772" s="12"/>
    </row>
    <row r="584773" spans="8:8">
      <c r="H584773" s="12"/>
    </row>
    <row r="584774" spans="8:8">
      <c r="H584774" s="12"/>
    </row>
    <row r="584775" spans="8:8">
      <c r="H584775" s="12"/>
    </row>
    <row r="584776" spans="8:8">
      <c r="H584776" s="12"/>
    </row>
    <row r="584777" spans="8:8">
      <c r="H584777" s="12"/>
    </row>
    <row r="584778" spans="8:8">
      <c r="H584778" s="12"/>
    </row>
    <row r="584779" spans="8:8">
      <c r="H584779" s="12"/>
    </row>
    <row r="584780" spans="8:8">
      <c r="H584780" s="12"/>
    </row>
    <row r="584781" spans="8:8">
      <c r="H584781" s="12"/>
    </row>
    <row r="584782" spans="8:8">
      <c r="H584782" s="12"/>
    </row>
    <row r="584783" spans="8:8">
      <c r="H584783" s="12"/>
    </row>
    <row r="584784" spans="8:8">
      <c r="H584784" s="12"/>
    </row>
    <row r="584785" spans="8:8">
      <c r="H584785" s="12"/>
    </row>
    <row r="584786" spans="8:8">
      <c r="H584786" s="12"/>
    </row>
    <row r="584787" spans="8:8">
      <c r="H584787" s="12"/>
    </row>
    <row r="584788" spans="8:8">
      <c r="H584788" s="12"/>
    </row>
    <row r="584789" spans="8:8">
      <c r="H584789" s="12"/>
    </row>
    <row r="584790" spans="8:8">
      <c r="H584790" s="12"/>
    </row>
    <row r="584791" spans="8:8">
      <c r="H584791" s="12"/>
    </row>
    <row r="584792" spans="8:8">
      <c r="H584792" s="12"/>
    </row>
    <row r="584793" spans="8:8">
      <c r="H584793" s="12"/>
    </row>
    <row r="584794" spans="8:8">
      <c r="H584794" s="12"/>
    </row>
    <row r="584795" spans="8:8">
      <c r="H584795" s="12"/>
    </row>
    <row r="584796" spans="8:8">
      <c r="H584796" s="12"/>
    </row>
    <row r="584797" spans="8:8">
      <c r="H584797" s="12"/>
    </row>
    <row r="584798" spans="8:8">
      <c r="H584798" s="12"/>
    </row>
    <row r="584799" spans="8:8">
      <c r="H584799" s="12"/>
    </row>
    <row r="584800" spans="8:8">
      <c r="H584800" s="12"/>
    </row>
    <row r="584801" spans="8:8">
      <c r="H584801" s="12"/>
    </row>
    <row r="584802" spans="8:8">
      <c r="H584802" s="12"/>
    </row>
    <row r="584803" spans="8:8">
      <c r="H584803" s="12"/>
    </row>
    <row r="584804" spans="8:8">
      <c r="H584804" s="12"/>
    </row>
    <row r="584805" spans="8:8">
      <c r="H584805" s="12"/>
    </row>
    <row r="584806" spans="8:8">
      <c r="H584806" s="12"/>
    </row>
    <row r="584807" spans="8:8">
      <c r="H584807" s="12"/>
    </row>
    <row r="584808" spans="8:8">
      <c r="H584808" s="12"/>
    </row>
    <row r="584809" spans="8:8">
      <c r="H584809" s="12"/>
    </row>
    <row r="584810" spans="8:8">
      <c r="H584810" s="12"/>
    </row>
    <row r="584811" spans="8:8">
      <c r="H584811" s="12"/>
    </row>
    <row r="584812" spans="8:8">
      <c r="H584812" s="12"/>
    </row>
    <row r="584813" spans="8:8">
      <c r="H584813" s="12"/>
    </row>
    <row r="584814" spans="8:8">
      <c r="H584814" s="12"/>
    </row>
    <row r="584815" spans="8:8">
      <c r="H584815" s="12"/>
    </row>
    <row r="584816" spans="8:8">
      <c r="H584816" s="12"/>
    </row>
    <row r="584817" spans="8:8">
      <c r="H584817" s="12"/>
    </row>
    <row r="584818" spans="8:8">
      <c r="H584818" s="12"/>
    </row>
    <row r="584819" spans="8:8">
      <c r="H584819" s="12"/>
    </row>
    <row r="584820" spans="8:8">
      <c r="H584820" s="12"/>
    </row>
    <row r="584821" spans="8:8">
      <c r="H584821" s="12"/>
    </row>
    <row r="584822" spans="8:8">
      <c r="H584822" s="12"/>
    </row>
    <row r="584823" spans="8:8">
      <c r="H584823" s="12"/>
    </row>
    <row r="584824" spans="8:8">
      <c r="H584824" s="12"/>
    </row>
    <row r="584825" spans="8:8">
      <c r="H584825" s="12"/>
    </row>
    <row r="584826" spans="8:8">
      <c r="H584826" s="12"/>
    </row>
    <row r="584827" spans="8:8">
      <c r="H584827" s="12"/>
    </row>
    <row r="584828" spans="8:8">
      <c r="H584828" s="12"/>
    </row>
    <row r="584829" spans="8:8">
      <c r="H584829" s="12"/>
    </row>
    <row r="584830" spans="8:8">
      <c r="H584830" s="12"/>
    </row>
    <row r="584831" spans="8:8">
      <c r="H584831" s="12"/>
    </row>
    <row r="584832" spans="8:8">
      <c r="H584832" s="12"/>
    </row>
    <row r="584833" spans="8:8">
      <c r="H584833" s="12"/>
    </row>
    <row r="584834" spans="8:8">
      <c r="H584834" s="12"/>
    </row>
    <row r="584835" spans="8:8">
      <c r="H584835" s="12"/>
    </row>
    <row r="584836" spans="8:8">
      <c r="H584836" s="12"/>
    </row>
    <row r="584837" spans="8:8">
      <c r="H584837" s="12"/>
    </row>
    <row r="584838" spans="8:8">
      <c r="H584838" s="12"/>
    </row>
    <row r="584839" spans="8:8">
      <c r="H584839" s="12"/>
    </row>
    <row r="584840" spans="8:8">
      <c r="H584840" s="12"/>
    </row>
    <row r="584841" spans="8:8">
      <c r="H584841" s="12"/>
    </row>
    <row r="584842" spans="8:8">
      <c r="H584842" s="12"/>
    </row>
    <row r="584843" spans="8:8">
      <c r="H584843" s="12"/>
    </row>
    <row r="584844" spans="8:8">
      <c r="H584844" s="12"/>
    </row>
    <row r="584845" spans="8:8">
      <c r="H584845" s="12"/>
    </row>
    <row r="584846" spans="8:8">
      <c r="H584846" s="12"/>
    </row>
    <row r="584847" spans="8:8">
      <c r="H584847" s="12"/>
    </row>
    <row r="584848" spans="8:8">
      <c r="H584848" s="12"/>
    </row>
    <row r="584849" spans="8:8">
      <c r="H584849" s="12"/>
    </row>
    <row r="584850" spans="8:8">
      <c r="H584850" s="12"/>
    </row>
    <row r="584851" spans="8:8">
      <c r="H584851" s="12"/>
    </row>
    <row r="584852" spans="8:8">
      <c r="H584852" s="12"/>
    </row>
    <row r="584853" spans="8:8">
      <c r="H584853" s="12"/>
    </row>
    <row r="584854" spans="8:8">
      <c r="H584854" s="12"/>
    </row>
    <row r="584855" spans="8:8">
      <c r="H584855" s="12"/>
    </row>
    <row r="584856" spans="8:8">
      <c r="H584856" s="12"/>
    </row>
    <row r="584857" spans="8:8">
      <c r="H584857" s="12"/>
    </row>
    <row r="584858" spans="8:8">
      <c r="H584858" s="12"/>
    </row>
    <row r="584859" spans="8:8">
      <c r="H584859" s="12"/>
    </row>
    <row r="584860" spans="8:8">
      <c r="H584860" s="12"/>
    </row>
    <row r="584861" spans="8:8">
      <c r="H584861" s="12"/>
    </row>
    <row r="584862" spans="8:8">
      <c r="H584862" s="12"/>
    </row>
    <row r="584863" spans="8:8">
      <c r="H584863" s="12"/>
    </row>
    <row r="584864" spans="8:8">
      <c r="H584864" s="12"/>
    </row>
    <row r="584865" spans="8:8">
      <c r="H584865" s="12"/>
    </row>
    <row r="584866" spans="8:8">
      <c r="H584866" s="12"/>
    </row>
    <row r="584867" spans="8:8">
      <c r="H584867" s="12"/>
    </row>
    <row r="584868" spans="8:8">
      <c r="H584868" s="12"/>
    </row>
    <row r="584869" spans="8:8">
      <c r="H584869" s="12"/>
    </row>
    <row r="584870" spans="8:8">
      <c r="H584870" s="12"/>
    </row>
    <row r="584871" spans="8:8">
      <c r="H584871" s="12"/>
    </row>
    <row r="584872" spans="8:8">
      <c r="H584872" s="12"/>
    </row>
    <row r="584873" spans="8:8">
      <c r="H584873" s="12"/>
    </row>
    <row r="584874" spans="8:8">
      <c r="H584874" s="12"/>
    </row>
    <row r="584875" spans="8:8">
      <c r="H584875" s="12"/>
    </row>
    <row r="584876" spans="8:8">
      <c r="H584876" s="12"/>
    </row>
    <row r="584877" spans="8:8">
      <c r="H584877" s="12"/>
    </row>
    <row r="584878" spans="8:8">
      <c r="H584878" s="12"/>
    </row>
    <row r="584879" spans="8:8">
      <c r="H584879" s="12"/>
    </row>
    <row r="584880" spans="8:8">
      <c r="H584880" s="12"/>
    </row>
    <row r="584881" spans="8:8">
      <c r="H584881" s="12"/>
    </row>
    <row r="584882" spans="8:8">
      <c r="H584882" s="12"/>
    </row>
    <row r="584883" spans="8:8">
      <c r="H584883" s="12"/>
    </row>
    <row r="584884" spans="8:8">
      <c r="H584884" s="12"/>
    </row>
    <row r="584885" spans="8:8">
      <c r="H584885" s="12"/>
    </row>
    <row r="584886" spans="8:8">
      <c r="H584886" s="12"/>
    </row>
    <row r="584887" spans="8:8">
      <c r="H584887" s="12"/>
    </row>
    <row r="584888" spans="8:8">
      <c r="H584888" s="12"/>
    </row>
    <row r="584889" spans="8:8">
      <c r="H584889" s="12"/>
    </row>
    <row r="584890" spans="8:8">
      <c r="H584890" s="12"/>
    </row>
    <row r="584891" spans="8:8">
      <c r="H584891" s="12"/>
    </row>
    <row r="584892" spans="8:8">
      <c r="H584892" s="12"/>
    </row>
    <row r="584893" spans="8:8">
      <c r="H584893" s="12"/>
    </row>
    <row r="584894" spans="8:8">
      <c r="H584894" s="12"/>
    </row>
    <row r="584895" spans="8:8">
      <c r="H584895" s="12"/>
    </row>
    <row r="584896" spans="8:8">
      <c r="H584896" s="12"/>
    </row>
    <row r="584897" spans="8:8">
      <c r="H584897" s="12"/>
    </row>
    <row r="584898" spans="8:8">
      <c r="H584898" s="12"/>
    </row>
    <row r="584899" spans="8:8">
      <c r="H584899" s="12"/>
    </row>
    <row r="584900" spans="8:8">
      <c r="H584900" s="12"/>
    </row>
    <row r="584901" spans="8:8">
      <c r="H584901" s="12"/>
    </row>
    <row r="584902" spans="8:8">
      <c r="H584902" s="12"/>
    </row>
    <row r="584903" spans="8:8">
      <c r="H584903" s="12"/>
    </row>
    <row r="584904" spans="8:8">
      <c r="H584904" s="12"/>
    </row>
    <row r="584905" spans="8:8">
      <c r="H584905" s="12"/>
    </row>
    <row r="584906" spans="8:8">
      <c r="H584906" s="12"/>
    </row>
    <row r="584907" spans="8:8">
      <c r="H584907" s="12"/>
    </row>
    <row r="584908" spans="8:8">
      <c r="H584908" s="12"/>
    </row>
    <row r="584909" spans="8:8">
      <c r="H584909" s="12"/>
    </row>
    <row r="584910" spans="8:8">
      <c r="H584910" s="12"/>
    </row>
    <row r="584911" spans="8:8">
      <c r="H584911" s="12"/>
    </row>
    <row r="584912" spans="8:8">
      <c r="H584912" s="12"/>
    </row>
    <row r="584913" spans="8:8">
      <c r="H584913" s="12"/>
    </row>
    <row r="584914" spans="8:8">
      <c r="H584914" s="12"/>
    </row>
    <row r="584915" spans="8:8">
      <c r="H584915" s="12"/>
    </row>
    <row r="584916" spans="8:8">
      <c r="H584916" s="12"/>
    </row>
    <row r="584917" spans="8:8">
      <c r="H584917" s="12"/>
    </row>
    <row r="584918" spans="8:8">
      <c r="H584918" s="12"/>
    </row>
    <row r="584919" spans="8:8">
      <c r="H584919" s="12"/>
    </row>
    <row r="584920" spans="8:8">
      <c r="H584920" s="12"/>
    </row>
    <row r="584921" spans="8:8">
      <c r="H584921" s="12"/>
    </row>
    <row r="584922" spans="8:8">
      <c r="H584922" s="12"/>
    </row>
    <row r="584923" spans="8:8">
      <c r="H584923" s="12"/>
    </row>
    <row r="584924" spans="8:8">
      <c r="H584924" s="12"/>
    </row>
    <row r="584925" spans="8:8">
      <c r="H584925" s="12"/>
    </row>
    <row r="584926" spans="8:8">
      <c r="H584926" s="12"/>
    </row>
    <row r="584927" spans="8:8">
      <c r="H584927" s="12"/>
    </row>
    <row r="584928" spans="8:8">
      <c r="H584928" s="12"/>
    </row>
    <row r="584929" spans="8:8">
      <c r="H584929" s="12"/>
    </row>
    <row r="584930" spans="8:8">
      <c r="H584930" s="12"/>
    </row>
    <row r="584931" spans="8:8">
      <c r="H584931" s="12"/>
    </row>
    <row r="584932" spans="8:8">
      <c r="H584932" s="12"/>
    </row>
    <row r="584933" spans="8:8">
      <c r="H584933" s="12"/>
    </row>
    <row r="584934" spans="8:8">
      <c r="H584934" s="12"/>
    </row>
    <row r="584935" spans="8:8">
      <c r="H584935" s="12"/>
    </row>
    <row r="584936" spans="8:8">
      <c r="H584936" s="12"/>
    </row>
    <row r="584937" spans="8:8">
      <c r="H584937" s="12"/>
    </row>
    <row r="584938" spans="8:8">
      <c r="H584938" s="12"/>
    </row>
    <row r="584939" spans="8:8">
      <c r="H584939" s="12"/>
    </row>
    <row r="584940" spans="8:8">
      <c r="H584940" s="12"/>
    </row>
    <row r="584941" spans="8:8">
      <c r="H584941" s="12"/>
    </row>
    <row r="584942" spans="8:8">
      <c r="H584942" s="12"/>
    </row>
    <row r="584943" spans="8:8">
      <c r="H584943" s="12"/>
    </row>
    <row r="584944" spans="8:8">
      <c r="H584944" s="12"/>
    </row>
    <row r="584945" spans="8:8">
      <c r="H584945" s="12"/>
    </row>
    <row r="584946" spans="8:8">
      <c r="H584946" s="12"/>
    </row>
    <row r="584947" spans="8:8">
      <c r="H584947" s="12"/>
    </row>
    <row r="584948" spans="8:8">
      <c r="H584948" s="12"/>
    </row>
    <row r="584949" spans="8:8">
      <c r="H584949" s="12"/>
    </row>
    <row r="584950" spans="8:8">
      <c r="H584950" s="12"/>
    </row>
    <row r="584951" spans="8:8">
      <c r="H584951" s="12"/>
    </row>
    <row r="584952" spans="8:8">
      <c r="H584952" s="12"/>
    </row>
    <row r="584953" spans="8:8">
      <c r="H584953" s="12"/>
    </row>
    <row r="584954" spans="8:8">
      <c r="H584954" s="12"/>
    </row>
    <row r="584955" spans="8:8">
      <c r="H584955" s="12"/>
    </row>
    <row r="584956" spans="8:8">
      <c r="H584956" s="12"/>
    </row>
    <row r="584957" spans="8:8">
      <c r="H584957" s="12"/>
    </row>
    <row r="584958" spans="8:8">
      <c r="H584958" s="12"/>
    </row>
    <row r="584959" spans="8:8">
      <c r="H584959" s="12"/>
    </row>
    <row r="584960" spans="8:8">
      <c r="H584960" s="12"/>
    </row>
    <row r="584961" spans="8:8">
      <c r="H584961" s="12"/>
    </row>
    <row r="584962" spans="8:8">
      <c r="H584962" s="12"/>
    </row>
    <row r="584963" spans="8:8">
      <c r="H584963" s="12"/>
    </row>
    <row r="584964" spans="8:8">
      <c r="H584964" s="12"/>
    </row>
    <row r="584965" spans="8:8">
      <c r="H584965" s="12"/>
    </row>
    <row r="584966" spans="8:8">
      <c r="H584966" s="12"/>
    </row>
    <row r="584967" spans="8:8">
      <c r="H584967" s="12"/>
    </row>
    <row r="584968" spans="8:8">
      <c r="H584968" s="12"/>
    </row>
    <row r="584969" spans="8:8">
      <c r="H584969" s="12"/>
    </row>
    <row r="584970" spans="8:8">
      <c r="H584970" s="12"/>
    </row>
    <row r="584971" spans="8:8">
      <c r="H584971" s="12"/>
    </row>
    <row r="584972" spans="8:8">
      <c r="H584972" s="12"/>
    </row>
    <row r="584973" spans="8:8">
      <c r="H584973" s="12"/>
    </row>
    <row r="584974" spans="8:8">
      <c r="H584974" s="12"/>
    </row>
    <row r="584975" spans="8:8">
      <c r="H584975" s="12"/>
    </row>
    <row r="584976" spans="8:8">
      <c r="H584976" s="12"/>
    </row>
    <row r="584977" spans="8:8">
      <c r="H584977" s="12"/>
    </row>
    <row r="584978" spans="8:8">
      <c r="H584978" s="12"/>
    </row>
    <row r="584979" spans="8:8">
      <c r="H584979" s="12"/>
    </row>
    <row r="584980" spans="8:8">
      <c r="H584980" s="12"/>
    </row>
    <row r="584981" spans="8:8">
      <c r="H584981" s="12"/>
    </row>
    <row r="584982" spans="8:8">
      <c r="H584982" s="12"/>
    </row>
    <row r="584983" spans="8:8">
      <c r="H584983" s="12"/>
    </row>
    <row r="584984" spans="8:8">
      <c r="H584984" s="12"/>
    </row>
    <row r="584985" spans="8:8">
      <c r="H584985" s="12"/>
    </row>
    <row r="584986" spans="8:8">
      <c r="H584986" s="12"/>
    </row>
    <row r="584987" spans="8:8">
      <c r="H584987" s="12"/>
    </row>
    <row r="584988" spans="8:8">
      <c r="H584988" s="12"/>
    </row>
    <row r="584989" spans="8:8">
      <c r="H584989" s="12"/>
    </row>
    <row r="584990" spans="8:8">
      <c r="H584990" s="12"/>
    </row>
    <row r="584991" spans="8:8">
      <c r="H584991" s="12"/>
    </row>
    <row r="584992" spans="8:8">
      <c r="H584992" s="12"/>
    </row>
    <row r="584993" spans="8:8">
      <c r="H584993" s="12"/>
    </row>
    <row r="584994" spans="8:8">
      <c r="H584994" s="12"/>
    </row>
    <row r="584995" spans="8:8">
      <c r="H584995" s="12"/>
    </row>
    <row r="584996" spans="8:8">
      <c r="H584996" s="12"/>
    </row>
    <row r="584997" spans="8:8">
      <c r="H584997" s="12"/>
    </row>
    <row r="584998" spans="8:8">
      <c r="H584998" s="12"/>
    </row>
    <row r="584999" spans="8:8">
      <c r="H584999" s="12"/>
    </row>
    <row r="585000" spans="8:8">
      <c r="H585000" s="12"/>
    </row>
    <row r="585001" spans="8:8">
      <c r="H585001" s="12"/>
    </row>
    <row r="585002" spans="8:8">
      <c r="H585002" s="12"/>
    </row>
    <row r="585003" spans="8:8">
      <c r="H585003" s="12"/>
    </row>
    <row r="585004" spans="8:8">
      <c r="H585004" s="12"/>
    </row>
    <row r="585005" spans="8:8">
      <c r="H585005" s="12"/>
    </row>
    <row r="585006" spans="8:8">
      <c r="H585006" s="12"/>
    </row>
    <row r="585007" spans="8:8">
      <c r="H585007" s="12"/>
    </row>
    <row r="585008" spans="8:8">
      <c r="H585008" s="12"/>
    </row>
    <row r="585009" spans="8:8">
      <c r="H585009" s="12"/>
    </row>
    <row r="585010" spans="8:8">
      <c r="H585010" s="12"/>
    </row>
    <row r="585011" spans="8:8">
      <c r="H585011" s="12"/>
    </row>
    <row r="585012" spans="8:8">
      <c r="H585012" s="12"/>
    </row>
    <row r="585013" spans="8:8">
      <c r="H585013" s="12"/>
    </row>
    <row r="585014" spans="8:8">
      <c r="H585014" s="12"/>
    </row>
    <row r="585015" spans="8:8">
      <c r="H585015" s="12"/>
    </row>
    <row r="585016" spans="8:8">
      <c r="H585016" s="12"/>
    </row>
    <row r="585017" spans="8:8">
      <c r="H585017" s="12"/>
    </row>
    <row r="585018" spans="8:8">
      <c r="H585018" s="12"/>
    </row>
    <row r="585019" spans="8:8">
      <c r="H585019" s="12"/>
    </row>
    <row r="585020" spans="8:8">
      <c r="H585020" s="12"/>
    </row>
    <row r="585021" spans="8:8">
      <c r="H585021" s="12"/>
    </row>
    <row r="585022" spans="8:8">
      <c r="H585022" s="12"/>
    </row>
    <row r="585023" spans="8:8">
      <c r="H585023" s="12"/>
    </row>
    <row r="585024" spans="8:8">
      <c r="H585024" s="12"/>
    </row>
    <row r="585025" spans="8:8">
      <c r="H585025" s="12"/>
    </row>
    <row r="585026" spans="8:8">
      <c r="H585026" s="12"/>
    </row>
    <row r="585027" spans="8:8">
      <c r="H585027" s="12"/>
    </row>
    <row r="585028" spans="8:8">
      <c r="H585028" s="12"/>
    </row>
    <row r="585029" spans="8:8">
      <c r="H585029" s="12"/>
    </row>
    <row r="585030" spans="8:8">
      <c r="H585030" s="12"/>
    </row>
    <row r="585031" spans="8:8">
      <c r="H585031" s="12"/>
    </row>
    <row r="585032" spans="8:8">
      <c r="H585032" s="12"/>
    </row>
    <row r="585033" spans="8:8">
      <c r="H585033" s="12"/>
    </row>
    <row r="585034" spans="8:8">
      <c r="H585034" s="12"/>
    </row>
    <row r="585035" spans="8:8">
      <c r="H585035" s="12"/>
    </row>
    <row r="585036" spans="8:8">
      <c r="H585036" s="12"/>
    </row>
    <row r="585037" spans="8:8">
      <c r="H585037" s="12"/>
    </row>
    <row r="585038" spans="8:8">
      <c r="H585038" s="12"/>
    </row>
    <row r="585039" spans="8:8">
      <c r="H585039" s="12"/>
    </row>
    <row r="585040" spans="8:8">
      <c r="H585040" s="12"/>
    </row>
    <row r="585041" spans="8:8">
      <c r="H585041" s="12"/>
    </row>
    <row r="585042" spans="8:8">
      <c r="H585042" s="12"/>
    </row>
    <row r="585043" spans="8:8">
      <c r="H585043" s="12"/>
    </row>
    <row r="585044" spans="8:8">
      <c r="H585044" s="12"/>
    </row>
    <row r="585045" spans="8:8">
      <c r="H585045" s="12"/>
    </row>
    <row r="585046" spans="8:8">
      <c r="H585046" s="12"/>
    </row>
    <row r="585047" spans="8:8">
      <c r="H585047" s="12"/>
    </row>
    <row r="585048" spans="8:8">
      <c r="H585048" s="12"/>
    </row>
    <row r="585049" spans="8:8">
      <c r="H585049" s="12"/>
    </row>
    <row r="585050" spans="8:8">
      <c r="H585050" s="12"/>
    </row>
    <row r="585051" spans="8:8">
      <c r="H585051" s="12"/>
    </row>
    <row r="585052" spans="8:8">
      <c r="H585052" s="12"/>
    </row>
    <row r="585053" spans="8:8">
      <c r="H585053" s="12"/>
    </row>
    <row r="585054" spans="8:8">
      <c r="H585054" s="12"/>
    </row>
    <row r="585055" spans="8:8">
      <c r="H585055" s="12"/>
    </row>
    <row r="585056" spans="8:8">
      <c r="H585056" s="12"/>
    </row>
    <row r="585057" spans="8:8">
      <c r="H585057" s="12"/>
    </row>
    <row r="585058" spans="8:8">
      <c r="H585058" s="12"/>
    </row>
    <row r="585059" spans="8:8">
      <c r="H585059" s="12"/>
    </row>
    <row r="585060" spans="8:8">
      <c r="H585060" s="12"/>
    </row>
    <row r="585061" spans="8:8">
      <c r="H585061" s="12"/>
    </row>
    <row r="585062" spans="8:8">
      <c r="H585062" s="12"/>
    </row>
    <row r="585063" spans="8:8">
      <c r="H585063" s="12"/>
    </row>
    <row r="585064" spans="8:8">
      <c r="H585064" s="12"/>
    </row>
    <row r="585065" spans="8:8">
      <c r="H585065" s="12"/>
    </row>
    <row r="585066" spans="8:8">
      <c r="H585066" s="12"/>
    </row>
    <row r="585067" spans="8:8">
      <c r="H585067" s="12"/>
    </row>
    <row r="585068" spans="8:8">
      <c r="H585068" s="12"/>
    </row>
    <row r="585069" spans="8:8">
      <c r="H585069" s="12"/>
    </row>
    <row r="585070" spans="8:8">
      <c r="H585070" s="12"/>
    </row>
    <row r="585071" spans="8:8">
      <c r="H585071" s="12"/>
    </row>
    <row r="585072" spans="8:8">
      <c r="H585072" s="12"/>
    </row>
    <row r="585073" spans="8:8">
      <c r="H585073" s="12"/>
    </row>
    <row r="585074" spans="8:8">
      <c r="H585074" s="12"/>
    </row>
    <row r="585075" spans="8:8">
      <c r="H585075" s="12"/>
    </row>
    <row r="585076" spans="8:8">
      <c r="H585076" s="12"/>
    </row>
    <row r="585077" spans="8:8">
      <c r="H585077" s="12"/>
    </row>
    <row r="585078" spans="8:8">
      <c r="H585078" s="12"/>
    </row>
    <row r="585079" spans="8:8">
      <c r="H585079" s="12"/>
    </row>
    <row r="585080" spans="8:8">
      <c r="H585080" s="12"/>
    </row>
    <row r="585081" spans="8:8">
      <c r="H585081" s="12"/>
    </row>
    <row r="585082" spans="8:8">
      <c r="H585082" s="12"/>
    </row>
    <row r="585083" spans="8:8">
      <c r="H585083" s="12"/>
    </row>
    <row r="585084" spans="8:8">
      <c r="H585084" s="12"/>
    </row>
    <row r="585085" spans="8:8">
      <c r="H585085" s="12"/>
    </row>
    <row r="585086" spans="8:8">
      <c r="H585086" s="12"/>
    </row>
    <row r="585087" spans="8:8">
      <c r="H585087" s="12"/>
    </row>
    <row r="585088" spans="8:8">
      <c r="H585088" s="12"/>
    </row>
    <row r="585089" spans="8:8">
      <c r="H585089" s="12"/>
    </row>
    <row r="585090" spans="8:8">
      <c r="H585090" s="12"/>
    </row>
    <row r="585091" spans="8:8">
      <c r="H585091" s="12"/>
    </row>
    <row r="585092" spans="8:8">
      <c r="H585092" s="12"/>
    </row>
    <row r="585093" spans="8:8">
      <c r="H585093" s="12"/>
    </row>
    <row r="585094" spans="8:8">
      <c r="H585094" s="12"/>
    </row>
    <row r="585095" spans="8:8">
      <c r="H585095" s="12"/>
    </row>
    <row r="585096" spans="8:8">
      <c r="H585096" s="12"/>
    </row>
    <row r="585097" spans="8:8">
      <c r="H585097" s="12"/>
    </row>
    <row r="585098" spans="8:8">
      <c r="H585098" s="12"/>
    </row>
    <row r="585099" spans="8:8">
      <c r="H585099" s="12"/>
    </row>
    <row r="585100" spans="8:8">
      <c r="H585100" s="12"/>
    </row>
    <row r="585101" spans="8:8">
      <c r="H585101" s="12"/>
    </row>
    <row r="585102" spans="8:8">
      <c r="H585102" s="12"/>
    </row>
    <row r="585103" spans="8:8">
      <c r="H585103" s="12"/>
    </row>
    <row r="585104" spans="8:8">
      <c r="H585104" s="12"/>
    </row>
    <row r="585105" spans="8:8">
      <c r="H585105" s="12"/>
    </row>
    <row r="585106" spans="8:8">
      <c r="H585106" s="12"/>
    </row>
    <row r="585107" spans="8:8">
      <c r="H585107" s="12"/>
    </row>
    <row r="585108" spans="8:8">
      <c r="H585108" s="12"/>
    </row>
    <row r="585109" spans="8:8">
      <c r="H585109" s="12"/>
    </row>
    <row r="585110" spans="8:8">
      <c r="H585110" s="12"/>
    </row>
    <row r="585111" spans="8:8">
      <c r="H585111" s="12"/>
    </row>
    <row r="585112" spans="8:8">
      <c r="H585112" s="12"/>
    </row>
    <row r="585113" spans="8:8">
      <c r="H585113" s="12"/>
    </row>
    <row r="585114" spans="8:8">
      <c r="H585114" s="12"/>
    </row>
    <row r="585115" spans="8:8">
      <c r="H585115" s="12"/>
    </row>
    <row r="585116" spans="8:8">
      <c r="H585116" s="12"/>
    </row>
    <row r="585117" spans="8:8">
      <c r="H585117" s="12"/>
    </row>
    <row r="585118" spans="8:8">
      <c r="H585118" s="12"/>
    </row>
    <row r="585119" spans="8:8">
      <c r="H585119" s="12"/>
    </row>
    <row r="585120" spans="8:8">
      <c r="H585120" s="12"/>
    </row>
    <row r="585121" spans="8:8">
      <c r="H585121" s="12"/>
    </row>
    <row r="585122" spans="8:8">
      <c r="H585122" s="12"/>
    </row>
    <row r="585123" spans="8:8">
      <c r="H585123" s="12"/>
    </row>
    <row r="585124" spans="8:8">
      <c r="H585124" s="12"/>
    </row>
    <row r="585125" spans="8:8">
      <c r="H585125" s="12"/>
    </row>
    <row r="585126" spans="8:8">
      <c r="H585126" s="12"/>
    </row>
    <row r="585127" spans="8:8">
      <c r="H585127" s="12"/>
    </row>
    <row r="585128" spans="8:8">
      <c r="H585128" s="12"/>
    </row>
    <row r="585129" spans="8:8">
      <c r="H585129" s="12"/>
    </row>
    <row r="585130" spans="8:8">
      <c r="H585130" s="12"/>
    </row>
    <row r="585131" spans="8:8">
      <c r="H585131" s="12"/>
    </row>
    <row r="585132" spans="8:8">
      <c r="H585132" s="12"/>
    </row>
    <row r="585133" spans="8:8">
      <c r="H585133" s="12"/>
    </row>
    <row r="585134" spans="8:8">
      <c r="H585134" s="12"/>
    </row>
    <row r="585135" spans="8:8">
      <c r="H585135" s="12"/>
    </row>
    <row r="585136" spans="8:8">
      <c r="H585136" s="12"/>
    </row>
    <row r="585137" spans="8:8">
      <c r="H585137" s="12"/>
    </row>
    <row r="585138" spans="8:8">
      <c r="H585138" s="12"/>
    </row>
    <row r="585139" spans="8:8">
      <c r="H585139" s="12"/>
    </row>
    <row r="585140" spans="8:8">
      <c r="H585140" s="12"/>
    </row>
    <row r="585141" spans="8:8">
      <c r="H585141" s="12"/>
    </row>
    <row r="585142" spans="8:8">
      <c r="H585142" s="12"/>
    </row>
    <row r="585143" spans="8:8">
      <c r="H585143" s="12"/>
    </row>
    <row r="585144" spans="8:8">
      <c r="H585144" s="12"/>
    </row>
    <row r="585145" spans="8:8">
      <c r="H585145" s="12"/>
    </row>
    <row r="585146" spans="8:8">
      <c r="H585146" s="12"/>
    </row>
    <row r="585147" spans="8:8">
      <c r="H585147" s="12"/>
    </row>
    <row r="585148" spans="8:8">
      <c r="H585148" s="12"/>
    </row>
    <row r="585149" spans="8:8">
      <c r="H585149" s="12"/>
    </row>
    <row r="585150" spans="8:8">
      <c r="H585150" s="12"/>
    </row>
    <row r="585151" spans="8:8">
      <c r="H585151" s="12"/>
    </row>
    <row r="585152" spans="8:8">
      <c r="H585152" s="12"/>
    </row>
    <row r="585153" spans="8:8">
      <c r="H585153" s="12"/>
    </row>
    <row r="585154" spans="8:8">
      <c r="H585154" s="12"/>
    </row>
    <row r="585155" spans="8:8">
      <c r="H585155" s="12"/>
    </row>
    <row r="585156" spans="8:8">
      <c r="H585156" s="12"/>
    </row>
    <row r="585157" spans="8:8">
      <c r="H585157" s="12"/>
    </row>
    <row r="585158" spans="8:8">
      <c r="H585158" s="12"/>
    </row>
    <row r="585159" spans="8:8">
      <c r="H585159" s="12"/>
    </row>
    <row r="585160" spans="8:8">
      <c r="H585160" s="12"/>
    </row>
    <row r="585161" spans="8:8">
      <c r="H585161" s="12"/>
    </row>
    <row r="585162" spans="8:8">
      <c r="H585162" s="12"/>
    </row>
    <row r="585163" spans="8:8">
      <c r="H585163" s="12"/>
    </row>
    <row r="585164" spans="8:8">
      <c r="H585164" s="12"/>
    </row>
    <row r="585165" spans="8:8">
      <c r="H585165" s="12"/>
    </row>
    <row r="585166" spans="8:8">
      <c r="H585166" s="12"/>
    </row>
    <row r="585167" spans="8:8">
      <c r="H585167" s="12"/>
    </row>
    <row r="585168" spans="8:8">
      <c r="H585168" s="12"/>
    </row>
    <row r="585169" spans="8:8">
      <c r="H585169" s="12"/>
    </row>
    <row r="585170" spans="8:8">
      <c r="H585170" s="12"/>
    </row>
    <row r="585171" spans="8:8">
      <c r="H585171" s="12"/>
    </row>
    <row r="585172" spans="8:8">
      <c r="H585172" s="12"/>
    </row>
    <row r="585173" spans="8:8">
      <c r="H585173" s="12"/>
    </row>
    <row r="585174" spans="8:8">
      <c r="H585174" s="12"/>
    </row>
    <row r="585175" spans="8:8">
      <c r="H585175" s="12"/>
    </row>
    <row r="585176" spans="8:8">
      <c r="H585176" s="12"/>
    </row>
    <row r="585177" spans="8:8">
      <c r="H585177" s="12"/>
    </row>
    <row r="585178" spans="8:8">
      <c r="H585178" s="12"/>
    </row>
    <row r="585179" spans="8:8">
      <c r="H585179" s="12"/>
    </row>
    <row r="585180" spans="8:8">
      <c r="H585180" s="12"/>
    </row>
    <row r="585181" spans="8:8">
      <c r="H585181" s="12"/>
    </row>
    <row r="585182" spans="8:8">
      <c r="H585182" s="12"/>
    </row>
    <row r="585183" spans="8:8">
      <c r="H585183" s="12"/>
    </row>
    <row r="585184" spans="8:8">
      <c r="H585184" s="12"/>
    </row>
    <row r="585185" spans="8:8">
      <c r="H585185" s="12"/>
    </row>
    <row r="585186" spans="8:8">
      <c r="H585186" s="12"/>
    </row>
    <row r="585187" spans="8:8">
      <c r="H585187" s="12"/>
    </row>
    <row r="585188" spans="8:8">
      <c r="H585188" s="12"/>
    </row>
    <row r="585189" spans="8:8">
      <c r="H585189" s="12"/>
    </row>
    <row r="585190" spans="8:8">
      <c r="H585190" s="12"/>
    </row>
    <row r="585191" spans="8:8">
      <c r="H585191" s="12"/>
    </row>
    <row r="585192" spans="8:8">
      <c r="H585192" s="12"/>
    </row>
    <row r="585193" spans="8:8">
      <c r="H585193" s="12"/>
    </row>
    <row r="585194" spans="8:8">
      <c r="H585194" s="12"/>
    </row>
    <row r="585195" spans="8:8">
      <c r="H585195" s="12"/>
    </row>
    <row r="585196" spans="8:8">
      <c r="H585196" s="12"/>
    </row>
    <row r="585197" spans="8:8">
      <c r="H585197" s="12"/>
    </row>
    <row r="585198" spans="8:8">
      <c r="H585198" s="12"/>
    </row>
    <row r="585199" spans="8:8">
      <c r="H585199" s="12"/>
    </row>
    <row r="585200" spans="8:8">
      <c r="H585200" s="12"/>
    </row>
    <row r="585201" spans="8:8">
      <c r="H585201" s="12"/>
    </row>
    <row r="585202" spans="8:8">
      <c r="H585202" s="12"/>
    </row>
    <row r="585203" spans="8:8">
      <c r="H585203" s="12"/>
    </row>
    <row r="585204" spans="8:8">
      <c r="H585204" s="12"/>
    </row>
    <row r="585205" spans="8:8">
      <c r="H585205" s="12"/>
    </row>
    <row r="585206" spans="8:8">
      <c r="H585206" s="12"/>
    </row>
    <row r="585207" spans="8:8">
      <c r="H585207" s="12"/>
    </row>
    <row r="585208" spans="8:8">
      <c r="H585208" s="12"/>
    </row>
    <row r="585209" spans="8:8">
      <c r="H585209" s="12"/>
    </row>
    <row r="585210" spans="8:8">
      <c r="H585210" s="12"/>
    </row>
    <row r="585211" spans="8:8">
      <c r="H585211" s="12"/>
    </row>
    <row r="585212" spans="8:8">
      <c r="H585212" s="12"/>
    </row>
    <row r="585213" spans="8:8">
      <c r="H585213" s="12"/>
    </row>
    <row r="585214" spans="8:8">
      <c r="H585214" s="12"/>
    </row>
    <row r="585215" spans="8:8">
      <c r="H585215" s="12"/>
    </row>
    <row r="585216" spans="8:8">
      <c r="H585216" s="12"/>
    </row>
    <row r="585217" spans="8:8">
      <c r="H585217" s="12"/>
    </row>
    <row r="585218" spans="8:8">
      <c r="H585218" s="12"/>
    </row>
    <row r="585219" spans="8:8">
      <c r="H585219" s="12"/>
    </row>
    <row r="585220" spans="8:8">
      <c r="H585220" s="12"/>
    </row>
    <row r="585221" spans="8:8">
      <c r="H585221" s="12"/>
    </row>
    <row r="585222" spans="8:8">
      <c r="H585222" s="12"/>
    </row>
    <row r="585223" spans="8:8">
      <c r="H585223" s="12"/>
    </row>
    <row r="585224" spans="8:8">
      <c r="H585224" s="12"/>
    </row>
    <row r="585225" spans="8:8">
      <c r="H585225" s="12"/>
    </row>
    <row r="585226" spans="8:8">
      <c r="H585226" s="12"/>
    </row>
    <row r="585227" spans="8:8">
      <c r="H585227" s="12"/>
    </row>
    <row r="585228" spans="8:8">
      <c r="H585228" s="12"/>
    </row>
    <row r="585229" spans="8:8">
      <c r="H585229" s="12"/>
    </row>
    <row r="585230" spans="8:8">
      <c r="H585230" s="12"/>
    </row>
    <row r="585231" spans="8:8">
      <c r="H585231" s="12"/>
    </row>
    <row r="585232" spans="8:8">
      <c r="H585232" s="12"/>
    </row>
    <row r="585233" spans="8:8">
      <c r="H585233" s="12"/>
    </row>
    <row r="585234" spans="8:8">
      <c r="H585234" s="12"/>
    </row>
    <row r="585235" spans="8:8">
      <c r="H585235" s="12"/>
    </row>
    <row r="585236" spans="8:8">
      <c r="H585236" s="12"/>
    </row>
    <row r="585237" spans="8:8">
      <c r="H585237" s="12"/>
    </row>
    <row r="585238" spans="8:8">
      <c r="H585238" s="12"/>
    </row>
    <row r="585239" spans="8:8">
      <c r="H585239" s="12"/>
    </row>
    <row r="585240" spans="8:8">
      <c r="H585240" s="12"/>
    </row>
    <row r="585241" spans="8:8">
      <c r="H585241" s="12"/>
    </row>
    <row r="585242" spans="8:8">
      <c r="H585242" s="12"/>
    </row>
    <row r="585243" spans="8:8">
      <c r="H585243" s="12"/>
    </row>
    <row r="585244" spans="8:8">
      <c r="H585244" s="12"/>
    </row>
    <row r="585245" spans="8:8">
      <c r="H585245" s="12"/>
    </row>
    <row r="585246" spans="8:8">
      <c r="H585246" s="12"/>
    </row>
    <row r="585247" spans="8:8">
      <c r="H585247" s="12"/>
    </row>
    <row r="585248" spans="8:8">
      <c r="H585248" s="12"/>
    </row>
    <row r="585249" spans="8:8">
      <c r="H585249" s="12"/>
    </row>
    <row r="585250" spans="8:8">
      <c r="H585250" s="12"/>
    </row>
    <row r="585251" spans="8:8">
      <c r="H585251" s="12"/>
    </row>
    <row r="585252" spans="8:8">
      <c r="H585252" s="12"/>
    </row>
    <row r="585253" spans="8:8">
      <c r="H585253" s="12"/>
    </row>
    <row r="585254" spans="8:8">
      <c r="H585254" s="12"/>
    </row>
    <row r="585255" spans="8:8">
      <c r="H585255" s="12"/>
    </row>
    <row r="585256" spans="8:8">
      <c r="H585256" s="12"/>
    </row>
    <row r="585257" spans="8:8">
      <c r="H585257" s="12"/>
    </row>
    <row r="585258" spans="8:8">
      <c r="H585258" s="12"/>
    </row>
    <row r="585259" spans="8:8">
      <c r="H585259" s="12"/>
    </row>
    <row r="585260" spans="8:8">
      <c r="H585260" s="12"/>
    </row>
    <row r="585261" spans="8:8">
      <c r="H585261" s="12"/>
    </row>
    <row r="585262" spans="8:8">
      <c r="H585262" s="12"/>
    </row>
    <row r="585263" spans="8:8">
      <c r="H585263" s="12"/>
    </row>
    <row r="585264" spans="8:8">
      <c r="H585264" s="12"/>
    </row>
    <row r="585265" spans="8:8">
      <c r="H585265" s="12"/>
    </row>
    <row r="585266" spans="8:8">
      <c r="H585266" s="12"/>
    </row>
    <row r="585267" spans="8:8">
      <c r="H585267" s="12"/>
    </row>
    <row r="585268" spans="8:8">
      <c r="H585268" s="12"/>
    </row>
    <row r="585269" spans="8:8">
      <c r="H585269" s="12"/>
    </row>
    <row r="585270" spans="8:8">
      <c r="H585270" s="12"/>
    </row>
    <row r="585271" spans="8:8">
      <c r="H585271" s="12"/>
    </row>
    <row r="585272" spans="8:8">
      <c r="H585272" s="12"/>
    </row>
    <row r="585273" spans="8:8">
      <c r="H585273" s="12"/>
    </row>
    <row r="585274" spans="8:8">
      <c r="H585274" s="12"/>
    </row>
    <row r="585275" spans="8:8">
      <c r="H585275" s="12"/>
    </row>
    <row r="585276" spans="8:8">
      <c r="H585276" s="12"/>
    </row>
    <row r="585277" spans="8:8">
      <c r="H585277" s="12"/>
    </row>
    <row r="585278" spans="8:8">
      <c r="H585278" s="12"/>
    </row>
    <row r="585279" spans="8:8">
      <c r="H585279" s="12"/>
    </row>
    <row r="585280" spans="8:8">
      <c r="H585280" s="12"/>
    </row>
    <row r="585281" spans="8:8">
      <c r="H585281" s="12"/>
    </row>
    <row r="585282" spans="8:8">
      <c r="H585282" s="12"/>
    </row>
    <row r="585283" spans="8:8">
      <c r="H585283" s="12"/>
    </row>
    <row r="585284" spans="8:8">
      <c r="H585284" s="12"/>
    </row>
    <row r="585285" spans="8:8">
      <c r="H585285" s="12"/>
    </row>
    <row r="585286" spans="8:8">
      <c r="H585286" s="12"/>
    </row>
    <row r="585287" spans="8:8">
      <c r="H585287" s="12"/>
    </row>
    <row r="585288" spans="8:8">
      <c r="H585288" s="12"/>
    </row>
    <row r="585289" spans="8:8">
      <c r="H585289" s="12"/>
    </row>
    <row r="585290" spans="8:8">
      <c r="H585290" s="12"/>
    </row>
    <row r="585291" spans="8:8">
      <c r="H585291" s="12"/>
    </row>
    <row r="585292" spans="8:8">
      <c r="H585292" s="12"/>
    </row>
    <row r="585293" spans="8:8">
      <c r="H585293" s="12"/>
    </row>
    <row r="585294" spans="8:8">
      <c r="H585294" s="12"/>
    </row>
    <row r="585295" spans="8:8">
      <c r="H585295" s="12"/>
    </row>
    <row r="585296" spans="8:8">
      <c r="H585296" s="12"/>
    </row>
    <row r="585297" spans="8:8">
      <c r="H585297" s="12"/>
    </row>
    <row r="585298" spans="8:8">
      <c r="H585298" s="12"/>
    </row>
    <row r="585299" spans="8:8">
      <c r="H585299" s="12"/>
    </row>
    <row r="585300" spans="8:8">
      <c r="H585300" s="12"/>
    </row>
    <row r="585301" spans="8:8">
      <c r="H585301" s="12"/>
    </row>
    <row r="585302" spans="8:8">
      <c r="H585302" s="12"/>
    </row>
    <row r="585303" spans="8:8">
      <c r="H585303" s="12"/>
    </row>
    <row r="585304" spans="8:8">
      <c r="H585304" s="12"/>
    </row>
    <row r="585305" spans="8:8">
      <c r="H585305" s="12"/>
    </row>
    <row r="585306" spans="8:8">
      <c r="H585306" s="12"/>
    </row>
    <row r="585307" spans="8:8">
      <c r="H585307" s="12"/>
    </row>
    <row r="585308" spans="8:8">
      <c r="H585308" s="12"/>
    </row>
    <row r="585309" spans="8:8">
      <c r="H585309" s="12"/>
    </row>
    <row r="585310" spans="8:8">
      <c r="H585310" s="12"/>
    </row>
    <row r="585311" spans="8:8">
      <c r="H585311" s="12"/>
    </row>
    <row r="585312" spans="8:8">
      <c r="H585312" s="12"/>
    </row>
    <row r="585313" spans="8:8">
      <c r="H585313" s="12"/>
    </row>
    <row r="585314" spans="8:8">
      <c r="H585314" s="12"/>
    </row>
    <row r="585315" spans="8:8">
      <c r="H585315" s="12"/>
    </row>
    <row r="585316" spans="8:8">
      <c r="H585316" s="12"/>
    </row>
    <row r="585317" spans="8:8">
      <c r="H585317" s="12"/>
    </row>
    <row r="585318" spans="8:8">
      <c r="H585318" s="12"/>
    </row>
    <row r="585319" spans="8:8">
      <c r="H585319" s="12"/>
    </row>
    <row r="585320" spans="8:8">
      <c r="H585320" s="12"/>
    </row>
    <row r="585321" spans="8:8">
      <c r="H585321" s="12"/>
    </row>
    <row r="585322" spans="8:8">
      <c r="H585322" s="12"/>
    </row>
    <row r="585323" spans="8:8">
      <c r="H585323" s="12"/>
    </row>
    <row r="585324" spans="8:8">
      <c r="H585324" s="12"/>
    </row>
    <row r="585325" spans="8:8">
      <c r="H585325" s="12"/>
    </row>
    <row r="585326" spans="8:8">
      <c r="H585326" s="12"/>
    </row>
    <row r="585327" spans="8:8">
      <c r="H585327" s="12"/>
    </row>
    <row r="585328" spans="8:8">
      <c r="H585328" s="12"/>
    </row>
    <row r="585329" spans="8:8">
      <c r="H585329" s="12"/>
    </row>
    <row r="585330" spans="8:8">
      <c r="H585330" s="12"/>
    </row>
    <row r="585331" spans="8:8">
      <c r="H585331" s="12"/>
    </row>
    <row r="585332" spans="8:8">
      <c r="H585332" s="12"/>
    </row>
    <row r="585333" spans="8:8">
      <c r="H585333" s="12"/>
    </row>
    <row r="585334" spans="8:8">
      <c r="H585334" s="12"/>
    </row>
    <row r="585335" spans="8:8">
      <c r="H585335" s="12"/>
    </row>
    <row r="585336" spans="8:8">
      <c r="H585336" s="12"/>
    </row>
    <row r="585337" spans="8:8">
      <c r="H585337" s="12"/>
    </row>
    <row r="585338" spans="8:8">
      <c r="H585338" s="12"/>
    </row>
    <row r="585339" spans="8:8">
      <c r="H585339" s="12"/>
    </row>
    <row r="585340" spans="8:8">
      <c r="H585340" s="12"/>
    </row>
    <row r="585341" spans="8:8">
      <c r="H585341" s="12"/>
    </row>
    <row r="585342" spans="8:8">
      <c r="H585342" s="12"/>
    </row>
    <row r="585343" spans="8:8">
      <c r="H585343" s="12"/>
    </row>
    <row r="585344" spans="8:8">
      <c r="H585344" s="12"/>
    </row>
    <row r="585345" spans="8:8">
      <c r="H585345" s="12"/>
    </row>
    <row r="585346" spans="8:8">
      <c r="H585346" s="12"/>
    </row>
    <row r="585347" spans="8:8">
      <c r="H585347" s="12"/>
    </row>
    <row r="585348" spans="8:8">
      <c r="H585348" s="12"/>
    </row>
    <row r="585349" spans="8:8">
      <c r="H585349" s="12"/>
    </row>
    <row r="585350" spans="8:8">
      <c r="H585350" s="12"/>
    </row>
    <row r="585351" spans="8:8">
      <c r="H585351" s="12"/>
    </row>
    <row r="585352" spans="8:8">
      <c r="H585352" s="12"/>
    </row>
    <row r="585353" spans="8:8">
      <c r="H585353" s="12"/>
    </row>
    <row r="585354" spans="8:8">
      <c r="H585354" s="12"/>
    </row>
    <row r="585355" spans="8:8">
      <c r="H585355" s="12"/>
    </row>
    <row r="585356" spans="8:8">
      <c r="H585356" s="12"/>
    </row>
    <row r="585357" spans="8:8">
      <c r="H585357" s="12"/>
    </row>
    <row r="585358" spans="8:8">
      <c r="H585358" s="12"/>
    </row>
    <row r="585359" spans="8:8">
      <c r="H585359" s="12"/>
    </row>
    <row r="585360" spans="8:8">
      <c r="H585360" s="12"/>
    </row>
    <row r="585361" spans="8:8">
      <c r="H585361" s="12"/>
    </row>
    <row r="585362" spans="8:8">
      <c r="H585362" s="12"/>
    </row>
    <row r="585363" spans="8:8">
      <c r="H585363" s="12"/>
    </row>
    <row r="585364" spans="8:8">
      <c r="H585364" s="12"/>
    </row>
    <row r="585365" spans="8:8">
      <c r="H585365" s="12"/>
    </row>
    <row r="585366" spans="8:8">
      <c r="H585366" s="12"/>
    </row>
    <row r="585367" spans="8:8">
      <c r="H585367" s="12"/>
    </row>
    <row r="585368" spans="8:8">
      <c r="H585368" s="12"/>
    </row>
    <row r="585369" spans="8:8">
      <c r="H585369" s="12"/>
    </row>
    <row r="585370" spans="8:8">
      <c r="H585370" s="12"/>
    </row>
    <row r="585371" spans="8:8">
      <c r="H585371" s="12"/>
    </row>
    <row r="585372" spans="8:8">
      <c r="H585372" s="12"/>
    </row>
    <row r="585373" spans="8:8">
      <c r="H585373" s="12"/>
    </row>
    <row r="585374" spans="8:8">
      <c r="H585374" s="12"/>
    </row>
    <row r="585375" spans="8:8">
      <c r="H585375" s="12"/>
    </row>
    <row r="585376" spans="8:8">
      <c r="H585376" s="12"/>
    </row>
    <row r="585377" spans="8:8">
      <c r="H585377" s="12"/>
    </row>
    <row r="585378" spans="8:8">
      <c r="H585378" s="12"/>
    </row>
    <row r="585379" spans="8:8">
      <c r="H585379" s="12"/>
    </row>
    <row r="585380" spans="8:8">
      <c r="H585380" s="12"/>
    </row>
    <row r="585381" spans="8:8">
      <c r="H585381" s="12"/>
    </row>
    <row r="585382" spans="8:8">
      <c r="H585382" s="12"/>
    </row>
    <row r="585383" spans="8:8">
      <c r="H585383" s="12"/>
    </row>
    <row r="585384" spans="8:8">
      <c r="H585384" s="12"/>
    </row>
    <row r="585385" spans="8:8">
      <c r="H585385" s="12"/>
    </row>
    <row r="585386" spans="8:8">
      <c r="H585386" s="12"/>
    </row>
    <row r="585387" spans="8:8">
      <c r="H585387" s="12"/>
    </row>
    <row r="585388" spans="8:8">
      <c r="H585388" s="12"/>
    </row>
    <row r="585389" spans="8:8">
      <c r="H585389" s="12"/>
    </row>
    <row r="585390" spans="8:8">
      <c r="H585390" s="12"/>
    </row>
    <row r="585391" spans="8:8">
      <c r="H585391" s="12"/>
    </row>
    <row r="585392" spans="8:8">
      <c r="H585392" s="12"/>
    </row>
    <row r="585393" spans="8:8">
      <c r="H585393" s="12"/>
    </row>
    <row r="585394" spans="8:8">
      <c r="H585394" s="12"/>
    </row>
    <row r="585395" spans="8:8">
      <c r="H585395" s="12"/>
    </row>
    <row r="585396" spans="8:8">
      <c r="H585396" s="12"/>
    </row>
    <row r="585397" spans="8:8">
      <c r="H585397" s="12"/>
    </row>
    <row r="585398" spans="8:8">
      <c r="H585398" s="12"/>
    </row>
    <row r="585399" spans="8:8">
      <c r="H585399" s="12"/>
    </row>
    <row r="585400" spans="8:8">
      <c r="H585400" s="12"/>
    </row>
    <row r="585401" spans="8:8">
      <c r="H585401" s="12"/>
    </row>
    <row r="585402" spans="8:8">
      <c r="H585402" s="12"/>
    </row>
    <row r="585403" spans="8:8">
      <c r="H585403" s="12"/>
    </row>
    <row r="585404" spans="8:8">
      <c r="H585404" s="12"/>
    </row>
    <row r="585405" spans="8:8">
      <c r="H585405" s="12"/>
    </row>
    <row r="585406" spans="8:8">
      <c r="H585406" s="12"/>
    </row>
    <row r="585407" spans="8:8">
      <c r="H585407" s="12"/>
    </row>
    <row r="585408" spans="8:8">
      <c r="H585408" s="12"/>
    </row>
    <row r="585409" spans="8:8">
      <c r="H585409" s="12"/>
    </row>
    <row r="585410" spans="8:8">
      <c r="H585410" s="12"/>
    </row>
    <row r="585411" spans="8:8">
      <c r="H585411" s="12"/>
    </row>
    <row r="585412" spans="8:8">
      <c r="H585412" s="12"/>
    </row>
    <row r="585413" spans="8:8">
      <c r="H585413" s="12"/>
    </row>
    <row r="585414" spans="8:8">
      <c r="H585414" s="12"/>
    </row>
    <row r="585415" spans="8:8">
      <c r="H585415" s="12"/>
    </row>
    <row r="585416" spans="8:8">
      <c r="H585416" s="12"/>
    </row>
    <row r="585417" spans="8:8">
      <c r="H585417" s="12"/>
    </row>
    <row r="585418" spans="8:8">
      <c r="H585418" s="12"/>
    </row>
    <row r="585419" spans="8:8">
      <c r="H585419" s="12"/>
    </row>
    <row r="585420" spans="8:8">
      <c r="H585420" s="12"/>
    </row>
    <row r="585421" spans="8:8">
      <c r="H585421" s="12"/>
    </row>
    <row r="585422" spans="8:8">
      <c r="H585422" s="12"/>
    </row>
    <row r="585423" spans="8:8">
      <c r="H585423" s="12"/>
    </row>
    <row r="585424" spans="8:8">
      <c r="H585424" s="12"/>
    </row>
    <row r="585425" spans="8:8">
      <c r="H585425" s="12"/>
    </row>
    <row r="585426" spans="8:8">
      <c r="H585426" s="12"/>
    </row>
    <row r="585427" spans="8:8">
      <c r="H585427" s="12"/>
    </row>
    <row r="585428" spans="8:8">
      <c r="H585428" s="12"/>
    </row>
    <row r="585429" spans="8:8">
      <c r="H585429" s="12"/>
    </row>
    <row r="585430" spans="8:8">
      <c r="H585430" s="12"/>
    </row>
    <row r="585431" spans="8:8">
      <c r="H585431" s="12"/>
    </row>
    <row r="585432" spans="8:8">
      <c r="H585432" s="12"/>
    </row>
    <row r="585433" spans="8:8">
      <c r="H585433" s="12"/>
    </row>
    <row r="585434" spans="8:8">
      <c r="H585434" s="12"/>
    </row>
    <row r="585435" spans="8:8">
      <c r="H585435" s="12"/>
    </row>
    <row r="585436" spans="8:8">
      <c r="H585436" s="12"/>
    </row>
    <row r="585437" spans="8:8">
      <c r="H585437" s="12"/>
    </row>
    <row r="585438" spans="8:8">
      <c r="H585438" s="12"/>
    </row>
    <row r="585439" spans="8:8">
      <c r="H585439" s="12"/>
    </row>
    <row r="585440" spans="8:8">
      <c r="H585440" s="12"/>
    </row>
    <row r="585441" spans="8:8">
      <c r="H585441" s="12"/>
    </row>
    <row r="585442" spans="8:8">
      <c r="H585442" s="12"/>
    </row>
    <row r="585443" spans="8:8">
      <c r="H585443" s="12"/>
    </row>
    <row r="585444" spans="8:8">
      <c r="H585444" s="12"/>
    </row>
    <row r="585445" spans="8:8">
      <c r="H585445" s="12"/>
    </row>
    <row r="585446" spans="8:8">
      <c r="H585446" s="12"/>
    </row>
    <row r="585447" spans="8:8">
      <c r="H585447" s="12"/>
    </row>
    <row r="585448" spans="8:8">
      <c r="H585448" s="12"/>
    </row>
    <row r="585449" spans="8:8">
      <c r="H585449" s="12"/>
    </row>
    <row r="585450" spans="8:8">
      <c r="H585450" s="12"/>
    </row>
    <row r="585451" spans="8:8">
      <c r="H585451" s="12"/>
    </row>
    <row r="585452" spans="8:8">
      <c r="H585452" s="12"/>
    </row>
    <row r="585453" spans="8:8">
      <c r="H585453" s="12"/>
    </row>
    <row r="585454" spans="8:8">
      <c r="H585454" s="12"/>
    </row>
    <row r="585455" spans="8:8">
      <c r="H585455" s="12"/>
    </row>
    <row r="585456" spans="8:8">
      <c r="H585456" s="12"/>
    </row>
    <row r="585457" spans="8:8">
      <c r="H585457" s="12"/>
    </row>
    <row r="585458" spans="8:8">
      <c r="H585458" s="12"/>
    </row>
    <row r="585459" spans="8:8">
      <c r="H585459" s="12"/>
    </row>
    <row r="585460" spans="8:8">
      <c r="H585460" s="12"/>
    </row>
    <row r="585461" spans="8:8">
      <c r="H585461" s="12"/>
    </row>
    <row r="585462" spans="8:8">
      <c r="H585462" s="12"/>
    </row>
    <row r="585463" spans="8:8">
      <c r="H585463" s="12"/>
    </row>
    <row r="585464" spans="8:8">
      <c r="H585464" s="12"/>
    </row>
    <row r="585465" spans="8:8">
      <c r="H585465" s="12"/>
    </row>
    <row r="585466" spans="8:8">
      <c r="H585466" s="12"/>
    </row>
    <row r="585467" spans="8:8">
      <c r="H585467" s="12"/>
    </row>
    <row r="585468" spans="8:8">
      <c r="H585468" s="12"/>
    </row>
    <row r="585469" spans="8:8">
      <c r="H585469" s="12"/>
    </row>
    <row r="585470" spans="8:8">
      <c r="H585470" s="12"/>
    </row>
    <row r="585471" spans="8:8">
      <c r="H585471" s="12"/>
    </row>
    <row r="585472" spans="8:8">
      <c r="H585472" s="12"/>
    </row>
    <row r="585473" spans="8:8">
      <c r="H585473" s="12"/>
    </row>
    <row r="585474" spans="8:8">
      <c r="H585474" s="12"/>
    </row>
    <row r="585475" spans="8:8">
      <c r="H585475" s="12"/>
    </row>
    <row r="585476" spans="8:8">
      <c r="H585476" s="12"/>
    </row>
    <row r="585477" spans="8:8">
      <c r="H585477" s="12"/>
    </row>
    <row r="585478" spans="8:8">
      <c r="H585478" s="12"/>
    </row>
    <row r="585479" spans="8:8">
      <c r="H585479" s="12"/>
    </row>
    <row r="585480" spans="8:8">
      <c r="H585480" s="12"/>
    </row>
    <row r="585481" spans="8:8">
      <c r="H585481" s="12"/>
    </row>
    <row r="585482" spans="8:8">
      <c r="H585482" s="12"/>
    </row>
    <row r="585483" spans="8:8">
      <c r="H585483" s="12"/>
    </row>
    <row r="585484" spans="8:8">
      <c r="H585484" s="12"/>
    </row>
    <row r="585485" spans="8:8">
      <c r="H585485" s="12"/>
    </row>
    <row r="585486" spans="8:8">
      <c r="H585486" s="12"/>
    </row>
    <row r="585487" spans="8:8">
      <c r="H585487" s="12"/>
    </row>
    <row r="585488" spans="8:8">
      <c r="H585488" s="12"/>
    </row>
    <row r="585489" spans="8:8">
      <c r="H585489" s="12"/>
    </row>
    <row r="585490" spans="8:8">
      <c r="H585490" s="12"/>
    </row>
    <row r="585491" spans="8:8">
      <c r="H585491" s="12"/>
    </row>
    <row r="585492" spans="8:8">
      <c r="H585492" s="12"/>
    </row>
    <row r="585493" spans="8:8">
      <c r="H585493" s="12"/>
    </row>
    <row r="585494" spans="8:8">
      <c r="H585494" s="12"/>
    </row>
    <row r="585495" spans="8:8">
      <c r="H585495" s="12"/>
    </row>
    <row r="585496" spans="8:8">
      <c r="H585496" s="12"/>
    </row>
    <row r="585497" spans="8:8">
      <c r="H585497" s="12"/>
    </row>
    <row r="585498" spans="8:8">
      <c r="H585498" s="12"/>
    </row>
    <row r="585499" spans="8:8">
      <c r="H585499" s="12"/>
    </row>
    <row r="585500" spans="8:8">
      <c r="H585500" s="12"/>
    </row>
    <row r="585501" spans="8:8">
      <c r="H585501" s="12"/>
    </row>
    <row r="585502" spans="8:8">
      <c r="H585502" s="12"/>
    </row>
    <row r="585503" spans="8:8">
      <c r="H585503" s="12"/>
    </row>
    <row r="585504" spans="8:8">
      <c r="H585504" s="12"/>
    </row>
    <row r="585505" spans="8:8">
      <c r="H585505" s="12"/>
    </row>
    <row r="585506" spans="8:8">
      <c r="H585506" s="12"/>
    </row>
    <row r="585507" spans="8:8">
      <c r="H585507" s="12"/>
    </row>
    <row r="585508" spans="8:8">
      <c r="H585508" s="12"/>
    </row>
    <row r="585509" spans="8:8">
      <c r="H585509" s="12"/>
    </row>
    <row r="585510" spans="8:8">
      <c r="H585510" s="12"/>
    </row>
    <row r="585511" spans="8:8">
      <c r="H585511" s="12"/>
    </row>
    <row r="585512" spans="8:8">
      <c r="H585512" s="12"/>
    </row>
    <row r="585513" spans="8:8">
      <c r="H585513" s="12"/>
    </row>
    <row r="585514" spans="8:8">
      <c r="H585514" s="12"/>
    </row>
    <row r="585515" spans="8:8">
      <c r="H585515" s="12"/>
    </row>
    <row r="585516" spans="8:8">
      <c r="H585516" s="12"/>
    </row>
    <row r="585517" spans="8:8">
      <c r="H585517" s="12"/>
    </row>
    <row r="585518" spans="8:8">
      <c r="H585518" s="12"/>
    </row>
    <row r="585519" spans="8:8">
      <c r="H585519" s="12"/>
    </row>
    <row r="585520" spans="8:8">
      <c r="H585520" s="12"/>
    </row>
    <row r="585521" spans="8:8">
      <c r="H585521" s="12"/>
    </row>
    <row r="585522" spans="8:8">
      <c r="H585522" s="12"/>
    </row>
    <row r="585523" spans="8:8">
      <c r="H585523" s="12"/>
    </row>
    <row r="585524" spans="8:8">
      <c r="H585524" s="12"/>
    </row>
    <row r="585525" spans="8:8">
      <c r="H585525" s="12"/>
    </row>
    <row r="585526" spans="8:8">
      <c r="H585526" s="12"/>
    </row>
    <row r="585527" spans="8:8">
      <c r="H585527" s="12"/>
    </row>
    <row r="585528" spans="8:8">
      <c r="H585528" s="12"/>
    </row>
    <row r="585529" spans="8:8">
      <c r="H585529" s="12"/>
    </row>
    <row r="585530" spans="8:8">
      <c r="H585530" s="12"/>
    </row>
    <row r="585531" spans="8:8">
      <c r="H585531" s="12"/>
    </row>
    <row r="585532" spans="8:8">
      <c r="H585532" s="12"/>
    </row>
    <row r="585533" spans="8:8">
      <c r="H585533" s="12"/>
    </row>
    <row r="585534" spans="8:8">
      <c r="H585534" s="12"/>
    </row>
    <row r="585535" spans="8:8">
      <c r="H585535" s="12"/>
    </row>
    <row r="585536" spans="8:8">
      <c r="H585536" s="12"/>
    </row>
    <row r="585537" spans="8:8">
      <c r="H585537" s="12"/>
    </row>
    <row r="585538" spans="8:8">
      <c r="H585538" s="12"/>
    </row>
    <row r="585539" spans="8:8">
      <c r="H585539" s="12"/>
    </row>
    <row r="585540" spans="8:8">
      <c r="H585540" s="12"/>
    </row>
    <row r="585541" spans="8:8">
      <c r="H585541" s="12"/>
    </row>
    <row r="585542" spans="8:8">
      <c r="H585542" s="12"/>
    </row>
    <row r="585543" spans="8:8">
      <c r="H585543" s="12"/>
    </row>
    <row r="585544" spans="8:8">
      <c r="H585544" s="12"/>
    </row>
    <row r="585545" spans="8:8">
      <c r="H585545" s="12"/>
    </row>
    <row r="585546" spans="8:8">
      <c r="H585546" s="12"/>
    </row>
    <row r="585547" spans="8:8">
      <c r="H585547" s="12"/>
    </row>
    <row r="585548" spans="8:8">
      <c r="H585548" s="12"/>
    </row>
    <row r="585549" spans="8:8">
      <c r="H585549" s="12"/>
    </row>
    <row r="585550" spans="8:8">
      <c r="H585550" s="12"/>
    </row>
    <row r="585551" spans="8:8">
      <c r="H585551" s="12"/>
    </row>
    <row r="585552" spans="8:8">
      <c r="H585552" s="12"/>
    </row>
    <row r="585553" spans="8:8">
      <c r="H585553" s="12"/>
    </row>
    <row r="585554" spans="8:8">
      <c r="H585554" s="12"/>
    </row>
    <row r="585555" spans="8:8">
      <c r="H585555" s="12"/>
    </row>
    <row r="585556" spans="8:8">
      <c r="H585556" s="12"/>
    </row>
    <row r="585557" spans="8:8">
      <c r="H585557" s="12"/>
    </row>
    <row r="585558" spans="8:8">
      <c r="H585558" s="12"/>
    </row>
    <row r="585559" spans="8:8">
      <c r="H585559" s="12"/>
    </row>
    <row r="585560" spans="8:8">
      <c r="H585560" s="12"/>
    </row>
    <row r="585561" spans="8:8">
      <c r="H585561" s="12"/>
    </row>
    <row r="585562" spans="8:8">
      <c r="H585562" s="12"/>
    </row>
    <row r="585563" spans="8:8">
      <c r="H585563" s="12"/>
    </row>
    <row r="585564" spans="8:8">
      <c r="H585564" s="12"/>
    </row>
    <row r="585565" spans="8:8">
      <c r="H585565" s="12"/>
    </row>
    <row r="585566" spans="8:8">
      <c r="H585566" s="12"/>
    </row>
    <row r="585567" spans="8:8">
      <c r="H585567" s="12"/>
    </row>
    <row r="585568" spans="8:8">
      <c r="H585568" s="12"/>
    </row>
    <row r="585569" spans="8:8">
      <c r="H585569" s="12"/>
    </row>
    <row r="585570" spans="8:8">
      <c r="H585570" s="12"/>
    </row>
    <row r="585571" spans="8:8">
      <c r="H585571" s="12"/>
    </row>
    <row r="585572" spans="8:8">
      <c r="H585572" s="12"/>
    </row>
    <row r="585573" spans="8:8">
      <c r="H585573" s="12"/>
    </row>
    <row r="585574" spans="8:8">
      <c r="H585574" s="12"/>
    </row>
    <row r="585575" spans="8:8">
      <c r="H585575" s="12"/>
    </row>
    <row r="585576" spans="8:8">
      <c r="H585576" s="12"/>
    </row>
    <row r="585577" spans="8:8">
      <c r="H585577" s="12"/>
    </row>
    <row r="585578" spans="8:8">
      <c r="H585578" s="12"/>
    </row>
    <row r="585579" spans="8:8">
      <c r="H585579" s="12"/>
    </row>
    <row r="585580" spans="8:8">
      <c r="H585580" s="12"/>
    </row>
    <row r="585581" spans="8:8">
      <c r="H585581" s="12"/>
    </row>
    <row r="585582" spans="8:8">
      <c r="H585582" s="12"/>
    </row>
    <row r="585583" spans="8:8">
      <c r="H585583" s="12"/>
    </row>
    <row r="585584" spans="8:8">
      <c r="H585584" s="12"/>
    </row>
    <row r="585585" spans="8:8">
      <c r="H585585" s="12"/>
    </row>
    <row r="585586" spans="8:8">
      <c r="H585586" s="12"/>
    </row>
    <row r="585587" spans="8:8">
      <c r="H585587" s="12"/>
    </row>
    <row r="585588" spans="8:8">
      <c r="H585588" s="12"/>
    </row>
    <row r="585589" spans="8:8">
      <c r="H585589" s="12"/>
    </row>
    <row r="585590" spans="8:8">
      <c r="H585590" s="12"/>
    </row>
    <row r="585591" spans="8:8">
      <c r="H585591" s="12"/>
    </row>
    <row r="585592" spans="8:8">
      <c r="H585592" s="12"/>
    </row>
    <row r="585593" spans="8:8">
      <c r="H585593" s="12"/>
    </row>
    <row r="585594" spans="8:8">
      <c r="H585594" s="12"/>
    </row>
    <row r="585595" spans="8:8">
      <c r="H585595" s="12"/>
    </row>
    <row r="585596" spans="8:8">
      <c r="H585596" s="12"/>
    </row>
    <row r="585597" spans="8:8">
      <c r="H585597" s="12"/>
    </row>
    <row r="585598" spans="8:8">
      <c r="H585598" s="12"/>
    </row>
    <row r="585599" spans="8:8">
      <c r="H585599" s="12"/>
    </row>
    <row r="585600" spans="8:8">
      <c r="H585600" s="12"/>
    </row>
    <row r="585601" spans="8:8">
      <c r="H585601" s="12"/>
    </row>
    <row r="585602" spans="8:8">
      <c r="H585602" s="12"/>
    </row>
    <row r="585603" spans="8:8">
      <c r="H585603" s="12"/>
    </row>
    <row r="585604" spans="8:8">
      <c r="H585604" s="12"/>
    </row>
    <row r="585605" spans="8:8">
      <c r="H585605" s="12"/>
    </row>
    <row r="585606" spans="8:8">
      <c r="H585606" s="12"/>
    </row>
    <row r="585607" spans="8:8">
      <c r="H585607" s="12"/>
    </row>
    <row r="585608" spans="8:8">
      <c r="H585608" s="12"/>
    </row>
    <row r="585609" spans="8:8">
      <c r="H585609" s="12"/>
    </row>
    <row r="585610" spans="8:8">
      <c r="H585610" s="12"/>
    </row>
    <row r="585611" spans="8:8">
      <c r="H585611" s="12"/>
    </row>
    <row r="585612" spans="8:8">
      <c r="H585612" s="12"/>
    </row>
    <row r="585613" spans="8:8">
      <c r="H585613" s="12"/>
    </row>
    <row r="585614" spans="8:8">
      <c r="H585614" s="12"/>
    </row>
    <row r="585615" spans="8:8">
      <c r="H585615" s="12"/>
    </row>
    <row r="585616" spans="8:8">
      <c r="H585616" s="12"/>
    </row>
    <row r="585617" spans="8:8">
      <c r="H585617" s="12"/>
    </row>
    <row r="585618" spans="8:8">
      <c r="H585618" s="12"/>
    </row>
    <row r="585619" spans="8:8">
      <c r="H585619" s="12"/>
    </row>
    <row r="585620" spans="8:8">
      <c r="H585620" s="12"/>
    </row>
    <row r="585621" spans="8:8">
      <c r="H585621" s="12"/>
    </row>
    <row r="585622" spans="8:8">
      <c r="H585622" s="12"/>
    </row>
    <row r="585623" spans="8:8">
      <c r="H585623" s="12"/>
    </row>
    <row r="585624" spans="8:8">
      <c r="H585624" s="12"/>
    </row>
    <row r="585625" spans="8:8">
      <c r="H585625" s="12"/>
    </row>
    <row r="585626" spans="8:8">
      <c r="H585626" s="12"/>
    </row>
    <row r="585627" spans="8:8">
      <c r="H585627" s="12"/>
    </row>
    <row r="585628" spans="8:8">
      <c r="H585628" s="12"/>
    </row>
    <row r="585629" spans="8:8">
      <c r="H585629" s="12"/>
    </row>
    <row r="585630" spans="8:8">
      <c r="H585630" s="12"/>
    </row>
    <row r="585631" spans="8:8">
      <c r="H585631" s="12"/>
    </row>
    <row r="585632" spans="8:8">
      <c r="H585632" s="12"/>
    </row>
    <row r="585633" spans="8:8">
      <c r="H585633" s="12"/>
    </row>
    <row r="585634" spans="8:8">
      <c r="H585634" s="12"/>
    </row>
    <row r="585635" spans="8:8">
      <c r="H585635" s="12"/>
    </row>
    <row r="585636" spans="8:8">
      <c r="H585636" s="12"/>
    </row>
    <row r="585637" spans="8:8">
      <c r="H585637" s="12"/>
    </row>
    <row r="585638" spans="8:8">
      <c r="H585638" s="12"/>
    </row>
    <row r="585639" spans="8:8">
      <c r="H585639" s="12"/>
    </row>
    <row r="585640" spans="8:8">
      <c r="H585640" s="12"/>
    </row>
    <row r="585641" spans="8:8">
      <c r="H585641" s="12"/>
    </row>
    <row r="585642" spans="8:8">
      <c r="H585642" s="12"/>
    </row>
    <row r="585643" spans="8:8">
      <c r="H585643" s="12"/>
    </row>
    <row r="585644" spans="8:8">
      <c r="H585644" s="12"/>
    </row>
    <row r="585645" spans="8:8">
      <c r="H585645" s="12"/>
    </row>
    <row r="585646" spans="8:8">
      <c r="H585646" s="12"/>
    </row>
    <row r="585647" spans="8:8">
      <c r="H585647" s="12"/>
    </row>
    <row r="585648" spans="8:8">
      <c r="H585648" s="12"/>
    </row>
    <row r="585649" spans="8:8">
      <c r="H585649" s="12"/>
    </row>
    <row r="585650" spans="8:8">
      <c r="H585650" s="12"/>
    </row>
    <row r="585651" spans="8:8">
      <c r="H585651" s="12"/>
    </row>
    <row r="585652" spans="8:8">
      <c r="H585652" s="12"/>
    </row>
    <row r="585653" spans="8:8">
      <c r="H585653" s="12"/>
    </row>
    <row r="585654" spans="8:8">
      <c r="H585654" s="12"/>
    </row>
    <row r="585655" spans="8:8">
      <c r="H585655" s="12"/>
    </row>
    <row r="585656" spans="8:8">
      <c r="H585656" s="12"/>
    </row>
    <row r="585657" spans="8:8">
      <c r="H585657" s="12"/>
    </row>
    <row r="585658" spans="8:8">
      <c r="H585658" s="12"/>
    </row>
    <row r="585659" spans="8:8">
      <c r="H585659" s="12"/>
    </row>
    <row r="585660" spans="8:8">
      <c r="H585660" s="12"/>
    </row>
    <row r="585661" spans="8:8">
      <c r="H585661" s="12"/>
    </row>
    <row r="585662" spans="8:8">
      <c r="H585662" s="12"/>
    </row>
    <row r="585663" spans="8:8">
      <c r="H585663" s="12"/>
    </row>
    <row r="585664" spans="8:8">
      <c r="H585664" s="12"/>
    </row>
    <row r="585665" spans="8:8">
      <c r="H585665" s="12"/>
    </row>
    <row r="585666" spans="8:8">
      <c r="H585666" s="12"/>
    </row>
    <row r="585667" spans="8:8">
      <c r="H585667" s="12"/>
    </row>
    <row r="585668" spans="8:8">
      <c r="H585668" s="12"/>
    </row>
    <row r="585669" spans="8:8">
      <c r="H585669" s="12"/>
    </row>
    <row r="585670" spans="8:8">
      <c r="H585670" s="12"/>
    </row>
    <row r="585671" spans="8:8">
      <c r="H585671" s="12"/>
    </row>
    <row r="585672" spans="8:8">
      <c r="H585672" s="12"/>
    </row>
    <row r="585673" spans="8:8">
      <c r="H585673" s="12"/>
    </row>
    <row r="585674" spans="8:8">
      <c r="H585674" s="12"/>
    </row>
    <row r="585675" spans="8:8">
      <c r="H585675" s="12"/>
    </row>
    <row r="585676" spans="8:8">
      <c r="H585676" s="12"/>
    </row>
    <row r="585677" spans="8:8">
      <c r="H585677" s="12"/>
    </row>
    <row r="585678" spans="8:8">
      <c r="H585678" s="12"/>
    </row>
    <row r="585679" spans="8:8">
      <c r="H585679" s="12"/>
    </row>
    <row r="585680" spans="8:8">
      <c r="H585680" s="12"/>
    </row>
    <row r="585681" spans="8:8">
      <c r="H585681" s="12"/>
    </row>
    <row r="585682" spans="8:8">
      <c r="H585682" s="12"/>
    </row>
    <row r="585683" spans="8:8">
      <c r="H585683" s="12"/>
    </row>
    <row r="585684" spans="8:8">
      <c r="H585684" s="12"/>
    </row>
    <row r="585685" spans="8:8">
      <c r="H585685" s="12"/>
    </row>
    <row r="585686" spans="8:8">
      <c r="H585686" s="12"/>
    </row>
    <row r="585687" spans="8:8">
      <c r="H585687" s="12"/>
    </row>
    <row r="585688" spans="8:8">
      <c r="H585688" s="12"/>
    </row>
    <row r="585689" spans="8:8">
      <c r="H585689" s="12"/>
    </row>
    <row r="585690" spans="8:8">
      <c r="H585690" s="12"/>
    </row>
    <row r="585691" spans="8:8">
      <c r="H585691" s="12"/>
    </row>
    <row r="585692" spans="8:8">
      <c r="H585692" s="12"/>
    </row>
    <row r="585693" spans="8:8">
      <c r="H585693" s="12"/>
    </row>
    <row r="585694" spans="8:8">
      <c r="H585694" s="12"/>
    </row>
    <row r="585695" spans="8:8">
      <c r="H585695" s="12"/>
    </row>
    <row r="585696" spans="8:8">
      <c r="H585696" s="12"/>
    </row>
    <row r="585697" spans="8:8">
      <c r="H585697" s="12"/>
    </row>
    <row r="585698" spans="8:8">
      <c r="H585698" s="12"/>
    </row>
    <row r="585699" spans="8:8">
      <c r="H585699" s="12"/>
    </row>
    <row r="585700" spans="8:8">
      <c r="H585700" s="12"/>
    </row>
    <row r="585701" spans="8:8">
      <c r="H585701" s="12"/>
    </row>
    <row r="585702" spans="8:8">
      <c r="H585702" s="12"/>
    </row>
    <row r="585703" spans="8:8">
      <c r="H585703" s="12"/>
    </row>
    <row r="585704" spans="8:8">
      <c r="H585704" s="12"/>
    </row>
    <row r="585705" spans="8:8">
      <c r="H585705" s="12"/>
    </row>
    <row r="585706" spans="8:8">
      <c r="H585706" s="12"/>
    </row>
    <row r="585707" spans="8:8">
      <c r="H585707" s="12"/>
    </row>
    <row r="585708" spans="8:8">
      <c r="H585708" s="12"/>
    </row>
    <row r="585709" spans="8:8">
      <c r="H585709" s="12"/>
    </row>
    <row r="585710" spans="8:8">
      <c r="H585710" s="12"/>
    </row>
    <row r="585711" spans="8:8">
      <c r="H585711" s="12"/>
    </row>
    <row r="585712" spans="8:8">
      <c r="H585712" s="12"/>
    </row>
    <row r="585713" spans="8:8">
      <c r="H585713" s="12"/>
    </row>
    <row r="585714" spans="8:8">
      <c r="H585714" s="12"/>
    </row>
    <row r="585715" spans="8:8">
      <c r="H585715" s="12"/>
    </row>
    <row r="585716" spans="8:8">
      <c r="H585716" s="12"/>
    </row>
    <row r="585717" spans="8:8">
      <c r="H585717" s="12"/>
    </row>
    <row r="585718" spans="8:8">
      <c r="H585718" s="12"/>
    </row>
    <row r="585719" spans="8:8">
      <c r="H585719" s="12"/>
    </row>
    <row r="585720" spans="8:8">
      <c r="H585720" s="12"/>
    </row>
    <row r="585721" spans="8:8">
      <c r="H585721" s="12"/>
    </row>
    <row r="585722" spans="8:8">
      <c r="H585722" s="12"/>
    </row>
    <row r="585723" spans="8:8">
      <c r="H585723" s="12"/>
    </row>
    <row r="585724" spans="8:8">
      <c r="H585724" s="12"/>
    </row>
    <row r="585725" spans="8:8">
      <c r="H585725" s="12"/>
    </row>
    <row r="585726" spans="8:8">
      <c r="H585726" s="12"/>
    </row>
    <row r="585727" spans="8:8">
      <c r="H585727" s="12"/>
    </row>
    <row r="585728" spans="8:8">
      <c r="H585728" s="12"/>
    </row>
    <row r="585729" spans="8:8">
      <c r="H585729" s="12"/>
    </row>
    <row r="585730" spans="8:8">
      <c r="H585730" s="12"/>
    </row>
    <row r="585731" spans="8:8">
      <c r="H585731" s="12"/>
    </row>
    <row r="585732" spans="8:8">
      <c r="H585732" s="12"/>
    </row>
    <row r="585733" spans="8:8">
      <c r="H585733" s="12"/>
    </row>
    <row r="585734" spans="8:8">
      <c r="H585734" s="12"/>
    </row>
    <row r="585735" spans="8:8">
      <c r="H585735" s="12"/>
    </row>
    <row r="585736" spans="8:8">
      <c r="H585736" s="12"/>
    </row>
    <row r="585737" spans="8:8">
      <c r="H585737" s="12"/>
    </row>
    <row r="585738" spans="8:8">
      <c r="H585738" s="12"/>
    </row>
    <row r="585739" spans="8:8">
      <c r="H585739" s="12"/>
    </row>
    <row r="585740" spans="8:8">
      <c r="H585740" s="12"/>
    </row>
    <row r="585741" spans="8:8">
      <c r="H585741" s="12"/>
    </row>
    <row r="585742" spans="8:8">
      <c r="H585742" s="12"/>
    </row>
    <row r="585743" spans="8:8">
      <c r="H585743" s="12"/>
    </row>
    <row r="585744" spans="8:8">
      <c r="H585744" s="12"/>
    </row>
    <row r="585745" spans="8:8">
      <c r="H585745" s="12"/>
    </row>
    <row r="585746" spans="8:8">
      <c r="H585746" s="12"/>
    </row>
    <row r="585747" spans="8:8">
      <c r="H585747" s="12"/>
    </row>
    <row r="585748" spans="8:8">
      <c r="H585748" s="12"/>
    </row>
    <row r="585749" spans="8:8">
      <c r="H585749" s="12"/>
    </row>
    <row r="585750" spans="8:8">
      <c r="H585750" s="12"/>
    </row>
    <row r="585751" spans="8:8">
      <c r="H585751" s="12"/>
    </row>
    <row r="585752" spans="8:8">
      <c r="H585752" s="12"/>
    </row>
    <row r="585753" spans="8:8">
      <c r="H585753" s="12"/>
    </row>
    <row r="585754" spans="8:8">
      <c r="H585754" s="12"/>
    </row>
    <row r="585755" spans="8:8">
      <c r="H585755" s="12"/>
    </row>
    <row r="585756" spans="8:8">
      <c r="H585756" s="12"/>
    </row>
    <row r="585757" spans="8:8">
      <c r="H585757" s="12"/>
    </row>
    <row r="585758" spans="8:8">
      <c r="H585758" s="12"/>
    </row>
    <row r="585759" spans="8:8">
      <c r="H585759" s="12"/>
    </row>
    <row r="585760" spans="8:8">
      <c r="H585760" s="12"/>
    </row>
    <row r="585761" spans="8:8">
      <c r="H585761" s="12"/>
    </row>
    <row r="585762" spans="8:8">
      <c r="H585762" s="12"/>
    </row>
    <row r="585763" spans="8:8">
      <c r="H585763" s="12"/>
    </row>
    <row r="585764" spans="8:8">
      <c r="H585764" s="12"/>
    </row>
    <row r="585765" spans="8:8">
      <c r="H585765" s="12"/>
    </row>
    <row r="585766" spans="8:8">
      <c r="H585766" s="12"/>
    </row>
    <row r="585767" spans="8:8">
      <c r="H585767" s="12"/>
    </row>
    <row r="585768" spans="8:8">
      <c r="H585768" s="12"/>
    </row>
    <row r="585769" spans="8:8">
      <c r="H585769" s="12"/>
    </row>
    <row r="585770" spans="8:8">
      <c r="H585770" s="12"/>
    </row>
    <row r="585771" spans="8:8">
      <c r="H585771" s="12"/>
    </row>
    <row r="585772" spans="8:8">
      <c r="H585772" s="12"/>
    </row>
    <row r="585773" spans="8:8">
      <c r="H585773" s="12"/>
    </row>
    <row r="585774" spans="8:8">
      <c r="H585774" s="12"/>
    </row>
    <row r="585775" spans="8:8">
      <c r="H585775" s="12"/>
    </row>
    <row r="585776" spans="8:8">
      <c r="H585776" s="12"/>
    </row>
    <row r="585777" spans="8:8">
      <c r="H585777" s="12"/>
    </row>
    <row r="585778" spans="8:8">
      <c r="H585778" s="12"/>
    </row>
    <row r="585779" spans="8:8">
      <c r="H585779" s="12"/>
    </row>
    <row r="585780" spans="8:8">
      <c r="H585780" s="12"/>
    </row>
    <row r="585781" spans="8:8">
      <c r="H585781" s="12"/>
    </row>
    <row r="585782" spans="8:8">
      <c r="H585782" s="12"/>
    </row>
    <row r="585783" spans="8:8">
      <c r="H585783" s="12"/>
    </row>
    <row r="585784" spans="8:8">
      <c r="H585784" s="12"/>
    </row>
    <row r="585785" spans="8:8">
      <c r="H585785" s="12"/>
    </row>
    <row r="585786" spans="8:8">
      <c r="H585786" s="12"/>
    </row>
    <row r="585787" spans="8:8">
      <c r="H585787" s="12"/>
    </row>
    <row r="585788" spans="8:8">
      <c r="H585788" s="12"/>
    </row>
    <row r="585789" spans="8:8">
      <c r="H585789" s="12"/>
    </row>
    <row r="585790" spans="8:8">
      <c r="H585790" s="12"/>
    </row>
    <row r="585791" spans="8:8">
      <c r="H585791" s="12"/>
    </row>
    <row r="585792" spans="8:8">
      <c r="H585792" s="12"/>
    </row>
    <row r="585793" spans="8:8">
      <c r="H585793" s="12"/>
    </row>
    <row r="585794" spans="8:8">
      <c r="H585794" s="12"/>
    </row>
    <row r="585795" spans="8:8">
      <c r="H585795" s="12"/>
    </row>
    <row r="585796" spans="8:8">
      <c r="H585796" s="12"/>
    </row>
    <row r="585797" spans="8:8">
      <c r="H585797" s="12"/>
    </row>
    <row r="585798" spans="8:8">
      <c r="H585798" s="12"/>
    </row>
    <row r="585799" spans="8:8">
      <c r="H585799" s="12"/>
    </row>
    <row r="585800" spans="8:8">
      <c r="H585800" s="12"/>
    </row>
    <row r="585801" spans="8:8">
      <c r="H585801" s="12"/>
    </row>
    <row r="585802" spans="8:8">
      <c r="H585802" s="12"/>
    </row>
    <row r="585803" spans="8:8">
      <c r="H585803" s="12"/>
    </row>
    <row r="585804" spans="8:8">
      <c r="H585804" s="12"/>
    </row>
    <row r="585805" spans="8:8">
      <c r="H585805" s="12"/>
    </row>
    <row r="585806" spans="8:8">
      <c r="H585806" s="12"/>
    </row>
    <row r="585807" spans="8:8">
      <c r="H585807" s="12"/>
    </row>
    <row r="585808" spans="8:8">
      <c r="H585808" s="12"/>
    </row>
    <row r="585809" spans="8:8">
      <c r="H585809" s="12"/>
    </row>
    <row r="585810" spans="8:8">
      <c r="H585810" s="12"/>
    </row>
    <row r="585811" spans="8:8">
      <c r="H585811" s="12"/>
    </row>
    <row r="585812" spans="8:8">
      <c r="H585812" s="12"/>
    </row>
    <row r="585813" spans="8:8">
      <c r="H585813" s="12"/>
    </row>
    <row r="585814" spans="8:8">
      <c r="H585814" s="12"/>
    </row>
    <row r="585815" spans="8:8">
      <c r="H585815" s="12"/>
    </row>
    <row r="585816" spans="8:8">
      <c r="H585816" s="12"/>
    </row>
    <row r="585817" spans="8:8">
      <c r="H585817" s="12"/>
    </row>
    <row r="585818" spans="8:8">
      <c r="H585818" s="12"/>
    </row>
    <row r="585819" spans="8:8">
      <c r="H585819" s="12"/>
    </row>
    <row r="585820" spans="8:8">
      <c r="H585820" s="12"/>
    </row>
    <row r="585821" spans="8:8">
      <c r="H585821" s="12"/>
    </row>
    <row r="585822" spans="8:8">
      <c r="H585822" s="12"/>
    </row>
    <row r="585823" spans="8:8">
      <c r="H585823" s="12"/>
    </row>
    <row r="585824" spans="8:8">
      <c r="H585824" s="12"/>
    </row>
    <row r="585825" spans="8:8">
      <c r="H585825" s="12"/>
    </row>
    <row r="585826" spans="8:8">
      <c r="H585826" s="12"/>
    </row>
    <row r="585827" spans="8:8">
      <c r="H585827" s="12"/>
    </row>
    <row r="585828" spans="8:8">
      <c r="H585828" s="12"/>
    </row>
    <row r="585829" spans="8:8">
      <c r="H585829" s="12"/>
    </row>
    <row r="585830" spans="8:8">
      <c r="H585830" s="12"/>
    </row>
    <row r="585831" spans="8:8">
      <c r="H585831" s="12"/>
    </row>
    <row r="585832" spans="8:8">
      <c r="H585832" s="12"/>
    </row>
    <row r="585833" spans="8:8">
      <c r="H585833" s="12"/>
    </row>
    <row r="585834" spans="8:8">
      <c r="H585834" s="12"/>
    </row>
    <row r="585835" spans="8:8">
      <c r="H585835" s="12"/>
    </row>
    <row r="585836" spans="8:8">
      <c r="H585836" s="12"/>
    </row>
    <row r="585837" spans="8:8">
      <c r="H585837" s="12"/>
    </row>
    <row r="585838" spans="8:8">
      <c r="H585838" s="12"/>
    </row>
    <row r="585839" spans="8:8">
      <c r="H585839" s="12"/>
    </row>
    <row r="585840" spans="8:8">
      <c r="H585840" s="12"/>
    </row>
    <row r="585841" spans="8:8">
      <c r="H585841" s="12"/>
    </row>
    <row r="585842" spans="8:8">
      <c r="H585842" s="12"/>
    </row>
    <row r="585843" spans="8:8">
      <c r="H585843" s="12"/>
    </row>
    <row r="585844" spans="8:8">
      <c r="H585844" s="12"/>
    </row>
    <row r="585845" spans="8:8">
      <c r="H585845" s="12"/>
    </row>
    <row r="585846" spans="8:8">
      <c r="H585846" s="12"/>
    </row>
    <row r="585847" spans="8:8">
      <c r="H585847" s="12"/>
    </row>
    <row r="585848" spans="8:8">
      <c r="H585848" s="12"/>
    </row>
    <row r="585849" spans="8:8">
      <c r="H585849" s="12"/>
    </row>
    <row r="585850" spans="8:8">
      <c r="H585850" s="12"/>
    </row>
    <row r="585851" spans="8:8">
      <c r="H585851" s="12"/>
    </row>
    <row r="585852" spans="8:8">
      <c r="H585852" s="12"/>
    </row>
    <row r="585853" spans="8:8">
      <c r="H585853" s="12"/>
    </row>
    <row r="585854" spans="8:8">
      <c r="H585854" s="12"/>
    </row>
    <row r="585855" spans="8:8">
      <c r="H585855" s="12"/>
    </row>
    <row r="585856" spans="8:8">
      <c r="H585856" s="12"/>
    </row>
    <row r="585857" spans="8:8">
      <c r="H585857" s="12"/>
    </row>
    <row r="585858" spans="8:8">
      <c r="H585858" s="12"/>
    </row>
    <row r="585859" spans="8:8">
      <c r="H585859" s="12"/>
    </row>
    <row r="585860" spans="8:8">
      <c r="H585860" s="12"/>
    </row>
    <row r="585861" spans="8:8">
      <c r="H585861" s="12"/>
    </row>
    <row r="585862" spans="8:8">
      <c r="H585862" s="12"/>
    </row>
    <row r="585863" spans="8:8">
      <c r="H585863" s="12"/>
    </row>
    <row r="585864" spans="8:8">
      <c r="H585864" s="12"/>
    </row>
    <row r="585865" spans="8:8">
      <c r="H585865" s="12"/>
    </row>
    <row r="585866" spans="8:8">
      <c r="H585866" s="12"/>
    </row>
    <row r="585867" spans="8:8">
      <c r="H585867" s="12"/>
    </row>
    <row r="585868" spans="8:8">
      <c r="H585868" s="12"/>
    </row>
    <row r="585869" spans="8:8">
      <c r="H585869" s="12"/>
    </row>
    <row r="585870" spans="8:8">
      <c r="H585870" s="12"/>
    </row>
    <row r="585871" spans="8:8">
      <c r="H585871" s="12"/>
    </row>
    <row r="585872" spans="8:8">
      <c r="H585872" s="12"/>
    </row>
    <row r="585873" spans="8:8">
      <c r="H585873" s="12"/>
    </row>
    <row r="585874" spans="8:8">
      <c r="H585874" s="12"/>
    </row>
    <row r="585875" spans="8:8">
      <c r="H585875" s="12"/>
    </row>
    <row r="585876" spans="8:8">
      <c r="H585876" s="12"/>
    </row>
    <row r="585877" spans="8:8">
      <c r="H585877" s="12"/>
    </row>
    <row r="585878" spans="8:8">
      <c r="H585878" s="12"/>
    </row>
    <row r="585879" spans="8:8">
      <c r="H585879" s="12"/>
    </row>
    <row r="585880" spans="8:8">
      <c r="H585880" s="12"/>
    </row>
    <row r="585881" spans="8:8">
      <c r="H585881" s="12"/>
    </row>
    <row r="585882" spans="8:8">
      <c r="H585882" s="12"/>
    </row>
    <row r="585883" spans="8:8">
      <c r="H585883" s="12"/>
    </row>
    <row r="585884" spans="8:8">
      <c r="H585884" s="12"/>
    </row>
    <row r="585885" spans="8:8">
      <c r="H585885" s="12"/>
    </row>
    <row r="585886" spans="8:8">
      <c r="H585886" s="12"/>
    </row>
    <row r="585887" spans="8:8">
      <c r="H585887" s="12"/>
    </row>
    <row r="585888" spans="8:8">
      <c r="H585888" s="12"/>
    </row>
    <row r="585889" spans="8:8">
      <c r="H585889" s="12"/>
    </row>
    <row r="585890" spans="8:8">
      <c r="H585890" s="12"/>
    </row>
    <row r="585891" spans="8:8">
      <c r="H585891" s="12"/>
    </row>
    <row r="585892" spans="8:8">
      <c r="H585892" s="12"/>
    </row>
    <row r="585893" spans="8:8">
      <c r="H585893" s="12"/>
    </row>
    <row r="585894" spans="8:8">
      <c r="H585894" s="12"/>
    </row>
    <row r="585895" spans="8:8">
      <c r="H585895" s="12"/>
    </row>
    <row r="585896" spans="8:8">
      <c r="H585896" s="12"/>
    </row>
    <row r="585897" spans="8:8">
      <c r="H585897" s="12"/>
    </row>
    <row r="585898" spans="8:8">
      <c r="H585898" s="12"/>
    </row>
    <row r="585899" spans="8:8">
      <c r="H585899" s="12"/>
    </row>
    <row r="585900" spans="8:8">
      <c r="H585900" s="12"/>
    </row>
    <row r="585901" spans="8:8">
      <c r="H585901" s="12"/>
    </row>
    <row r="585902" spans="8:8">
      <c r="H585902" s="12"/>
    </row>
    <row r="585903" spans="8:8">
      <c r="H585903" s="12"/>
    </row>
    <row r="585904" spans="8:8">
      <c r="H585904" s="12"/>
    </row>
    <row r="585905" spans="8:8">
      <c r="H585905" s="12"/>
    </row>
    <row r="585906" spans="8:8">
      <c r="H585906" s="12"/>
    </row>
    <row r="585907" spans="8:8">
      <c r="H585907" s="12"/>
    </row>
    <row r="585908" spans="8:8">
      <c r="H585908" s="12"/>
    </row>
    <row r="585909" spans="8:8">
      <c r="H585909" s="12"/>
    </row>
    <row r="585910" spans="8:8">
      <c r="H585910" s="12"/>
    </row>
    <row r="585911" spans="8:8">
      <c r="H585911" s="12"/>
    </row>
    <row r="585912" spans="8:8">
      <c r="H585912" s="12"/>
    </row>
    <row r="585913" spans="8:8">
      <c r="H585913" s="12"/>
    </row>
    <row r="585914" spans="8:8">
      <c r="H585914" s="12"/>
    </row>
    <row r="585915" spans="8:8">
      <c r="H585915" s="12"/>
    </row>
    <row r="585916" spans="8:8">
      <c r="H585916" s="12"/>
    </row>
    <row r="585917" spans="8:8">
      <c r="H585917" s="12"/>
    </row>
    <row r="585918" spans="8:8">
      <c r="H585918" s="12"/>
    </row>
    <row r="585919" spans="8:8">
      <c r="H585919" s="12"/>
    </row>
    <row r="585920" spans="8:8">
      <c r="H585920" s="12"/>
    </row>
    <row r="585921" spans="8:8">
      <c r="H585921" s="12"/>
    </row>
    <row r="585922" spans="8:8">
      <c r="H585922" s="12"/>
    </row>
    <row r="585923" spans="8:8">
      <c r="H585923" s="12"/>
    </row>
    <row r="585924" spans="8:8">
      <c r="H585924" s="12"/>
    </row>
    <row r="585925" spans="8:8">
      <c r="H585925" s="12"/>
    </row>
    <row r="585926" spans="8:8">
      <c r="H585926" s="12"/>
    </row>
    <row r="585927" spans="8:8">
      <c r="H585927" s="12"/>
    </row>
    <row r="585928" spans="8:8">
      <c r="H585928" s="12"/>
    </row>
    <row r="585929" spans="8:8">
      <c r="H585929" s="12"/>
    </row>
    <row r="585930" spans="8:8">
      <c r="H585930" s="12"/>
    </row>
    <row r="585931" spans="8:8">
      <c r="H585931" s="12"/>
    </row>
    <row r="585932" spans="8:8">
      <c r="H585932" s="12"/>
    </row>
    <row r="585933" spans="8:8">
      <c r="H585933" s="12"/>
    </row>
    <row r="585934" spans="8:8">
      <c r="H585934" s="12"/>
    </row>
    <row r="585935" spans="8:8">
      <c r="H585935" s="12"/>
    </row>
    <row r="585936" spans="8:8">
      <c r="H585936" s="12"/>
    </row>
    <row r="585937" spans="8:8">
      <c r="H585937" s="12"/>
    </row>
    <row r="585938" spans="8:8">
      <c r="H585938" s="12"/>
    </row>
    <row r="585939" spans="8:8">
      <c r="H585939" s="12"/>
    </row>
    <row r="585940" spans="8:8">
      <c r="H585940" s="12"/>
    </row>
    <row r="585941" spans="8:8">
      <c r="H585941" s="12"/>
    </row>
    <row r="585942" spans="8:8">
      <c r="H585942" s="12"/>
    </row>
    <row r="585943" spans="8:8">
      <c r="H585943" s="12"/>
    </row>
    <row r="585944" spans="8:8">
      <c r="H585944" s="12"/>
    </row>
    <row r="585945" spans="8:8">
      <c r="H585945" s="12"/>
    </row>
    <row r="585946" spans="8:8">
      <c r="H585946" s="12"/>
    </row>
    <row r="585947" spans="8:8">
      <c r="H585947" s="12"/>
    </row>
    <row r="585948" spans="8:8">
      <c r="H585948" s="12"/>
    </row>
    <row r="585949" spans="8:8">
      <c r="H585949" s="12"/>
    </row>
    <row r="585950" spans="8:8">
      <c r="H585950" s="12"/>
    </row>
    <row r="585951" spans="8:8">
      <c r="H585951" s="12"/>
    </row>
    <row r="585952" spans="8:8">
      <c r="H585952" s="12"/>
    </row>
    <row r="585953" spans="8:8">
      <c r="H585953" s="12"/>
    </row>
    <row r="585954" spans="8:8">
      <c r="H585954" s="12"/>
    </row>
    <row r="585955" spans="8:8">
      <c r="H585955" s="12"/>
    </row>
    <row r="585956" spans="8:8">
      <c r="H585956" s="12"/>
    </row>
    <row r="585957" spans="8:8">
      <c r="H585957" s="12"/>
    </row>
    <row r="585958" spans="8:8">
      <c r="H585958" s="12"/>
    </row>
    <row r="585959" spans="8:8">
      <c r="H585959" s="12"/>
    </row>
    <row r="585960" spans="8:8">
      <c r="H585960" s="12"/>
    </row>
    <row r="585961" spans="8:8">
      <c r="H585961" s="12"/>
    </row>
    <row r="585962" spans="8:8">
      <c r="H585962" s="12"/>
    </row>
    <row r="585963" spans="8:8">
      <c r="H585963" s="12"/>
    </row>
    <row r="585964" spans="8:8">
      <c r="H585964" s="12"/>
    </row>
    <row r="585965" spans="8:8">
      <c r="H585965" s="12"/>
    </row>
    <row r="585966" spans="8:8">
      <c r="H585966" s="12"/>
    </row>
    <row r="585967" spans="8:8">
      <c r="H585967" s="12"/>
    </row>
    <row r="585968" spans="8:8">
      <c r="H585968" s="12"/>
    </row>
    <row r="585969" spans="8:8">
      <c r="H585969" s="12"/>
    </row>
    <row r="585970" spans="8:8">
      <c r="H585970" s="12"/>
    </row>
    <row r="585971" spans="8:8">
      <c r="H585971" s="12"/>
    </row>
    <row r="585972" spans="8:8">
      <c r="H585972" s="12"/>
    </row>
    <row r="585973" spans="8:8">
      <c r="H585973" s="12"/>
    </row>
    <row r="585974" spans="8:8">
      <c r="H585974" s="12"/>
    </row>
    <row r="585975" spans="8:8">
      <c r="H585975" s="12"/>
    </row>
    <row r="585976" spans="8:8">
      <c r="H585976" s="12"/>
    </row>
    <row r="585977" spans="8:8">
      <c r="H585977" s="12"/>
    </row>
    <row r="585978" spans="8:8">
      <c r="H585978" s="12"/>
    </row>
    <row r="585979" spans="8:8">
      <c r="H585979" s="12"/>
    </row>
    <row r="585980" spans="8:8">
      <c r="H585980" s="12"/>
    </row>
    <row r="585981" spans="8:8">
      <c r="H585981" s="12"/>
    </row>
    <row r="585982" spans="8:8">
      <c r="H585982" s="12"/>
    </row>
    <row r="585983" spans="8:8">
      <c r="H585983" s="12"/>
    </row>
    <row r="585984" spans="8:8">
      <c r="H585984" s="12"/>
    </row>
    <row r="585985" spans="8:8">
      <c r="H585985" s="12"/>
    </row>
    <row r="585986" spans="8:8">
      <c r="H585986" s="12"/>
    </row>
    <row r="585987" spans="8:8">
      <c r="H585987" s="12"/>
    </row>
    <row r="585988" spans="8:8">
      <c r="H585988" s="12"/>
    </row>
    <row r="585989" spans="8:8">
      <c r="H585989" s="12"/>
    </row>
    <row r="585990" spans="8:8">
      <c r="H585990" s="12"/>
    </row>
    <row r="585991" spans="8:8">
      <c r="H585991" s="12"/>
    </row>
    <row r="585992" spans="8:8">
      <c r="H585992" s="12"/>
    </row>
    <row r="585993" spans="8:8">
      <c r="H585993" s="12"/>
    </row>
    <row r="585994" spans="8:8">
      <c r="H585994" s="12"/>
    </row>
    <row r="585995" spans="8:8">
      <c r="H585995" s="12"/>
    </row>
    <row r="585996" spans="8:8">
      <c r="H585996" s="12"/>
    </row>
    <row r="585997" spans="8:8">
      <c r="H585997" s="12"/>
    </row>
    <row r="585998" spans="8:8">
      <c r="H585998" s="12"/>
    </row>
    <row r="585999" spans="8:8">
      <c r="H585999" s="12"/>
    </row>
    <row r="586000" spans="8:8">
      <c r="H586000" s="12"/>
    </row>
    <row r="586001" spans="8:8">
      <c r="H586001" s="12"/>
    </row>
    <row r="586002" spans="8:8">
      <c r="H586002" s="12"/>
    </row>
    <row r="586003" spans="8:8">
      <c r="H586003" s="12"/>
    </row>
    <row r="586004" spans="8:8">
      <c r="H586004" s="12"/>
    </row>
    <row r="586005" spans="8:8">
      <c r="H586005" s="12"/>
    </row>
    <row r="586006" spans="8:8">
      <c r="H586006" s="12"/>
    </row>
    <row r="586007" spans="8:8">
      <c r="H586007" s="12"/>
    </row>
    <row r="586008" spans="8:8">
      <c r="H586008" s="12"/>
    </row>
    <row r="586009" spans="8:8">
      <c r="H586009" s="12"/>
    </row>
    <row r="586010" spans="8:8">
      <c r="H586010" s="12"/>
    </row>
    <row r="586011" spans="8:8">
      <c r="H586011" s="12"/>
    </row>
    <row r="586012" spans="8:8">
      <c r="H586012" s="12"/>
    </row>
    <row r="586013" spans="8:8">
      <c r="H586013" s="12"/>
    </row>
    <row r="586014" spans="8:8">
      <c r="H586014" s="12"/>
    </row>
    <row r="586015" spans="8:8">
      <c r="H586015" s="12"/>
    </row>
    <row r="586016" spans="8:8">
      <c r="H586016" s="12"/>
    </row>
    <row r="586017" spans="8:8">
      <c r="H586017" s="12"/>
    </row>
    <row r="586018" spans="8:8">
      <c r="H586018" s="12"/>
    </row>
    <row r="586019" spans="8:8">
      <c r="H586019" s="12"/>
    </row>
    <row r="586020" spans="8:8">
      <c r="H586020" s="12"/>
    </row>
    <row r="586021" spans="8:8">
      <c r="H586021" s="12"/>
    </row>
    <row r="586022" spans="8:8">
      <c r="H586022" s="12"/>
    </row>
    <row r="586023" spans="8:8">
      <c r="H586023" s="12"/>
    </row>
    <row r="586024" spans="8:8">
      <c r="H586024" s="12"/>
    </row>
    <row r="586025" spans="8:8">
      <c r="H586025" s="12"/>
    </row>
    <row r="586026" spans="8:8">
      <c r="H586026" s="12"/>
    </row>
    <row r="586027" spans="8:8">
      <c r="H586027" s="12"/>
    </row>
    <row r="586028" spans="8:8">
      <c r="H586028" s="12"/>
    </row>
    <row r="586029" spans="8:8">
      <c r="H586029" s="12"/>
    </row>
    <row r="586030" spans="8:8">
      <c r="H586030" s="12"/>
    </row>
    <row r="586031" spans="8:8">
      <c r="H586031" s="12"/>
    </row>
    <row r="586032" spans="8:8">
      <c r="H586032" s="12"/>
    </row>
    <row r="586033" spans="8:8">
      <c r="H586033" s="12"/>
    </row>
    <row r="586034" spans="8:8">
      <c r="H586034" s="12"/>
    </row>
    <row r="586035" spans="8:8">
      <c r="H586035" s="12"/>
    </row>
    <row r="586036" spans="8:8">
      <c r="H586036" s="12"/>
    </row>
    <row r="586037" spans="8:8">
      <c r="H586037" s="12"/>
    </row>
    <row r="586038" spans="8:8">
      <c r="H586038" s="12"/>
    </row>
    <row r="586039" spans="8:8">
      <c r="H586039" s="12"/>
    </row>
    <row r="586040" spans="8:8">
      <c r="H586040" s="12"/>
    </row>
    <row r="586041" spans="8:8">
      <c r="H586041" s="12"/>
    </row>
    <row r="586042" spans="8:8">
      <c r="H586042" s="12"/>
    </row>
    <row r="586043" spans="8:8">
      <c r="H586043" s="12"/>
    </row>
    <row r="586044" spans="8:8">
      <c r="H586044" s="12"/>
    </row>
    <row r="586045" spans="8:8">
      <c r="H586045" s="12"/>
    </row>
    <row r="586046" spans="8:8">
      <c r="H586046" s="12"/>
    </row>
    <row r="586047" spans="8:8">
      <c r="H586047" s="12"/>
    </row>
    <row r="586048" spans="8:8">
      <c r="H586048" s="12"/>
    </row>
    <row r="586049" spans="8:8">
      <c r="H586049" s="12"/>
    </row>
    <row r="586050" spans="8:8">
      <c r="H586050" s="12"/>
    </row>
    <row r="586051" spans="8:8">
      <c r="H586051" s="12"/>
    </row>
    <row r="586052" spans="8:8">
      <c r="H586052" s="12"/>
    </row>
    <row r="586053" spans="8:8">
      <c r="H586053" s="12"/>
    </row>
    <row r="586054" spans="8:8">
      <c r="H586054" s="12"/>
    </row>
    <row r="586055" spans="8:8">
      <c r="H586055" s="12"/>
    </row>
    <row r="586056" spans="8:8">
      <c r="H586056" s="12"/>
    </row>
    <row r="586057" spans="8:8">
      <c r="H586057" s="12"/>
    </row>
    <row r="586058" spans="8:8">
      <c r="H586058" s="12"/>
    </row>
    <row r="586059" spans="8:8">
      <c r="H586059" s="12"/>
    </row>
    <row r="586060" spans="8:8">
      <c r="H586060" s="12"/>
    </row>
    <row r="586061" spans="8:8">
      <c r="H586061" s="12"/>
    </row>
    <row r="586062" spans="8:8">
      <c r="H586062" s="12"/>
    </row>
    <row r="586063" spans="8:8">
      <c r="H586063" s="12"/>
    </row>
    <row r="586064" spans="8:8">
      <c r="H586064" s="12"/>
    </row>
    <row r="586065" spans="8:8">
      <c r="H586065" s="12"/>
    </row>
    <row r="586066" spans="8:8">
      <c r="H586066" s="12"/>
    </row>
    <row r="586067" spans="8:8">
      <c r="H586067" s="12"/>
    </row>
    <row r="586068" spans="8:8">
      <c r="H586068" s="12"/>
    </row>
    <row r="586069" spans="8:8">
      <c r="H586069" s="12"/>
    </row>
    <row r="586070" spans="8:8">
      <c r="H586070" s="12"/>
    </row>
    <row r="586071" spans="8:8">
      <c r="H586071" s="12"/>
    </row>
    <row r="586072" spans="8:8">
      <c r="H586072" s="12"/>
    </row>
    <row r="586073" spans="8:8">
      <c r="H586073" s="12"/>
    </row>
    <row r="586074" spans="8:8">
      <c r="H586074" s="12"/>
    </row>
    <row r="586075" spans="8:8">
      <c r="H586075" s="12"/>
    </row>
    <row r="586076" spans="8:8">
      <c r="H586076" s="12"/>
    </row>
    <row r="586077" spans="8:8">
      <c r="H586077" s="12"/>
    </row>
    <row r="586078" spans="8:8">
      <c r="H586078" s="12"/>
    </row>
    <row r="586079" spans="8:8">
      <c r="H586079" s="12"/>
    </row>
    <row r="586080" spans="8:8">
      <c r="H586080" s="12"/>
    </row>
    <row r="586081" spans="8:8">
      <c r="H586081" s="12"/>
    </row>
    <row r="586082" spans="8:8">
      <c r="H586082" s="12"/>
    </row>
    <row r="586083" spans="8:8">
      <c r="H586083" s="12"/>
    </row>
    <row r="586084" spans="8:8">
      <c r="H586084" s="12"/>
    </row>
    <row r="586085" spans="8:8">
      <c r="H586085" s="12"/>
    </row>
    <row r="586086" spans="8:8">
      <c r="H586086" s="12"/>
    </row>
    <row r="586087" spans="8:8">
      <c r="H586087" s="12"/>
    </row>
    <row r="586088" spans="8:8">
      <c r="H586088" s="12"/>
    </row>
    <row r="586089" spans="8:8">
      <c r="H586089" s="12"/>
    </row>
    <row r="586090" spans="8:8">
      <c r="H586090" s="12"/>
    </row>
    <row r="586091" spans="8:8">
      <c r="H586091" s="12"/>
    </row>
    <row r="586092" spans="8:8">
      <c r="H586092" s="12"/>
    </row>
    <row r="586093" spans="8:8">
      <c r="H586093" s="12"/>
    </row>
    <row r="586094" spans="8:8">
      <c r="H586094" s="12"/>
    </row>
    <row r="586095" spans="8:8">
      <c r="H586095" s="12"/>
    </row>
    <row r="586096" spans="8:8">
      <c r="H586096" s="12"/>
    </row>
    <row r="586097" spans="8:8">
      <c r="H586097" s="12"/>
    </row>
    <row r="586098" spans="8:8">
      <c r="H586098" s="12"/>
    </row>
    <row r="586099" spans="8:8">
      <c r="H586099" s="12"/>
    </row>
    <row r="586100" spans="8:8">
      <c r="H586100" s="12"/>
    </row>
    <row r="586101" spans="8:8">
      <c r="H586101" s="12"/>
    </row>
    <row r="586102" spans="8:8">
      <c r="H586102" s="12"/>
    </row>
    <row r="586103" spans="8:8">
      <c r="H586103" s="12"/>
    </row>
    <row r="586104" spans="8:8">
      <c r="H586104" s="12"/>
    </row>
    <row r="586105" spans="8:8">
      <c r="H586105" s="12"/>
    </row>
    <row r="586106" spans="8:8">
      <c r="H586106" s="12"/>
    </row>
    <row r="586107" spans="8:8">
      <c r="H586107" s="12"/>
    </row>
    <row r="586108" spans="8:8">
      <c r="H586108" s="12"/>
    </row>
    <row r="586109" spans="8:8">
      <c r="H586109" s="12"/>
    </row>
    <row r="586110" spans="8:8">
      <c r="H586110" s="12"/>
    </row>
    <row r="586111" spans="8:8">
      <c r="H586111" s="12"/>
    </row>
    <row r="586112" spans="8:8">
      <c r="H586112" s="12"/>
    </row>
    <row r="586113" spans="8:8">
      <c r="H586113" s="12"/>
    </row>
    <row r="586114" spans="8:8">
      <c r="H586114" s="12"/>
    </row>
    <row r="586115" spans="8:8">
      <c r="H586115" s="12"/>
    </row>
    <row r="586116" spans="8:8">
      <c r="H586116" s="12"/>
    </row>
    <row r="586117" spans="8:8">
      <c r="H586117" s="12"/>
    </row>
    <row r="586118" spans="8:8">
      <c r="H586118" s="12"/>
    </row>
    <row r="586119" spans="8:8">
      <c r="H586119" s="12"/>
    </row>
    <row r="586120" spans="8:8">
      <c r="H586120" s="12"/>
    </row>
    <row r="586121" spans="8:8">
      <c r="H586121" s="12"/>
    </row>
    <row r="586122" spans="8:8">
      <c r="H586122" s="12"/>
    </row>
    <row r="586123" spans="8:8">
      <c r="H586123" s="12"/>
    </row>
    <row r="586124" spans="8:8">
      <c r="H586124" s="12"/>
    </row>
    <row r="586125" spans="8:8">
      <c r="H586125" s="12"/>
    </row>
    <row r="586126" spans="8:8">
      <c r="H586126" s="12"/>
    </row>
    <row r="586127" spans="8:8">
      <c r="H586127" s="12"/>
    </row>
    <row r="586128" spans="8:8">
      <c r="H586128" s="12"/>
    </row>
    <row r="586129" spans="8:8">
      <c r="H586129" s="12"/>
    </row>
    <row r="586130" spans="8:8">
      <c r="H586130" s="12"/>
    </row>
    <row r="586131" spans="8:8">
      <c r="H586131" s="12"/>
    </row>
    <row r="586132" spans="8:8">
      <c r="H586132" s="12"/>
    </row>
    <row r="586133" spans="8:8">
      <c r="H586133" s="12"/>
    </row>
    <row r="586134" spans="8:8">
      <c r="H586134" s="12"/>
    </row>
    <row r="586135" spans="8:8">
      <c r="H586135" s="12"/>
    </row>
    <row r="586136" spans="8:8">
      <c r="H586136" s="12"/>
    </row>
    <row r="586137" spans="8:8">
      <c r="H586137" s="12"/>
    </row>
    <row r="586138" spans="8:8">
      <c r="H586138" s="12"/>
    </row>
    <row r="586139" spans="8:8">
      <c r="H586139" s="12"/>
    </row>
    <row r="586140" spans="8:8">
      <c r="H586140" s="12"/>
    </row>
    <row r="586141" spans="8:8">
      <c r="H586141" s="12"/>
    </row>
    <row r="586142" spans="8:8">
      <c r="H586142" s="12"/>
    </row>
    <row r="586143" spans="8:8">
      <c r="H586143" s="12"/>
    </row>
    <row r="586144" spans="8:8">
      <c r="H586144" s="12"/>
    </row>
    <row r="586145" spans="8:8">
      <c r="H586145" s="12"/>
    </row>
    <row r="586146" spans="8:8">
      <c r="H586146" s="12"/>
    </row>
    <row r="586147" spans="8:8">
      <c r="H586147" s="12"/>
    </row>
    <row r="586148" spans="8:8">
      <c r="H586148" s="12"/>
    </row>
    <row r="586149" spans="8:8">
      <c r="H586149" s="12"/>
    </row>
    <row r="586150" spans="8:8">
      <c r="H586150" s="12"/>
    </row>
    <row r="586151" spans="8:8">
      <c r="H586151" s="12"/>
    </row>
    <row r="586152" spans="8:8">
      <c r="H586152" s="12"/>
    </row>
    <row r="586153" spans="8:8">
      <c r="H586153" s="12"/>
    </row>
    <row r="586154" spans="8:8">
      <c r="H586154" s="12"/>
    </row>
    <row r="586155" spans="8:8">
      <c r="H586155" s="12"/>
    </row>
    <row r="586156" spans="8:8">
      <c r="H586156" s="12"/>
    </row>
    <row r="586157" spans="8:8">
      <c r="H586157" s="12"/>
    </row>
    <row r="586158" spans="8:8">
      <c r="H586158" s="12"/>
    </row>
    <row r="586159" spans="8:8">
      <c r="H586159" s="12"/>
    </row>
    <row r="586160" spans="8:8">
      <c r="H586160" s="12"/>
    </row>
    <row r="586161" spans="8:8">
      <c r="H586161" s="12"/>
    </row>
    <row r="586162" spans="8:8">
      <c r="H586162" s="12"/>
    </row>
    <row r="586163" spans="8:8">
      <c r="H586163" s="12"/>
    </row>
    <row r="586164" spans="8:8">
      <c r="H586164" s="12"/>
    </row>
    <row r="586165" spans="8:8">
      <c r="H586165" s="12"/>
    </row>
    <row r="586166" spans="8:8">
      <c r="H586166" s="12"/>
    </row>
    <row r="586167" spans="8:8">
      <c r="H586167" s="12"/>
    </row>
    <row r="586168" spans="8:8">
      <c r="H586168" s="12"/>
    </row>
    <row r="586169" spans="8:8">
      <c r="H586169" s="12"/>
    </row>
    <row r="586170" spans="8:8">
      <c r="H586170" s="12"/>
    </row>
    <row r="586171" spans="8:8">
      <c r="H586171" s="12"/>
    </row>
    <row r="586172" spans="8:8">
      <c r="H586172" s="12"/>
    </row>
    <row r="586173" spans="8:8">
      <c r="H586173" s="12"/>
    </row>
    <row r="586174" spans="8:8">
      <c r="H586174" s="12"/>
    </row>
    <row r="586175" spans="8:8">
      <c r="H586175" s="12"/>
    </row>
    <row r="586176" spans="8:8">
      <c r="H586176" s="12"/>
    </row>
    <row r="586177" spans="8:8">
      <c r="H586177" s="12"/>
    </row>
    <row r="586178" spans="8:8">
      <c r="H586178" s="12"/>
    </row>
    <row r="586179" spans="8:8">
      <c r="H586179" s="12"/>
    </row>
    <row r="586180" spans="8:8">
      <c r="H586180" s="12"/>
    </row>
    <row r="586181" spans="8:8">
      <c r="H586181" s="12"/>
    </row>
    <row r="586182" spans="8:8">
      <c r="H586182" s="12"/>
    </row>
    <row r="586183" spans="8:8">
      <c r="H586183" s="12"/>
    </row>
    <row r="586184" spans="8:8">
      <c r="H586184" s="12"/>
    </row>
    <row r="586185" spans="8:8">
      <c r="H586185" s="12"/>
    </row>
    <row r="586186" spans="8:8">
      <c r="H586186" s="12"/>
    </row>
    <row r="586187" spans="8:8">
      <c r="H586187" s="12"/>
    </row>
    <row r="586188" spans="8:8">
      <c r="H586188" s="12"/>
    </row>
    <row r="586189" spans="8:8">
      <c r="H586189" s="12"/>
    </row>
    <row r="586190" spans="8:8">
      <c r="H586190" s="12"/>
    </row>
    <row r="586191" spans="8:8">
      <c r="H586191" s="12"/>
    </row>
    <row r="586192" spans="8:8">
      <c r="H586192" s="12"/>
    </row>
    <row r="586193" spans="8:8">
      <c r="H586193" s="12"/>
    </row>
    <row r="586194" spans="8:8">
      <c r="H586194" s="12"/>
    </row>
    <row r="586195" spans="8:8">
      <c r="H586195" s="12"/>
    </row>
    <row r="586196" spans="8:8">
      <c r="H586196" s="12"/>
    </row>
    <row r="586197" spans="8:8">
      <c r="H586197" s="12"/>
    </row>
    <row r="586198" spans="8:8">
      <c r="H586198" s="12"/>
    </row>
    <row r="586199" spans="8:8">
      <c r="H586199" s="12"/>
    </row>
    <row r="586200" spans="8:8">
      <c r="H586200" s="12"/>
    </row>
    <row r="586201" spans="8:8">
      <c r="H586201" s="12"/>
    </row>
    <row r="586202" spans="8:8">
      <c r="H586202" s="12"/>
    </row>
    <row r="586203" spans="8:8">
      <c r="H586203" s="12"/>
    </row>
    <row r="586204" spans="8:8">
      <c r="H586204" s="12"/>
    </row>
    <row r="586205" spans="8:8">
      <c r="H586205" s="12"/>
    </row>
    <row r="586206" spans="8:8">
      <c r="H586206" s="12"/>
    </row>
    <row r="586207" spans="8:8">
      <c r="H586207" s="12"/>
    </row>
    <row r="586208" spans="8:8">
      <c r="H586208" s="12"/>
    </row>
    <row r="586209" spans="8:8">
      <c r="H586209" s="12"/>
    </row>
    <row r="586210" spans="8:8">
      <c r="H586210" s="12"/>
    </row>
    <row r="586211" spans="8:8">
      <c r="H586211" s="12"/>
    </row>
    <row r="586212" spans="8:8">
      <c r="H586212" s="12"/>
    </row>
    <row r="586213" spans="8:8">
      <c r="H586213" s="12"/>
    </row>
    <row r="586214" spans="8:8">
      <c r="H586214" s="12"/>
    </row>
    <row r="586215" spans="8:8">
      <c r="H586215" s="12"/>
    </row>
    <row r="586216" spans="8:8">
      <c r="H586216" s="12"/>
    </row>
    <row r="586217" spans="8:8">
      <c r="H586217" s="12"/>
    </row>
    <row r="586218" spans="8:8">
      <c r="H586218" s="12"/>
    </row>
    <row r="586219" spans="8:8">
      <c r="H586219" s="12"/>
    </row>
    <row r="586220" spans="8:8">
      <c r="H586220" s="12"/>
    </row>
    <row r="586221" spans="8:8">
      <c r="H586221" s="12"/>
    </row>
    <row r="586222" spans="8:8">
      <c r="H586222" s="12"/>
    </row>
    <row r="586223" spans="8:8">
      <c r="H586223" s="12"/>
    </row>
    <row r="586224" spans="8:8">
      <c r="H586224" s="12"/>
    </row>
    <row r="586225" spans="8:8">
      <c r="H586225" s="12"/>
    </row>
    <row r="586226" spans="8:8">
      <c r="H586226" s="12"/>
    </row>
    <row r="586227" spans="8:8">
      <c r="H586227" s="12"/>
    </row>
    <row r="586228" spans="8:8">
      <c r="H586228" s="12"/>
    </row>
    <row r="586229" spans="8:8">
      <c r="H586229" s="12"/>
    </row>
    <row r="586230" spans="8:8">
      <c r="H586230" s="12"/>
    </row>
    <row r="586231" spans="8:8">
      <c r="H586231" s="12"/>
    </row>
    <row r="586232" spans="8:8">
      <c r="H586232" s="12"/>
    </row>
    <row r="586233" spans="8:8">
      <c r="H586233" s="12"/>
    </row>
    <row r="586234" spans="8:8">
      <c r="H586234" s="12"/>
    </row>
    <row r="586235" spans="8:8">
      <c r="H586235" s="12"/>
    </row>
    <row r="586236" spans="8:8">
      <c r="H586236" s="12"/>
    </row>
    <row r="586237" spans="8:8">
      <c r="H586237" s="12"/>
    </row>
    <row r="586238" spans="8:8">
      <c r="H586238" s="12"/>
    </row>
    <row r="586239" spans="8:8">
      <c r="H586239" s="12"/>
    </row>
    <row r="586240" spans="8:8">
      <c r="H586240" s="12"/>
    </row>
    <row r="586241" spans="8:8">
      <c r="H586241" s="12"/>
    </row>
    <row r="586242" spans="8:8">
      <c r="H586242" s="12"/>
    </row>
    <row r="586243" spans="8:8">
      <c r="H586243" s="12"/>
    </row>
    <row r="586244" spans="8:8">
      <c r="H586244" s="12"/>
    </row>
    <row r="586245" spans="8:8">
      <c r="H586245" s="12"/>
    </row>
    <row r="586246" spans="8:8">
      <c r="H586246" s="12"/>
    </row>
    <row r="586247" spans="8:8">
      <c r="H586247" s="12"/>
    </row>
    <row r="586248" spans="8:8">
      <c r="H586248" s="12"/>
    </row>
    <row r="586249" spans="8:8">
      <c r="H586249" s="12"/>
    </row>
    <row r="586250" spans="8:8">
      <c r="H586250" s="12"/>
    </row>
    <row r="586251" spans="8:8">
      <c r="H586251" s="12"/>
    </row>
    <row r="586252" spans="8:8">
      <c r="H586252" s="12"/>
    </row>
    <row r="586253" spans="8:8">
      <c r="H586253" s="12"/>
    </row>
    <row r="586254" spans="8:8">
      <c r="H586254" s="12"/>
    </row>
    <row r="586255" spans="8:8">
      <c r="H586255" s="12"/>
    </row>
    <row r="586256" spans="8:8">
      <c r="H586256" s="12"/>
    </row>
    <row r="586257" spans="8:8">
      <c r="H586257" s="12"/>
    </row>
    <row r="586258" spans="8:8">
      <c r="H586258" s="12"/>
    </row>
    <row r="586259" spans="8:8">
      <c r="H586259" s="12"/>
    </row>
    <row r="586260" spans="8:8">
      <c r="H586260" s="12"/>
    </row>
    <row r="586261" spans="8:8">
      <c r="H586261" s="12"/>
    </row>
    <row r="586262" spans="8:8">
      <c r="H586262" s="12"/>
    </row>
    <row r="586263" spans="8:8">
      <c r="H586263" s="12"/>
    </row>
    <row r="586264" spans="8:8">
      <c r="H586264" s="12"/>
    </row>
    <row r="586265" spans="8:8">
      <c r="H586265" s="12"/>
    </row>
    <row r="586266" spans="8:8">
      <c r="H586266" s="12"/>
    </row>
    <row r="586267" spans="8:8">
      <c r="H586267" s="12"/>
    </row>
    <row r="586268" spans="8:8">
      <c r="H586268" s="12"/>
    </row>
    <row r="586269" spans="8:8">
      <c r="H586269" s="12"/>
    </row>
    <row r="586270" spans="8:8">
      <c r="H586270" s="12"/>
    </row>
    <row r="586271" spans="8:8">
      <c r="H586271" s="12"/>
    </row>
    <row r="586272" spans="8:8">
      <c r="H586272" s="12"/>
    </row>
    <row r="586273" spans="8:8">
      <c r="H586273" s="12"/>
    </row>
    <row r="586274" spans="8:8">
      <c r="H586274" s="12"/>
    </row>
    <row r="586275" spans="8:8">
      <c r="H586275" s="12"/>
    </row>
    <row r="586276" spans="8:8">
      <c r="H586276" s="12"/>
    </row>
    <row r="586277" spans="8:8">
      <c r="H586277" s="12"/>
    </row>
    <row r="586278" spans="8:8">
      <c r="H586278" s="12"/>
    </row>
    <row r="586279" spans="8:8">
      <c r="H586279" s="12"/>
    </row>
    <row r="586280" spans="8:8">
      <c r="H586280" s="12"/>
    </row>
    <row r="586281" spans="8:8">
      <c r="H586281" s="12"/>
    </row>
    <row r="586282" spans="8:8">
      <c r="H586282" s="12"/>
    </row>
    <row r="586283" spans="8:8">
      <c r="H586283" s="12"/>
    </row>
    <row r="586284" spans="8:8">
      <c r="H586284" s="12"/>
    </row>
    <row r="586285" spans="8:8">
      <c r="H586285" s="12"/>
    </row>
    <row r="586286" spans="8:8">
      <c r="H586286" s="12"/>
    </row>
    <row r="586287" spans="8:8">
      <c r="H586287" s="12"/>
    </row>
    <row r="586288" spans="8:8">
      <c r="H586288" s="12"/>
    </row>
    <row r="586289" spans="8:8">
      <c r="H586289" s="12"/>
    </row>
    <row r="586290" spans="8:8">
      <c r="H586290" s="12"/>
    </row>
    <row r="586291" spans="8:8">
      <c r="H586291" s="12"/>
    </row>
    <row r="586292" spans="8:8">
      <c r="H586292" s="12"/>
    </row>
    <row r="586293" spans="8:8">
      <c r="H586293" s="12"/>
    </row>
    <row r="586294" spans="8:8">
      <c r="H586294" s="12"/>
    </row>
    <row r="586295" spans="8:8">
      <c r="H586295" s="12"/>
    </row>
    <row r="586296" spans="8:8">
      <c r="H586296" s="12"/>
    </row>
    <row r="586297" spans="8:8">
      <c r="H586297" s="12"/>
    </row>
    <row r="586298" spans="8:8">
      <c r="H586298" s="12"/>
    </row>
    <row r="586299" spans="8:8">
      <c r="H586299" s="12"/>
    </row>
    <row r="586300" spans="8:8">
      <c r="H586300" s="12"/>
    </row>
    <row r="586301" spans="8:8">
      <c r="H586301" s="12"/>
    </row>
    <row r="586302" spans="8:8">
      <c r="H586302" s="12"/>
    </row>
    <row r="586303" spans="8:8">
      <c r="H586303" s="12"/>
    </row>
    <row r="586304" spans="8:8">
      <c r="H586304" s="12"/>
    </row>
    <row r="586305" spans="8:8">
      <c r="H586305" s="12"/>
    </row>
    <row r="586306" spans="8:8">
      <c r="H586306" s="12"/>
    </row>
    <row r="586307" spans="8:8">
      <c r="H586307" s="12"/>
    </row>
    <row r="586308" spans="8:8">
      <c r="H586308" s="12"/>
    </row>
    <row r="586309" spans="8:8">
      <c r="H586309" s="12"/>
    </row>
    <row r="586310" spans="8:8">
      <c r="H586310" s="12"/>
    </row>
    <row r="586311" spans="8:8">
      <c r="H586311" s="12"/>
    </row>
    <row r="586312" spans="8:8">
      <c r="H586312" s="12"/>
    </row>
    <row r="586313" spans="8:8">
      <c r="H586313" s="12"/>
    </row>
    <row r="586314" spans="8:8">
      <c r="H586314" s="12"/>
    </row>
    <row r="586315" spans="8:8">
      <c r="H586315" s="12"/>
    </row>
    <row r="586316" spans="8:8">
      <c r="H586316" s="12"/>
    </row>
    <row r="586317" spans="8:8">
      <c r="H586317" s="12"/>
    </row>
    <row r="586318" spans="8:8">
      <c r="H586318" s="12"/>
    </row>
    <row r="586319" spans="8:8">
      <c r="H586319" s="12"/>
    </row>
    <row r="586320" spans="8:8">
      <c r="H586320" s="12"/>
    </row>
    <row r="586321" spans="8:8">
      <c r="H586321" s="12"/>
    </row>
    <row r="586322" spans="8:8">
      <c r="H586322" s="12"/>
    </row>
    <row r="586323" spans="8:8">
      <c r="H586323" s="12"/>
    </row>
    <row r="586324" spans="8:8">
      <c r="H586324" s="12"/>
    </row>
    <row r="586325" spans="8:8">
      <c r="H586325" s="12"/>
    </row>
    <row r="586326" spans="8:8">
      <c r="H586326" s="12"/>
    </row>
    <row r="586327" spans="8:8">
      <c r="H586327" s="12"/>
    </row>
    <row r="586328" spans="8:8">
      <c r="H586328" s="12"/>
    </row>
    <row r="586329" spans="8:8">
      <c r="H586329" s="12"/>
    </row>
    <row r="586330" spans="8:8">
      <c r="H586330" s="12"/>
    </row>
    <row r="586331" spans="8:8">
      <c r="H586331" s="12"/>
    </row>
    <row r="586332" spans="8:8">
      <c r="H586332" s="12"/>
    </row>
    <row r="586333" spans="8:8">
      <c r="H586333" s="12"/>
    </row>
    <row r="586334" spans="8:8">
      <c r="H586334" s="12"/>
    </row>
    <row r="586335" spans="8:8">
      <c r="H586335" s="12"/>
    </row>
    <row r="586336" spans="8:8">
      <c r="H586336" s="12"/>
    </row>
    <row r="586337" spans="8:8">
      <c r="H586337" s="12"/>
    </row>
    <row r="586338" spans="8:8">
      <c r="H586338" s="12"/>
    </row>
    <row r="586339" spans="8:8">
      <c r="H586339" s="12"/>
    </row>
    <row r="586340" spans="8:8">
      <c r="H586340" s="12"/>
    </row>
    <row r="586341" spans="8:8">
      <c r="H586341" s="12"/>
    </row>
    <row r="586342" spans="8:8">
      <c r="H586342" s="12"/>
    </row>
    <row r="586343" spans="8:8">
      <c r="H586343" s="12"/>
    </row>
    <row r="586344" spans="8:8">
      <c r="H586344" s="12"/>
    </row>
    <row r="586345" spans="8:8">
      <c r="H586345" s="12"/>
    </row>
    <row r="586346" spans="8:8">
      <c r="H586346" s="12"/>
    </row>
    <row r="586347" spans="8:8">
      <c r="H586347" s="12"/>
    </row>
    <row r="586348" spans="8:8">
      <c r="H586348" s="12"/>
    </row>
    <row r="586349" spans="8:8">
      <c r="H586349" s="12"/>
    </row>
    <row r="586350" spans="8:8">
      <c r="H586350" s="12"/>
    </row>
    <row r="586351" spans="8:8">
      <c r="H586351" s="12"/>
    </row>
    <row r="586352" spans="8:8">
      <c r="H586352" s="12"/>
    </row>
    <row r="586353" spans="8:8">
      <c r="H586353" s="12"/>
    </row>
    <row r="586354" spans="8:8">
      <c r="H586354" s="12"/>
    </row>
    <row r="586355" spans="8:8">
      <c r="H586355" s="12"/>
    </row>
    <row r="586356" spans="8:8">
      <c r="H586356" s="12"/>
    </row>
    <row r="586357" spans="8:8">
      <c r="H586357" s="12"/>
    </row>
    <row r="586358" spans="8:8">
      <c r="H586358" s="12"/>
    </row>
    <row r="586359" spans="8:8">
      <c r="H586359" s="12"/>
    </row>
    <row r="586360" spans="8:8">
      <c r="H586360" s="12"/>
    </row>
    <row r="586361" spans="8:8">
      <c r="H586361" s="12"/>
    </row>
    <row r="586362" spans="8:8">
      <c r="H586362" s="12"/>
    </row>
    <row r="586363" spans="8:8">
      <c r="H586363" s="12"/>
    </row>
    <row r="586364" spans="8:8">
      <c r="H586364" s="12"/>
    </row>
    <row r="586365" spans="8:8">
      <c r="H586365" s="12"/>
    </row>
    <row r="586366" spans="8:8">
      <c r="H586366" s="12"/>
    </row>
    <row r="586367" spans="8:8">
      <c r="H586367" s="12"/>
    </row>
    <row r="586368" spans="8:8">
      <c r="H586368" s="12"/>
    </row>
    <row r="586369" spans="8:8">
      <c r="H586369" s="12"/>
    </row>
    <row r="586370" spans="8:8">
      <c r="H586370" s="12"/>
    </row>
    <row r="586371" spans="8:8">
      <c r="H586371" s="12"/>
    </row>
    <row r="586372" spans="8:8">
      <c r="H586372" s="12"/>
    </row>
    <row r="586373" spans="8:8">
      <c r="H586373" s="12"/>
    </row>
    <row r="586374" spans="8:8">
      <c r="H586374" s="12"/>
    </row>
    <row r="586375" spans="8:8">
      <c r="H586375" s="12"/>
    </row>
    <row r="586376" spans="8:8">
      <c r="H586376" s="12"/>
    </row>
    <row r="586377" spans="8:8">
      <c r="H586377" s="12"/>
    </row>
    <row r="586378" spans="8:8">
      <c r="H586378" s="12"/>
    </row>
    <row r="586379" spans="8:8">
      <c r="H586379" s="12"/>
    </row>
    <row r="586380" spans="8:8">
      <c r="H586380" s="12"/>
    </row>
    <row r="586381" spans="8:8">
      <c r="H586381" s="12"/>
    </row>
    <row r="586382" spans="8:8">
      <c r="H586382" s="12"/>
    </row>
    <row r="586383" spans="8:8">
      <c r="H586383" s="12"/>
    </row>
    <row r="586384" spans="8:8">
      <c r="H586384" s="12"/>
    </row>
    <row r="586385" spans="8:8">
      <c r="H586385" s="12"/>
    </row>
    <row r="586386" spans="8:8">
      <c r="H586386" s="12"/>
    </row>
    <row r="586387" spans="8:8">
      <c r="H586387" s="12"/>
    </row>
    <row r="586388" spans="8:8">
      <c r="H586388" s="12"/>
    </row>
    <row r="586389" spans="8:8">
      <c r="H586389" s="12"/>
    </row>
    <row r="586390" spans="8:8">
      <c r="H586390" s="12"/>
    </row>
    <row r="586391" spans="8:8">
      <c r="H586391" s="12"/>
    </row>
    <row r="586392" spans="8:8">
      <c r="H586392" s="12"/>
    </row>
    <row r="586393" spans="8:8">
      <c r="H586393" s="12"/>
    </row>
    <row r="586394" spans="8:8">
      <c r="H586394" s="12"/>
    </row>
    <row r="586395" spans="8:8">
      <c r="H586395" s="12"/>
    </row>
    <row r="586396" spans="8:8">
      <c r="H586396" s="12"/>
    </row>
    <row r="586397" spans="8:8">
      <c r="H586397" s="12"/>
    </row>
    <row r="586398" spans="8:8">
      <c r="H586398" s="12"/>
    </row>
    <row r="586399" spans="8:8">
      <c r="H586399" s="12"/>
    </row>
    <row r="586400" spans="8:8">
      <c r="H586400" s="12"/>
    </row>
    <row r="586401" spans="8:8">
      <c r="H586401" s="12"/>
    </row>
    <row r="586402" spans="8:8">
      <c r="H586402" s="12"/>
    </row>
    <row r="586403" spans="8:8">
      <c r="H586403" s="12"/>
    </row>
    <row r="586404" spans="8:8">
      <c r="H586404" s="12"/>
    </row>
    <row r="586405" spans="8:8">
      <c r="H586405" s="12"/>
    </row>
    <row r="586406" spans="8:8">
      <c r="H586406" s="12"/>
    </row>
    <row r="586407" spans="8:8">
      <c r="H586407" s="12"/>
    </row>
    <row r="586408" spans="8:8">
      <c r="H586408" s="12"/>
    </row>
    <row r="586409" spans="8:8">
      <c r="H586409" s="12"/>
    </row>
    <row r="586410" spans="8:8">
      <c r="H586410" s="12"/>
    </row>
    <row r="586411" spans="8:8">
      <c r="H586411" s="12"/>
    </row>
    <row r="586412" spans="8:8">
      <c r="H586412" s="12"/>
    </row>
    <row r="586413" spans="8:8">
      <c r="H586413" s="12"/>
    </row>
    <row r="586414" spans="8:8">
      <c r="H586414" s="12"/>
    </row>
    <row r="586415" spans="8:8">
      <c r="H586415" s="12"/>
    </row>
    <row r="586416" spans="8:8">
      <c r="H586416" s="12"/>
    </row>
    <row r="586417" spans="8:8">
      <c r="H586417" s="12"/>
    </row>
    <row r="586418" spans="8:8">
      <c r="H586418" s="12"/>
    </row>
    <row r="586419" spans="8:8">
      <c r="H586419" s="12"/>
    </row>
    <row r="586420" spans="8:8">
      <c r="H586420" s="12"/>
    </row>
    <row r="586421" spans="8:8">
      <c r="H586421" s="12"/>
    </row>
    <row r="586422" spans="8:8">
      <c r="H586422" s="12"/>
    </row>
    <row r="586423" spans="8:8">
      <c r="H586423" s="12"/>
    </row>
    <row r="586424" spans="8:8">
      <c r="H586424" s="12"/>
    </row>
    <row r="586425" spans="8:8">
      <c r="H586425" s="12"/>
    </row>
    <row r="586426" spans="8:8">
      <c r="H586426" s="12"/>
    </row>
    <row r="586427" spans="8:8">
      <c r="H586427" s="12"/>
    </row>
    <row r="586428" spans="8:8">
      <c r="H586428" s="12"/>
    </row>
    <row r="586429" spans="8:8">
      <c r="H586429" s="12"/>
    </row>
    <row r="586430" spans="8:8">
      <c r="H586430" s="12"/>
    </row>
    <row r="586431" spans="8:8">
      <c r="H586431" s="12"/>
    </row>
    <row r="586432" spans="8:8">
      <c r="H586432" s="12"/>
    </row>
    <row r="586433" spans="8:8">
      <c r="H586433" s="12"/>
    </row>
    <row r="586434" spans="8:8">
      <c r="H586434" s="12"/>
    </row>
    <row r="586435" spans="8:8">
      <c r="H586435" s="12"/>
    </row>
    <row r="586436" spans="8:8">
      <c r="H586436" s="12"/>
    </row>
    <row r="586437" spans="8:8">
      <c r="H586437" s="12"/>
    </row>
    <row r="586438" spans="8:8">
      <c r="H586438" s="12"/>
    </row>
    <row r="586439" spans="8:8">
      <c r="H586439" s="12"/>
    </row>
    <row r="586440" spans="8:8">
      <c r="H586440" s="12"/>
    </row>
    <row r="586441" spans="8:8">
      <c r="H586441" s="12"/>
    </row>
    <row r="586442" spans="8:8">
      <c r="H586442" s="12"/>
    </row>
    <row r="586443" spans="8:8">
      <c r="H586443" s="12"/>
    </row>
    <row r="586444" spans="8:8">
      <c r="H586444" s="12"/>
    </row>
    <row r="586445" spans="8:8">
      <c r="H586445" s="12"/>
    </row>
    <row r="586446" spans="8:8">
      <c r="H586446" s="12"/>
    </row>
    <row r="586447" spans="8:8">
      <c r="H586447" s="12"/>
    </row>
    <row r="586448" spans="8:8">
      <c r="H586448" s="12"/>
    </row>
    <row r="586449" spans="8:8">
      <c r="H586449" s="12"/>
    </row>
    <row r="586450" spans="8:8">
      <c r="H586450" s="12"/>
    </row>
    <row r="586451" spans="8:8">
      <c r="H586451" s="12"/>
    </row>
    <row r="586452" spans="8:8">
      <c r="H586452" s="12"/>
    </row>
    <row r="586453" spans="8:8">
      <c r="H586453" s="12"/>
    </row>
    <row r="586454" spans="8:8">
      <c r="H586454" s="12"/>
    </row>
    <row r="586455" spans="8:8">
      <c r="H586455" s="12"/>
    </row>
    <row r="586456" spans="8:8">
      <c r="H586456" s="12"/>
    </row>
    <row r="586457" spans="8:8">
      <c r="H586457" s="12"/>
    </row>
    <row r="586458" spans="8:8">
      <c r="H586458" s="12"/>
    </row>
    <row r="586459" spans="8:8">
      <c r="H586459" s="12"/>
    </row>
    <row r="586460" spans="8:8">
      <c r="H586460" s="12"/>
    </row>
    <row r="586461" spans="8:8">
      <c r="H586461" s="12"/>
    </row>
    <row r="586462" spans="8:8">
      <c r="H586462" s="12"/>
    </row>
    <row r="586463" spans="8:8">
      <c r="H586463" s="12"/>
    </row>
    <row r="586464" spans="8:8">
      <c r="H586464" s="12"/>
    </row>
    <row r="586465" spans="8:8">
      <c r="H586465" s="12"/>
    </row>
    <row r="586466" spans="8:8">
      <c r="H586466" s="12"/>
    </row>
    <row r="586467" spans="8:8">
      <c r="H586467" s="12"/>
    </row>
    <row r="586468" spans="8:8">
      <c r="H586468" s="12"/>
    </row>
    <row r="586469" spans="8:8">
      <c r="H586469" s="12"/>
    </row>
    <row r="586470" spans="8:8">
      <c r="H586470" s="12"/>
    </row>
    <row r="586471" spans="8:8">
      <c r="H586471" s="12"/>
    </row>
    <row r="586472" spans="8:8">
      <c r="H586472" s="12"/>
    </row>
    <row r="586473" spans="8:8">
      <c r="H586473" s="12"/>
    </row>
    <row r="586474" spans="8:8">
      <c r="H586474" s="12"/>
    </row>
    <row r="586475" spans="8:8">
      <c r="H586475" s="12"/>
    </row>
    <row r="586476" spans="8:8">
      <c r="H586476" s="12"/>
    </row>
    <row r="586477" spans="8:8">
      <c r="H586477" s="12"/>
    </row>
    <row r="586478" spans="8:8">
      <c r="H586478" s="12"/>
    </row>
    <row r="586479" spans="8:8">
      <c r="H586479" s="12"/>
    </row>
    <row r="586480" spans="8:8">
      <c r="H586480" s="12"/>
    </row>
    <row r="586481" spans="8:8">
      <c r="H586481" s="12"/>
    </row>
    <row r="586482" spans="8:8">
      <c r="H586482" s="12"/>
    </row>
    <row r="586483" spans="8:8">
      <c r="H586483" s="12"/>
    </row>
    <row r="586484" spans="8:8">
      <c r="H586484" s="12"/>
    </row>
    <row r="586485" spans="8:8">
      <c r="H586485" s="12"/>
    </row>
    <row r="586486" spans="8:8">
      <c r="H586486" s="12"/>
    </row>
    <row r="586487" spans="8:8">
      <c r="H586487" s="12"/>
    </row>
    <row r="586488" spans="8:8">
      <c r="H586488" s="12"/>
    </row>
    <row r="586489" spans="8:8">
      <c r="H586489" s="12"/>
    </row>
    <row r="586490" spans="8:8">
      <c r="H586490" s="12"/>
    </row>
    <row r="586491" spans="8:8">
      <c r="H586491" s="12"/>
    </row>
    <row r="586492" spans="8:8">
      <c r="H586492" s="12"/>
    </row>
    <row r="586493" spans="8:8">
      <c r="H586493" s="12"/>
    </row>
    <row r="586494" spans="8:8">
      <c r="H586494" s="12"/>
    </row>
    <row r="586495" spans="8:8">
      <c r="H586495" s="12"/>
    </row>
    <row r="586496" spans="8:8">
      <c r="H586496" s="12"/>
    </row>
    <row r="586497" spans="8:8">
      <c r="H586497" s="12"/>
    </row>
    <row r="586498" spans="8:8">
      <c r="H586498" s="12"/>
    </row>
    <row r="586499" spans="8:8">
      <c r="H586499" s="12"/>
    </row>
    <row r="586500" spans="8:8">
      <c r="H586500" s="12"/>
    </row>
    <row r="586501" spans="8:8">
      <c r="H586501" s="12"/>
    </row>
    <row r="586502" spans="8:8">
      <c r="H586502" s="12"/>
    </row>
    <row r="586503" spans="8:8">
      <c r="H586503" s="12"/>
    </row>
    <row r="586504" spans="8:8">
      <c r="H586504" s="12"/>
    </row>
    <row r="586505" spans="8:8">
      <c r="H586505" s="12"/>
    </row>
    <row r="586506" spans="8:8">
      <c r="H586506" s="12"/>
    </row>
    <row r="586507" spans="8:8">
      <c r="H586507" s="12"/>
    </row>
    <row r="586508" spans="8:8">
      <c r="H586508" s="12"/>
    </row>
    <row r="586509" spans="8:8">
      <c r="H586509" s="12"/>
    </row>
    <row r="586510" spans="8:8">
      <c r="H586510" s="12"/>
    </row>
    <row r="586511" spans="8:8">
      <c r="H586511" s="12"/>
    </row>
    <row r="586512" spans="8:8">
      <c r="H586512" s="12"/>
    </row>
    <row r="586513" spans="8:8">
      <c r="H586513" s="12"/>
    </row>
    <row r="586514" spans="8:8">
      <c r="H586514" s="12"/>
    </row>
    <row r="586515" spans="8:8">
      <c r="H586515" s="12"/>
    </row>
    <row r="586516" spans="8:8">
      <c r="H586516" s="12"/>
    </row>
    <row r="586517" spans="8:8">
      <c r="H586517" s="12"/>
    </row>
    <row r="586518" spans="8:8">
      <c r="H586518" s="12"/>
    </row>
    <row r="586519" spans="8:8">
      <c r="H586519" s="12"/>
    </row>
    <row r="586520" spans="8:8">
      <c r="H586520" s="12"/>
    </row>
    <row r="586521" spans="8:8">
      <c r="H586521" s="12"/>
    </row>
    <row r="586522" spans="8:8">
      <c r="H586522" s="12"/>
    </row>
    <row r="586523" spans="8:8">
      <c r="H586523" s="12"/>
    </row>
    <row r="586524" spans="8:8">
      <c r="H586524" s="12"/>
    </row>
    <row r="586525" spans="8:8">
      <c r="H586525" s="12"/>
    </row>
    <row r="586526" spans="8:8">
      <c r="H586526" s="12"/>
    </row>
    <row r="586527" spans="8:8">
      <c r="H586527" s="12"/>
    </row>
    <row r="586528" spans="8:8">
      <c r="H586528" s="12"/>
    </row>
    <row r="586529" spans="8:8">
      <c r="H586529" s="12"/>
    </row>
    <row r="586530" spans="8:8">
      <c r="H586530" s="12"/>
    </row>
    <row r="586531" spans="8:8">
      <c r="H586531" s="12"/>
    </row>
    <row r="586532" spans="8:8">
      <c r="H586532" s="12"/>
    </row>
    <row r="586533" spans="8:8">
      <c r="H586533" s="12"/>
    </row>
    <row r="586534" spans="8:8">
      <c r="H586534" s="12"/>
    </row>
    <row r="586535" spans="8:8">
      <c r="H586535" s="12"/>
    </row>
    <row r="586536" spans="8:8">
      <c r="H586536" s="12"/>
    </row>
    <row r="586537" spans="8:8">
      <c r="H586537" s="12"/>
    </row>
    <row r="586538" spans="8:8">
      <c r="H586538" s="12"/>
    </row>
    <row r="586539" spans="8:8">
      <c r="H586539" s="12"/>
    </row>
    <row r="586540" spans="8:8">
      <c r="H586540" s="12"/>
    </row>
    <row r="586541" spans="8:8">
      <c r="H586541" s="12"/>
    </row>
    <row r="586542" spans="8:8">
      <c r="H586542" s="12"/>
    </row>
    <row r="586543" spans="8:8">
      <c r="H586543" s="12"/>
    </row>
    <row r="586544" spans="8:8">
      <c r="H586544" s="12"/>
    </row>
    <row r="586545" spans="8:8">
      <c r="H586545" s="12"/>
    </row>
    <row r="586546" spans="8:8">
      <c r="H586546" s="12"/>
    </row>
    <row r="586547" spans="8:8">
      <c r="H586547" s="12"/>
    </row>
    <row r="586548" spans="8:8">
      <c r="H586548" s="12"/>
    </row>
    <row r="586549" spans="8:8">
      <c r="H586549" s="12"/>
    </row>
    <row r="586550" spans="8:8">
      <c r="H586550" s="12"/>
    </row>
    <row r="586551" spans="8:8">
      <c r="H586551" s="12"/>
    </row>
    <row r="586552" spans="8:8">
      <c r="H586552" s="12"/>
    </row>
    <row r="586553" spans="8:8">
      <c r="H586553" s="12"/>
    </row>
    <row r="586554" spans="8:8">
      <c r="H586554" s="12"/>
    </row>
    <row r="586555" spans="8:8">
      <c r="H586555" s="12"/>
    </row>
    <row r="586556" spans="8:8">
      <c r="H586556" s="12"/>
    </row>
    <row r="586557" spans="8:8">
      <c r="H586557" s="12"/>
    </row>
    <row r="586558" spans="8:8">
      <c r="H586558" s="12"/>
    </row>
    <row r="586559" spans="8:8">
      <c r="H586559" s="12"/>
    </row>
    <row r="586560" spans="8:8">
      <c r="H586560" s="12"/>
    </row>
    <row r="586561" spans="8:8">
      <c r="H586561" s="12"/>
    </row>
    <row r="586562" spans="8:8">
      <c r="H586562" s="12"/>
    </row>
    <row r="586563" spans="8:8">
      <c r="H586563" s="12"/>
    </row>
    <row r="586564" spans="8:8">
      <c r="H586564" s="12"/>
    </row>
    <row r="586565" spans="8:8">
      <c r="H586565" s="12"/>
    </row>
    <row r="586566" spans="8:8">
      <c r="H586566" s="12"/>
    </row>
    <row r="586567" spans="8:8">
      <c r="H586567" s="12"/>
    </row>
    <row r="586568" spans="8:8">
      <c r="H586568" s="12"/>
    </row>
    <row r="586569" spans="8:8">
      <c r="H586569" s="12"/>
    </row>
    <row r="586570" spans="8:8">
      <c r="H586570" s="12"/>
    </row>
    <row r="586571" spans="8:8">
      <c r="H586571" s="12"/>
    </row>
    <row r="586572" spans="8:8">
      <c r="H586572" s="12"/>
    </row>
    <row r="586573" spans="8:8">
      <c r="H586573" s="12"/>
    </row>
    <row r="586574" spans="8:8">
      <c r="H586574" s="12"/>
    </row>
    <row r="586575" spans="8:8">
      <c r="H586575" s="12"/>
    </row>
    <row r="586576" spans="8:8">
      <c r="H586576" s="12"/>
    </row>
    <row r="586577" spans="8:8">
      <c r="H586577" s="12"/>
    </row>
    <row r="586578" spans="8:8">
      <c r="H586578" s="12"/>
    </row>
    <row r="586579" spans="8:8">
      <c r="H586579" s="12"/>
    </row>
    <row r="586580" spans="8:8">
      <c r="H586580" s="12"/>
    </row>
    <row r="586581" spans="8:8">
      <c r="H586581" s="12"/>
    </row>
    <row r="586582" spans="8:8">
      <c r="H586582" s="12"/>
    </row>
    <row r="586583" spans="8:8">
      <c r="H586583" s="12"/>
    </row>
    <row r="586584" spans="8:8">
      <c r="H586584" s="12"/>
    </row>
    <row r="586585" spans="8:8">
      <c r="H586585" s="12"/>
    </row>
    <row r="586586" spans="8:8">
      <c r="H586586" s="12"/>
    </row>
    <row r="586587" spans="8:8">
      <c r="H586587" s="12"/>
    </row>
    <row r="586588" spans="8:8">
      <c r="H586588" s="12"/>
    </row>
    <row r="586589" spans="8:8">
      <c r="H586589" s="12"/>
    </row>
    <row r="586590" spans="8:8">
      <c r="H586590" s="12"/>
    </row>
    <row r="586591" spans="8:8">
      <c r="H586591" s="12"/>
    </row>
    <row r="586592" spans="8:8">
      <c r="H586592" s="12"/>
    </row>
    <row r="586593" spans="8:8">
      <c r="H586593" s="12"/>
    </row>
    <row r="586594" spans="8:8">
      <c r="H586594" s="12"/>
    </row>
    <row r="586595" spans="8:8">
      <c r="H586595" s="12"/>
    </row>
    <row r="586596" spans="8:8">
      <c r="H586596" s="12"/>
    </row>
    <row r="586597" spans="8:8">
      <c r="H586597" s="12"/>
    </row>
    <row r="586598" spans="8:8">
      <c r="H586598" s="12"/>
    </row>
    <row r="586599" spans="8:8">
      <c r="H586599" s="12"/>
    </row>
    <row r="586600" spans="8:8">
      <c r="H586600" s="12"/>
    </row>
    <row r="586601" spans="8:8">
      <c r="H586601" s="12"/>
    </row>
    <row r="586602" spans="8:8">
      <c r="H586602" s="12"/>
    </row>
    <row r="586603" spans="8:8">
      <c r="H586603" s="12"/>
    </row>
    <row r="586604" spans="8:8">
      <c r="H586604" s="12"/>
    </row>
    <row r="586605" spans="8:8">
      <c r="H586605" s="12"/>
    </row>
    <row r="586606" spans="8:8">
      <c r="H586606" s="12"/>
    </row>
    <row r="586607" spans="8:8">
      <c r="H586607" s="12"/>
    </row>
    <row r="586608" spans="8:8">
      <c r="H586608" s="12"/>
    </row>
    <row r="586609" spans="8:8">
      <c r="H586609" s="12"/>
    </row>
    <row r="586610" spans="8:8">
      <c r="H586610" s="12"/>
    </row>
    <row r="586611" spans="8:8">
      <c r="H586611" s="12"/>
    </row>
    <row r="586612" spans="8:8">
      <c r="H586612" s="12"/>
    </row>
    <row r="586613" spans="8:8">
      <c r="H586613" s="12"/>
    </row>
    <row r="586614" spans="8:8">
      <c r="H586614" s="12"/>
    </row>
    <row r="586615" spans="8:8">
      <c r="H586615" s="12"/>
    </row>
    <row r="586616" spans="8:8">
      <c r="H586616" s="12"/>
    </row>
    <row r="586617" spans="8:8">
      <c r="H586617" s="12"/>
    </row>
    <row r="586618" spans="8:8">
      <c r="H586618" s="12"/>
    </row>
    <row r="586619" spans="8:8">
      <c r="H586619" s="12"/>
    </row>
    <row r="586620" spans="8:8">
      <c r="H586620" s="12"/>
    </row>
    <row r="586621" spans="8:8">
      <c r="H586621" s="12"/>
    </row>
    <row r="586622" spans="8:8">
      <c r="H586622" s="12"/>
    </row>
    <row r="586623" spans="8:8">
      <c r="H586623" s="12"/>
    </row>
    <row r="586624" spans="8:8">
      <c r="H586624" s="12"/>
    </row>
    <row r="586625" spans="8:8">
      <c r="H586625" s="12"/>
    </row>
    <row r="586626" spans="8:8">
      <c r="H586626" s="12"/>
    </row>
    <row r="586627" spans="8:8">
      <c r="H586627" s="12"/>
    </row>
    <row r="586628" spans="8:8">
      <c r="H586628" s="12"/>
    </row>
    <row r="586629" spans="8:8">
      <c r="H586629" s="12"/>
    </row>
    <row r="586630" spans="8:8">
      <c r="H586630" s="12"/>
    </row>
    <row r="586631" spans="8:8">
      <c r="H586631" s="12"/>
    </row>
    <row r="586632" spans="8:8">
      <c r="H586632" s="12"/>
    </row>
    <row r="586633" spans="8:8">
      <c r="H586633" s="12"/>
    </row>
    <row r="586634" spans="8:8">
      <c r="H586634" s="12"/>
    </row>
    <row r="586635" spans="8:8">
      <c r="H586635" s="12"/>
    </row>
    <row r="586636" spans="8:8">
      <c r="H586636" s="12"/>
    </row>
    <row r="586637" spans="8:8">
      <c r="H586637" s="12"/>
    </row>
    <row r="586638" spans="8:8">
      <c r="H586638" s="12"/>
    </row>
    <row r="586639" spans="8:8">
      <c r="H586639" s="12"/>
    </row>
    <row r="586640" spans="8:8">
      <c r="H586640" s="12"/>
    </row>
    <row r="586641" spans="8:8">
      <c r="H586641" s="12"/>
    </row>
    <row r="586642" spans="8:8">
      <c r="H586642" s="12"/>
    </row>
    <row r="586643" spans="8:8">
      <c r="H586643" s="12"/>
    </row>
    <row r="586644" spans="8:8">
      <c r="H586644" s="12"/>
    </row>
    <row r="586645" spans="8:8">
      <c r="H586645" s="12"/>
    </row>
    <row r="586646" spans="8:8">
      <c r="H586646" s="12"/>
    </row>
    <row r="586647" spans="8:8">
      <c r="H586647" s="12"/>
    </row>
    <row r="586648" spans="8:8">
      <c r="H586648" s="12"/>
    </row>
    <row r="586649" spans="8:8">
      <c r="H586649" s="12"/>
    </row>
    <row r="586650" spans="8:8">
      <c r="H586650" s="12"/>
    </row>
    <row r="586651" spans="8:8">
      <c r="H586651" s="12"/>
    </row>
    <row r="586652" spans="8:8">
      <c r="H586652" s="12"/>
    </row>
    <row r="586653" spans="8:8">
      <c r="H586653" s="12"/>
    </row>
    <row r="586654" spans="8:8">
      <c r="H586654" s="12"/>
    </row>
    <row r="586655" spans="8:8">
      <c r="H586655" s="12"/>
    </row>
    <row r="586656" spans="8:8">
      <c r="H586656" s="12"/>
    </row>
    <row r="586657" spans="8:8">
      <c r="H586657" s="12"/>
    </row>
    <row r="586658" spans="8:8">
      <c r="H586658" s="12"/>
    </row>
    <row r="586659" spans="8:8">
      <c r="H586659" s="12"/>
    </row>
    <row r="586660" spans="8:8">
      <c r="H586660" s="12"/>
    </row>
    <row r="586661" spans="8:8">
      <c r="H586661" s="12"/>
    </row>
    <row r="586662" spans="8:8">
      <c r="H586662" s="12"/>
    </row>
    <row r="586663" spans="8:8">
      <c r="H586663" s="12"/>
    </row>
    <row r="586664" spans="8:8">
      <c r="H586664" s="12"/>
    </row>
    <row r="586665" spans="8:8">
      <c r="H586665" s="12"/>
    </row>
    <row r="586666" spans="8:8">
      <c r="H586666" s="12"/>
    </row>
    <row r="586667" spans="8:8">
      <c r="H586667" s="12"/>
    </row>
    <row r="586668" spans="8:8">
      <c r="H586668" s="12"/>
    </row>
    <row r="586669" spans="8:8">
      <c r="H586669" s="12"/>
    </row>
    <row r="586670" spans="8:8">
      <c r="H586670" s="12"/>
    </row>
    <row r="586671" spans="8:8">
      <c r="H586671" s="12"/>
    </row>
    <row r="586672" spans="8:8">
      <c r="H586672" s="12"/>
    </row>
    <row r="586673" spans="8:8">
      <c r="H586673" s="12"/>
    </row>
    <row r="586674" spans="8:8">
      <c r="H586674" s="12"/>
    </row>
    <row r="586675" spans="8:8">
      <c r="H586675" s="12"/>
    </row>
    <row r="586676" spans="8:8">
      <c r="H586676" s="12"/>
    </row>
    <row r="586677" spans="8:8">
      <c r="H586677" s="12"/>
    </row>
    <row r="586678" spans="8:8">
      <c r="H586678" s="12"/>
    </row>
    <row r="586679" spans="8:8">
      <c r="H586679" s="12"/>
    </row>
    <row r="586680" spans="8:8">
      <c r="H586680" s="12"/>
    </row>
    <row r="586681" spans="8:8">
      <c r="H586681" s="12"/>
    </row>
    <row r="586682" spans="8:8">
      <c r="H586682" s="12"/>
    </row>
    <row r="586683" spans="8:8">
      <c r="H586683" s="12"/>
    </row>
    <row r="586684" spans="8:8">
      <c r="H586684" s="12"/>
    </row>
    <row r="586685" spans="8:8">
      <c r="H586685" s="12"/>
    </row>
    <row r="586686" spans="8:8">
      <c r="H586686" s="12"/>
    </row>
    <row r="586687" spans="8:8">
      <c r="H586687" s="12"/>
    </row>
    <row r="586688" spans="8:8">
      <c r="H586688" s="12"/>
    </row>
    <row r="586689" spans="8:8">
      <c r="H586689" s="12"/>
    </row>
    <row r="586690" spans="8:8">
      <c r="H586690" s="12"/>
    </row>
    <row r="586691" spans="8:8">
      <c r="H586691" s="12"/>
    </row>
    <row r="586692" spans="8:8">
      <c r="H586692" s="12"/>
    </row>
    <row r="586693" spans="8:8">
      <c r="H586693" s="12"/>
    </row>
    <row r="586694" spans="8:8">
      <c r="H586694" s="12"/>
    </row>
    <row r="586695" spans="8:8">
      <c r="H586695" s="12"/>
    </row>
    <row r="586696" spans="8:8">
      <c r="H586696" s="12"/>
    </row>
    <row r="586697" spans="8:8">
      <c r="H586697" s="12"/>
    </row>
    <row r="586698" spans="8:8">
      <c r="H586698" s="12"/>
    </row>
    <row r="586699" spans="8:8">
      <c r="H586699" s="12"/>
    </row>
    <row r="586700" spans="8:8">
      <c r="H586700" s="12"/>
    </row>
    <row r="586701" spans="8:8">
      <c r="H586701" s="12"/>
    </row>
    <row r="586702" spans="8:8">
      <c r="H586702" s="12"/>
    </row>
    <row r="586703" spans="8:8">
      <c r="H586703" s="12"/>
    </row>
    <row r="586704" spans="8:8">
      <c r="H586704" s="12"/>
    </row>
    <row r="586705" spans="8:8">
      <c r="H586705" s="12"/>
    </row>
    <row r="586706" spans="8:8">
      <c r="H586706" s="12"/>
    </row>
    <row r="586707" spans="8:8">
      <c r="H586707" s="12"/>
    </row>
    <row r="586708" spans="8:8">
      <c r="H586708" s="12"/>
    </row>
    <row r="586709" spans="8:8">
      <c r="H586709" s="12"/>
    </row>
    <row r="586710" spans="8:8">
      <c r="H586710" s="12"/>
    </row>
    <row r="586711" spans="8:8">
      <c r="H586711" s="12"/>
    </row>
    <row r="586712" spans="8:8">
      <c r="H586712" s="12"/>
    </row>
    <row r="586713" spans="8:8">
      <c r="H586713" s="12"/>
    </row>
    <row r="586714" spans="8:8">
      <c r="H586714" s="12"/>
    </row>
    <row r="586715" spans="8:8">
      <c r="H586715" s="12"/>
    </row>
    <row r="586716" spans="8:8">
      <c r="H586716" s="12"/>
    </row>
    <row r="586717" spans="8:8">
      <c r="H586717" s="12"/>
    </row>
    <row r="586718" spans="8:8">
      <c r="H586718" s="12"/>
    </row>
    <row r="586719" spans="8:8">
      <c r="H586719" s="12"/>
    </row>
    <row r="586720" spans="8:8">
      <c r="H586720" s="12"/>
    </row>
    <row r="586721" spans="8:8">
      <c r="H586721" s="12"/>
    </row>
    <row r="586722" spans="8:8">
      <c r="H586722" s="12"/>
    </row>
    <row r="586723" spans="8:8">
      <c r="H586723" s="12"/>
    </row>
    <row r="586724" spans="8:8">
      <c r="H586724" s="12"/>
    </row>
    <row r="586725" spans="8:8">
      <c r="H586725" s="12"/>
    </row>
    <row r="586726" spans="8:8">
      <c r="H586726" s="12"/>
    </row>
    <row r="586727" spans="8:8">
      <c r="H586727" s="12"/>
    </row>
    <row r="586728" spans="8:8">
      <c r="H586728" s="12"/>
    </row>
    <row r="586729" spans="8:8">
      <c r="H586729" s="12"/>
    </row>
    <row r="586730" spans="8:8">
      <c r="H586730" s="12"/>
    </row>
    <row r="586731" spans="8:8">
      <c r="H586731" s="12"/>
    </row>
    <row r="586732" spans="8:8">
      <c r="H586732" s="12"/>
    </row>
    <row r="586733" spans="8:8">
      <c r="H586733" s="12"/>
    </row>
    <row r="586734" spans="8:8">
      <c r="H586734" s="12"/>
    </row>
    <row r="586735" spans="8:8">
      <c r="H586735" s="12"/>
    </row>
    <row r="586736" spans="8:8">
      <c r="H586736" s="12"/>
    </row>
    <row r="586737" spans="8:8">
      <c r="H586737" s="12"/>
    </row>
    <row r="586738" spans="8:8">
      <c r="H586738" s="12"/>
    </row>
    <row r="586739" spans="8:8">
      <c r="H586739" s="12"/>
    </row>
    <row r="586740" spans="8:8">
      <c r="H586740" s="12"/>
    </row>
    <row r="586741" spans="8:8">
      <c r="H586741" s="12"/>
    </row>
    <row r="586742" spans="8:8">
      <c r="H586742" s="12"/>
    </row>
    <row r="586743" spans="8:8">
      <c r="H586743" s="12"/>
    </row>
    <row r="586744" spans="8:8">
      <c r="H586744" s="12"/>
    </row>
    <row r="586745" spans="8:8">
      <c r="H586745" s="12"/>
    </row>
    <row r="586746" spans="8:8">
      <c r="H586746" s="12"/>
    </row>
    <row r="586747" spans="8:8">
      <c r="H586747" s="12"/>
    </row>
    <row r="586748" spans="8:8">
      <c r="H586748" s="12"/>
    </row>
    <row r="586749" spans="8:8">
      <c r="H586749" s="12"/>
    </row>
    <row r="586750" spans="8:8">
      <c r="H586750" s="12"/>
    </row>
    <row r="586751" spans="8:8">
      <c r="H586751" s="12"/>
    </row>
    <row r="586752" spans="8:8">
      <c r="H586752" s="12"/>
    </row>
    <row r="586753" spans="8:8">
      <c r="H586753" s="12"/>
    </row>
    <row r="586754" spans="8:8">
      <c r="H586754" s="12"/>
    </row>
    <row r="586755" spans="8:8">
      <c r="H586755" s="12"/>
    </row>
    <row r="586756" spans="8:8">
      <c r="H586756" s="12"/>
    </row>
    <row r="586757" spans="8:8">
      <c r="H586757" s="12"/>
    </row>
    <row r="586758" spans="8:8">
      <c r="H586758" s="12"/>
    </row>
    <row r="586759" spans="8:8">
      <c r="H586759" s="12"/>
    </row>
    <row r="586760" spans="8:8">
      <c r="H586760" s="12"/>
    </row>
    <row r="586761" spans="8:8">
      <c r="H586761" s="12"/>
    </row>
    <row r="586762" spans="8:8">
      <c r="H586762" s="12"/>
    </row>
    <row r="586763" spans="8:8">
      <c r="H586763" s="12"/>
    </row>
    <row r="586764" spans="8:8">
      <c r="H586764" s="12"/>
    </row>
    <row r="586765" spans="8:8">
      <c r="H586765" s="12"/>
    </row>
    <row r="586766" spans="8:8">
      <c r="H586766" s="12"/>
    </row>
    <row r="586767" spans="8:8">
      <c r="H586767" s="12"/>
    </row>
    <row r="586768" spans="8:8">
      <c r="H586768" s="12"/>
    </row>
    <row r="586769" spans="8:8">
      <c r="H586769" s="12"/>
    </row>
    <row r="586770" spans="8:8">
      <c r="H586770" s="12"/>
    </row>
    <row r="586771" spans="8:8">
      <c r="H586771" s="12"/>
    </row>
    <row r="586772" spans="8:8">
      <c r="H586772" s="12"/>
    </row>
    <row r="586773" spans="8:8">
      <c r="H586773" s="12"/>
    </row>
    <row r="586774" spans="8:8">
      <c r="H586774" s="12"/>
    </row>
    <row r="586775" spans="8:8">
      <c r="H586775" s="12"/>
    </row>
    <row r="586776" spans="8:8">
      <c r="H586776" s="12"/>
    </row>
    <row r="586777" spans="8:8">
      <c r="H586777" s="12"/>
    </row>
    <row r="586778" spans="8:8">
      <c r="H586778" s="12"/>
    </row>
    <row r="586779" spans="8:8">
      <c r="H586779" s="12"/>
    </row>
    <row r="586780" spans="8:8">
      <c r="H586780" s="12"/>
    </row>
    <row r="586781" spans="8:8">
      <c r="H586781" s="12"/>
    </row>
    <row r="586782" spans="8:8">
      <c r="H586782" s="12"/>
    </row>
    <row r="586783" spans="8:8">
      <c r="H586783" s="12"/>
    </row>
    <row r="586784" spans="8:8">
      <c r="H586784" s="12"/>
    </row>
    <row r="586785" spans="8:8">
      <c r="H586785" s="12"/>
    </row>
    <row r="586786" spans="8:8">
      <c r="H586786" s="12"/>
    </row>
    <row r="586787" spans="8:8">
      <c r="H586787" s="12"/>
    </row>
    <row r="586788" spans="8:8">
      <c r="H586788" s="12"/>
    </row>
    <row r="586789" spans="8:8">
      <c r="H586789" s="12"/>
    </row>
    <row r="586790" spans="8:8">
      <c r="H586790" s="12"/>
    </row>
    <row r="586791" spans="8:8">
      <c r="H586791" s="12"/>
    </row>
    <row r="586792" spans="8:8">
      <c r="H586792" s="12"/>
    </row>
    <row r="586793" spans="8:8">
      <c r="H586793" s="12"/>
    </row>
    <row r="586794" spans="8:8">
      <c r="H586794" s="12"/>
    </row>
    <row r="586795" spans="8:8">
      <c r="H586795" s="12"/>
    </row>
    <row r="586796" spans="8:8">
      <c r="H586796" s="12"/>
    </row>
    <row r="586797" spans="8:8">
      <c r="H586797" s="12"/>
    </row>
    <row r="586798" spans="8:8">
      <c r="H586798" s="12"/>
    </row>
    <row r="586799" spans="8:8">
      <c r="H586799" s="12"/>
    </row>
    <row r="586800" spans="8:8">
      <c r="H586800" s="12"/>
    </row>
    <row r="586801" spans="8:8">
      <c r="H586801" s="12"/>
    </row>
    <row r="586802" spans="8:8">
      <c r="H586802" s="12"/>
    </row>
    <row r="586803" spans="8:8">
      <c r="H586803" s="12"/>
    </row>
    <row r="586804" spans="8:8">
      <c r="H586804" s="12"/>
    </row>
    <row r="586805" spans="8:8">
      <c r="H586805" s="12"/>
    </row>
    <row r="586806" spans="8:8">
      <c r="H586806" s="12"/>
    </row>
    <row r="586807" spans="8:8">
      <c r="H586807" s="12"/>
    </row>
    <row r="586808" spans="8:8">
      <c r="H586808" s="12"/>
    </row>
    <row r="586809" spans="8:8">
      <c r="H586809" s="12"/>
    </row>
    <row r="586810" spans="8:8">
      <c r="H586810" s="12"/>
    </row>
    <row r="586811" spans="8:8">
      <c r="H586811" s="12"/>
    </row>
    <row r="586812" spans="8:8">
      <c r="H586812" s="12"/>
    </row>
    <row r="586813" spans="8:8">
      <c r="H586813" s="12"/>
    </row>
    <row r="586814" spans="8:8">
      <c r="H586814" s="12"/>
    </row>
    <row r="586815" spans="8:8">
      <c r="H586815" s="12"/>
    </row>
    <row r="586816" spans="8:8">
      <c r="H586816" s="12"/>
    </row>
    <row r="586817" spans="8:8">
      <c r="H586817" s="12"/>
    </row>
    <row r="586818" spans="8:8">
      <c r="H586818" s="12"/>
    </row>
    <row r="586819" spans="8:8">
      <c r="H586819" s="12"/>
    </row>
    <row r="586820" spans="8:8">
      <c r="H586820" s="12"/>
    </row>
    <row r="586821" spans="8:8">
      <c r="H586821" s="12"/>
    </row>
    <row r="586822" spans="8:8">
      <c r="H586822" s="12"/>
    </row>
    <row r="586823" spans="8:8">
      <c r="H586823" s="12"/>
    </row>
    <row r="586824" spans="8:8">
      <c r="H586824" s="12"/>
    </row>
    <row r="586825" spans="8:8">
      <c r="H586825" s="12"/>
    </row>
    <row r="586826" spans="8:8">
      <c r="H586826" s="12"/>
    </row>
    <row r="586827" spans="8:8">
      <c r="H586827" s="12"/>
    </row>
    <row r="586828" spans="8:8">
      <c r="H586828" s="12"/>
    </row>
    <row r="586829" spans="8:8">
      <c r="H586829" s="12"/>
    </row>
    <row r="586830" spans="8:8">
      <c r="H586830" s="12"/>
    </row>
    <row r="586831" spans="8:8">
      <c r="H586831" s="12"/>
    </row>
    <row r="586832" spans="8:8">
      <c r="H586832" s="12"/>
    </row>
    <row r="586833" spans="8:8">
      <c r="H586833" s="12"/>
    </row>
    <row r="586834" spans="8:8">
      <c r="H586834" s="12"/>
    </row>
    <row r="586835" spans="8:8">
      <c r="H586835" s="12"/>
    </row>
    <row r="586836" spans="8:8">
      <c r="H586836" s="12"/>
    </row>
    <row r="586837" spans="8:8">
      <c r="H586837" s="12"/>
    </row>
    <row r="586838" spans="8:8">
      <c r="H586838" s="12"/>
    </row>
    <row r="586839" spans="8:8">
      <c r="H586839" s="12"/>
    </row>
    <row r="586840" spans="8:8">
      <c r="H586840" s="12"/>
    </row>
    <row r="586841" spans="8:8">
      <c r="H586841" s="12"/>
    </row>
    <row r="586842" spans="8:8">
      <c r="H586842" s="12"/>
    </row>
    <row r="586843" spans="8:8">
      <c r="H586843" s="12"/>
    </row>
    <row r="586844" spans="8:8">
      <c r="H586844" s="12"/>
    </row>
    <row r="586845" spans="8:8">
      <c r="H586845" s="12"/>
    </row>
    <row r="586846" spans="8:8">
      <c r="H586846" s="12"/>
    </row>
    <row r="586847" spans="8:8">
      <c r="H586847" s="12"/>
    </row>
    <row r="586848" spans="8:8">
      <c r="H586848" s="12"/>
    </row>
    <row r="586849" spans="8:8">
      <c r="H586849" s="12"/>
    </row>
    <row r="586850" spans="8:8">
      <c r="H586850" s="12"/>
    </row>
    <row r="586851" spans="8:8">
      <c r="H586851" s="12"/>
    </row>
    <row r="586852" spans="8:8">
      <c r="H586852" s="12"/>
    </row>
    <row r="586853" spans="8:8">
      <c r="H586853" s="12"/>
    </row>
    <row r="586854" spans="8:8">
      <c r="H586854" s="12"/>
    </row>
    <row r="586855" spans="8:8">
      <c r="H586855" s="12"/>
    </row>
    <row r="586856" spans="8:8">
      <c r="H586856" s="12"/>
    </row>
    <row r="586857" spans="8:8">
      <c r="H586857" s="12"/>
    </row>
    <row r="586858" spans="8:8">
      <c r="H586858" s="12"/>
    </row>
    <row r="586859" spans="8:8">
      <c r="H586859" s="12"/>
    </row>
    <row r="586860" spans="8:8">
      <c r="H586860" s="12"/>
    </row>
    <row r="586861" spans="8:8">
      <c r="H586861" s="12"/>
    </row>
    <row r="586862" spans="8:8">
      <c r="H586862" s="12"/>
    </row>
    <row r="586863" spans="8:8">
      <c r="H586863" s="12"/>
    </row>
    <row r="586864" spans="8:8">
      <c r="H586864" s="12"/>
    </row>
    <row r="586865" spans="8:8">
      <c r="H586865" s="12"/>
    </row>
    <row r="586866" spans="8:8">
      <c r="H586866" s="12"/>
    </row>
    <row r="586867" spans="8:8">
      <c r="H586867" s="12"/>
    </row>
    <row r="586868" spans="8:8">
      <c r="H586868" s="12"/>
    </row>
    <row r="586869" spans="8:8">
      <c r="H586869" s="12"/>
    </row>
    <row r="586870" spans="8:8">
      <c r="H586870" s="12"/>
    </row>
    <row r="586871" spans="8:8">
      <c r="H586871" s="12"/>
    </row>
    <row r="586872" spans="8:8">
      <c r="H586872" s="12"/>
    </row>
    <row r="586873" spans="8:8">
      <c r="H586873" s="12"/>
    </row>
    <row r="586874" spans="8:8">
      <c r="H586874" s="12"/>
    </row>
    <row r="586875" spans="8:8">
      <c r="H586875" s="12"/>
    </row>
    <row r="586876" spans="8:8">
      <c r="H586876" s="12"/>
    </row>
    <row r="586877" spans="8:8">
      <c r="H586877" s="12"/>
    </row>
    <row r="586878" spans="8:8">
      <c r="H586878" s="12"/>
    </row>
    <row r="586879" spans="8:8">
      <c r="H586879" s="12"/>
    </row>
    <row r="586880" spans="8:8">
      <c r="H586880" s="12"/>
    </row>
    <row r="586881" spans="8:8">
      <c r="H586881" s="12"/>
    </row>
    <row r="586882" spans="8:8">
      <c r="H586882" s="12"/>
    </row>
    <row r="586883" spans="8:8">
      <c r="H586883" s="12"/>
    </row>
    <row r="586884" spans="8:8">
      <c r="H586884" s="12"/>
    </row>
    <row r="586885" spans="8:8">
      <c r="H586885" s="12"/>
    </row>
    <row r="586886" spans="8:8">
      <c r="H586886" s="12"/>
    </row>
    <row r="586887" spans="8:8">
      <c r="H586887" s="12"/>
    </row>
    <row r="586888" spans="8:8">
      <c r="H586888" s="12"/>
    </row>
    <row r="586889" spans="8:8">
      <c r="H586889" s="12"/>
    </row>
    <row r="586890" spans="8:8">
      <c r="H586890" s="12"/>
    </row>
    <row r="586891" spans="8:8">
      <c r="H586891" s="12"/>
    </row>
    <row r="586892" spans="8:8">
      <c r="H586892" s="12"/>
    </row>
    <row r="586893" spans="8:8">
      <c r="H586893" s="12"/>
    </row>
    <row r="586894" spans="8:8">
      <c r="H586894" s="12"/>
    </row>
    <row r="586895" spans="8:8">
      <c r="H586895" s="12"/>
    </row>
    <row r="586896" spans="8:8">
      <c r="H586896" s="12"/>
    </row>
    <row r="586897" spans="8:8">
      <c r="H586897" s="12"/>
    </row>
    <row r="586898" spans="8:8">
      <c r="H586898" s="12"/>
    </row>
    <row r="586899" spans="8:8">
      <c r="H586899" s="12"/>
    </row>
    <row r="586900" spans="8:8">
      <c r="H586900" s="12"/>
    </row>
    <row r="586901" spans="8:8">
      <c r="H586901" s="12"/>
    </row>
    <row r="586902" spans="8:8">
      <c r="H586902" s="12"/>
    </row>
    <row r="586903" spans="8:8">
      <c r="H586903" s="12"/>
    </row>
    <row r="586904" spans="8:8">
      <c r="H586904" s="12"/>
    </row>
    <row r="586905" spans="8:8">
      <c r="H586905" s="12"/>
    </row>
    <row r="586906" spans="8:8">
      <c r="H586906" s="12"/>
    </row>
    <row r="586907" spans="8:8">
      <c r="H586907" s="12"/>
    </row>
    <row r="586908" spans="8:8">
      <c r="H586908" s="12"/>
    </row>
    <row r="586909" spans="8:8">
      <c r="H586909" s="12"/>
    </row>
    <row r="586910" spans="8:8">
      <c r="H586910" s="12"/>
    </row>
    <row r="586911" spans="8:8">
      <c r="H586911" s="12"/>
    </row>
    <row r="586912" spans="8:8">
      <c r="H586912" s="12"/>
    </row>
    <row r="586913" spans="8:8">
      <c r="H586913" s="12"/>
    </row>
    <row r="586914" spans="8:8">
      <c r="H586914" s="12"/>
    </row>
    <row r="586915" spans="8:8">
      <c r="H586915" s="12"/>
    </row>
    <row r="586916" spans="8:8">
      <c r="H586916" s="12"/>
    </row>
    <row r="586917" spans="8:8">
      <c r="H586917" s="12"/>
    </row>
    <row r="586918" spans="8:8">
      <c r="H586918" s="12"/>
    </row>
    <row r="586919" spans="8:8">
      <c r="H586919" s="12"/>
    </row>
    <row r="586920" spans="8:8">
      <c r="H586920" s="12"/>
    </row>
    <row r="586921" spans="8:8">
      <c r="H586921" s="12"/>
    </row>
    <row r="586922" spans="8:8">
      <c r="H586922" s="12"/>
    </row>
    <row r="586923" spans="8:8">
      <c r="H586923" s="12"/>
    </row>
    <row r="586924" spans="8:8">
      <c r="H586924" s="12"/>
    </row>
    <row r="586925" spans="8:8">
      <c r="H586925" s="12"/>
    </row>
    <row r="586926" spans="8:8">
      <c r="H586926" s="12"/>
    </row>
    <row r="586927" spans="8:8">
      <c r="H586927" s="12"/>
    </row>
    <row r="586928" spans="8:8">
      <c r="H586928" s="12"/>
    </row>
    <row r="586929" spans="8:8">
      <c r="H586929" s="12"/>
    </row>
    <row r="586930" spans="8:8">
      <c r="H586930" s="12"/>
    </row>
    <row r="586931" spans="8:8">
      <c r="H586931" s="12"/>
    </row>
    <row r="586932" spans="8:8">
      <c r="H586932" s="12"/>
    </row>
    <row r="586933" spans="8:8">
      <c r="H586933" s="12"/>
    </row>
    <row r="586934" spans="8:8">
      <c r="H586934" s="12"/>
    </row>
    <row r="586935" spans="8:8">
      <c r="H586935" s="12"/>
    </row>
    <row r="586936" spans="8:8">
      <c r="H586936" s="12"/>
    </row>
    <row r="586937" spans="8:8">
      <c r="H586937" s="12"/>
    </row>
    <row r="586938" spans="8:8">
      <c r="H586938" s="12"/>
    </row>
    <row r="586939" spans="8:8">
      <c r="H586939" s="12"/>
    </row>
    <row r="586940" spans="8:8">
      <c r="H586940" s="12"/>
    </row>
    <row r="586941" spans="8:8">
      <c r="H586941" s="12"/>
    </row>
    <row r="586942" spans="8:8">
      <c r="H586942" s="12"/>
    </row>
    <row r="586943" spans="8:8">
      <c r="H586943" s="12"/>
    </row>
    <row r="586944" spans="8:8">
      <c r="H586944" s="12"/>
    </row>
    <row r="586945" spans="8:8">
      <c r="H586945" s="12"/>
    </row>
    <row r="586946" spans="8:8">
      <c r="H586946" s="12"/>
    </row>
    <row r="586947" spans="8:8">
      <c r="H586947" s="12"/>
    </row>
    <row r="586948" spans="8:8">
      <c r="H586948" s="12"/>
    </row>
    <row r="586949" spans="8:8">
      <c r="H586949" s="12"/>
    </row>
    <row r="586950" spans="8:8">
      <c r="H586950" s="12"/>
    </row>
    <row r="586951" spans="8:8">
      <c r="H586951" s="12"/>
    </row>
    <row r="586952" spans="8:8">
      <c r="H586952" s="12"/>
    </row>
    <row r="586953" spans="8:8">
      <c r="H586953" s="12"/>
    </row>
    <row r="586954" spans="8:8">
      <c r="H586954" s="12"/>
    </row>
    <row r="586955" spans="8:8">
      <c r="H586955" s="12"/>
    </row>
    <row r="586956" spans="8:8">
      <c r="H586956" s="12"/>
    </row>
    <row r="586957" spans="8:8">
      <c r="H586957" s="12"/>
    </row>
    <row r="586958" spans="8:8">
      <c r="H586958" s="12"/>
    </row>
    <row r="586959" spans="8:8">
      <c r="H586959" s="12"/>
    </row>
    <row r="586960" spans="8:8">
      <c r="H586960" s="12"/>
    </row>
    <row r="586961" spans="8:8">
      <c r="H586961" s="12"/>
    </row>
    <row r="586962" spans="8:8">
      <c r="H586962" s="12"/>
    </row>
    <row r="586963" spans="8:8">
      <c r="H586963" s="12"/>
    </row>
    <row r="586964" spans="8:8">
      <c r="H586964" s="12"/>
    </row>
    <row r="586965" spans="8:8">
      <c r="H586965" s="12"/>
    </row>
    <row r="586966" spans="8:8">
      <c r="H586966" s="12"/>
    </row>
    <row r="586967" spans="8:8">
      <c r="H586967" s="12"/>
    </row>
    <row r="586968" spans="8:8">
      <c r="H586968" s="12"/>
    </row>
    <row r="586969" spans="8:8">
      <c r="H586969" s="12"/>
    </row>
    <row r="586970" spans="8:8">
      <c r="H586970" s="12"/>
    </row>
    <row r="586971" spans="8:8">
      <c r="H586971" s="12"/>
    </row>
    <row r="586972" spans="8:8">
      <c r="H586972" s="12"/>
    </row>
    <row r="586973" spans="8:8">
      <c r="H586973" s="12"/>
    </row>
    <row r="586974" spans="8:8">
      <c r="H586974" s="12"/>
    </row>
    <row r="586975" spans="8:8">
      <c r="H586975" s="12"/>
    </row>
    <row r="586976" spans="8:8">
      <c r="H586976" s="12"/>
    </row>
    <row r="586977" spans="8:8">
      <c r="H586977" s="12"/>
    </row>
    <row r="586978" spans="8:8">
      <c r="H586978" s="12"/>
    </row>
    <row r="586979" spans="8:8">
      <c r="H586979" s="12"/>
    </row>
    <row r="586980" spans="8:8">
      <c r="H586980" s="12"/>
    </row>
    <row r="586981" spans="8:8">
      <c r="H586981" s="12"/>
    </row>
    <row r="586982" spans="8:8">
      <c r="H586982" s="12"/>
    </row>
    <row r="586983" spans="8:8">
      <c r="H586983" s="12"/>
    </row>
    <row r="586984" spans="8:8">
      <c r="H586984" s="12"/>
    </row>
    <row r="586985" spans="8:8">
      <c r="H586985" s="12"/>
    </row>
    <row r="586986" spans="8:8">
      <c r="H586986" s="12"/>
    </row>
    <row r="586987" spans="8:8">
      <c r="H586987" s="12"/>
    </row>
    <row r="586988" spans="8:8">
      <c r="H586988" s="12"/>
    </row>
    <row r="586989" spans="8:8">
      <c r="H586989" s="12"/>
    </row>
    <row r="586990" spans="8:8">
      <c r="H586990" s="12"/>
    </row>
    <row r="586991" spans="8:8">
      <c r="H586991" s="12"/>
    </row>
    <row r="586992" spans="8:8">
      <c r="H586992" s="12"/>
    </row>
    <row r="586993" spans="8:8">
      <c r="H586993" s="12"/>
    </row>
    <row r="586994" spans="8:8">
      <c r="H586994" s="12"/>
    </row>
    <row r="586995" spans="8:8">
      <c r="H586995" s="12"/>
    </row>
    <row r="586996" spans="8:8">
      <c r="H586996" s="12"/>
    </row>
    <row r="586997" spans="8:8">
      <c r="H586997" s="12"/>
    </row>
    <row r="586998" spans="8:8">
      <c r="H586998" s="12"/>
    </row>
    <row r="586999" spans="8:8">
      <c r="H586999" s="12"/>
    </row>
    <row r="587000" spans="8:8">
      <c r="H587000" s="12"/>
    </row>
    <row r="587001" spans="8:8">
      <c r="H587001" s="12"/>
    </row>
    <row r="587002" spans="8:8">
      <c r="H587002" s="12"/>
    </row>
    <row r="587003" spans="8:8">
      <c r="H587003" s="12"/>
    </row>
    <row r="587004" spans="8:8">
      <c r="H587004" s="12"/>
    </row>
    <row r="587005" spans="8:8">
      <c r="H587005" s="12"/>
    </row>
    <row r="587006" spans="8:8">
      <c r="H587006" s="12"/>
    </row>
    <row r="587007" spans="8:8">
      <c r="H587007" s="12"/>
    </row>
    <row r="587008" spans="8:8">
      <c r="H587008" s="12"/>
    </row>
    <row r="587009" spans="8:8">
      <c r="H587009" s="12"/>
    </row>
    <row r="587010" spans="8:8">
      <c r="H587010" s="12"/>
    </row>
    <row r="587011" spans="8:8">
      <c r="H587011" s="12"/>
    </row>
    <row r="587012" spans="8:8">
      <c r="H587012" s="12"/>
    </row>
    <row r="587013" spans="8:8">
      <c r="H587013" s="12"/>
    </row>
    <row r="587014" spans="8:8">
      <c r="H587014" s="12"/>
    </row>
    <row r="587015" spans="8:8">
      <c r="H587015" s="12"/>
    </row>
    <row r="587016" spans="8:8">
      <c r="H587016" s="12"/>
    </row>
    <row r="587017" spans="8:8">
      <c r="H587017" s="12"/>
    </row>
    <row r="587018" spans="8:8">
      <c r="H587018" s="12"/>
    </row>
    <row r="587019" spans="8:8">
      <c r="H587019" s="12"/>
    </row>
    <row r="587020" spans="8:8">
      <c r="H587020" s="12"/>
    </row>
    <row r="587021" spans="8:8">
      <c r="H587021" s="12"/>
    </row>
    <row r="587022" spans="8:8">
      <c r="H587022" s="12"/>
    </row>
    <row r="587023" spans="8:8">
      <c r="H587023" s="12"/>
    </row>
    <row r="587024" spans="8:8">
      <c r="H587024" s="12"/>
    </row>
    <row r="587025" spans="8:8">
      <c r="H587025" s="12"/>
    </row>
    <row r="587026" spans="8:8">
      <c r="H587026" s="12"/>
    </row>
    <row r="587027" spans="8:8">
      <c r="H587027" s="12"/>
    </row>
    <row r="587028" spans="8:8">
      <c r="H587028" s="12"/>
    </row>
    <row r="587029" spans="8:8">
      <c r="H587029" s="12"/>
    </row>
    <row r="587030" spans="8:8">
      <c r="H587030" s="12"/>
    </row>
    <row r="587031" spans="8:8">
      <c r="H587031" s="12"/>
    </row>
    <row r="587032" spans="8:8">
      <c r="H587032" s="12"/>
    </row>
    <row r="587033" spans="8:8">
      <c r="H587033" s="12"/>
    </row>
    <row r="587034" spans="8:8">
      <c r="H587034" s="12"/>
    </row>
    <row r="587035" spans="8:8">
      <c r="H587035" s="12"/>
    </row>
    <row r="587036" spans="8:8">
      <c r="H587036" s="12"/>
    </row>
    <row r="587037" spans="8:8">
      <c r="H587037" s="12"/>
    </row>
    <row r="587038" spans="8:8">
      <c r="H587038" s="12"/>
    </row>
    <row r="587039" spans="8:8">
      <c r="H587039" s="12"/>
    </row>
    <row r="587040" spans="8:8">
      <c r="H587040" s="12"/>
    </row>
    <row r="587041" spans="8:8">
      <c r="H587041" s="12"/>
    </row>
    <row r="587042" spans="8:8">
      <c r="H587042" s="12"/>
    </row>
    <row r="587043" spans="8:8">
      <c r="H587043" s="12"/>
    </row>
    <row r="587044" spans="8:8">
      <c r="H587044" s="12"/>
    </row>
    <row r="587045" spans="8:8">
      <c r="H587045" s="12"/>
    </row>
    <row r="587046" spans="8:8">
      <c r="H587046" s="12"/>
    </row>
    <row r="587047" spans="8:8">
      <c r="H587047" s="12"/>
    </row>
    <row r="587048" spans="8:8">
      <c r="H587048" s="12"/>
    </row>
    <row r="587049" spans="8:8">
      <c r="H587049" s="12"/>
    </row>
    <row r="587050" spans="8:8">
      <c r="H587050" s="12"/>
    </row>
    <row r="587051" spans="8:8">
      <c r="H587051" s="12"/>
    </row>
    <row r="587052" spans="8:8">
      <c r="H587052" s="12"/>
    </row>
    <row r="587053" spans="8:8">
      <c r="H587053" s="12"/>
    </row>
    <row r="587054" spans="8:8">
      <c r="H587054" s="12"/>
    </row>
    <row r="587055" spans="8:8">
      <c r="H587055" s="12"/>
    </row>
    <row r="587056" spans="8:8">
      <c r="H587056" s="12"/>
    </row>
    <row r="587057" spans="8:8">
      <c r="H587057" s="12"/>
    </row>
    <row r="587058" spans="8:8">
      <c r="H587058" s="12"/>
    </row>
    <row r="587059" spans="8:8">
      <c r="H587059" s="12"/>
    </row>
    <row r="587060" spans="8:8">
      <c r="H587060" s="12"/>
    </row>
    <row r="587061" spans="8:8">
      <c r="H587061" s="12"/>
    </row>
    <row r="587062" spans="8:8">
      <c r="H587062" s="12"/>
    </row>
    <row r="587063" spans="8:8">
      <c r="H587063" s="12"/>
    </row>
    <row r="587064" spans="8:8">
      <c r="H587064" s="12"/>
    </row>
    <row r="587065" spans="8:8">
      <c r="H587065" s="12"/>
    </row>
    <row r="587066" spans="8:8">
      <c r="H587066" s="12"/>
    </row>
    <row r="587067" spans="8:8">
      <c r="H587067" s="12"/>
    </row>
    <row r="587068" spans="8:8">
      <c r="H587068" s="12"/>
    </row>
    <row r="587069" spans="8:8">
      <c r="H587069" s="12"/>
    </row>
    <row r="587070" spans="8:8">
      <c r="H587070" s="12"/>
    </row>
    <row r="587071" spans="8:8">
      <c r="H587071" s="12"/>
    </row>
    <row r="587072" spans="8:8">
      <c r="H587072" s="12"/>
    </row>
    <row r="587073" spans="8:8">
      <c r="H587073" s="12"/>
    </row>
    <row r="587074" spans="8:8">
      <c r="H587074" s="12"/>
    </row>
    <row r="587075" spans="8:8">
      <c r="H587075" s="12"/>
    </row>
    <row r="587076" spans="8:8">
      <c r="H587076" s="12"/>
    </row>
    <row r="587077" spans="8:8">
      <c r="H587077" s="12"/>
    </row>
    <row r="587078" spans="8:8">
      <c r="H587078" s="12"/>
    </row>
    <row r="587079" spans="8:8">
      <c r="H587079" s="12"/>
    </row>
    <row r="587080" spans="8:8">
      <c r="H587080" s="12"/>
    </row>
    <row r="587081" spans="8:8">
      <c r="H587081" s="12"/>
    </row>
    <row r="587082" spans="8:8">
      <c r="H587082" s="12"/>
    </row>
    <row r="587083" spans="8:8">
      <c r="H587083" s="12"/>
    </row>
    <row r="587084" spans="8:8">
      <c r="H587084" s="12"/>
    </row>
    <row r="587085" spans="8:8">
      <c r="H587085" s="12"/>
    </row>
    <row r="587086" spans="8:8">
      <c r="H587086" s="12"/>
    </row>
    <row r="587087" spans="8:8">
      <c r="H587087" s="12"/>
    </row>
    <row r="587088" spans="8:8">
      <c r="H587088" s="12"/>
    </row>
    <row r="587089" spans="8:8">
      <c r="H587089" s="12"/>
    </row>
    <row r="587090" spans="8:8">
      <c r="H587090" s="12"/>
    </row>
    <row r="587091" spans="8:8">
      <c r="H587091" s="12"/>
    </row>
    <row r="587092" spans="8:8">
      <c r="H587092" s="12"/>
    </row>
    <row r="587093" spans="8:8">
      <c r="H587093" s="12"/>
    </row>
    <row r="587094" spans="8:8">
      <c r="H587094" s="12"/>
    </row>
    <row r="587095" spans="8:8">
      <c r="H587095" s="12"/>
    </row>
    <row r="587096" spans="8:8">
      <c r="H587096" s="12"/>
    </row>
    <row r="587097" spans="8:8">
      <c r="H587097" s="12"/>
    </row>
    <row r="587098" spans="8:8">
      <c r="H587098" s="12"/>
    </row>
    <row r="587099" spans="8:8">
      <c r="H587099" s="12"/>
    </row>
    <row r="587100" spans="8:8">
      <c r="H587100" s="12"/>
    </row>
    <row r="587101" spans="8:8">
      <c r="H587101" s="12"/>
    </row>
    <row r="587102" spans="8:8">
      <c r="H587102" s="12"/>
    </row>
    <row r="587103" spans="8:8">
      <c r="H587103" s="12"/>
    </row>
    <row r="587104" spans="8:8">
      <c r="H587104" s="12"/>
    </row>
    <row r="587105" spans="8:8">
      <c r="H587105" s="12"/>
    </row>
    <row r="587106" spans="8:8">
      <c r="H587106" s="12"/>
    </row>
    <row r="587107" spans="8:8">
      <c r="H587107" s="12"/>
    </row>
    <row r="587108" spans="8:8">
      <c r="H587108" s="12"/>
    </row>
    <row r="587109" spans="8:8">
      <c r="H587109" s="12"/>
    </row>
    <row r="587110" spans="8:8">
      <c r="H587110" s="12"/>
    </row>
    <row r="587111" spans="8:8">
      <c r="H587111" s="12"/>
    </row>
    <row r="587112" spans="8:8">
      <c r="H587112" s="12"/>
    </row>
    <row r="587113" spans="8:8">
      <c r="H587113" s="12"/>
    </row>
    <row r="587114" spans="8:8">
      <c r="H587114" s="12"/>
    </row>
    <row r="587115" spans="8:8">
      <c r="H587115" s="12"/>
    </row>
    <row r="587116" spans="8:8">
      <c r="H587116" s="12"/>
    </row>
    <row r="587117" spans="8:8">
      <c r="H587117" s="12"/>
    </row>
    <row r="587118" spans="8:8">
      <c r="H587118" s="12"/>
    </row>
    <row r="587119" spans="8:8">
      <c r="H587119" s="12"/>
    </row>
    <row r="587120" spans="8:8">
      <c r="H587120" s="12"/>
    </row>
    <row r="587121" spans="8:8">
      <c r="H587121" s="12"/>
    </row>
    <row r="587122" spans="8:8">
      <c r="H587122" s="12"/>
    </row>
    <row r="587123" spans="8:8">
      <c r="H587123" s="12"/>
    </row>
    <row r="587124" spans="8:8">
      <c r="H587124" s="12"/>
    </row>
    <row r="587125" spans="8:8">
      <c r="H587125" s="12"/>
    </row>
    <row r="587126" spans="8:8">
      <c r="H587126" s="12"/>
    </row>
    <row r="587127" spans="8:8">
      <c r="H587127" s="12"/>
    </row>
    <row r="587128" spans="8:8">
      <c r="H587128" s="12"/>
    </row>
    <row r="587129" spans="8:8">
      <c r="H587129" s="12"/>
    </row>
    <row r="587130" spans="8:8">
      <c r="H587130" s="12"/>
    </row>
    <row r="587131" spans="8:8">
      <c r="H587131" s="12"/>
    </row>
    <row r="587132" spans="8:8">
      <c r="H587132" s="12"/>
    </row>
    <row r="587133" spans="8:8">
      <c r="H587133" s="12"/>
    </row>
    <row r="587134" spans="8:8">
      <c r="H587134" s="12"/>
    </row>
    <row r="587135" spans="8:8">
      <c r="H587135" s="12"/>
    </row>
    <row r="587136" spans="8:8">
      <c r="H587136" s="12"/>
    </row>
    <row r="587137" spans="8:8">
      <c r="H587137" s="12"/>
    </row>
    <row r="587138" spans="8:8">
      <c r="H587138" s="12"/>
    </row>
    <row r="587139" spans="8:8">
      <c r="H587139" s="12"/>
    </row>
    <row r="587140" spans="8:8">
      <c r="H587140" s="12"/>
    </row>
    <row r="587141" spans="8:8">
      <c r="H587141" s="12"/>
    </row>
    <row r="587142" spans="8:8">
      <c r="H587142" s="12"/>
    </row>
    <row r="587143" spans="8:8">
      <c r="H587143" s="12"/>
    </row>
    <row r="587144" spans="8:8">
      <c r="H587144" s="12"/>
    </row>
    <row r="587145" spans="8:8">
      <c r="H587145" s="12"/>
    </row>
    <row r="587146" spans="8:8">
      <c r="H587146" s="12"/>
    </row>
    <row r="587147" spans="8:8">
      <c r="H587147" s="12"/>
    </row>
    <row r="587148" spans="8:8">
      <c r="H587148" s="12"/>
    </row>
    <row r="587149" spans="8:8">
      <c r="H587149" s="12"/>
    </row>
    <row r="587150" spans="8:8">
      <c r="H587150" s="12"/>
    </row>
    <row r="587151" spans="8:8">
      <c r="H587151" s="12"/>
    </row>
    <row r="587152" spans="8:8">
      <c r="H587152" s="12"/>
    </row>
    <row r="587153" spans="8:8">
      <c r="H587153" s="12"/>
    </row>
    <row r="587154" spans="8:8">
      <c r="H587154" s="12"/>
    </row>
    <row r="587155" spans="8:8">
      <c r="H587155" s="12"/>
    </row>
    <row r="587156" spans="8:8">
      <c r="H587156" s="12"/>
    </row>
    <row r="587157" spans="8:8">
      <c r="H587157" s="12"/>
    </row>
    <row r="587158" spans="8:8">
      <c r="H587158" s="12"/>
    </row>
    <row r="587159" spans="8:8">
      <c r="H587159" s="12"/>
    </row>
    <row r="587160" spans="8:8">
      <c r="H587160" s="12"/>
    </row>
    <row r="587161" spans="8:8">
      <c r="H587161" s="12"/>
    </row>
    <row r="587162" spans="8:8">
      <c r="H587162" s="12"/>
    </row>
    <row r="587163" spans="8:8">
      <c r="H587163" s="12"/>
    </row>
    <row r="587164" spans="8:8">
      <c r="H587164" s="12"/>
    </row>
    <row r="587165" spans="8:8">
      <c r="H587165" s="12"/>
    </row>
    <row r="587166" spans="8:8">
      <c r="H587166" s="12"/>
    </row>
    <row r="587167" spans="8:8">
      <c r="H587167" s="12"/>
    </row>
    <row r="587168" spans="8:8">
      <c r="H587168" s="12"/>
    </row>
    <row r="587169" spans="8:8">
      <c r="H587169" s="12"/>
    </row>
    <row r="587170" spans="8:8">
      <c r="H587170" s="12"/>
    </row>
    <row r="587171" spans="8:8">
      <c r="H587171" s="12"/>
    </row>
    <row r="587172" spans="8:8">
      <c r="H587172" s="12"/>
    </row>
    <row r="587173" spans="8:8">
      <c r="H587173" s="12"/>
    </row>
    <row r="587174" spans="8:8">
      <c r="H587174" s="12"/>
    </row>
    <row r="587175" spans="8:8">
      <c r="H587175" s="12"/>
    </row>
    <row r="587176" spans="8:8">
      <c r="H587176" s="12"/>
    </row>
    <row r="587177" spans="8:8">
      <c r="H587177" s="12"/>
    </row>
    <row r="587178" spans="8:8">
      <c r="H587178" s="12"/>
    </row>
    <row r="587179" spans="8:8">
      <c r="H587179" s="12"/>
    </row>
    <row r="587180" spans="8:8">
      <c r="H587180" s="12"/>
    </row>
    <row r="587181" spans="8:8">
      <c r="H587181" s="12"/>
    </row>
    <row r="587182" spans="8:8">
      <c r="H587182" s="12"/>
    </row>
    <row r="587183" spans="8:8">
      <c r="H587183" s="12"/>
    </row>
    <row r="587184" spans="8:8">
      <c r="H587184" s="12"/>
    </row>
    <row r="587185" spans="8:8">
      <c r="H587185" s="12"/>
    </row>
    <row r="587186" spans="8:8">
      <c r="H587186" s="12"/>
    </row>
    <row r="587187" spans="8:8">
      <c r="H587187" s="12"/>
    </row>
    <row r="587188" spans="8:8">
      <c r="H587188" s="12"/>
    </row>
    <row r="587189" spans="8:8">
      <c r="H587189" s="12"/>
    </row>
    <row r="587190" spans="8:8">
      <c r="H587190" s="12"/>
    </row>
    <row r="587191" spans="8:8">
      <c r="H587191" s="12"/>
    </row>
    <row r="587192" spans="8:8">
      <c r="H587192" s="12"/>
    </row>
    <row r="587193" spans="8:8">
      <c r="H587193" s="12"/>
    </row>
    <row r="587194" spans="8:8">
      <c r="H587194" s="12"/>
    </row>
    <row r="587195" spans="8:8">
      <c r="H587195" s="12"/>
    </row>
    <row r="587196" spans="8:8">
      <c r="H587196" s="12"/>
    </row>
    <row r="587197" spans="8:8">
      <c r="H587197" s="12"/>
    </row>
    <row r="587198" spans="8:8">
      <c r="H587198" s="12"/>
    </row>
    <row r="587199" spans="8:8">
      <c r="H587199" s="12"/>
    </row>
    <row r="587200" spans="8:8">
      <c r="H587200" s="12"/>
    </row>
    <row r="587201" spans="8:8">
      <c r="H587201" s="12"/>
    </row>
    <row r="587202" spans="8:8">
      <c r="H587202" s="12"/>
    </row>
    <row r="587203" spans="8:8">
      <c r="H587203" s="12"/>
    </row>
    <row r="587204" spans="8:8">
      <c r="H587204" s="12"/>
    </row>
    <row r="587205" spans="8:8">
      <c r="H587205" s="12"/>
    </row>
    <row r="587206" spans="8:8">
      <c r="H587206" s="12"/>
    </row>
    <row r="587207" spans="8:8">
      <c r="H587207" s="12"/>
    </row>
    <row r="587208" spans="8:8">
      <c r="H587208" s="12"/>
    </row>
    <row r="587209" spans="8:8">
      <c r="H587209" s="12"/>
    </row>
    <row r="587210" spans="8:8">
      <c r="H587210" s="12"/>
    </row>
    <row r="587211" spans="8:8">
      <c r="H587211" s="12"/>
    </row>
    <row r="587212" spans="8:8">
      <c r="H587212" s="12"/>
    </row>
    <row r="587213" spans="8:8">
      <c r="H587213" s="12"/>
    </row>
    <row r="587214" spans="8:8">
      <c r="H587214" s="12"/>
    </row>
    <row r="587215" spans="8:8">
      <c r="H587215" s="12"/>
    </row>
    <row r="587216" spans="8:8">
      <c r="H587216" s="12"/>
    </row>
    <row r="587217" spans="8:8">
      <c r="H587217" s="12"/>
    </row>
    <row r="587218" spans="8:8">
      <c r="H587218" s="12"/>
    </row>
    <row r="587219" spans="8:8">
      <c r="H587219" s="12"/>
    </row>
    <row r="587220" spans="8:8">
      <c r="H587220" s="12"/>
    </row>
    <row r="587221" spans="8:8">
      <c r="H587221" s="12"/>
    </row>
    <row r="587222" spans="8:8">
      <c r="H587222" s="12"/>
    </row>
    <row r="587223" spans="8:8">
      <c r="H587223" s="12"/>
    </row>
    <row r="587224" spans="8:8">
      <c r="H587224" s="12"/>
    </row>
    <row r="587225" spans="8:8">
      <c r="H587225" s="12"/>
    </row>
    <row r="587226" spans="8:8">
      <c r="H587226" s="12"/>
    </row>
    <row r="587227" spans="8:8">
      <c r="H587227" s="12"/>
    </row>
    <row r="587228" spans="8:8">
      <c r="H587228" s="12"/>
    </row>
    <row r="587229" spans="8:8">
      <c r="H587229" s="12"/>
    </row>
    <row r="587230" spans="8:8">
      <c r="H587230" s="12"/>
    </row>
    <row r="587231" spans="8:8">
      <c r="H587231" s="12"/>
    </row>
    <row r="587232" spans="8:8">
      <c r="H587232" s="12"/>
    </row>
    <row r="587233" spans="8:8">
      <c r="H587233" s="12"/>
    </row>
    <row r="587234" spans="8:8">
      <c r="H587234" s="12"/>
    </row>
    <row r="587235" spans="8:8">
      <c r="H587235" s="12"/>
    </row>
    <row r="587236" spans="8:8">
      <c r="H587236" s="12"/>
    </row>
    <row r="587237" spans="8:8">
      <c r="H587237" s="12"/>
    </row>
    <row r="587238" spans="8:8">
      <c r="H587238" s="12"/>
    </row>
    <row r="587239" spans="8:8">
      <c r="H587239" s="12"/>
    </row>
    <row r="587240" spans="8:8">
      <c r="H587240" s="12"/>
    </row>
    <row r="587241" spans="8:8">
      <c r="H587241" s="12"/>
    </row>
    <row r="587242" spans="8:8">
      <c r="H587242" s="12"/>
    </row>
    <row r="587243" spans="8:8">
      <c r="H587243" s="12"/>
    </row>
    <row r="587244" spans="8:8">
      <c r="H587244" s="12"/>
    </row>
    <row r="587245" spans="8:8">
      <c r="H587245" s="12"/>
    </row>
    <row r="587246" spans="8:8">
      <c r="H587246" s="12"/>
    </row>
    <row r="587247" spans="8:8">
      <c r="H587247" s="12"/>
    </row>
    <row r="587248" spans="8:8">
      <c r="H587248" s="12"/>
    </row>
    <row r="587249" spans="8:8">
      <c r="H587249" s="12"/>
    </row>
    <row r="587250" spans="8:8">
      <c r="H587250" s="12"/>
    </row>
    <row r="587251" spans="8:8">
      <c r="H587251" s="12"/>
    </row>
    <row r="587252" spans="8:8">
      <c r="H587252" s="12"/>
    </row>
    <row r="587253" spans="8:8">
      <c r="H587253" s="12"/>
    </row>
    <row r="587254" spans="8:8">
      <c r="H587254" s="12"/>
    </row>
    <row r="587255" spans="8:8">
      <c r="H587255" s="12"/>
    </row>
    <row r="587256" spans="8:8">
      <c r="H587256" s="12"/>
    </row>
    <row r="587257" spans="8:8">
      <c r="H587257" s="12"/>
    </row>
    <row r="587258" spans="8:8">
      <c r="H587258" s="12"/>
    </row>
    <row r="587259" spans="8:8">
      <c r="H587259" s="12"/>
    </row>
    <row r="587260" spans="8:8">
      <c r="H587260" s="12"/>
    </row>
    <row r="587261" spans="8:8">
      <c r="H587261" s="12"/>
    </row>
    <row r="587262" spans="8:8">
      <c r="H587262" s="12"/>
    </row>
    <row r="587263" spans="8:8">
      <c r="H587263" s="12"/>
    </row>
    <row r="587264" spans="8:8">
      <c r="H587264" s="12"/>
    </row>
    <row r="587265" spans="8:8">
      <c r="H587265" s="12"/>
    </row>
    <row r="587266" spans="8:8">
      <c r="H587266" s="12"/>
    </row>
    <row r="587267" spans="8:8">
      <c r="H587267" s="12"/>
    </row>
    <row r="587268" spans="8:8">
      <c r="H587268" s="12"/>
    </row>
    <row r="587269" spans="8:8">
      <c r="H587269" s="12"/>
    </row>
    <row r="587270" spans="8:8">
      <c r="H587270" s="12"/>
    </row>
    <row r="587271" spans="8:8">
      <c r="H587271" s="12"/>
    </row>
    <row r="587272" spans="8:8">
      <c r="H587272" s="12"/>
    </row>
    <row r="587273" spans="8:8">
      <c r="H587273" s="12"/>
    </row>
    <row r="587274" spans="8:8">
      <c r="H587274" s="12"/>
    </row>
    <row r="587275" spans="8:8">
      <c r="H587275" s="12"/>
    </row>
    <row r="587276" spans="8:8">
      <c r="H587276" s="12"/>
    </row>
    <row r="587277" spans="8:8">
      <c r="H587277" s="12"/>
    </row>
    <row r="587278" spans="8:8">
      <c r="H587278" s="12"/>
    </row>
    <row r="587279" spans="8:8">
      <c r="H587279" s="12"/>
    </row>
    <row r="587280" spans="8:8">
      <c r="H587280" s="12"/>
    </row>
    <row r="587281" spans="8:8">
      <c r="H587281" s="12"/>
    </row>
    <row r="587282" spans="8:8">
      <c r="H587282" s="12"/>
    </row>
    <row r="587283" spans="8:8">
      <c r="H587283" s="12"/>
    </row>
    <row r="587284" spans="8:8">
      <c r="H587284" s="12"/>
    </row>
    <row r="587285" spans="8:8">
      <c r="H587285" s="12"/>
    </row>
    <row r="587286" spans="8:8">
      <c r="H587286" s="12"/>
    </row>
    <row r="587287" spans="8:8">
      <c r="H587287" s="12"/>
    </row>
    <row r="587288" spans="8:8">
      <c r="H587288" s="12"/>
    </row>
    <row r="587289" spans="8:8">
      <c r="H587289" s="12"/>
    </row>
    <row r="587290" spans="8:8">
      <c r="H587290" s="12"/>
    </row>
    <row r="587291" spans="8:8">
      <c r="H587291" s="12"/>
    </row>
    <row r="587292" spans="8:8">
      <c r="H587292" s="12"/>
    </row>
    <row r="587293" spans="8:8">
      <c r="H587293" s="12"/>
    </row>
    <row r="587294" spans="8:8">
      <c r="H587294" s="12"/>
    </row>
    <row r="587295" spans="8:8">
      <c r="H587295" s="12"/>
    </row>
    <row r="587296" spans="8:8">
      <c r="H587296" s="12"/>
    </row>
    <row r="587297" spans="8:8">
      <c r="H587297" s="12"/>
    </row>
    <row r="587298" spans="8:8">
      <c r="H587298" s="12"/>
    </row>
    <row r="587299" spans="8:8">
      <c r="H587299" s="12"/>
    </row>
    <row r="587300" spans="8:8">
      <c r="H587300" s="12"/>
    </row>
    <row r="587301" spans="8:8">
      <c r="H587301" s="12"/>
    </row>
    <row r="587302" spans="8:8">
      <c r="H587302" s="12"/>
    </row>
    <row r="587303" spans="8:8">
      <c r="H587303" s="12"/>
    </row>
    <row r="587304" spans="8:8">
      <c r="H587304" s="12"/>
    </row>
    <row r="587305" spans="8:8">
      <c r="H587305" s="12"/>
    </row>
    <row r="587306" spans="8:8">
      <c r="H587306" s="12"/>
    </row>
    <row r="587307" spans="8:8">
      <c r="H587307" s="12"/>
    </row>
    <row r="587308" spans="8:8">
      <c r="H587308" s="12"/>
    </row>
    <row r="587309" spans="8:8">
      <c r="H587309" s="12"/>
    </row>
    <row r="587310" spans="8:8">
      <c r="H587310" s="12"/>
    </row>
    <row r="587311" spans="8:8">
      <c r="H587311" s="12"/>
    </row>
    <row r="587312" spans="8:8">
      <c r="H587312" s="12"/>
    </row>
    <row r="587313" spans="8:8">
      <c r="H587313" s="12"/>
    </row>
    <row r="587314" spans="8:8">
      <c r="H587314" s="12"/>
    </row>
    <row r="587315" spans="8:8">
      <c r="H587315" s="12"/>
    </row>
    <row r="587316" spans="8:8">
      <c r="H587316" s="12"/>
    </row>
    <row r="587317" spans="8:8">
      <c r="H587317" s="12"/>
    </row>
    <row r="587318" spans="8:8">
      <c r="H587318" s="12"/>
    </row>
    <row r="587319" spans="8:8">
      <c r="H587319" s="12"/>
    </row>
    <row r="587320" spans="8:8">
      <c r="H587320" s="12"/>
    </row>
    <row r="587321" spans="8:8">
      <c r="H587321" s="12"/>
    </row>
    <row r="587322" spans="8:8">
      <c r="H587322" s="12"/>
    </row>
    <row r="587323" spans="8:8">
      <c r="H587323" s="12"/>
    </row>
    <row r="587324" spans="8:8">
      <c r="H587324" s="12"/>
    </row>
    <row r="587325" spans="8:8">
      <c r="H587325" s="12"/>
    </row>
    <row r="587326" spans="8:8">
      <c r="H587326" s="12"/>
    </row>
    <row r="587327" spans="8:8">
      <c r="H587327" s="12"/>
    </row>
    <row r="587328" spans="8:8">
      <c r="H587328" s="12"/>
    </row>
    <row r="587329" spans="8:8">
      <c r="H587329" s="12"/>
    </row>
    <row r="587330" spans="8:8">
      <c r="H587330" s="12"/>
    </row>
    <row r="587331" spans="8:8">
      <c r="H587331" s="12"/>
    </row>
    <row r="587332" spans="8:8">
      <c r="H587332" s="12"/>
    </row>
    <row r="587333" spans="8:8">
      <c r="H587333" s="12"/>
    </row>
    <row r="587334" spans="8:8">
      <c r="H587334" s="12"/>
    </row>
    <row r="587335" spans="8:8">
      <c r="H587335" s="12"/>
    </row>
    <row r="587336" spans="8:8">
      <c r="H587336" s="12"/>
    </row>
    <row r="587337" spans="8:8">
      <c r="H587337" s="12"/>
    </row>
    <row r="587338" spans="8:8">
      <c r="H587338" s="12"/>
    </row>
    <row r="587339" spans="8:8">
      <c r="H587339" s="12"/>
    </row>
    <row r="587340" spans="8:8">
      <c r="H587340" s="12"/>
    </row>
    <row r="587341" spans="8:8">
      <c r="H587341" s="12"/>
    </row>
    <row r="587342" spans="8:8">
      <c r="H587342" s="12"/>
    </row>
    <row r="587343" spans="8:8">
      <c r="H587343" s="12"/>
    </row>
    <row r="587344" spans="8:8">
      <c r="H587344" s="12"/>
    </row>
    <row r="587345" spans="8:8">
      <c r="H587345" s="12"/>
    </row>
    <row r="587346" spans="8:8">
      <c r="H587346" s="12"/>
    </row>
    <row r="587347" spans="8:8">
      <c r="H587347" s="12"/>
    </row>
    <row r="587348" spans="8:8">
      <c r="H587348" s="12"/>
    </row>
    <row r="587349" spans="8:8">
      <c r="H587349" s="12"/>
    </row>
    <row r="587350" spans="8:8">
      <c r="H587350" s="12"/>
    </row>
    <row r="587351" spans="8:8">
      <c r="H587351" s="12"/>
    </row>
    <row r="587352" spans="8:8">
      <c r="H587352" s="12"/>
    </row>
    <row r="587353" spans="8:8">
      <c r="H587353" s="12"/>
    </row>
    <row r="587354" spans="8:8">
      <c r="H587354" s="12"/>
    </row>
    <row r="587355" spans="8:8">
      <c r="H587355" s="12"/>
    </row>
    <row r="587356" spans="8:8">
      <c r="H587356" s="12"/>
    </row>
    <row r="587357" spans="8:8">
      <c r="H587357" s="12"/>
    </row>
    <row r="587358" spans="8:8">
      <c r="H587358" s="12"/>
    </row>
    <row r="587359" spans="8:8">
      <c r="H587359" s="12"/>
    </row>
    <row r="587360" spans="8:8">
      <c r="H587360" s="12"/>
    </row>
    <row r="587361" spans="8:8">
      <c r="H587361" s="12"/>
    </row>
    <row r="587362" spans="8:8">
      <c r="H587362" s="12"/>
    </row>
    <row r="587363" spans="8:8">
      <c r="H587363" s="12"/>
    </row>
    <row r="587364" spans="8:8">
      <c r="H587364" s="12"/>
    </row>
    <row r="587365" spans="8:8">
      <c r="H587365" s="12"/>
    </row>
    <row r="587366" spans="8:8">
      <c r="H587366" s="12"/>
    </row>
    <row r="587367" spans="8:8">
      <c r="H587367" s="12"/>
    </row>
    <row r="587368" spans="8:8">
      <c r="H587368" s="12"/>
    </row>
    <row r="587369" spans="8:8">
      <c r="H587369" s="12"/>
    </row>
    <row r="587370" spans="8:8">
      <c r="H587370" s="12"/>
    </row>
    <row r="587371" spans="8:8">
      <c r="H587371" s="12"/>
    </row>
    <row r="587372" spans="8:8">
      <c r="H587372" s="12"/>
    </row>
    <row r="587373" spans="8:8">
      <c r="H587373" s="12"/>
    </row>
    <row r="587374" spans="8:8">
      <c r="H587374" s="12"/>
    </row>
    <row r="587375" spans="8:8">
      <c r="H587375" s="12"/>
    </row>
    <row r="587376" spans="8:8">
      <c r="H587376" s="12"/>
    </row>
    <row r="587377" spans="8:8">
      <c r="H587377" s="12"/>
    </row>
    <row r="587378" spans="8:8">
      <c r="H587378" s="12"/>
    </row>
    <row r="587379" spans="8:8">
      <c r="H587379" s="12"/>
    </row>
    <row r="587380" spans="8:8">
      <c r="H587380" s="12"/>
    </row>
    <row r="587381" spans="8:8">
      <c r="H587381" s="12"/>
    </row>
    <row r="587382" spans="8:8">
      <c r="H587382" s="12"/>
    </row>
    <row r="587383" spans="8:8">
      <c r="H587383" s="12"/>
    </row>
    <row r="587384" spans="8:8">
      <c r="H587384" s="12"/>
    </row>
    <row r="587385" spans="8:8">
      <c r="H587385" s="12"/>
    </row>
    <row r="587386" spans="8:8">
      <c r="H587386" s="12"/>
    </row>
    <row r="587387" spans="8:8">
      <c r="H587387" s="12"/>
    </row>
    <row r="587388" spans="8:8">
      <c r="H587388" s="12"/>
    </row>
    <row r="587389" spans="8:8">
      <c r="H587389" s="12"/>
    </row>
    <row r="587390" spans="8:8">
      <c r="H587390" s="12"/>
    </row>
    <row r="587391" spans="8:8">
      <c r="H587391" s="12"/>
    </row>
    <row r="587392" spans="8:8">
      <c r="H587392" s="12"/>
    </row>
    <row r="587393" spans="8:8">
      <c r="H587393" s="12"/>
    </row>
    <row r="587394" spans="8:8">
      <c r="H587394" s="12"/>
    </row>
    <row r="587395" spans="8:8">
      <c r="H587395" s="12"/>
    </row>
    <row r="587396" spans="8:8">
      <c r="H587396" s="12"/>
    </row>
    <row r="587397" spans="8:8">
      <c r="H587397" s="12"/>
    </row>
    <row r="587398" spans="8:8">
      <c r="H587398" s="12"/>
    </row>
    <row r="587399" spans="8:8">
      <c r="H587399" s="12"/>
    </row>
    <row r="587400" spans="8:8">
      <c r="H587400" s="12"/>
    </row>
    <row r="587401" spans="8:8">
      <c r="H587401" s="12"/>
    </row>
    <row r="587402" spans="8:8">
      <c r="H587402" s="12"/>
    </row>
    <row r="587403" spans="8:8">
      <c r="H587403" s="12"/>
    </row>
    <row r="587404" spans="8:8">
      <c r="H587404" s="12"/>
    </row>
    <row r="587405" spans="8:8">
      <c r="H587405" s="12"/>
    </row>
    <row r="587406" spans="8:8">
      <c r="H587406" s="12"/>
    </row>
    <row r="587407" spans="8:8">
      <c r="H587407" s="12"/>
    </row>
    <row r="587408" spans="8:8">
      <c r="H587408" s="12"/>
    </row>
    <row r="587409" spans="8:8">
      <c r="H587409" s="12"/>
    </row>
    <row r="587410" spans="8:8">
      <c r="H587410" s="12"/>
    </row>
    <row r="587411" spans="8:8">
      <c r="H587411" s="12"/>
    </row>
    <row r="587412" spans="8:8">
      <c r="H587412" s="12"/>
    </row>
    <row r="587413" spans="8:8">
      <c r="H587413" s="12"/>
    </row>
    <row r="587414" spans="8:8">
      <c r="H587414" s="12"/>
    </row>
    <row r="587415" spans="8:8">
      <c r="H587415" s="12"/>
    </row>
    <row r="587416" spans="8:8">
      <c r="H587416" s="12"/>
    </row>
    <row r="587417" spans="8:8">
      <c r="H587417" s="12"/>
    </row>
    <row r="587418" spans="8:8">
      <c r="H587418" s="12"/>
    </row>
    <row r="587419" spans="8:8">
      <c r="H587419" s="12"/>
    </row>
    <row r="587420" spans="8:8">
      <c r="H587420" s="12"/>
    </row>
    <row r="587421" spans="8:8">
      <c r="H587421" s="12"/>
    </row>
    <row r="587422" spans="8:8">
      <c r="H587422" s="12"/>
    </row>
    <row r="587423" spans="8:8">
      <c r="H587423" s="12"/>
    </row>
    <row r="587424" spans="8:8">
      <c r="H587424" s="12"/>
    </row>
    <row r="587425" spans="8:8">
      <c r="H587425" s="12"/>
    </row>
    <row r="587426" spans="8:8">
      <c r="H587426" s="12"/>
    </row>
    <row r="587427" spans="8:8">
      <c r="H587427" s="12"/>
    </row>
    <row r="587428" spans="8:8">
      <c r="H587428" s="12"/>
    </row>
    <row r="587429" spans="8:8">
      <c r="H587429" s="12"/>
    </row>
    <row r="587430" spans="8:8">
      <c r="H587430" s="12"/>
    </row>
    <row r="587431" spans="8:8">
      <c r="H587431" s="12"/>
    </row>
    <row r="587432" spans="8:8">
      <c r="H587432" s="12"/>
    </row>
    <row r="587433" spans="8:8">
      <c r="H587433" s="12"/>
    </row>
    <row r="587434" spans="8:8">
      <c r="H587434" s="12"/>
    </row>
    <row r="587435" spans="8:8">
      <c r="H587435" s="12"/>
    </row>
    <row r="587436" spans="8:8">
      <c r="H587436" s="12"/>
    </row>
    <row r="587437" spans="8:8">
      <c r="H587437" s="12"/>
    </row>
    <row r="587438" spans="8:8">
      <c r="H587438" s="12"/>
    </row>
    <row r="587439" spans="8:8">
      <c r="H587439" s="12"/>
    </row>
    <row r="587440" spans="8:8">
      <c r="H587440" s="12"/>
    </row>
    <row r="587441" spans="8:8">
      <c r="H587441" s="12"/>
    </row>
    <row r="587442" spans="8:8">
      <c r="H587442" s="12"/>
    </row>
    <row r="587443" spans="8:8">
      <c r="H587443" s="12"/>
    </row>
    <row r="587444" spans="8:8">
      <c r="H587444" s="12"/>
    </row>
    <row r="587445" spans="8:8">
      <c r="H587445" s="12"/>
    </row>
    <row r="587446" spans="8:8">
      <c r="H587446" s="12"/>
    </row>
    <row r="587447" spans="8:8">
      <c r="H587447" s="12"/>
    </row>
    <row r="587448" spans="8:8">
      <c r="H587448" s="12"/>
    </row>
    <row r="587449" spans="8:8">
      <c r="H587449" s="12"/>
    </row>
    <row r="587450" spans="8:8">
      <c r="H587450" s="12"/>
    </row>
    <row r="587451" spans="8:8">
      <c r="H587451" s="12"/>
    </row>
    <row r="587452" spans="8:8">
      <c r="H587452" s="12"/>
    </row>
    <row r="587453" spans="8:8">
      <c r="H587453" s="12"/>
    </row>
    <row r="587454" spans="8:8">
      <c r="H587454" s="12"/>
    </row>
    <row r="587455" spans="8:8">
      <c r="H587455" s="12"/>
    </row>
    <row r="587456" spans="8:8">
      <c r="H587456" s="12"/>
    </row>
    <row r="587457" spans="8:8">
      <c r="H587457" s="12"/>
    </row>
    <row r="587458" spans="8:8">
      <c r="H587458" s="12"/>
    </row>
    <row r="587459" spans="8:8">
      <c r="H587459" s="12"/>
    </row>
    <row r="587460" spans="8:8">
      <c r="H587460" s="12"/>
    </row>
    <row r="587461" spans="8:8">
      <c r="H587461" s="12"/>
    </row>
    <row r="587462" spans="8:8">
      <c r="H587462" s="12"/>
    </row>
    <row r="587463" spans="8:8">
      <c r="H587463" s="12"/>
    </row>
    <row r="587464" spans="8:8">
      <c r="H587464" s="12"/>
    </row>
    <row r="587465" spans="8:8">
      <c r="H587465" s="12"/>
    </row>
    <row r="587466" spans="8:8">
      <c r="H587466" s="12"/>
    </row>
    <row r="587467" spans="8:8">
      <c r="H587467" s="12"/>
    </row>
    <row r="587468" spans="8:8">
      <c r="H587468" s="12"/>
    </row>
    <row r="587469" spans="8:8">
      <c r="H587469" s="12"/>
    </row>
    <row r="587470" spans="8:8">
      <c r="H587470" s="12"/>
    </row>
    <row r="587471" spans="8:8">
      <c r="H587471" s="12"/>
    </row>
    <row r="587472" spans="8:8">
      <c r="H587472" s="12"/>
    </row>
    <row r="587473" spans="8:8">
      <c r="H587473" s="12"/>
    </row>
    <row r="587474" spans="8:8">
      <c r="H587474" s="12"/>
    </row>
    <row r="587475" spans="8:8">
      <c r="H587475" s="12"/>
    </row>
    <row r="587476" spans="8:8">
      <c r="H587476" s="12"/>
    </row>
    <row r="587477" spans="8:8">
      <c r="H587477" s="12"/>
    </row>
    <row r="587478" spans="8:8">
      <c r="H587478" s="12"/>
    </row>
    <row r="587479" spans="8:8">
      <c r="H587479" s="12"/>
    </row>
    <row r="587480" spans="8:8">
      <c r="H587480" s="12"/>
    </row>
    <row r="587481" spans="8:8">
      <c r="H587481" s="12"/>
    </row>
    <row r="587482" spans="8:8">
      <c r="H587482" s="12"/>
    </row>
    <row r="587483" spans="8:8">
      <c r="H587483" s="12"/>
    </row>
    <row r="587484" spans="8:8">
      <c r="H587484" s="12"/>
    </row>
    <row r="587485" spans="8:8">
      <c r="H587485" s="12"/>
    </row>
    <row r="587486" spans="8:8">
      <c r="H587486" s="12"/>
    </row>
    <row r="587487" spans="8:8">
      <c r="H587487" s="12"/>
    </row>
    <row r="587488" spans="8:8">
      <c r="H587488" s="12"/>
    </row>
    <row r="587489" spans="8:8">
      <c r="H587489" s="12"/>
    </row>
    <row r="587490" spans="8:8">
      <c r="H587490" s="12"/>
    </row>
    <row r="587491" spans="8:8">
      <c r="H587491" s="12"/>
    </row>
    <row r="587492" spans="8:8">
      <c r="H587492" s="12"/>
    </row>
    <row r="587493" spans="8:8">
      <c r="H587493" s="12"/>
    </row>
    <row r="587494" spans="8:8">
      <c r="H587494" s="12"/>
    </row>
    <row r="587495" spans="8:8">
      <c r="H587495" s="12"/>
    </row>
    <row r="587496" spans="8:8">
      <c r="H587496" s="12"/>
    </row>
    <row r="587497" spans="8:8">
      <c r="H587497" s="12"/>
    </row>
    <row r="587498" spans="8:8">
      <c r="H587498" s="12"/>
    </row>
    <row r="587499" spans="8:8">
      <c r="H587499" s="12"/>
    </row>
    <row r="587500" spans="8:8">
      <c r="H587500" s="12"/>
    </row>
    <row r="587501" spans="8:8">
      <c r="H587501" s="12"/>
    </row>
    <row r="587502" spans="8:8">
      <c r="H587502" s="12"/>
    </row>
    <row r="587503" spans="8:8">
      <c r="H587503" s="12"/>
    </row>
    <row r="587504" spans="8:8">
      <c r="H587504" s="12"/>
    </row>
    <row r="587505" spans="8:8">
      <c r="H587505" s="12"/>
    </row>
    <row r="587506" spans="8:8">
      <c r="H587506" s="12"/>
    </row>
    <row r="587507" spans="8:8">
      <c r="H587507" s="12"/>
    </row>
    <row r="587508" spans="8:8">
      <c r="H587508" s="12"/>
    </row>
    <row r="587509" spans="8:8">
      <c r="H587509" s="12"/>
    </row>
    <row r="587510" spans="8:8">
      <c r="H587510" s="12"/>
    </row>
    <row r="587511" spans="8:8">
      <c r="H587511" s="12"/>
    </row>
    <row r="587512" spans="8:8">
      <c r="H587512" s="12"/>
    </row>
    <row r="587513" spans="8:8">
      <c r="H587513" s="12"/>
    </row>
    <row r="587514" spans="8:8">
      <c r="H587514" s="12"/>
    </row>
    <row r="587515" spans="8:8">
      <c r="H587515" s="12"/>
    </row>
    <row r="587516" spans="8:8">
      <c r="H587516" s="12"/>
    </row>
    <row r="587517" spans="8:8">
      <c r="H587517" s="12"/>
    </row>
    <row r="587518" spans="8:8">
      <c r="H587518" s="12"/>
    </row>
    <row r="587519" spans="8:8">
      <c r="H587519" s="12"/>
    </row>
    <row r="587520" spans="8:8">
      <c r="H587520" s="12"/>
    </row>
    <row r="587521" spans="8:8">
      <c r="H587521" s="12"/>
    </row>
    <row r="587522" spans="8:8">
      <c r="H587522" s="12"/>
    </row>
    <row r="587523" spans="8:8">
      <c r="H587523" s="12"/>
    </row>
    <row r="587524" spans="8:8">
      <c r="H587524" s="12"/>
    </row>
    <row r="587525" spans="8:8">
      <c r="H587525" s="12"/>
    </row>
    <row r="587526" spans="8:8">
      <c r="H587526" s="12"/>
    </row>
    <row r="587527" spans="8:8">
      <c r="H587527" s="12"/>
    </row>
    <row r="587528" spans="8:8">
      <c r="H587528" s="12"/>
    </row>
    <row r="587529" spans="8:8">
      <c r="H587529" s="12"/>
    </row>
    <row r="587530" spans="8:8">
      <c r="H587530" s="12"/>
    </row>
    <row r="587531" spans="8:8">
      <c r="H587531" s="12"/>
    </row>
    <row r="587532" spans="8:8">
      <c r="H587532" s="12"/>
    </row>
    <row r="587533" spans="8:8">
      <c r="H587533" s="12"/>
    </row>
    <row r="587534" spans="8:8">
      <c r="H587534" s="12"/>
    </row>
    <row r="587535" spans="8:8">
      <c r="H587535" s="12"/>
    </row>
    <row r="587536" spans="8:8">
      <c r="H587536" s="12"/>
    </row>
    <row r="587537" spans="8:8">
      <c r="H587537" s="12"/>
    </row>
    <row r="587538" spans="8:8">
      <c r="H587538" s="12"/>
    </row>
    <row r="587539" spans="8:8">
      <c r="H587539" s="12"/>
    </row>
    <row r="587540" spans="8:8">
      <c r="H587540" s="12"/>
    </row>
    <row r="587541" spans="8:8">
      <c r="H587541" s="12"/>
    </row>
    <row r="587542" spans="8:8">
      <c r="H587542" s="12"/>
    </row>
    <row r="587543" spans="8:8">
      <c r="H587543" s="12"/>
    </row>
    <row r="587544" spans="8:8">
      <c r="H587544" s="12"/>
    </row>
    <row r="587545" spans="8:8">
      <c r="H587545" s="12"/>
    </row>
    <row r="587546" spans="8:8">
      <c r="H587546" s="12"/>
    </row>
    <row r="587547" spans="8:8">
      <c r="H587547" s="12"/>
    </row>
    <row r="587548" spans="8:8">
      <c r="H587548" s="12"/>
    </row>
    <row r="587549" spans="8:8">
      <c r="H587549" s="12"/>
    </row>
    <row r="587550" spans="8:8">
      <c r="H587550" s="12"/>
    </row>
    <row r="587551" spans="8:8">
      <c r="H587551" s="12"/>
    </row>
    <row r="587552" spans="8:8">
      <c r="H587552" s="12"/>
    </row>
    <row r="587553" spans="8:8">
      <c r="H587553" s="12"/>
    </row>
    <row r="587554" spans="8:8">
      <c r="H587554" s="12"/>
    </row>
    <row r="587555" spans="8:8">
      <c r="H587555" s="12"/>
    </row>
    <row r="587556" spans="8:8">
      <c r="H587556" s="12"/>
    </row>
    <row r="587557" spans="8:8">
      <c r="H587557" s="12"/>
    </row>
    <row r="587558" spans="8:8">
      <c r="H587558" s="12"/>
    </row>
    <row r="587559" spans="8:8">
      <c r="H587559" s="12"/>
    </row>
    <row r="587560" spans="8:8">
      <c r="H587560" s="12"/>
    </row>
    <row r="587561" spans="8:8">
      <c r="H587561" s="12"/>
    </row>
    <row r="587562" spans="8:8">
      <c r="H587562" s="12"/>
    </row>
    <row r="587563" spans="8:8">
      <c r="H587563" s="12"/>
    </row>
    <row r="587564" spans="8:8">
      <c r="H587564" s="12"/>
    </row>
    <row r="587565" spans="8:8">
      <c r="H587565" s="12"/>
    </row>
    <row r="587566" spans="8:8">
      <c r="H587566" s="12"/>
    </row>
    <row r="587567" spans="8:8">
      <c r="H587567" s="12"/>
    </row>
    <row r="587568" spans="8:8">
      <c r="H587568" s="12"/>
    </row>
    <row r="587569" spans="8:8">
      <c r="H587569" s="12"/>
    </row>
    <row r="587570" spans="8:8">
      <c r="H587570" s="12"/>
    </row>
    <row r="587571" spans="8:8">
      <c r="H587571" s="12"/>
    </row>
    <row r="587572" spans="8:8">
      <c r="H587572" s="12"/>
    </row>
    <row r="587573" spans="8:8">
      <c r="H587573" s="12"/>
    </row>
    <row r="587574" spans="8:8">
      <c r="H587574" s="12"/>
    </row>
    <row r="587575" spans="8:8">
      <c r="H587575" s="12"/>
    </row>
    <row r="587576" spans="8:8">
      <c r="H587576" s="12"/>
    </row>
    <row r="587577" spans="8:8">
      <c r="H587577" s="12"/>
    </row>
    <row r="587578" spans="8:8">
      <c r="H587578" s="12"/>
    </row>
    <row r="587579" spans="8:8">
      <c r="H587579" s="12"/>
    </row>
    <row r="587580" spans="8:8">
      <c r="H587580" s="12"/>
    </row>
    <row r="587581" spans="8:8">
      <c r="H587581" s="12"/>
    </row>
    <row r="587582" spans="8:8">
      <c r="H587582" s="12"/>
    </row>
    <row r="587583" spans="8:8">
      <c r="H587583" s="12"/>
    </row>
    <row r="587584" spans="8:8">
      <c r="H587584" s="12"/>
    </row>
    <row r="587585" spans="8:8">
      <c r="H587585" s="12"/>
    </row>
    <row r="587586" spans="8:8">
      <c r="H587586" s="12"/>
    </row>
    <row r="587587" spans="8:8">
      <c r="H587587" s="12"/>
    </row>
    <row r="587588" spans="8:8">
      <c r="H587588" s="12"/>
    </row>
    <row r="587589" spans="8:8">
      <c r="H587589" s="12"/>
    </row>
    <row r="587590" spans="8:8">
      <c r="H587590" s="12"/>
    </row>
    <row r="587591" spans="8:8">
      <c r="H587591" s="12"/>
    </row>
    <row r="587592" spans="8:8">
      <c r="H587592" s="12"/>
    </row>
    <row r="587593" spans="8:8">
      <c r="H587593" s="12"/>
    </row>
    <row r="587594" spans="8:8">
      <c r="H587594" s="12"/>
    </row>
    <row r="587595" spans="8:8">
      <c r="H587595" s="12"/>
    </row>
    <row r="587596" spans="8:8">
      <c r="H587596" s="12"/>
    </row>
    <row r="587597" spans="8:8">
      <c r="H587597" s="12"/>
    </row>
    <row r="587598" spans="8:8">
      <c r="H587598" s="12"/>
    </row>
    <row r="587599" spans="8:8">
      <c r="H587599" s="12"/>
    </row>
    <row r="587600" spans="8:8">
      <c r="H587600" s="12"/>
    </row>
    <row r="587601" spans="8:8">
      <c r="H587601" s="12"/>
    </row>
    <row r="587602" spans="8:8">
      <c r="H587602" s="12"/>
    </row>
    <row r="587603" spans="8:8">
      <c r="H587603" s="12"/>
    </row>
    <row r="587604" spans="8:8">
      <c r="H587604" s="12"/>
    </row>
    <row r="587605" spans="8:8">
      <c r="H587605" s="12"/>
    </row>
    <row r="587606" spans="8:8">
      <c r="H587606" s="12"/>
    </row>
    <row r="587607" spans="8:8">
      <c r="H587607" s="12"/>
    </row>
    <row r="587608" spans="8:8">
      <c r="H587608" s="12"/>
    </row>
    <row r="587609" spans="8:8">
      <c r="H587609" s="12"/>
    </row>
    <row r="587610" spans="8:8">
      <c r="H587610" s="12"/>
    </row>
    <row r="587611" spans="8:8">
      <c r="H587611" s="12"/>
    </row>
    <row r="587612" spans="8:8">
      <c r="H587612" s="12"/>
    </row>
    <row r="587613" spans="8:8">
      <c r="H587613" s="12"/>
    </row>
    <row r="587614" spans="8:8">
      <c r="H587614" s="12"/>
    </row>
    <row r="587615" spans="8:8">
      <c r="H587615" s="12"/>
    </row>
    <row r="587616" spans="8:8">
      <c r="H587616" s="12"/>
    </row>
    <row r="587617" spans="8:8">
      <c r="H587617" s="12"/>
    </row>
    <row r="587618" spans="8:8">
      <c r="H587618" s="12"/>
    </row>
    <row r="587619" spans="8:8">
      <c r="H587619" s="12"/>
    </row>
    <row r="587620" spans="8:8">
      <c r="H587620" s="12"/>
    </row>
    <row r="587621" spans="8:8">
      <c r="H587621" s="12"/>
    </row>
    <row r="587622" spans="8:8">
      <c r="H587622" s="12"/>
    </row>
    <row r="587623" spans="8:8">
      <c r="H587623" s="12"/>
    </row>
    <row r="587624" spans="8:8">
      <c r="H587624" s="12"/>
    </row>
    <row r="587625" spans="8:8">
      <c r="H587625" s="12"/>
    </row>
    <row r="587626" spans="8:8">
      <c r="H587626" s="12"/>
    </row>
    <row r="587627" spans="8:8">
      <c r="H587627" s="12"/>
    </row>
    <row r="587628" spans="8:8">
      <c r="H587628" s="12"/>
    </row>
    <row r="587629" spans="8:8">
      <c r="H587629" s="12"/>
    </row>
    <row r="587630" spans="8:8">
      <c r="H587630" s="12"/>
    </row>
    <row r="587631" spans="8:8">
      <c r="H587631" s="12"/>
    </row>
    <row r="587632" spans="8:8">
      <c r="H587632" s="12"/>
    </row>
    <row r="587633" spans="8:8">
      <c r="H587633" s="12"/>
    </row>
    <row r="587634" spans="8:8">
      <c r="H587634" s="12"/>
    </row>
    <row r="587635" spans="8:8">
      <c r="H587635" s="12"/>
    </row>
    <row r="587636" spans="8:8">
      <c r="H587636" s="12"/>
    </row>
    <row r="587637" spans="8:8">
      <c r="H587637" s="12"/>
    </row>
    <row r="587638" spans="8:8">
      <c r="H587638" s="12"/>
    </row>
    <row r="587639" spans="8:8">
      <c r="H587639" s="12"/>
    </row>
    <row r="587640" spans="8:8">
      <c r="H587640" s="12"/>
    </row>
    <row r="587641" spans="8:8">
      <c r="H587641" s="12"/>
    </row>
    <row r="587642" spans="8:8">
      <c r="H587642" s="12"/>
    </row>
    <row r="587643" spans="8:8">
      <c r="H587643" s="12"/>
    </row>
    <row r="587644" spans="8:8">
      <c r="H587644" s="12"/>
    </row>
    <row r="587645" spans="8:8">
      <c r="H587645" s="12"/>
    </row>
    <row r="587646" spans="8:8">
      <c r="H587646" s="12"/>
    </row>
    <row r="587647" spans="8:8">
      <c r="H587647" s="12"/>
    </row>
    <row r="587648" spans="8:8">
      <c r="H587648" s="12"/>
    </row>
    <row r="587649" spans="8:8">
      <c r="H587649" s="12"/>
    </row>
    <row r="587650" spans="8:8">
      <c r="H587650" s="12"/>
    </row>
    <row r="587651" spans="8:8">
      <c r="H587651" s="12"/>
    </row>
    <row r="587652" spans="8:8">
      <c r="H587652" s="12"/>
    </row>
    <row r="587653" spans="8:8">
      <c r="H587653" s="12"/>
    </row>
    <row r="587654" spans="8:8">
      <c r="H587654" s="12"/>
    </row>
    <row r="587655" spans="8:8">
      <c r="H587655" s="12"/>
    </row>
    <row r="587656" spans="8:8">
      <c r="H587656" s="12"/>
    </row>
    <row r="587657" spans="8:8">
      <c r="H587657" s="12"/>
    </row>
    <row r="587658" spans="8:8">
      <c r="H587658" s="12"/>
    </row>
    <row r="587659" spans="8:8">
      <c r="H587659" s="12"/>
    </row>
    <row r="587660" spans="8:8">
      <c r="H587660" s="12"/>
    </row>
    <row r="587661" spans="8:8">
      <c r="H587661" s="12"/>
    </row>
    <row r="587662" spans="8:8">
      <c r="H587662" s="12"/>
    </row>
    <row r="587663" spans="8:8">
      <c r="H587663" s="12"/>
    </row>
    <row r="587664" spans="8:8">
      <c r="H587664" s="12"/>
    </row>
    <row r="587665" spans="8:8">
      <c r="H587665" s="12"/>
    </row>
    <row r="587666" spans="8:8">
      <c r="H587666" s="12"/>
    </row>
    <row r="587667" spans="8:8">
      <c r="H587667" s="12"/>
    </row>
    <row r="587668" spans="8:8">
      <c r="H587668" s="12"/>
    </row>
    <row r="587669" spans="8:8">
      <c r="H587669" s="12"/>
    </row>
    <row r="587670" spans="8:8">
      <c r="H587670" s="12"/>
    </row>
    <row r="587671" spans="8:8">
      <c r="H587671" s="12"/>
    </row>
    <row r="587672" spans="8:8">
      <c r="H587672" s="12"/>
    </row>
    <row r="587673" spans="8:8">
      <c r="H587673" s="12"/>
    </row>
    <row r="587674" spans="8:8">
      <c r="H587674" s="12"/>
    </row>
    <row r="587675" spans="8:8">
      <c r="H587675" s="12"/>
    </row>
    <row r="587676" spans="8:8">
      <c r="H587676" s="12"/>
    </row>
    <row r="587677" spans="8:8">
      <c r="H587677" s="12"/>
    </row>
    <row r="587678" spans="8:8">
      <c r="H587678" s="12"/>
    </row>
    <row r="587679" spans="8:8">
      <c r="H587679" s="12"/>
    </row>
    <row r="587680" spans="8:8">
      <c r="H587680" s="12"/>
    </row>
    <row r="587681" spans="8:8">
      <c r="H587681" s="12"/>
    </row>
    <row r="587682" spans="8:8">
      <c r="H587682" s="12"/>
    </row>
    <row r="587683" spans="8:8">
      <c r="H587683" s="12"/>
    </row>
    <row r="587684" spans="8:8">
      <c r="H587684" s="12"/>
    </row>
    <row r="587685" spans="8:8">
      <c r="H587685" s="12"/>
    </row>
    <row r="587686" spans="8:8">
      <c r="H587686" s="12"/>
    </row>
    <row r="587687" spans="8:8">
      <c r="H587687" s="12"/>
    </row>
    <row r="587688" spans="8:8">
      <c r="H587688" s="12"/>
    </row>
    <row r="587689" spans="8:8">
      <c r="H587689" s="12"/>
    </row>
    <row r="587690" spans="8:8">
      <c r="H587690" s="12"/>
    </row>
    <row r="587691" spans="8:8">
      <c r="H587691" s="12"/>
    </row>
    <row r="587692" spans="8:8">
      <c r="H587692" s="12"/>
    </row>
    <row r="587693" spans="8:8">
      <c r="H587693" s="12"/>
    </row>
    <row r="587694" spans="8:8">
      <c r="H587694" s="12"/>
    </row>
    <row r="587695" spans="8:8">
      <c r="H587695" s="12"/>
    </row>
    <row r="587696" spans="8:8">
      <c r="H587696" s="12"/>
    </row>
    <row r="587697" spans="8:8">
      <c r="H587697" s="12"/>
    </row>
    <row r="587698" spans="8:8">
      <c r="H587698" s="12"/>
    </row>
    <row r="587699" spans="8:8">
      <c r="H587699" s="12"/>
    </row>
    <row r="587700" spans="8:8">
      <c r="H587700" s="12"/>
    </row>
    <row r="587701" spans="8:8">
      <c r="H587701" s="12"/>
    </row>
    <row r="587702" spans="8:8">
      <c r="H587702" s="12"/>
    </row>
    <row r="587703" spans="8:8">
      <c r="H587703" s="12"/>
    </row>
    <row r="587704" spans="8:8">
      <c r="H587704" s="12"/>
    </row>
    <row r="587705" spans="8:8">
      <c r="H587705" s="12"/>
    </row>
    <row r="587706" spans="8:8">
      <c r="H587706" s="12"/>
    </row>
    <row r="587707" spans="8:8">
      <c r="H587707" s="12"/>
    </row>
    <row r="587708" spans="8:8">
      <c r="H587708" s="12"/>
    </row>
    <row r="587709" spans="8:8">
      <c r="H587709" s="12"/>
    </row>
    <row r="587710" spans="8:8">
      <c r="H587710" s="12"/>
    </row>
    <row r="587711" spans="8:8">
      <c r="H587711" s="12"/>
    </row>
    <row r="587712" spans="8:8">
      <c r="H587712" s="12"/>
    </row>
    <row r="587713" spans="8:8">
      <c r="H587713" s="12"/>
    </row>
    <row r="587714" spans="8:8">
      <c r="H587714" s="12"/>
    </row>
    <row r="587715" spans="8:8">
      <c r="H587715" s="12"/>
    </row>
    <row r="587716" spans="8:8">
      <c r="H587716" s="12"/>
    </row>
    <row r="587717" spans="8:8">
      <c r="H587717" s="12"/>
    </row>
    <row r="587718" spans="8:8">
      <c r="H587718" s="12"/>
    </row>
    <row r="587719" spans="8:8">
      <c r="H587719" s="12"/>
    </row>
    <row r="587720" spans="8:8">
      <c r="H587720" s="12"/>
    </row>
    <row r="587721" spans="8:8">
      <c r="H587721" s="12"/>
    </row>
    <row r="587722" spans="8:8">
      <c r="H587722" s="12"/>
    </row>
    <row r="587723" spans="8:8">
      <c r="H587723" s="12"/>
    </row>
    <row r="587724" spans="8:8">
      <c r="H587724" s="12"/>
    </row>
    <row r="587725" spans="8:8">
      <c r="H587725" s="12"/>
    </row>
    <row r="587726" spans="8:8">
      <c r="H587726" s="12"/>
    </row>
    <row r="587727" spans="8:8">
      <c r="H587727" s="12"/>
    </row>
    <row r="587728" spans="8:8">
      <c r="H587728" s="12"/>
    </row>
    <row r="587729" spans="8:8">
      <c r="H587729" s="12"/>
    </row>
    <row r="587730" spans="8:8">
      <c r="H587730" s="12"/>
    </row>
    <row r="587731" spans="8:8">
      <c r="H587731" s="12"/>
    </row>
    <row r="587732" spans="8:8">
      <c r="H587732" s="12"/>
    </row>
    <row r="587733" spans="8:8">
      <c r="H587733" s="12"/>
    </row>
    <row r="587734" spans="8:8">
      <c r="H587734" s="12"/>
    </row>
    <row r="587735" spans="8:8">
      <c r="H587735" s="12"/>
    </row>
    <row r="587736" spans="8:8">
      <c r="H587736" s="12"/>
    </row>
    <row r="587737" spans="8:8">
      <c r="H587737" s="12"/>
    </row>
    <row r="587738" spans="8:8">
      <c r="H587738" s="12"/>
    </row>
    <row r="587739" spans="8:8">
      <c r="H587739" s="12"/>
    </row>
    <row r="587740" spans="8:8">
      <c r="H587740" s="12"/>
    </row>
    <row r="587741" spans="8:8">
      <c r="H587741" s="12"/>
    </row>
    <row r="587742" spans="8:8">
      <c r="H587742" s="12"/>
    </row>
    <row r="587743" spans="8:8">
      <c r="H587743" s="12"/>
    </row>
    <row r="587744" spans="8:8">
      <c r="H587744" s="12"/>
    </row>
    <row r="587745" spans="8:8">
      <c r="H587745" s="12"/>
    </row>
    <row r="587746" spans="8:8">
      <c r="H587746" s="12"/>
    </row>
    <row r="587747" spans="8:8">
      <c r="H587747" s="12"/>
    </row>
    <row r="587748" spans="8:8">
      <c r="H587748" s="12"/>
    </row>
    <row r="587749" spans="8:8">
      <c r="H587749" s="12"/>
    </row>
    <row r="587750" spans="8:8">
      <c r="H587750" s="12"/>
    </row>
    <row r="587751" spans="8:8">
      <c r="H587751" s="12"/>
    </row>
    <row r="587752" spans="8:8">
      <c r="H587752" s="12"/>
    </row>
    <row r="587753" spans="8:8">
      <c r="H587753" s="12"/>
    </row>
    <row r="587754" spans="8:8">
      <c r="H587754" s="12"/>
    </row>
    <row r="587755" spans="8:8">
      <c r="H587755" s="12"/>
    </row>
    <row r="587756" spans="8:8">
      <c r="H587756" s="12"/>
    </row>
    <row r="587757" spans="8:8">
      <c r="H587757" s="12"/>
    </row>
    <row r="587758" spans="8:8">
      <c r="H587758" s="12"/>
    </row>
    <row r="587759" spans="8:8">
      <c r="H587759" s="12"/>
    </row>
    <row r="587760" spans="8:8">
      <c r="H587760" s="12"/>
    </row>
    <row r="587761" spans="8:8">
      <c r="H587761" s="12"/>
    </row>
    <row r="587762" spans="8:8">
      <c r="H587762" s="12"/>
    </row>
    <row r="587763" spans="8:8">
      <c r="H587763" s="12"/>
    </row>
    <row r="587764" spans="8:8">
      <c r="H587764" s="12"/>
    </row>
    <row r="587765" spans="8:8">
      <c r="H587765" s="12"/>
    </row>
    <row r="587766" spans="8:8">
      <c r="H587766" s="12"/>
    </row>
    <row r="587767" spans="8:8">
      <c r="H587767" s="12"/>
    </row>
    <row r="587768" spans="8:8">
      <c r="H587768" s="12"/>
    </row>
    <row r="587769" spans="8:8">
      <c r="H587769" s="12"/>
    </row>
    <row r="587770" spans="8:8">
      <c r="H587770" s="12"/>
    </row>
    <row r="587771" spans="8:8">
      <c r="H587771" s="12"/>
    </row>
    <row r="587772" spans="8:8">
      <c r="H587772" s="12"/>
    </row>
    <row r="587773" spans="8:8">
      <c r="H587773" s="12"/>
    </row>
    <row r="587774" spans="8:8">
      <c r="H587774" s="12"/>
    </row>
    <row r="587775" spans="8:8">
      <c r="H587775" s="12"/>
    </row>
    <row r="587776" spans="8:8">
      <c r="H587776" s="12"/>
    </row>
    <row r="587777" spans="8:8">
      <c r="H587777" s="12"/>
    </row>
    <row r="587778" spans="8:8">
      <c r="H587778" s="12"/>
    </row>
    <row r="587779" spans="8:8">
      <c r="H587779" s="12"/>
    </row>
    <row r="587780" spans="8:8">
      <c r="H587780" s="12"/>
    </row>
    <row r="587781" spans="8:8">
      <c r="H587781" s="12"/>
    </row>
    <row r="587782" spans="8:8">
      <c r="H587782" s="12"/>
    </row>
    <row r="587783" spans="8:8">
      <c r="H587783" s="12"/>
    </row>
    <row r="587784" spans="8:8">
      <c r="H587784" s="12"/>
    </row>
    <row r="587785" spans="8:8">
      <c r="H587785" s="12"/>
    </row>
    <row r="587786" spans="8:8">
      <c r="H587786" s="12"/>
    </row>
    <row r="587787" spans="8:8">
      <c r="H587787" s="12"/>
    </row>
    <row r="587788" spans="8:8">
      <c r="H587788" s="12"/>
    </row>
    <row r="587789" spans="8:8">
      <c r="H587789" s="12"/>
    </row>
    <row r="587790" spans="8:8">
      <c r="H587790" s="12"/>
    </row>
    <row r="587791" spans="8:8">
      <c r="H587791" s="12"/>
    </row>
    <row r="587792" spans="8:8">
      <c r="H587792" s="12"/>
    </row>
    <row r="587793" spans="8:8">
      <c r="H587793" s="12"/>
    </row>
    <row r="587794" spans="8:8">
      <c r="H587794" s="12"/>
    </row>
    <row r="587795" spans="8:8">
      <c r="H587795" s="12"/>
    </row>
    <row r="587796" spans="8:8">
      <c r="H587796" s="12"/>
    </row>
    <row r="587797" spans="8:8">
      <c r="H587797" s="12"/>
    </row>
    <row r="587798" spans="8:8">
      <c r="H587798" s="12"/>
    </row>
    <row r="587799" spans="8:8">
      <c r="H587799" s="12"/>
    </row>
    <row r="587800" spans="8:8">
      <c r="H587800" s="12"/>
    </row>
    <row r="587801" spans="8:8">
      <c r="H587801" s="12"/>
    </row>
    <row r="587802" spans="8:8">
      <c r="H587802" s="12"/>
    </row>
    <row r="587803" spans="8:8">
      <c r="H587803" s="12"/>
    </row>
    <row r="587804" spans="8:8">
      <c r="H587804" s="12"/>
    </row>
    <row r="587805" spans="8:8">
      <c r="H587805" s="12"/>
    </row>
    <row r="587806" spans="8:8">
      <c r="H587806" s="12"/>
    </row>
    <row r="587807" spans="8:8">
      <c r="H587807" s="12"/>
    </row>
    <row r="587808" spans="8:8">
      <c r="H587808" s="12"/>
    </row>
    <row r="587809" spans="8:8">
      <c r="H587809" s="12"/>
    </row>
    <row r="587810" spans="8:8">
      <c r="H587810" s="12"/>
    </row>
    <row r="587811" spans="8:8">
      <c r="H587811" s="12"/>
    </row>
    <row r="587812" spans="8:8">
      <c r="H587812" s="12"/>
    </row>
    <row r="587813" spans="8:8">
      <c r="H587813" s="12"/>
    </row>
    <row r="587814" spans="8:8">
      <c r="H587814" s="12"/>
    </row>
    <row r="587815" spans="8:8">
      <c r="H587815" s="12"/>
    </row>
    <row r="587816" spans="8:8">
      <c r="H587816" s="12"/>
    </row>
    <row r="587817" spans="8:8">
      <c r="H587817" s="12"/>
    </row>
    <row r="587818" spans="8:8">
      <c r="H587818" s="12"/>
    </row>
    <row r="587819" spans="8:8">
      <c r="H587819" s="12"/>
    </row>
    <row r="587820" spans="8:8">
      <c r="H587820" s="12"/>
    </row>
    <row r="587821" spans="8:8">
      <c r="H587821" s="12"/>
    </row>
    <row r="587822" spans="8:8">
      <c r="H587822" s="12"/>
    </row>
    <row r="587823" spans="8:8">
      <c r="H587823" s="12"/>
    </row>
    <row r="587824" spans="8:8">
      <c r="H587824" s="12"/>
    </row>
    <row r="587825" spans="8:8">
      <c r="H587825" s="12"/>
    </row>
    <row r="587826" spans="8:8">
      <c r="H587826" s="12"/>
    </row>
    <row r="587827" spans="8:8">
      <c r="H587827" s="12"/>
    </row>
    <row r="587828" spans="8:8">
      <c r="H587828" s="12"/>
    </row>
    <row r="587829" spans="8:8">
      <c r="H587829" s="12"/>
    </row>
    <row r="587830" spans="8:8">
      <c r="H587830" s="12"/>
    </row>
    <row r="587831" spans="8:8">
      <c r="H587831" s="12"/>
    </row>
    <row r="587832" spans="8:8">
      <c r="H587832" s="12"/>
    </row>
    <row r="587833" spans="8:8">
      <c r="H587833" s="12"/>
    </row>
    <row r="587834" spans="8:8">
      <c r="H587834" s="12"/>
    </row>
    <row r="587835" spans="8:8">
      <c r="H587835" s="12"/>
    </row>
    <row r="587836" spans="8:8">
      <c r="H587836" s="12"/>
    </row>
    <row r="587837" spans="8:8">
      <c r="H587837" s="12"/>
    </row>
    <row r="587838" spans="8:8">
      <c r="H587838" s="12"/>
    </row>
    <row r="587839" spans="8:8">
      <c r="H587839" s="12"/>
    </row>
    <row r="587840" spans="8:8">
      <c r="H587840" s="12"/>
    </row>
    <row r="587841" spans="8:8">
      <c r="H587841" s="12"/>
    </row>
    <row r="587842" spans="8:8">
      <c r="H587842" s="12"/>
    </row>
    <row r="587843" spans="8:8">
      <c r="H587843" s="12"/>
    </row>
    <row r="587844" spans="8:8">
      <c r="H587844" s="12"/>
    </row>
    <row r="587845" spans="8:8">
      <c r="H587845" s="12"/>
    </row>
    <row r="587846" spans="8:8">
      <c r="H587846" s="12"/>
    </row>
    <row r="587847" spans="8:8">
      <c r="H587847" s="12"/>
    </row>
    <row r="587848" spans="8:8">
      <c r="H587848" s="12"/>
    </row>
    <row r="587849" spans="8:8">
      <c r="H587849" s="12"/>
    </row>
    <row r="587850" spans="8:8">
      <c r="H587850" s="12"/>
    </row>
    <row r="587851" spans="8:8">
      <c r="H587851" s="12"/>
    </row>
    <row r="587852" spans="8:8">
      <c r="H587852" s="12"/>
    </row>
    <row r="587853" spans="8:8">
      <c r="H587853" s="12"/>
    </row>
    <row r="587854" spans="8:8">
      <c r="H587854" s="12"/>
    </row>
    <row r="587855" spans="8:8">
      <c r="H587855" s="12"/>
    </row>
    <row r="587856" spans="8:8">
      <c r="H587856" s="12"/>
    </row>
    <row r="587857" spans="8:8">
      <c r="H587857" s="12"/>
    </row>
    <row r="587858" spans="8:8">
      <c r="H587858" s="12"/>
    </row>
    <row r="587859" spans="8:8">
      <c r="H587859" s="12"/>
    </row>
    <row r="587860" spans="8:8">
      <c r="H587860" s="12"/>
    </row>
    <row r="587861" spans="8:8">
      <c r="H587861" s="12"/>
    </row>
    <row r="587862" spans="8:8">
      <c r="H587862" s="12"/>
    </row>
    <row r="587863" spans="8:8">
      <c r="H587863" s="12"/>
    </row>
    <row r="587864" spans="8:8">
      <c r="H587864" s="12"/>
    </row>
    <row r="587865" spans="8:8">
      <c r="H587865" s="12"/>
    </row>
    <row r="587866" spans="8:8">
      <c r="H587866" s="12"/>
    </row>
    <row r="587867" spans="8:8">
      <c r="H587867" s="12"/>
    </row>
    <row r="587868" spans="8:8">
      <c r="H587868" s="12"/>
    </row>
    <row r="587869" spans="8:8">
      <c r="H587869" s="12"/>
    </row>
    <row r="587870" spans="8:8">
      <c r="H587870" s="12"/>
    </row>
    <row r="587871" spans="8:8">
      <c r="H587871" s="12"/>
    </row>
    <row r="587872" spans="8:8">
      <c r="H587872" s="12"/>
    </row>
    <row r="587873" spans="8:8">
      <c r="H587873" s="12"/>
    </row>
    <row r="587874" spans="8:8">
      <c r="H587874" s="12"/>
    </row>
    <row r="587875" spans="8:8">
      <c r="H587875" s="12"/>
    </row>
    <row r="587876" spans="8:8">
      <c r="H587876" s="12"/>
    </row>
    <row r="587877" spans="8:8">
      <c r="H587877" s="12"/>
    </row>
    <row r="587878" spans="8:8">
      <c r="H587878" s="12"/>
    </row>
    <row r="587879" spans="8:8">
      <c r="H587879" s="12"/>
    </row>
    <row r="587880" spans="8:8">
      <c r="H587880" s="12"/>
    </row>
    <row r="587881" spans="8:8">
      <c r="H587881" s="12"/>
    </row>
    <row r="587882" spans="8:8">
      <c r="H587882" s="12"/>
    </row>
    <row r="587883" spans="8:8">
      <c r="H587883" s="12"/>
    </row>
    <row r="587884" spans="8:8">
      <c r="H587884" s="12"/>
    </row>
    <row r="587885" spans="8:8">
      <c r="H587885" s="12"/>
    </row>
    <row r="587886" spans="8:8">
      <c r="H587886" s="12"/>
    </row>
    <row r="587887" spans="8:8">
      <c r="H587887" s="12"/>
    </row>
    <row r="587888" spans="8:8">
      <c r="H587888" s="12"/>
    </row>
    <row r="587889" spans="8:8">
      <c r="H587889" s="12"/>
    </row>
    <row r="587890" spans="8:8">
      <c r="H587890" s="12"/>
    </row>
    <row r="587891" spans="8:8">
      <c r="H587891" s="12"/>
    </row>
    <row r="587892" spans="8:8">
      <c r="H587892" s="12"/>
    </row>
    <row r="587893" spans="8:8">
      <c r="H587893" s="12"/>
    </row>
    <row r="587894" spans="8:8">
      <c r="H587894" s="12"/>
    </row>
    <row r="587895" spans="8:8">
      <c r="H587895" s="12"/>
    </row>
    <row r="587896" spans="8:8">
      <c r="H587896" s="12"/>
    </row>
    <row r="587897" spans="8:8">
      <c r="H587897" s="12"/>
    </row>
    <row r="587898" spans="8:8">
      <c r="H587898" s="12"/>
    </row>
    <row r="587899" spans="8:8">
      <c r="H587899" s="12"/>
    </row>
    <row r="587900" spans="8:8">
      <c r="H587900" s="12"/>
    </row>
    <row r="587901" spans="8:8">
      <c r="H587901" s="12"/>
    </row>
    <row r="587902" spans="8:8">
      <c r="H587902" s="12"/>
    </row>
    <row r="587903" spans="8:8">
      <c r="H587903" s="12"/>
    </row>
    <row r="587904" spans="8:8">
      <c r="H587904" s="12"/>
    </row>
    <row r="587905" spans="8:8">
      <c r="H587905" s="12"/>
    </row>
    <row r="587906" spans="8:8">
      <c r="H587906" s="12"/>
    </row>
    <row r="587907" spans="8:8">
      <c r="H587907" s="12"/>
    </row>
    <row r="587908" spans="8:8">
      <c r="H587908" s="12"/>
    </row>
    <row r="587909" spans="8:8">
      <c r="H587909" s="12"/>
    </row>
    <row r="587910" spans="8:8">
      <c r="H587910" s="12"/>
    </row>
    <row r="587911" spans="8:8">
      <c r="H587911" s="12"/>
    </row>
    <row r="587912" spans="8:8">
      <c r="H587912" s="12"/>
    </row>
    <row r="587913" spans="8:8">
      <c r="H587913" s="12"/>
    </row>
    <row r="587914" spans="8:8">
      <c r="H587914" s="12"/>
    </row>
    <row r="587915" spans="8:8">
      <c r="H587915" s="12"/>
    </row>
    <row r="587916" spans="8:8">
      <c r="H587916" s="12"/>
    </row>
    <row r="587917" spans="8:8">
      <c r="H587917" s="12"/>
    </row>
    <row r="587918" spans="8:8">
      <c r="H587918" s="12"/>
    </row>
    <row r="587919" spans="8:8">
      <c r="H587919" s="12"/>
    </row>
    <row r="587920" spans="8:8">
      <c r="H587920" s="12"/>
    </row>
    <row r="587921" spans="8:8">
      <c r="H587921" s="12"/>
    </row>
    <row r="587922" spans="8:8">
      <c r="H587922" s="12"/>
    </row>
    <row r="587923" spans="8:8">
      <c r="H587923" s="12"/>
    </row>
    <row r="587924" spans="8:8">
      <c r="H587924" s="12"/>
    </row>
    <row r="587925" spans="8:8">
      <c r="H587925" s="12"/>
    </row>
    <row r="587926" spans="8:8">
      <c r="H587926" s="12"/>
    </row>
    <row r="587927" spans="8:8">
      <c r="H587927" s="12"/>
    </row>
    <row r="587928" spans="8:8">
      <c r="H587928" s="12"/>
    </row>
    <row r="587929" spans="8:8">
      <c r="H587929" s="12"/>
    </row>
    <row r="587930" spans="8:8">
      <c r="H587930" s="12"/>
    </row>
    <row r="587931" spans="8:8">
      <c r="H587931" s="12"/>
    </row>
    <row r="587932" spans="8:8">
      <c r="H587932" s="12"/>
    </row>
    <row r="587933" spans="8:8">
      <c r="H587933" s="12"/>
    </row>
    <row r="587934" spans="8:8">
      <c r="H587934" s="12"/>
    </row>
    <row r="587935" spans="8:8">
      <c r="H587935" s="12"/>
    </row>
    <row r="587936" spans="8:8">
      <c r="H587936" s="12"/>
    </row>
    <row r="587937" spans="8:8">
      <c r="H587937" s="12"/>
    </row>
    <row r="587938" spans="8:8">
      <c r="H587938" s="12"/>
    </row>
    <row r="587939" spans="8:8">
      <c r="H587939" s="12"/>
    </row>
    <row r="587940" spans="8:8">
      <c r="H587940" s="12"/>
    </row>
    <row r="587941" spans="8:8">
      <c r="H587941" s="12"/>
    </row>
    <row r="587942" spans="8:8">
      <c r="H587942" s="12"/>
    </row>
    <row r="587943" spans="8:8">
      <c r="H587943" s="12"/>
    </row>
    <row r="587944" spans="8:8">
      <c r="H587944" s="12"/>
    </row>
    <row r="587945" spans="8:8">
      <c r="H587945" s="12"/>
    </row>
    <row r="587946" spans="8:8">
      <c r="H587946" s="12"/>
    </row>
    <row r="587947" spans="8:8">
      <c r="H587947" s="12"/>
    </row>
    <row r="587948" spans="8:8">
      <c r="H587948" s="12"/>
    </row>
    <row r="587949" spans="8:8">
      <c r="H587949" s="12"/>
    </row>
    <row r="587950" spans="8:8">
      <c r="H587950" s="12"/>
    </row>
    <row r="587951" spans="8:8">
      <c r="H587951" s="12"/>
    </row>
    <row r="587952" spans="8:8">
      <c r="H587952" s="12"/>
    </row>
    <row r="587953" spans="8:8">
      <c r="H587953" s="12"/>
    </row>
    <row r="587954" spans="8:8">
      <c r="H587954" s="12"/>
    </row>
    <row r="587955" spans="8:8">
      <c r="H587955" s="12"/>
    </row>
    <row r="587956" spans="8:8">
      <c r="H587956" s="12"/>
    </row>
    <row r="587957" spans="8:8">
      <c r="H587957" s="12"/>
    </row>
    <row r="587958" spans="8:8">
      <c r="H587958" s="12"/>
    </row>
    <row r="587959" spans="8:8">
      <c r="H587959" s="12"/>
    </row>
    <row r="587960" spans="8:8">
      <c r="H587960" s="12"/>
    </row>
    <row r="587961" spans="8:8">
      <c r="H587961" s="12"/>
    </row>
    <row r="587962" spans="8:8">
      <c r="H587962" s="12"/>
    </row>
    <row r="587963" spans="8:8">
      <c r="H587963" s="12"/>
    </row>
    <row r="587964" spans="8:8">
      <c r="H587964" s="12"/>
    </row>
    <row r="587965" spans="8:8">
      <c r="H587965" s="12"/>
    </row>
    <row r="587966" spans="8:8">
      <c r="H587966" s="12"/>
    </row>
    <row r="587967" spans="8:8">
      <c r="H587967" s="12"/>
    </row>
    <row r="587968" spans="8:8">
      <c r="H587968" s="12"/>
    </row>
    <row r="587969" spans="8:8">
      <c r="H587969" s="12"/>
    </row>
    <row r="587970" spans="8:8">
      <c r="H587970" s="12"/>
    </row>
    <row r="587971" spans="8:8">
      <c r="H587971" s="12"/>
    </row>
    <row r="587972" spans="8:8">
      <c r="H587972" s="12"/>
    </row>
    <row r="587973" spans="8:8">
      <c r="H587973" s="12"/>
    </row>
    <row r="587974" spans="8:8">
      <c r="H587974" s="12"/>
    </row>
    <row r="587975" spans="8:8">
      <c r="H587975" s="12"/>
    </row>
    <row r="587976" spans="8:8">
      <c r="H587976" s="12"/>
    </row>
    <row r="587977" spans="8:8">
      <c r="H587977" s="12"/>
    </row>
    <row r="587978" spans="8:8">
      <c r="H587978" s="12"/>
    </row>
    <row r="587979" spans="8:8">
      <c r="H587979" s="12"/>
    </row>
    <row r="587980" spans="8:8">
      <c r="H587980" s="12"/>
    </row>
    <row r="587981" spans="8:8">
      <c r="H587981" s="12"/>
    </row>
    <row r="587982" spans="8:8">
      <c r="H587982" s="12"/>
    </row>
    <row r="587983" spans="8:8">
      <c r="H587983" s="12"/>
    </row>
    <row r="587984" spans="8:8">
      <c r="H587984" s="12"/>
    </row>
    <row r="587985" spans="8:8">
      <c r="H587985" s="12"/>
    </row>
    <row r="587986" spans="8:8">
      <c r="H587986" s="12"/>
    </row>
    <row r="587987" spans="8:8">
      <c r="H587987" s="12"/>
    </row>
    <row r="587988" spans="8:8">
      <c r="H587988" s="12"/>
    </row>
    <row r="587989" spans="8:8">
      <c r="H587989" s="12"/>
    </row>
    <row r="587990" spans="8:8">
      <c r="H587990" s="12"/>
    </row>
    <row r="587991" spans="8:8">
      <c r="H587991" s="12"/>
    </row>
    <row r="587992" spans="8:8">
      <c r="H587992" s="12"/>
    </row>
    <row r="587993" spans="8:8">
      <c r="H587993" s="12"/>
    </row>
    <row r="587994" spans="8:8">
      <c r="H587994" s="12"/>
    </row>
    <row r="587995" spans="8:8">
      <c r="H587995" s="12"/>
    </row>
    <row r="587996" spans="8:8">
      <c r="H587996" s="12"/>
    </row>
    <row r="587997" spans="8:8">
      <c r="H587997" s="12"/>
    </row>
    <row r="587998" spans="8:8">
      <c r="H587998" s="12"/>
    </row>
    <row r="587999" spans="8:8">
      <c r="H587999" s="12"/>
    </row>
    <row r="588000" spans="8:8">
      <c r="H588000" s="12"/>
    </row>
    <row r="588001" spans="8:8">
      <c r="H588001" s="12"/>
    </row>
    <row r="588002" spans="8:8">
      <c r="H588002" s="12"/>
    </row>
    <row r="588003" spans="8:8">
      <c r="H588003" s="12"/>
    </row>
    <row r="588004" spans="8:8">
      <c r="H588004" s="12"/>
    </row>
    <row r="588005" spans="8:8">
      <c r="H588005" s="12"/>
    </row>
    <row r="588006" spans="8:8">
      <c r="H588006" s="12"/>
    </row>
    <row r="588007" spans="8:8">
      <c r="H588007" s="12"/>
    </row>
    <row r="588008" spans="8:8">
      <c r="H588008" s="12"/>
    </row>
    <row r="588009" spans="8:8">
      <c r="H588009" s="12"/>
    </row>
    <row r="588010" spans="8:8">
      <c r="H588010" s="12"/>
    </row>
    <row r="588011" spans="8:8">
      <c r="H588011" s="12"/>
    </row>
    <row r="588012" spans="8:8">
      <c r="H588012" s="12"/>
    </row>
    <row r="588013" spans="8:8">
      <c r="H588013" s="12"/>
    </row>
    <row r="588014" spans="8:8">
      <c r="H588014" s="12"/>
    </row>
    <row r="588015" spans="8:8">
      <c r="H588015" s="12"/>
    </row>
    <row r="588016" spans="8:8">
      <c r="H588016" s="12"/>
    </row>
    <row r="588017" spans="8:8">
      <c r="H588017" s="12"/>
    </row>
    <row r="588018" spans="8:8">
      <c r="H588018" s="12"/>
    </row>
    <row r="588019" spans="8:8">
      <c r="H588019" s="12"/>
    </row>
    <row r="588020" spans="8:8">
      <c r="H588020" s="12"/>
    </row>
    <row r="588021" spans="8:8">
      <c r="H588021" s="12"/>
    </row>
    <row r="588022" spans="8:8">
      <c r="H588022" s="12"/>
    </row>
    <row r="588023" spans="8:8">
      <c r="H588023" s="12"/>
    </row>
    <row r="588024" spans="8:8">
      <c r="H588024" s="12"/>
    </row>
    <row r="588025" spans="8:8">
      <c r="H588025" s="12"/>
    </row>
    <row r="588026" spans="8:8">
      <c r="H588026" s="12"/>
    </row>
    <row r="588027" spans="8:8">
      <c r="H588027" s="12"/>
    </row>
    <row r="588028" spans="8:8">
      <c r="H588028" s="12"/>
    </row>
    <row r="588029" spans="8:8">
      <c r="H588029" s="12"/>
    </row>
    <row r="588030" spans="8:8">
      <c r="H588030" s="12"/>
    </row>
    <row r="588031" spans="8:8">
      <c r="H588031" s="12"/>
    </row>
    <row r="588032" spans="8:8">
      <c r="H588032" s="12"/>
    </row>
    <row r="588033" spans="8:8">
      <c r="H588033" s="12"/>
    </row>
    <row r="588034" spans="8:8">
      <c r="H588034" s="12"/>
    </row>
    <row r="588035" spans="8:8">
      <c r="H588035" s="12"/>
    </row>
    <row r="588036" spans="8:8">
      <c r="H588036" s="12"/>
    </row>
    <row r="588037" spans="8:8">
      <c r="H588037" s="12"/>
    </row>
    <row r="588038" spans="8:8">
      <c r="H588038" s="12"/>
    </row>
    <row r="588039" spans="8:8">
      <c r="H588039" s="12"/>
    </row>
    <row r="588040" spans="8:8">
      <c r="H588040" s="12"/>
    </row>
    <row r="588041" spans="8:8">
      <c r="H588041" s="12"/>
    </row>
    <row r="588042" spans="8:8">
      <c r="H588042" s="12"/>
    </row>
    <row r="588043" spans="8:8">
      <c r="H588043" s="12"/>
    </row>
    <row r="588044" spans="8:8">
      <c r="H588044" s="12"/>
    </row>
    <row r="588045" spans="8:8">
      <c r="H588045" s="12"/>
    </row>
    <row r="588046" spans="8:8">
      <c r="H588046" s="12"/>
    </row>
    <row r="588047" spans="8:8">
      <c r="H588047" s="12"/>
    </row>
    <row r="588048" spans="8:8">
      <c r="H588048" s="12"/>
    </row>
    <row r="588049" spans="8:8">
      <c r="H588049" s="12"/>
    </row>
    <row r="588050" spans="8:8">
      <c r="H588050" s="12"/>
    </row>
    <row r="588051" spans="8:8">
      <c r="H588051" s="12"/>
    </row>
    <row r="588052" spans="8:8">
      <c r="H588052" s="12"/>
    </row>
    <row r="588053" spans="8:8">
      <c r="H588053" s="12"/>
    </row>
    <row r="588054" spans="8:8">
      <c r="H588054" s="12"/>
    </row>
    <row r="588055" spans="8:8">
      <c r="H588055" s="12"/>
    </row>
    <row r="588056" spans="8:8">
      <c r="H588056" s="12"/>
    </row>
    <row r="588057" spans="8:8">
      <c r="H588057" s="12"/>
    </row>
    <row r="588058" spans="8:8">
      <c r="H588058" s="12"/>
    </row>
    <row r="588059" spans="8:8">
      <c r="H588059" s="12"/>
    </row>
    <row r="588060" spans="8:8">
      <c r="H588060" s="12"/>
    </row>
    <row r="588061" spans="8:8">
      <c r="H588061" s="12"/>
    </row>
    <row r="588062" spans="8:8">
      <c r="H588062" s="12"/>
    </row>
    <row r="588063" spans="8:8">
      <c r="H588063" s="12"/>
    </row>
    <row r="588064" spans="8:8">
      <c r="H588064" s="12"/>
    </row>
    <row r="588065" spans="8:8">
      <c r="H588065" s="12"/>
    </row>
    <row r="588066" spans="8:8">
      <c r="H588066" s="12"/>
    </row>
    <row r="588067" spans="8:8">
      <c r="H588067" s="12"/>
    </row>
    <row r="588068" spans="8:8">
      <c r="H588068" s="12"/>
    </row>
    <row r="588069" spans="8:8">
      <c r="H588069" s="12"/>
    </row>
    <row r="588070" spans="8:8">
      <c r="H588070" s="12"/>
    </row>
    <row r="588071" spans="8:8">
      <c r="H588071" s="12"/>
    </row>
    <row r="588072" spans="8:8">
      <c r="H588072" s="12"/>
    </row>
    <row r="588073" spans="8:8">
      <c r="H588073" s="12"/>
    </row>
    <row r="588074" spans="8:8">
      <c r="H588074" s="12"/>
    </row>
    <row r="588075" spans="8:8">
      <c r="H588075" s="12"/>
    </row>
    <row r="588076" spans="8:8">
      <c r="H588076" s="12"/>
    </row>
    <row r="588077" spans="8:8">
      <c r="H588077" s="12"/>
    </row>
    <row r="588078" spans="8:8">
      <c r="H588078" s="12"/>
    </row>
    <row r="588079" spans="8:8">
      <c r="H588079" s="12"/>
    </row>
    <row r="588080" spans="8:8">
      <c r="H588080" s="12"/>
    </row>
    <row r="588081" spans="8:8">
      <c r="H588081" s="12"/>
    </row>
    <row r="588082" spans="8:8">
      <c r="H588082" s="12"/>
    </row>
    <row r="588083" spans="8:8">
      <c r="H588083" s="12"/>
    </row>
    <row r="588084" spans="8:8">
      <c r="H588084" s="12"/>
    </row>
    <row r="588085" spans="8:8">
      <c r="H588085" s="12"/>
    </row>
    <row r="588086" spans="8:8">
      <c r="H588086" s="12"/>
    </row>
    <row r="588087" spans="8:8">
      <c r="H588087" s="12"/>
    </row>
    <row r="588088" spans="8:8">
      <c r="H588088" s="12"/>
    </row>
    <row r="588089" spans="8:8">
      <c r="H588089" s="12"/>
    </row>
    <row r="588090" spans="8:8">
      <c r="H588090" s="12"/>
    </row>
    <row r="588091" spans="8:8">
      <c r="H588091" s="12"/>
    </row>
    <row r="588092" spans="8:8">
      <c r="H588092" s="12"/>
    </row>
    <row r="588093" spans="8:8">
      <c r="H588093" s="12"/>
    </row>
    <row r="588094" spans="8:8">
      <c r="H588094" s="12"/>
    </row>
    <row r="588095" spans="8:8">
      <c r="H588095" s="12"/>
    </row>
    <row r="588096" spans="8:8">
      <c r="H588096" s="12"/>
    </row>
    <row r="588097" spans="8:8">
      <c r="H588097" s="12"/>
    </row>
    <row r="588098" spans="8:8">
      <c r="H588098" s="12"/>
    </row>
    <row r="588099" spans="8:8">
      <c r="H588099" s="12"/>
    </row>
    <row r="588100" spans="8:8">
      <c r="H588100" s="12"/>
    </row>
    <row r="588101" spans="8:8">
      <c r="H588101" s="12"/>
    </row>
    <row r="588102" spans="8:8">
      <c r="H588102" s="12"/>
    </row>
    <row r="588103" spans="8:8">
      <c r="H588103" s="12"/>
    </row>
    <row r="588104" spans="8:8">
      <c r="H588104" s="12"/>
    </row>
    <row r="588105" spans="8:8">
      <c r="H588105" s="12"/>
    </row>
    <row r="588106" spans="8:8">
      <c r="H588106" s="12"/>
    </row>
    <row r="588107" spans="8:8">
      <c r="H588107" s="12"/>
    </row>
    <row r="588108" spans="8:8">
      <c r="H588108" s="12"/>
    </row>
    <row r="588109" spans="8:8">
      <c r="H588109" s="12"/>
    </row>
    <row r="588110" spans="8:8">
      <c r="H588110" s="12"/>
    </row>
    <row r="588111" spans="8:8">
      <c r="H588111" s="12"/>
    </row>
    <row r="588112" spans="8:8">
      <c r="H588112" s="12"/>
    </row>
    <row r="588113" spans="8:8">
      <c r="H588113" s="12"/>
    </row>
    <row r="588114" spans="8:8">
      <c r="H588114" s="12"/>
    </row>
    <row r="588115" spans="8:8">
      <c r="H588115" s="12"/>
    </row>
    <row r="588116" spans="8:8">
      <c r="H588116" s="12"/>
    </row>
    <row r="588117" spans="8:8">
      <c r="H588117" s="12"/>
    </row>
    <row r="588118" spans="8:8">
      <c r="H588118" s="12"/>
    </row>
    <row r="588119" spans="8:8">
      <c r="H588119" s="12"/>
    </row>
    <row r="588120" spans="8:8">
      <c r="H588120" s="12"/>
    </row>
    <row r="588121" spans="8:8">
      <c r="H588121" s="12"/>
    </row>
    <row r="588122" spans="8:8">
      <c r="H588122" s="12"/>
    </row>
    <row r="588123" spans="8:8">
      <c r="H588123" s="12"/>
    </row>
    <row r="588124" spans="8:8">
      <c r="H588124" s="12"/>
    </row>
    <row r="588125" spans="8:8">
      <c r="H588125" s="12"/>
    </row>
    <row r="588126" spans="8:8">
      <c r="H588126" s="12"/>
    </row>
    <row r="588127" spans="8:8">
      <c r="H588127" s="12"/>
    </row>
    <row r="588128" spans="8:8">
      <c r="H588128" s="12"/>
    </row>
    <row r="588129" spans="8:8">
      <c r="H588129" s="12"/>
    </row>
    <row r="588130" spans="8:8">
      <c r="H588130" s="12"/>
    </row>
    <row r="588131" spans="8:8">
      <c r="H588131" s="12"/>
    </row>
    <row r="588132" spans="8:8">
      <c r="H588132" s="12"/>
    </row>
    <row r="588133" spans="8:8">
      <c r="H588133" s="12"/>
    </row>
    <row r="588134" spans="8:8">
      <c r="H588134" s="12"/>
    </row>
    <row r="588135" spans="8:8">
      <c r="H588135" s="12"/>
    </row>
    <row r="588136" spans="8:8">
      <c r="H588136" s="12"/>
    </row>
    <row r="588137" spans="8:8">
      <c r="H588137" s="12"/>
    </row>
    <row r="588138" spans="8:8">
      <c r="H588138" s="12"/>
    </row>
    <row r="588139" spans="8:8">
      <c r="H588139" s="12"/>
    </row>
    <row r="588140" spans="8:8">
      <c r="H588140" s="12"/>
    </row>
    <row r="588141" spans="8:8">
      <c r="H588141" s="12"/>
    </row>
    <row r="588142" spans="8:8">
      <c r="H588142" s="12"/>
    </row>
    <row r="588143" spans="8:8">
      <c r="H588143" s="12"/>
    </row>
    <row r="588144" spans="8:8">
      <c r="H588144" s="12"/>
    </row>
    <row r="588145" spans="8:8">
      <c r="H588145" s="12"/>
    </row>
    <row r="588146" spans="8:8">
      <c r="H588146" s="12"/>
    </row>
    <row r="588147" spans="8:8">
      <c r="H588147" s="12"/>
    </row>
    <row r="588148" spans="8:8">
      <c r="H588148" s="12"/>
    </row>
    <row r="588149" spans="8:8">
      <c r="H588149" s="12"/>
    </row>
    <row r="588150" spans="8:8">
      <c r="H588150" s="12"/>
    </row>
    <row r="588151" spans="8:8">
      <c r="H588151" s="12"/>
    </row>
    <row r="588152" spans="8:8">
      <c r="H588152" s="12"/>
    </row>
    <row r="588153" spans="8:8">
      <c r="H588153" s="12"/>
    </row>
    <row r="588154" spans="8:8">
      <c r="H588154" s="12"/>
    </row>
    <row r="588155" spans="8:8">
      <c r="H588155" s="12"/>
    </row>
    <row r="588156" spans="8:8">
      <c r="H588156" s="12"/>
    </row>
    <row r="588157" spans="8:8">
      <c r="H588157" s="12"/>
    </row>
    <row r="588158" spans="8:8">
      <c r="H588158" s="12"/>
    </row>
    <row r="588159" spans="8:8">
      <c r="H588159" s="12"/>
    </row>
    <row r="588160" spans="8:8">
      <c r="H588160" s="12"/>
    </row>
    <row r="588161" spans="8:8">
      <c r="H588161" s="12"/>
    </row>
    <row r="588162" spans="8:8">
      <c r="H588162" s="12"/>
    </row>
    <row r="588163" spans="8:8">
      <c r="H588163" s="12"/>
    </row>
    <row r="588164" spans="8:8">
      <c r="H588164" s="12"/>
    </row>
    <row r="588165" spans="8:8">
      <c r="H588165" s="12"/>
    </row>
    <row r="588166" spans="8:8">
      <c r="H588166" s="12"/>
    </row>
    <row r="588167" spans="8:8">
      <c r="H588167" s="12"/>
    </row>
    <row r="588168" spans="8:8">
      <c r="H588168" s="12"/>
    </row>
    <row r="588169" spans="8:8">
      <c r="H588169" s="12"/>
    </row>
    <row r="588170" spans="8:8">
      <c r="H588170" s="12"/>
    </row>
    <row r="588171" spans="8:8">
      <c r="H588171" s="12"/>
    </row>
    <row r="588172" spans="8:8">
      <c r="H588172" s="12"/>
    </row>
    <row r="588173" spans="8:8">
      <c r="H588173" s="12"/>
    </row>
    <row r="588174" spans="8:8">
      <c r="H588174" s="12"/>
    </row>
    <row r="588175" spans="8:8">
      <c r="H588175" s="12"/>
    </row>
    <row r="588176" spans="8:8">
      <c r="H588176" s="12"/>
    </row>
    <row r="588177" spans="8:8">
      <c r="H588177" s="12"/>
    </row>
    <row r="588178" spans="8:8">
      <c r="H588178" s="12"/>
    </row>
    <row r="588179" spans="8:8">
      <c r="H588179" s="12"/>
    </row>
    <row r="588180" spans="8:8">
      <c r="H588180" s="12"/>
    </row>
    <row r="588181" spans="8:8">
      <c r="H588181" s="12"/>
    </row>
    <row r="588182" spans="8:8">
      <c r="H588182" s="12"/>
    </row>
    <row r="588183" spans="8:8">
      <c r="H588183" s="12"/>
    </row>
    <row r="588184" spans="8:8">
      <c r="H588184" s="12"/>
    </row>
    <row r="588185" spans="8:8">
      <c r="H588185" s="12"/>
    </row>
    <row r="588186" spans="8:8">
      <c r="H588186" s="12"/>
    </row>
    <row r="588187" spans="8:8">
      <c r="H588187" s="12"/>
    </row>
    <row r="588188" spans="8:8">
      <c r="H588188" s="12"/>
    </row>
    <row r="588189" spans="8:8">
      <c r="H588189" s="12"/>
    </row>
    <row r="588190" spans="8:8">
      <c r="H588190" s="12"/>
    </row>
    <row r="588191" spans="8:8">
      <c r="H588191" s="12"/>
    </row>
    <row r="588192" spans="8:8">
      <c r="H588192" s="12"/>
    </row>
    <row r="588193" spans="8:8">
      <c r="H588193" s="12"/>
    </row>
    <row r="588194" spans="8:8">
      <c r="H588194" s="12"/>
    </row>
    <row r="588195" spans="8:8">
      <c r="H588195" s="12"/>
    </row>
    <row r="588196" spans="8:8">
      <c r="H588196" s="12"/>
    </row>
    <row r="588197" spans="8:8">
      <c r="H588197" s="12"/>
    </row>
    <row r="588198" spans="8:8">
      <c r="H588198" s="12"/>
    </row>
    <row r="588199" spans="8:8">
      <c r="H588199" s="12"/>
    </row>
    <row r="588200" spans="8:8">
      <c r="H588200" s="12"/>
    </row>
    <row r="588201" spans="8:8">
      <c r="H588201" s="12"/>
    </row>
    <row r="588202" spans="8:8">
      <c r="H588202" s="12"/>
    </row>
    <row r="588203" spans="8:8">
      <c r="H588203" s="12"/>
    </row>
    <row r="588204" spans="8:8">
      <c r="H588204" s="12"/>
    </row>
    <row r="588205" spans="8:8">
      <c r="H588205" s="12"/>
    </row>
    <row r="588206" spans="8:8">
      <c r="H588206" s="12"/>
    </row>
    <row r="588207" spans="8:8">
      <c r="H588207" s="12"/>
    </row>
    <row r="588208" spans="8:8">
      <c r="H588208" s="12"/>
    </row>
    <row r="588209" spans="8:8">
      <c r="H588209" s="12"/>
    </row>
    <row r="588210" spans="8:8">
      <c r="H588210" s="12"/>
    </row>
    <row r="588211" spans="8:8">
      <c r="H588211" s="12"/>
    </row>
    <row r="588212" spans="8:8">
      <c r="H588212" s="12"/>
    </row>
    <row r="588213" spans="8:8">
      <c r="H588213" s="12"/>
    </row>
    <row r="588214" spans="8:8">
      <c r="H588214" s="12"/>
    </row>
    <row r="588215" spans="8:8">
      <c r="H588215" s="12"/>
    </row>
    <row r="588216" spans="8:8">
      <c r="H588216" s="12"/>
    </row>
    <row r="588217" spans="8:8">
      <c r="H588217" s="12"/>
    </row>
    <row r="588218" spans="8:8">
      <c r="H588218" s="12"/>
    </row>
    <row r="588219" spans="8:8">
      <c r="H588219" s="12"/>
    </row>
    <row r="588220" spans="8:8">
      <c r="H588220" s="12"/>
    </row>
    <row r="588221" spans="8:8">
      <c r="H588221" s="12"/>
    </row>
    <row r="588222" spans="8:8">
      <c r="H588222" s="12"/>
    </row>
    <row r="588223" spans="8:8">
      <c r="H588223" s="12"/>
    </row>
    <row r="588224" spans="8:8">
      <c r="H588224" s="12"/>
    </row>
    <row r="588225" spans="8:8">
      <c r="H588225" s="12"/>
    </row>
    <row r="588226" spans="8:8">
      <c r="H588226" s="12"/>
    </row>
    <row r="588227" spans="8:8">
      <c r="H588227" s="12"/>
    </row>
    <row r="588228" spans="8:8">
      <c r="H588228" s="12"/>
    </row>
    <row r="588229" spans="8:8">
      <c r="H588229" s="12"/>
    </row>
    <row r="588230" spans="8:8">
      <c r="H588230" s="12"/>
    </row>
    <row r="588231" spans="8:8">
      <c r="H588231" s="12"/>
    </row>
    <row r="588232" spans="8:8">
      <c r="H588232" s="12"/>
    </row>
    <row r="588233" spans="8:8">
      <c r="H588233" s="12"/>
    </row>
    <row r="588234" spans="8:8">
      <c r="H588234" s="12"/>
    </row>
    <row r="588235" spans="8:8">
      <c r="H588235" s="12"/>
    </row>
    <row r="588236" spans="8:8">
      <c r="H588236" s="12"/>
    </row>
    <row r="588237" spans="8:8">
      <c r="H588237" s="12"/>
    </row>
    <row r="588238" spans="8:8">
      <c r="H588238" s="12"/>
    </row>
    <row r="588239" spans="8:8">
      <c r="H588239" s="12"/>
    </row>
    <row r="588240" spans="8:8">
      <c r="H588240" s="12"/>
    </row>
    <row r="588241" spans="8:8">
      <c r="H588241" s="12"/>
    </row>
    <row r="588242" spans="8:8">
      <c r="H588242" s="12"/>
    </row>
    <row r="588243" spans="8:8">
      <c r="H588243" s="12"/>
    </row>
    <row r="588244" spans="8:8">
      <c r="H588244" s="12"/>
    </row>
    <row r="588245" spans="8:8">
      <c r="H588245" s="12"/>
    </row>
    <row r="588246" spans="8:8">
      <c r="H588246" s="12"/>
    </row>
    <row r="588247" spans="8:8">
      <c r="H588247" s="12"/>
    </row>
    <row r="588248" spans="8:8">
      <c r="H588248" s="12"/>
    </row>
    <row r="588249" spans="8:8">
      <c r="H588249" s="12"/>
    </row>
    <row r="588250" spans="8:8">
      <c r="H588250" s="12"/>
    </row>
    <row r="588251" spans="8:8">
      <c r="H588251" s="12"/>
    </row>
    <row r="588252" spans="8:8">
      <c r="H588252" s="12"/>
    </row>
    <row r="588253" spans="8:8">
      <c r="H588253" s="12"/>
    </row>
    <row r="588254" spans="8:8">
      <c r="H588254" s="12"/>
    </row>
    <row r="588255" spans="8:8">
      <c r="H588255" s="12"/>
    </row>
    <row r="588256" spans="8:8">
      <c r="H588256" s="12"/>
    </row>
    <row r="588257" spans="8:8">
      <c r="H588257" s="12"/>
    </row>
    <row r="588258" spans="8:8">
      <c r="H588258" s="12"/>
    </row>
    <row r="588259" spans="8:8">
      <c r="H588259" s="12"/>
    </row>
    <row r="588260" spans="8:8">
      <c r="H588260" s="12"/>
    </row>
    <row r="588261" spans="8:8">
      <c r="H588261" s="12"/>
    </row>
    <row r="588262" spans="8:8">
      <c r="H588262" s="12"/>
    </row>
    <row r="588263" spans="8:8">
      <c r="H588263" s="12"/>
    </row>
    <row r="588264" spans="8:8">
      <c r="H588264" s="12"/>
    </row>
    <row r="588265" spans="8:8">
      <c r="H588265" s="12"/>
    </row>
    <row r="588266" spans="8:8">
      <c r="H588266" s="12"/>
    </row>
    <row r="588267" spans="8:8">
      <c r="H588267" s="12"/>
    </row>
    <row r="588268" spans="8:8">
      <c r="H588268" s="12"/>
    </row>
    <row r="588269" spans="8:8">
      <c r="H588269" s="12"/>
    </row>
    <row r="588270" spans="8:8">
      <c r="H588270" s="12"/>
    </row>
    <row r="588271" spans="8:8">
      <c r="H588271" s="12"/>
    </row>
    <row r="588272" spans="8:8">
      <c r="H588272" s="12"/>
    </row>
    <row r="588273" spans="8:8">
      <c r="H588273" s="12"/>
    </row>
    <row r="588274" spans="8:8">
      <c r="H588274" s="12"/>
    </row>
    <row r="588275" spans="8:8">
      <c r="H588275" s="12"/>
    </row>
    <row r="588276" spans="8:8">
      <c r="H588276" s="12"/>
    </row>
    <row r="588277" spans="8:8">
      <c r="H588277" s="12"/>
    </row>
    <row r="588278" spans="8:8">
      <c r="H588278" s="12"/>
    </row>
    <row r="588279" spans="8:8">
      <c r="H588279" s="12"/>
    </row>
    <row r="588280" spans="8:8">
      <c r="H588280" s="12"/>
    </row>
    <row r="588281" spans="8:8">
      <c r="H588281" s="12"/>
    </row>
    <row r="588282" spans="8:8">
      <c r="H588282" s="12"/>
    </row>
    <row r="588283" spans="8:8">
      <c r="H588283" s="12"/>
    </row>
    <row r="588284" spans="8:8">
      <c r="H588284" s="12"/>
    </row>
    <row r="588285" spans="8:8">
      <c r="H588285" s="12"/>
    </row>
    <row r="588286" spans="8:8">
      <c r="H588286" s="12"/>
    </row>
    <row r="588287" spans="8:8">
      <c r="H588287" s="12"/>
    </row>
    <row r="588288" spans="8:8">
      <c r="H588288" s="12"/>
    </row>
    <row r="588289" spans="8:8">
      <c r="H588289" s="12"/>
    </row>
    <row r="588290" spans="8:8">
      <c r="H588290" s="12"/>
    </row>
    <row r="588291" spans="8:8">
      <c r="H588291" s="12"/>
    </row>
    <row r="588292" spans="8:8">
      <c r="H588292" s="12"/>
    </row>
    <row r="588293" spans="8:8">
      <c r="H588293" s="12"/>
    </row>
    <row r="588294" spans="8:8">
      <c r="H588294" s="12"/>
    </row>
    <row r="588295" spans="8:8">
      <c r="H588295" s="12"/>
    </row>
    <row r="588296" spans="8:8">
      <c r="H588296" s="12"/>
    </row>
    <row r="588297" spans="8:8">
      <c r="H588297" s="12"/>
    </row>
    <row r="588298" spans="8:8">
      <c r="H588298" s="12"/>
    </row>
    <row r="588299" spans="8:8">
      <c r="H588299" s="12"/>
    </row>
    <row r="588300" spans="8:8">
      <c r="H588300" s="12"/>
    </row>
    <row r="588301" spans="8:8">
      <c r="H588301" s="12"/>
    </row>
    <row r="588302" spans="8:8">
      <c r="H588302" s="12"/>
    </row>
    <row r="588303" spans="8:8">
      <c r="H588303" s="12"/>
    </row>
    <row r="588304" spans="8:8">
      <c r="H588304" s="12"/>
    </row>
    <row r="588305" spans="8:8">
      <c r="H588305" s="12"/>
    </row>
    <row r="588306" spans="8:8">
      <c r="H588306" s="12"/>
    </row>
    <row r="588307" spans="8:8">
      <c r="H588307" s="12"/>
    </row>
    <row r="588308" spans="8:8">
      <c r="H588308" s="12"/>
    </row>
    <row r="588309" spans="8:8">
      <c r="H588309" s="12"/>
    </row>
    <row r="588310" spans="8:8">
      <c r="H588310" s="12"/>
    </row>
    <row r="588311" spans="8:8">
      <c r="H588311" s="12"/>
    </row>
    <row r="588312" spans="8:8">
      <c r="H588312" s="12"/>
    </row>
    <row r="588313" spans="8:8">
      <c r="H588313" s="12"/>
    </row>
    <row r="588314" spans="8:8">
      <c r="H588314" s="12"/>
    </row>
    <row r="588315" spans="8:8">
      <c r="H588315" s="12"/>
    </row>
    <row r="588316" spans="8:8">
      <c r="H588316" s="12"/>
    </row>
    <row r="588317" spans="8:8">
      <c r="H588317" s="12"/>
    </row>
    <row r="588318" spans="8:8">
      <c r="H588318" s="12"/>
    </row>
    <row r="588319" spans="8:8">
      <c r="H588319" s="12"/>
    </row>
    <row r="588320" spans="8:8">
      <c r="H588320" s="12"/>
    </row>
    <row r="588321" spans="8:8">
      <c r="H588321" s="12"/>
    </row>
    <row r="588322" spans="8:8">
      <c r="H588322" s="12"/>
    </row>
    <row r="588323" spans="8:8">
      <c r="H588323" s="12"/>
    </row>
    <row r="588324" spans="8:8">
      <c r="H588324" s="12"/>
    </row>
    <row r="588325" spans="8:8">
      <c r="H588325" s="12"/>
    </row>
    <row r="588326" spans="8:8">
      <c r="H588326" s="12"/>
    </row>
    <row r="588327" spans="8:8">
      <c r="H588327" s="12"/>
    </row>
    <row r="588328" spans="8:8">
      <c r="H588328" s="12"/>
    </row>
    <row r="588329" spans="8:8">
      <c r="H588329" s="12"/>
    </row>
    <row r="588330" spans="8:8">
      <c r="H588330" s="12"/>
    </row>
    <row r="588331" spans="8:8">
      <c r="H588331" s="12"/>
    </row>
    <row r="588332" spans="8:8">
      <c r="H588332" s="12"/>
    </row>
    <row r="588333" spans="8:8">
      <c r="H588333" s="12"/>
    </row>
    <row r="588334" spans="8:8">
      <c r="H588334" s="12"/>
    </row>
    <row r="588335" spans="8:8">
      <c r="H588335" s="12"/>
    </row>
    <row r="588336" spans="8:8">
      <c r="H588336" s="12"/>
    </row>
    <row r="588337" spans="8:8">
      <c r="H588337" s="12"/>
    </row>
    <row r="588338" spans="8:8">
      <c r="H588338" s="12"/>
    </row>
    <row r="588339" spans="8:8">
      <c r="H588339" s="12"/>
    </row>
    <row r="588340" spans="8:8">
      <c r="H588340" s="12"/>
    </row>
    <row r="588341" spans="8:8">
      <c r="H588341" s="12"/>
    </row>
    <row r="588342" spans="8:8">
      <c r="H588342" s="12"/>
    </row>
    <row r="588343" spans="8:8">
      <c r="H588343" s="12"/>
    </row>
    <row r="588344" spans="8:8">
      <c r="H588344" s="12"/>
    </row>
    <row r="588345" spans="8:8">
      <c r="H588345" s="12"/>
    </row>
    <row r="588346" spans="8:8">
      <c r="H588346" s="12"/>
    </row>
    <row r="588347" spans="8:8">
      <c r="H588347" s="12"/>
    </row>
    <row r="588348" spans="8:8">
      <c r="H588348" s="12"/>
    </row>
    <row r="588349" spans="8:8">
      <c r="H588349" s="12"/>
    </row>
    <row r="588350" spans="8:8">
      <c r="H588350" s="12"/>
    </row>
    <row r="588351" spans="8:8">
      <c r="H588351" s="12"/>
    </row>
    <row r="588352" spans="8:8">
      <c r="H588352" s="12"/>
    </row>
    <row r="588353" spans="8:8">
      <c r="H588353" s="12"/>
    </row>
    <row r="588354" spans="8:8">
      <c r="H588354" s="12"/>
    </row>
    <row r="588355" spans="8:8">
      <c r="H588355" s="12"/>
    </row>
    <row r="588356" spans="8:8">
      <c r="H588356" s="12"/>
    </row>
    <row r="588357" spans="8:8">
      <c r="H588357" s="12"/>
    </row>
    <row r="588358" spans="8:8">
      <c r="H588358" s="12"/>
    </row>
    <row r="588359" spans="8:8">
      <c r="H588359" s="12"/>
    </row>
    <row r="588360" spans="8:8">
      <c r="H588360" s="12"/>
    </row>
    <row r="588361" spans="8:8">
      <c r="H588361" s="12"/>
    </row>
    <row r="588362" spans="8:8">
      <c r="H588362" s="12"/>
    </row>
    <row r="588363" spans="8:8">
      <c r="H588363" s="12"/>
    </row>
    <row r="588364" spans="8:8">
      <c r="H588364" s="12"/>
    </row>
    <row r="588365" spans="8:8">
      <c r="H588365" s="12"/>
    </row>
    <row r="588366" spans="8:8">
      <c r="H588366" s="12"/>
    </row>
    <row r="588367" spans="8:8">
      <c r="H588367" s="12"/>
    </row>
    <row r="588368" spans="8:8">
      <c r="H588368" s="12"/>
    </row>
    <row r="588369" spans="8:8">
      <c r="H588369" s="12"/>
    </row>
    <row r="588370" spans="8:8">
      <c r="H588370" s="12"/>
    </row>
    <row r="588371" spans="8:8">
      <c r="H588371" s="12"/>
    </row>
    <row r="588372" spans="8:8">
      <c r="H588372" s="12"/>
    </row>
    <row r="588373" spans="8:8">
      <c r="H588373" s="12"/>
    </row>
    <row r="588374" spans="8:8">
      <c r="H588374" s="12"/>
    </row>
    <row r="588375" spans="8:8">
      <c r="H588375" s="12"/>
    </row>
    <row r="588376" spans="8:8">
      <c r="H588376" s="12"/>
    </row>
    <row r="588377" spans="8:8">
      <c r="H588377" s="12"/>
    </row>
    <row r="588378" spans="8:8">
      <c r="H588378" s="12"/>
    </row>
    <row r="588379" spans="8:8">
      <c r="H588379" s="12"/>
    </row>
    <row r="588380" spans="8:8">
      <c r="H588380" s="12"/>
    </row>
    <row r="588381" spans="8:8">
      <c r="H588381" s="12"/>
    </row>
    <row r="588382" spans="8:8">
      <c r="H588382" s="12"/>
    </row>
    <row r="588383" spans="8:8">
      <c r="H588383" s="12"/>
    </row>
    <row r="588384" spans="8:8">
      <c r="H588384" s="12"/>
    </row>
    <row r="588385" spans="8:8">
      <c r="H588385" s="12"/>
    </row>
    <row r="588386" spans="8:8">
      <c r="H588386" s="12"/>
    </row>
    <row r="588387" spans="8:8">
      <c r="H588387" s="12"/>
    </row>
    <row r="588388" spans="8:8">
      <c r="H588388" s="12"/>
    </row>
    <row r="588389" spans="8:8">
      <c r="H588389" s="12"/>
    </row>
    <row r="588390" spans="8:8">
      <c r="H588390" s="12"/>
    </row>
    <row r="588391" spans="8:8">
      <c r="H588391" s="12"/>
    </row>
    <row r="588392" spans="8:8">
      <c r="H588392" s="12"/>
    </row>
    <row r="588393" spans="8:8">
      <c r="H588393" s="12"/>
    </row>
    <row r="588394" spans="8:8">
      <c r="H588394" s="12"/>
    </row>
    <row r="588395" spans="8:8">
      <c r="H588395" s="12"/>
    </row>
    <row r="588396" spans="8:8">
      <c r="H588396" s="12"/>
    </row>
    <row r="588397" spans="8:8">
      <c r="H588397" s="12"/>
    </row>
    <row r="588398" spans="8:8">
      <c r="H588398" s="12"/>
    </row>
    <row r="588399" spans="8:8">
      <c r="H588399" s="12"/>
    </row>
    <row r="588400" spans="8:8">
      <c r="H588400" s="12"/>
    </row>
    <row r="588401" spans="8:8">
      <c r="H588401" s="12"/>
    </row>
    <row r="588402" spans="8:8">
      <c r="H588402" s="12"/>
    </row>
    <row r="588403" spans="8:8">
      <c r="H588403" s="12"/>
    </row>
    <row r="588404" spans="8:8">
      <c r="H588404" s="12"/>
    </row>
    <row r="588405" spans="8:8">
      <c r="H588405" s="12"/>
    </row>
    <row r="588406" spans="8:8">
      <c r="H588406" s="12"/>
    </row>
    <row r="588407" spans="8:8">
      <c r="H588407" s="12"/>
    </row>
    <row r="588408" spans="8:8">
      <c r="H588408" s="12"/>
    </row>
    <row r="588409" spans="8:8">
      <c r="H588409" s="12"/>
    </row>
    <row r="588410" spans="8:8">
      <c r="H588410" s="12"/>
    </row>
    <row r="588411" spans="8:8">
      <c r="H588411" s="12"/>
    </row>
    <row r="588412" spans="8:8">
      <c r="H588412" s="12"/>
    </row>
    <row r="588413" spans="8:8">
      <c r="H588413" s="12"/>
    </row>
    <row r="588414" spans="8:8">
      <c r="H588414" s="12"/>
    </row>
    <row r="588415" spans="8:8">
      <c r="H588415" s="12"/>
    </row>
    <row r="588416" spans="8:8">
      <c r="H588416" s="12"/>
    </row>
    <row r="588417" spans="8:8">
      <c r="H588417" s="12"/>
    </row>
    <row r="588418" spans="8:8">
      <c r="H588418" s="12"/>
    </row>
    <row r="588419" spans="8:8">
      <c r="H588419" s="12"/>
    </row>
    <row r="588420" spans="8:8">
      <c r="H588420" s="12"/>
    </row>
    <row r="588421" spans="8:8">
      <c r="H588421" s="12"/>
    </row>
    <row r="588422" spans="8:8">
      <c r="H588422" s="12"/>
    </row>
    <row r="588423" spans="8:8">
      <c r="H588423" s="12"/>
    </row>
    <row r="588424" spans="8:8">
      <c r="H588424" s="12"/>
    </row>
    <row r="588425" spans="8:8">
      <c r="H588425" s="12"/>
    </row>
    <row r="588426" spans="8:8">
      <c r="H588426" s="12"/>
    </row>
    <row r="588427" spans="8:8">
      <c r="H588427" s="12"/>
    </row>
    <row r="588428" spans="8:8">
      <c r="H588428" s="12"/>
    </row>
    <row r="588429" spans="8:8">
      <c r="H588429" s="12"/>
    </row>
    <row r="588430" spans="8:8">
      <c r="H588430" s="12"/>
    </row>
    <row r="588431" spans="8:8">
      <c r="H588431" s="12"/>
    </row>
    <row r="588432" spans="8:8">
      <c r="H588432" s="12"/>
    </row>
    <row r="588433" spans="8:8">
      <c r="H588433" s="12"/>
    </row>
    <row r="588434" spans="8:8">
      <c r="H588434" s="12"/>
    </row>
    <row r="588435" spans="8:8">
      <c r="H588435" s="12"/>
    </row>
    <row r="588436" spans="8:8">
      <c r="H588436" s="12"/>
    </row>
    <row r="588437" spans="8:8">
      <c r="H588437" s="12"/>
    </row>
    <row r="588438" spans="8:8">
      <c r="H588438" s="12"/>
    </row>
    <row r="588439" spans="8:8">
      <c r="H588439" s="12"/>
    </row>
    <row r="588440" spans="8:8">
      <c r="H588440" s="12"/>
    </row>
    <row r="588441" spans="8:8">
      <c r="H588441" s="12"/>
    </row>
    <row r="588442" spans="8:8">
      <c r="H588442" s="12"/>
    </row>
    <row r="588443" spans="8:8">
      <c r="H588443" s="12"/>
    </row>
    <row r="588444" spans="8:8">
      <c r="H588444" s="12"/>
    </row>
    <row r="588445" spans="8:8">
      <c r="H588445" s="12"/>
    </row>
    <row r="588446" spans="8:8">
      <c r="H588446" s="12"/>
    </row>
    <row r="588447" spans="8:8">
      <c r="H588447" s="12"/>
    </row>
    <row r="588448" spans="8:8">
      <c r="H588448" s="12"/>
    </row>
    <row r="588449" spans="8:8">
      <c r="H588449" s="12"/>
    </row>
    <row r="588450" spans="8:8">
      <c r="H588450" s="12"/>
    </row>
    <row r="588451" spans="8:8">
      <c r="H588451" s="12"/>
    </row>
    <row r="588452" spans="8:8">
      <c r="H588452" s="12"/>
    </row>
    <row r="588453" spans="8:8">
      <c r="H588453" s="12"/>
    </row>
    <row r="588454" spans="8:8">
      <c r="H588454" s="12"/>
    </row>
    <row r="588455" spans="8:8">
      <c r="H588455" s="12"/>
    </row>
    <row r="588456" spans="8:8">
      <c r="H588456" s="12"/>
    </row>
    <row r="588457" spans="8:8">
      <c r="H588457" s="12"/>
    </row>
    <row r="588458" spans="8:8">
      <c r="H588458" s="12"/>
    </row>
    <row r="588459" spans="8:8">
      <c r="H588459" s="12"/>
    </row>
    <row r="588460" spans="8:8">
      <c r="H588460" s="12"/>
    </row>
    <row r="588461" spans="8:8">
      <c r="H588461" s="12"/>
    </row>
    <row r="588462" spans="8:8">
      <c r="H588462" s="12"/>
    </row>
    <row r="588463" spans="8:8">
      <c r="H588463" s="12"/>
    </row>
    <row r="588464" spans="8:8">
      <c r="H588464" s="12"/>
    </row>
    <row r="588465" spans="8:8">
      <c r="H588465" s="12"/>
    </row>
    <row r="588466" spans="8:8">
      <c r="H588466" s="12"/>
    </row>
    <row r="588467" spans="8:8">
      <c r="H588467" s="12"/>
    </row>
    <row r="588468" spans="8:8">
      <c r="H588468" s="12"/>
    </row>
    <row r="588469" spans="8:8">
      <c r="H588469" s="12"/>
    </row>
    <row r="588470" spans="8:8">
      <c r="H588470" s="12"/>
    </row>
    <row r="588471" spans="8:8">
      <c r="H588471" s="12"/>
    </row>
    <row r="588472" spans="8:8">
      <c r="H588472" s="12"/>
    </row>
    <row r="588473" spans="8:8">
      <c r="H588473" s="12"/>
    </row>
    <row r="588474" spans="8:8">
      <c r="H588474" s="12"/>
    </row>
    <row r="588475" spans="8:8">
      <c r="H588475" s="12"/>
    </row>
    <row r="588476" spans="8:8">
      <c r="H588476" s="12"/>
    </row>
    <row r="588477" spans="8:8">
      <c r="H588477" s="12"/>
    </row>
    <row r="588478" spans="8:8">
      <c r="H588478" s="12"/>
    </row>
    <row r="588479" spans="8:8">
      <c r="H588479" s="12"/>
    </row>
    <row r="588480" spans="8:8">
      <c r="H588480" s="12"/>
    </row>
    <row r="588481" spans="8:8">
      <c r="H588481" s="12"/>
    </row>
    <row r="588482" spans="8:8">
      <c r="H588482" s="12"/>
    </row>
    <row r="588483" spans="8:8">
      <c r="H588483" s="12"/>
    </row>
    <row r="588484" spans="8:8">
      <c r="H588484" s="12"/>
    </row>
    <row r="588485" spans="8:8">
      <c r="H588485" s="12"/>
    </row>
    <row r="588486" spans="8:8">
      <c r="H588486" s="12"/>
    </row>
    <row r="588487" spans="8:8">
      <c r="H588487" s="12"/>
    </row>
    <row r="588488" spans="8:8">
      <c r="H588488" s="12"/>
    </row>
    <row r="588489" spans="8:8">
      <c r="H588489" s="12"/>
    </row>
    <row r="588490" spans="8:8">
      <c r="H588490" s="12"/>
    </row>
    <row r="588491" spans="8:8">
      <c r="H588491" s="12"/>
    </row>
    <row r="588492" spans="8:8">
      <c r="H588492" s="12"/>
    </row>
    <row r="588493" spans="8:8">
      <c r="H588493" s="12"/>
    </row>
    <row r="588494" spans="8:8">
      <c r="H588494" s="12"/>
    </row>
    <row r="588495" spans="8:8">
      <c r="H588495" s="12"/>
    </row>
    <row r="588496" spans="8:8">
      <c r="H588496" s="12"/>
    </row>
    <row r="588497" spans="8:8">
      <c r="H588497" s="12"/>
    </row>
    <row r="588498" spans="8:8">
      <c r="H588498" s="12"/>
    </row>
    <row r="588499" spans="8:8">
      <c r="H588499" s="12"/>
    </row>
    <row r="588500" spans="8:8">
      <c r="H588500" s="12"/>
    </row>
    <row r="588501" spans="8:8">
      <c r="H588501" s="12"/>
    </row>
    <row r="588502" spans="8:8">
      <c r="H588502" s="12"/>
    </row>
    <row r="588503" spans="8:8">
      <c r="H588503" s="12"/>
    </row>
    <row r="588504" spans="8:8">
      <c r="H588504" s="12"/>
    </row>
    <row r="588505" spans="8:8">
      <c r="H588505" s="12"/>
    </row>
    <row r="588506" spans="8:8">
      <c r="H588506" s="12"/>
    </row>
    <row r="588507" spans="8:8">
      <c r="H588507" s="12"/>
    </row>
    <row r="588508" spans="8:8">
      <c r="H588508" s="12"/>
    </row>
    <row r="588509" spans="8:8">
      <c r="H588509" s="12"/>
    </row>
    <row r="588510" spans="8:8">
      <c r="H588510" s="12"/>
    </row>
    <row r="588511" spans="8:8">
      <c r="H588511" s="12"/>
    </row>
    <row r="588512" spans="8:8">
      <c r="H588512" s="12"/>
    </row>
    <row r="588513" spans="8:8">
      <c r="H588513" s="12"/>
    </row>
    <row r="588514" spans="8:8">
      <c r="H588514" s="12"/>
    </row>
    <row r="588515" spans="8:8">
      <c r="H588515" s="12"/>
    </row>
    <row r="588516" spans="8:8">
      <c r="H588516" s="12"/>
    </row>
    <row r="588517" spans="8:8">
      <c r="H588517" s="12"/>
    </row>
    <row r="588518" spans="8:8">
      <c r="H588518" s="12"/>
    </row>
    <row r="588519" spans="8:8">
      <c r="H588519" s="12"/>
    </row>
    <row r="588520" spans="8:8">
      <c r="H588520" s="12"/>
    </row>
    <row r="588521" spans="8:8">
      <c r="H588521" s="12"/>
    </row>
    <row r="588522" spans="8:8">
      <c r="H588522" s="12"/>
    </row>
    <row r="588523" spans="8:8">
      <c r="H588523" s="12"/>
    </row>
    <row r="588524" spans="8:8">
      <c r="H588524" s="12"/>
    </row>
    <row r="588525" spans="8:8">
      <c r="H588525" s="12"/>
    </row>
    <row r="588526" spans="8:8">
      <c r="H588526" s="12"/>
    </row>
    <row r="588527" spans="8:8">
      <c r="H588527" s="12"/>
    </row>
    <row r="588528" spans="8:8">
      <c r="H588528" s="12"/>
    </row>
    <row r="588529" spans="8:8">
      <c r="H588529" s="12"/>
    </row>
    <row r="588530" spans="8:8">
      <c r="H588530" s="12"/>
    </row>
    <row r="588531" spans="8:8">
      <c r="H588531" s="12"/>
    </row>
    <row r="588532" spans="8:8">
      <c r="H588532" s="12"/>
    </row>
    <row r="588533" spans="8:8">
      <c r="H588533" s="12"/>
    </row>
    <row r="588534" spans="8:8">
      <c r="H588534" s="12"/>
    </row>
    <row r="588535" spans="8:8">
      <c r="H588535" s="12"/>
    </row>
    <row r="588536" spans="8:8">
      <c r="H588536" s="12"/>
    </row>
    <row r="588537" spans="8:8">
      <c r="H588537" s="12"/>
    </row>
    <row r="588538" spans="8:8">
      <c r="H588538" s="12"/>
    </row>
    <row r="588539" spans="8:8">
      <c r="H588539" s="12"/>
    </row>
    <row r="588540" spans="8:8">
      <c r="H588540" s="12"/>
    </row>
    <row r="588541" spans="8:8">
      <c r="H588541" s="12"/>
    </row>
    <row r="588542" spans="8:8">
      <c r="H588542" s="12"/>
    </row>
    <row r="588543" spans="8:8">
      <c r="H588543" s="12"/>
    </row>
    <row r="588544" spans="8:8">
      <c r="H588544" s="12"/>
    </row>
    <row r="588545" spans="8:8">
      <c r="H588545" s="12"/>
    </row>
    <row r="588546" spans="8:8">
      <c r="H588546" s="12"/>
    </row>
    <row r="588547" spans="8:8">
      <c r="H588547" s="12"/>
    </row>
    <row r="588548" spans="8:8">
      <c r="H588548" s="12"/>
    </row>
    <row r="588549" spans="8:8">
      <c r="H588549" s="12"/>
    </row>
    <row r="588550" spans="8:8">
      <c r="H588550" s="12"/>
    </row>
    <row r="588551" spans="8:8">
      <c r="H588551" s="12"/>
    </row>
    <row r="588552" spans="8:8">
      <c r="H588552" s="12"/>
    </row>
    <row r="588553" spans="8:8">
      <c r="H588553" s="12"/>
    </row>
    <row r="588554" spans="8:8">
      <c r="H588554" s="12"/>
    </row>
    <row r="588555" spans="8:8">
      <c r="H588555" s="12"/>
    </row>
    <row r="588556" spans="8:8">
      <c r="H588556" s="12"/>
    </row>
    <row r="588557" spans="8:8">
      <c r="H588557" s="12"/>
    </row>
    <row r="588558" spans="8:8">
      <c r="H588558" s="12"/>
    </row>
    <row r="588559" spans="8:8">
      <c r="H588559" s="12"/>
    </row>
    <row r="588560" spans="8:8">
      <c r="H588560" s="12"/>
    </row>
    <row r="588561" spans="8:8">
      <c r="H588561" s="12"/>
    </row>
    <row r="588562" spans="8:8">
      <c r="H588562" s="12"/>
    </row>
    <row r="588563" spans="8:8">
      <c r="H588563" s="12"/>
    </row>
    <row r="588564" spans="8:8">
      <c r="H588564" s="12"/>
    </row>
    <row r="588565" spans="8:8">
      <c r="H588565" s="12"/>
    </row>
    <row r="588566" spans="8:8">
      <c r="H588566" s="12"/>
    </row>
    <row r="588567" spans="8:8">
      <c r="H588567" s="12"/>
    </row>
    <row r="588568" spans="8:8">
      <c r="H588568" s="12"/>
    </row>
    <row r="588569" spans="8:8">
      <c r="H588569" s="12"/>
    </row>
    <row r="588570" spans="8:8">
      <c r="H588570" s="12"/>
    </row>
    <row r="588571" spans="8:8">
      <c r="H588571" s="12"/>
    </row>
    <row r="588572" spans="8:8">
      <c r="H588572" s="12"/>
    </row>
    <row r="588573" spans="8:8">
      <c r="H588573" s="12"/>
    </row>
    <row r="588574" spans="8:8">
      <c r="H588574" s="12"/>
    </row>
    <row r="588575" spans="8:8">
      <c r="H588575" s="12"/>
    </row>
    <row r="588576" spans="8:8">
      <c r="H588576" s="12"/>
    </row>
    <row r="588577" spans="8:8">
      <c r="H588577" s="12"/>
    </row>
    <row r="588578" spans="8:8">
      <c r="H588578" s="12"/>
    </row>
    <row r="588579" spans="8:8">
      <c r="H588579" s="12"/>
    </row>
    <row r="588580" spans="8:8">
      <c r="H588580" s="12"/>
    </row>
    <row r="588581" spans="8:8">
      <c r="H588581" s="12"/>
    </row>
    <row r="588582" spans="8:8">
      <c r="H588582" s="12"/>
    </row>
    <row r="588583" spans="8:8">
      <c r="H588583" s="12"/>
    </row>
    <row r="588584" spans="8:8">
      <c r="H588584" s="12"/>
    </row>
    <row r="588585" spans="8:8">
      <c r="H588585" s="12"/>
    </row>
    <row r="588586" spans="8:8">
      <c r="H588586" s="12"/>
    </row>
    <row r="588587" spans="8:8">
      <c r="H588587" s="12"/>
    </row>
    <row r="588588" spans="8:8">
      <c r="H588588" s="12"/>
    </row>
    <row r="588589" spans="8:8">
      <c r="H588589" s="12"/>
    </row>
    <row r="588590" spans="8:8">
      <c r="H588590" s="12"/>
    </row>
    <row r="588591" spans="8:8">
      <c r="H588591" s="12"/>
    </row>
    <row r="588592" spans="8:8">
      <c r="H588592" s="12"/>
    </row>
    <row r="588593" spans="8:8">
      <c r="H588593" s="12"/>
    </row>
    <row r="588594" spans="8:8">
      <c r="H588594" s="12"/>
    </row>
    <row r="588595" spans="8:8">
      <c r="H588595" s="12"/>
    </row>
    <row r="588596" spans="8:8">
      <c r="H588596" s="12"/>
    </row>
    <row r="588597" spans="8:8">
      <c r="H588597" s="12"/>
    </row>
    <row r="588598" spans="8:8">
      <c r="H588598" s="12"/>
    </row>
    <row r="588599" spans="8:8">
      <c r="H588599" s="12"/>
    </row>
    <row r="588600" spans="8:8">
      <c r="H588600" s="12"/>
    </row>
    <row r="588601" spans="8:8">
      <c r="H588601" s="12"/>
    </row>
    <row r="588602" spans="8:8">
      <c r="H588602" s="12"/>
    </row>
    <row r="588603" spans="8:8">
      <c r="H588603" s="12"/>
    </row>
    <row r="588604" spans="8:8">
      <c r="H588604" s="12"/>
    </row>
    <row r="588605" spans="8:8">
      <c r="H588605" s="12"/>
    </row>
    <row r="588606" spans="8:8">
      <c r="H588606" s="12"/>
    </row>
    <row r="588607" spans="8:8">
      <c r="H588607" s="12"/>
    </row>
    <row r="588608" spans="8:8">
      <c r="H588608" s="12"/>
    </row>
    <row r="588609" spans="8:8">
      <c r="H588609" s="12"/>
    </row>
    <row r="588610" spans="8:8">
      <c r="H588610" s="12"/>
    </row>
    <row r="588611" spans="8:8">
      <c r="H588611" s="12"/>
    </row>
    <row r="588612" spans="8:8">
      <c r="H588612" s="12"/>
    </row>
    <row r="588613" spans="8:8">
      <c r="H588613" s="12"/>
    </row>
    <row r="588614" spans="8:8">
      <c r="H588614" s="12"/>
    </row>
    <row r="588615" spans="8:8">
      <c r="H588615" s="12"/>
    </row>
    <row r="588616" spans="8:8">
      <c r="H588616" s="12"/>
    </row>
    <row r="588617" spans="8:8">
      <c r="H588617" s="12"/>
    </row>
    <row r="588618" spans="8:8">
      <c r="H588618" s="12"/>
    </row>
    <row r="588619" spans="8:8">
      <c r="H588619" s="12"/>
    </row>
    <row r="588620" spans="8:8">
      <c r="H588620" s="12"/>
    </row>
    <row r="588621" spans="8:8">
      <c r="H588621" s="12"/>
    </row>
    <row r="588622" spans="8:8">
      <c r="H588622" s="12"/>
    </row>
    <row r="588623" spans="8:8">
      <c r="H588623" s="12"/>
    </row>
    <row r="588624" spans="8:8">
      <c r="H588624" s="12"/>
    </row>
    <row r="588625" spans="8:8">
      <c r="H588625" s="12"/>
    </row>
    <row r="588626" spans="8:8">
      <c r="H588626" s="12"/>
    </row>
    <row r="588627" spans="8:8">
      <c r="H588627" s="12"/>
    </row>
    <row r="588628" spans="8:8">
      <c r="H588628" s="12"/>
    </row>
    <row r="588629" spans="8:8">
      <c r="H588629" s="12"/>
    </row>
    <row r="588630" spans="8:8">
      <c r="H588630" s="12"/>
    </row>
    <row r="588631" spans="8:8">
      <c r="H588631" s="12"/>
    </row>
    <row r="588632" spans="8:8">
      <c r="H588632" s="12"/>
    </row>
    <row r="588633" spans="8:8">
      <c r="H588633" s="12"/>
    </row>
    <row r="588634" spans="8:8">
      <c r="H588634" s="12"/>
    </row>
    <row r="588635" spans="8:8">
      <c r="H588635" s="12"/>
    </row>
    <row r="588636" spans="8:8">
      <c r="H588636" s="12"/>
    </row>
    <row r="588637" spans="8:8">
      <c r="H588637" s="12"/>
    </row>
    <row r="588638" spans="8:8">
      <c r="H588638" s="12"/>
    </row>
    <row r="588639" spans="8:8">
      <c r="H588639" s="12"/>
    </row>
    <row r="588640" spans="8:8">
      <c r="H588640" s="12"/>
    </row>
    <row r="588641" spans="8:8">
      <c r="H588641" s="12"/>
    </row>
    <row r="588642" spans="8:8">
      <c r="H588642" s="12"/>
    </row>
    <row r="588643" spans="8:8">
      <c r="H588643" s="12"/>
    </row>
    <row r="588644" spans="8:8">
      <c r="H588644" s="12"/>
    </row>
    <row r="588645" spans="8:8">
      <c r="H588645" s="12"/>
    </row>
    <row r="588646" spans="8:8">
      <c r="H588646" s="12"/>
    </row>
    <row r="588647" spans="8:8">
      <c r="H588647" s="12"/>
    </row>
    <row r="588648" spans="8:8">
      <c r="H588648" s="12"/>
    </row>
    <row r="588649" spans="8:8">
      <c r="H588649" s="12"/>
    </row>
    <row r="588650" spans="8:8">
      <c r="H588650" s="12"/>
    </row>
    <row r="588651" spans="8:8">
      <c r="H588651" s="12"/>
    </row>
    <row r="588652" spans="8:8">
      <c r="H588652" s="12"/>
    </row>
    <row r="588653" spans="8:8">
      <c r="H588653" s="12"/>
    </row>
    <row r="588654" spans="8:8">
      <c r="H588654" s="12"/>
    </row>
    <row r="588655" spans="8:8">
      <c r="H588655" s="12"/>
    </row>
    <row r="588656" spans="8:8">
      <c r="H588656" s="12"/>
    </row>
    <row r="588657" spans="8:8">
      <c r="H588657" s="12"/>
    </row>
    <row r="588658" spans="8:8">
      <c r="H588658" s="12"/>
    </row>
    <row r="588659" spans="8:8">
      <c r="H588659" s="12"/>
    </row>
    <row r="588660" spans="8:8">
      <c r="H588660" s="12"/>
    </row>
    <row r="588661" spans="8:8">
      <c r="H588661" s="12"/>
    </row>
    <row r="588662" spans="8:8">
      <c r="H588662" s="12"/>
    </row>
    <row r="588663" spans="8:8">
      <c r="H588663" s="12"/>
    </row>
    <row r="588664" spans="8:8">
      <c r="H588664" s="12"/>
    </row>
    <row r="588665" spans="8:8">
      <c r="H588665" s="12"/>
    </row>
    <row r="588666" spans="8:8">
      <c r="H588666" s="12"/>
    </row>
    <row r="588667" spans="8:8">
      <c r="H588667" s="12"/>
    </row>
    <row r="588668" spans="8:8">
      <c r="H588668" s="12"/>
    </row>
    <row r="588669" spans="8:8">
      <c r="H588669" s="12"/>
    </row>
    <row r="588670" spans="8:8">
      <c r="H588670" s="12"/>
    </row>
    <row r="588671" spans="8:8">
      <c r="H588671" s="12"/>
    </row>
    <row r="588672" spans="8:8">
      <c r="H588672" s="12"/>
    </row>
    <row r="588673" spans="8:8">
      <c r="H588673" s="12"/>
    </row>
    <row r="588674" spans="8:8">
      <c r="H588674" s="12"/>
    </row>
    <row r="588675" spans="8:8">
      <c r="H588675" s="12"/>
    </row>
    <row r="588676" spans="8:8">
      <c r="H588676" s="12"/>
    </row>
    <row r="588677" spans="8:8">
      <c r="H588677" s="12"/>
    </row>
    <row r="588678" spans="8:8">
      <c r="H588678" s="12"/>
    </row>
    <row r="588679" spans="8:8">
      <c r="H588679" s="12"/>
    </row>
    <row r="588680" spans="8:8">
      <c r="H588680" s="12"/>
    </row>
    <row r="588681" spans="8:8">
      <c r="H588681" s="12"/>
    </row>
    <row r="588682" spans="8:8">
      <c r="H588682" s="12"/>
    </row>
    <row r="588683" spans="8:8">
      <c r="H588683" s="12"/>
    </row>
    <row r="588684" spans="8:8">
      <c r="H588684" s="12"/>
    </row>
    <row r="588685" spans="8:8">
      <c r="H588685" s="12"/>
    </row>
    <row r="588686" spans="8:8">
      <c r="H588686" s="12"/>
    </row>
    <row r="588687" spans="8:8">
      <c r="H588687" s="12"/>
    </row>
    <row r="588688" spans="8:8">
      <c r="H588688" s="12"/>
    </row>
    <row r="588689" spans="8:8">
      <c r="H588689" s="12"/>
    </row>
    <row r="588690" spans="8:8">
      <c r="H588690" s="12"/>
    </row>
    <row r="588691" spans="8:8">
      <c r="H588691" s="12"/>
    </row>
    <row r="588692" spans="8:8">
      <c r="H588692" s="12"/>
    </row>
    <row r="588693" spans="8:8">
      <c r="H588693" s="12"/>
    </row>
    <row r="588694" spans="8:8">
      <c r="H588694" s="12"/>
    </row>
    <row r="588695" spans="8:8">
      <c r="H588695" s="12"/>
    </row>
    <row r="588696" spans="8:8">
      <c r="H588696" s="12"/>
    </row>
    <row r="588697" spans="8:8">
      <c r="H588697" s="12"/>
    </row>
    <row r="588698" spans="8:8">
      <c r="H588698" s="12"/>
    </row>
    <row r="588699" spans="8:8">
      <c r="H588699" s="12"/>
    </row>
    <row r="588700" spans="8:8">
      <c r="H588700" s="12"/>
    </row>
    <row r="588701" spans="8:8">
      <c r="H588701" s="12"/>
    </row>
    <row r="588702" spans="8:8">
      <c r="H588702" s="12"/>
    </row>
    <row r="588703" spans="8:8">
      <c r="H588703" s="12"/>
    </row>
    <row r="588704" spans="8:8">
      <c r="H588704" s="12"/>
    </row>
    <row r="588705" spans="8:8">
      <c r="H588705" s="12"/>
    </row>
    <row r="588706" spans="8:8">
      <c r="H588706" s="12"/>
    </row>
    <row r="588707" spans="8:8">
      <c r="H588707" s="12"/>
    </row>
    <row r="588708" spans="8:8">
      <c r="H588708" s="12"/>
    </row>
    <row r="588709" spans="8:8">
      <c r="H588709" s="12"/>
    </row>
    <row r="588710" spans="8:8">
      <c r="H588710" s="12"/>
    </row>
    <row r="588711" spans="8:8">
      <c r="H588711" s="12"/>
    </row>
    <row r="588712" spans="8:8">
      <c r="H588712" s="12"/>
    </row>
    <row r="588713" spans="8:8">
      <c r="H588713" s="12"/>
    </row>
    <row r="588714" spans="8:8">
      <c r="H588714" s="12"/>
    </row>
    <row r="588715" spans="8:8">
      <c r="H588715" s="12"/>
    </row>
    <row r="588716" spans="8:8">
      <c r="H588716" s="12"/>
    </row>
    <row r="588717" spans="8:8">
      <c r="H588717" s="12"/>
    </row>
    <row r="588718" spans="8:8">
      <c r="H588718" s="12"/>
    </row>
    <row r="588719" spans="8:8">
      <c r="H588719" s="12"/>
    </row>
    <row r="588720" spans="8:8">
      <c r="H588720" s="12"/>
    </row>
    <row r="588721" spans="8:8">
      <c r="H588721" s="12"/>
    </row>
    <row r="588722" spans="8:8">
      <c r="H588722" s="12"/>
    </row>
    <row r="588723" spans="8:8">
      <c r="H588723" s="12"/>
    </row>
    <row r="588724" spans="8:8">
      <c r="H588724" s="12"/>
    </row>
    <row r="588725" spans="8:8">
      <c r="H588725" s="12"/>
    </row>
    <row r="588726" spans="8:8">
      <c r="H588726" s="12"/>
    </row>
    <row r="588727" spans="8:8">
      <c r="H588727" s="12"/>
    </row>
    <row r="588728" spans="8:8">
      <c r="H588728" s="12"/>
    </row>
    <row r="588729" spans="8:8">
      <c r="H588729" s="12"/>
    </row>
    <row r="588730" spans="8:8">
      <c r="H588730" s="12"/>
    </row>
    <row r="588731" spans="8:8">
      <c r="H588731" s="12"/>
    </row>
    <row r="588732" spans="8:8">
      <c r="H588732" s="12"/>
    </row>
    <row r="588733" spans="8:8">
      <c r="H588733" s="12"/>
    </row>
    <row r="588734" spans="8:8">
      <c r="H588734" s="12"/>
    </row>
    <row r="588735" spans="8:8">
      <c r="H588735" s="12"/>
    </row>
    <row r="588736" spans="8:8">
      <c r="H588736" s="12"/>
    </row>
    <row r="588737" spans="8:8">
      <c r="H588737" s="12"/>
    </row>
    <row r="588738" spans="8:8">
      <c r="H588738" s="12"/>
    </row>
    <row r="588739" spans="8:8">
      <c r="H588739" s="12"/>
    </row>
    <row r="588740" spans="8:8">
      <c r="H588740" s="12"/>
    </row>
    <row r="588741" spans="8:8">
      <c r="H588741" s="12"/>
    </row>
    <row r="588742" spans="8:8">
      <c r="H588742" s="12"/>
    </row>
    <row r="588743" spans="8:8">
      <c r="H588743" s="12"/>
    </row>
    <row r="588744" spans="8:8">
      <c r="H588744" s="12"/>
    </row>
    <row r="588745" spans="8:8">
      <c r="H588745" s="12"/>
    </row>
    <row r="588746" spans="8:8">
      <c r="H588746" s="12"/>
    </row>
    <row r="588747" spans="8:8">
      <c r="H588747" s="12"/>
    </row>
    <row r="588748" spans="8:8">
      <c r="H588748" s="12"/>
    </row>
    <row r="588749" spans="8:8">
      <c r="H588749" s="12"/>
    </row>
    <row r="588750" spans="8:8">
      <c r="H588750" s="12"/>
    </row>
    <row r="588751" spans="8:8">
      <c r="H588751" s="12"/>
    </row>
    <row r="588752" spans="8:8">
      <c r="H588752" s="12"/>
    </row>
    <row r="588753" spans="8:8">
      <c r="H588753" s="12"/>
    </row>
    <row r="588754" spans="8:8">
      <c r="H588754" s="12"/>
    </row>
    <row r="588755" spans="8:8">
      <c r="H588755" s="12"/>
    </row>
    <row r="588756" spans="8:8">
      <c r="H588756" s="12"/>
    </row>
    <row r="588757" spans="8:8">
      <c r="H588757" s="12"/>
    </row>
    <row r="588758" spans="8:8">
      <c r="H588758" s="12"/>
    </row>
    <row r="588759" spans="8:8">
      <c r="H588759" s="12"/>
    </row>
    <row r="588760" spans="8:8">
      <c r="H588760" s="12"/>
    </row>
    <row r="588761" spans="8:8">
      <c r="H588761" s="12"/>
    </row>
    <row r="588762" spans="8:8">
      <c r="H588762" s="12"/>
    </row>
    <row r="588763" spans="8:8">
      <c r="H588763" s="12"/>
    </row>
    <row r="588764" spans="8:8">
      <c r="H588764" s="12"/>
    </row>
    <row r="588765" spans="8:8">
      <c r="H588765" s="12"/>
    </row>
    <row r="588766" spans="8:8">
      <c r="H588766" s="12"/>
    </row>
    <row r="588767" spans="8:8">
      <c r="H588767" s="12"/>
    </row>
    <row r="588768" spans="8:8">
      <c r="H588768" s="12"/>
    </row>
    <row r="588769" spans="8:8">
      <c r="H588769" s="12"/>
    </row>
    <row r="588770" spans="8:8">
      <c r="H588770" s="12"/>
    </row>
    <row r="588771" spans="8:8">
      <c r="H588771" s="12"/>
    </row>
    <row r="588772" spans="8:8">
      <c r="H588772" s="12"/>
    </row>
    <row r="588773" spans="8:8">
      <c r="H588773" s="12"/>
    </row>
    <row r="588774" spans="8:8">
      <c r="H588774" s="12"/>
    </row>
    <row r="588775" spans="8:8">
      <c r="H588775" s="12"/>
    </row>
    <row r="588776" spans="8:8">
      <c r="H588776" s="12"/>
    </row>
    <row r="588777" spans="8:8">
      <c r="H588777" s="12"/>
    </row>
    <row r="588778" spans="8:8">
      <c r="H588778" s="12"/>
    </row>
    <row r="588779" spans="8:8">
      <c r="H588779" s="12"/>
    </row>
    <row r="588780" spans="8:8">
      <c r="H588780" s="12"/>
    </row>
    <row r="588781" spans="8:8">
      <c r="H588781" s="12"/>
    </row>
    <row r="588782" spans="8:8">
      <c r="H588782" s="12"/>
    </row>
    <row r="588783" spans="8:8">
      <c r="H588783" s="12"/>
    </row>
    <row r="588784" spans="8:8">
      <c r="H588784" s="12"/>
    </row>
    <row r="588785" spans="8:8">
      <c r="H588785" s="12"/>
    </row>
    <row r="588786" spans="8:8">
      <c r="H588786" s="12"/>
    </row>
    <row r="588787" spans="8:8">
      <c r="H588787" s="12"/>
    </row>
    <row r="588788" spans="8:8">
      <c r="H588788" s="12"/>
    </row>
    <row r="588789" spans="8:8">
      <c r="H588789" s="12"/>
    </row>
    <row r="588790" spans="8:8">
      <c r="H588790" s="12"/>
    </row>
    <row r="588791" spans="8:8">
      <c r="H588791" s="12"/>
    </row>
    <row r="588792" spans="8:8">
      <c r="H588792" s="12"/>
    </row>
    <row r="588793" spans="8:8">
      <c r="H588793" s="12"/>
    </row>
    <row r="588794" spans="8:8">
      <c r="H588794" s="12"/>
    </row>
    <row r="588795" spans="8:8">
      <c r="H588795" s="12"/>
    </row>
    <row r="588796" spans="8:8">
      <c r="H588796" s="12"/>
    </row>
    <row r="588797" spans="8:8">
      <c r="H588797" s="12"/>
    </row>
    <row r="588798" spans="8:8">
      <c r="H588798" s="12"/>
    </row>
    <row r="588799" spans="8:8">
      <c r="H588799" s="12"/>
    </row>
    <row r="588800" spans="8:8">
      <c r="H588800" s="12"/>
    </row>
    <row r="588801" spans="8:8">
      <c r="H588801" s="12"/>
    </row>
    <row r="588802" spans="8:8">
      <c r="H588802" s="12"/>
    </row>
    <row r="588803" spans="8:8">
      <c r="H588803" s="12"/>
    </row>
    <row r="588804" spans="8:8">
      <c r="H588804" s="12"/>
    </row>
    <row r="588805" spans="8:8">
      <c r="H588805" s="12"/>
    </row>
    <row r="588806" spans="8:8">
      <c r="H588806" s="12"/>
    </row>
    <row r="588807" spans="8:8">
      <c r="H588807" s="12"/>
    </row>
    <row r="588808" spans="8:8">
      <c r="H588808" s="12"/>
    </row>
    <row r="588809" spans="8:8">
      <c r="H588809" s="12"/>
    </row>
    <row r="588810" spans="8:8">
      <c r="H588810" s="12"/>
    </row>
    <row r="588811" spans="8:8">
      <c r="H588811" s="12"/>
    </row>
    <row r="588812" spans="8:8">
      <c r="H588812" s="12"/>
    </row>
    <row r="588813" spans="8:8">
      <c r="H588813" s="12"/>
    </row>
    <row r="588814" spans="8:8">
      <c r="H588814" s="12"/>
    </row>
    <row r="588815" spans="8:8">
      <c r="H588815" s="12"/>
    </row>
    <row r="588816" spans="8:8">
      <c r="H588816" s="12"/>
    </row>
    <row r="588817" spans="8:8">
      <c r="H588817" s="12"/>
    </row>
    <row r="588818" spans="8:8">
      <c r="H588818" s="12"/>
    </row>
    <row r="588819" spans="8:8">
      <c r="H588819" s="12"/>
    </row>
    <row r="588820" spans="8:8">
      <c r="H588820" s="12"/>
    </row>
    <row r="588821" spans="8:8">
      <c r="H588821" s="12"/>
    </row>
    <row r="588822" spans="8:8">
      <c r="H588822" s="12"/>
    </row>
    <row r="588823" spans="8:8">
      <c r="H588823" s="12"/>
    </row>
    <row r="588824" spans="8:8">
      <c r="H588824" s="12"/>
    </row>
    <row r="588825" spans="8:8">
      <c r="H588825" s="12"/>
    </row>
    <row r="588826" spans="8:8">
      <c r="H588826" s="12"/>
    </row>
    <row r="588827" spans="8:8">
      <c r="H588827" s="12"/>
    </row>
    <row r="588828" spans="8:8">
      <c r="H588828" s="12"/>
    </row>
    <row r="588829" spans="8:8">
      <c r="H588829" s="12"/>
    </row>
    <row r="588830" spans="8:8">
      <c r="H588830" s="12"/>
    </row>
    <row r="588831" spans="8:8">
      <c r="H588831" s="12"/>
    </row>
    <row r="588832" spans="8:8">
      <c r="H588832" s="12"/>
    </row>
    <row r="588833" spans="8:8">
      <c r="H588833" s="12"/>
    </row>
    <row r="588834" spans="8:8">
      <c r="H588834" s="12"/>
    </row>
    <row r="588835" spans="8:8">
      <c r="H588835" s="12"/>
    </row>
    <row r="588836" spans="8:8">
      <c r="H588836" s="12"/>
    </row>
    <row r="588837" spans="8:8">
      <c r="H588837" s="12"/>
    </row>
    <row r="588838" spans="8:8">
      <c r="H588838" s="12"/>
    </row>
    <row r="588839" spans="8:8">
      <c r="H588839" s="12"/>
    </row>
    <row r="588840" spans="8:8">
      <c r="H588840" s="12"/>
    </row>
    <row r="588841" spans="8:8">
      <c r="H588841" s="12"/>
    </row>
    <row r="588842" spans="8:8">
      <c r="H588842" s="12"/>
    </row>
    <row r="588843" spans="8:8">
      <c r="H588843" s="12"/>
    </row>
    <row r="588844" spans="8:8">
      <c r="H588844" s="12"/>
    </row>
    <row r="588845" spans="8:8">
      <c r="H588845" s="12"/>
    </row>
    <row r="588846" spans="8:8">
      <c r="H588846" s="12"/>
    </row>
    <row r="588847" spans="8:8">
      <c r="H588847" s="12"/>
    </row>
    <row r="588848" spans="8:8">
      <c r="H588848" s="12"/>
    </row>
    <row r="588849" spans="8:8">
      <c r="H588849" s="12"/>
    </row>
    <row r="588850" spans="8:8">
      <c r="H588850" s="12"/>
    </row>
    <row r="588851" spans="8:8">
      <c r="H588851" s="12"/>
    </row>
    <row r="588852" spans="8:8">
      <c r="H588852" s="12"/>
    </row>
    <row r="588853" spans="8:8">
      <c r="H588853" s="12"/>
    </row>
    <row r="588854" spans="8:8">
      <c r="H588854" s="12"/>
    </row>
    <row r="588855" spans="8:8">
      <c r="H588855" s="12"/>
    </row>
    <row r="588856" spans="8:8">
      <c r="H588856" s="12"/>
    </row>
    <row r="588857" spans="8:8">
      <c r="H588857" s="12"/>
    </row>
    <row r="588858" spans="8:8">
      <c r="H588858" s="12"/>
    </row>
    <row r="588859" spans="8:8">
      <c r="H588859" s="12"/>
    </row>
    <row r="588860" spans="8:8">
      <c r="H588860" s="12"/>
    </row>
    <row r="588861" spans="8:8">
      <c r="H588861" s="12"/>
    </row>
    <row r="588862" spans="8:8">
      <c r="H588862" s="12"/>
    </row>
    <row r="588863" spans="8:8">
      <c r="H588863" s="12"/>
    </row>
    <row r="588864" spans="8:8">
      <c r="H588864" s="12"/>
    </row>
    <row r="588865" spans="8:8">
      <c r="H588865" s="12"/>
    </row>
    <row r="588866" spans="8:8">
      <c r="H588866" s="12"/>
    </row>
    <row r="588867" spans="8:8">
      <c r="H588867" s="12"/>
    </row>
    <row r="588868" spans="8:8">
      <c r="H588868" s="12"/>
    </row>
    <row r="588869" spans="8:8">
      <c r="H588869" s="12"/>
    </row>
    <row r="588870" spans="8:8">
      <c r="H588870" s="12"/>
    </row>
    <row r="588871" spans="8:8">
      <c r="H588871" s="12"/>
    </row>
    <row r="588872" spans="8:8">
      <c r="H588872" s="12"/>
    </row>
    <row r="588873" spans="8:8">
      <c r="H588873" s="12"/>
    </row>
    <row r="588874" spans="8:8">
      <c r="H588874" s="12"/>
    </row>
    <row r="588875" spans="8:8">
      <c r="H588875" s="12"/>
    </row>
    <row r="588876" spans="8:8">
      <c r="H588876" s="12"/>
    </row>
    <row r="588877" spans="8:8">
      <c r="H588877" s="12"/>
    </row>
    <row r="588878" spans="8:8">
      <c r="H588878" s="12"/>
    </row>
    <row r="588879" spans="8:8">
      <c r="H588879" s="12"/>
    </row>
    <row r="588880" spans="8:8">
      <c r="H588880" s="12"/>
    </row>
    <row r="588881" spans="8:8">
      <c r="H588881" s="12"/>
    </row>
    <row r="588882" spans="8:8">
      <c r="H588882" s="12"/>
    </row>
    <row r="588883" spans="8:8">
      <c r="H588883" s="12"/>
    </row>
    <row r="588884" spans="8:8">
      <c r="H588884" s="12"/>
    </row>
    <row r="588885" spans="8:8">
      <c r="H588885" s="12"/>
    </row>
    <row r="588886" spans="8:8">
      <c r="H588886" s="12"/>
    </row>
    <row r="588887" spans="8:8">
      <c r="H588887" s="12"/>
    </row>
    <row r="588888" spans="8:8">
      <c r="H588888" s="12"/>
    </row>
    <row r="588889" spans="8:8">
      <c r="H588889" s="12"/>
    </row>
    <row r="588890" spans="8:8">
      <c r="H588890" s="12"/>
    </row>
    <row r="588891" spans="8:8">
      <c r="H588891" s="12"/>
    </row>
    <row r="588892" spans="8:8">
      <c r="H588892" s="12"/>
    </row>
    <row r="588893" spans="8:8">
      <c r="H588893" s="12"/>
    </row>
    <row r="588894" spans="8:8">
      <c r="H588894" s="12"/>
    </row>
    <row r="588895" spans="8:8">
      <c r="H588895" s="12"/>
    </row>
    <row r="588896" spans="8:8">
      <c r="H588896" s="12"/>
    </row>
    <row r="588897" spans="8:8">
      <c r="H588897" s="12"/>
    </row>
    <row r="588898" spans="8:8">
      <c r="H588898" s="12"/>
    </row>
    <row r="588899" spans="8:8">
      <c r="H588899" s="12"/>
    </row>
    <row r="588900" spans="8:8">
      <c r="H588900" s="12"/>
    </row>
    <row r="588901" spans="8:8">
      <c r="H588901" s="12"/>
    </row>
    <row r="588902" spans="8:8">
      <c r="H588902" s="12"/>
    </row>
    <row r="588903" spans="8:8">
      <c r="H588903" s="12"/>
    </row>
    <row r="588904" spans="8:8">
      <c r="H588904" s="12"/>
    </row>
    <row r="588905" spans="8:8">
      <c r="H588905" s="12"/>
    </row>
    <row r="588906" spans="8:8">
      <c r="H588906" s="12"/>
    </row>
    <row r="588907" spans="8:8">
      <c r="H588907" s="12"/>
    </row>
    <row r="588908" spans="8:8">
      <c r="H588908" s="12"/>
    </row>
    <row r="588909" spans="8:8">
      <c r="H588909" s="12"/>
    </row>
    <row r="588910" spans="8:8">
      <c r="H588910" s="12"/>
    </row>
    <row r="588911" spans="8:8">
      <c r="H588911" s="12"/>
    </row>
    <row r="588912" spans="8:8">
      <c r="H588912" s="12"/>
    </row>
    <row r="588913" spans="8:8">
      <c r="H588913" s="12"/>
    </row>
    <row r="588914" spans="8:8">
      <c r="H588914" s="12"/>
    </row>
    <row r="588915" spans="8:8">
      <c r="H588915" s="12"/>
    </row>
    <row r="588916" spans="8:8">
      <c r="H588916" s="12"/>
    </row>
    <row r="588917" spans="8:8">
      <c r="H588917" s="12"/>
    </row>
    <row r="588918" spans="8:8">
      <c r="H588918" s="12"/>
    </row>
    <row r="588919" spans="8:8">
      <c r="H588919" s="12"/>
    </row>
    <row r="588920" spans="8:8">
      <c r="H588920" s="12"/>
    </row>
    <row r="588921" spans="8:8">
      <c r="H588921" s="12"/>
    </row>
    <row r="588922" spans="8:8">
      <c r="H588922" s="12"/>
    </row>
    <row r="588923" spans="8:8">
      <c r="H588923" s="12"/>
    </row>
    <row r="588924" spans="8:8">
      <c r="H588924" s="12"/>
    </row>
    <row r="588925" spans="8:8">
      <c r="H588925" s="12"/>
    </row>
    <row r="588926" spans="8:8">
      <c r="H588926" s="12"/>
    </row>
    <row r="588927" spans="8:8">
      <c r="H588927" s="12"/>
    </row>
    <row r="588928" spans="8:8">
      <c r="H588928" s="12"/>
    </row>
    <row r="588929" spans="8:8">
      <c r="H588929" s="12"/>
    </row>
    <row r="588930" spans="8:8">
      <c r="H588930" s="12"/>
    </row>
    <row r="588931" spans="8:8">
      <c r="H588931" s="12"/>
    </row>
    <row r="588932" spans="8:8">
      <c r="H588932" s="12"/>
    </row>
    <row r="588933" spans="8:8">
      <c r="H588933" s="12"/>
    </row>
    <row r="588934" spans="8:8">
      <c r="H588934" s="12"/>
    </row>
    <row r="588935" spans="8:8">
      <c r="H588935" s="12"/>
    </row>
    <row r="588936" spans="8:8">
      <c r="H588936" s="12"/>
    </row>
    <row r="588937" spans="8:8">
      <c r="H588937" s="12"/>
    </row>
    <row r="588938" spans="8:8">
      <c r="H588938" s="12"/>
    </row>
    <row r="588939" spans="8:8">
      <c r="H588939" s="12"/>
    </row>
    <row r="588940" spans="8:8">
      <c r="H588940" s="12"/>
    </row>
    <row r="588941" spans="8:8">
      <c r="H588941" s="12"/>
    </row>
    <row r="588942" spans="8:8">
      <c r="H588942" s="12"/>
    </row>
    <row r="588943" spans="8:8">
      <c r="H588943" s="12"/>
    </row>
    <row r="588944" spans="8:8">
      <c r="H588944" s="12"/>
    </row>
    <row r="588945" spans="8:8">
      <c r="H588945" s="12"/>
    </row>
    <row r="588946" spans="8:8">
      <c r="H588946" s="12"/>
    </row>
    <row r="588947" spans="8:8">
      <c r="H588947" s="12"/>
    </row>
    <row r="588948" spans="8:8">
      <c r="H588948" s="12"/>
    </row>
    <row r="588949" spans="8:8">
      <c r="H588949" s="12"/>
    </row>
    <row r="588950" spans="8:8">
      <c r="H588950" s="12"/>
    </row>
    <row r="588951" spans="8:8">
      <c r="H588951" s="12"/>
    </row>
    <row r="588952" spans="8:8">
      <c r="H588952" s="12"/>
    </row>
    <row r="588953" spans="8:8">
      <c r="H588953" s="12"/>
    </row>
    <row r="588954" spans="8:8">
      <c r="H588954" s="12"/>
    </row>
    <row r="588955" spans="8:8">
      <c r="H588955" s="12"/>
    </row>
    <row r="588956" spans="8:8">
      <c r="H588956" s="12"/>
    </row>
    <row r="588957" spans="8:8">
      <c r="H588957" s="12"/>
    </row>
    <row r="588958" spans="8:8">
      <c r="H588958" s="12"/>
    </row>
    <row r="588959" spans="8:8">
      <c r="H588959" s="12"/>
    </row>
    <row r="588960" spans="8:8">
      <c r="H588960" s="12"/>
    </row>
    <row r="588961" spans="8:8">
      <c r="H588961" s="12"/>
    </row>
    <row r="588962" spans="8:8">
      <c r="H588962" s="12"/>
    </row>
    <row r="588963" spans="8:8">
      <c r="H588963" s="12"/>
    </row>
    <row r="588964" spans="8:8">
      <c r="H588964" s="12"/>
    </row>
    <row r="588965" spans="8:8">
      <c r="H588965" s="12"/>
    </row>
    <row r="588966" spans="8:8">
      <c r="H588966" s="12"/>
    </row>
    <row r="588967" spans="8:8">
      <c r="H588967" s="12"/>
    </row>
    <row r="588968" spans="8:8">
      <c r="H588968" s="12"/>
    </row>
    <row r="588969" spans="8:8">
      <c r="H588969" s="12"/>
    </row>
    <row r="588970" spans="8:8">
      <c r="H588970" s="12"/>
    </row>
    <row r="588971" spans="8:8">
      <c r="H588971" s="12"/>
    </row>
    <row r="588972" spans="8:8">
      <c r="H588972" s="12"/>
    </row>
    <row r="588973" spans="8:8">
      <c r="H588973" s="12"/>
    </row>
    <row r="588974" spans="8:8">
      <c r="H588974" s="12"/>
    </row>
    <row r="588975" spans="8:8">
      <c r="H588975" s="12"/>
    </row>
    <row r="588976" spans="8:8">
      <c r="H588976" s="12"/>
    </row>
    <row r="588977" spans="8:8">
      <c r="H588977" s="12"/>
    </row>
    <row r="588978" spans="8:8">
      <c r="H588978" s="12"/>
    </row>
    <row r="588979" spans="8:8">
      <c r="H588979" s="12"/>
    </row>
    <row r="588980" spans="8:8">
      <c r="H588980" s="12"/>
    </row>
    <row r="588981" spans="8:8">
      <c r="H588981" s="12"/>
    </row>
    <row r="588982" spans="8:8">
      <c r="H588982" s="12"/>
    </row>
    <row r="588983" spans="8:8">
      <c r="H588983" s="12"/>
    </row>
    <row r="588984" spans="8:8">
      <c r="H588984" s="12"/>
    </row>
    <row r="588985" spans="8:8">
      <c r="H588985" s="12"/>
    </row>
    <row r="588986" spans="8:8">
      <c r="H588986" s="12"/>
    </row>
    <row r="588987" spans="8:8">
      <c r="H588987" s="12"/>
    </row>
    <row r="588988" spans="8:8">
      <c r="H588988" s="12"/>
    </row>
    <row r="588989" spans="8:8">
      <c r="H588989" s="12"/>
    </row>
    <row r="588990" spans="8:8">
      <c r="H588990" s="12"/>
    </row>
    <row r="588991" spans="8:8">
      <c r="H588991" s="12"/>
    </row>
    <row r="588992" spans="8:8">
      <c r="H588992" s="12"/>
    </row>
    <row r="588993" spans="8:8">
      <c r="H588993" s="12"/>
    </row>
    <row r="588994" spans="8:8">
      <c r="H588994" s="12"/>
    </row>
    <row r="588995" spans="8:8">
      <c r="H588995" s="12"/>
    </row>
    <row r="588996" spans="8:8">
      <c r="H588996" s="12"/>
    </row>
    <row r="588997" spans="8:8">
      <c r="H588997" s="12"/>
    </row>
    <row r="588998" spans="8:8">
      <c r="H588998" s="12"/>
    </row>
    <row r="588999" spans="8:8">
      <c r="H588999" s="12"/>
    </row>
    <row r="589000" spans="8:8">
      <c r="H589000" s="12"/>
    </row>
    <row r="589001" spans="8:8">
      <c r="H589001" s="12"/>
    </row>
    <row r="589002" spans="8:8">
      <c r="H589002" s="12"/>
    </row>
    <row r="589003" spans="8:8">
      <c r="H589003" s="12"/>
    </row>
    <row r="589004" spans="8:8">
      <c r="H589004" s="12"/>
    </row>
    <row r="589005" spans="8:8">
      <c r="H589005" s="12"/>
    </row>
    <row r="589006" spans="8:8">
      <c r="H589006" s="12"/>
    </row>
    <row r="589007" spans="8:8">
      <c r="H589007" s="12"/>
    </row>
    <row r="589008" spans="8:8">
      <c r="H589008" s="12"/>
    </row>
    <row r="589009" spans="8:8">
      <c r="H589009" s="12"/>
    </row>
    <row r="589010" spans="8:8">
      <c r="H589010" s="12"/>
    </row>
    <row r="589011" spans="8:8">
      <c r="H589011" s="12"/>
    </row>
    <row r="589012" spans="8:8">
      <c r="H589012" s="12"/>
    </row>
    <row r="589013" spans="8:8">
      <c r="H589013" s="12"/>
    </row>
    <row r="589014" spans="8:8">
      <c r="H589014" s="12"/>
    </row>
    <row r="589015" spans="8:8">
      <c r="H589015" s="12"/>
    </row>
    <row r="589016" spans="8:8">
      <c r="H589016" s="12"/>
    </row>
    <row r="589017" spans="8:8">
      <c r="H589017" s="12"/>
    </row>
    <row r="589018" spans="8:8">
      <c r="H589018" s="12"/>
    </row>
    <row r="589019" spans="8:8">
      <c r="H589019" s="12"/>
    </row>
    <row r="589020" spans="8:8">
      <c r="H589020" s="12"/>
    </row>
    <row r="589021" spans="8:8">
      <c r="H589021" s="12"/>
    </row>
    <row r="589022" spans="8:8">
      <c r="H589022" s="12"/>
    </row>
    <row r="589023" spans="8:8">
      <c r="H589023" s="12"/>
    </row>
    <row r="589024" spans="8:8">
      <c r="H589024" s="12"/>
    </row>
    <row r="589025" spans="8:8">
      <c r="H589025" s="12"/>
    </row>
    <row r="589026" spans="8:8">
      <c r="H589026" s="12"/>
    </row>
    <row r="589027" spans="8:8">
      <c r="H589027" s="12"/>
    </row>
    <row r="589028" spans="8:8">
      <c r="H589028" s="12"/>
    </row>
    <row r="589029" spans="8:8">
      <c r="H589029" s="12"/>
    </row>
    <row r="589030" spans="8:8">
      <c r="H589030" s="12"/>
    </row>
    <row r="589031" spans="8:8">
      <c r="H589031" s="12"/>
    </row>
    <row r="589032" spans="8:8">
      <c r="H589032" s="12"/>
    </row>
    <row r="589033" spans="8:8">
      <c r="H589033" s="12"/>
    </row>
    <row r="589034" spans="8:8">
      <c r="H589034" s="12"/>
    </row>
    <row r="589035" spans="8:8">
      <c r="H589035" s="12"/>
    </row>
    <row r="589036" spans="8:8">
      <c r="H589036" s="12"/>
    </row>
    <row r="589037" spans="8:8">
      <c r="H589037" s="12"/>
    </row>
    <row r="589038" spans="8:8">
      <c r="H589038" s="12"/>
    </row>
    <row r="589039" spans="8:8">
      <c r="H589039" s="12"/>
    </row>
    <row r="589040" spans="8:8">
      <c r="H589040" s="12"/>
    </row>
    <row r="589041" spans="8:8">
      <c r="H589041" s="12"/>
    </row>
    <row r="589042" spans="8:8">
      <c r="H589042" s="12"/>
    </row>
    <row r="589043" spans="8:8">
      <c r="H589043" s="12"/>
    </row>
    <row r="589044" spans="8:8">
      <c r="H589044" s="12"/>
    </row>
    <row r="589045" spans="8:8">
      <c r="H589045" s="12"/>
    </row>
    <row r="589046" spans="8:8">
      <c r="H589046" s="12"/>
    </row>
    <row r="589047" spans="8:8">
      <c r="H589047" s="12"/>
    </row>
    <row r="589048" spans="8:8">
      <c r="H589048" s="12"/>
    </row>
    <row r="589049" spans="8:8">
      <c r="H589049" s="12"/>
    </row>
    <row r="589050" spans="8:8">
      <c r="H589050" s="12"/>
    </row>
    <row r="589051" spans="8:8">
      <c r="H589051" s="12"/>
    </row>
    <row r="589052" spans="8:8">
      <c r="H589052" s="12"/>
    </row>
    <row r="589053" spans="8:8">
      <c r="H589053" s="12"/>
    </row>
    <row r="589054" spans="8:8">
      <c r="H589054" s="12"/>
    </row>
    <row r="589055" spans="8:8">
      <c r="H589055" s="12"/>
    </row>
    <row r="589056" spans="8:8">
      <c r="H589056" s="12"/>
    </row>
    <row r="589057" spans="8:8">
      <c r="H589057" s="12"/>
    </row>
    <row r="589058" spans="8:8">
      <c r="H589058" s="12"/>
    </row>
    <row r="589059" spans="8:8">
      <c r="H589059" s="12"/>
    </row>
    <row r="589060" spans="8:8">
      <c r="H589060" s="12"/>
    </row>
    <row r="589061" spans="8:8">
      <c r="H589061" s="12"/>
    </row>
    <row r="589062" spans="8:8">
      <c r="H589062" s="12"/>
    </row>
    <row r="589063" spans="8:8">
      <c r="H589063" s="12"/>
    </row>
    <row r="589064" spans="8:8">
      <c r="H589064" s="12"/>
    </row>
    <row r="589065" spans="8:8">
      <c r="H589065" s="12"/>
    </row>
    <row r="589066" spans="8:8">
      <c r="H589066" s="12"/>
    </row>
    <row r="589067" spans="8:8">
      <c r="H589067" s="12"/>
    </row>
    <row r="589068" spans="8:8">
      <c r="H589068" s="12"/>
    </row>
    <row r="589069" spans="8:8">
      <c r="H589069" s="12"/>
    </row>
    <row r="589070" spans="8:8">
      <c r="H589070" s="12"/>
    </row>
    <row r="589071" spans="8:8">
      <c r="H589071" s="12"/>
    </row>
    <row r="589072" spans="8:8">
      <c r="H589072" s="12"/>
    </row>
    <row r="589073" spans="8:8">
      <c r="H589073" s="12"/>
    </row>
    <row r="589074" spans="8:8">
      <c r="H589074" s="12"/>
    </row>
    <row r="589075" spans="8:8">
      <c r="H589075" s="12"/>
    </row>
    <row r="589076" spans="8:8">
      <c r="H589076" s="12"/>
    </row>
    <row r="589077" spans="8:8">
      <c r="H589077" s="12"/>
    </row>
    <row r="589078" spans="8:8">
      <c r="H589078" s="12"/>
    </row>
    <row r="589079" spans="8:8">
      <c r="H589079" s="12"/>
    </row>
    <row r="589080" spans="8:8">
      <c r="H589080" s="12"/>
    </row>
    <row r="589081" spans="8:8">
      <c r="H589081" s="12"/>
    </row>
    <row r="589082" spans="8:8">
      <c r="H589082" s="12"/>
    </row>
    <row r="589083" spans="8:8">
      <c r="H589083" s="12"/>
    </row>
    <row r="589084" spans="8:8">
      <c r="H589084" s="12"/>
    </row>
    <row r="589085" spans="8:8">
      <c r="H589085" s="12"/>
    </row>
    <row r="589086" spans="8:8">
      <c r="H589086" s="12"/>
    </row>
    <row r="589087" spans="8:8">
      <c r="H589087" s="12"/>
    </row>
    <row r="589088" spans="8:8">
      <c r="H589088" s="12"/>
    </row>
    <row r="589089" spans="8:8">
      <c r="H589089" s="12"/>
    </row>
    <row r="589090" spans="8:8">
      <c r="H589090" s="12"/>
    </row>
    <row r="589091" spans="8:8">
      <c r="H589091" s="12"/>
    </row>
    <row r="589092" spans="8:8">
      <c r="H589092" s="12"/>
    </row>
    <row r="589093" spans="8:8">
      <c r="H589093" s="12"/>
    </row>
    <row r="589094" spans="8:8">
      <c r="H589094" s="12"/>
    </row>
    <row r="589095" spans="8:8">
      <c r="H589095" s="12"/>
    </row>
    <row r="589096" spans="8:8">
      <c r="H589096" s="12"/>
    </row>
    <row r="589097" spans="8:8">
      <c r="H589097" s="12"/>
    </row>
    <row r="589098" spans="8:8">
      <c r="H589098" s="12"/>
    </row>
    <row r="589099" spans="8:8">
      <c r="H589099" s="12"/>
    </row>
    <row r="589100" spans="8:8">
      <c r="H589100" s="12"/>
    </row>
    <row r="589101" spans="8:8">
      <c r="H589101" s="12"/>
    </row>
    <row r="589102" spans="8:8">
      <c r="H589102" s="12"/>
    </row>
    <row r="589103" spans="8:8">
      <c r="H589103" s="12"/>
    </row>
    <row r="589104" spans="8:8">
      <c r="H589104" s="12"/>
    </row>
    <row r="589105" spans="8:8">
      <c r="H589105" s="12"/>
    </row>
    <row r="589106" spans="8:8">
      <c r="H589106" s="12"/>
    </row>
    <row r="589107" spans="8:8">
      <c r="H589107" s="12"/>
    </row>
    <row r="589108" spans="8:8">
      <c r="H589108" s="12"/>
    </row>
    <row r="589109" spans="8:8">
      <c r="H589109" s="12"/>
    </row>
    <row r="589110" spans="8:8">
      <c r="H589110" s="12"/>
    </row>
    <row r="589111" spans="8:8">
      <c r="H589111" s="12"/>
    </row>
    <row r="589112" spans="8:8">
      <c r="H589112" s="12"/>
    </row>
    <row r="589113" spans="8:8">
      <c r="H589113" s="12"/>
    </row>
    <row r="589114" spans="8:8">
      <c r="H589114" s="12"/>
    </row>
    <row r="589115" spans="8:8">
      <c r="H589115" s="12"/>
    </row>
    <row r="589116" spans="8:8">
      <c r="H589116" s="12"/>
    </row>
    <row r="589117" spans="8:8">
      <c r="H589117" s="12"/>
    </row>
    <row r="589118" spans="8:8">
      <c r="H589118" s="12"/>
    </row>
    <row r="589119" spans="8:8">
      <c r="H589119" s="12"/>
    </row>
    <row r="589120" spans="8:8">
      <c r="H589120" s="12"/>
    </row>
    <row r="589121" spans="8:8">
      <c r="H589121" s="12"/>
    </row>
    <row r="589122" spans="8:8">
      <c r="H589122" s="12"/>
    </row>
    <row r="589123" spans="8:8">
      <c r="H589123" s="12"/>
    </row>
    <row r="589124" spans="8:8">
      <c r="H589124" s="12"/>
    </row>
    <row r="589125" spans="8:8">
      <c r="H589125" s="12"/>
    </row>
    <row r="589126" spans="8:8">
      <c r="H589126" s="12"/>
    </row>
    <row r="589127" spans="8:8">
      <c r="H589127" s="12"/>
    </row>
    <row r="589128" spans="8:8">
      <c r="H589128" s="12"/>
    </row>
    <row r="589129" spans="8:8">
      <c r="H589129" s="12"/>
    </row>
    <row r="589130" spans="8:8">
      <c r="H589130" s="12"/>
    </row>
    <row r="589131" spans="8:8">
      <c r="H589131" s="12"/>
    </row>
    <row r="589132" spans="8:8">
      <c r="H589132" s="12"/>
    </row>
    <row r="589133" spans="8:8">
      <c r="H589133" s="12"/>
    </row>
    <row r="589134" spans="8:8">
      <c r="H589134" s="12"/>
    </row>
    <row r="589135" spans="8:8">
      <c r="H589135" s="12"/>
    </row>
    <row r="589136" spans="8:8">
      <c r="H589136" s="12"/>
    </row>
    <row r="589137" spans="8:8">
      <c r="H589137" s="12"/>
    </row>
    <row r="589138" spans="8:8">
      <c r="H589138" s="12"/>
    </row>
    <row r="589139" spans="8:8">
      <c r="H589139" s="12"/>
    </row>
    <row r="589140" spans="8:8">
      <c r="H589140" s="12"/>
    </row>
    <row r="589141" spans="8:8">
      <c r="H589141" s="12"/>
    </row>
    <row r="589142" spans="8:8">
      <c r="H589142" s="12"/>
    </row>
    <row r="589143" spans="8:8">
      <c r="H589143" s="12"/>
    </row>
    <row r="589144" spans="8:8">
      <c r="H589144" s="12"/>
    </row>
    <row r="589145" spans="8:8">
      <c r="H589145" s="12"/>
    </row>
    <row r="589146" spans="8:8">
      <c r="H589146" s="12"/>
    </row>
    <row r="589147" spans="8:8">
      <c r="H589147" s="12"/>
    </row>
    <row r="589148" spans="8:8">
      <c r="H589148" s="12"/>
    </row>
    <row r="589149" spans="8:8">
      <c r="H589149" s="12"/>
    </row>
    <row r="589150" spans="8:8">
      <c r="H589150" s="12"/>
    </row>
    <row r="589151" spans="8:8">
      <c r="H589151" s="12"/>
    </row>
    <row r="589152" spans="8:8">
      <c r="H589152" s="12"/>
    </row>
    <row r="589153" spans="8:8">
      <c r="H589153" s="12"/>
    </row>
    <row r="589154" spans="8:8">
      <c r="H589154" s="12"/>
    </row>
    <row r="589155" spans="8:8">
      <c r="H589155" s="12"/>
    </row>
    <row r="589156" spans="8:8">
      <c r="H589156" s="12"/>
    </row>
    <row r="589157" spans="8:8">
      <c r="H589157" s="12"/>
    </row>
    <row r="589158" spans="8:8">
      <c r="H589158" s="12"/>
    </row>
    <row r="589159" spans="8:8">
      <c r="H589159" s="12"/>
    </row>
    <row r="589160" spans="8:8">
      <c r="H589160" s="12"/>
    </row>
    <row r="589161" spans="8:8">
      <c r="H589161" s="12"/>
    </row>
    <row r="589162" spans="8:8">
      <c r="H589162" s="12"/>
    </row>
    <row r="589163" spans="8:8">
      <c r="H589163" s="12"/>
    </row>
    <row r="589164" spans="8:8">
      <c r="H589164" s="12"/>
    </row>
    <row r="589165" spans="8:8">
      <c r="H589165" s="12"/>
    </row>
    <row r="589166" spans="8:8">
      <c r="H589166" s="12"/>
    </row>
    <row r="589167" spans="8:8">
      <c r="H589167" s="12"/>
    </row>
    <row r="589168" spans="8:8">
      <c r="H589168" s="12"/>
    </row>
    <row r="589169" spans="8:8">
      <c r="H589169" s="12"/>
    </row>
    <row r="589170" spans="8:8">
      <c r="H589170" s="12"/>
    </row>
    <row r="589171" spans="8:8">
      <c r="H589171" s="12"/>
    </row>
    <row r="589172" spans="8:8">
      <c r="H589172" s="12"/>
    </row>
    <row r="589173" spans="8:8">
      <c r="H589173" s="12"/>
    </row>
    <row r="589174" spans="8:8">
      <c r="H589174" s="12"/>
    </row>
    <row r="589175" spans="8:8">
      <c r="H589175" s="12"/>
    </row>
    <row r="589176" spans="8:8">
      <c r="H589176" s="12"/>
    </row>
    <row r="589177" spans="8:8">
      <c r="H589177" s="12"/>
    </row>
    <row r="589178" spans="8:8">
      <c r="H589178" s="12"/>
    </row>
    <row r="589179" spans="8:8">
      <c r="H589179" s="12"/>
    </row>
    <row r="589180" spans="8:8">
      <c r="H589180" s="12"/>
    </row>
    <row r="589181" spans="8:8">
      <c r="H589181" s="12"/>
    </row>
    <row r="589182" spans="8:8">
      <c r="H589182" s="12"/>
    </row>
    <row r="589183" spans="8:8">
      <c r="H589183" s="12"/>
    </row>
    <row r="589184" spans="8:8">
      <c r="H589184" s="12"/>
    </row>
    <row r="589185" spans="8:8">
      <c r="H589185" s="12"/>
    </row>
    <row r="589186" spans="8:8">
      <c r="H589186" s="12"/>
    </row>
    <row r="589187" spans="8:8">
      <c r="H589187" s="12"/>
    </row>
    <row r="589188" spans="8:8">
      <c r="H589188" s="12"/>
    </row>
    <row r="589189" spans="8:8">
      <c r="H589189" s="12"/>
    </row>
    <row r="589190" spans="8:8">
      <c r="H589190" s="12"/>
    </row>
    <row r="589191" spans="8:8">
      <c r="H589191" s="12"/>
    </row>
    <row r="589192" spans="8:8">
      <c r="H589192" s="12"/>
    </row>
    <row r="589193" spans="8:8">
      <c r="H589193" s="12"/>
    </row>
    <row r="589194" spans="8:8">
      <c r="H589194" s="12"/>
    </row>
    <row r="589195" spans="8:8">
      <c r="H589195" s="12"/>
    </row>
    <row r="589196" spans="8:8">
      <c r="H589196" s="12"/>
    </row>
    <row r="589197" spans="8:8">
      <c r="H589197" s="12"/>
    </row>
    <row r="589198" spans="8:8">
      <c r="H589198" s="12"/>
    </row>
    <row r="589199" spans="8:8">
      <c r="H589199" s="12"/>
    </row>
    <row r="589200" spans="8:8">
      <c r="H589200" s="12"/>
    </row>
    <row r="589201" spans="8:8">
      <c r="H589201" s="12"/>
    </row>
    <row r="589202" spans="8:8">
      <c r="H589202" s="12"/>
    </row>
    <row r="589203" spans="8:8">
      <c r="H589203" s="12"/>
    </row>
    <row r="589204" spans="8:8">
      <c r="H589204" s="12"/>
    </row>
    <row r="589205" spans="8:8">
      <c r="H589205" s="12"/>
    </row>
    <row r="589206" spans="8:8">
      <c r="H589206" s="12"/>
    </row>
    <row r="589207" spans="8:8">
      <c r="H589207" s="12"/>
    </row>
    <row r="589208" spans="8:8">
      <c r="H589208" s="12"/>
    </row>
    <row r="589209" spans="8:8">
      <c r="H589209" s="12"/>
    </row>
    <row r="589210" spans="8:8">
      <c r="H589210" s="12"/>
    </row>
    <row r="589211" spans="8:8">
      <c r="H589211" s="12"/>
    </row>
    <row r="589212" spans="8:8">
      <c r="H589212" s="12"/>
    </row>
    <row r="589213" spans="8:8">
      <c r="H589213" s="12"/>
    </row>
    <row r="589214" spans="8:8">
      <c r="H589214" s="12"/>
    </row>
    <row r="589215" spans="8:8">
      <c r="H589215" s="12"/>
    </row>
    <row r="589216" spans="8:8">
      <c r="H589216" s="12"/>
    </row>
    <row r="589217" spans="8:8">
      <c r="H589217" s="12"/>
    </row>
    <row r="589218" spans="8:8">
      <c r="H589218" s="12"/>
    </row>
    <row r="589219" spans="8:8">
      <c r="H589219" s="12"/>
    </row>
    <row r="589220" spans="8:8">
      <c r="H589220" s="12"/>
    </row>
    <row r="589221" spans="8:8">
      <c r="H589221" s="12"/>
    </row>
    <row r="589222" spans="8:8">
      <c r="H589222" s="12"/>
    </row>
    <row r="589223" spans="8:8">
      <c r="H589223" s="12"/>
    </row>
    <row r="589224" spans="8:8">
      <c r="H589224" s="12"/>
    </row>
    <row r="589225" spans="8:8">
      <c r="H589225" s="12"/>
    </row>
    <row r="589226" spans="8:8">
      <c r="H589226" s="12"/>
    </row>
    <row r="589227" spans="8:8">
      <c r="H589227" s="12"/>
    </row>
    <row r="589228" spans="8:8">
      <c r="H589228" s="12"/>
    </row>
    <row r="589229" spans="8:8">
      <c r="H589229" s="12"/>
    </row>
    <row r="589230" spans="8:8">
      <c r="H589230" s="12"/>
    </row>
    <row r="589231" spans="8:8">
      <c r="H589231" s="12"/>
    </row>
    <row r="589232" spans="8:8">
      <c r="H589232" s="12"/>
    </row>
    <row r="589233" spans="8:8">
      <c r="H589233" s="12"/>
    </row>
    <row r="589234" spans="8:8">
      <c r="H589234" s="12"/>
    </row>
    <row r="589235" spans="8:8">
      <c r="H589235" s="12"/>
    </row>
    <row r="589236" spans="8:8">
      <c r="H589236" s="12"/>
    </row>
    <row r="589237" spans="8:8">
      <c r="H589237" s="12"/>
    </row>
    <row r="589238" spans="8:8">
      <c r="H589238" s="12"/>
    </row>
    <row r="589239" spans="8:8">
      <c r="H589239" s="12"/>
    </row>
    <row r="589240" spans="8:8">
      <c r="H589240" s="12"/>
    </row>
    <row r="589241" spans="8:8">
      <c r="H589241" s="12"/>
    </row>
    <row r="589242" spans="8:8">
      <c r="H589242" s="12"/>
    </row>
    <row r="589243" spans="8:8">
      <c r="H589243" s="12"/>
    </row>
    <row r="589244" spans="8:8">
      <c r="H589244" s="12"/>
    </row>
    <row r="589245" spans="8:8">
      <c r="H589245" s="12"/>
    </row>
    <row r="589246" spans="8:8">
      <c r="H589246" s="12"/>
    </row>
    <row r="589247" spans="8:8">
      <c r="H589247" s="12"/>
    </row>
    <row r="589248" spans="8:8">
      <c r="H589248" s="12"/>
    </row>
    <row r="589249" spans="8:8">
      <c r="H589249" s="12"/>
    </row>
    <row r="589250" spans="8:8">
      <c r="H589250" s="12"/>
    </row>
    <row r="589251" spans="8:8">
      <c r="H589251" s="12"/>
    </row>
    <row r="589252" spans="8:8">
      <c r="H589252" s="12"/>
    </row>
    <row r="589253" spans="8:8">
      <c r="H589253" s="12"/>
    </row>
    <row r="589254" spans="8:8">
      <c r="H589254" s="12"/>
    </row>
    <row r="589255" spans="8:8">
      <c r="H589255" s="12"/>
    </row>
    <row r="589256" spans="8:8">
      <c r="H589256" s="12"/>
    </row>
    <row r="589257" spans="8:8">
      <c r="H589257" s="12"/>
    </row>
    <row r="589258" spans="8:8">
      <c r="H589258" s="12"/>
    </row>
    <row r="589259" spans="8:8">
      <c r="H589259" s="12"/>
    </row>
    <row r="589260" spans="8:8">
      <c r="H589260" s="12"/>
    </row>
    <row r="589261" spans="8:8">
      <c r="H589261" s="12"/>
    </row>
    <row r="589262" spans="8:8">
      <c r="H589262" s="12"/>
    </row>
    <row r="589263" spans="8:8">
      <c r="H589263" s="12"/>
    </row>
    <row r="589264" spans="8:8">
      <c r="H589264" s="12"/>
    </row>
    <row r="589265" spans="8:8">
      <c r="H589265" s="12"/>
    </row>
    <row r="589266" spans="8:8">
      <c r="H589266" s="12"/>
    </row>
    <row r="589267" spans="8:8">
      <c r="H589267" s="12"/>
    </row>
    <row r="589268" spans="8:8">
      <c r="H589268" s="12"/>
    </row>
    <row r="589269" spans="8:8">
      <c r="H589269" s="12"/>
    </row>
    <row r="589270" spans="8:8">
      <c r="H589270" s="12"/>
    </row>
    <row r="589271" spans="8:8">
      <c r="H589271" s="12"/>
    </row>
    <row r="589272" spans="8:8">
      <c r="H589272" s="12"/>
    </row>
    <row r="589273" spans="8:8">
      <c r="H589273" s="12"/>
    </row>
    <row r="589274" spans="8:8">
      <c r="H589274" s="12"/>
    </row>
    <row r="589275" spans="8:8">
      <c r="H589275" s="12"/>
    </row>
    <row r="589276" spans="8:8">
      <c r="H589276" s="12"/>
    </row>
    <row r="589277" spans="8:8">
      <c r="H589277" s="12"/>
    </row>
    <row r="589278" spans="8:8">
      <c r="H589278" s="12"/>
    </row>
    <row r="589279" spans="8:8">
      <c r="H589279" s="12"/>
    </row>
    <row r="589280" spans="8:8">
      <c r="H589280" s="12"/>
    </row>
    <row r="589281" spans="8:8">
      <c r="H589281" s="12"/>
    </row>
    <row r="589282" spans="8:8">
      <c r="H589282" s="12"/>
    </row>
    <row r="589283" spans="8:8">
      <c r="H589283" s="12"/>
    </row>
    <row r="589284" spans="8:8">
      <c r="H589284" s="12"/>
    </row>
    <row r="589285" spans="8:8">
      <c r="H589285" s="12"/>
    </row>
    <row r="589286" spans="8:8">
      <c r="H589286" s="12"/>
    </row>
    <row r="589287" spans="8:8">
      <c r="H589287" s="12"/>
    </row>
    <row r="589288" spans="8:8">
      <c r="H589288" s="12"/>
    </row>
    <row r="589289" spans="8:8">
      <c r="H589289" s="12"/>
    </row>
    <row r="589290" spans="8:8">
      <c r="H589290" s="12"/>
    </row>
    <row r="589291" spans="8:8">
      <c r="H589291" s="12"/>
    </row>
    <row r="589292" spans="8:8">
      <c r="H589292" s="12"/>
    </row>
    <row r="589293" spans="8:8">
      <c r="H589293" s="12"/>
    </row>
    <row r="589294" spans="8:8">
      <c r="H589294" s="12"/>
    </row>
    <row r="589295" spans="8:8">
      <c r="H589295" s="12"/>
    </row>
    <row r="589296" spans="8:8">
      <c r="H589296" s="12"/>
    </row>
    <row r="589297" spans="8:8">
      <c r="H589297" s="12"/>
    </row>
    <row r="589298" spans="8:8">
      <c r="H589298" s="12"/>
    </row>
    <row r="589299" spans="8:8">
      <c r="H589299" s="12"/>
    </row>
    <row r="589300" spans="8:8">
      <c r="H589300" s="12"/>
    </row>
    <row r="589301" spans="8:8">
      <c r="H589301" s="12"/>
    </row>
    <row r="589302" spans="8:8">
      <c r="H589302" s="12"/>
    </row>
    <row r="589303" spans="8:8">
      <c r="H589303" s="12"/>
    </row>
    <row r="589304" spans="8:8">
      <c r="H589304" s="12"/>
    </row>
    <row r="589305" spans="8:8">
      <c r="H589305" s="12"/>
    </row>
    <row r="589306" spans="8:8">
      <c r="H589306" s="12"/>
    </row>
    <row r="589307" spans="8:8">
      <c r="H589307" s="12"/>
    </row>
    <row r="589308" spans="8:8">
      <c r="H589308" s="12"/>
    </row>
    <row r="589309" spans="8:8">
      <c r="H589309" s="12"/>
    </row>
    <row r="589310" spans="8:8">
      <c r="H589310" s="12"/>
    </row>
    <row r="589311" spans="8:8">
      <c r="H589311" s="12"/>
    </row>
    <row r="589312" spans="8:8">
      <c r="H589312" s="12"/>
    </row>
    <row r="589313" spans="8:8">
      <c r="H589313" s="12"/>
    </row>
    <row r="589314" spans="8:8">
      <c r="H589314" s="12"/>
    </row>
    <row r="589315" spans="8:8">
      <c r="H589315" s="12"/>
    </row>
    <row r="589316" spans="8:8">
      <c r="H589316" s="12"/>
    </row>
    <row r="589317" spans="8:8">
      <c r="H589317" s="12"/>
    </row>
    <row r="589318" spans="8:8">
      <c r="H589318" s="12"/>
    </row>
    <row r="589319" spans="8:8">
      <c r="H589319" s="12"/>
    </row>
    <row r="589320" spans="8:8">
      <c r="H589320" s="12"/>
    </row>
    <row r="589321" spans="8:8">
      <c r="H589321" s="12"/>
    </row>
    <row r="589322" spans="8:8">
      <c r="H589322" s="12"/>
    </row>
    <row r="589323" spans="8:8">
      <c r="H589323" s="12"/>
    </row>
    <row r="589324" spans="8:8">
      <c r="H589324" s="12"/>
    </row>
    <row r="589325" spans="8:8">
      <c r="H589325" s="12"/>
    </row>
    <row r="589326" spans="8:8">
      <c r="H589326" s="12"/>
    </row>
    <row r="589327" spans="8:8">
      <c r="H589327" s="12"/>
    </row>
    <row r="589328" spans="8:8">
      <c r="H589328" s="12"/>
    </row>
    <row r="589329" spans="8:8">
      <c r="H589329" s="12"/>
    </row>
    <row r="589330" spans="8:8">
      <c r="H589330" s="12"/>
    </row>
    <row r="589331" spans="8:8">
      <c r="H589331" s="12"/>
    </row>
    <row r="589332" spans="8:8">
      <c r="H589332" s="12"/>
    </row>
    <row r="589333" spans="8:8">
      <c r="H589333" s="12"/>
    </row>
    <row r="589334" spans="8:8">
      <c r="H589334" s="12"/>
    </row>
    <row r="589335" spans="8:8">
      <c r="H589335" s="12"/>
    </row>
    <row r="589336" spans="8:8">
      <c r="H589336" s="12"/>
    </row>
    <row r="589337" spans="8:8">
      <c r="H589337" s="12"/>
    </row>
    <row r="589338" spans="8:8">
      <c r="H589338" s="12"/>
    </row>
    <row r="589339" spans="8:8">
      <c r="H589339" s="12"/>
    </row>
    <row r="589340" spans="8:8">
      <c r="H589340" s="12"/>
    </row>
    <row r="589341" spans="8:8">
      <c r="H589341" s="12"/>
    </row>
    <row r="589342" spans="8:8">
      <c r="H589342" s="12"/>
    </row>
    <row r="589343" spans="8:8">
      <c r="H589343" s="12"/>
    </row>
    <row r="589344" spans="8:8">
      <c r="H589344" s="12"/>
    </row>
    <row r="589345" spans="8:8">
      <c r="H589345" s="12"/>
    </row>
    <row r="589346" spans="8:8">
      <c r="H589346" s="12"/>
    </row>
    <row r="589347" spans="8:8">
      <c r="H589347" s="12"/>
    </row>
    <row r="589348" spans="8:8">
      <c r="H589348" s="12"/>
    </row>
    <row r="589349" spans="8:8">
      <c r="H589349" s="12"/>
    </row>
    <row r="589350" spans="8:8">
      <c r="H589350" s="12"/>
    </row>
    <row r="589351" spans="8:8">
      <c r="H589351" s="12"/>
    </row>
    <row r="589352" spans="8:8">
      <c r="H589352" s="12"/>
    </row>
    <row r="589353" spans="8:8">
      <c r="H589353" s="12"/>
    </row>
    <row r="589354" spans="8:8">
      <c r="H589354" s="12"/>
    </row>
    <row r="589355" spans="8:8">
      <c r="H589355" s="12"/>
    </row>
    <row r="589356" spans="8:8">
      <c r="H589356" s="12"/>
    </row>
    <row r="589357" spans="8:8">
      <c r="H589357" s="12"/>
    </row>
    <row r="589358" spans="8:8">
      <c r="H589358" s="12"/>
    </row>
    <row r="589359" spans="8:8">
      <c r="H589359" s="12"/>
    </row>
    <row r="589360" spans="8:8">
      <c r="H589360" s="12"/>
    </row>
    <row r="589361" spans="8:8">
      <c r="H589361" s="12"/>
    </row>
    <row r="589362" spans="8:8">
      <c r="H589362" s="12"/>
    </row>
    <row r="589363" spans="8:8">
      <c r="H589363" s="12"/>
    </row>
    <row r="589364" spans="8:8">
      <c r="H589364" s="12"/>
    </row>
    <row r="589365" spans="8:8">
      <c r="H589365" s="12"/>
    </row>
    <row r="589366" spans="8:8">
      <c r="H589366" s="12"/>
    </row>
    <row r="589367" spans="8:8">
      <c r="H589367" s="12"/>
    </row>
    <row r="589368" spans="8:8">
      <c r="H589368" s="12"/>
    </row>
    <row r="589369" spans="8:8">
      <c r="H589369" s="12"/>
    </row>
    <row r="589370" spans="8:8">
      <c r="H589370" s="12"/>
    </row>
    <row r="589371" spans="8:8">
      <c r="H589371" s="12"/>
    </row>
    <row r="589372" spans="8:8">
      <c r="H589372" s="12"/>
    </row>
    <row r="589373" spans="8:8">
      <c r="H589373" s="12"/>
    </row>
    <row r="589374" spans="8:8">
      <c r="H589374" s="12"/>
    </row>
    <row r="589375" spans="8:8">
      <c r="H589375" s="12"/>
    </row>
    <row r="589376" spans="8:8">
      <c r="H589376" s="12"/>
    </row>
    <row r="589377" spans="8:8">
      <c r="H589377" s="12"/>
    </row>
    <row r="589378" spans="8:8">
      <c r="H589378" s="12"/>
    </row>
    <row r="589379" spans="8:8">
      <c r="H589379" s="12"/>
    </row>
    <row r="589380" spans="8:8">
      <c r="H589380" s="12"/>
    </row>
    <row r="589381" spans="8:8">
      <c r="H589381" s="12"/>
    </row>
    <row r="589382" spans="8:8">
      <c r="H589382" s="12"/>
    </row>
    <row r="589383" spans="8:8">
      <c r="H589383" s="12"/>
    </row>
    <row r="589384" spans="8:8">
      <c r="H589384" s="12"/>
    </row>
    <row r="589385" spans="8:8">
      <c r="H589385" s="12"/>
    </row>
    <row r="589386" spans="8:8">
      <c r="H589386" s="12"/>
    </row>
    <row r="589387" spans="8:8">
      <c r="H589387" s="12"/>
    </row>
    <row r="589388" spans="8:8">
      <c r="H589388" s="12"/>
    </row>
    <row r="589389" spans="8:8">
      <c r="H589389" s="12"/>
    </row>
    <row r="589390" spans="8:8">
      <c r="H589390" s="12"/>
    </row>
    <row r="589391" spans="8:8">
      <c r="H589391" s="12"/>
    </row>
    <row r="589392" spans="8:8">
      <c r="H589392" s="12"/>
    </row>
    <row r="589393" spans="8:8">
      <c r="H589393" s="12"/>
    </row>
    <row r="589394" spans="8:8">
      <c r="H589394" s="12"/>
    </row>
    <row r="589395" spans="8:8">
      <c r="H589395" s="12"/>
    </row>
    <row r="589396" spans="8:8">
      <c r="H589396" s="12"/>
    </row>
    <row r="589397" spans="8:8">
      <c r="H589397" s="12"/>
    </row>
    <row r="589398" spans="8:8">
      <c r="H589398" s="12"/>
    </row>
    <row r="589399" spans="8:8">
      <c r="H589399" s="12"/>
    </row>
    <row r="589400" spans="8:8">
      <c r="H589400" s="12"/>
    </row>
    <row r="589401" spans="8:8">
      <c r="H589401" s="12"/>
    </row>
    <row r="589402" spans="8:8">
      <c r="H589402" s="12"/>
    </row>
    <row r="589403" spans="8:8">
      <c r="H589403" s="12"/>
    </row>
    <row r="589404" spans="8:8">
      <c r="H589404" s="12"/>
    </row>
    <row r="589405" spans="8:8">
      <c r="H589405" s="12"/>
    </row>
    <row r="589406" spans="8:8">
      <c r="H589406" s="12"/>
    </row>
    <row r="589407" spans="8:8">
      <c r="H589407" s="12"/>
    </row>
    <row r="589408" spans="8:8">
      <c r="H589408" s="12"/>
    </row>
    <row r="589409" spans="8:8">
      <c r="H589409" s="12"/>
    </row>
    <row r="589410" spans="8:8">
      <c r="H589410" s="12"/>
    </row>
    <row r="589411" spans="8:8">
      <c r="H589411" s="12"/>
    </row>
    <row r="589412" spans="8:8">
      <c r="H589412" s="12"/>
    </row>
    <row r="589413" spans="8:8">
      <c r="H589413" s="12"/>
    </row>
    <row r="589414" spans="8:8">
      <c r="H589414" s="12"/>
    </row>
    <row r="589415" spans="8:8">
      <c r="H589415" s="12"/>
    </row>
    <row r="589416" spans="8:8">
      <c r="H589416" s="12"/>
    </row>
    <row r="589417" spans="8:8">
      <c r="H589417" s="12"/>
    </row>
    <row r="589418" spans="8:8">
      <c r="H589418" s="12"/>
    </row>
    <row r="589419" spans="8:8">
      <c r="H589419" s="12"/>
    </row>
    <row r="589420" spans="8:8">
      <c r="H589420" s="12"/>
    </row>
    <row r="589421" spans="8:8">
      <c r="H589421" s="12"/>
    </row>
    <row r="589422" spans="8:8">
      <c r="H589422" s="12"/>
    </row>
    <row r="589423" spans="8:8">
      <c r="H589423" s="12"/>
    </row>
    <row r="589424" spans="8:8">
      <c r="H589424" s="12"/>
    </row>
    <row r="589425" spans="8:8">
      <c r="H589425" s="12"/>
    </row>
    <row r="589426" spans="8:8">
      <c r="H589426" s="12"/>
    </row>
    <row r="589427" spans="8:8">
      <c r="H589427" s="12"/>
    </row>
    <row r="589428" spans="8:8">
      <c r="H589428" s="12"/>
    </row>
    <row r="589429" spans="8:8">
      <c r="H589429" s="12"/>
    </row>
    <row r="589430" spans="8:8">
      <c r="H589430" s="12"/>
    </row>
    <row r="589431" spans="8:8">
      <c r="H589431" s="12"/>
    </row>
    <row r="589432" spans="8:8">
      <c r="H589432" s="12"/>
    </row>
    <row r="589433" spans="8:8">
      <c r="H589433" s="12"/>
    </row>
    <row r="589434" spans="8:8">
      <c r="H589434" s="12"/>
    </row>
    <row r="589435" spans="8:8">
      <c r="H589435" s="12"/>
    </row>
    <row r="589436" spans="8:8">
      <c r="H589436" s="12"/>
    </row>
    <row r="589437" spans="8:8">
      <c r="H589437" s="12"/>
    </row>
    <row r="589438" spans="8:8">
      <c r="H589438" s="12"/>
    </row>
    <row r="589439" spans="8:8">
      <c r="H589439" s="12"/>
    </row>
    <row r="589440" spans="8:8">
      <c r="H589440" s="12"/>
    </row>
    <row r="589441" spans="8:8">
      <c r="H589441" s="12"/>
    </row>
    <row r="589442" spans="8:8">
      <c r="H589442" s="12"/>
    </row>
    <row r="589443" spans="8:8">
      <c r="H589443" s="12"/>
    </row>
    <row r="589444" spans="8:8">
      <c r="H589444" s="12"/>
    </row>
    <row r="589445" spans="8:8">
      <c r="H589445" s="12"/>
    </row>
    <row r="589446" spans="8:8">
      <c r="H589446" s="12"/>
    </row>
    <row r="589447" spans="8:8">
      <c r="H589447" s="12"/>
    </row>
    <row r="589448" spans="8:8">
      <c r="H589448" s="12"/>
    </row>
    <row r="589449" spans="8:8">
      <c r="H589449" s="12"/>
    </row>
    <row r="589450" spans="8:8">
      <c r="H589450" s="12"/>
    </row>
    <row r="589451" spans="8:8">
      <c r="H589451" s="12"/>
    </row>
    <row r="589452" spans="8:8">
      <c r="H589452" s="12"/>
    </row>
    <row r="589453" spans="8:8">
      <c r="H589453" s="12"/>
    </row>
    <row r="589454" spans="8:8">
      <c r="H589454" s="12"/>
    </row>
    <row r="589455" spans="8:8">
      <c r="H589455" s="12"/>
    </row>
    <row r="589456" spans="8:8">
      <c r="H589456" s="12"/>
    </row>
    <row r="589457" spans="8:8">
      <c r="H589457" s="12"/>
    </row>
    <row r="589458" spans="8:8">
      <c r="H589458" s="12"/>
    </row>
    <row r="589459" spans="8:8">
      <c r="H589459" s="12"/>
    </row>
    <row r="589460" spans="8:8">
      <c r="H589460" s="12"/>
    </row>
    <row r="589461" spans="8:8">
      <c r="H589461" s="12"/>
    </row>
    <row r="589462" spans="8:8">
      <c r="H589462" s="12"/>
    </row>
    <row r="589463" spans="8:8">
      <c r="H589463" s="12"/>
    </row>
    <row r="589464" spans="8:8">
      <c r="H589464" s="12"/>
    </row>
    <row r="589465" spans="8:8">
      <c r="H589465" s="12"/>
    </row>
    <row r="589466" spans="8:8">
      <c r="H589466" s="12"/>
    </row>
    <row r="589467" spans="8:8">
      <c r="H589467" s="12"/>
    </row>
    <row r="589468" spans="8:8">
      <c r="H589468" s="12"/>
    </row>
    <row r="589469" spans="8:8">
      <c r="H589469" s="12"/>
    </row>
    <row r="589470" spans="8:8">
      <c r="H589470" s="12"/>
    </row>
    <row r="589471" spans="8:8">
      <c r="H589471" s="12"/>
    </row>
    <row r="589472" spans="8:8">
      <c r="H589472" s="12"/>
    </row>
    <row r="589473" spans="8:8">
      <c r="H589473" s="12"/>
    </row>
    <row r="589474" spans="8:8">
      <c r="H589474" s="12"/>
    </row>
    <row r="589475" spans="8:8">
      <c r="H589475" s="12"/>
    </row>
    <row r="589476" spans="8:8">
      <c r="H589476" s="12"/>
    </row>
    <row r="589477" spans="8:8">
      <c r="H589477" s="12"/>
    </row>
    <row r="589478" spans="8:8">
      <c r="H589478" s="12"/>
    </row>
    <row r="589479" spans="8:8">
      <c r="H589479" s="12"/>
    </row>
    <row r="589480" spans="8:8">
      <c r="H589480" s="12"/>
    </row>
    <row r="589481" spans="8:8">
      <c r="H589481" s="12"/>
    </row>
    <row r="589482" spans="8:8">
      <c r="H589482" s="12"/>
    </row>
    <row r="589483" spans="8:8">
      <c r="H589483" s="12"/>
    </row>
    <row r="589484" spans="8:8">
      <c r="H589484" s="12"/>
    </row>
    <row r="589485" spans="8:8">
      <c r="H589485" s="12"/>
    </row>
    <row r="589486" spans="8:8">
      <c r="H589486" s="12"/>
    </row>
    <row r="589487" spans="8:8">
      <c r="H589487" s="12"/>
    </row>
    <row r="589488" spans="8:8">
      <c r="H589488" s="12"/>
    </row>
    <row r="589489" spans="8:8">
      <c r="H589489" s="12"/>
    </row>
    <row r="589490" spans="8:8">
      <c r="H589490" s="12"/>
    </row>
    <row r="589491" spans="8:8">
      <c r="H589491" s="12"/>
    </row>
    <row r="589492" spans="8:8">
      <c r="H589492" s="12"/>
    </row>
    <row r="589493" spans="8:8">
      <c r="H589493" s="12"/>
    </row>
    <row r="589494" spans="8:8">
      <c r="H589494" s="12"/>
    </row>
    <row r="589495" spans="8:8">
      <c r="H589495" s="12"/>
    </row>
    <row r="589496" spans="8:8">
      <c r="H589496" s="12"/>
    </row>
    <row r="589497" spans="8:8">
      <c r="H589497" s="12"/>
    </row>
    <row r="589498" spans="8:8">
      <c r="H589498" s="12"/>
    </row>
    <row r="589499" spans="8:8">
      <c r="H589499" s="12"/>
    </row>
    <row r="589500" spans="8:8">
      <c r="H589500" s="12"/>
    </row>
    <row r="589501" spans="8:8">
      <c r="H589501" s="12"/>
    </row>
    <row r="589502" spans="8:8">
      <c r="H589502" s="12"/>
    </row>
    <row r="589503" spans="8:8">
      <c r="H589503" s="12"/>
    </row>
    <row r="589504" spans="8:8">
      <c r="H589504" s="12"/>
    </row>
    <row r="589505" spans="8:8">
      <c r="H589505" s="12"/>
    </row>
    <row r="589506" spans="8:8">
      <c r="H589506" s="12"/>
    </row>
    <row r="589507" spans="8:8">
      <c r="H589507" s="12"/>
    </row>
    <row r="589508" spans="8:8">
      <c r="H589508" s="12"/>
    </row>
    <row r="589509" spans="8:8">
      <c r="H589509" s="12"/>
    </row>
    <row r="589510" spans="8:8">
      <c r="H589510" s="12"/>
    </row>
    <row r="589511" spans="8:8">
      <c r="H589511" s="12"/>
    </row>
    <row r="589512" spans="8:8">
      <c r="H589512" s="12"/>
    </row>
    <row r="589513" spans="8:8">
      <c r="H589513" s="12"/>
    </row>
    <row r="589514" spans="8:8">
      <c r="H589514" s="12"/>
    </row>
    <row r="589515" spans="8:8">
      <c r="H589515" s="12"/>
    </row>
    <row r="589516" spans="8:8">
      <c r="H589516" s="12"/>
    </row>
    <row r="589517" spans="8:8">
      <c r="H589517" s="12"/>
    </row>
    <row r="589518" spans="8:8">
      <c r="H589518" s="12"/>
    </row>
    <row r="589519" spans="8:8">
      <c r="H589519" s="12"/>
    </row>
    <row r="589520" spans="8:8">
      <c r="H589520" s="12"/>
    </row>
    <row r="589521" spans="8:8">
      <c r="H589521" s="12"/>
    </row>
    <row r="589522" spans="8:8">
      <c r="H589522" s="12"/>
    </row>
    <row r="589523" spans="8:8">
      <c r="H589523" s="12"/>
    </row>
    <row r="589524" spans="8:8">
      <c r="H589524" s="12"/>
    </row>
    <row r="589525" spans="8:8">
      <c r="H589525" s="12"/>
    </row>
    <row r="589526" spans="8:8">
      <c r="H589526" s="12"/>
    </row>
    <row r="589527" spans="8:8">
      <c r="H589527" s="12"/>
    </row>
    <row r="589528" spans="8:8">
      <c r="H589528" s="12"/>
    </row>
    <row r="589529" spans="8:8">
      <c r="H589529" s="12"/>
    </row>
    <row r="589530" spans="8:8">
      <c r="H589530" s="12"/>
    </row>
    <row r="589531" spans="8:8">
      <c r="H589531" s="12"/>
    </row>
    <row r="589532" spans="8:8">
      <c r="H589532" s="12"/>
    </row>
    <row r="589533" spans="8:8">
      <c r="H589533" s="12"/>
    </row>
    <row r="589534" spans="8:8">
      <c r="H589534" s="12"/>
    </row>
    <row r="589535" spans="8:8">
      <c r="H589535" s="12"/>
    </row>
    <row r="589536" spans="8:8">
      <c r="H589536" s="12"/>
    </row>
    <row r="589537" spans="8:8">
      <c r="H589537" s="12"/>
    </row>
    <row r="589538" spans="8:8">
      <c r="H589538" s="12"/>
    </row>
    <row r="589539" spans="8:8">
      <c r="H589539" s="12"/>
    </row>
    <row r="589540" spans="8:8">
      <c r="H589540" s="12"/>
    </row>
    <row r="589541" spans="8:8">
      <c r="H589541" s="12"/>
    </row>
    <row r="589542" spans="8:8">
      <c r="H589542" s="12"/>
    </row>
    <row r="589543" spans="8:8">
      <c r="H589543" s="12"/>
    </row>
    <row r="589544" spans="8:8">
      <c r="H589544" s="12"/>
    </row>
    <row r="589545" spans="8:8">
      <c r="H589545" s="12"/>
    </row>
    <row r="589546" spans="8:8">
      <c r="H589546" s="12"/>
    </row>
    <row r="589547" spans="8:8">
      <c r="H589547" s="12"/>
    </row>
    <row r="589548" spans="8:8">
      <c r="H589548" s="12"/>
    </row>
    <row r="589549" spans="8:8">
      <c r="H589549" s="12"/>
    </row>
    <row r="589550" spans="8:8">
      <c r="H589550" s="12"/>
    </row>
    <row r="589551" spans="8:8">
      <c r="H589551" s="12"/>
    </row>
    <row r="589552" spans="8:8">
      <c r="H589552" s="12"/>
    </row>
    <row r="589553" spans="8:8">
      <c r="H589553" s="12"/>
    </row>
    <row r="589554" spans="8:8">
      <c r="H589554" s="12"/>
    </row>
    <row r="589555" spans="8:8">
      <c r="H589555" s="12"/>
    </row>
    <row r="589556" spans="8:8">
      <c r="H589556" s="12"/>
    </row>
    <row r="589557" spans="8:8">
      <c r="H589557" s="12"/>
    </row>
    <row r="589558" spans="8:8">
      <c r="H589558" s="12"/>
    </row>
    <row r="589559" spans="8:8">
      <c r="H589559" s="12"/>
    </row>
    <row r="589560" spans="8:8">
      <c r="H589560" s="12"/>
    </row>
    <row r="589561" spans="8:8">
      <c r="H589561" s="12"/>
    </row>
    <row r="589562" spans="8:8">
      <c r="H589562" s="12"/>
    </row>
    <row r="589563" spans="8:8">
      <c r="H589563" s="12"/>
    </row>
    <row r="589564" spans="8:8">
      <c r="H589564" s="12"/>
    </row>
    <row r="589565" spans="8:8">
      <c r="H589565" s="12"/>
    </row>
    <row r="589566" spans="8:8">
      <c r="H589566" s="12"/>
    </row>
    <row r="589567" spans="8:8">
      <c r="H589567" s="12"/>
    </row>
    <row r="589568" spans="8:8">
      <c r="H589568" s="12"/>
    </row>
    <row r="589569" spans="8:8">
      <c r="H589569" s="12"/>
    </row>
    <row r="589570" spans="8:8">
      <c r="H589570" s="12"/>
    </row>
    <row r="589571" spans="8:8">
      <c r="H589571" s="12"/>
    </row>
    <row r="589572" spans="8:8">
      <c r="H589572" s="12"/>
    </row>
    <row r="589573" spans="8:8">
      <c r="H589573" s="12"/>
    </row>
    <row r="589574" spans="8:8">
      <c r="H589574" s="12"/>
    </row>
    <row r="589575" spans="8:8">
      <c r="H589575" s="12"/>
    </row>
    <row r="589576" spans="8:8">
      <c r="H589576" s="12"/>
    </row>
    <row r="589577" spans="8:8">
      <c r="H589577" s="12"/>
    </row>
    <row r="589578" spans="8:8">
      <c r="H589578" s="12"/>
    </row>
    <row r="589579" spans="8:8">
      <c r="H589579" s="12"/>
    </row>
    <row r="589580" spans="8:8">
      <c r="H589580" s="12"/>
    </row>
    <row r="589581" spans="8:8">
      <c r="H589581" s="12"/>
    </row>
    <row r="589582" spans="8:8">
      <c r="H589582" s="12"/>
    </row>
    <row r="589583" spans="8:8">
      <c r="H589583" s="12"/>
    </row>
    <row r="589584" spans="8:8">
      <c r="H589584" s="12"/>
    </row>
    <row r="589585" spans="8:8">
      <c r="H589585" s="12"/>
    </row>
    <row r="589586" spans="8:8">
      <c r="H589586" s="12"/>
    </row>
    <row r="589587" spans="8:8">
      <c r="H589587" s="12"/>
    </row>
    <row r="589588" spans="8:8">
      <c r="H589588" s="12"/>
    </row>
    <row r="589589" spans="8:8">
      <c r="H589589" s="12"/>
    </row>
    <row r="589590" spans="8:8">
      <c r="H589590" s="12"/>
    </row>
    <row r="589591" spans="8:8">
      <c r="H589591" s="12"/>
    </row>
    <row r="589592" spans="8:8">
      <c r="H589592" s="12"/>
    </row>
    <row r="589593" spans="8:8">
      <c r="H589593" s="12"/>
    </row>
    <row r="589594" spans="8:8">
      <c r="H589594" s="12"/>
    </row>
    <row r="589595" spans="8:8">
      <c r="H589595" s="12"/>
    </row>
    <row r="589596" spans="8:8">
      <c r="H589596" s="12"/>
    </row>
    <row r="589597" spans="8:8">
      <c r="H589597" s="12"/>
    </row>
    <row r="589598" spans="8:8">
      <c r="H589598" s="12"/>
    </row>
    <row r="589599" spans="8:8">
      <c r="H589599" s="12"/>
    </row>
    <row r="589600" spans="8:8">
      <c r="H589600" s="12"/>
    </row>
    <row r="589601" spans="8:8">
      <c r="H589601" s="12"/>
    </row>
    <row r="589602" spans="8:8">
      <c r="H589602" s="12"/>
    </row>
    <row r="589603" spans="8:8">
      <c r="H589603" s="12"/>
    </row>
    <row r="589604" spans="8:8">
      <c r="H589604" s="12"/>
    </row>
    <row r="589605" spans="8:8">
      <c r="H589605" s="12"/>
    </row>
    <row r="589606" spans="8:8">
      <c r="H589606" s="12"/>
    </row>
    <row r="589607" spans="8:8">
      <c r="H589607" s="12"/>
    </row>
    <row r="589608" spans="8:8">
      <c r="H589608" s="12"/>
    </row>
    <row r="589609" spans="8:8">
      <c r="H589609" s="12"/>
    </row>
    <row r="589610" spans="8:8">
      <c r="H589610" s="12"/>
    </row>
    <row r="589611" spans="8:8">
      <c r="H589611" s="12"/>
    </row>
    <row r="589612" spans="8:8">
      <c r="H589612" s="12"/>
    </row>
    <row r="589613" spans="8:8">
      <c r="H589613" s="12"/>
    </row>
    <row r="589614" spans="8:8">
      <c r="H589614" s="12"/>
    </row>
    <row r="589615" spans="8:8">
      <c r="H589615" s="12"/>
    </row>
    <row r="589616" spans="8:8">
      <c r="H589616" s="12"/>
    </row>
    <row r="589617" spans="8:8">
      <c r="H589617" s="12"/>
    </row>
    <row r="589618" spans="8:8">
      <c r="H589618" s="12"/>
    </row>
    <row r="589619" spans="8:8">
      <c r="H589619" s="12"/>
    </row>
    <row r="589620" spans="8:8">
      <c r="H589620" s="12"/>
    </row>
    <row r="589621" spans="8:8">
      <c r="H589621" s="12"/>
    </row>
    <row r="589622" spans="8:8">
      <c r="H589622" s="12"/>
    </row>
    <row r="589623" spans="8:8">
      <c r="H589623" s="12"/>
    </row>
    <row r="589624" spans="8:8">
      <c r="H589624" s="12"/>
    </row>
    <row r="589625" spans="8:8">
      <c r="H589625" s="12"/>
    </row>
    <row r="589626" spans="8:8">
      <c r="H589626" s="12"/>
    </row>
    <row r="589627" spans="8:8">
      <c r="H589627" s="12"/>
    </row>
    <row r="589628" spans="8:8">
      <c r="H589628" s="12"/>
    </row>
    <row r="589629" spans="8:8">
      <c r="H589629" s="12"/>
    </row>
    <row r="589630" spans="8:8">
      <c r="H589630" s="12"/>
    </row>
    <row r="589631" spans="8:8">
      <c r="H589631" s="12"/>
    </row>
    <row r="589632" spans="8:8">
      <c r="H589632" s="12"/>
    </row>
    <row r="589633" spans="8:8">
      <c r="H589633" s="12"/>
    </row>
    <row r="589634" spans="8:8">
      <c r="H589634" s="12"/>
    </row>
    <row r="589635" spans="8:8">
      <c r="H589635" s="12"/>
    </row>
    <row r="589636" spans="8:8">
      <c r="H589636" s="12"/>
    </row>
    <row r="589637" spans="8:8">
      <c r="H589637" s="12"/>
    </row>
    <row r="589638" spans="8:8">
      <c r="H589638" s="12"/>
    </row>
    <row r="589639" spans="8:8">
      <c r="H589639" s="12"/>
    </row>
    <row r="589640" spans="8:8">
      <c r="H589640" s="12"/>
    </row>
    <row r="589641" spans="8:8">
      <c r="H589641" s="12"/>
    </row>
    <row r="589642" spans="8:8">
      <c r="H589642" s="12"/>
    </row>
    <row r="589643" spans="8:8">
      <c r="H589643" s="12"/>
    </row>
    <row r="589644" spans="8:8">
      <c r="H589644" s="12"/>
    </row>
    <row r="589645" spans="8:8">
      <c r="H589645" s="12"/>
    </row>
    <row r="589646" spans="8:8">
      <c r="H589646" s="12"/>
    </row>
    <row r="589647" spans="8:8">
      <c r="H589647" s="12"/>
    </row>
    <row r="589648" spans="8:8">
      <c r="H589648" s="12"/>
    </row>
    <row r="589649" spans="8:8">
      <c r="H589649" s="12"/>
    </row>
    <row r="589650" spans="8:8">
      <c r="H589650" s="12"/>
    </row>
    <row r="589651" spans="8:8">
      <c r="H589651" s="12"/>
    </row>
    <row r="589652" spans="8:8">
      <c r="H589652" s="12"/>
    </row>
    <row r="589653" spans="8:8">
      <c r="H589653" s="12"/>
    </row>
    <row r="589654" spans="8:8">
      <c r="H589654" s="12"/>
    </row>
    <row r="589655" spans="8:8">
      <c r="H589655" s="12"/>
    </row>
    <row r="589656" spans="8:8">
      <c r="H589656" s="12"/>
    </row>
    <row r="589657" spans="8:8">
      <c r="H589657" s="12"/>
    </row>
    <row r="589658" spans="8:8">
      <c r="H589658" s="12"/>
    </row>
    <row r="589659" spans="8:8">
      <c r="H589659" s="12"/>
    </row>
    <row r="589660" spans="8:8">
      <c r="H589660" s="12"/>
    </row>
    <row r="589661" spans="8:8">
      <c r="H589661" s="12"/>
    </row>
    <row r="589662" spans="8:8">
      <c r="H589662" s="12"/>
    </row>
    <row r="589663" spans="8:8">
      <c r="H589663" s="12"/>
    </row>
    <row r="589664" spans="8:8">
      <c r="H589664" s="12"/>
    </row>
    <row r="589665" spans="8:8">
      <c r="H589665" s="12"/>
    </row>
    <row r="589666" spans="8:8">
      <c r="H589666" s="12"/>
    </row>
    <row r="589667" spans="8:8">
      <c r="H589667" s="12"/>
    </row>
    <row r="589668" spans="8:8">
      <c r="H589668" s="12"/>
    </row>
    <row r="589669" spans="8:8">
      <c r="H589669" s="12"/>
    </row>
    <row r="589670" spans="8:8">
      <c r="H589670" s="12"/>
    </row>
    <row r="589671" spans="8:8">
      <c r="H589671" s="12"/>
    </row>
    <row r="589672" spans="8:8">
      <c r="H589672" s="12"/>
    </row>
    <row r="589673" spans="8:8">
      <c r="H589673" s="12"/>
    </row>
    <row r="589674" spans="8:8">
      <c r="H589674" s="12"/>
    </row>
    <row r="589675" spans="8:8">
      <c r="H589675" s="12"/>
    </row>
    <row r="589676" spans="8:8">
      <c r="H589676" s="12"/>
    </row>
    <row r="589677" spans="8:8">
      <c r="H589677" s="12"/>
    </row>
    <row r="589678" spans="8:8">
      <c r="H589678" s="12"/>
    </row>
    <row r="589679" spans="8:8">
      <c r="H589679" s="12"/>
    </row>
    <row r="589680" spans="8:8">
      <c r="H589680" s="12"/>
    </row>
    <row r="589681" spans="8:8">
      <c r="H589681" s="12"/>
    </row>
    <row r="589682" spans="8:8">
      <c r="H589682" s="12"/>
    </row>
    <row r="589683" spans="8:8">
      <c r="H589683" s="12"/>
    </row>
    <row r="589684" spans="8:8">
      <c r="H589684" s="12"/>
    </row>
    <row r="589685" spans="8:8">
      <c r="H589685" s="12"/>
    </row>
    <row r="589686" spans="8:8">
      <c r="H589686" s="12"/>
    </row>
    <row r="589687" spans="8:8">
      <c r="H589687" s="12"/>
    </row>
    <row r="589688" spans="8:8">
      <c r="H589688" s="12"/>
    </row>
    <row r="589689" spans="8:8">
      <c r="H589689" s="12"/>
    </row>
    <row r="589690" spans="8:8">
      <c r="H589690" s="12"/>
    </row>
    <row r="589691" spans="8:8">
      <c r="H589691" s="12"/>
    </row>
    <row r="589692" spans="8:8">
      <c r="H589692" s="12"/>
    </row>
    <row r="589693" spans="8:8">
      <c r="H589693" s="12"/>
    </row>
    <row r="589694" spans="8:8">
      <c r="H589694" s="12"/>
    </row>
    <row r="589695" spans="8:8">
      <c r="H589695" s="12"/>
    </row>
    <row r="589696" spans="8:8">
      <c r="H589696" s="12"/>
    </row>
    <row r="589697" spans="8:8">
      <c r="H589697" s="12"/>
    </row>
    <row r="589698" spans="8:8">
      <c r="H589698" s="12"/>
    </row>
    <row r="589699" spans="8:8">
      <c r="H589699" s="12"/>
    </row>
    <row r="589700" spans="8:8">
      <c r="H589700" s="12"/>
    </row>
    <row r="589701" spans="8:8">
      <c r="H589701" s="12"/>
    </row>
    <row r="589702" spans="8:8">
      <c r="H589702" s="12"/>
    </row>
    <row r="589703" spans="8:8">
      <c r="H589703" s="12"/>
    </row>
    <row r="589704" spans="8:8">
      <c r="H589704" s="12"/>
    </row>
    <row r="589705" spans="8:8">
      <c r="H589705" s="12"/>
    </row>
    <row r="589706" spans="8:8">
      <c r="H589706" s="12"/>
    </row>
    <row r="589707" spans="8:8">
      <c r="H589707" s="12"/>
    </row>
    <row r="589708" spans="8:8">
      <c r="H589708" s="12"/>
    </row>
    <row r="589709" spans="8:8">
      <c r="H589709" s="12"/>
    </row>
    <row r="589710" spans="8:8">
      <c r="H589710" s="12"/>
    </row>
    <row r="589711" spans="8:8">
      <c r="H589711" s="12"/>
    </row>
    <row r="589712" spans="8:8">
      <c r="H589712" s="12"/>
    </row>
    <row r="589713" spans="8:8">
      <c r="H589713" s="12"/>
    </row>
    <row r="589714" spans="8:8">
      <c r="H589714" s="12"/>
    </row>
    <row r="589715" spans="8:8">
      <c r="H589715" s="12"/>
    </row>
    <row r="589716" spans="8:8">
      <c r="H589716" s="12"/>
    </row>
    <row r="589717" spans="8:8">
      <c r="H589717" s="12"/>
    </row>
    <row r="589718" spans="8:8">
      <c r="H589718" s="12"/>
    </row>
    <row r="589719" spans="8:8">
      <c r="H589719" s="12"/>
    </row>
    <row r="589720" spans="8:8">
      <c r="H589720" s="12"/>
    </row>
    <row r="589721" spans="8:8">
      <c r="H589721" s="12"/>
    </row>
    <row r="589722" spans="8:8">
      <c r="H589722" s="12"/>
    </row>
    <row r="589723" spans="8:8">
      <c r="H589723" s="12"/>
    </row>
    <row r="589724" spans="8:8">
      <c r="H589724" s="12"/>
    </row>
    <row r="589725" spans="8:8">
      <c r="H589725" s="12"/>
    </row>
    <row r="589726" spans="8:8">
      <c r="H589726" s="12"/>
    </row>
    <row r="589727" spans="8:8">
      <c r="H589727" s="12"/>
    </row>
    <row r="589728" spans="8:8">
      <c r="H589728" s="12"/>
    </row>
    <row r="589729" spans="8:8">
      <c r="H589729" s="12"/>
    </row>
    <row r="589730" spans="8:8">
      <c r="H589730" s="12"/>
    </row>
    <row r="589731" spans="8:8">
      <c r="H589731" s="12"/>
    </row>
    <row r="589732" spans="8:8">
      <c r="H589732" s="12"/>
    </row>
    <row r="589733" spans="8:8">
      <c r="H589733" s="12"/>
    </row>
    <row r="589734" spans="8:8">
      <c r="H589734" s="12"/>
    </row>
    <row r="589735" spans="8:8">
      <c r="H589735" s="12"/>
    </row>
    <row r="589736" spans="8:8">
      <c r="H589736" s="12"/>
    </row>
    <row r="589737" spans="8:8">
      <c r="H589737" s="12"/>
    </row>
    <row r="589738" spans="8:8">
      <c r="H589738" s="12"/>
    </row>
    <row r="589739" spans="8:8">
      <c r="H589739" s="12"/>
    </row>
    <row r="589740" spans="8:8">
      <c r="H589740" s="12"/>
    </row>
    <row r="589741" spans="8:8">
      <c r="H589741" s="12"/>
    </row>
    <row r="589742" spans="8:8">
      <c r="H589742" s="12"/>
    </row>
    <row r="589743" spans="8:8">
      <c r="H589743" s="12"/>
    </row>
    <row r="589744" spans="8:8">
      <c r="H589744" s="12"/>
    </row>
    <row r="589745" spans="8:8">
      <c r="H589745" s="12"/>
    </row>
    <row r="589746" spans="8:8">
      <c r="H589746" s="12"/>
    </row>
    <row r="589747" spans="8:8">
      <c r="H589747" s="12"/>
    </row>
    <row r="589748" spans="8:8">
      <c r="H589748" s="12"/>
    </row>
    <row r="589749" spans="8:8">
      <c r="H589749" s="12"/>
    </row>
    <row r="589750" spans="8:8">
      <c r="H589750" s="12"/>
    </row>
    <row r="589751" spans="8:8">
      <c r="H589751" s="12"/>
    </row>
    <row r="589752" spans="8:8">
      <c r="H589752" s="12"/>
    </row>
    <row r="589753" spans="8:8">
      <c r="H589753" s="12"/>
    </row>
    <row r="589754" spans="8:8">
      <c r="H589754" s="12"/>
    </row>
    <row r="589755" spans="8:8">
      <c r="H589755" s="12"/>
    </row>
    <row r="589756" spans="8:8">
      <c r="H589756" s="12"/>
    </row>
    <row r="589757" spans="8:8">
      <c r="H589757" s="12"/>
    </row>
    <row r="589758" spans="8:8">
      <c r="H589758" s="12"/>
    </row>
    <row r="589759" spans="8:8">
      <c r="H589759" s="12"/>
    </row>
    <row r="589760" spans="8:8">
      <c r="H589760" s="12"/>
    </row>
    <row r="589761" spans="8:8">
      <c r="H589761" s="12"/>
    </row>
    <row r="589762" spans="8:8">
      <c r="H589762" s="12"/>
    </row>
    <row r="589763" spans="8:8">
      <c r="H589763" s="12"/>
    </row>
    <row r="589764" spans="8:8">
      <c r="H589764" s="12"/>
    </row>
    <row r="589765" spans="8:8">
      <c r="H589765" s="12"/>
    </row>
    <row r="589766" spans="8:8">
      <c r="H589766" s="12"/>
    </row>
    <row r="589767" spans="8:8">
      <c r="H589767" s="12"/>
    </row>
    <row r="589768" spans="8:8">
      <c r="H589768" s="12"/>
    </row>
    <row r="589769" spans="8:8">
      <c r="H589769" s="12"/>
    </row>
    <row r="589770" spans="8:8">
      <c r="H589770" s="12"/>
    </row>
    <row r="589771" spans="8:8">
      <c r="H589771" s="12"/>
    </row>
    <row r="589772" spans="8:8">
      <c r="H589772" s="12"/>
    </row>
    <row r="589773" spans="8:8">
      <c r="H589773" s="12"/>
    </row>
    <row r="589774" spans="8:8">
      <c r="H589774" s="12"/>
    </row>
    <row r="589775" spans="8:8">
      <c r="H589775" s="12"/>
    </row>
    <row r="589776" spans="8:8">
      <c r="H589776" s="12"/>
    </row>
    <row r="589777" spans="8:8">
      <c r="H589777" s="12"/>
    </row>
    <row r="589778" spans="8:8">
      <c r="H589778" s="12"/>
    </row>
    <row r="589779" spans="8:8">
      <c r="H589779" s="12"/>
    </row>
    <row r="589780" spans="8:8">
      <c r="H589780" s="12"/>
    </row>
    <row r="589781" spans="8:8">
      <c r="H589781" s="12"/>
    </row>
    <row r="589782" spans="8:8">
      <c r="H589782" s="12"/>
    </row>
    <row r="589783" spans="8:8">
      <c r="H589783" s="12"/>
    </row>
    <row r="589784" spans="8:8">
      <c r="H589784" s="12"/>
    </row>
    <row r="589785" spans="8:8">
      <c r="H589785" s="12"/>
    </row>
    <row r="589786" spans="8:8">
      <c r="H589786" s="12"/>
    </row>
    <row r="589787" spans="8:8">
      <c r="H589787" s="12"/>
    </row>
    <row r="589788" spans="8:8">
      <c r="H589788" s="12"/>
    </row>
    <row r="589789" spans="8:8">
      <c r="H589789" s="12"/>
    </row>
    <row r="589790" spans="8:8">
      <c r="H589790" s="12"/>
    </row>
    <row r="589791" spans="8:8">
      <c r="H589791" s="12"/>
    </row>
    <row r="589792" spans="8:8">
      <c r="H589792" s="12"/>
    </row>
    <row r="589793" spans="8:8">
      <c r="H589793" s="12"/>
    </row>
    <row r="589794" spans="8:8">
      <c r="H589794" s="12"/>
    </row>
    <row r="589795" spans="8:8">
      <c r="H589795" s="12"/>
    </row>
    <row r="589796" spans="8:8">
      <c r="H589796" s="12"/>
    </row>
    <row r="589797" spans="8:8">
      <c r="H589797" s="12"/>
    </row>
    <row r="589798" spans="8:8">
      <c r="H589798" s="12"/>
    </row>
    <row r="589799" spans="8:8">
      <c r="H589799" s="12"/>
    </row>
    <row r="589800" spans="8:8">
      <c r="H589800" s="12"/>
    </row>
    <row r="589801" spans="8:8">
      <c r="H589801" s="12"/>
    </row>
    <row r="589802" spans="8:8">
      <c r="H589802" s="12"/>
    </row>
    <row r="589803" spans="8:8">
      <c r="H589803" s="12"/>
    </row>
    <row r="589804" spans="8:8">
      <c r="H589804" s="12"/>
    </row>
    <row r="589805" spans="8:8">
      <c r="H589805" s="12"/>
    </row>
    <row r="589806" spans="8:8">
      <c r="H589806" s="12"/>
    </row>
    <row r="589807" spans="8:8">
      <c r="H589807" s="12"/>
    </row>
    <row r="589808" spans="8:8">
      <c r="H589808" s="12"/>
    </row>
    <row r="589809" spans="8:8">
      <c r="H589809" s="12"/>
    </row>
    <row r="589810" spans="8:8">
      <c r="H589810" s="12"/>
    </row>
    <row r="589811" spans="8:8">
      <c r="H589811" s="12"/>
    </row>
    <row r="589812" spans="8:8">
      <c r="H589812" s="12"/>
    </row>
    <row r="589813" spans="8:8">
      <c r="H589813" s="12"/>
    </row>
    <row r="589814" spans="8:8">
      <c r="H589814" s="12"/>
    </row>
    <row r="589815" spans="8:8">
      <c r="H589815" s="12"/>
    </row>
    <row r="589816" spans="8:8">
      <c r="H589816" s="12"/>
    </row>
    <row r="589817" spans="8:8">
      <c r="H589817" s="12"/>
    </row>
    <row r="589818" spans="8:8">
      <c r="H589818" s="12"/>
    </row>
    <row r="589819" spans="8:8">
      <c r="H589819" s="12"/>
    </row>
    <row r="589820" spans="8:8">
      <c r="H589820" s="12"/>
    </row>
    <row r="589821" spans="8:8">
      <c r="H589821" s="12"/>
    </row>
    <row r="589822" spans="8:8">
      <c r="H589822" s="12"/>
    </row>
    <row r="589823" spans="8:8">
      <c r="H589823" s="12"/>
    </row>
    <row r="589824" spans="8:8">
      <c r="H589824" s="12"/>
    </row>
    <row r="589825" spans="8:8">
      <c r="H589825" s="12"/>
    </row>
    <row r="589826" spans="8:8">
      <c r="H589826" s="12"/>
    </row>
    <row r="589827" spans="8:8">
      <c r="H589827" s="12"/>
    </row>
    <row r="589828" spans="8:8">
      <c r="H589828" s="12"/>
    </row>
    <row r="589829" spans="8:8">
      <c r="H589829" s="12"/>
    </row>
    <row r="589830" spans="8:8">
      <c r="H589830" s="12"/>
    </row>
    <row r="589831" spans="8:8">
      <c r="H589831" s="12"/>
    </row>
    <row r="589832" spans="8:8">
      <c r="H589832" s="12"/>
    </row>
    <row r="589833" spans="8:8">
      <c r="H589833" s="12"/>
    </row>
    <row r="589834" spans="8:8">
      <c r="H589834" s="12"/>
    </row>
    <row r="589835" spans="8:8">
      <c r="H589835" s="12"/>
    </row>
    <row r="589836" spans="8:8">
      <c r="H589836" s="12"/>
    </row>
    <row r="589837" spans="8:8">
      <c r="H589837" s="12"/>
    </row>
    <row r="589838" spans="8:8">
      <c r="H589838" s="12"/>
    </row>
    <row r="589839" spans="8:8">
      <c r="H589839" s="12"/>
    </row>
    <row r="589840" spans="8:8">
      <c r="H589840" s="12"/>
    </row>
    <row r="589841" spans="8:8">
      <c r="H589841" s="12"/>
    </row>
    <row r="589842" spans="8:8">
      <c r="H589842" s="12"/>
    </row>
    <row r="589843" spans="8:8">
      <c r="H589843" s="12"/>
    </row>
    <row r="589844" spans="8:8">
      <c r="H589844" s="12"/>
    </row>
    <row r="589845" spans="8:8">
      <c r="H589845" s="12"/>
    </row>
    <row r="589846" spans="8:8">
      <c r="H589846" s="12"/>
    </row>
    <row r="589847" spans="8:8">
      <c r="H589847" s="12"/>
    </row>
    <row r="589848" spans="8:8">
      <c r="H589848" s="12"/>
    </row>
    <row r="589849" spans="8:8">
      <c r="H589849" s="12"/>
    </row>
    <row r="589850" spans="8:8">
      <c r="H589850" s="12"/>
    </row>
    <row r="589851" spans="8:8">
      <c r="H589851" s="12"/>
    </row>
    <row r="589852" spans="8:8">
      <c r="H589852" s="12"/>
    </row>
    <row r="589853" spans="8:8">
      <c r="H589853" s="12"/>
    </row>
    <row r="589854" spans="8:8">
      <c r="H589854" s="12"/>
    </row>
    <row r="589855" spans="8:8">
      <c r="H589855" s="12"/>
    </row>
    <row r="589856" spans="8:8">
      <c r="H589856" s="12"/>
    </row>
    <row r="589857" spans="8:8">
      <c r="H589857" s="12"/>
    </row>
    <row r="589858" spans="8:8">
      <c r="H589858" s="12"/>
    </row>
    <row r="589859" spans="8:8">
      <c r="H589859" s="12"/>
    </row>
    <row r="589860" spans="8:8">
      <c r="H589860" s="12"/>
    </row>
    <row r="589861" spans="8:8">
      <c r="H589861" s="12"/>
    </row>
    <row r="589862" spans="8:8">
      <c r="H589862" s="12"/>
    </row>
    <row r="589863" spans="8:8">
      <c r="H589863" s="12"/>
    </row>
    <row r="589864" spans="8:8">
      <c r="H589864" s="12"/>
    </row>
    <row r="589865" spans="8:8">
      <c r="H589865" s="12"/>
    </row>
    <row r="589866" spans="8:8">
      <c r="H589866" s="12"/>
    </row>
    <row r="589867" spans="8:8">
      <c r="H589867" s="12"/>
    </row>
    <row r="589868" spans="8:8">
      <c r="H589868" s="12"/>
    </row>
    <row r="589869" spans="8:8">
      <c r="H589869" s="12"/>
    </row>
    <row r="589870" spans="8:8">
      <c r="H589870" s="12"/>
    </row>
    <row r="589871" spans="8:8">
      <c r="H589871" s="12"/>
    </row>
    <row r="589872" spans="8:8">
      <c r="H589872" s="12"/>
    </row>
    <row r="589873" spans="8:8">
      <c r="H589873" s="12"/>
    </row>
    <row r="589874" spans="8:8">
      <c r="H589874" s="12"/>
    </row>
    <row r="589875" spans="8:8">
      <c r="H589875" s="12"/>
    </row>
    <row r="589876" spans="8:8">
      <c r="H589876" s="12"/>
    </row>
    <row r="589877" spans="8:8">
      <c r="H589877" s="12"/>
    </row>
    <row r="589878" spans="8:8">
      <c r="H589878" s="12"/>
    </row>
    <row r="589879" spans="8:8">
      <c r="H589879" s="12"/>
    </row>
    <row r="589880" spans="8:8">
      <c r="H589880" s="12"/>
    </row>
    <row r="589881" spans="8:8">
      <c r="H589881" s="12"/>
    </row>
    <row r="589882" spans="8:8">
      <c r="H589882" s="12"/>
    </row>
    <row r="589883" spans="8:8">
      <c r="H589883" s="12"/>
    </row>
    <row r="589884" spans="8:8">
      <c r="H589884" s="12"/>
    </row>
    <row r="589885" spans="8:8">
      <c r="H589885" s="12"/>
    </row>
    <row r="589886" spans="8:8">
      <c r="H589886" s="12"/>
    </row>
    <row r="589887" spans="8:8">
      <c r="H589887" s="12"/>
    </row>
    <row r="589888" spans="8:8">
      <c r="H589888" s="12"/>
    </row>
    <row r="589889" spans="8:8">
      <c r="H589889" s="12"/>
    </row>
    <row r="589890" spans="8:8">
      <c r="H589890" s="12"/>
    </row>
    <row r="589891" spans="8:8">
      <c r="H589891" s="12"/>
    </row>
    <row r="589892" spans="8:8">
      <c r="H589892" s="12"/>
    </row>
    <row r="589893" spans="8:8">
      <c r="H589893" s="12"/>
    </row>
    <row r="589894" spans="8:8">
      <c r="H589894" s="12"/>
    </row>
    <row r="589895" spans="8:8">
      <c r="H589895" s="12"/>
    </row>
    <row r="589896" spans="8:8">
      <c r="H589896" s="12"/>
    </row>
    <row r="589897" spans="8:8">
      <c r="H589897" s="12"/>
    </row>
    <row r="589898" spans="8:8">
      <c r="H589898" s="12"/>
    </row>
    <row r="589899" spans="8:8">
      <c r="H589899" s="12"/>
    </row>
    <row r="589900" spans="8:8">
      <c r="H589900" s="12"/>
    </row>
    <row r="589901" spans="8:8">
      <c r="H589901" s="12"/>
    </row>
    <row r="589902" spans="8:8">
      <c r="H589902" s="12"/>
    </row>
    <row r="589903" spans="8:8">
      <c r="H589903" s="12"/>
    </row>
    <row r="589904" spans="8:8">
      <c r="H589904" s="12"/>
    </row>
    <row r="589905" spans="8:8">
      <c r="H589905" s="12"/>
    </row>
    <row r="589906" spans="8:8">
      <c r="H589906" s="12"/>
    </row>
    <row r="589907" spans="8:8">
      <c r="H589907" s="12"/>
    </row>
    <row r="589908" spans="8:8">
      <c r="H589908" s="12"/>
    </row>
    <row r="589909" spans="8:8">
      <c r="H589909" s="12"/>
    </row>
    <row r="589910" spans="8:8">
      <c r="H589910" s="12"/>
    </row>
    <row r="589911" spans="8:8">
      <c r="H589911" s="12"/>
    </row>
    <row r="589912" spans="8:8">
      <c r="H589912" s="12"/>
    </row>
    <row r="589913" spans="8:8">
      <c r="H589913" s="12"/>
    </row>
    <row r="589914" spans="8:8">
      <c r="H589914" s="12"/>
    </row>
    <row r="589915" spans="8:8">
      <c r="H589915" s="12"/>
    </row>
    <row r="589916" spans="8:8">
      <c r="H589916" s="12"/>
    </row>
    <row r="589917" spans="8:8">
      <c r="H589917" s="12"/>
    </row>
    <row r="589918" spans="8:8">
      <c r="H589918" s="12"/>
    </row>
    <row r="589919" spans="8:8">
      <c r="H589919" s="12"/>
    </row>
    <row r="589920" spans="8:8">
      <c r="H589920" s="12"/>
    </row>
    <row r="589921" spans="8:8">
      <c r="H589921" s="12"/>
    </row>
    <row r="589922" spans="8:8">
      <c r="H589922" s="12"/>
    </row>
    <row r="589923" spans="8:8">
      <c r="H589923" s="12"/>
    </row>
    <row r="589924" spans="8:8">
      <c r="H589924" s="12"/>
    </row>
    <row r="589925" spans="8:8">
      <c r="H589925" s="12"/>
    </row>
    <row r="589926" spans="8:8">
      <c r="H589926" s="12"/>
    </row>
    <row r="589927" spans="8:8">
      <c r="H589927" s="12"/>
    </row>
    <row r="589928" spans="8:8">
      <c r="H589928" s="12"/>
    </row>
    <row r="589929" spans="8:8">
      <c r="H589929" s="12"/>
    </row>
    <row r="589930" spans="8:8">
      <c r="H589930" s="12"/>
    </row>
    <row r="589931" spans="8:8">
      <c r="H589931" s="12"/>
    </row>
    <row r="589932" spans="8:8">
      <c r="H589932" s="12"/>
    </row>
    <row r="589933" spans="8:8">
      <c r="H589933" s="12"/>
    </row>
    <row r="589934" spans="8:8">
      <c r="H589934" s="12"/>
    </row>
    <row r="589935" spans="8:8">
      <c r="H589935" s="12"/>
    </row>
    <row r="589936" spans="8:8">
      <c r="H589936" s="12"/>
    </row>
    <row r="589937" spans="8:8">
      <c r="H589937" s="12"/>
    </row>
    <row r="589938" spans="8:8">
      <c r="H589938" s="12"/>
    </row>
    <row r="589939" spans="8:8">
      <c r="H589939" s="12"/>
    </row>
    <row r="589940" spans="8:8">
      <c r="H589940" s="12"/>
    </row>
    <row r="589941" spans="8:8">
      <c r="H589941" s="12"/>
    </row>
    <row r="589942" spans="8:8">
      <c r="H589942" s="12"/>
    </row>
    <row r="589943" spans="8:8">
      <c r="H589943" s="12"/>
    </row>
    <row r="589944" spans="8:8">
      <c r="H589944" s="12"/>
    </row>
    <row r="589945" spans="8:8">
      <c r="H589945" s="12"/>
    </row>
    <row r="589946" spans="8:8">
      <c r="H589946" s="12"/>
    </row>
    <row r="589947" spans="8:8">
      <c r="H589947" s="12"/>
    </row>
    <row r="589948" spans="8:8">
      <c r="H589948" s="12"/>
    </row>
    <row r="589949" spans="8:8">
      <c r="H589949" s="12"/>
    </row>
    <row r="589950" spans="8:8">
      <c r="H589950" s="12"/>
    </row>
    <row r="589951" spans="8:8">
      <c r="H589951" s="12"/>
    </row>
    <row r="589952" spans="8:8">
      <c r="H589952" s="12"/>
    </row>
    <row r="589953" spans="8:8">
      <c r="H589953" s="12"/>
    </row>
    <row r="589954" spans="8:8">
      <c r="H589954" s="12"/>
    </row>
    <row r="589955" spans="8:8">
      <c r="H589955" s="12"/>
    </row>
    <row r="589956" spans="8:8">
      <c r="H589956" s="12"/>
    </row>
    <row r="589957" spans="8:8">
      <c r="H589957" s="12"/>
    </row>
    <row r="589958" spans="8:8">
      <c r="H589958" s="12"/>
    </row>
    <row r="589959" spans="8:8">
      <c r="H589959" s="12"/>
    </row>
    <row r="589960" spans="8:8">
      <c r="H589960" s="12"/>
    </row>
    <row r="589961" spans="8:8">
      <c r="H589961" s="12"/>
    </row>
    <row r="589962" spans="8:8">
      <c r="H589962" s="12"/>
    </row>
    <row r="589963" spans="8:8">
      <c r="H589963" s="12"/>
    </row>
    <row r="589964" spans="8:8">
      <c r="H589964" s="12"/>
    </row>
    <row r="589965" spans="8:8">
      <c r="H589965" s="12"/>
    </row>
    <row r="589966" spans="8:8">
      <c r="H589966" s="12"/>
    </row>
    <row r="589967" spans="8:8">
      <c r="H589967" s="12"/>
    </row>
    <row r="589968" spans="8:8">
      <c r="H589968" s="12"/>
    </row>
    <row r="589969" spans="8:8">
      <c r="H589969" s="12"/>
    </row>
    <row r="589970" spans="8:8">
      <c r="H589970" s="12"/>
    </row>
    <row r="589971" spans="8:8">
      <c r="H589971" s="12"/>
    </row>
    <row r="589972" spans="8:8">
      <c r="H589972" s="12"/>
    </row>
    <row r="589973" spans="8:8">
      <c r="H589973" s="12"/>
    </row>
    <row r="589974" spans="8:8">
      <c r="H589974" s="12"/>
    </row>
    <row r="589975" spans="8:8">
      <c r="H589975" s="12"/>
    </row>
    <row r="589976" spans="8:8">
      <c r="H589976" s="12"/>
    </row>
    <row r="589977" spans="8:8">
      <c r="H589977" s="12"/>
    </row>
    <row r="589978" spans="8:8">
      <c r="H589978" s="12"/>
    </row>
    <row r="589979" spans="8:8">
      <c r="H589979" s="12"/>
    </row>
    <row r="589980" spans="8:8">
      <c r="H589980" s="12"/>
    </row>
    <row r="589981" spans="8:8">
      <c r="H589981" s="12"/>
    </row>
    <row r="589982" spans="8:8">
      <c r="H589982" s="12"/>
    </row>
    <row r="589983" spans="8:8">
      <c r="H589983" s="12"/>
    </row>
    <row r="589984" spans="8:8">
      <c r="H589984" s="12"/>
    </row>
    <row r="589985" spans="8:8">
      <c r="H589985" s="12"/>
    </row>
    <row r="589986" spans="8:8">
      <c r="H589986" s="12"/>
    </row>
    <row r="589987" spans="8:8">
      <c r="H589987" s="12"/>
    </row>
    <row r="589988" spans="8:8">
      <c r="H589988" s="12"/>
    </row>
    <row r="589989" spans="8:8">
      <c r="H589989" s="12"/>
    </row>
    <row r="589990" spans="8:8">
      <c r="H589990" s="12"/>
    </row>
    <row r="589991" spans="8:8">
      <c r="H589991" s="12"/>
    </row>
    <row r="589992" spans="8:8">
      <c r="H589992" s="12"/>
    </row>
    <row r="589993" spans="8:8">
      <c r="H589993" s="12"/>
    </row>
    <row r="589994" spans="8:8">
      <c r="H589994" s="12"/>
    </row>
    <row r="589995" spans="8:8">
      <c r="H589995" s="12"/>
    </row>
    <row r="589996" spans="8:8">
      <c r="H589996" s="12"/>
    </row>
    <row r="589997" spans="8:8">
      <c r="H589997" s="12"/>
    </row>
    <row r="589998" spans="8:8">
      <c r="H589998" s="12"/>
    </row>
    <row r="589999" spans="8:8">
      <c r="H589999" s="12"/>
    </row>
    <row r="590000" spans="8:8">
      <c r="H590000" s="12"/>
    </row>
    <row r="590001" spans="8:8">
      <c r="H590001" s="12"/>
    </row>
    <row r="590002" spans="8:8">
      <c r="H590002" s="12"/>
    </row>
    <row r="590003" spans="8:8">
      <c r="H590003" s="12"/>
    </row>
    <row r="590004" spans="8:8">
      <c r="H590004" s="12"/>
    </row>
    <row r="590005" spans="8:8">
      <c r="H590005" s="12"/>
    </row>
    <row r="590006" spans="8:8">
      <c r="H590006" s="12"/>
    </row>
    <row r="590007" spans="8:8">
      <c r="H590007" s="12"/>
    </row>
    <row r="590008" spans="8:8">
      <c r="H590008" s="12"/>
    </row>
    <row r="590009" spans="8:8">
      <c r="H590009" s="12"/>
    </row>
    <row r="590010" spans="8:8">
      <c r="H590010" s="12"/>
    </row>
    <row r="590011" spans="8:8">
      <c r="H590011" s="12"/>
    </row>
    <row r="590012" spans="8:8">
      <c r="H590012" s="12"/>
    </row>
    <row r="590013" spans="8:8">
      <c r="H590013" s="12"/>
    </row>
    <row r="590014" spans="8:8">
      <c r="H590014" s="12"/>
    </row>
    <row r="590015" spans="8:8">
      <c r="H590015" s="12"/>
    </row>
    <row r="590016" spans="8:8">
      <c r="H590016" s="12"/>
    </row>
    <row r="590017" spans="8:8">
      <c r="H590017" s="12"/>
    </row>
    <row r="590018" spans="8:8">
      <c r="H590018" s="12"/>
    </row>
    <row r="590019" spans="8:8">
      <c r="H590019" s="12"/>
    </row>
    <row r="590020" spans="8:8">
      <c r="H590020" s="12"/>
    </row>
    <row r="590021" spans="8:8">
      <c r="H590021" s="12"/>
    </row>
    <row r="590022" spans="8:8">
      <c r="H590022" s="12"/>
    </row>
    <row r="590023" spans="8:8">
      <c r="H590023" s="12"/>
    </row>
    <row r="590024" spans="8:8">
      <c r="H590024" s="12"/>
    </row>
    <row r="590025" spans="8:8">
      <c r="H590025" s="12"/>
    </row>
    <row r="590026" spans="8:8">
      <c r="H590026" s="12"/>
    </row>
    <row r="590027" spans="8:8">
      <c r="H590027" s="12"/>
    </row>
    <row r="590028" spans="8:8">
      <c r="H590028" s="12"/>
    </row>
    <row r="590029" spans="8:8">
      <c r="H590029" s="12"/>
    </row>
    <row r="590030" spans="8:8">
      <c r="H590030" s="12"/>
    </row>
    <row r="590031" spans="8:8">
      <c r="H590031" s="12"/>
    </row>
    <row r="590032" spans="8:8">
      <c r="H590032" s="12"/>
    </row>
    <row r="590033" spans="8:8">
      <c r="H590033" s="12"/>
    </row>
    <row r="590034" spans="8:8">
      <c r="H590034" s="12"/>
    </row>
    <row r="590035" spans="8:8">
      <c r="H590035" s="12"/>
    </row>
    <row r="590036" spans="8:8">
      <c r="H590036" s="12"/>
    </row>
    <row r="590037" spans="8:8">
      <c r="H590037" s="12"/>
    </row>
    <row r="590038" spans="8:8">
      <c r="H590038" s="12"/>
    </row>
    <row r="590039" spans="8:8">
      <c r="H590039" s="12"/>
    </row>
    <row r="590040" spans="8:8">
      <c r="H590040" s="12"/>
    </row>
    <row r="590041" spans="8:8">
      <c r="H590041" s="12"/>
    </row>
    <row r="590042" spans="8:8">
      <c r="H590042" s="12"/>
    </row>
    <row r="590043" spans="8:8">
      <c r="H590043" s="12"/>
    </row>
    <row r="590044" spans="8:8">
      <c r="H590044" s="12"/>
    </row>
    <row r="590045" spans="8:8">
      <c r="H590045" s="12"/>
    </row>
    <row r="590046" spans="8:8">
      <c r="H590046" s="12"/>
    </row>
    <row r="590047" spans="8:8">
      <c r="H590047" s="12"/>
    </row>
    <row r="590048" spans="8:8">
      <c r="H590048" s="12"/>
    </row>
    <row r="590049" spans="8:8">
      <c r="H590049" s="12"/>
    </row>
    <row r="590050" spans="8:8">
      <c r="H590050" s="12"/>
    </row>
    <row r="590051" spans="8:8">
      <c r="H590051" s="12"/>
    </row>
    <row r="590052" spans="8:8">
      <c r="H590052" s="12"/>
    </row>
    <row r="590053" spans="8:8">
      <c r="H590053" s="12"/>
    </row>
    <row r="590054" spans="8:8">
      <c r="H590054" s="12"/>
    </row>
    <row r="590055" spans="8:8">
      <c r="H590055" s="12"/>
    </row>
    <row r="590056" spans="8:8">
      <c r="H590056" s="12"/>
    </row>
    <row r="590057" spans="8:8">
      <c r="H590057" s="12"/>
    </row>
    <row r="590058" spans="8:8">
      <c r="H590058" s="12"/>
    </row>
    <row r="590059" spans="8:8">
      <c r="H590059" s="12"/>
    </row>
    <row r="590060" spans="8:8">
      <c r="H590060" s="12"/>
    </row>
    <row r="590061" spans="8:8">
      <c r="H590061" s="12"/>
    </row>
    <row r="590062" spans="8:8">
      <c r="H590062" s="12"/>
    </row>
    <row r="590063" spans="8:8">
      <c r="H590063" s="12"/>
    </row>
    <row r="590064" spans="8:8">
      <c r="H590064" s="12"/>
    </row>
    <row r="590065" spans="8:8">
      <c r="H590065" s="12"/>
    </row>
    <row r="590066" spans="8:8">
      <c r="H590066" s="12"/>
    </row>
    <row r="590067" spans="8:8">
      <c r="H590067" s="12"/>
    </row>
    <row r="590068" spans="8:8">
      <c r="H590068" s="12"/>
    </row>
    <row r="590069" spans="8:8">
      <c r="H590069" s="12"/>
    </row>
    <row r="590070" spans="8:8">
      <c r="H590070" s="12"/>
    </row>
    <row r="590071" spans="8:8">
      <c r="H590071" s="12"/>
    </row>
    <row r="590072" spans="8:8">
      <c r="H590072" s="12"/>
    </row>
    <row r="590073" spans="8:8">
      <c r="H590073" s="12"/>
    </row>
    <row r="590074" spans="8:8">
      <c r="H590074" s="12"/>
    </row>
    <row r="590075" spans="8:8">
      <c r="H590075" s="12"/>
    </row>
    <row r="590076" spans="8:8">
      <c r="H590076" s="12"/>
    </row>
    <row r="590077" spans="8:8">
      <c r="H590077" s="12"/>
    </row>
    <row r="590078" spans="8:8">
      <c r="H590078" s="12"/>
    </row>
    <row r="590079" spans="8:8">
      <c r="H590079" s="12"/>
    </row>
    <row r="590080" spans="8:8">
      <c r="H590080" s="12"/>
    </row>
    <row r="590081" spans="8:8">
      <c r="H590081" s="12"/>
    </row>
    <row r="590082" spans="8:8">
      <c r="H590082" s="12"/>
    </row>
    <row r="590083" spans="8:8">
      <c r="H590083" s="12"/>
    </row>
    <row r="590084" spans="8:8">
      <c r="H590084" s="12"/>
    </row>
    <row r="590085" spans="8:8">
      <c r="H590085" s="12"/>
    </row>
    <row r="590086" spans="8:8">
      <c r="H590086" s="12"/>
    </row>
    <row r="590087" spans="8:8">
      <c r="H590087" s="12"/>
    </row>
    <row r="590088" spans="8:8">
      <c r="H590088" s="12"/>
    </row>
    <row r="590089" spans="8:8">
      <c r="H590089" s="12"/>
    </row>
    <row r="590090" spans="8:8">
      <c r="H590090" s="12"/>
    </row>
    <row r="590091" spans="8:8">
      <c r="H590091" s="12"/>
    </row>
    <row r="590092" spans="8:8">
      <c r="H590092" s="12"/>
    </row>
    <row r="590093" spans="8:8">
      <c r="H590093" s="12"/>
    </row>
    <row r="590094" spans="8:8">
      <c r="H590094" s="12"/>
    </row>
    <row r="590095" spans="8:8">
      <c r="H590095" s="12"/>
    </row>
    <row r="590096" spans="8:8">
      <c r="H590096" s="12"/>
    </row>
    <row r="590097" spans="8:8">
      <c r="H590097" s="12"/>
    </row>
    <row r="590098" spans="8:8">
      <c r="H590098" s="12"/>
    </row>
    <row r="590099" spans="8:8">
      <c r="H590099" s="12"/>
    </row>
    <row r="590100" spans="8:8">
      <c r="H590100" s="12"/>
    </row>
    <row r="590101" spans="8:8">
      <c r="H590101" s="12"/>
    </row>
    <row r="590102" spans="8:8">
      <c r="H590102" s="12"/>
    </row>
    <row r="590103" spans="8:8">
      <c r="H590103" s="12"/>
    </row>
    <row r="590104" spans="8:8">
      <c r="H590104" s="12"/>
    </row>
    <row r="590105" spans="8:8">
      <c r="H590105" s="12"/>
    </row>
    <row r="590106" spans="8:8">
      <c r="H590106" s="12"/>
    </row>
    <row r="590107" spans="8:8">
      <c r="H590107" s="12"/>
    </row>
    <row r="590108" spans="8:8">
      <c r="H590108" s="12"/>
    </row>
    <row r="590109" spans="8:8">
      <c r="H590109" s="12"/>
    </row>
    <row r="590110" spans="8:8">
      <c r="H590110" s="12"/>
    </row>
    <row r="590111" spans="8:8">
      <c r="H590111" s="12"/>
    </row>
    <row r="590112" spans="8:8">
      <c r="H590112" s="12"/>
    </row>
    <row r="590113" spans="8:8">
      <c r="H590113" s="12"/>
    </row>
    <row r="590114" spans="8:8">
      <c r="H590114" s="12"/>
    </row>
    <row r="590115" spans="8:8">
      <c r="H590115" s="12"/>
    </row>
    <row r="590116" spans="8:8">
      <c r="H590116" s="12"/>
    </row>
    <row r="590117" spans="8:8">
      <c r="H590117" s="12"/>
    </row>
    <row r="590118" spans="8:8">
      <c r="H590118" s="12"/>
    </row>
    <row r="590119" spans="8:8">
      <c r="H590119" s="12"/>
    </row>
    <row r="590120" spans="8:8">
      <c r="H590120" s="12"/>
    </row>
    <row r="590121" spans="8:8">
      <c r="H590121" s="12"/>
    </row>
    <row r="590122" spans="8:8">
      <c r="H590122" s="12"/>
    </row>
    <row r="590123" spans="8:8">
      <c r="H590123" s="12"/>
    </row>
    <row r="590124" spans="8:8">
      <c r="H590124" s="12"/>
    </row>
    <row r="590125" spans="8:8">
      <c r="H590125" s="12"/>
    </row>
    <row r="590126" spans="8:8">
      <c r="H590126" s="12"/>
    </row>
    <row r="590127" spans="8:8">
      <c r="H590127" s="12"/>
    </row>
    <row r="590128" spans="8:8">
      <c r="H590128" s="12"/>
    </row>
    <row r="590129" spans="8:8">
      <c r="H590129" s="12"/>
    </row>
    <row r="590130" spans="8:8">
      <c r="H590130" s="12"/>
    </row>
    <row r="590131" spans="8:8">
      <c r="H590131" s="12"/>
    </row>
    <row r="590132" spans="8:8">
      <c r="H590132" s="12"/>
    </row>
    <row r="590133" spans="8:8">
      <c r="H590133" s="12"/>
    </row>
    <row r="590134" spans="8:8">
      <c r="H590134" s="12"/>
    </row>
    <row r="590135" spans="8:8">
      <c r="H590135" s="12"/>
    </row>
    <row r="590136" spans="8:8">
      <c r="H590136" s="12"/>
    </row>
    <row r="590137" spans="8:8">
      <c r="H590137" s="12"/>
    </row>
    <row r="590138" spans="8:8">
      <c r="H590138" s="12"/>
    </row>
    <row r="590139" spans="8:8">
      <c r="H590139" s="12"/>
    </row>
    <row r="590140" spans="8:8">
      <c r="H590140" s="12"/>
    </row>
    <row r="590141" spans="8:8">
      <c r="H590141" s="12"/>
    </row>
    <row r="590142" spans="8:8">
      <c r="H590142" s="12"/>
    </row>
    <row r="590143" spans="8:8">
      <c r="H590143" s="12"/>
    </row>
    <row r="590144" spans="8:8">
      <c r="H590144" s="12"/>
    </row>
    <row r="590145" spans="8:8">
      <c r="H590145" s="12"/>
    </row>
    <row r="590146" spans="8:8">
      <c r="H590146" s="12"/>
    </row>
    <row r="590147" spans="8:8">
      <c r="H590147" s="12"/>
    </row>
    <row r="590148" spans="8:8">
      <c r="H590148" s="12"/>
    </row>
    <row r="590149" spans="8:8">
      <c r="H590149" s="12"/>
    </row>
    <row r="590150" spans="8:8">
      <c r="H590150" s="12"/>
    </row>
    <row r="590151" spans="8:8">
      <c r="H590151" s="12"/>
    </row>
    <row r="590152" spans="8:8">
      <c r="H590152" s="12"/>
    </row>
    <row r="590153" spans="8:8">
      <c r="H590153" s="12"/>
    </row>
    <row r="590154" spans="8:8">
      <c r="H590154" s="12"/>
    </row>
    <row r="590155" spans="8:8">
      <c r="H590155" s="12"/>
    </row>
    <row r="590156" spans="8:8">
      <c r="H590156" s="12"/>
    </row>
    <row r="590157" spans="8:8">
      <c r="H590157" s="12"/>
    </row>
    <row r="590158" spans="8:8">
      <c r="H590158" s="12"/>
    </row>
    <row r="590159" spans="8:8">
      <c r="H590159" s="12"/>
    </row>
    <row r="590160" spans="8:8">
      <c r="H590160" s="12"/>
    </row>
    <row r="590161" spans="8:8">
      <c r="H590161" s="12"/>
    </row>
    <row r="590162" spans="8:8">
      <c r="H590162" s="12"/>
    </row>
    <row r="590163" spans="8:8">
      <c r="H590163" s="12"/>
    </row>
    <row r="590164" spans="8:8">
      <c r="H590164" s="12"/>
    </row>
    <row r="590165" spans="8:8">
      <c r="H590165" s="12"/>
    </row>
    <row r="590166" spans="8:8">
      <c r="H590166" s="12"/>
    </row>
    <row r="590167" spans="8:8">
      <c r="H590167" s="12"/>
    </row>
    <row r="590168" spans="8:8">
      <c r="H590168" s="12"/>
    </row>
    <row r="590169" spans="8:8">
      <c r="H590169" s="12"/>
    </row>
    <row r="590170" spans="8:8">
      <c r="H590170" s="12"/>
    </row>
    <row r="590171" spans="8:8">
      <c r="H590171" s="12"/>
    </row>
    <row r="590172" spans="8:8">
      <c r="H590172" s="12"/>
    </row>
    <row r="590173" spans="8:8">
      <c r="H590173" s="12"/>
    </row>
    <row r="590174" spans="8:8">
      <c r="H590174" s="12"/>
    </row>
    <row r="590175" spans="8:8">
      <c r="H590175" s="12"/>
    </row>
    <row r="590176" spans="8:8">
      <c r="H590176" s="12"/>
    </row>
    <row r="590177" spans="8:8">
      <c r="H590177" s="12"/>
    </row>
    <row r="590178" spans="8:8">
      <c r="H590178" s="12"/>
    </row>
    <row r="590179" spans="8:8">
      <c r="H590179" s="12"/>
    </row>
    <row r="590180" spans="8:8">
      <c r="H590180" s="12"/>
    </row>
    <row r="590181" spans="8:8">
      <c r="H590181" s="12"/>
    </row>
    <row r="590182" spans="8:8">
      <c r="H590182" s="12"/>
    </row>
    <row r="590183" spans="8:8">
      <c r="H590183" s="12"/>
    </row>
    <row r="590184" spans="8:8">
      <c r="H590184" s="12"/>
    </row>
    <row r="590185" spans="8:8">
      <c r="H590185" s="12"/>
    </row>
    <row r="590186" spans="8:8">
      <c r="H590186" s="12"/>
    </row>
    <row r="590187" spans="8:8">
      <c r="H590187" s="12"/>
    </row>
    <row r="590188" spans="8:8">
      <c r="H590188" s="12"/>
    </row>
    <row r="590189" spans="8:8">
      <c r="H590189" s="12"/>
    </row>
    <row r="590190" spans="8:8">
      <c r="H590190" s="12"/>
    </row>
    <row r="590191" spans="8:8">
      <c r="H590191" s="12"/>
    </row>
    <row r="590192" spans="8:8">
      <c r="H590192" s="12"/>
    </row>
    <row r="590193" spans="8:8">
      <c r="H590193" s="12"/>
    </row>
    <row r="590194" spans="8:8">
      <c r="H590194" s="12"/>
    </row>
    <row r="590195" spans="8:8">
      <c r="H590195" s="12"/>
    </row>
    <row r="590196" spans="8:8">
      <c r="H590196" s="12"/>
    </row>
    <row r="590197" spans="8:8">
      <c r="H590197" s="12"/>
    </row>
    <row r="590198" spans="8:8">
      <c r="H590198" s="12"/>
    </row>
    <row r="590199" spans="8:8">
      <c r="H590199" s="12"/>
    </row>
    <row r="590200" spans="8:8">
      <c r="H590200" s="12"/>
    </row>
    <row r="590201" spans="8:8">
      <c r="H590201" s="12"/>
    </row>
    <row r="590202" spans="8:8">
      <c r="H590202" s="12"/>
    </row>
    <row r="590203" spans="8:8">
      <c r="H590203" s="12"/>
    </row>
    <row r="590204" spans="8:8">
      <c r="H590204" s="12"/>
    </row>
    <row r="590205" spans="8:8">
      <c r="H590205" s="12"/>
    </row>
    <row r="590206" spans="8:8">
      <c r="H590206" s="12"/>
    </row>
    <row r="590207" spans="8:8">
      <c r="H590207" s="12"/>
    </row>
    <row r="590208" spans="8:8">
      <c r="H590208" s="12"/>
    </row>
    <row r="590209" spans="8:8">
      <c r="H590209" s="12"/>
    </row>
    <row r="590210" spans="8:8">
      <c r="H590210" s="12"/>
    </row>
    <row r="590211" spans="8:8">
      <c r="H590211" s="12"/>
    </row>
    <row r="590212" spans="8:8">
      <c r="H590212" s="12"/>
    </row>
    <row r="590213" spans="8:8">
      <c r="H590213" s="12"/>
    </row>
    <row r="590214" spans="8:8">
      <c r="H590214" s="12"/>
    </row>
    <row r="590215" spans="8:8">
      <c r="H590215" s="12"/>
    </row>
    <row r="590216" spans="8:8">
      <c r="H590216" s="12"/>
    </row>
    <row r="590217" spans="8:8">
      <c r="H590217" s="12"/>
    </row>
    <row r="590218" spans="8:8">
      <c r="H590218" s="12"/>
    </row>
    <row r="590219" spans="8:8">
      <c r="H590219" s="12"/>
    </row>
    <row r="590220" spans="8:8">
      <c r="H590220" s="12"/>
    </row>
    <row r="590221" spans="8:8">
      <c r="H590221" s="12"/>
    </row>
    <row r="590222" spans="8:8">
      <c r="H590222" s="12"/>
    </row>
    <row r="590223" spans="8:8">
      <c r="H590223" s="12"/>
    </row>
    <row r="590224" spans="8:8">
      <c r="H590224" s="12"/>
    </row>
    <row r="590225" spans="8:8">
      <c r="H590225" s="12"/>
    </row>
    <row r="590226" spans="8:8">
      <c r="H590226" s="12"/>
    </row>
    <row r="590227" spans="8:8">
      <c r="H590227" s="12"/>
    </row>
    <row r="590228" spans="8:8">
      <c r="H590228" s="12"/>
    </row>
    <row r="590229" spans="8:8">
      <c r="H590229" s="12"/>
    </row>
    <row r="590230" spans="8:8">
      <c r="H590230" s="12"/>
    </row>
    <row r="590231" spans="8:8">
      <c r="H590231" s="12"/>
    </row>
    <row r="590232" spans="8:8">
      <c r="H590232" s="12"/>
    </row>
    <row r="590233" spans="8:8">
      <c r="H590233" s="12"/>
    </row>
    <row r="590234" spans="8:8">
      <c r="H590234" s="12"/>
    </row>
    <row r="590235" spans="8:8">
      <c r="H590235" s="12"/>
    </row>
    <row r="590236" spans="8:8">
      <c r="H590236" s="12"/>
    </row>
    <row r="590237" spans="8:8">
      <c r="H590237" s="12"/>
    </row>
    <row r="590238" spans="8:8">
      <c r="H590238" s="12"/>
    </row>
    <row r="590239" spans="8:8">
      <c r="H590239" s="12"/>
    </row>
    <row r="590240" spans="8:8">
      <c r="H590240" s="12"/>
    </row>
    <row r="590241" spans="8:8">
      <c r="H590241" s="12"/>
    </row>
    <row r="590242" spans="8:8">
      <c r="H590242" s="12"/>
    </row>
    <row r="590243" spans="8:8">
      <c r="H590243" s="12"/>
    </row>
    <row r="590244" spans="8:8">
      <c r="H590244" s="12"/>
    </row>
    <row r="590245" spans="8:8">
      <c r="H590245" s="12"/>
    </row>
    <row r="590246" spans="8:8">
      <c r="H590246" s="12"/>
    </row>
    <row r="590247" spans="8:8">
      <c r="H590247" s="12"/>
    </row>
    <row r="590248" spans="8:8">
      <c r="H590248" s="12"/>
    </row>
    <row r="590249" spans="8:8">
      <c r="H590249" s="12"/>
    </row>
    <row r="590250" spans="8:8">
      <c r="H590250" s="12"/>
    </row>
    <row r="590251" spans="8:8">
      <c r="H590251" s="12"/>
    </row>
    <row r="590252" spans="8:8">
      <c r="H590252" s="12"/>
    </row>
    <row r="590253" spans="8:8">
      <c r="H590253" s="12"/>
    </row>
    <row r="590254" spans="8:8">
      <c r="H590254" s="12"/>
    </row>
    <row r="590255" spans="8:8">
      <c r="H590255" s="12"/>
    </row>
    <row r="590256" spans="8:8">
      <c r="H590256" s="12"/>
    </row>
    <row r="590257" spans="8:8">
      <c r="H590257" s="12"/>
    </row>
    <row r="590258" spans="8:8">
      <c r="H590258" s="12"/>
    </row>
    <row r="590259" spans="8:8">
      <c r="H590259" s="12"/>
    </row>
    <row r="590260" spans="8:8">
      <c r="H590260" s="12"/>
    </row>
    <row r="590261" spans="8:8">
      <c r="H590261" s="12"/>
    </row>
    <row r="590262" spans="8:8">
      <c r="H590262" s="12"/>
    </row>
    <row r="590263" spans="8:8">
      <c r="H590263" s="12"/>
    </row>
    <row r="590264" spans="8:8">
      <c r="H590264" s="12"/>
    </row>
    <row r="590265" spans="8:8">
      <c r="H590265" s="12"/>
    </row>
    <row r="590266" spans="8:8">
      <c r="H590266" s="12"/>
    </row>
    <row r="590267" spans="8:8">
      <c r="H590267" s="12"/>
    </row>
    <row r="590268" spans="8:8">
      <c r="H590268" s="12"/>
    </row>
    <row r="590269" spans="8:8">
      <c r="H590269" s="12"/>
    </row>
    <row r="590270" spans="8:8">
      <c r="H590270" s="12"/>
    </row>
    <row r="590271" spans="8:8">
      <c r="H590271" s="12"/>
    </row>
    <row r="590272" spans="8:8">
      <c r="H590272" s="12"/>
    </row>
    <row r="590273" spans="8:8">
      <c r="H590273" s="12"/>
    </row>
    <row r="590274" spans="8:8">
      <c r="H590274" s="12"/>
    </row>
    <row r="590275" spans="8:8">
      <c r="H590275" s="12"/>
    </row>
    <row r="590276" spans="8:8">
      <c r="H590276" s="12"/>
    </row>
    <row r="590277" spans="8:8">
      <c r="H590277" s="12"/>
    </row>
    <row r="590278" spans="8:8">
      <c r="H590278" s="12"/>
    </row>
    <row r="590279" spans="8:8">
      <c r="H590279" s="12"/>
    </row>
    <row r="590280" spans="8:8">
      <c r="H590280" s="12"/>
    </row>
    <row r="590281" spans="8:8">
      <c r="H590281" s="12"/>
    </row>
    <row r="590282" spans="8:8">
      <c r="H590282" s="12"/>
    </row>
    <row r="590283" spans="8:8">
      <c r="H590283" s="12"/>
    </row>
    <row r="590284" spans="8:8">
      <c r="H590284" s="12"/>
    </row>
    <row r="590285" spans="8:8">
      <c r="H590285" s="12"/>
    </row>
    <row r="590286" spans="8:8">
      <c r="H590286" s="12"/>
    </row>
    <row r="590287" spans="8:8">
      <c r="H590287" s="12"/>
    </row>
    <row r="590288" spans="8:8">
      <c r="H590288" s="12"/>
    </row>
    <row r="590289" spans="8:8">
      <c r="H590289" s="12"/>
    </row>
    <row r="590290" spans="8:8">
      <c r="H590290" s="12"/>
    </row>
    <row r="590291" spans="8:8">
      <c r="H590291" s="12"/>
    </row>
    <row r="590292" spans="8:8">
      <c r="H590292" s="12"/>
    </row>
    <row r="590293" spans="8:8">
      <c r="H590293" s="12"/>
    </row>
    <row r="590294" spans="8:8">
      <c r="H590294" s="12"/>
    </row>
    <row r="590295" spans="8:8">
      <c r="H590295" s="12"/>
    </row>
    <row r="590296" spans="8:8">
      <c r="H590296" s="12"/>
    </row>
    <row r="590297" spans="8:8">
      <c r="H590297" s="12"/>
    </row>
    <row r="590298" spans="8:8">
      <c r="H590298" s="12"/>
    </row>
    <row r="590299" spans="8:8">
      <c r="H590299" s="12"/>
    </row>
    <row r="590300" spans="8:8">
      <c r="H590300" s="12"/>
    </row>
    <row r="590301" spans="8:8">
      <c r="H590301" s="12"/>
    </row>
    <row r="590302" spans="8:8">
      <c r="H590302" s="12"/>
    </row>
    <row r="590303" spans="8:8">
      <c r="H590303" s="12"/>
    </row>
    <row r="590304" spans="8:8">
      <c r="H590304" s="12"/>
    </row>
    <row r="590305" spans="8:8">
      <c r="H590305" s="12"/>
    </row>
    <row r="590306" spans="8:8">
      <c r="H590306" s="12"/>
    </row>
    <row r="590307" spans="8:8">
      <c r="H590307" s="12"/>
    </row>
    <row r="590308" spans="8:8">
      <c r="H590308" s="12"/>
    </row>
    <row r="590309" spans="8:8">
      <c r="H590309" s="12"/>
    </row>
    <row r="590310" spans="8:8">
      <c r="H590310" s="12"/>
    </row>
    <row r="590311" spans="8:8">
      <c r="H590311" s="12"/>
    </row>
    <row r="590312" spans="8:8">
      <c r="H590312" s="12"/>
    </row>
    <row r="590313" spans="8:8">
      <c r="H590313" s="12"/>
    </row>
    <row r="590314" spans="8:8">
      <c r="H590314" s="12"/>
    </row>
    <row r="590315" spans="8:8">
      <c r="H590315" s="12"/>
    </row>
    <row r="590316" spans="8:8">
      <c r="H590316" s="12"/>
    </row>
    <row r="590317" spans="8:8">
      <c r="H590317" s="12"/>
    </row>
    <row r="590318" spans="8:8">
      <c r="H590318" s="12"/>
    </row>
    <row r="590319" spans="8:8">
      <c r="H590319" s="12"/>
    </row>
    <row r="590320" spans="8:8">
      <c r="H590320" s="12"/>
    </row>
    <row r="590321" spans="8:8">
      <c r="H590321" s="12"/>
    </row>
    <row r="590322" spans="8:8">
      <c r="H590322" s="12"/>
    </row>
    <row r="590323" spans="8:8">
      <c r="H590323" s="12"/>
    </row>
    <row r="590324" spans="8:8">
      <c r="H590324" s="12"/>
    </row>
    <row r="590325" spans="8:8">
      <c r="H590325" s="12"/>
    </row>
    <row r="590326" spans="8:8">
      <c r="H590326" s="12"/>
    </row>
    <row r="590327" spans="8:8">
      <c r="H590327" s="12"/>
    </row>
    <row r="590328" spans="8:8">
      <c r="H590328" s="12"/>
    </row>
    <row r="590329" spans="8:8">
      <c r="H590329" s="12"/>
    </row>
    <row r="590330" spans="8:8">
      <c r="H590330" s="12"/>
    </row>
    <row r="590331" spans="8:8">
      <c r="H590331" s="12"/>
    </row>
    <row r="590332" spans="8:8">
      <c r="H590332" s="12"/>
    </row>
    <row r="590333" spans="8:8">
      <c r="H590333" s="12"/>
    </row>
    <row r="590334" spans="8:8">
      <c r="H590334" s="12"/>
    </row>
    <row r="590335" spans="8:8">
      <c r="H590335" s="12"/>
    </row>
    <row r="590336" spans="8:8">
      <c r="H590336" s="12"/>
    </row>
    <row r="590337" spans="8:8">
      <c r="H590337" s="12"/>
    </row>
    <row r="590338" spans="8:8">
      <c r="H590338" s="12"/>
    </row>
    <row r="590339" spans="8:8">
      <c r="H590339" s="12"/>
    </row>
    <row r="590340" spans="8:8">
      <c r="H590340" s="12"/>
    </row>
    <row r="590341" spans="8:8">
      <c r="H590341" s="12"/>
    </row>
    <row r="590342" spans="8:8">
      <c r="H590342" s="12"/>
    </row>
    <row r="590343" spans="8:8">
      <c r="H590343" s="12"/>
    </row>
    <row r="590344" spans="8:8">
      <c r="H590344" s="12"/>
    </row>
    <row r="590345" spans="8:8">
      <c r="H590345" s="12"/>
    </row>
    <row r="590346" spans="8:8">
      <c r="H590346" s="12"/>
    </row>
    <row r="590347" spans="8:8">
      <c r="H590347" s="12"/>
    </row>
    <row r="590348" spans="8:8">
      <c r="H590348" s="12"/>
    </row>
    <row r="590349" spans="8:8">
      <c r="H590349" s="12"/>
    </row>
    <row r="590350" spans="8:8">
      <c r="H590350" s="12"/>
    </row>
    <row r="590351" spans="8:8">
      <c r="H590351" s="12"/>
    </row>
    <row r="590352" spans="8:8">
      <c r="H590352" s="12"/>
    </row>
    <row r="590353" spans="8:8">
      <c r="H590353" s="12"/>
    </row>
    <row r="590354" spans="8:8">
      <c r="H590354" s="12"/>
    </row>
    <row r="590355" spans="8:8">
      <c r="H590355" s="12"/>
    </row>
    <row r="590356" spans="8:8">
      <c r="H590356" s="12"/>
    </row>
    <row r="590357" spans="8:8">
      <c r="H590357" s="12"/>
    </row>
    <row r="590358" spans="8:8">
      <c r="H590358" s="12"/>
    </row>
    <row r="590359" spans="8:8">
      <c r="H590359" s="12"/>
    </row>
    <row r="590360" spans="8:8">
      <c r="H590360" s="12"/>
    </row>
    <row r="590361" spans="8:8">
      <c r="H590361" s="12"/>
    </row>
    <row r="590362" spans="8:8">
      <c r="H590362" s="12"/>
    </row>
    <row r="590363" spans="8:8">
      <c r="H590363" s="12"/>
    </row>
    <row r="590364" spans="8:8">
      <c r="H590364" s="12"/>
    </row>
    <row r="590365" spans="8:8">
      <c r="H590365" s="12"/>
    </row>
    <row r="590366" spans="8:8">
      <c r="H590366" s="12"/>
    </row>
    <row r="590367" spans="8:8">
      <c r="H590367" s="12"/>
    </row>
    <row r="590368" spans="8:8">
      <c r="H590368" s="12"/>
    </row>
    <row r="590369" spans="8:8">
      <c r="H590369" s="12"/>
    </row>
    <row r="590370" spans="8:8">
      <c r="H590370" s="12"/>
    </row>
    <row r="590371" spans="8:8">
      <c r="H590371" s="12"/>
    </row>
    <row r="590372" spans="8:8">
      <c r="H590372" s="12"/>
    </row>
    <row r="590373" spans="8:8">
      <c r="H590373" s="12"/>
    </row>
    <row r="590374" spans="8:8">
      <c r="H590374" s="12"/>
    </row>
    <row r="590375" spans="8:8">
      <c r="H590375" s="12"/>
    </row>
    <row r="590376" spans="8:8">
      <c r="H590376" s="12"/>
    </row>
    <row r="590377" spans="8:8">
      <c r="H590377" s="12"/>
    </row>
    <row r="590378" spans="8:8">
      <c r="H590378" s="12"/>
    </row>
    <row r="590379" spans="8:8">
      <c r="H590379" s="12"/>
    </row>
    <row r="590380" spans="8:8">
      <c r="H590380" s="12"/>
    </row>
    <row r="590381" spans="8:8">
      <c r="H590381" s="12"/>
    </row>
    <row r="590382" spans="8:8">
      <c r="H590382" s="12"/>
    </row>
    <row r="590383" spans="8:8">
      <c r="H590383" s="12"/>
    </row>
    <row r="590384" spans="8:8">
      <c r="H590384" s="12"/>
    </row>
    <row r="590385" spans="8:8">
      <c r="H590385" s="12"/>
    </row>
    <row r="590386" spans="8:8">
      <c r="H590386" s="12"/>
    </row>
    <row r="590387" spans="8:8">
      <c r="H590387" s="12"/>
    </row>
    <row r="590388" spans="8:8">
      <c r="H590388" s="12"/>
    </row>
    <row r="590389" spans="8:8">
      <c r="H590389" s="12"/>
    </row>
    <row r="590390" spans="8:8">
      <c r="H590390" s="12"/>
    </row>
    <row r="590391" spans="8:8">
      <c r="H590391" s="12"/>
    </row>
    <row r="590392" spans="8:8">
      <c r="H590392" s="12"/>
    </row>
    <row r="590393" spans="8:8">
      <c r="H590393" s="12"/>
    </row>
    <row r="590394" spans="8:8">
      <c r="H590394" s="12"/>
    </row>
    <row r="590395" spans="8:8">
      <c r="H590395" s="12"/>
    </row>
    <row r="590396" spans="8:8">
      <c r="H590396" s="12"/>
    </row>
    <row r="590397" spans="8:8">
      <c r="H590397" s="12"/>
    </row>
    <row r="590398" spans="8:8">
      <c r="H590398" s="12"/>
    </row>
    <row r="590399" spans="8:8">
      <c r="H590399" s="12"/>
    </row>
    <row r="590400" spans="8:8">
      <c r="H590400" s="12"/>
    </row>
    <row r="590401" spans="8:8">
      <c r="H590401" s="12"/>
    </row>
    <row r="590402" spans="8:8">
      <c r="H590402" s="12"/>
    </row>
    <row r="590403" spans="8:8">
      <c r="H590403" s="12"/>
    </row>
    <row r="590404" spans="8:8">
      <c r="H590404" s="12"/>
    </row>
    <row r="590405" spans="8:8">
      <c r="H590405" s="12"/>
    </row>
    <row r="590406" spans="8:8">
      <c r="H590406" s="12"/>
    </row>
    <row r="590407" spans="8:8">
      <c r="H590407" s="12"/>
    </row>
    <row r="590408" spans="8:8">
      <c r="H590408" s="12"/>
    </row>
    <row r="590409" spans="8:8">
      <c r="H590409" s="12"/>
    </row>
    <row r="590410" spans="8:8">
      <c r="H590410" s="12"/>
    </row>
    <row r="590411" spans="8:8">
      <c r="H590411" s="12"/>
    </row>
    <row r="590412" spans="8:8">
      <c r="H590412" s="12"/>
    </row>
    <row r="590413" spans="8:8">
      <c r="H590413" s="12"/>
    </row>
    <row r="590414" spans="8:8">
      <c r="H590414" s="12"/>
    </row>
    <row r="590415" spans="8:8">
      <c r="H590415" s="12"/>
    </row>
    <row r="590416" spans="8:8">
      <c r="H590416" s="12"/>
    </row>
    <row r="590417" spans="8:8">
      <c r="H590417" s="12"/>
    </row>
    <row r="590418" spans="8:8">
      <c r="H590418" s="12"/>
    </row>
    <row r="590419" spans="8:8">
      <c r="H590419" s="12"/>
    </row>
    <row r="590420" spans="8:8">
      <c r="H590420" s="12"/>
    </row>
    <row r="590421" spans="8:8">
      <c r="H590421" s="12"/>
    </row>
    <row r="590422" spans="8:8">
      <c r="H590422" s="12"/>
    </row>
    <row r="590423" spans="8:8">
      <c r="H590423" s="12"/>
    </row>
    <row r="590424" spans="8:8">
      <c r="H590424" s="12"/>
    </row>
    <row r="590425" spans="8:8">
      <c r="H590425" s="12"/>
    </row>
    <row r="590426" spans="8:8">
      <c r="H590426" s="12"/>
    </row>
    <row r="590427" spans="8:8">
      <c r="H590427" s="12"/>
    </row>
    <row r="590428" spans="8:8">
      <c r="H590428" s="12"/>
    </row>
    <row r="590429" spans="8:8">
      <c r="H590429" s="12"/>
    </row>
    <row r="590430" spans="8:8">
      <c r="H590430" s="12"/>
    </row>
    <row r="590431" spans="8:8">
      <c r="H590431" s="12"/>
    </row>
    <row r="590432" spans="8:8">
      <c r="H590432" s="12"/>
    </row>
    <row r="590433" spans="8:8">
      <c r="H590433" s="12"/>
    </row>
    <row r="590434" spans="8:8">
      <c r="H590434" s="12"/>
    </row>
    <row r="590435" spans="8:8">
      <c r="H590435" s="12"/>
    </row>
    <row r="590436" spans="8:8">
      <c r="H590436" s="12"/>
    </row>
    <row r="590437" spans="8:8">
      <c r="H590437" s="12"/>
    </row>
    <row r="590438" spans="8:8">
      <c r="H590438" s="12"/>
    </row>
    <row r="590439" spans="8:8">
      <c r="H590439" s="12"/>
    </row>
    <row r="590440" spans="8:8">
      <c r="H590440" s="12"/>
    </row>
    <row r="590441" spans="8:8">
      <c r="H590441" s="12"/>
    </row>
    <row r="590442" spans="8:8">
      <c r="H590442" s="12"/>
    </row>
    <row r="590443" spans="8:8">
      <c r="H590443" s="12"/>
    </row>
    <row r="590444" spans="8:8">
      <c r="H590444" s="12"/>
    </row>
    <row r="590445" spans="8:8">
      <c r="H590445" s="12"/>
    </row>
    <row r="590446" spans="8:8">
      <c r="H590446" s="12"/>
    </row>
    <row r="590447" spans="8:8">
      <c r="H590447" s="12"/>
    </row>
    <row r="590448" spans="8:8">
      <c r="H590448" s="12"/>
    </row>
    <row r="590449" spans="8:8">
      <c r="H590449" s="12"/>
    </row>
    <row r="590450" spans="8:8">
      <c r="H590450" s="12"/>
    </row>
    <row r="590451" spans="8:8">
      <c r="H590451" s="12"/>
    </row>
    <row r="590452" spans="8:8">
      <c r="H590452" s="12"/>
    </row>
    <row r="590453" spans="8:8">
      <c r="H590453" s="12"/>
    </row>
    <row r="590454" spans="8:8">
      <c r="H590454" s="12"/>
    </row>
    <row r="590455" spans="8:8">
      <c r="H590455" s="12"/>
    </row>
    <row r="590456" spans="8:8">
      <c r="H590456" s="12"/>
    </row>
    <row r="590457" spans="8:8">
      <c r="H590457" s="12"/>
    </row>
    <row r="590458" spans="8:8">
      <c r="H590458" s="12"/>
    </row>
    <row r="590459" spans="8:8">
      <c r="H590459" s="12"/>
    </row>
    <row r="590460" spans="8:8">
      <c r="H590460" s="12"/>
    </row>
    <row r="590461" spans="8:8">
      <c r="H590461" s="12"/>
    </row>
    <row r="590462" spans="8:8">
      <c r="H590462" s="12"/>
    </row>
    <row r="590463" spans="8:8">
      <c r="H590463" s="12"/>
    </row>
    <row r="590464" spans="8:8">
      <c r="H590464" s="12"/>
    </row>
    <row r="590465" spans="8:8">
      <c r="H590465" s="12"/>
    </row>
    <row r="590466" spans="8:8">
      <c r="H590466" s="12"/>
    </row>
    <row r="590467" spans="8:8">
      <c r="H590467" s="12"/>
    </row>
    <row r="590468" spans="8:8">
      <c r="H590468" s="12"/>
    </row>
    <row r="590469" spans="8:8">
      <c r="H590469" s="12"/>
    </row>
    <row r="590470" spans="8:8">
      <c r="H590470" s="12"/>
    </row>
    <row r="590471" spans="8:8">
      <c r="H590471" s="12"/>
    </row>
    <row r="590472" spans="8:8">
      <c r="H590472" s="12"/>
    </row>
    <row r="590473" spans="8:8">
      <c r="H590473" s="12"/>
    </row>
    <row r="590474" spans="8:8">
      <c r="H590474" s="12"/>
    </row>
    <row r="590475" spans="8:8">
      <c r="H590475" s="12"/>
    </row>
    <row r="590476" spans="8:8">
      <c r="H590476" s="12"/>
    </row>
    <row r="590477" spans="8:8">
      <c r="H590477" s="12"/>
    </row>
    <row r="590478" spans="8:8">
      <c r="H590478" s="12"/>
    </row>
    <row r="590479" spans="8:8">
      <c r="H590479" s="12"/>
    </row>
    <row r="590480" spans="8:8">
      <c r="H590480" s="12"/>
    </row>
    <row r="590481" spans="8:8">
      <c r="H590481" s="12"/>
    </row>
    <row r="590482" spans="8:8">
      <c r="H590482" s="12"/>
    </row>
    <row r="590483" spans="8:8">
      <c r="H590483" s="12"/>
    </row>
    <row r="590484" spans="8:8">
      <c r="H590484" s="12"/>
    </row>
    <row r="590485" spans="8:8">
      <c r="H590485" s="12"/>
    </row>
    <row r="590486" spans="8:8">
      <c r="H590486" s="12"/>
    </row>
    <row r="590487" spans="8:8">
      <c r="H590487" s="12"/>
    </row>
    <row r="590488" spans="8:8">
      <c r="H590488" s="12"/>
    </row>
    <row r="590489" spans="8:8">
      <c r="H590489" s="12"/>
    </row>
    <row r="590490" spans="8:8">
      <c r="H590490" s="12"/>
    </row>
    <row r="590491" spans="8:8">
      <c r="H590491" s="12"/>
    </row>
    <row r="590492" spans="8:8">
      <c r="H590492" s="12"/>
    </row>
    <row r="590493" spans="8:8">
      <c r="H590493" s="12"/>
    </row>
    <row r="590494" spans="8:8">
      <c r="H590494" s="12"/>
    </row>
    <row r="590495" spans="8:8">
      <c r="H590495" s="12"/>
    </row>
    <row r="590496" spans="8:8">
      <c r="H590496" s="12"/>
    </row>
    <row r="590497" spans="8:8">
      <c r="H590497" s="12"/>
    </row>
    <row r="590498" spans="8:8">
      <c r="H590498" s="12"/>
    </row>
    <row r="590499" spans="8:8">
      <c r="H590499" s="12"/>
    </row>
    <row r="590500" spans="8:8">
      <c r="H590500" s="12"/>
    </row>
    <row r="590501" spans="8:8">
      <c r="H590501" s="12"/>
    </row>
    <row r="590502" spans="8:8">
      <c r="H590502" s="12"/>
    </row>
    <row r="590503" spans="8:8">
      <c r="H590503" s="12"/>
    </row>
    <row r="590504" spans="8:8">
      <c r="H590504" s="12"/>
    </row>
    <row r="590505" spans="8:8">
      <c r="H590505" s="12"/>
    </row>
    <row r="590506" spans="8:8">
      <c r="H590506" s="12"/>
    </row>
    <row r="590507" spans="8:8">
      <c r="H590507" s="12"/>
    </row>
    <row r="590508" spans="8:8">
      <c r="H590508" s="12"/>
    </row>
    <row r="590509" spans="8:8">
      <c r="H590509" s="12"/>
    </row>
    <row r="590510" spans="8:8">
      <c r="H590510" s="12"/>
    </row>
    <row r="590511" spans="8:8">
      <c r="H590511" s="12"/>
    </row>
    <row r="590512" spans="8:8">
      <c r="H590512" s="12"/>
    </row>
    <row r="590513" spans="8:8">
      <c r="H590513" s="12"/>
    </row>
    <row r="590514" spans="8:8">
      <c r="H590514" s="12"/>
    </row>
    <row r="590515" spans="8:8">
      <c r="H590515" s="12"/>
    </row>
    <row r="590516" spans="8:8">
      <c r="H590516" s="12"/>
    </row>
    <row r="590517" spans="8:8">
      <c r="H590517" s="12"/>
    </row>
    <row r="590518" spans="8:8">
      <c r="H590518" s="12"/>
    </row>
    <row r="590519" spans="8:8">
      <c r="H590519" s="12"/>
    </row>
    <row r="590520" spans="8:8">
      <c r="H590520" s="12"/>
    </row>
    <row r="590521" spans="8:8">
      <c r="H590521" s="12"/>
    </row>
    <row r="590522" spans="8:8">
      <c r="H590522" s="12"/>
    </row>
    <row r="590523" spans="8:8">
      <c r="H590523" s="12"/>
    </row>
    <row r="590524" spans="8:8">
      <c r="H590524" s="12"/>
    </row>
    <row r="590525" spans="8:8">
      <c r="H590525" s="12"/>
    </row>
    <row r="590526" spans="8:8">
      <c r="H590526" s="12"/>
    </row>
    <row r="590527" spans="8:8">
      <c r="H590527" s="12"/>
    </row>
    <row r="590528" spans="8:8">
      <c r="H590528" s="12"/>
    </row>
    <row r="590529" spans="8:8">
      <c r="H590529" s="12"/>
    </row>
    <row r="590530" spans="8:8">
      <c r="H590530" s="12"/>
    </row>
    <row r="590531" spans="8:8">
      <c r="H590531" s="12"/>
    </row>
    <row r="590532" spans="8:8">
      <c r="H590532" s="12"/>
    </row>
    <row r="590533" spans="8:8">
      <c r="H590533" s="12"/>
    </row>
    <row r="590534" spans="8:8">
      <c r="H590534" s="12"/>
    </row>
    <row r="590535" spans="8:8">
      <c r="H590535" s="12"/>
    </row>
    <row r="590536" spans="8:8">
      <c r="H590536" s="12"/>
    </row>
    <row r="590537" spans="8:8">
      <c r="H590537" s="12"/>
    </row>
    <row r="590538" spans="8:8">
      <c r="H590538" s="12"/>
    </row>
    <row r="590539" spans="8:8">
      <c r="H590539" s="12"/>
    </row>
    <row r="590540" spans="8:8">
      <c r="H590540" s="12"/>
    </row>
    <row r="590541" spans="8:8">
      <c r="H590541" s="12"/>
    </row>
    <row r="590542" spans="8:8">
      <c r="H590542" s="12"/>
    </row>
    <row r="590543" spans="8:8">
      <c r="H590543" s="12"/>
    </row>
    <row r="590544" spans="8:8">
      <c r="H590544" s="12"/>
    </row>
    <row r="590545" spans="8:8">
      <c r="H590545" s="12"/>
    </row>
    <row r="590546" spans="8:8">
      <c r="H590546" s="12"/>
    </row>
    <row r="590547" spans="8:8">
      <c r="H590547" s="12"/>
    </row>
    <row r="590548" spans="8:8">
      <c r="H590548" s="12"/>
    </row>
    <row r="590549" spans="8:8">
      <c r="H590549" s="12"/>
    </row>
    <row r="590550" spans="8:8">
      <c r="H590550" s="12"/>
    </row>
    <row r="590551" spans="8:8">
      <c r="H590551" s="12"/>
    </row>
    <row r="590552" spans="8:8">
      <c r="H590552" s="12"/>
    </row>
    <row r="590553" spans="8:8">
      <c r="H590553" s="12"/>
    </row>
    <row r="590554" spans="8:8">
      <c r="H590554" s="12"/>
    </row>
    <row r="590555" spans="8:8">
      <c r="H590555" s="12"/>
    </row>
    <row r="590556" spans="8:8">
      <c r="H590556" s="12"/>
    </row>
    <row r="590557" spans="8:8">
      <c r="H590557" s="12"/>
    </row>
    <row r="590558" spans="8:8">
      <c r="H590558" s="12"/>
    </row>
    <row r="590559" spans="8:8">
      <c r="H590559" s="12"/>
    </row>
    <row r="590560" spans="8:8">
      <c r="H590560" s="12"/>
    </row>
    <row r="590561" spans="8:8">
      <c r="H590561" s="12"/>
    </row>
    <row r="590562" spans="8:8">
      <c r="H590562" s="12"/>
    </row>
    <row r="590563" spans="8:8">
      <c r="H590563" s="12"/>
    </row>
    <row r="590564" spans="8:8">
      <c r="H590564" s="12"/>
    </row>
    <row r="590565" spans="8:8">
      <c r="H590565" s="12"/>
    </row>
    <row r="590566" spans="8:8">
      <c r="H590566" s="12"/>
    </row>
    <row r="590567" spans="8:8">
      <c r="H590567" s="12"/>
    </row>
    <row r="590568" spans="8:8">
      <c r="H590568" s="12"/>
    </row>
    <row r="590569" spans="8:8">
      <c r="H590569" s="12"/>
    </row>
    <row r="590570" spans="8:8">
      <c r="H590570" s="12"/>
    </row>
    <row r="590571" spans="8:8">
      <c r="H590571" s="12"/>
    </row>
    <row r="590572" spans="8:8">
      <c r="H590572" s="12"/>
    </row>
    <row r="590573" spans="8:8">
      <c r="H590573" s="12"/>
    </row>
    <row r="590574" spans="8:8">
      <c r="H590574" s="12"/>
    </row>
    <row r="590575" spans="8:8">
      <c r="H590575" s="12"/>
    </row>
    <row r="590576" spans="8:8">
      <c r="H590576" s="12"/>
    </row>
    <row r="590577" spans="8:8">
      <c r="H590577" s="12"/>
    </row>
    <row r="590578" spans="8:8">
      <c r="H590578" s="12"/>
    </row>
    <row r="590579" spans="8:8">
      <c r="H590579" s="12"/>
    </row>
    <row r="590580" spans="8:8">
      <c r="H590580" s="12"/>
    </row>
    <row r="590581" spans="8:8">
      <c r="H590581" s="12"/>
    </row>
    <row r="590582" spans="8:8">
      <c r="H590582" s="12"/>
    </row>
    <row r="590583" spans="8:8">
      <c r="H590583" s="12"/>
    </row>
    <row r="590584" spans="8:8">
      <c r="H590584" s="12"/>
    </row>
    <row r="590585" spans="8:8">
      <c r="H590585" s="12"/>
    </row>
    <row r="590586" spans="8:8">
      <c r="H590586" s="12"/>
    </row>
    <row r="590587" spans="8:8">
      <c r="H590587" s="12"/>
    </row>
    <row r="590588" spans="8:8">
      <c r="H590588" s="12"/>
    </row>
    <row r="590589" spans="8:8">
      <c r="H590589" s="12"/>
    </row>
    <row r="590590" spans="8:8">
      <c r="H590590" s="12"/>
    </row>
    <row r="590591" spans="8:8">
      <c r="H590591" s="12"/>
    </row>
    <row r="590592" spans="8:8">
      <c r="H590592" s="12"/>
    </row>
    <row r="590593" spans="8:8">
      <c r="H590593" s="12"/>
    </row>
    <row r="590594" spans="8:8">
      <c r="H590594" s="12"/>
    </row>
    <row r="590595" spans="8:8">
      <c r="H590595" s="12"/>
    </row>
    <row r="590596" spans="8:8">
      <c r="H590596" s="12"/>
    </row>
    <row r="590597" spans="8:8">
      <c r="H590597" s="12"/>
    </row>
    <row r="590598" spans="8:8">
      <c r="H590598" s="12"/>
    </row>
    <row r="590599" spans="8:8">
      <c r="H590599" s="12"/>
    </row>
    <row r="590600" spans="8:8">
      <c r="H590600" s="12"/>
    </row>
    <row r="590601" spans="8:8">
      <c r="H590601" s="12"/>
    </row>
    <row r="590602" spans="8:8">
      <c r="H590602" s="12"/>
    </row>
    <row r="590603" spans="8:8">
      <c r="H590603" s="12"/>
    </row>
    <row r="590604" spans="8:8">
      <c r="H590604" s="12"/>
    </row>
    <row r="590605" spans="8:8">
      <c r="H590605" s="12"/>
    </row>
    <row r="590606" spans="8:8">
      <c r="H590606" s="12"/>
    </row>
    <row r="590607" spans="8:8">
      <c r="H590607" s="12"/>
    </row>
    <row r="590608" spans="8:8">
      <c r="H590608" s="12"/>
    </row>
    <row r="590609" spans="8:8">
      <c r="H590609" s="12"/>
    </row>
    <row r="590610" spans="8:8">
      <c r="H590610" s="12"/>
    </row>
    <row r="590611" spans="8:8">
      <c r="H590611" s="12"/>
    </row>
    <row r="590612" spans="8:8">
      <c r="H590612" s="12"/>
    </row>
    <row r="590613" spans="8:8">
      <c r="H590613" s="12"/>
    </row>
    <row r="590614" spans="8:8">
      <c r="H590614" s="12"/>
    </row>
    <row r="590615" spans="8:8">
      <c r="H590615" s="12"/>
    </row>
    <row r="590616" spans="8:8">
      <c r="H590616" s="12"/>
    </row>
    <row r="590617" spans="8:8">
      <c r="H590617" s="12"/>
    </row>
    <row r="590618" spans="8:8">
      <c r="H590618" s="12"/>
    </row>
    <row r="590619" spans="8:8">
      <c r="H590619" s="12"/>
    </row>
    <row r="590620" spans="8:8">
      <c r="H590620" s="12"/>
    </row>
    <row r="590621" spans="8:8">
      <c r="H590621" s="12"/>
    </row>
    <row r="590622" spans="8:8">
      <c r="H590622" s="12"/>
    </row>
    <row r="590623" spans="8:8">
      <c r="H590623" s="12"/>
    </row>
    <row r="590624" spans="8:8">
      <c r="H590624" s="12"/>
    </row>
    <row r="590625" spans="8:8">
      <c r="H590625" s="12"/>
    </row>
    <row r="590626" spans="8:8">
      <c r="H590626" s="12"/>
    </row>
    <row r="590627" spans="8:8">
      <c r="H590627" s="12"/>
    </row>
    <row r="590628" spans="8:8">
      <c r="H590628" s="12"/>
    </row>
    <row r="590629" spans="8:8">
      <c r="H590629" s="12"/>
    </row>
    <row r="590630" spans="8:8">
      <c r="H590630" s="12"/>
    </row>
    <row r="590631" spans="8:8">
      <c r="H590631" s="12"/>
    </row>
    <row r="590632" spans="8:8">
      <c r="H590632" s="12"/>
    </row>
    <row r="590633" spans="8:8">
      <c r="H590633" s="12"/>
    </row>
    <row r="590634" spans="8:8">
      <c r="H590634" s="12"/>
    </row>
    <row r="590635" spans="8:8">
      <c r="H590635" s="12"/>
    </row>
    <row r="590636" spans="8:8">
      <c r="H590636" s="12"/>
    </row>
    <row r="590637" spans="8:8">
      <c r="H590637" s="12"/>
    </row>
    <row r="590638" spans="8:8">
      <c r="H590638" s="12"/>
    </row>
    <row r="590639" spans="8:8">
      <c r="H590639" s="12"/>
    </row>
    <row r="590640" spans="8:8">
      <c r="H590640" s="12"/>
    </row>
    <row r="590641" spans="8:8">
      <c r="H590641" s="12"/>
    </row>
    <row r="590642" spans="8:8">
      <c r="H590642" s="12"/>
    </row>
    <row r="590643" spans="8:8">
      <c r="H590643" s="12"/>
    </row>
    <row r="590644" spans="8:8">
      <c r="H590644" s="12"/>
    </row>
    <row r="590645" spans="8:8">
      <c r="H590645" s="12"/>
    </row>
    <row r="590646" spans="8:8">
      <c r="H590646" s="12"/>
    </row>
    <row r="590647" spans="8:8">
      <c r="H590647" s="12"/>
    </row>
    <row r="590648" spans="8:8">
      <c r="H590648" s="12"/>
    </row>
    <row r="590649" spans="8:8">
      <c r="H590649" s="12"/>
    </row>
    <row r="590650" spans="8:8">
      <c r="H590650" s="12"/>
    </row>
    <row r="590651" spans="8:8">
      <c r="H590651" s="12"/>
    </row>
    <row r="590652" spans="8:8">
      <c r="H590652" s="12"/>
    </row>
    <row r="590653" spans="8:8">
      <c r="H590653" s="12"/>
    </row>
    <row r="590654" spans="8:8">
      <c r="H590654" s="12"/>
    </row>
    <row r="590655" spans="8:8">
      <c r="H590655" s="12"/>
    </row>
    <row r="590656" spans="8:8">
      <c r="H590656" s="12"/>
    </row>
    <row r="590657" spans="8:8">
      <c r="H590657" s="12"/>
    </row>
    <row r="590658" spans="8:8">
      <c r="H590658" s="12"/>
    </row>
    <row r="590659" spans="8:8">
      <c r="H590659" s="12"/>
    </row>
    <row r="590660" spans="8:8">
      <c r="H590660" s="12"/>
    </row>
    <row r="590661" spans="8:8">
      <c r="H590661" s="12"/>
    </row>
    <row r="590662" spans="8:8">
      <c r="H590662" s="12"/>
    </row>
    <row r="590663" spans="8:8">
      <c r="H590663" s="12"/>
    </row>
    <row r="590664" spans="8:8">
      <c r="H590664" s="12"/>
    </row>
    <row r="590665" spans="8:8">
      <c r="H590665" s="12"/>
    </row>
    <row r="590666" spans="8:8">
      <c r="H590666" s="12"/>
    </row>
    <row r="590667" spans="8:8">
      <c r="H590667" s="12"/>
    </row>
    <row r="590668" spans="8:8">
      <c r="H590668" s="12"/>
    </row>
    <row r="590669" spans="8:8">
      <c r="H590669" s="12"/>
    </row>
    <row r="590670" spans="8:8">
      <c r="H590670" s="12"/>
    </row>
    <row r="590671" spans="8:8">
      <c r="H590671" s="12"/>
    </row>
    <row r="590672" spans="8:8">
      <c r="H590672" s="12"/>
    </row>
    <row r="590673" spans="8:8">
      <c r="H590673" s="12"/>
    </row>
    <row r="590674" spans="8:8">
      <c r="H590674" s="12"/>
    </row>
    <row r="590675" spans="8:8">
      <c r="H590675" s="12"/>
    </row>
    <row r="590676" spans="8:8">
      <c r="H590676" s="12"/>
    </row>
    <row r="590677" spans="8:8">
      <c r="H590677" s="12"/>
    </row>
    <row r="590678" spans="8:8">
      <c r="H590678" s="12"/>
    </row>
    <row r="590679" spans="8:8">
      <c r="H590679" s="12"/>
    </row>
    <row r="590680" spans="8:8">
      <c r="H590680" s="12"/>
    </row>
    <row r="590681" spans="8:8">
      <c r="H590681" s="12"/>
    </row>
    <row r="590682" spans="8:8">
      <c r="H590682" s="12"/>
    </row>
    <row r="590683" spans="8:8">
      <c r="H590683" s="12"/>
    </row>
    <row r="590684" spans="8:8">
      <c r="H590684" s="12"/>
    </row>
    <row r="590685" spans="8:8">
      <c r="H590685" s="12"/>
    </row>
    <row r="590686" spans="8:8">
      <c r="H590686" s="12"/>
    </row>
    <row r="590687" spans="8:8">
      <c r="H590687" s="12"/>
    </row>
    <row r="590688" spans="8:8">
      <c r="H590688" s="12"/>
    </row>
    <row r="590689" spans="8:8">
      <c r="H590689" s="12"/>
    </row>
    <row r="590690" spans="8:8">
      <c r="H590690" s="12"/>
    </row>
    <row r="590691" spans="8:8">
      <c r="H590691" s="12"/>
    </row>
    <row r="590692" spans="8:8">
      <c r="H590692" s="12"/>
    </row>
    <row r="590693" spans="8:8">
      <c r="H590693" s="12"/>
    </row>
    <row r="590694" spans="8:8">
      <c r="H590694" s="12"/>
    </row>
    <row r="590695" spans="8:8">
      <c r="H590695" s="12"/>
    </row>
    <row r="590696" spans="8:8">
      <c r="H590696" s="12"/>
    </row>
    <row r="590697" spans="8:8">
      <c r="H590697" s="12"/>
    </row>
    <row r="590698" spans="8:8">
      <c r="H590698" s="12"/>
    </row>
    <row r="590699" spans="8:8">
      <c r="H590699" s="12"/>
    </row>
    <row r="590700" spans="8:8">
      <c r="H590700" s="12"/>
    </row>
    <row r="590701" spans="8:8">
      <c r="H590701" s="12"/>
    </row>
    <row r="590702" spans="8:8">
      <c r="H590702" s="12"/>
    </row>
    <row r="590703" spans="8:8">
      <c r="H590703" s="12"/>
    </row>
    <row r="590704" spans="8:8">
      <c r="H590704" s="12"/>
    </row>
    <row r="590705" spans="8:8">
      <c r="H590705" s="12"/>
    </row>
    <row r="590706" spans="8:8">
      <c r="H590706" s="12"/>
    </row>
    <row r="590707" spans="8:8">
      <c r="H590707" s="12"/>
    </row>
    <row r="590708" spans="8:8">
      <c r="H590708" s="12"/>
    </row>
    <row r="590709" spans="8:8">
      <c r="H590709" s="12"/>
    </row>
    <row r="590710" spans="8:8">
      <c r="H590710" s="12"/>
    </row>
    <row r="590711" spans="8:8">
      <c r="H590711" s="12"/>
    </row>
    <row r="590712" spans="8:8">
      <c r="H590712" s="12"/>
    </row>
    <row r="590713" spans="8:8">
      <c r="H590713" s="12"/>
    </row>
    <row r="590714" spans="8:8">
      <c r="H590714" s="12"/>
    </row>
    <row r="590715" spans="8:8">
      <c r="H590715" s="12"/>
    </row>
    <row r="590716" spans="8:8">
      <c r="H590716" s="12"/>
    </row>
    <row r="590717" spans="8:8">
      <c r="H590717" s="12"/>
    </row>
    <row r="590718" spans="8:8">
      <c r="H590718" s="12"/>
    </row>
    <row r="590719" spans="8:8">
      <c r="H590719" s="12"/>
    </row>
    <row r="590720" spans="8:8">
      <c r="H590720" s="12"/>
    </row>
    <row r="590721" spans="8:8">
      <c r="H590721" s="12"/>
    </row>
    <row r="590722" spans="8:8">
      <c r="H590722" s="12"/>
    </row>
    <row r="590723" spans="8:8">
      <c r="H590723" s="12"/>
    </row>
    <row r="590724" spans="8:8">
      <c r="H590724" s="12"/>
    </row>
    <row r="590725" spans="8:8">
      <c r="H590725" s="12"/>
    </row>
    <row r="590726" spans="8:8">
      <c r="H590726" s="12"/>
    </row>
    <row r="590727" spans="8:8">
      <c r="H590727" s="12"/>
    </row>
    <row r="590728" spans="8:8">
      <c r="H590728" s="12"/>
    </row>
    <row r="590729" spans="8:8">
      <c r="H590729" s="12"/>
    </row>
    <row r="590730" spans="8:8">
      <c r="H590730" s="12"/>
    </row>
    <row r="590731" spans="8:8">
      <c r="H590731" s="12"/>
    </row>
    <row r="590732" spans="8:8">
      <c r="H590732" s="12"/>
    </row>
    <row r="590733" spans="8:8">
      <c r="H590733" s="12"/>
    </row>
    <row r="590734" spans="8:8">
      <c r="H590734" s="12"/>
    </row>
    <row r="590735" spans="8:8">
      <c r="H590735" s="12"/>
    </row>
    <row r="590736" spans="8:8">
      <c r="H590736" s="12"/>
    </row>
    <row r="590737" spans="8:8">
      <c r="H590737" s="12"/>
    </row>
    <row r="590738" spans="8:8">
      <c r="H590738" s="12"/>
    </row>
    <row r="590739" spans="8:8">
      <c r="H590739" s="12"/>
    </row>
    <row r="590740" spans="8:8">
      <c r="H590740" s="12"/>
    </row>
    <row r="590741" spans="8:8">
      <c r="H590741" s="12"/>
    </row>
    <row r="590742" spans="8:8">
      <c r="H590742" s="12"/>
    </row>
    <row r="590743" spans="8:8">
      <c r="H590743" s="12"/>
    </row>
    <row r="590744" spans="8:8">
      <c r="H590744" s="12"/>
    </row>
    <row r="590745" spans="8:8">
      <c r="H590745" s="12"/>
    </row>
    <row r="590746" spans="8:8">
      <c r="H590746" s="12"/>
    </row>
    <row r="590747" spans="8:8">
      <c r="H590747" s="12"/>
    </row>
    <row r="590748" spans="8:8">
      <c r="H590748" s="12"/>
    </row>
    <row r="590749" spans="8:8">
      <c r="H590749" s="12"/>
    </row>
    <row r="590750" spans="8:8">
      <c r="H590750" s="12"/>
    </row>
    <row r="590751" spans="8:8">
      <c r="H590751" s="12"/>
    </row>
    <row r="590752" spans="8:8">
      <c r="H590752" s="12"/>
    </row>
    <row r="590753" spans="8:8">
      <c r="H590753" s="12"/>
    </row>
    <row r="590754" spans="8:8">
      <c r="H590754" s="12"/>
    </row>
    <row r="590755" spans="8:8">
      <c r="H590755" s="12"/>
    </row>
    <row r="590756" spans="8:8">
      <c r="H590756" s="12"/>
    </row>
    <row r="590757" spans="8:8">
      <c r="H590757" s="12"/>
    </row>
    <row r="590758" spans="8:8">
      <c r="H590758" s="12"/>
    </row>
    <row r="590759" spans="8:8">
      <c r="H590759" s="12"/>
    </row>
    <row r="590760" spans="8:8">
      <c r="H590760" s="12"/>
    </row>
    <row r="590761" spans="8:8">
      <c r="H590761" s="12"/>
    </row>
    <row r="590762" spans="8:8">
      <c r="H590762" s="12"/>
    </row>
    <row r="590763" spans="8:8">
      <c r="H590763" s="12"/>
    </row>
    <row r="590764" spans="8:8">
      <c r="H590764" s="12"/>
    </row>
    <row r="590765" spans="8:8">
      <c r="H590765" s="12"/>
    </row>
    <row r="590766" spans="8:8">
      <c r="H590766" s="12"/>
    </row>
    <row r="590767" spans="8:8">
      <c r="H590767" s="12"/>
    </row>
    <row r="590768" spans="8:8">
      <c r="H590768" s="12"/>
    </row>
    <row r="590769" spans="8:8">
      <c r="H590769" s="12"/>
    </row>
    <row r="590770" spans="8:8">
      <c r="H590770" s="12"/>
    </row>
    <row r="590771" spans="8:8">
      <c r="H590771" s="12"/>
    </row>
    <row r="590772" spans="8:8">
      <c r="H590772" s="12"/>
    </row>
    <row r="590773" spans="8:8">
      <c r="H590773" s="12"/>
    </row>
    <row r="590774" spans="8:8">
      <c r="H590774" s="12"/>
    </row>
    <row r="590775" spans="8:8">
      <c r="H590775" s="12"/>
    </row>
    <row r="590776" spans="8:8">
      <c r="H590776" s="12"/>
    </row>
    <row r="590777" spans="8:8">
      <c r="H590777" s="12"/>
    </row>
    <row r="590778" spans="8:8">
      <c r="H590778" s="12"/>
    </row>
    <row r="590779" spans="8:8">
      <c r="H590779" s="12"/>
    </row>
    <row r="590780" spans="8:8">
      <c r="H590780" s="12"/>
    </row>
    <row r="590781" spans="8:8">
      <c r="H590781" s="12"/>
    </row>
    <row r="590782" spans="8:8">
      <c r="H590782" s="12"/>
    </row>
    <row r="590783" spans="8:8">
      <c r="H590783" s="12"/>
    </row>
    <row r="590784" spans="8:8">
      <c r="H590784" s="12"/>
    </row>
    <row r="590785" spans="8:8">
      <c r="H590785" s="12"/>
    </row>
    <row r="590786" spans="8:8">
      <c r="H590786" s="12"/>
    </row>
    <row r="590787" spans="8:8">
      <c r="H590787" s="12"/>
    </row>
    <row r="590788" spans="8:8">
      <c r="H590788" s="12"/>
    </row>
    <row r="590789" spans="8:8">
      <c r="H590789" s="12"/>
    </row>
    <row r="590790" spans="8:8">
      <c r="H590790" s="12"/>
    </row>
    <row r="590791" spans="8:8">
      <c r="H590791" s="12"/>
    </row>
    <row r="590792" spans="8:8">
      <c r="H590792" s="12"/>
    </row>
    <row r="590793" spans="8:8">
      <c r="H590793" s="12"/>
    </row>
    <row r="590794" spans="8:8">
      <c r="H590794" s="12"/>
    </row>
    <row r="590795" spans="8:8">
      <c r="H590795" s="12"/>
    </row>
    <row r="590796" spans="8:8">
      <c r="H590796" s="12"/>
    </row>
    <row r="590797" spans="8:8">
      <c r="H590797" s="12"/>
    </row>
    <row r="590798" spans="8:8">
      <c r="H590798" s="12"/>
    </row>
    <row r="590799" spans="8:8">
      <c r="H590799" s="12"/>
    </row>
    <row r="590800" spans="8:8">
      <c r="H590800" s="12"/>
    </row>
    <row r="590801" spans="8:8">
      <c r="H590801" s="12"/>
    </row>
    <row r="590802" spans="8:8">
      <c r="H590802" s="12"/>
    </row>
    <row r="590803" spans="8:8">
      <c r="H590803" s="12"/>
    </row>
    <row r="590804" spans="8:8">
      <c r="H590804" s="12"/>
    </row>
    <row r="590805" spans="8:8">
      <c r="H590805" s="12"/>
    </row>
    <row r="590806" spans="8:8">
      <c r="H590806" s="12"/>
    </row>
    <row r="590807" spans="8:8">
      <c r="H590807" s="12"/>
    </row>
    <row r="590808" spans="8:8">
      <c r="H590808" s="12"/>
    </row>
    <row r="590809" spans="8:8">
      <c r="H590809" s="12"/>
    </row>
    <row r="590810" spans="8:8">
      <c r="H590810" s="12"/>
    </row>
    <row r="590811" spans="8:8">
      <c r="H590811" s="12"/>
    </row>
    <row r="590812" spans="8:8">
      <c r="H590812" s="12"/>
    </row>
    <row r="590813" spans="8:8">
      <c r="H590813" s="12"/>
    </row>
    <row r="590814" spans="8:8">
      <c r="H590814" s="12"/>
    </row>
    <row r="590815" spans="8:8">
      <c r="H590815" s="12"/>
    </row>
    <row r="590816" spans="8:8">
      <c r="H590816" s="12"/>
    </row>
    <row r="590817" spans="8:8">
      <c r="H590817" s="12"/>
    </row>
    <row r="590818" spans="8:8">
      <c r="H590818" s="12"/>
    </row>
    <row r="590819" spans="8:8">
      <c r="H590819" s="12"/>
    </row>
    <row r="590820" spans="8:8">
      <c r="H590820" s="12"/>
    </row>
    <row r="590821" spans="8:8">
      <c r="H590821" s="12"/>
    </row>
    <row r="590822" spans="8:8">
      <c r="H590822" s="12"/>
    </row>
    <row r="590823" spans="8:8">
      <c r="H590823" s="12"/>
    </row>
    <row r="590824" spans="8:8">
      <c r="H590824" s="12"/>
    </row>
    <row r="590825" spans="8:8">
      <c r="H590825" s="12"/>
    </row>
    <row r="590826" spans="8:8">
      <c r="H590826" s="12"/>
    </row>
    <row r="590827" spans="8:8">
      <c r="H590827" s="12"/>
    </row>
    <row r="590828" spans="8:8">
      <c r="H590828" s="12"/>
    </row>
    <row r="590829" spans="8:8">
      <c r="H590829" s="12"/>
    </row>
    <row r="590830" spans="8:8">
      <c r="H590830" s="12"/>
    </row>
    <row r="590831" spans="8:8">
      <c r="H590831" s="12"/>
    </row>
    <row r="590832" spans="8:8">
      <c r="H590832" s="12"/>
    </row>
    <row r="590833" spans="8:8">
      <c r="H590833" s="12"/>
    </row>
    <row r="590834" spans="8:8">
      <c r="H590834" s="12"/>
    </row>
    <row r="590835" spans="8:8">
      <c r="H590835" s="12"/>
    </row>
    <row r="590836" spans="8:8">
      <c r="H590836" s="12"/>
    </row>
    <row r="590837" spans="8:8">
      <c r="H590837" s="12"/>
    </row>
    <row r="590838" spans="8:8">
      <c r="H590838" s="12"/>
    </row>
    <row r="590839" spans="8:8">
      <c r="H590839" s="12"/>
    </row>
    <row r="590840" spans="8:8">
      <c r="H590840" s="12"/>
    </row>
    <row r="590841" spans="8:8">
      <c r="H590841" s="12"/>
    </row>
    <row r="590842" spans="8:8">
      <c r="H590842" s="12"/>
    </row>
    <row r="590843" spans="8:8">
      <c r="H590843" s="12"/>
    </row>
    <row r="590844" spans="8:8">
      <c r="H590844" s="12"/>
    </row>
    <row r="590845" spans="8:8">
      <c r="H590845" s="12"/>
    </row>
    <row r="590846" spans="8:8">
      <c r="H590846" s="12"/>
    </row>
    <row r="590847" spans="8:8">
      <c r="H590847" s="12"/>
    </row>
    <row r="590848" spans="8:8">
      <c r="H590848" s="12"/>
    </row>
    <row r="590849" spans="8:8">
      <c r="H590849" s="12"/>
    </row>
    <row r="590850" spans="8:8">
      <c r="H590850" s="12"/>
    </row>
    <row r="590851" spans="8:8">
      <c r="H590851" s="12"/>
    </row>
    <row r="590852" spans="8:8">
      <c r="H590852" s="12"/>
    </row>
    <row r="590853" spans="8:8">
      <c r="H590853" s="12"/>
    </row>
    <row r="590854" spans="8:8">
      <c r="H590854" s="12"/>
    </row>
    <row r="590855" spans="8:8">
      <c r="H590855" s="12"/>
    </row>
    <row r="590856" spans="8:8">
      <c r="H590856" s="12"/>
    </row>
    <row r="590857" spans="8:8">
      <c r="H590857" s="12"/>
    </row>
    <row r="590858" spans="8:8">
      <c r="H590858" s="12"/>
    </row>
    <row r="590859" spans="8:8">
      <c r="H590859" s="12"/>
    </row>
    <row r="590860" spans="8:8">
      <c r="H590860" s="12"/>
    </row>
    <row r="590861" spans="8:8">
      <c r="H590861" s="12"/>
    </row>
    <row r="590862" spans="8:8">
      <c r="H590862" s="12"/>
    </row>
    <row r="590863" spans="8:8">
      <c r="H590863" s="12"/>
    </row>
    <row r="590864" spans="8:8">
      <c r="H590864" s="12"/>
    </row>
    <row r="590865" spans="8:8">
      <c r="H590865" s="12"/>
    </row>
    <row r="590866" spans="8:8">
      <c r="H590866" s="12"/>
    </row>
    <row r="590867" spans="8:8">
      <c r="H590867" s="12"/>
    </row>
    <row r="590868" spans="8:8">
      <c r="H590868" s="12"/>
    </row>
    <row r="590869" spans="8:8">
      <c r="H590869" s="12"/>
    </row>
    <row r="590870" spans="8:8">
      <c r="H590870" s="12"/>
    </row>
    <row r="590871" spans="8:8">
      <c r="H590871" s="12"/>
    </row>
    <row r="590872" spans="8:8">
      <c r="H590872" s="12"/>
    </row>
    <row r="590873" spans="8:8">
      <c r="H590873" s="12"/>
    </row>
    <row r="590874" spans="8:8">
      <c r="H590874" s="12"/>
    </row>
    <row r="590875" spans="8:8">
      <c r="H590875" s="12"/>
    </row>
    <row r="590876" spans="8:8">
      <c r="H590876" s="12"/>
    </row>
    <row r="590877" spans="8:8">
      <c r="H590877" s="12"/>
    </row>
    <row r="590878" spans="8:8">
      <c r="H590878" s="12"/>
    </row>
    <row r="590879" spans="8:8">
      <c r="H590879" s="12"/>
    </row>
    <row r="590880" spans="8:8">
      <c r="H590880" s="12"/>
    </row>
    <row r="590881" spans="8:8">
      <c r="H590881" s="12"/>
    </row>
    <row r="590882" spans="8:8">
      <c r="H590882" s="12"/>
    </row>
    <row r="590883" spans="8:8">
      <c r="H590883" s="12"/>
    </row>
    <row r="590884" spans="8:8">
      <c r="H590884" s="12"/>
    </row>
    <row r="590885" spans="8:8">
      <c r="H590885" s="12"/>
    </row>
    <row r="590886" spans="8:8">
      <c r="H590886" s="12"/>
    </row>
    <row r="590887" spans="8:8">
      <c r="H590887" s="12"/>
    </row>
    <row r="590888" spans="8:8">
      <c r="H590888" s="12"/>
    </row>
    <row r="590889" spans="8:8">
      <c r="H590889" s="12"/>
    </row>
    <row r="590890" spans="8:8">
      <c r="H590890" s="12"/>
    </row>
    <row r="590891" spans="8:8">
      <c r="H590891" s="12"/>
    </row>
    <row r="590892" spans="8:8">
      <c r="H590892" s="12"/>
    </row>
    <row r="590893" spans="8:8">
      <c r="H590893" s="12"/>
    </row>
    <row r="590894" spans="8:8">
      <c r="H590894" s="12"/>
    </row>
    <row r="590895" spans="8:8">
      <c r="H590895" s="12"/>
    </row>
    <row r="590896" spans="8:8">
      <c r="H590896" s="12"/>
    </row>
    <row r="590897" spans="8:8">
      <c r="H590897" s="12"/>
    </row>
    <row r="590898" spans="8:8">
      <c r="H590898" s="12"/>
    </row>
    <row r="590899" spans="8:8">
      <c r="H590899" s="12"/>
    </row>
    <row r="590900" spans="8:8">
      <c r="H590900" s="12"/>
    </row>
    <row r="590901" spans="8:8">
      <c r="H590901" s="12"/>
    </row>
    <row r="590902" spans="8:8">
      <c r="H590902" s="12"/>
    </row>
    <row r="590903" spans="8:8">
      <c r="H590903" s="12"/>
    </row>
    <row r="590904" spans="8:8">
      <c r="H590904" s="12"/>
    </row>
    <row r="590905" spans="8:8">
      <c r="H590905" s="12"/>
    </row>
    <row r="590906" spans="8:8">
      <c r="H590906" s="12"/>
    </row>
    <row r="590907" spans="8:8">
      <c r="H590907" s="12"/>
    </row>
    <row r="590908" spans="8:8">
      <c r="H590908" s="12"/>
    </row>
    <row r="590909" spans="8:8">
      <c r="H590909" s="12"/>
    </row>
    <row r="590910" spans="8:8">
      <c r="H590910" s="12"/>
    </row>
    <row r="590911" spans="8:8">
      <c r="H590911" s="12"/>
    </row>
    <row r="590912" spans="8:8">
      <c r="H590912" s="12"/>
    </row>
    <row r="590913" spans="8:8">
      <c r="H590913" s="12"/>
    </row>
    <row r="590914" spans="8:8">
      <c r="H590914" s="12"/>
    </row>
    <row r="590915" spans="8:8">
      <c r="H590915" s="12"/>
    </row>
    <row r="590916" spans="8:8">
      <c r="H590916" s="12"/>
    </row>
    <row r="590917" spans="8:8">
      <c r="H590917" s="12"/>
    </row>
    <row r="590918" spans="8:8">
      <c r="H590918" s="12"/>
    </row>
    <row r="590919" spans="8:8">
      <c r="H590919" s="12"/>
    </row>
    <row r="590920" spans="8:8">
      <c r="H590920" s="12"/>
    </row>
    <row r="590921" spans="8:8">
      <c r="H590921" s="12"/>
    </row>
    <row r="590922" spans="8:8">
      <c r="H590922" s="12"/>
    </row>
    <row r="590923" spans="8:8">
      <c r="H590923" s="12"/>
    </row>
    <row r="590924" spans="8:8">
      <c r="H590924" s="12"/>
    </row>
    <row r="590925" spans="8:8">
      <c r="H590925" s="12"/>
    </row>
    <row r="590926" spans="8:8">
      <c r="H590926" s="12"/>
    </row>
    <row r="590927" spans="8:8">
      <c r="H590927" s="12"/>
    </row>
    <row r="590928" spans="8:8">
      <c r="H590928" s="12"/>
    </row>
    <row r="590929" spans="8:8">
      <c r="H590929" s="12"/>
    </row>
    <row r="590930" spans="8:8">
      <c r="H590930" s="12"/>
    </row>
    <row r="590931" spans="8:8">
      <c r="H590931" s="12"/>
    </row>
    <row r="590932" spans="8:8">
      <c r="H590932" s="12"/>
    </row>
    <row r="590933" spans="8:8">
      <c r="H590933" s="12"/>
    </row>
    <row r="590934" spans="8:8">
      <c r="H590934" s="12"/>
    </row>
    <row r="590935" spans="8:8">
      <c r="H590935" s="12"/>
    </row>
    <row r="590936" spans="8:8">
      <c r="H590936" s="12"/>
    </row>
    <row r="590937" spans="8:8">
      <c r="H590937" s="12"/>
    </row>
    <row r="590938" spans="8:8">
      <c r="H590938" s="12"/>
    </row>
    <row r="590939" spans="8:8">
      <c r="H590939" s="12"/>
    </row>
    <row r="590940" spans="8:8">
      <c r="H590940" s="12"/>
    </row>
    <row r="590941" spans="8:8">
      <c r="H590941" s="12"/>
    </row>
    <row r="590942" spans="8:8">
      <c r="H590942" s="12"/>
    </row>
    <row r="590943" spans="8:8">
      <c r="H590943" s="12"/>
    </row>
    <row r="590944" spans="8:8">
      <c r="H590944" s="12"/>
    </row>
    <row r="590945" spans="8:8">
      <c r="H590945" s="12"/>
    </row>
    <row r="590946" spans="8:8">
      <c r="H590946" s="12"/>
    </row>
    <row r="590947" spans="8:8">
      <c r="H590947" s="12"/>
    </row>
    <row r="590948" spans="8:8">
      <c r="H590948" s="12"/>
    </row>
    <row r="590949" spans="8:8">
      <c r="H590949" s="12"/>
    </row>
    <row r="590950" spans="8:8">
      <c r="H590950" s="12"/>
    </row>
    <row r="590951" spans="8:8">
      <c r="H590951" s="12"/>
    </row>
    <row r="590952" spans="8:8">
      <c r="H590952" s="12"/>
    </row>
    <row r="590953" spans="8:8">
      <c r="H590953" s="12"/>
    </row>
    <row r="590954" spans="8:8">
      <c r="H590954" s="12"/>
    </row>
    <row r="590955" spans="8:8">
      <c r="H590955" s="12"/>
    </row>
    <row r="590956" spans="8:8">
      <c r="H590956" s="12"/>
    </row>
    <row r="590957" spans="8:8">
      <c r="H590957" s="12"/>
    </row>
    <row r="590958" spans="8:8">
      <c r="H590958" s="12"/>
    </row>
    <row r="590959" spans="8:8">
      <c r="H590959" s="12"/>
    </row>
    <row r="590960" spans="8:8">
      <c r="H590960" s="12"/>
    </row>
    <row r="590961" spans="8:8">
      <c r="H590961" s="12"/>
    </row>
    <row r="590962" spans="8:8">
      <c r="H590962" s="12"/>
    </row>
    <row r="590963" spans="8:8">
      <c r="H590963" s="12"/>
    </row>
    <row r="590964" spans="8:8">
      <c r="H590964" s="12"/>
    </row>
    <row r="590965" spans="8:8">
      <c r="H590965" s="12"/>
    </row>
    <row r="590966" spans="8:8">
      <c r="H590966" s="12"/>
    </row>
    <row r="590967" spans="8:8">
      <c r="H590967" s="12"/>
    </row>
    <row r="590968" spans="8:8">
      <c r="H590968" s="12"/>
    </row>
    <row r="590969" spans="8:8">
      <c r="H590969" s="12"/>
    </row>
    <row r="590970" spans="8:8">
      <c r="H590970" s="12"/>
    </row>
    <row r="590971" spans="8:8">
      <c r="H590971" s="12"/>
    </row>
    <row r="590972" spans="8:8">
      <c r="H590972" s="12"/>
    </row>
    <row r="590973" spans="8:8">
      <c r="H590973" s="12"/>
    </row>
    <row r="590974" spans="8:8">
      <c r="H590974" s="12"/>
    </row>
    <row r="590975" spans="8:8">
      <c r="H590975" s="12"/>
    </row>
    <row r="590976" spans="8:8">
      <c r="H590976" s="12"/>
    </row>
    <row r="590977" spans="8:8">
      <c r="H590977" s="12"/>
    </row>
    <row r="590978" spans="8:8">
      <c r="H590978" s="12"/>
    </row>
    <row r="590979" spans="8:8">
      <c r="H590979" s="12"/>
    </row>
    <row r="590980" spans="8:8">
      <c r="H590980" s="12"/>
    </row>
    <row r="590981" spans="8:8">
      <c r="H590981" s="12"/>
    </row>
    <row r="590982" spans="8:8">
      <c r="H590982" s="12"/>
    </row>
    <row r="590983" spans="8:8">
      <c r="H590983" s="12"/>
    </row>
    <row r="590984" spans="8:8">
      <c r="H590984" s="12"/>
    </row>
    <row r="590985" spans="8:8">
      <c r="H590985" s="12"/>
    </row>
    <row r="590986" spans="8:8">
      <c r="H590986" s="12"/>
    </row>
    <row r="590987" spans="8:8">
      <c r="H590987" s="12"/>
    </row>
    <row r="590988" spans="8:8">
      <c r="H590988" s="12"/>
    </row>
    <row r="590989" spans="8:8">
      <c r="H590989" s="12"/>
    </row>
    <row r="590990" spans="8:8">
      <c r="H590990" s="12"/>
    </row>
    <row r="590991" spans="8:8">
      <c r="H590991" s="12"/>
    </row>
    <row r="590992" spans="8:8">
      <c r="H590992" s="12"/>
    </row>
    <row r="590993" spans="8:8">
      <c r="H590993" s="12"/>
    </row>
    <row r="590994" spans="8:8">
      <c r="H590994" s="12"/>
    </row>
    <row r="590995" spans="8:8">
      <c r="H590995" s="12"/>
    </row>
    <row r="590996" spans="8:8">
      <c r="H590996" s="12"/>
    </row>
    <row r="590997" spans="8:8">
      <c r="H590997" s="12"/>
    </row>
    <row r="590998" spans="8:8">
      <c r="H590998" s="12"/>
    </row>
    <row r="590999" spans="8:8">
      <c r="H590999" s="12"/>
    </row>
    <row r="591000" spans="8:8">
      <c r="H591000" s="12"/>
    </row>
    <row r="591001" spans="8:8">
      <c r="H591001" s="12"/>
    </row>
    <row r="591002" spans="8:8">
      <c r="H591002" s="12"/>
    </row>
    <row r="591003" spans="8:8">
      <c r="H591003" s="12"/>
    </row>
    <row r="591004" spans="8:8">
      <c r="H591004" s="12"/>
    </row>
    <row r="591005" spans="8:8">
      <c r="H591005" s="12"/>
    </row>
    <row r="591006" spans="8:8">
      <c r="H591006" s="12"/>
    </row>
    <row r="591007" spans="8:8">
      <c r="H591007" s="12"/>
    </row>
    <row r="591008" spans="8:8">
      <c r="H591008" s="12"/>
    </row>
    <row r="591009" spans="8:8">
      <c r="H591009" s="12"/>
    </row>
    <row r="591010" spans="8:8">
      <c r="H591010" s="12"/>
    </row>
    <row r="591011" spans="8:8">
      <c r="H591011" s="12"/>
    </row>
    <row r="591012" spans="8:8">
      <c r="H591012" s="12"/>
    </row>
    <row r="591013" spans="8:8">
      <c r="H591013" s="12"/>
    </row>
    <row r="591014" spans="8:8">
      <c r="H591014" s="12"/>
    </row>
    <row r="591015" spans="8:8">
      <c r="H591015" s="12"/>
    </row>
    <row r="591016" spans="8:8">
      <c r="H591016" s="12"/>
    </row>
    <row r="591017" spans="8:8">
      <c r="H591017" s="12"/>
    </row>
    <row r="591018" spans="8:8">
      <c r="H591018" s="12"/>
    </row>
    <row r="591019" spans="8:8">
      <c r="H591019" s="12"/>
    </row>
    <row r="591020" spans="8:8">
      <c r="H591020" s="12"/>
    </row>
    <row r="591021" spans="8:8">
      <c r="H591021" s="12"/>
    </row>
    <row r="591022" spans="8:8">
      <c r="H591022" s="12"/>
    </row>
    <row r="591023" spans="8:8">
      <c r="H591023" s="12"/>
    </row>
    <row r="591024" spans="8:8">
      <c r="H591024" s="12"/>
    </row>
    <row r="591025" spans="8:8">
      <c r="H591025" s="12"/>
    </row>
    <row r="591026" spans="8:8">
      <c r="H591026" s="12"/>
    </row>
    <row r="591027" spans="8:8">
      <c r="H591027" s="12"/>
    </row>
    <row r="591028" spans="8:8">
      <c r="H591028" s="12"/>
    </row>
    <row r="591029" spans="8:8">
      <c r="H591029" s="12"/>
    </row>
    <row r="591030" spans="8:8">
      <c r="H591030" s="12"/>
    </row>
    <row r="591031" spans="8:8">
      <c r="H591031" s="12"/>
    </row>
    <row r="591032" spans="8:8">
      <c r="H591032" s="12"/>
    </row>
    <row r="591033" spans="8:8">
      <c r="H591033" s="12"/>
    </row>
    <row r="591034" spans="8:8">
      <c r="H591034" s="12"/>
    </row>
    <row r="591035" spans="8:8">
      <c r="H591035" s="12"/>
    </row>
    <row r="591036" spans="8:8">
      <c r="H591036" s="12"/>
    </row>
    <row r="591037" spans="8:8">
      <c r="H591037" s="12"/>
    </row>
    <row r="591038" spans="8:8">
      <c r="H591038" s="12"/>
    </row>
    <row r="591039" spans="8:8">
      <c r="H591039" s="12"/>
    </row>
    <row r="591040" spans="8:8">
      <c r="H591040" s="12"/>
    </row>
    <row r="591041" spans="8:8">
      <c r="H591041" s="12"/>
    </row>
    <row r="591042" spans="8:8">
      <c r="H591042" s="12"/>
    </row>
    <row r="591043" spans="8:8">
      <c r="H591043" s="12"/>
    </row>
    <row r="591044" spans="8:8">
      <c r="H591044" s="12"/>
    </row>
    <row r="591045" spans="8:8">
      <c r="H591045" s="12"/>
    </row>
    <row r="591046" spans="8:8">
      <c r="H591046" s="12"/>
    </row>
    <row r="591047" spans="8:8">
      <c r="H591047" s="12"/>
    </row>
    <row r="591048" spans="8:8">
      <c r="H591048" s="12"/>
    </row>
    <row r="591049" spans="8:8">
      <c r="H591049" s="12"/>
    </row>
    <row r="591050" spans="8:8">
      <c r="H591050" s="12"/>
    </row>
    <row r="591051" spans="8:8">
      <c r="H591051" s="12"/>
    </row>
    <row r="591052" spans="8:8">
      <c r="H591052" s="12"/>
    </row>
    <row r="591053" spans="8:8">
      <c r="H591053" s="12"/>
    </row>
    <row r="591054" spans="8:8">
      <c r="H591054" s="12"/>
    </row>
    <row r="591055" spans="8:8">
      <c r="H591055" s="12"/>
    </row>
    <row r="591056" spans="8:8">
      <c r="H591056" s="12"/>
    </row>
    <row r="591057" spans="8:8">
      <c r="H591057" s="12"/>
    </row>
    <row r="591058" spans="8:8">
      <c r="H591058" s="12"/>
    </row>
    <row r="591059" spans="8:8">
      <c r="H591059" s="12"/>
    </row>
    <row r="591060" spans="8:8">
      <c r="H591060" s="12"/>
    </row>
    <row r="591061" spans="8:8">
      <c r="H591061" s="12"/>
    </row>
    <row r="591062" spans="8:8">
      <c r="H591062" s="12"/>
    </row>
    <row r="591063" spans="8:8">
      <c r="H591063" s="12"/>
    </row>
    <row r="591064" spans="8:8">
      <c r="H591064" s="12"/>
    </row>
    <row r="591065" spans="8:8">
      <c r="H591065" s="12"/>
    </row>
    <row r="591066" spans="8:8">
      <c r="H591066" s="12"/>
    </row>
    <row r="591067" spans="8:8">
      <c r="H591067" s="12"/>
    </row>
    <row r="591068" spans="8:8">
      <c r="H591068" s="12"/>
    </row>
    <row r="591069" spans="8:8">
      <c r="H591069" s="12"/>
    </row>
    <row r="591070" spans="8:8">
      <c r="H591070" s="12"/>
    </row>
    <row r="591071" spans="8:8">
      <c r="H591071" s="12"/>
    </row>
    <row r="591072" spans="8:8">
      <c r="H591072" s="12"/>
    </row>
    <row r="591073" spans="8:8">
      <c r="H591073" s="12"/>
    </row>
    <row r="591074" spans="8:8">
      <c r="H591074" s="12"/>
    </row>
    <row r="591075" spans="8:8">
      <c r="H591075" s="12"/>
    </row>
    <row r="591076" spans="8:8">
      <c r="H591076" s="12"/>
    </row>
    <row r="591077" spans="8:8">
      <c r="H591077" s="12"/>
    </row>
    <row r="591078" spans="8:8">
      <c r="H591078" s="12"/>
    </row>
    <row r="591079" spans="8:8">
      <c r="H591079" s="12"/>
    </row>
    <row r="591080" spans="8:8">
      <c r="H591080" s="12"/>
    </row>
    <row r="591081" spans="8:8">
      <c r="H591081" s="12"/>
    </row>
    <row r="591082" spans="8:8">
      <c r="H591082" s="12"/>
    </row>
    <row r="591083" spans="8:8">
      <c r="H591083" s="12"/>
    </row>
    <row r="591084" spans="8:8">
      <c r="H591084" s="12"/>
    </row>
    <row r="591085" spans="8:8">
      <c r="H591085" s="12"/>
    </row>
    <row r="591086" spans="8:8">
      <c r="H591086" s="12"/>
    </row>
    <row r="591087" spans="8:8">
      <c r="H591087" s="12"/>
    </row>
    <row r="591088" spans="8:8">
      <c r="H591088" s="12"/>
    </row>
    <row r="591089" spans="8:8">
      <c r="H591089" s="12"/>
    </row>
    <row r="591090" spans="8:8">
      <c r="H591090" s="12"/>
    </row>
    <row r="591091" spans="8:8">
      <c r="H591091" s="12"/>
    </row>
    <row r="591092" spans="8:8">
      <c r="H591092" s="12"/>
    </row>
    <row r="591093" spans="8:8">
      <c r="H591093" s="12"/>
    </row>
    <row r="591094" spans="8:8">
      <c r="H591094" s="12"/>
    </row>
    <row r="591095" spans="8:8">
      <c r="H591095" s="12"/>
    </row>
    <row r="591096" spans="8:8">
      <c r="H591096" s="12"/>
    </row>
    <row r="591097" spans="8:8">
      <c r="H591097" s="12"/>
    </row>
    <row r="591098" spans="8:8">
      <c r="H591098" s="12"/>
    </row>
    <row r="591099" spans="8:8">
      <c r="H591099" s="12"/>
    </row>
    <row r="591100" spans="8:8">
      <c r="H591100" s="12"/>
    </row>
    <row r="591101" spans="8:8">
      <c r="H591101" s="12"/>
    </row>
    <row r="591102" spans="8:8">
      <c r="H591102" s="12"/>
    </row>
    <row r="591103" spans="8:8">
      <c r="H591103" s="12"/>
    </row>
    <row r="591104" spans="8:8">
      <c r="H591104" s="12"/>
    </row>
    <row r="591105" spans="8:8">
      <c r="H591105" s="12"/>
    </row>
    <row r="591106" spans="8:8">
      <c r="H591106" s="12"/>
    </row>
    <row r="591107" spans="8:8">
      <c r="H591107" s="12"/>
    </row>
    <row r="591108" spans="8:8">
      <c r="H591108" s="12"/>
    </row>
    <row r="591109" spans="8:8">
      <c r="H591109" s="12"/>
    </row>
    <row r="591110" spans="8:8">
      <c r="H591110" s="12"/>
    </row>
    <row r="591111" spans="8:8">
      <c r="H591111" s="12"/>
    </row>
    <row r="591112" spans="8:8">
      <c r="H591112" s="12"/>
    </row>
    <row r="591113" spans="8:8">
      <c r="H591113" s="12"/>
    </row>
    <row r="591114" spans="8:8">
      <c r="H591114" s="12"/>
    </row>
    <row r="591115" spans="8:8">
      <c r="H591115" s="12"/>
    </row>
    <row r="591116" spans="8:8">
      <c r="H591116" s="12"/>
    </row>
    <row r="591117" spans="8:8">
      <c r="H591117" s="12"/>
    </row>
    <row r="591118" spans="8:8">
      <c r="H591118" s="12"/>
    </row>
    <row r="591119" spans="8:8">
      <c r="H591119" s="12"/>
    </row>
    <row r="591120" spans="8:8">
      <c r="H591120" s="12"/>
    </row>
    <row r="591121" spans="8:8">
      <c r="H591121" s="12"/>
    </row>
    <row r="591122" spans="8:8">
      <c r="H591122" s="12"/>
    </row>
    <row r="591123" spans="8:8">
      <c r="H591123" s="12"/>
    </row>
    <row r="591124" spans="8:8">
      <c r="H591124" s="12"/>
    </row>
    <row r="591125" spans="8:8">
      <c r="H591125" s="12"/>
    </row>
    <row r="591126" spans="8:8">
      <c r="H591126" s="12"/>
    </row>
    <row r="591127" spans="8:8">
      <c r="H591127" s="12"/>
    </row>
    <row r="591128" spans="8:8">
      <c r="H591128" s="12"/>
    </row>
    <row r="591129" spans="8:8">
      <c r="H591129" s="12"/>
    </row>
    <row r="591130" spans="8:8">
      <c r="H591130" s="12"/>
    </row>
    <row r="591131" spans="8:8">
      <c r="H591131" s="12"/>
    </row>
    <row r="591132" spans="8:8">
      <c r="H591132" s="12"/>
    </row>
    <row r="591133" spans="8:8">
      <c r="H591133" s="12"/>
    </row>
    <row r="591134" spans="8:8">
      <c r="H591134" s="12"/>
    </row>
    <row r="591135" spans="8:8">
      <c r="H591135" s="12"/>
    </row>
    <row r="591136" spans="8:8">
      <c r="H591136" s="12"/>
    </row>
    <row r="591137" spans="8:8">
      <c r="H591137" s="12"/>
    </row>
    <row r="591138" spans="8:8">
      <c r="H591138" s="12"/>
    </row>
    <row r="591139" spans="8:8">
      <c r="H591139" s="12"/>
    </row>
    <row r="591140" spans="8:8">
      <c r="H591140" s="12"/>
    </row>
    <row r="591141" spans="8:8">
      <c r="H591141" s="12"/>
    </row>
    <row r="591142" spans="8:8">
      <c r="H591142" s="12"/>
    </row>
    <row r="591143" spans="8:8">
      <c r="H591143" s="12"/>
    </row>
    <row r="591144" spans="8:8">
      <c r="H591144" s="12"/>
    </row>
    <row r="591145" spans="8:8">
      <c r="H591145" s="12"/>
    </row>
    <row r="591146" spans="8:8">
      <c r="H591146" s="12"/>
    </row>
    <row r="591147" spans="8:8">
      <c r="H591147" s="12"/>
    </row>
    <row r="591148" spans="8:8">
      <c r="H591148" s="12"/>
    </row>
    <row r="591149" spans="8:8">
      <c r="H591149" s="12"/>
    </row>
    <row r="591150" spans="8:8">
      <c r="H591150" s="12"/>
    </row>
    <row r="591151" spans="8:8">
      <c r="H591151" s="12"/>
    </row>
    <row r="591152" spans="8:8">
      <c r="H591152" s="12"/>
    </row>
    <row r="591153" spans="8:8">
      <c r="H591153" s="12"/>
    </row>
    <row r="591154" spans="8:8">
      <c r="H591154" s="12"/>
    </row>
    <row r="591155" spans="8:8">
      <c r="H591155" s="12"/>
    </row>
    <row r="591156" spans="8:8">
      <c r="H591156" s="12"/>
    </row>
    <row r="591157" spans="8:8">
      <c r="H591157" s="12"/>
    </row>
    <row r="591158" spans="8:8">
      <c r="H591158" s="12"/>
    </row>
    <row r="591159" spans="8:8">
      <c r="H591159" s="12"/>
    </row>
    <row r="591160" spans="8:8">
      <c r="H591160" s="12"/>
    </row>
    <row r="591161" spans="8:8">
      <c r="H591161" s="12"/>
    </row>
    <row r="591162" spans="8:8">
      <c r="H591162" s="12"/>
    </row>
    <row r="591163" spans="8:8">
      <c r="H591163" s="12"/>
    </row>
    <row r="591164" spans="8:8">
      <c r="H591164" s="12"/>
    </row>
    <row r="591165" spans="8:8">
      <c r="H591165" s="12"/>
    </row>
    <row r="591166" spans="8:8">
      <c r="H591166" s="12"/>
    </row>
    <row r="591167" spans="8:8">
      <c r="H591167" s="12"/>
    </row>
    <row r="591168" spans="8:8">
      <c r="H591168" s="12"/>
    </row>
    <row r="591169" spans="8:8">
      <c r="H591169" s="12"/>
    </row>
    <row r="591170" spans="8:8">
      <c r="H591170" s="12"/>
    </row>
    <row r="591171" spans="8:8">
      <c r="H591171" s="12"/>
    </row>
    <row r="591172" spans="8:8">
      <c r="H591172" s="12"/>
    </row>
    <row r="591173" spans="8:8">
      <c r="H591173" s="12"/>
    </row>
    <row r="591174" spans="8:8">
      <c r="H591174" s="12"/>
    </row>
    <row r="591175" spans="8:8">
      <c r="H591175" s="12"/>
    </row>
    <row r="591176" spans="8:8">
      <c r="H591176" s="12"/>
    </row>
    <row r="591177" spans="8:8">
      <c r="H591177" s="12"/>
    </row>
    <row r="591178" spans="8:8">
      <c r="H591178" s="12"/>
    </row>
    <row r="591179" spans="8:8">
      <c r="H591179" s="12"/>
    </row>
    <row r="591180" spans="8:8">
      <c r="H591180" s="12"/>
    </row>
    <row r="591181" spans="8:8">
      <c r="H591181" s="12"/>
    </row>
    <row r="591182" spans="8:8">
      <c r="H591182" s="12"/>
    </row>
    <row r="591183" spans="8:8">
      <c r="H591183" s="12"/>
    </row>
    <row r="591184" spans="8:8">
      <c r="H591184" s="12"/>
    </row>
    <row r="591185" spans="8:8">
      <c r="H591185" s="12"/>
    </row>
    <row r="591186" spans="8:8">
      <c r="H591186" s="12"/>
    </row>
    <row r="591187" spans="8:8">
      <c r="H591187" s="12"/>
    </row>
    <row r="591188" spans="8:8">
      <c r="H591188" s="12"/>
    </row>
    <row r="591189" spans="8:8">
      <c r="H591189" s="12"/>
    </row>
    <row r="591190" spans="8:8">
      <c r="H591190" s="12"/>
    </row>
    <row r="591191" spans="8:8">
      <c r="H591191" s="12"/>
    </row>
    <row r="591192" spans="8:8">
      <c r="H591192" s="12"/>
    </row>
    <row r="591193" spans="8:8">
      <c r="H591193" s="12"/>
    </row>
    <row r="591194" spans="8:8">
      <c r="H591194" s="12"/>
    </row>
    <row r="591195" spans="8:8">
      <c r="H591195" s="12"/>
    </row>
    <row r="591196" spans="8:8">
      <c r="H591196" s="12"/>
    </row>
    <row r="591197" spans="8:8">
      <c r="H591197" s="12"/>
    </row>
    <row r="591198" spans="8:8">
      <c r="H591198" s="12"/>
    </row>
    <row r="591199" spans="8:8">
      <c r="H591199" s="12"/>
    </row>
    <row r="591200" spans="8:8">
      <c r="H591200" s="12"/>
    </row>
    <row r="591201" spans="8:8">
      <c r="H591201" s="12"/>
    </row>
    <row r="591202" spans="8:8">
      <c r="H591202" s="12"/>
    </row>
    <row r="591203" spans="8:8">
      <c r="H591203" s="12"/>
    </row>
    <row r="591204" spans="8:8">
      <c r="H591204" s="12"/>
    </row>
    <row r="591205" spans="8:8">
      <c r="H591205" s="12"/>
    </row>
    <row r="591206" spans="8:8">
      <c r="H591206" s="12"/>
    </row>
    <row r="591207" spans="8:8">
      <c r="H591207" s="12"/>
    </row>
    <row r="591208" spans="8:8">
      <c r="H591208" s="12"/>
    </row>
    <row r="591209" spans="8:8">
      <c r="H591209" s="12"/>
    </row>
    <row r="591210" spans="8:8">
      <c r="H591210" s="12"/>
    </row>
    <row r="591211" spans="8:8">
      <c r="H591211" s="12"/>
    </row>
    <row r="591212" spans="8:8">
      <c r="H591212" s="12"/>
    </row>
    <row r="591213" spans="8:8">
      <c r="H591213" s="12"/>
    </row>
    <row r="591214" spans="8:8">
      <c r="H591214" s="12"/>
    </row>
    <row r="591215" spans="8:8">
      <c r="H591215" s="12"/>
    </row>
    <row r="591216" spans="8:8">
      <c r="H591216" s="12"/>
    </row>
    <row r="591217" spans="8:8">
      <c r="H591217" s="12"/>
    </row>
    <row r="591218" spans="8:8">
      <c r="H591218" s="12"/>
    </row>
    <row r="591219" spans="8:8">
      <c r="H591219" s="12"/>
    </row>
    <row r="591220" spans="8:8">
      <c r="H591220" s="12"/>
    </row>
    <row r="591221" spans="8:8">
      <c r="H591221" s="12"/>
    </row>
    <row r="591222" spans="8:8">
      <c r="H591222" s="12"/>
    </row>
    <row r="591223" spans="8:8">
      <c r="H591223" s="12"/>
    </row>
    <row r="591224" spans="8:8">
      <c r="H591224" s="12"/>
    </row>
    <row r="591225" spans="8:8">
      <c r="H591225" s="12"/>
    </row>
    <row r="591226" spans="8:8">
      <c r="H591226" s="12"/>
    </row>
    <row r="591227" spans="8:8">
      <c r="H591227" s="12"/>
    </row>
    <row r="591228" spans="8:8">
      <c r="H591228" s="12"/>
    </row>
    <row r="591229" spans="8:8">
      <c r="H591229" s="12"/>
    </row>
    <row r="591230" spans="8:8">
      <c r="H591230" s="12"/>
    </row>
    <row r="591231" spans="8:8">
      <c r="H591231" s="12"/>
    </row>
    <row r="591232" spans="8:8">
      <c r="H591232" s="12"/>
    </row>
    <row r="591233" spans="8:8">
      <c r="H591233" s="12"/>
    </row>
    <row r="591234" spans="8:8">
      <c r="H591234" s="12"/>
    </row>
    <row r="591235" spans="8:8">
      <c r="H591235" s="12"/>
    </row>
    <row r="591236" spans="8:8">
      <c r="H591236" s="12"/>
    </row>
    <row r="591237" spans="8:8">
      <c r="H591237" s="12"/>
    </row>
    <row r="591238" spans="8:8">
      <c r="H591238" s="12"/>
    </row>
    <row r="591239" spans="8:8">
      <c r="H591239" s="12"/>
    </row>
    <row r="591240" spans="8:8">
      <c r="H591240" s="12"/>
    </row>
    <row r="591241" spans="8:8">
      <c r="H591241" s="12"/>
    </row>
    <row r="591242" spans="8:8">
      <c r="H591242" s="12"/>
    </row>
    <row r="591243" spans="8:8">
      <c r="H591243" s="12"/>
    </row>
    <row r="591244" spans="8:8">
      <c r="H591244" s="12"/>
    </row>
    <row r="591245" spans="8:8">
      <c r="H591245" s="12"/>
    </row>
    <row r="591246" spans="8:8">
      <c r="H591246" s="12"/>
    </row>
    <row r="591247" spans="8:8">
      <c r="H591247" s="12"/>
    </row>
    <row r="591248" spans="8:8">
      <c r="H591248" s="12"/>
    </row>
    <row r="591249" spans="8:8">
      <c r="H591249" s="12"/>
    </row>
    <row r="591250" spans="8:8">
      <c r="H591250" s="12"/>
    </row>
    <row r="591251" spans="8:8">
      <c r="H591251" s="12"/>
    </row>
    <row r="591252" spans="8:8">
      <c r="H591252" s="12"/>
    </row>
    <row r="591253" spans="8:8">
      <c r="H591253" s="12"/>
    </row>
    <row r="591254" spans="8:8">
      <c r="H591254" s="12"/>
    </row>
    <row r="591255" spans="8:8">
      <c r="H591255" s="12"/>
    </row>
    <row r="591256" spans="8:8">
      <c r="H591256" s="12"/>
    </row>
    <row r="591257" spans="8:8">
      <c r="H591257" s="12"/>
    </row>
    <row r="591258" spans="8:8">
      <c r="H591258" s="12"/>
    </row>
    <row r="591259" spans="8:8">
      <c r="H591259" s="12"/>
    </row>
    <row r="591260" spans="8:8">
      <c r="H591260" s="12"/>
    </row>
    <row r="591261" spans="8:8">
      <c r="H591261" s="12"/>
    </row>
    <row r="591262" spans="8:8">
      <c r="H591262" s="12"/>
    </row>
    <row r="591263" spans="8:8">
      <c r="H591263" s="12"/>
    </row>
    <row r="591264" spans="8:8">
      <c r="H591264" s="12"/>
    </row>
    <row r="591265" spans="8:8">
      <c r="H591265" s="12"/>
    </row>
    <row r="591266" spans="8:8">
      <c r="H591266" s="12"/>
    </row>
    <row r="591267" spans="8:8">
      <c r="H591267" s="12"/>
    </row>
    <row r="591268" spans="8:8">
      <c r="H591268" s="12"/>
    </row>
    <row r="591269" spans="8:8">
      <c r="H591269" s="12"/>
    </row>
    <row r="591270" spans="8:8">
      <c r="H591270" s="12"/>
    </row>
    <row r="591271" spans="8:8">
      <c r="H591271" s="12"/>
    </row>
    <row r="591272" spans="8:8">
      <c r="H591272" s="12"/>
    </row>
    <row r="591273" spans="8:8">
      <c r="H591273" s="12"/>
    </row>
    <row r="591274" spans="8:8">
      <c r="H591274" s="12"/>
    </row>
    <row r="591275" spans="8:8">
      <c r="H591275" s="12"/>
    </row>
    <row r="591276" spans="8:8">
      <c r="H591276" s="12"/>
    </row>
    <row r="591277" spans="8:8">
      <c r="H591277" s="12"/>
    </row>
    <row r="591278" spans="8:8">
      <c r="H591278" s="12"/>
    </row>
    <row r="591279" spans="8:8">
      <c r="H591279" s="12"/>
    </row>
    <row r="591280" spans="8:8">
      <c r="H591280" s="12"/>
    </row>
    <row r="591281" spans="8:8">
      <c r="H591281" s="12"/>
    </row>
    <row r="591282" spans="8:8">
      <c r="H591282" s="12"/>
    </row>
    <row r="591283" spans="8:8">
      <c r="H591283" s="12"/>
    </row>
    <row r="591284" spans="8:8">
      <c r="H591284" s="12"/>
    </row>
    <row r="591285" spans="8:8">
      <c r="H591285" s="12"/>
    </row>
    <row r="591286" spans="8:8">
      <c r="H591286" s="12"/>
    </row>
    <row r="591287" spans="8:8">
      <c r="H591287" s="12"/>
    </row>
    <row r="591288" spans="8:8">
      <c r="H591288" s="12"/>
    </row>
    <row r="591289" spans="8:8">
      <c r="H591289" s="12"/>
    </row>
    <row r="591290" spans="8:8">
      <c r="H591290" s="12"/>
    </row>
    <row r="591291" spans="8:8">
      <c r="H591291" s="12"/>
    </row>
    <row r="591292" spans="8:8">
      <c r="H591292" s="12"/>
    </row>
    <row r="591293" spans="8:8">
      <c r="H591293" s="12"/>
    </row>
    <row r="591294" spans="8:8">
      <c r="H591294" s="12"/>
    </row>
    <row r="591295" spans="8:8">
      <c r="H591295" s="12"/>
    </row>
    <row r="591296" spans="8:8">
      <c r="H591296" s="12"/>
    </row>
    <row r="591297" spans="8:8">
      <c r="H591297" s="12"/>
    </row>
    <row r="591298" spans="8:8">
      <c r="H591298" s="12"/>
    </row>
    <row r="591299" spans="8:8">
      <c r="H591299" s="12"/>
    </row>
    <row r="591300" spans="8:8">
      <c r="H591300" s="12"/>
    </row>
    <row r="591301" spans="8:8">
      <c r="H591301" s="12"/>
    </row>
    <row r="591302" spans="8:8">
      <c r="H591302" s="12"/>
    </row>
    <row r="591303" spans="8:8">
      <c r="H591303" s="12"/>
    </row>
    <row r="591304" spans="8:8">
      <c r="H591304" s="12"/>
    </row>
    <row r="591305" spans="8:8">
      <c r="H591305" s="12"/>
    </row>
    <row r="591306" spans="8:8">
      <c r="H591306" s="12"/>
    </row>
    <row r="591307" spans="8:8">
      <c r="H591307" s="12"/>
    </row>
    <row r="591308" spans="8:8">
      <c r="H591308" s="12"/>
    </row>
    <row r="591309" spans="8:8">
      <c r="H591309" s="12"/>
    </row>
    <row r="591310" spans="8:8">
      <c r="H591310" s="12"/>
    </row>
    <row r="591311" spans="8:8">
      <c r="H591311" s="12"/>
    </row>
    <row r="591312" spans="8:8">
      <c r="H591312" s="12"/>
    </row>
    <row r="591313" spans="8:8">
      <c r="H591313" s="12"/>
    </row>
    <row r="591314" spans="8:8">
      <c r="H591314" s="12"/>
    </row>
    <row r="591315" spans="8:8">
      <c r="H591315" s="12"/>
    </row>
    <row r="591316" spans="8:8">
      <c r="H591316" s="12"/>
    </row>
    <row r="591317" spans="8:8">
      <c r="H591317" s="12"/>
    </row>
    <row r="591318" spans="8:8">
      <c r="H591318" s="12"/>
    </row>
    <row r="591319" spans="8:8">
      <c r="H591319" s="12"/>
    </row>
    <row r="591320" spans="8:8">
      <c r="H591320" s="12"/>
    </row>
    <row r="591321" spans="8:8">
      <c r="H591321" s="12"/>
    </row>
    <row r="591322" spans="8:8">
      <c r="H591322" s="12"/>
    </row>
    <row r="591323" spans="8:8">
      <c r="H591323" s="12"/>
    </row>
    <row r="591324" spans="8:8">
      <c r="H591324" s="12"/>
    </row>
    <row r="591325" spans="8:8">
      <c r="H591325" s="12"/>
    </row>
    <row r="591326" spans="8:8">
      <c r="H591326" s="12"/>
    </row>
    <row r="591327" spans="8:8">
      <c r="H591327" s="12"/>
    </row>
    <row r="591328" spans="8:8">
      <c r="H591328" s="12"/>
    </row>
    <row r="591329" spans="8:8">
      <c r="H591329" s="12"/>
    </row>
    <row r="591330" spans="8:8">
      <c r="H591330" s="12"/>
    </row>
    <row r="591331" spans="8:8">
      <c r="H591331" s="12"/>
    </row>
    <row r="591332" spans="8:8">
      <c r="H591332" s="12"/>
    </row>
    <row r="591333" spans="8:8">
      <c r="H591333" s="12"/>
    </row>
    <row r="591334" spans="8:8">
      <c r="H591334" s="12"/>
    </row>
    <row r="591335" spans="8:8">
      <c r="H591335" s="12"/>
    </row>
    <row r="591336" spans="8:8">
      <c r="H591336" s="12"/>
    </row>
    <row r="591337" spans="8:8">
      <c r="H591337" s="12"/>
    </row>
    <row r="591338" spans="8:8">
      <c r="H591338" s="12"/>
    </row>
    <row r="591339" spans="8:8">
      <c r="H591339" s="12"/>
    </row>
    <row r="591340" spans="8:8">
      <c r="H591340" s="12"/>
    </row>
    <row r="591341" spans="8:8">
      <c r="H591341" s="12"/>
    </row>
    <row r="591342" spans="8:8">
      <c r="H591342" s="12"/>
    </row>
    <row r="591343" spans="8:8">
      <c r="H591343" s="12"/>
    </row>
    <row r="591344" spans="8:8">
      <c r="H591344" s="12"/>
    </row>
    <row r="591345" spans="8:8">
      <c r="H591345" s="12"/>
    </row>
    <row r="591346" spans="8:8">
      <c r="H591346" s="12"/>
    </row>
    <row r="591347" spans="8:8">
      <c r="H591347" s="12"/>
    </row>
    <row r="591348" spans="8:8">
      <c r="H591348" s="12"/>
    </row>
    <row r="591349" spans="8:8">
      <c r="H591349" s="12"/>
    </row>
    <row r="591350" spans="8:8">
      <c r="H591350" s="12"/>
    </row>
    <row r="591351" spans="8:8">
      <c r="H591351" s="12"/>
    </row>
    <row r="591352" spans="8:8">
      <c r="H591352" s="12"/>
    </row>
    <row r="591353" spans="8:8">
      <c r="H591353" s="12"/>
    </row>
    <row r="591354" spans="8:8">
      <c r="H591354" s="12"/>
    </row>
    <row r="591355" spans="8:8">
      <c r="H591355" s="12"/>
    </row>
    <row r="591356" spans="8:8">
      <c r="H591356" s="12"/>
    </row>
    <row r="591357" spans="8:8">
      <c r="H591357" s="12"/>
    </row>
    <row r="591358" spans="8:8">
      <c r="H591358" s="12"/>
    </row>
    <row r="591359" spans="8:8">
      <c r="H591359" s="12"/>
    </row>
    <row r="591360" spans="8:8">
      <c r="H591360" s="12"/>
    </row>
    <row r="591361" spans="8:8">
      <c r="H591361" s="12"/>
    </row>
    <row r="591362" spans="8:8">
      <c r="H591362" s="12"/>
    </row>
    <row r="591363" spans="8:8">
      <c r="H591363" s="12"/>
    </row>
    <row r="591364" spans="8:8">
      <c r="H591364" s="12"/>
    </row>
    <row r="591365" spans="8:8">
      <c r="H591365" s="12"/>
    </row>
    <row r="591366" spans="8:8">
      <c r="H591366" s="12"/>
    </row>
    <row r="591367" spans="8:8">
      <c r="H591367" s="12"/>
    </row>
    <row r="591368" spans="8:8">
      <c r="H591368" s="12"/>
    </row>
    <row r="591369" spans="8:8">
      <c r="H591369" s="12"/>
    </row>
    <row r="591370" spans="8:8">
      <c r="H591370" s="12"/>
    </row>
    <row r="591371" spans="8:8">
      <c r="H591371" s="12"/>
    </row>
    <row r="591372" spans="8:8">
      <c r="H591372" s="12"/>
    </row>
    <row r="591373" spans="8:8">
      <c r="H591373" s="12"/>
    </row>
    <row r="591374" spans="8:8">
      <c r="H591374" s="12"/>
    </row>
    <row r="591375" spans="8:8">
      <c r="H591375" s="12"/>
    </row>
    <row r="591376" spans="8:8">
      <c r="H591376" s="12"/>
    </row>
    <row r="591377" spans="8:8">
      <c r="H591377" s="12"/>
    </row>
    <row r="591378" spans="8:8">
      <c r="H591378" s="12"/>
    </row>
    <row r="591379" spans="8:8">
      <c r="H591379" s="12"/>
    </row>
    <row r="591380" spans="8:8">
      <c r="H591380" s="12"/>
    </row>
    <row r="591381" spans="8:8">
      <c r="H591381" s="12"/>
    </row>
    <row r="591382" spans="8:8">
      <c r="H591382" s="12"/>
    </row>
    <row r="591383" spans="8:8">
      <c r="H591383" s="12"/>
    </row>
    <row r="591384" spans="8:8">
      <c r="H591384" s="12"/>
    </row>
    <row r="591385" spans="8:8">
      <c r="H591385" s="12"/>
    </row>
    <row r="591386" spans="8:8">
      <c r="H591386" s="12"/>
    </row>
    <row r="591387" spans="8:8">
      <c r="H591387" s="12"/>
    </row>
    <row r="591388" spans="8:8">
      <c r="H591388" s="12"/>
    </row>
    <row r="591389" spans="8:8">
      <c r="H591389" s="12"/>
    </row>
    <row r="591390" spans="8:8">
      <c r="H591390" s="12"/>
    </row>
    <row r="591391" spans="8:8">
      <c r="H591391" s="12"/>
    </row>
    <row r="591392" spans="8:8">
      <c r="H591392" s="12"/>
    </row>
    <row r="591393" spans="8:8">
      <c r="H591393" s="12"/>
    </row>
    <row r="591394" spans="8:8">
      <c r="H591394" s="12"/>
    </row>
    <row r="591395" spans="8:8">
      <c r="H591395" s="12"/>
    </row>
    <row r="591396" spans="8:8">
      <c r="H591396" s="12"/>
    </row>
    <row r="591397" spans="8:8">
      <c r="H591397" s="12"/>
    </row>
    <row r="591398" spans="8:8">
      <c r="H591398" s="12"/>
    </row>
    <row r="591399" spans="8:8">
      <c r="H591399" s="12"/>
    </row>
    <row r="591400" spans="8:8">
      <c r="H591400" s="12"/>
    </row>
    <row r="591401" spans="8:8">
      <c r="H591401" s="12"/>
    </row>
    <row r="591402" spans="8:8">
      <c r="H591402" s="12"/>
    </row>
    <row r="591403" spans="8:8">
      <c r="H591403" s="12"/>
    </row>
    <row r="591404" spans="8:8">
      <c r="H591404" s="12"/>
    </row>
    <row r="591405" spans="8:8">
      <c r="H591405" s="12"/>
    </row>
    <row r="591406" spans="8:8">
      <c r="H591406" s="12"/>
    </row>
    <row r="591407" spans="8:8">
      <c r="H591407" s="12"/>
    </row>
    <row r="591408" spans="8:8">
      <c r="H591408" s="12"/>
    </row>
    <row r="591409" spans="8:8">
      <c r="H591409" s="12"/>
    </row>
    <row r="591410" spans="8:8">
      <c r="H591410" s="12"/>
    </row>
    <row r="591411" spans="8:8">
      <c r="H591411" s="12"/>
    </row>
    <row r="591412" spans="8:8">
      <c r="H591412" s="12"/>
    </row>
    <row r="591413" spans="8:8">
      <c r="H591413" s="12"/>
    </row>
    <row r="591414" spans="8:8">
      <c r="H591414" s="12"/>
    </row>
    <row r="591415" spans="8:8">
      <c r="H591415" s="12"/>
    </row>
    <row r="591416" spans="8:8">
      <c r="H591416" s="12"/>
    </row>
    <row r="591417" spans="8:8">
      <c r="H591417" s="12"/>
    </row>
    <row r="591418" spans="8:8">
      <c r="H591418" s="12"/>
    </row>
    <row r="591419" spans="8:8">
      <c r="H591419" s="12"/>
    </row>
    <row r="591420" spans="8:8">
      <c r="H591420" s="12"/>
    </row>
    <row r="591421" spans="8:8">
      <c r="H591421" s="12"/>
    </row>
    <row r="591422" spans="8:8">
      <c r="H591422" s="12"/>
    </row>
    <row r="591423" spans="8:8">
      <c r="H591423" s="12"/>
    </row>
    <row r="591424" spans="8:8">
      <c r="H591424" s="12"/>
    </row>
    <row r="591425" spans="8:8">
      <c r="H591425" s="12"/>
    </row>
    <row r="591426" spans="8:8">
      <c r="H591426" s="12"/>
    </row>
    <row r="591427" spans="8:8">
      <c r="H591427" s="12"/>
    </row>
    <row r="591428" spans="8:8">
      <c r="H591428" s="12"/>
    </row>
    <row r="591429" spans="8:8">
      <c r="H591429" s="12"/>
    </row>
    <row r="591430" spans="8:8">
      <c r="H591430" s="12"/>
    </row>
    <row r="591431" spans="8:8">
      <c r="H591431" s="12"/>
    </row>
    <row r="591432" spans="8:8">
      <c r="H591432" s="12"/>
    </row>
    <row r="591433" spans="8:8">
      <c r="H591433" s="12"/>
    </row>
    <row r="591434" spans="8:8">
      <c r="H591434" s="12"/>
    </row>
    <row r="591435" spans="8:8">
      <c r="H591435" s="12"/>
    </row>
    <row r="591436" spans="8:8">
      <c r="H591436" s="12"/>
    </row>
    <row r="591437" spans="8:8">
      <c r="H591437" s="12"/>
    </row>
    <row r="591438" spans="8:8">
      <c r="H591438" s="12"/>
    </row>
    <row r="591439" spans="8:8">
      <c r="H591439" s="12"/>
    </row>
    <row r="591440" spans="8:8">
      <c r="H591440" s="12"/>
    </row>
    <row r="591441" spans="8:8">
      <c r="H591441" s="12"/>
    </row>
    <row r="591442" spans="8:8">
      <c r="H591442" s="12"/>
    </row>
    <row r="591443" spans="8:8">
      <c r="H591443" s="12"/>
    </row>
    <row r="591444" spans="8:8">
      <c r="H591444" s="12"/>
    </row>
    <row r="591445" spans="8:8">
      <c r="H591445" s="12"/>
    </row>
    <row r="591446" spans="8:8">
      <c r="H591446" s="12"/>
    </row>
    <row r="591447" spans="8:8">
      <c r="H591447" s="12"/>
    </row>
    <row r="591448" spans="8:8">
      <c r="H591448" s="12"/>
    </row>
    <row r="591449" spans="8:8">
      <c r="H591449" s="12"/>
    </row>
    <row r="591450" spans="8:8">
      <c r="H591450" s="12"/>
    </row>
    <row r="591451" spans="8:8">
      <c r="H591451" s="12"/>
    </row>
    <row r="591452" spans="8:8">
      <c r="H591452" s="12"/>
    </row>
    <row r="591453" spans="8:8">
      <c r="H591453" s="12"/>
    </row>
    <row r="591454" spans="8:8">
      <c r="H591454" s="12"/>
    </row>
    <row r="591455" spans="8:8">
      <c r="H591455" s="12"/>
    </row>
    <row r="591456" spans="8:8">
      <c r="H591456" s="12"/>
    </row>
    <row r="591457" spans="8:8">
      <c r="H591457" s="12"/>
    </row>
    <row r="591458" spans="8:8">
      <c r="H591458" s="12"/>
    </row>
    <row r="591459" spans="8:8">
      <c r="H591459" s="12"/>
    </row>
    <row r="591460" spans="8:8">
      <c r="H591460" s="12"/>
    </row>
    <row r="591461" spans="8:8">
      <c r="H591461" s="12"/>
    </row>
    <row r="591462" spans="8:8">
      <c r="H591462" s="12"/>
    </row>
    <row r="591463" spans="8:8">
      <c r="H591463" s="12"/>
    </row>
    <row r="591464" spans="8:8">
      <c r="H591464" s="12"/>
    </row>
    <row r="591465" spans="8:8">
      <c r="H591465" s="12"/>
    </row>
    <row r="591466" spans="8:8">
      <c r="H591466" s="12"/>
    </row>
    <row r="591467" spans="8:8">
      <c r="H591467" s="12"/>
    </row>
    <row r="591468" spans="8:8">
      <c r="H591468" s="12"/>
    </row>
    <row r="591469" spans="8:8">
      <c r="H591469" s="12"/>
    </row>
    <row r="591470" spans="8:8">
      <c r="H591470" s="12"/>
    </row>
    <row r="591471" spans="8:8">
      <c r="H591471" s="12"/>
    </row>
    <row r="591472" spans="8:8">
      <c r="H591472" s="12"/>
    </row>
    <row r="591473" spans="8:8">
      <c r="H591473" s="12"/>
    </row>
    <row r="591474" spans="8:8">
      <c r="H591474" s="12"/>
    </row>
    <row r="591475" spans="8:8">
      <c r="H591475" s="12"/>
    </row>
    <row r="591476" spans="8:8">
      <c r="H591476" s="12"/>
    </row>
    <row r="591477" spans="8:8">
      <c r="H591477" s="12"/>
    </row>
    <row r="591478" spans="8:8">
      <c r="H591478" s="12"/>
    </row>
    <row r="591479" spans="8:8">
      <c r="H591479" s="12"/>
    </row>
    <row r="591480" spans="8:8">
      <c r="H591480" s="12"/>
    </row>
    <row r="591481" spans="8:8">
      <c r="H591481" s="12"/>
    </row>
    <row r="591482" spans="8:8">
      <c r="H591482" s="12"/>
    </row>
    <row r="591483" spans="8:8">
      <c r="H591483" s="12"/>
    </row>
    <row r="591484" spans="8:8">
      <c r="H591484" s="12"/>
    </row>
    <row r="591485" spans="8:8">
      <c r="H591485" s="12"/>
    </row>
    <row r="591486" spans="8:8">
      <c r="H591486" s="12"/>
    </row>
    <row r="591487" spans="8:8">
      <c r="H591487" s="12"/>
    </row>
    <row r="591488" spans="8:8">
      <c r="H591488" s="12"/>
    </row>
    <row r="591489" spans="8:8">
      <c r="H591489" s="12"/>
    </row>
    <row r="591490" spans="8:8">
      <c r="H591490" s="12"/>
    </row>
    <row r="591491" spans="8:8">
      <c r="H591491" s="12"/>
    </row>
    <row r="591492" spans="8:8">
      <c r="H591492" s="12"/>
    </row>
    <row r="591493" spans="8:8">
      <c r="H591493" s="12"/>
    </row>
    <row r="591494" spans="8:8">
      <c r="H591494" s="12"/>
    </row>
    <row r="591495" spans="8:8">
      <c r="H591495" s="12"/>
    </row>
    <row r="591496" spans="8:8">
      <c r="H591496" s="12"/>
    </row>
    <row r="591497" spans="8:8">
      <c r="H591497" s="12"/>
    </row>
    <row r="591498" spans="8:8">
      <c r="H591498" s="12"/>
    </row>
    <row r="591499" spans="8:8">
      <c r="H591499" s="12"/>
    </row>
    <row r="591500" spans="8:8">
      <c r="H591500" s="12"/>
    </row>
    <row r="591501" spans="8:8">
      <c r="H591501" s="12"/>
    </row>
    <row r="591502" spans="8:8">
      <c r="H591502" s="12"/>
    </row>
    <row r="591503" spans="8:8">
      <c r="H591503" s="12"/>
    </row>
    <row r="591504" spans="8:8">
      <c r="H591504" s="12"/>
    </row>
    <row r="591505" spans="8:8">
      <c r="H591505" s="12"/>
    </row>
    <row r="591506" spans="8:8">
      <c r="H591506" s="12"/>
    </row>
    <row r="591507" spans="8:8">
      <c r="H591507" s="12"/>
    </row>
    <row r="591508" spans="8:8">
      <c r="H591508" s="12"/>
    </row>
    <row r="591509" spans="8:8">
      <c r="H591509" s="12"/>
    </row>
    <row r="591510" spans="8:8">
      <c r="H591510" s="12"/>
    </row>
    <row r="591511" spans="8:8">
      <c r="H591511" s="12"/>
    </row>
    <row r="591512" spans="8:8">
      <c r="H591512" s="12"/>
    </row>
    <row r="591513" spans="8:8">
      <c r="H591513" s="12"/>
    </row>
    <row r="591514" spans="8:8">
      <c r="H591514" s="12"/>
    </row>
    <row r="591515" spans="8:8">
      <c r="H591515" s="12"/>
    </row>
    <row r="591516" spans="8:8">
      <c r="H591516" s="12"/>
    </row>
    <row r="591517" spans="8:8">
      <c r="H591517" s="12"/>
    </row>
    <row r="591518" spans="8:8">
      <c r="H591518" s="12"/>
    </row>
    <row r="591519" spans="8:8">
      <c r="H591519" s="12"/>
    </row>
    <row r="591520" spans="8:8">
      <c r="H591520" s="12"/>
    </row>
    <row r="591521" spans="8:8">
      <c r="H591521" s="12"/>
    </row>
    <row r="591522" spans="8:8">
      <c r="H591522" s="12"/>
    </row>
    <row r="591523" spans="8:8">
      <c r="H591523" s="12"/>
    </row>
    <row r="591524" spans="8:8">
      <c r="H591524" s="12"/>
    </row>
    <row r="591525" spans="8:8">
      <c r="H591525" s="12"/>
    </row>
    <row r="591526" spans="8:8">
      <c r="H591526" s="12"/>
    </row>
    <row r="591527" spans="8:8">
      <c r="H591527" s="12"/>
    </row>
    <row r="591528" spans="8:8">
      <c r="H591528" s="12"/>
    </row>
    <row r="591529" spans="8:8">
      <c r="H591529" s="12"/>
    </row>
    <row r="591530" spans="8:8">
      <c r="H591530" s="12"/>
    </row>
    <row r="591531" spans="8:8">
      <c r="H591531" s="12"/>
    </row>
    <row r="591532" spans="8:8">
      <c r="H591532" s="12"/>
    </row>
    <row r="591533" spans="8:8">
      <c r="H591533" s="12"/>
    </row>
    <row r="591534" spans="8:8">
      <c r="H591534" s="12"/>
    </row>
    <row r="591535" spans="8:8">
      <c r="H591535" s="12"/>
    </row>
    <row r="591536" spans="8:8">
      <c r="H591536" s="12"/>
    </row>
    <row r="591537" spans="8:8">
      <c r="H591537" s="12"/>
    </row>
    <row r="591538" spans="8:8">
      <c r="H591538" s="12"/>
    </row>
    <row r="591539" spans="8:8">
      <c r="H591539" s="12"/>
    </row>
    <row r="591540" spans="8:8">
      <c r="H591540" s="12"/>
    </row>
    <row r="591541" spans="8:8">
      <c r="H591541" s="12"/>
    </row>
    <row r="591542" spans="8:8">
      <c r="H591542" s="12"/>
    </row>
    <row r="591543" spans="8:8">
      <c r="H591543" s="12"/>
    </row>
    <row r="591544" spans="8:8">
      <c r="H591544" s="12"/>
    </row>
    <row r="591545" spans="8:8">
      <c r="H591545" s="12"/>
    </row>
    <row r="591546" spans="8:8">
      <c r="H591546" s="12"/>
    </row>
    <row r="591547" spans="8:8">
      <c r="H591547" s="12"/>
    </row>
    <row r="591548" spans="8:8">
      <c r="H591548" s="12"/>
    </row>
    <row r="591549" spans="8:8">
      <c r="H591549" s="12"/>
    </row>
    <row r="591550" spans="8:8">
      <c r="H591550" s="12"/>
    </row>
    <row r="591551" spans="8:8">
      <c r="H591551" s="12"/>
    </row>
    <row r="591552" spans="8:8">
      <c r="H591552" s="12"/>
    </row>
    <row r="591553" spans="8:8">
      <c r="H591553" s="12"/>
    </row>
    <row r="591554" spans="8:8">
      <c r="H591554" s="12"/>
    </row>
    <row r="591555" spans="8:8">
      <c r="H591555" s="12"/>
    </row>
    <row r="591556" spans="8:8">
      <c r="H591556" s="12"/>
    </row>
    <row r="591557" spans="8:8">
      <c r="H591557" s="12"/>
    </row>
    <row r="591558" spans="8:8">
      <c r="H591558" s="12"/>
    </row>
    <row r="591559" spans="8:8">
      <c r="H591559" s="12"/>
    </row>
    <row r="591560" spans="8:8">
      <c r="H591560" s="12"/>
    </row>
    <row r="591561" spans="8:8">
      <c r="H591561" s="12"/>
    </row>
    <row r="591562" spans="8:8">
      <c r="H591562" s="12"/>
    </row>
    <row r="591563" spans="8:8">
      <c r="H591563" s="12"/>
    </row>
    <row r="591564" spans="8:8">
      <c r="H591564" s="12"/>
    </row>
    <row r="591565" spans="8:8">
      <c r="H591565" s="12"/>
    </row>
    <row r="591566" spans="8:8">
      <c r="H591566" s="12"/>
    </row>
    <row r="591567" spans="8:8">
      <c r="H591567" s="12"/>
    </row>
    <row r="591568" spans="8:8">
      <c r="H591568" s="12"/>
    </row>
    <row r="591569" spans="8:8">
      <c r="H591569" s="12"/>
    </row>
    <row r="591570" spans="8:8">
      <c r="H591570" s="12"/>
    </row>
    <row r="591571" spans="8:8">
      <c r="H591571" s="12"/>
    </row>
    <row r="591572" spans="8:8">
      <c r="H591572" s="12"/>
    </row>
    <row r="591573" spans="8:8">
      <c r="H591573" s="12"/>
    </row>
    <row r="591574" spans="8:8">
      <c r="H591574" s="12"/>
    </row>
    <row r="591575" spans="8:8">
      <c r="H591575" s="12"/>
    </row>
    <row r="591576" spans="8:8">
      <c r="H591576" s="12"/>
    </row>
    <row r="591577" spans="8:8">
      <c r="H591577" s="12"/>
    </row>
    <row r="591578" spans="8:8">
      <c r="H591578" s="12"/>
    </row>
    <row r="591579" spans="8:8">
      <c r="H591579" s="12"/>
    </row>
    <row r="591580" spans="8:8">
      <c r="H591580" s="12"/>
    </row>
    <row r="591581" spans="8:8">
      <c r="H591581" s="12"/>
    </row>
    <row r="591582" spans="8:8">
      <c r="H591582" s="12"/>
    </row>
    <row r="591583" spans="8:8">
      <c r="H591583" s="12"/>
    </row>
    <row r="591584" spans="8:8">
      <c r="H591584" s="12"/>
    </row>
    <row r="591585" spans="8:8">
      <c r="H591585" s="12"/>
    </row>
    <row r="591586" spans="8:8">
      <c r="H591586" s="12"/>
    </row>
    <row r="591587" spans="8:8">
      <c r="H591587" s="12"/>
    </row>
    <row r="591588" spans="8:8">
      <c r="H591588" s="12"/>
    </row>
    <row r="591589" spans="8:8">
      <c r="H591589" s="12"/>
    </row>
    <row r="591590" spans="8:8">
      <c r="H591590" s="12"/>
    </row>
    <row r="591591" spans="8:8">
      <c r="H591591" s="12"/>
    </row>
    <row r="591592" spans="8:8">
      <c r="H591592" s="12"/>
    </row>
    <row r="591593" spans="8:8">
      <c r="H591593" s="12"/>
    </row>
    <row r="591594" spans="8:8">
      <c r="H591594" s="12"/>
    </row>
    <row r="591595" spans="8:8">
      <c r="H591595" s="12"/>
    </row>
    <row r="591596" spans="8:8">
      <c r="H591596" s="12"/>
    </row>
    <row r="591597" spans="8:8">
      <c r="H591597" s="12"/>
    </row>
    <row r="591598" spans="8:8">
      <c r="H591598" s="12"/>
    </row>
    <row r="591599" spans="8:8">
      <c r="H591599" s="12"/>
    </row>
    <row r="591600" spans="8:8">
      <c r="H591600" s="12"/>
    </row>
    <row r="591601" spans="8:8">
      <c r="H591601" s="12"/>
    </row>
    <row r="591602" spans="8:8">
      <c r="H591602" s="12"/>
    </row>
    <row r="591603" spans="8:8">
      <c r="H591603" s="12"/>
    </row>
    <row r="591604" spans="8:8">
      <c r="H591604" s="12"/>
    </row>
    <row r="591605" spans="8:8">
      <c r="H591605" s="12"/>
    </row>
    <row r="591606" spans="8:8">
      <c r="H591606" s="12"/>
    </row>
    <row r="591607" spans="8:8">
      <c r="H591607" s="12"/>
    </row>
    <row r="591608" spans="8:8">
      <c r="H591608" s="12"/>
    </row>
    <row r="591609" spans="8:8">
      <c r="H591609" s="12"/>
    </row>
    <row r="591610" spans="8:8">
      <c r="H591610" s="12"/>
    </row>
    <row r="591611" spans="8:8">
      <c r="H591611" s="12"/>
    </row>
    <row r="591612" spans="8:8">
      <c r="H591612" s="12"/>
    </row>
    <row r="591613" spans="8:8">
      <c r="H591613" s="12"/>
    </row>
    <row r="591614" spans="8:8">
      <c r="H591614" s="12"/>
    </row>
    <row r="591615" spans="8:8">
      <c r="H591615" s="12"/>
    </row>
    <row r="591616" spans="8:8">
      <c r="H591616" s="12"/>
    </row>
    <row r="591617" spans="8:8">
      <c r="H591617" s="12"/>
    </row>
    <row r="591618" spans="8:8">
      <c r="H591618" s="12"/>
    </row>
    <row r="591619" spans="8:8">
      <c r="H591619" s="12"/>
    </row>
    <row r="591620" spans="8:8">
      <c r="H591620" s="12"/>
    </row>
    <row r="591621" spans="8:8">
      <c r="H591621" s="12"/>
    </row>
    <row r="591622" spans="8:8">
      <c r="H591622" s="12"/>
    </row>
    <row r="591623" spans="8:8">
      <c r="H591623" s="12"/>
    </row>
    <row r="591624" spans="8:8">
      <c r="H591624" s="12"/>
    </row>
    <row r="591625" spans="8:8">
      <c r="H591625" s="12"/>
    </row>
    <row r="591626" spans="8:8">
      <c r="H591626" s="12"/>
    </row>
    <row r="591627" spans="8:8">
      <c r="H591627" s="12"/>
    </row>
    <row r="591628" spans="8:8">
      <c r="H591628" s="12"/>
    </row>
    <row r="591629" spans="8:8">
      <c r="H591629" s="12"/>
    </row>
    <row r="591630" spans="8:8">
      <c r="H591630" s="12"/>
    </row>
    <row r="591631" spans="8:8">
      <c r="H591631" s="12"/>
    </row>
    <row r="591632" spans="8:8">
      <c r="H591632" s="12"/>
    </row>
    <row r="591633" spans="8:8">
      <c r="H591633" s="12"/>
    </row>
    <row r="591634" spans="8:8">
      <c r="H591634" s="12"/>
    </row>
    <row r="591635" spans="8:8">
      <c r="H591635" s="12"/>
    </row>
    <row r="591636" spans="8:8">
      <c r="H591636" s="12"/>
    </row>
    <row r="591637" spans="8:8">
      <c r="H591637" s="12"/>
    </row>
    <row r="591638" spans="8:8">
      <c r="H591638" s="12"/>
    </row>
    <row r="591639" spans="8:8">
      <c r="H591639" s="12"/>
    </row>
    <row r="591640" spans="8:8">
      <c r="H591640" s="12"/>
    </row>
    <row r="591641" spans="8:8">
      <c r="H591641" s="12"/>
    </row>
    <row r="591642" spans="8:8">
      <c r="H591642" s="12"/>
    </row>
    <row r="591643" spans="8:8">
      <c r="H591643" s="12"/>
    </row>
    <row r="591644" spans="8:8">
      <c r="H591644" s="12"/>
    </row>
    <row r="591645" spans="8:8">
      <c r="H591645" s="12"/>
    </row>
    <row r="591646" spans="8:8">
      <c r="H591646" s="12"/>
    </row>
    <row r="591647" spans="8:8">
      <c r="H591647" s="12"/>
    </row>
    <row r="591648" spans="8:8">
      <c r="H591648" s="12"/>
    </row>
    <row r="591649" spans="8:8">
      <c r="H591649" s="12"/>
    </row>
    <row r="591650" spans="8:8">
      <c r="H591650" s="12"/>
    </row>
    <row r="591651" spans="8:8">
      <c r="H591651" s="12"/>
    </row>
    <row r="591652" spans="8:8">
      <c r="H591652" s="12"/>
    </row>
    <row r="591653" spans="8:8">
      <c r="H591653" s="12"/>
    </row>
    <row r="591654" spans="8:8">
      <c r="H591654" s="12"/>
    </row>
    <row r="591655" spans="8:8">
      <c r="H591655" s="12"/>
    </row>
    <row r="591656" spans="8:8">
      <c r="H591656" s="12"/>
    </row>
    <row r="591657" spans="8:8">
      <c r="H591657" s="12"/>
    </row>
    <row r="591658" spans="8:8">
      <c r="H591658" s="12"/>
    </row>
    <row r="591659" spans="8:8">
      <c r="H591659" s="12"/>
    </row>
    <row r="591660" spans="8:8">
      <c r="H591660" s="12"/>
    </row>
    <row r="591661" spans="8:8">
      <c r="H591661" s="12"/>
    </row>
    <row r="591662" spans="8:8">
      <c r="H591662" s="12"/>
    </row>
    <row r="591663" spans="8:8">
      <c r="H591663" s="12"/>
    </row>
    <row r="591664" spans="8:8">
      <c r="H591664" s="12"/>
    </row>
    <row r="591665" spans="8:8">
      <c r="H591665" s="12"/>
    </row>
    <row r="591666" spans="8:8">
      <c r="H591666" s="12"/>
    </row>
    <row r="591667" spans="8:8">
      <c r="H591667" s="12"/>
    </row>
    <row r="591668" spans="8:8">
      <c r="H591668" s="12"/>
    </row>
    <row r="591669" spans="8:8">
      <c r="H591669" s="12"/>
    </row>
    <row r="591670" spans="8:8">
      <c r="H591670" s="12"/>
    </row>
    <row r="591671" spans="8:8">
      <c r="H591671" s="12"/>
    </row>
    <row r="591672" spans="8:8">
      <c r="H591672" s="12"/>
    </row>
    <row r="591673" spans="8:8">
      <c r="H591673" s="12"/>
    </row>
    <row r="591674" spans="8:8">
      <c r="H591674" s="12"/>
    </row>
    <row r="591675" spans="8:8">
      <c r="H591675" s="12"/>
    </row>
    <row r="591676" spans="8:8">
      <c r="H591676" s="12"/>
    </row>
    <row r="591677" spans="8:8">
      <c r="H591677" s="12"/>
    </row>
    <row r="591678" spans="8:8">
      <c r="H591678" s="12"/>
    </row>
    <row r="591679" spans="8:8">
      <c r="H591679" s="12"/>
    </row>
    <row r="591680" spans="8:8">
      <c r="H591680" s="12"/>
    </row>
    <row r="591681" spans="8:8">
      <c r="H591681" s="12"/>
    </row>
    <row r="591682" spans="8:8">
      <c r="H591682" s="12"/>
    </row>
    <row r="591683" spans="8:8">
      <c r="H591683" s="12"/>
    </row>
    <row r="591684" spans="8:8">
      <c r="H591684" s="12"/>
    </row>
    <row r="591685" spans="8:8">
      <c r="H591685" s="12"/>
    </row>
    <row r="591686" spans="8:8">
      <c r="H591686" s="12"/>
    </row>
    <row r="591687" spans="8:8">
      <c r="H591687" s="12"/>
    </row>
    <row r="591688" spans="8:8">
      <c r="H591688" s="12"/>
    </row>
    <row r="591689" spans="8:8">
      <c r="H591689" s="12"/>
    </row>
    <row r="591690" spans="8:8">
      <c r="H591690" s="12"/>
    </row>
    <row r="591691" spans="8:8">
      <c r="H591691" s="12"/>
    </row>
    <row r="591692" spans="8:8">
      <c r="H591692" s="12"/>
    </row>
    <row r="591693" spans="8:8">
      <c r="H591693" s="12"/>
    </row>
    <row r="591694" spans="8:8">
      <c r="H591694" s="12"/>
    </row>
    <row r="591695" spans="8:8">
      <c r="H591695" s="12"/>
    </row>
    <row r="591696" spans="8:8">
      <c r="H591696" s="12"/>
    </row>
    <row r="591697" spans="8:8">
      <c r="H591697" s="12"/>
    </row>
    <row r="591698" spans="8:8">
      <c r="H591698" s="12"/>
    </row>
    <row r="591699" spans="8:8">
      <c r="H591699" s="12"/>
    </row>
    <row r="591700" spans="8:8">
      <c r="H591700" s="12"/>
    </row>
    <row r="591701" spans="8:8">
      <c r="H591701" s="12"/>
    </row>
    <row r="591702" spans="8:8">
      <c r="H591702" s="12"/>
    </row>
    <row r="591703" spans="8:8">
      <c r="H591703" s="12"/>
    </row>
    <row r="591704" spans="8:8">
      <c r="H591704" s="12"/>
    </row>
    <row r="591705" spans="8:8">
      <c r="H591705" s="12"/>
    </row>
    <row r="591706" spans="8:8">
      <c r="H591706" s="12"/>
    </row>
    <row r="591707" spans="8:8">
      <c r="H591707" s="12"/>
    </row>
    <row r="591708" spans="8:8">
      <c r="H591708" s="12"/>
    </row>
    <row r="591709" spans="8:8">
      <c r="H591709" s="12"/>
    </row>
    <row r="591710" spans="8:8">
      <c r="H591710" s="12"/>
    </row>
    <row r="591711" spans="8:8">
      <c r="H591711" s="12"/>
    </row>
    <row r="591712" spans="8:8">
      <c r="H591712" s="12"/>
    </row>
    <row r="591713" spans="8:8">
      <c r="H591713" s="12"/>
    </row>
    <row r="591714" spans="8:8">
      <c r="H591714" s="12"/>
    </row>
    <row r="591715" spans="8:8">
      <c r="H591715" s="12"/>
    </row>
    <row r="591716" spans="8:8">
      <c r="H591716" s="12"/>
    </row>
    <row r="591717" spans="8:8">
      <c r="H591717" s="12"/>
    </row>
    <row r="591718" spans="8:8">
      <c r="H591718" s="12"/>
    </row>
    <row r="591719" spans="8:8">
      <c r="H591719" s="12"/>
    </row>
    <row r="591720" spans="8:8">
      <c r="H591720" s="12"/>
    </row>
    <row r="591721" spans="8:8">
      <c r="H591721" s="12"/>
    </row>
    <row r="591722" spans="8:8">
      <c r="H591722" s="12"/>
    </row>
    <row r="591723" spans="8:8">
      <c r="H591723" s="12"/>
    </row>
    <row r="591724" spans="8:8">
      <c r="H591724" s="12"/>
    </row>
    <row r="591725" spans="8:8">
      <c r="H591725" s="12"/>
    </row>
    <row r="591726" spans="8:8">
      <c r="H591726" s="12"/>
    </row>
    <row r="591727" spans="8:8">
      <c r="H591727" s="12"/>
    </row>
    <row r="591728" spans="8:8">
      <c r="H591728" s="12"/>
    </row>
    <row r="591729" spans="8:8">
      <c r="H591729" s="12"/>
    </row>
    <row r="591730" spans="8:8">
      <c r="H591730" s="12"/>
    </row>
    <row r="591731" spans="8:8">
      <c r="H591731" s="12"/>
    </row>
    <row r="591732" spans="8:8">
      <c r="H591732" s="12"/>
    </row>
    <row r="591733" spans="8:8">
      <c r="H591733" s="12"/>
    </row>
    <row r="591734" spans="8:8">
      <c r="H591734" s="12"/>
    </row>
    <row r="591735" spans="8:8">
      <c r="H591735" s="12"/>
    </row>
    <row r="591736" spans="8:8">
      <c r="H591736" s="12"/>
    </row>
    <row r="591737" spans="8:8">
      <c r="H591737" s="12"/>
    </row>
    <row r="591738" spans="8:8">
      <c r="H591738" s="12"/>
    </row>
    <row r="591739" spans="8:8">
      <c r="H591739" s="12"/>
    </row>
    <row r="591740" spans="8:8">
      <c r="H591740" s="12"/>
    </row>
    <row r="591741" spans="8:8">
      <c r="H591741" s="12"/>
    </row>
    <row r="591742" spans="8:8">
      <c r="H591742" s="12"/>
    </row>
    <row r="591743" spans="8:8">
      <c r="H591743" s="12"/>
    </row>
    <row r="591744" spans="8:8">
      <c r="H591744" s="12"/>
    </row>
    <row r="591745" spans="8:8">
      <c r="H591745" s="12"/>
    </row>
    <row r="591746" spans="8:8">
      <c r="H591746" s="12"/>
    </row>
    <row r="591747" spans="8:8">
      <c r="H591747" s="12"/>
    </row>
    <row r="591748" spans="8:8">
      <c r="H591748" s="12"/>
    </row>
    <row r="591749" spans="8:8">
      <c r="H591749" s="12"/>
    </row>
    <row r="591750" spans="8:8">
      <c r="H591750" s="12"/>
    </row>
    <row r="591751" spans="8:8">
      <c r="H591751" s="12"/>
    </row>
    <row r="591752" spans="8:8">
      <c r="H591752" s="12"/>
    </row>
    <row r="591753" spans="8:8">
      <c r="H591753" s="12"/>
    </row>
    <row r="591754" spans="8:8">
      <c r="H591754" s="12"/>
    </row>
    <row r="591755" spans="8:8">
      <c r="H591755" s="12"/>
    </row>
    <row r="591756" spans="8:8">
      <c r="H591756" s="12"/>
    </row>
    <row r="591757" spans="8:8">
      <c r="H591757" s="12"/>
    </row>
    <row r="591758" spans="8:8">
      <c r="H591758" s="12"/>
    </row>
    <row r="591759" spans="8:8">
      <c r="H591759" s="12"/>
    </row>
    <row r="591760" spans="8:8">
      <c r="H591760" s="12"/>
    </row>
    <row r="591761" spans="8:8">
      <c r="H591761" s="12"/>
    </row>
    <row r="591762" spans="8:8">
      <c r="H591762" s="12"/>
    </row>
    <row r="591763" spans="8:8">
      <c r="H591763" s="12"/>
    </row>
    <row r="591764" spans="8:8">
      <c r="H591764" s="12"/>
    </row>
    <row r="591765" spans="8:8">
      <c r="H591765" s="12"/>
    </row>
    <row r="591766" spans="8:8">
      <c r="H591766" s="12"/>
    </row>
    <row r="591767" spans="8:8">
      <c r="H591767" s="12"/>
    </row>
    <row r="591768" spans="8:8">
      <c r="H591768" s="12"/>
    </row>
    <row r="591769" spans="8:8">
      <c r="H591769" s="12"/>
    </row>
    <row r="591770" spans="8:8">
      <c r="H591770" s="12"/>
    </row>
    <row r="591771" spans="8:8">
      <c r="H591771" s="12"/>
    </row>
    <row r="591772" spans="8:8">
      <c r="H591772" s="12"/>
    </row>
    <row r="591773" spans="8:8">
      <c r="H591773" s="12"/>
    </row>
    <row r="591774" spans="8:8">
      <c r="H591774" s="12"/>
    </row>
    <row r="591775" spans="8:8">
      <c r="H591775" s="12"/>
    </row>
    <row r="591776" spans="8:8">
      <c r="H591776" s="12"/>
    </row>
    <row r="591777" spans="8:8">
      <c r="H591777" s="12"/>
    </row>
    <row r="591778" spans="8:8">
      <c r="H591778" s="12"/>
    </row>
    <row r="591779" spans="8:8">
      <c r="H591779" s="12"/>
    </row>
    <row r="591780" spans="8:8">
      <c r="H591780" s="12"/>
    </row>
    <row r="591781" spans="8:8">
      <c r="H591781" s="12"/>
    </row>
    <row r="591782" spans="8:8">
      <c r="H591782" s="12"/>
    </row>
    <row r="591783" spans="8:8">
      <c r="H591783" s="12"/>
    </row>
    <row r="591784" spans="8:8">
      <c r="H591784" s="12"/>
    </row>
    <row r="591785" spans="8:8">
      <c r="H591785" s="12"/>
    </row>
    <row r="591786" spans="8:8">
      <c r="H591786" s="12"/>
    </row>
    <row r="591787" spans="8:8">
      <c r="H591787" s="12"/>
    </row>
    <row r="591788" spans="8:8">
      <c r="H591788" s="12"/>
    </row>
    <row r="591789" spans="8:8">
      <c r="H591789" s="12"/>
    </row>
    <row r="591790" spans="8:8">
      <c r="H591790" s="12"/>
    </row>
    <row r="591791" spans="8:8">
      <c r="H591791" s="12"/>
    </row>
    <row r="591792" spans="8:8">
      <c r="H591792" s="12"/>
    </row>
    <row r="591793" spans="8:8">
      <c r="H591793" s="12"/>
    </row>
    <row r="591794" spans="8:8">
      <c r="H591794" s="12"/>
    </row>
    <row r="591795" spans="8:8">
      <c r="H591795" s="12"/>
    </row>
    <row r="591796" spans="8:8">
      <c r="H591796" s="12"/>
    </row>
    <row r="591797" spans="8:8">
      <c r="H591797" s="12"/>
    </row>
    <row r="591798" spans="8:8">
      <c r="H591798" s="12"/>
    </row>
    <row r="591799" spans="8:8">
      <c r="H591799" s="12"/>
    </row>
    <row r="591800" spans="8:8">
      <c r="H591800" s="12"/>
    </row>
    <row r="591801" spans="8:8">
      <c r="H591801" s="12"/>
    </row>
    <row r="591802" spans="8:8">
      <c r="H591802" s="12"/>
    </row>
    <row r="591803" spans="8:8">
      <c r="H591803" s="12"/>
    </row>
    <row r="591804" spans="8:8">
      <c r="H591804" s="12"/>
    </row>
    <row r="591805" spans="8:8">
      <c r="H591805" s="12"/>
    </row>
    <row r="591806" spans="8:8">
      <c r="H591806" s="12"/>
    </row>
    <row r="591807" spans="8:8">
      <c r="H591807" s="12"/>
    </row>
    <row r="591808" spans="8:8">
      <c r="H591808" s="12"/>
    </row>
    <row r="591809" spans="8:8">
      <c r="H591809" s="12"/>
    </row>
    <row r="591810" spans="8:8">
      <c r="H591810" s="12"/>
    </row>
    <row r="591811" spans="8:8">
      <c r="H591811" s="12"/>
    </row>
    <row r="591812" spans="8:8">
      <c r="H591812" s="12"/>
    </row>
    <row r="591813" spans="8:8">
      <c r="H591813" s="12"/>
    </row>
    <row r="591814" spans="8:8">
      <c r="H591814" s="12"/>
    </row>
    <row r="591815" spans="8:8">
      <c r="H591815" s="12"/>
    </row>
    <row r="591816" spans="8:8">
      <c r="H591816" s="12"/>
    </row>
    <row r="591817" spans="8:8">
      <c r="H591817" s="12"/>
    </row>
    <row r="591818" spans="8:8">
      <c r="H591818" s="12"/>
    </row>
    <row r="591819" spans="8:8">
      <c r="H591819" s="12"/>
    </row>
    <row r="591820" spans="8:8">
      <c r="H591820" s="12"/>
    </row>
    <row r="591821" spans="8:8">
      <c r="H591821" s="12"/>
    </row>
    <row r="591822" spans="8:8">
      <c r="H591822" s="12"/>
    </row>
    <row r="591823" spans="8:8">
      <c r="H591823" s="12"/>
    </row>
    <row r="591824" spans="8:8">
      <c r="H591824" s="12"/>
    </row>
    <row r="591825" spans="8:8">
      <c r="H591825" s="12"/>
    </row>
    <row r="591826" spans="8:8">
      <c r="H591826" s="12"/>
    </row>
    <row r="591827" spans="8:8">
      <c r="H591827" s="12"/>
    </row>
    <row r="591828" spans="8:8">
      <c r="H591828" s="12"/>
    </row>
    <row r="591829" spans="8:8">
      <c r="H591829" s="12"/>
    </row>
    <row r="591830" spans="8:8">
      <c r="H591830" s="12"/>
    </row>
    <row r="591831" spans="8:8">
      <c r="H591831" s="12"/>
    </row>
    <row r="591832" spans="8:8">
      <c r="H591832" s="12"/>
    </row>
    <row r="591833" spans="8:8">
      <c r="H591833" s="12"/>
    </row>
    <row r="591834" spans="8:8">
      <c r="H591834" s="12"/>
    </row>
    <row r="591835" spans="8:8">
      <c r="H591835" s="12"/>
    </row>
    <row r="591836" spans="8:8">
      <c r="H591836" s="12"/>
    </row>
    <row r="591837" spans="8:8">
      <c r="H591837" s="12"/>
    </row>
    <row r="591838" spans="8:8">
      <c r="H591838" s="12"/>
    </row>
    <row r="591839" spans="8:8">
      <c r="H591839" s="12"/>
    </row>
    <row r="591840" spans="8:8">
      <c r="H591840" s="12"/>
    </row>
    <row r="591841" spans="8:8">
      <c r="H591841" s="12"/>
    </row>
    <row r="591842" spans="8:8">
      <c r="H591842" s="12"/>
    </row>
    <row r="591843" spans="8:8">
      <c r="H591843" s="12"/>
    </row>
    <row r="591844" spans="8:8">
      <c r="H591844" s="12"/>
    </row>
    <row r="591845" spans="8:8">
      <c r="H591845" s="12"/>
    </row>
    <row r="591846" spans="8:8">
      <c r="H591846" s="12"/>
    </row>
    <row r="591847" spans="8:8">
      <c r="H591847" s="12"/>
    </row>
    <row r="591848" spans="8:8">
      <c r="H591848" s="12"/>
    </row>
    <row r="591849" spans="8:8">
      <c r="H591849" s="12"/>
    </row>
    <row r="591850" spans="8:8">
      <c r="H591850" s="12"/>
    </row>
    <row r="591851" spans="8:8">
      <c r="H591851" s="12"/>
    </row>
    <row r="591852" spans="8:8">
      <c r="H591852" s="12"/>
    </row>
    <row r="591853" spans="8:8">
      <c r="H591853" s="12"/>
    </row>
    <row r="591854" spans="8:8">
      <c r="H591854" s="12"/>
    </row>
    <row r="591855" spans="8:8">
      <c r="H591855" s="12"/>
    </row>
    <row r="591856" spans="8:8">
      <c r="H591856" s="12"/>
    </row>
    <row r="591857" spans="8:8">
      <c r="H591857" s="12"/>
    </row>
    <row r="591858" spans="8:8">
      <c r="H591858" s="12"/>
    </row>
    <row r="591859" spans="8:8">
      <c r="H591859" s="12"/>
    </row>
    <row r="591860" spans="8:8">
      <c r="H591860" s="12"/>
    </row>
    <row r="591861" spans="8:8">
      <c r="H591861" s="12"/>
    </row>
    <row r="591862" spans="8:8">
      <c r="H591862" s="12"/>
    </row>
    <row r="591863" spans="8:8">
      <c r="H591863" s="12"/>
    </row>
    <row r="591864" spans="8:8">
      <c r="H591864" s="12"/>
    </row>
    <row r="591865" spans="8:8">
      <c r="H591865" s="12"/>
    </row>
    <row r="591866" spans="8:8">
      <c r="H591866" s="12"/>
    </row>
    <row r="591867" spans="8:8">
      <c r="H591867" s="12"/>
    </row>
    <row r="591868" spans="8:8">
      <c r="H591868" s="12"/>
    </row>
    <row r="591869" spans="8:8">
      <c r="H591869" s="12"/>
    </row>
    <row r="591870" spans="8:8">
      <c r="H591870" s="12"/>
    </row>
    <row r="591871" spans="8:8">
      <c r="H591871" s="12"/>
    </row>
    <row r="591872" spans="8:8">
      <c r="H591872" s="12"/>
    </row>
    <row r="591873" spans="8:8">
      <c r="H591873" s="12"/>
    </row>
    <row r="591874" spans="8:8">
      <c r="H591874" s="12"/>
    </row>
    <row r="591875" spans="8:8">
      <c r="H591875" s="12"/>
    </row>
    <row r="591876" spans="8:8">
      <c r="H591876" s="12"/>
    </row>
    <row r="591877" spans="8:8">
      <c r="H591877" s="12"/>
    </row>
    <row r="591878" spans="8:8">
      <c r="H591878" s="12"/>
    </row>
    <row r="591879" spans="8:8">
      <c r="H591879" s="12"/>
    </row>
    <row r="591880" spans="8:8">
      <c r="H591880" s="12"/>
    </row>
    <row r="591881" spans="8:8">
      <c r="H591881" s="12"/>
    </row>
    <row r="591882" spans="8:8">
      <c r="H591882" s="12"/>
    </row>
    <row r="591883" spans="8:8">
      <c r="H591883" s="12"/>
    </row>
    <row r="591884" spans="8:8">
      <c r="H591884" s="12"/>
    </row>
    <row r="591885" spans="8:8">
      <c r="H591885" s="12"/>
    </row>
    <row r="591886" spans="8:8">
      <c r="H591886" s="12"/>
    </row>
    <row r="591887" spans="8:8">
      <c r="H591887" s="12"/>
    </row>
    <row r="591888" spans="8:8">
      <c r="H591888" s="12"/>
    </row>
    <row r="591889" spans="8:8">
      <c r="H591889" s="12"/>
    </row>
    <row r="591890" spans="8:8">
      <c r="H591890" s="12"/>
    </row>
    <row r="591891" spans="8:8">
      <c r="H591891" s="12"/>
    </row>
    <row r="591892" spans="8:8">
      <c r="H591892" s="12"/>
    </row>
    <row r="591893" spans="8:8">
      <c r="H591893" s="12"/>
    </row>
    <row r="591894" spans="8:8">
      <c r="H591894" s="12"/>
    </row>
    <row r="591895" spans="8:8">
      <c r="H591895" s="12"/>
    </row>
    <row r="591896" spans="8:8">
      <c r="H591896" s="12"/>
    </row>
    <row r="591897" spans="8:8">
      <c r="H591897" s="12"/>
    </row>
    <row r="591898" spans="8:8">
      <c r="H591898" s="12"/>
    </row>
    <row r="591899" spans="8:8">
      <c r="H591899" s="12"/>
    </row>
    <row r="591900" spans="8:8">
      <c r="H591900" s="12"/>
    </row>
    <row r="591901" spans="8:8">
      <c r="H591901" s="12"/>
    </row>
    <row r="591902" spans="8:8">
      <c r="H591902" s="12"/>
    </row>
    <row r="591903" spans="8:8">
      <c r="H591903" s="12"/>
    </row>
    <row r="591904" spans="8:8">
      <c r="H591904" s="12"/>
    </row>
    <row r="591905" spans="8:8">
      <c r="H591905" s="12"/>
    </row>
    <row r="591906" spans="8:8">
      <c r="H591906" s="12"/>
    </row>
    <row r="591907" spans="8:8">
      <c r="H591907" s="12"/>
    </row>
    <row r="591908" spans="8:8">
      <c r="H591908" s="12"/>
    </row>
    <row r="591909" spans="8:8">
      <c r="H591909" s="12"/>
    </row>
    <row r="591910" spans="8:8">
      <c r="H591910" s="12"/>
    </row>
    <row r="591911" spans="8:8">
      <c r="H591911" s="12"/>
    </row>
    <row r="591912" spans="8:8">
      <c r="H591912" s="12"/>
    </row>
    <row r="591913" spans="8:8">
      <c r="H591913" s="12"/>
    </row>
    <row r="591914" spans="8:8">
      <c r="H591914" s="12"/>
    </row>
    <row r="591915" spans="8:8">
      <c r="H591915" s="12"/>
    </row>
    <row r="591916" spans="8:8">
      <c r="H591916" s="12"/>
    </row>
    <row r="591917" spans="8:8">
      <c r="H591917" s="12"/>
    </row>
    <row r="591918" spans="8:8">
      <c r="H591918" s="12"/>
    </row>
    <row r="591919" spans="8:8">
      <c r="H591919" s="12"/>
    </row>
    <row r="591920" spans="8:8">
      <c r="H591920" s="12"/>
    </row>
    <row r="591921" spans="8:8">
      <c r="H591921" s="12"/>
    </row>
    <row r="591922" spans="8:8">
      <c r="H591922" s="12"/>
    </row>
    <row r="591923" spans="8:8">
      <c r="H591923" s="12"/>
    </row>
    <row r="591924" spans="8:8">
      <c r="H591924" s="12"/>
    </row>
    <row r="591925" spans="8:8">
      <c r="H591925" s="12"/>
    </row>
    <row r="591926" spans="8:8">
      <c r="H591926" s="12"/>
    </row>
    <row r="591927" spans="8:8">
      <c r="H591927" s="12"/>
    </row>
    <row r="591928" spans="8:8">
      <c r="H591928" s="12"/>
    </row>
    <row r="591929" spans="8:8">
      <c r="H591929" s="12"/>
    </row>
    <row r="591930" spans="8:8">
      <c r="H591930" s="12"/>
    </row>
    <row r="591931" spans="8:8">
      <c r="H591931" s="12"/>
    </row>
    <row r="591932" spans="8:8">
      <c r="H591932" s="12"/>
    </row>
    <row r="591933" spans="8:8">
      <c r="H591933" s="12"/>
    </row>
    <row r="591934" spans="8:8">
      <c r="H591934" s="12"/>
    </row>
    <row r="591935" spans="8:8">
      <c r="H591935" s="12"/>
    </row>
    <row r="591936" spans="8:8">
      <c r="H591936" s="12"/>
    </row>
    <row r="591937" spans="8:8">
      <c r="H591937" s="12"/>
    </row>
    <row r="591938" spans="8:8">
      <c r="H591938" s="12"/>
    </row>
    <row r="591939" spans="8:8">
      <c r="H591939" s="12"/>
    </row>
    <row r="591940" spans="8:8">
      <c r="H591940" s="12"/>
    </row>
    <row r="591941" spans="8:8">
      <c r="H591941" s="12"/>
    </row>
    <row r="591942" spans="8:8">
      <c r="H591942" s="12"/>
    </row>
    <row r="591943" spans="8:8">
      <c r="H591943" s="12"/>
    </row>
    <row r="591944" spans="8:8">
      <c r="H591944" s="12"/>
    </row>
    <row r="591945" spans="8:8">
      <c r="H591945" s="12"/>
    </row>
    <row r="591946" spans="8:8">
      <c r="H591946" s="12"/>
    </row>
    <row r="591947" spans="8:8">
      <c r="H591947" s="12"/>
    </row>
    <row r="591948" spans="8:8">
      <c r="H591948" s="12"/>
    </row>
    <row r="591949" spans="8:8">
      <c r="H591949" s="12"/>
    </row>
    <row r="591950" spans="8:8">
      <c r="H591950" s="12"/>
    </row>
    <row r="591951" spans="8:8">
      <c r="H591951" s="12"/>
    </row>
    <row r="591952" spans="8:8">
      <c r="H591952" s="12"/>
    </row>
    <row r="591953" spans="8:8">
      <c r="H591953" s="12"/>
    </row>
    <row r="591954" spans="8:8">
      <c r="H591954" s="12"/>
    </row>
    <row r="591955" spans="8:8">
      <c r="H591955" s="12"/>
    </row>
    <row r="591956" spans="8:8">
      <c r="H591956" s="12"/>
    </row>
    <row r="591957" spans="8:8">
      <c r="H591957" s="12"/>
    </row>
    <row r="591958" spans="8:8">
      <c r="H591958" s="12"/>
    </row>
    <row r="591959" spans="8:8">
      <c r="H591959" s="12"/>
    </row>
    <row r="591960" spans="8:8">
      <c r="H591960" s="12"/>
    </row>
    <row r="591961" spans="8:8">
      <c r="H591961" s="12"/>
    </row>
    <row r="591962" spans="8:8">
      <c r="H591962" s="12"/>
    </row>
    <row r="591963" spans="8:8">
      <c r="H591963" s="12"/>
    </row>
    <row r="591964" spans="8:8">
      <c r="H591964" s="12"/>
    </row>
    <row r="591965" spans="8:8">
      <c r="H591965" s="12"/>
    </row>
    <row r="591966" spans="8:8">
      <c r="H591966" s="12"/>
    </row>
    <row r="591967" spans="8:8">
      <c r="H591967" s="12"/>
    </row>
    <row r="591968" spans="8:8">
      <c r="H591968" s="12"/>
    </row>
    <row r="591969" spans="8:8">
      <c r="H591969" s="12"/>
    </row>
    <row r="591970" spans="8:8">
      <c r="H591970" s="12"/>
    </row>
    <row r="591971" spans="8:8">
      <c r="H591971" s="12"/>
    </row>
    <row r="591972" spans="8:8">
      <c r="H591972" s="12"/>
    </row>
    <row r="591973" spans="8:8">
      <c r="H591973" s="12"/>
    </row>
    <row r="591974" spans="8:8">
      <c r="H591974" s="12"/>
    </row>
    <row r="591975" spans="8:8">
      <c r="H591975" s="12"/>
    </row>
    <row r="591976" spans="8:8">
      <c r="H591976" s="12"/>
    </row>
    <row r="591977" spans="8:8">
      <c r="H591977" s="12"/>
    </row>
    <row r="591978" spans="8:8">
      <c r="H591978" s="12"/>
    </row>
    <row r="591979" spans="8:8">
      <c r="H591979" s="12"/>
    </row>
    <row r="591980" spans="8:8">
      <c r="H591980" s="12"/>
    </row>
    <row r="591981" spans="8:8">
      <c r="H591981" s="12"/>
    </row>
    <row r="591982" spans="8:8">
      <c r="H591982" s="12"/>
    </row>
    <row r="591983" spans="8:8">
      <c r="H591983" s="12"/>
    </row>
    <row r="591984" spans="8:8">
      <c r="H591984" s="12"/>
    </row>
    <row r="591985" spans="8:8">
      <c r="H591985" s="12"/>
    </row>
    <row r="591986" spans="8:8">
      <c r="H591986" s="12"/>
    </row>
    <row r="591987" spans="8:8">
      <c r="H591987" s="12"/>
    </row>
    <row r="591988" spans="8:8">
      <c r="H591988" s="12"/>
    </row>
    <row r="591989" spans="8:8">
      <c r="H591989" s="12"/>
    </row>
    <row r="591990" spans="8:8">
      <c r="H591990" s="12"/>
    </row>
    <row r="591991" spans="8:8">
      <c r="H591991" s="12"/>
    </row>
    <row r="591992" spans="8:8">
      <c r="H591992" s="12"/>
    </row>
    <row r="591993" spans="8:8">
      <c r="H591993" s="12"/>
    </row>
    <row r="591994" spans="8:8">
      <c r="H591994" s="12"/>
    </row>
    <row r="591995" spans="8:8">
      <c r="H591995" s="12"/>
    </row>
    <row r="591996" spans="8:8">
      <c r="H591996" s="12"/>
    </row>
    <row r="591997" spans="8:8">
      <c r="H591997" s="12"/>
    </row>
    <row r="591998" spans="8:8">
      <c r="H591998" s="12"/>
    </row>
    <row r="591999" spans="8:8">
      <c r="H591999" s="12"/>
    </row>
    <row r="592000" spans="8:8">
      <c r="H592000" s="12"/>
    </row>
    <row r="592001" spans="8:8">
      <c r="H592001" s="12"/>
    </row>
    <row r="592002" spans="8:8">
      <c r="H592002" s="12"/>
    </row>
    <row r="592003" spans="8:8">
      <c r="H592003" s="12"/>
    </row>
    <row r="592004" spans="8:8">
      <c r="H592004" s="12"/>
    </row>
    <row r="592005" spans="8:8">
      <c r="H592005" s="12"/>
    </row>
    <row r="592006" spans="8:8">
      <c r="H592006" s="12"/>
    </row>
    <row r="592007" spans="8:8">
      <c r="H592007" s="12"/>
    </row>
    <row r="592008" spans="8:8">
      <c r="H592008" s="12"/>
    </row>
    <row r="592009" spans="8:8">
      <c r="H592009" s="12"/>
    </row>
    <row r="592010" spans="8:8">
      <c r="H592010" s="12"/>
    </row>
    <row r="592011" spans="8:8">
      <c r="H592011" s="12"/>
    </row>
    <row r="592012" spans="8:8">
      <c r="H592012" s="12"/>
    </row>
    <row r="592013" spans="8:8">
      <c r="H592013" s="12"/>
    </row>
    <row r="592014" spans="8:8">
      <c r="H592014" s="12"/>
    </row>
    <row r="592015" spans="8:8">
      <c r="H592015" s="12"/>
    </row>
    <row r="592016" spans="8:8">
      <c r="H592016" s="12"/>
    </row>
    <row r="592017" spans="8:8">
      <c r="H592017" s="12"/>
    </row>
    <row r="592018" spans="8:8">
      <c r="H592018" s="12"/>
    </row>
    <row r="592019" spans="8:8">
      <c r="H592019" s="12"/>
    </row>
    <row r="592020" spans="8:8">
      <c r="H592020" s="12"/>
    </row>
    <row r="592021" spans="8:8">
      <c r="H592021" s="12"/>
    </row>
    <row r="592022" spans="8:8">
      <c r="H592022" s="12"/>
    </row>
    <row r="592023" spans="8:8">
      <c r="H592023" s="12"/>
    </row>
    <row r="592024" spans="8:8">
      <c r="H592024" s="12"/>
    </row>
    <row r="592025" spans="8:8">
      <c r="H592025" s="12"/>
    </row>
    <row r="592026" spans="8:8">
      <c r="H592026" s="12"/>
    </row>
    <row r="592027" spans="8:8">
      <c r="H592027" s="12"/>
    </row>
    <row r="592028" spans="8:8">
      <c r="H592028" s="12"/>
    </row>
    <row r="592029" spans="8:8">
      <c r="H592029" s="12"/>
    </row>
    <row r="592030" spans="8:8">
      <c r="H592030" s="12"/>
    </row>
    <row r="592031" spans="8:8">
      <c r="H592031" s="12"/>
    </row>
    <row r="592032" spans="8:8">
      <c r="H592032" s="12"/>
    </row>
    <row r="592033" spans="8:8">
      <c r="H592033" s="12"/>
    </row>
    <row r="592034" spans="8:8">
      <c r="H592034" s="12"/>
    </row>
    <row r="592035" spans="8:8">
      <c r="H592035" s="12"/>
    </row>
    <row r="592036" spans="8:8">
      <c r="H592036" s="12"/>
    </row>
    <row r="592037" spans="8:8">
      <c r="H592037" s="12"/>
    </row>
    <row r="592038" spans="8:8">
      <c r="H592038" s="12"/>
    </row>
    <row r="592039" spans="8:8">
      <c r="H592039" s="12"/>
    </row>
    <row r="592040" spans="8:8">
      <c r="H592040" s="12"/>
    </row>
    <row r="592041" spans="8:8">
      <c r="H592041" s="12"/>
    </row>
    <row r="592042" spans="8:8">
      <c r="H592042" s="12"/>
    </row>
    <row r="592043" spans="8:8">
      <c r="H592043" s="12"/>
    </row>
    <row r="592044" spans="8:8">
      <c r="H592044" s="12"/>
    </row>
    <row r="592045" spans="8:8">
      <c r="H592045" s="12"/>
    </row>
    <row r="592046" spans="8:8">
      <c r="H592046" s="12"/>
    </row>
    <row r="592047" spans="8:8">
      <c r="H592047" s="12"/>
    </row>
    <row r="592048" spans="8:8">
      <c r="H592048" s="12"/>
    </row>
    <row r="592049" spans="8:8">
      <c r="H592049" s="12"/>
    </row>
    <row r="592050" spans="8:8">
      <c r="H592050" s="12"/>
    </row>
    <row r="592051" spans="8:8">
      <c r="H592051" s="12"/>
    </row>
    <row r="592052" spans="8:8">
      <c r="H592052" s="12"/>
    </row>
    <row r="592053" spans="8:8">
      <c r="H592053" s="12"/>
    </row>
    <row r="592054" spans="8:8">
      <c r="H592054" s="12"/>
    </row>
    <row r="592055" spans="8:8">
      <c r="H592055" s="12"/>
    </row>
    <row r="592056" spans="8:8">
      <c r="H592056" s="12"/>
    </row>
    <row r="592057" spans="8:8">
      <c r="H592057" s="12"/>
    </row>
    <row r="592058" spans="8:8">
      <c r="H592058" s="12"/>
    </row>
    <row r="592059" spans="8:8">
      <c r="H592059" s="12"/>
    </row>
    <row r="592060" spans="8:8">
      <c r="H592060" s="12"/>
    </row>
    <row r="592061" spans="8:8">
      <c r="H592061" s="12"/>
    </row>
    <row r="592062" spans="8:8">
      <c r="H592062" s="12"/>
    </row>
    <row r="592063" spans="8:8">
      <c r="H592063" s="12"/>
    </row>
    <row r="592064" spans="8:8">
      <c r="H592064" s="12"/>
    </row>
    <row r="592065" spans="8:8">
      <c r="H592065" s="12"/>
    </row>
    <row r="592066" spans="8:8">
      <c r="H592066" s="12"/>
    </row>
    <row r="592067" spans="8:8">
      <c r="H592067" s="12"/>
    </row>
    <row r="592068" spans="8:8">
      <c r="H592068" s="12"/>
    </row>
    <row r="592069" spans="8:8">
      <c r="H592069" s="12"/>
    </row>
    <row r="592070" spans="8:8">
      <c r="H592070" s="12"/>
    </row>
    <row r="592071" spans="8:8">
      <c r="H592071" s="12"/>
    </row>
    <row r="592072" spans="8:8">
      <c r="H592072" s="12"/>
    </row>
    <row r="592073" spans="8:8">
      <c r="H592073" s="12"/>
    </row>
    <row r="592074" spans="8:8">
      <c r="H592074" s="12"/>
    </row>
    <row r="592075" spans="8:8">
      <c r="H592075" s="12"/>
    </row>
    <row r="592076" spans="8:8">
      <c r="H592076" s="12"/>
    </row>
    <row r="592077" spans="8:8">
      <c r="H592077" s="12"/>
    </row>
    <row r="592078" spans="8:8">
      <c r="H592078" s="12"/>
    </row>
    <row r="592079" spans="8:8">
      <c r="H592079" s="12"/>
    </row>
    <row r="592080" spans="8:8">
      <c r="H592080" s="12"/>
    </row>
    <row r="592081" spans="8:8">
      <c r="H592081" s="12"/>
    </row>
    <row r="592082" spans="8:8">
      <c r="H592082" s="12"/>
    </row>
    <row r="592083" spans="8:8">
      <c r="H592083" s="12"/>
    </row>
    <row r="592084" spans="8:8">
      <c r="H592084" s="12"/>
    </row>
    <row r="592085" spans="8:8">
      <c r="H592085" s="12"/>
    </row>
    <row r="592086" spans="8:8">
      <c r="H592086" s="12"/>
    </row>
    <row r="592087" spans="8:8">
      <c r="H592087" s="12"/>
    </row>
    <row r="592088" spans="8:8">
      <c r="H592088" s="12"/>
    </row>
    <row r="592089" spans="8:8">
      <c r="H592089" s="12"/>
    </row>
    <row r="592090" spans="8:8">
      <c r="H592090" s="12"/>
    </row>
    <row r="592091" spans="8:8">
      <c r="H592091" s="12"/>
    </row>
    <row r="592092" spans="8:8">
      <c r="H592092" s="12"/>
    </row>
    <row r="592093" spans="8:8">
      <c r="H592093" s="12"/>
    </row>
    <row r="592094" spans="8:8">
      <c r="H592094" s="12"/>
    </row>
    <row r="592095" spans="8:8">
      <c r="H592095" s="12"/>
    </row>
    <row r="592096" spans="8:8">
      <c r="H592096" s="12"/>
    </row>
    <row r="592097" spans="8:8">
      <c r="H592097" s="12"/>
    </row>
    <row r="592098" spans="8:8">
      <c r="H592098" s="12"/>
    </row>
    <row r="592099" spans="8:8">
      <c r="H592099" s="12"/>
    </row>
    <row r="592100" spans="8:8">
      <c r="H592100" s="12"/>
    </row>
    <row r="592101" spans="8:8">
      <c r="H592101" s="12"/>
    </row>
    <row r="592102" spans="8:8">
      <c r="H592102" s="12"/>
    </row>
    <row r="592103" spans="8:8">
      <c r="H592103" s="12"/>
    </row>
    <row r="592104" spans="8:8">
      <c r="H592104" s="12"/>
    </row>
    <row r="592105" spans="8:8">
      <c r="H592105" s="12"/>
    </row>
    <row r="592106" spans="8:8">
      <c r="H592106" s="12"/>
    </row>
    <row r="592107" spans="8:8">
      <c r="H592107" s="12"/>
    </row>
    <row r="592108" spans="8:8">
      <c r="H592108" s="12"/>
    </row>
    <row r="592109" spans="8:8">
      <c r="H592109" s="12"/>
    </row>
    <row r="592110" spans="8:8">
      <c r="H592110" s="12"/>
    </row>
    <row r="592111" spans="8:8">
      <c r="H592111" s="12"/>
    </row>
    <row r="592112" spans="8:8">
      <c r="H592112" s="12"/>
    </row>
    <row r="592113" spans="8:8">
      <c r="H592113" s="12"/>
    </row>
    <row r="592114" spans="8:8">
      <c r="H592114" s="12"/>
    </row>
    <row r="592115" spans="8:8">
      <c r="H592115" s="12"/>
    </row>
    <row r="592116" spans="8:8">
      <c r="H592116" s="12"/>
    </row>
    <row r="592117" spans="8:8">
      <c r="H592117" s="12"/>
    </row>
    <row r="592118" spans="8:8">
      <c r="H592118" s="12"/>
    </row>
    <row r="592119" spans="8:8">
      <c r="H592119" s="12"/>
    </row>
    <row r="592120" spans="8:8">
      <c r="H592120" s="12"/>
    </row>
    <row r="592121" spans="8:8">
      <c r="H592121" s="12"/>
    </row>
    <row r="592122" spans="8:8">
      <c r="H592122" s="12"/>
    </row>
    <row r="592123" spans="8:8">
      <c r="H592123" s="12"/>
    </row>
    <row r="592124" spans="8:8">
      <c r="H592124" s="12"/>
    </row>
    <row r="592125" spans="8:8">
      <c r="H592125" s="12"/>
    </row>
    <row r="592126" spans="8:8">
      <c r="H592126" s="12"/>
    </row>
    <row r="592127" spans="8:8">
      <c r="H592127" s="12"/>
    </row>
    <row r="592128" spans="8:8">
      <c r="H592128" s="12"/>
    </row>
    <row r="592129" spans="8:8">
      <c r="H592129" s="12"/>
    </row>
    <row r="592130" spans="8:8">
      <c r="H592130" s="12"/>
    </row>
    <row r="592131" spans="8:8">
      <c r="H592131" s="12"/>
    </row>
    <row r="592132" spans="8:8">
      <c r="H592132" s="12"/>
    </row>
    <row r="592133" spans="8:8">
      <c r="H592133" s="12"/>
    </row>
    <row r="592134" spans="8:8">
      <c r="H592134" s="12"/>
    </row>
    <row r="592135" spans="8:8">
      <c r="H592135" s="12"/>
    </row>
    <row r="592136" spans="8:8">
      <c r="H592136" s="12"/>
    </row>
    <row r="592137" spans="8:8">
      <c r="H592137" s="12"/>
    </row>
    <row r="592138" spans="8:8">
      <c r="H592138" s="12"/>
    </row>
    <row r="592139" spans="8:8">
      <c r="H592139" s="12"/>
    </row>
    <row r="592140" spans="8:8">
      <c r="H592140" s="12"/>
    </row>
    <row r="592141" spans="8:8">
      <c r="H592141" s="12"/>
    </row>
    <row r="592142" spans="8:8">
      <c r="H592142" s="12"/>
    </row>
    <row r="592143" spans="8:8">
      <c r="H592143" s="12"/>
    </row>
    <row r="592144" spans="8:8">
      <c r="H592144" s="12"/>
    </row>
    <row r="592145" spans="8:8">
      <c r="H592145" s="12"/>
    </row>
    <row r="592146" spans="8:8">
      <c r="H592146" s="12"/>
    </row>
    <row r="592147" spans="8:8">
      <c r="H592147" s="12"/>
    </row>
    <row r="592148" spans="8:8">
      <c r="H592148" s="12"/>
    </row>
    <row r="592149" spans="8:8">
      <c r="H592149" s="12"/>
    </row>
    <row r="592150" spans="8:8">
      <c r="H592150" s="12"/>
    </row>
    <row r="592151" spans="8:8">
      <c r="H592151" s="12"/>
    </row>
    <row r="592152" spans="8:8">
      <c r="H592152" s="12"/>
    </row>
    <row r="592153" spans="8:8">
      <c r="H592153" s="12"/>
    </row>
    <row r="592154" spans="8:8">
      <c r="H592154" s="12"/>
    </row>
    <row r="592155" spans="8:8">
      <c r="H592155" s="12"/>
    </row>
    <row r="592156" spans="8:8">
      <c r="H592156" s="12"/>
    </row>
    <row r="592157" spans="8:8">
      <c r="H592157" s="12"/>
    </row>
    <row r="592158" spans="8:8">
      <c r="H592158" s="12"/>
    </row>
    <row r="592159" spans="8:8">
      <c r="H592159" s="12"/>
    </row>
    <row r="592160" spans="8:8">
      <c r="H592160" s="12"/>
    </row>
    <row r="592161" spans="8:8">
      <c r="H592161" s="12"/>
    </row>
    <row r="592162" spans="8:8">
      <c r="H592162" s="12"/>
    </row>
    <row r="592163" spans="8:8">
      <c r="H592163" s="12"/>
    </row>
    <row r="592164" spans="8:8">
      <c r="H592164" s="12"/>
    </row>
    <row r="592165" spans="8:8">
      <c r="H592165" s="12"/>
    </row>
    <row r="592166" spans="8:8">
      <c r="H592166" s="12"/>
    </row>
    <row r="592167" spans="8:8">
      <c r="H592167" s="12"/>
    </row>
    <row r="592168" spans="8:8">
      <c r="H592168" s="12"/>
    </row>
    <row r="592169" spans="8:8">
      <c r="H592169" s="12"/>
    </row>
    <row r="592170" spans="8:8">
      <c r="H592170" s="12"/>
    </row>
    <row r="592171" spans="8:8">
      <c r="H592171" s="12"/>
    </row>
    <row r="592172" spans="8:8">
      <c r="H592172" s="12"/>
    </row>
    <row r="592173" spans="8:8">
      <c r="H592173" s="12"/>
    </row>
    <row r="592174" spans="8:8">
      <c r="H592174" s="12"/>
    </row>
    <row r="592175" spans="8:8">
      <c r="H592175" s="12"/>
    </row>
    <row r="592176" spans="8:8">
      <c r="H592176" s="12"/>
    </row>
    <row r="592177" spans="8:8">
      <c r="H592177" s="12"/>
    </row>
    <row r="592178" spans="8:8">
      <c r="H592178" s="12"/>
    </row>
    <row r="592179" spans="8:8">
      <c r="H592179" s="12"/>
    </row>
    <row r="592180" spans="8:8">
      <c r="H592180" s="12"/>
    </row>
    <row r="592181" spans="8:8">
      <c r="H592181" s="12"/>
    </row>
    <row r="592182" spans="8:8">
      <c r="H592182" s="12"/>
    </row>
    <row r="592183" spans="8:8">
      <c r="H592183" s="12"/>
    </row>
    <row r="592184" spans="8:8">
      <c r="H592184" s="12"/>
    </row>
    <row r="592185" spans="8:8">
      <c r="H592185" s="12"/>
    </row>
    <row r="592186" spans="8:8">
      <c r="H592186" s="12"/>
    </row>
    <row r="592187" spans="8:8">
      <c r="H592187" s="12"/>
    </row>
    <row r="592188" spans="8:8">
      <c r="H592188" s="12"/>
    </row>
    <row r="592189" spans="8:8">
      <c r="H592189" s="12"/>
    </row>
    <row r="592190" spans="8:8">
      <c r="H592190" s="12"/>
    </row>
    <row r="592191" spans="8:8">
      <c r="H592191" s="12"/>
    </row>
    <row r="592192" spans="8:8">
      <c r="H592192" s="12"/>
    </row>
    <row r="592193" spans="8:8">
      <c r="H592193" s="12"/>
    </row>
    <row r="592194" spans="8:8">
      <c r="H592194" s="12"/>
    </row>
    <row r="592195" spans="8:8">
      <c r="H592195" s="12"/>
    </row>
    <row r="592196" spans="8:8">
      <c r="H592196" s="12"/>
    </row>
    <row r="592197" spans="8:8">
      <c r="H592197" s="12"/>
    </row>
    <row r="592198" spans="8:8">
      <c r="H592198" s="12"/>
    </row>
    <row r="592199" spans="8:8">
      <c r="H592199" s="12"/>
    </row>
    <row r="592200" spans="8:8">
      <c r="H592200" s="12"/>
    </row>
    <row r="592201" spans="8:8">
      <c r="H592201" s="12"/>
    </row>
    <row r="592202" spans="8:8">
      <c r="H592202" s="12"/>
    </row>
    <row r="592203" spans="8:8">
      <c r="H592203" s="12"/>
    </row>
    <row r="592204" spans="8:8">
      <c r="H592204" s="12"/>
    </row>
    <row r="592205" spans="8:8">
      <c r="H592205" s="12"/>
    </row>
    <row r="592206" spans="8:8">
      <c r="H592206" s="12"/>
    </row>
    <row r="592207" spans="8:8">
      <c r="H592207" s="12"/>
    </row>
    <row r="592208" spans="8:8">
      <c r="H592208" s="12"/>
    </row>
    <row r="592209" spans="8:8">
      <c r="H592209" s="12"/>
    </row>
    <row r="592210" spans="8:8">
      <c r="H592210" s="12"/>
    </row>
    <row r="592211" spans="8:8">
      <c r="H592211" s="12"/>
    </row>
    <row r="592212" spans="8:8">
      <c r="H592212" s="12"/>
    </row>
    <row r="592213" spans="8:8">
      <c r="H592213" s="12"/>
    </row>
    <row r="592214" spans="8:8">
      <c r="H592214" s="12"/>
    </row>
    <row r="592215" spans="8:8">
      <c r="H592215" s="12"/>
    </row>
    <row r="592216" spans="8:8">
      <c r="H592216" s="12"/>
    </row>
    <row r="592217" spans="8:8">
      <c r="H592217" s="12"/>
    </row>
    <row r="592218" spans="8:8">
      <c r="H592218" s="12"/>
    </row>
    <row r="592219" spans="8:8">
      <c r="H592219" s="12"/>
    </row>
    <row r="592220" spans="8:8">
      <c r="H592220" s="12"/>
    </row>
    <row r="592221" spans="8:8">
      <c r="H592221" s="12"/>
    </row>
    <row r="592222" spans="8:8">
      <c r="H592222" s="12"/>
    </row>
    <row r="592223" spans="8:8">
      <c r="H592223" s="12"/>
    </row>
    <row r="592224" spans="8:8">
      <c r="H592224" s="12"/>
    </row>
    <row r="592225" spans="8:8">
      <c r="H592225" s="12"/>
    </row>
    <row r="592226" spans="8:8">
      <c r="H592226" s="12"/>
    </row>
    <row r="592227" spans="8:8">
      <c r="H592227" s="12"/>
    </row>
    <row r="592228" spans="8:8">
      <c r="H592228" s="12"/>
    </row>
    <row r="592229" spans="8:8">
      <c r="H592229" s="12"/>
    </row>
    <row r="592230" spans="8:8">
      <c r="H592230" s="12"/>
    </row>
    <row r="592231" spans="8:8">
      <c r="H592231" s="12"/>
    </row>
    <row r="592232" spans="8:8">
      <c r="H592232" s="12"/>
    </row>
    <row r="592233" spans="8:8">
      <c r="H592233" s="12"/>
    </row>
    <row r="592234" spans="8:8">
      <c r="H592234" s="12"/>
    </row>
    <row r="592235" spans="8:8">
      <c r="H592235" s="12"/>
    </row>
    <row r="592236" spans="8:8">
      <c r="H592236" s="12"/>
    </row>
    <row r="592237" spans="8:8">
      <c r="H592237" s="12"/>
    </row>
    <row r="592238" spans="8:8">
      <c r="H592238" s="12"/>
    </row>
    <row r="592239" spans="8:8">
      <c r="H592239" s="12"/>
    </row>
    <row r="592240" spans="8:8">
      <c r="H592240" s="12"/>
    </row>
    <row r="592241" spans="8:8">
      <c r="H592241" s="12"/>
    </row>
    <row r="592242" spans="8:8">
      <c r="H592242" s="12"/>
    </row>
    <row r="592243" spans="8:8">
      <c r="H592243" s="12"/>
    </row>
    <row r="592244" spans="8:8">
      <c r="H592244" s="12"/>
    </row>
    <row r="592245" spans="8:8">
      <c r="H592245" s="12"/>
    </row>
    <row r="592246" spans="8:8">
      <c r="H592246" s="12"/>
    </row>
    <row r="592247" spans="8:8">
      <c r="H592247" s="12"/>
    </row>
    <row r="592248" spans="8:8">
      <c r="H592248" s="12"/>
    </row>
    <row r="592249" spans="8:8">
      <c r="H592249" s="12"/>
    </row>
    <row r="592250" spans="8:8">
      <c r="H592250" s="12"/>
    </row>
    <row r="592251" spans="8:8">
      <c r="H592251" s="12"/>
    </row>
    <row r="592252" spans="8:8">
      <c r="H592252" s="12"/>
    </row>
    <row r="592253" spans="8:8">
      <c r="H592253" s="12"/>
    </row>
    <row r="592254" spans="8:8">
      <c r="H592254" s="12"/>
    </row>
    <row r="592255" spans="8:8">
      <c r="H592255" s="12"/>
    </row>
    <row r="592256" spans="8:8">
      <c r="H592256" s="12"/>
    </row>
    <row r="592257" spans="8:8">
      <c r="H592257" s="12"/>
    </row>
    <row r="592258" spans="8:8">
      <c r="H592258" s="12"/>
    </row>
    <row r="592259" spans="8:8">
      <c r="H592259" s="12"/>
    </row>
    <row r="592260" spans="8:8">
      <c r="H592260" s="12"/>
    </row>
    <row r="592261" spans="8:8">
      <c r="H592261" s="12"/>
    </row>
    <row r="592262" spans="8:8">
      <c r="H592262" s="12"/>
    </row>
    <row r="592263" spans="8:8">
      <c r="H592263" s="12"/>
    </row>
    <row r="592264" spans="8:8">
      <c r="H592264" s="12"/>
    </row>
    <row r="592265" spans="8:8">
      <c r="H592265" s="12"/>
    </row>
    <row r="592266" spans="8:8">
      <c r="H592266" s="12"/>
    </row>
    <row r="592267" spans="8:8">
      <c r="H592267" s="12"/>
    </row>
    <row r="592268" spans="8:8">
      <c r="H592268" s="12"/>
    </row>
    <row r="592269" spans="8:8">
      <c r="H592269" s="12"/>
    </row>
    <row r="592270" spans="8:8">
      <c r="H592270" s="12"/>
    </row>
    <row r="592271" spans="8:8">
      <c r="H592271" s="12"/>
    </row>
    <row r="592272" spans="8:8">
      <c r="H592272" s="12"/>
    </row>
    <row r="592273" spans="8:8">
      <c r="H592273" s="12"/>
    </row>
    <row r="592274" spans="8:8">
      <c r="H592274" s="12"/>
    </row>
    <row r="592275" spans="8:8">
      <c r="H592275" s="12"/>
    </row>
    <row r="592276" spans="8:8">
      <c r="H592276" s="12"/>
    </row>
    <row r="592277" spans="8:8">
      <c r="H592277" s="12"/>
    </row>
    <row r="592278" spans="8:8">
      <c r="H592278" s="12"/>
    </row>
    <row r="592279" spans="8:8">
      <c r="H592279" s="12"/>
    </row>
    <row r="592280" spans="8:8">
      <c r="H592280" s="12"/>
    </row>
    <row r="592281" spans="8:8">
      <c r="H592281" s="12"/>
    </row>
    <row r="592282" spans="8:8">
      <c r="H592282" s="12"/>
    </row>
    <row r="592283" spans="8:8">
      <c r="H592283" s="12"/>
    </row>
    <row r="592284" spans="8:8">
      <c r="H592284" s="12"/>
    </row>
    <row r="592285" spans="8:8">
      <c r="H592285" s="12"/>
    </row>
    <row r="592286" spans="8:8">
      <c r="H592286" s="12"/>
    </row>
    <row r="592287" spans="8:8">
      <c r="H592287" s="12"/>
    </row>
    <row r="592288" spans="8:8">
      <c r="H592288" s="12"/>
    </row>
    <row r="592289" spans="8:8">
      <c r="H592289" s="12"/>
    </row>
    <row r="592290" spans="8:8">
      <c r="H592290" s="12"/>
    </row>
    <row r="592291" spans="8:8">
      <c r="H592291" s="12"/>
    </row>
    <row r="592292" spans="8:8">
      <c r="H592292" s="12"/>
    </row>
    <row r="592293" spans="8:8">
      <c r="H592293" s="12"/>
    </row>
    <row r="592294" spans="8:8">
      <c r="H592294" s="12"/>
    </row>
    <row r="592295" spans="8:8">
      <c r="H592295" s="12"/>
    </row>
    <row r="592296" spans="8:8">
      <c r="H592296" s="12"/>
    </row>
    <row r="592297" spans="8:8">
      <c r="H592297" s="12"/>
    </row>
    <row r="592298" spans="8:8">
      <c r="H592298" s="12"/>
    </row>
    <row r="592299" spans="8:8">
      <c r="H592299" s="12"/>
    </row>
    <row r="592300" spans="8:8">
      <c r="H592300" s="12"/>
    </row>
    <row r="592301" spans="8:8">
      <c r="H592301" s="12"/>
    </row>
    <row r="592302" spans="8:8">
      <c r="H592302" s="12"/>
    </row>
    <row r="592303" spans="8:8">
      <c r="H592303" s="12"/>
    </row>
    <row r="592304" spans="8:8">
      <c r="H592304" s="12"/>
    </row>
    <row r="592305" spans="8:8">
      <c r="H592305" s="12"/>
    </row>
    <row r="592306" spans="8:8">
      <c r="H592306" s="12"/>
    </row>
    <row r="592307" spans="8:8">
      <c r="H592307" s="12"/>
    </row>
    <row r="592308" spans="8:8">
      <c r="H592308" s="12"/>
    </row>
    <row r="592309" spans="8:8">
      <c r="H592309" s="12"/>
    </row>
    <row r="592310" spans="8:8">
      <c r="H592310" s="12"/>
    </row>
    <row r="592311" spans="8:8">
      <c r="H592311" s="12"/>
    </row>
    <row r="592312" spans="8:8">
      <c r="H592312" s="12"/>
    </row>
    <row r="592313" spans="8:8">
      <c r="H592313" s="12"/>
    </row>
    <row r="592314" spans="8:8">
      <c r="H592314" s="12"/>
    </row>
    <row r="592315" spans="8:8">
      <c r="H592315" s="12"/>
    </row>
    <row r="592316" spans="8:8">
      <c r="H592316" s="12"/>
    </row>
    <row r="592317" spans="8:8">
      <c r="H592317" s="12"/>
    </row>
    <row r="592318" spans="8:8">
      <c r="H592318" s="12"/>
    </row>
    <row r="592319" spans="8:8">
      <c r="H592319" s="12"/>
    </row>
    <row r="592320" spans="8:8">
      <c r="H592320" s="12"/>
    </row>
    <row r="592321" spans="8:8">
      <c r="H592321" s="12"/>
    </row>
    <row r="592322" spans="8:8">
      <c r="H592322" s="12"/>
    </row>
    <row r="592323" spans="8:8">
      <c r="H592323" s="12"/>
    </row>
    <row r="592324" spans="8:8">
      <c r="H592324" s="12"/>
    </row>
    <row r="592325" spans="8:8">
      <c r="H592325" s="12"/>
    </row>
    <row r="592326" spans="8:8">
      <c r="H592326" s="12"/>
    </row>
    <row r="592327" spans="8:8">
      <c r="H592327" s="12"/>
    </row>
    <row r="592328" spans="8:8">
      <c r="H592328" s="12"/>
    </row>
    <row r="592329" spans="8:8">
      <c r="H592329" s="12"/>
    </row>
    <row r="592330" spans="8:8">
      <c r="H592330" s="12"/>
    </row>
    <row r="592331" spans="8:8">
      <c r="H592331" s="12"/>
    </row>
    <row r="592332" spans="8:8">
      <c r="H592332" s="12"/>
    </row>
    <row r="592333" spans="8:8">
      <c r="H592333" s="12"/>
    </row>
    <row r="592334" spans="8:8">
      <c r="H592334" s="12"/>
    </row>
    <row r="592335" spans="8:8">
      <c r="H592335" s="12"/>
    </row>
    <row r="592336" spans="8:8">
      <c r="H592336" s="12"/>
    </row>
    <row r="592337" spans="8:8">
      <c r="H592337" s="12"/>
    </row>
    <row r="592338" spans="8:8">
      <c r="H592338" s="12"/>
    </row>
    <row r="592339" spans="8:8">
      <c r="H592339" s="12"/>
    </row>
    <row r="592340" spans="8:8">
      <c r="H592340" s="12"/>
    </row>
    <row r="592341" spans="8:8">
      <c r="H592341" s="12"/>
    </row>
    <row r="592342" spans="8:8">
      <c r="H592342" s="12"/>
    </row>
    <row r="592343" spans="8:8">
      <c r="H592343" s="12"/>
    </row>
    <row r="592344" spans="8:8">
      <c r="H592344" s="12"/>
    </row>
    <row r="592345" spans="8:8">
      <c r="H592345" s="12"/>
    </row>
    <row r="592346" spans="8:8">
      <c r="H592346" s="12"/>
    </row>
    <row r="592347" spans="8:8">
      <c r="H592347" s="12"/>
    </row>
    <row r="592348" spans="8:8">
      <c r="H592348" s="12"/>
    </row>
    <row r="592349" spans="8:8">
      <c r="H592349" s="12"/>
    </row>
    <row r="592350" spans="8:8">
      <c r="H592350" s="12"/>
    </row>
    <row r="592351" spans="8:8">
      <c r="H592351" s="12"/>
    </row>
    <row r="592352" spans="8:8">
      <c r="H592352" s="12"/>
    </row>
    <row r="592353" spans="8:8">
      <c r="H592353" s="12"/>
    </row>
    <row r="592354" spans="8:8">
      <c r="H592354" s="12"/>
    </row>
    <row r="592355" spans="8:8">
      <c r="H592355" s="12"/>
    </row>
    <row r="592356" spans="8:8">
      <c r="H592356" s="12"/>
    </row>
    <row r="592357" spans="8:8">
      <c r="H592357" s="12"/>
    </row>
    <row r="592358" spans="8:8">
      <c r="H592358" s="12"/>
    </row>
    <row r="592359" spans="8:8">
      <c r="H592359" s="12"/>
    </row>
    <row r="592360" spans="8:8">
      <c r="H592360" s="12"/>
    </row>
    <row r="592361" spans="8:8">
      <c r="H592361" s="12"/>
    </row>
    <row r="592362" spans="8:8">
      <c r="H592362" s="12"/>
    </row>
    <row r="592363" spans="8:8">
      <c r="H592363" s="12"/>
    </row>
    <row r="592364" spans="8:8">
      <c r="H592364" s="12"/>
    </row>
    <row r="592365" spans="8:8">
      <c r="H592365" s="12"/>
    </row>
    <row r="592366" spans="8:8">
      <c r="H592366" s="12"/>
    </row>
    <row r="592367" spans="8:8">
      <c r="H592367" s="12"/>
    </row>
    <row r="592368" spans="8:8">
      <c r="H592368" s="12"/>
    </row>
    <row r="592369" spans="8:8">
      <c r="H592369" s="12"/>
    </row>
    <row r="592370" spans="8:8">
      <c r="H592370" s="12"/>
    </row>
    <row r="592371" spans="8:8">
      <c r="H592371" s="12"/>
    </row>
    <row r="592372" spans="8:8">
      <c r="H592372" s="12"/>
    </row>
    <row r="592373" spans="8:8">
      <c r="H592373" s="12"/>
    </row>
    <row r="592374" spans="8:8">
      <c r="H592374" s="12"/>
    </row>
    <row r="592375" spans="8:8">
      <c r="H592375" s="12"/>
    </row>
    <row r="592376" spans="8:8">
      <c r="H592376" s="12"/>
    </row>
    <row r="592377" spans="8:8">
      <c r="H592377" s="12"/>
    </row>
    <row r="592378" spans="8:8">
      <c r="H592378" s="12"/>
    </row>
    <row r="592379" spans="8:8">
      <c r="H592379" s="12"/>
    </row>
    <row r="592380" spans="8:8">
      <c r="H592380" s="12"/>
    </row>
    <row r="592381" spans="8:8">
      <c r="H592381" s="12"/>
    </row>
    <row r="592382" spans="8:8">
      <c r="H592382" s="12"/>
    </row>
    <row r="592383" spans="8:8">
      <c r="H592383" s="12"/>
    </row>
    <row r="592384" spans="8:8">
      <c r="H592384" s="12"/>
    </row>
    <row r="592385" spans="8:8">
      <c r="H592385" s="12"/>
    </row>
    <row r="592386" spans="8:8">
      <c r="H592386" s="12"/>
    </row>
    <row r="592387" spans="8:8">
      <c r="H592387" s="12"/>
    </row>
    <row r="592388" spans="8:8">
      <c r="H592388" s="12"/>
    </row>
    <row r="592389" spans="8:8">
      <c r="H592389" s="12"/>
    </row>
    <row r="592390" spans="8:8">
      <c r="H592390" s="12"/>
    </row>
    <row r="592391" spans="8:8">
      <c r="H592391" s="12"/>
    </row>
    <row r="592392" spans="8:8">
      <c r="H592392" s="12"/>
    </row>
    <row r="592393" spans="8:8">
      <c r="H592393" s="12"/>
    </row>
    <row r="592394" spans="8:8">
      <c r="H592394" s="12"/>
    </row>
    <row r="592395" spans="8:8">
      <c r="H592395" s="12"/>
    </row>
    <row r="592396" spans="8:8">
      <c r="H592396" s="12"/>
    </row>
    <row r="592397" spans="8:8">
      <c r="H592397" s="12"/>
    </row>
    <row r="592398" spans="8:8">
      <c r="H592398" s="12"/>
    </row>
    <row r="592399" spans="8:8">
      <c r="H592399" s="12"/>
    </row>
    <row r="592400" spans="8:8">
      <c r="H592400" s="12"/>
    </row>
    <row r="592401" spans="8:8">
      <c r="H592401" s="12"/>
    </row>
    <row r="592402" spans="8:8">
      <c r="H592402" s="12"/>
    </row>
    <row r="592403" spans="8:8">
      <c r="H592403" s="12"/>
    </row>
    <row r="592404" spans="8:8">
      <c r="H592404" s="12"/>
    </row>
    <row r="592405" spans="8:8">
      <c r="H592405" s="12"/>
    </row>
    <row r="592406" spans="8:8">
      <c r="H592406" s="12"/>
    </row>
    <row r="592407" spans="8:8">
      <c r="H592407" s="12"/>
    </row>
    <row r="592408" spans="8:8">
      <c r="H592408" s="12"/>
    </row>
    <row r="592409" spans="8:8">
      <c r="H592409" s="12"/>
    </row>
    <row r="592410" spans="8:8">
      <c r="H592410" s="12"/>
    </row>
    <row r="592411" spans="8:8">
      <c r="H592411" s="12"/>
    </row>
    <row r="592412" spans="8:8">
      <c r="H592412" s="12"/>
    </row>
    <row r="592413" spans="8:8">
      <c r="H592413" s="12"/>
    </row>
    <row r="592414" spans="8:8">
      <c r="H592414" s="12"/>
    </row>
    <row r="592415" spans="8:8">
      <c r="H592415" s="12"/>
    </row>
    <row r="592416" spans="8:8">
      <c r="H592416" s="12"/>
    </row>
    <row r="592417" spans="8:8">
      <c r="H592417" s="12"/>
    </row>
    <row r="592418" spans="8:8">
      <c r="H592418" s="12"/>
    </row>
    <row r="592419" spans="8:8">
      <c r="H592419" s="12"/>
    </row>
    <row r="592420" spans="8:8">
      <c r="H592420" s="12"/>
    </row>
    <row r="592421" spans="8:8">
      <c r="H592421" s="12"/>
    </row>
    <row r="592422" spans="8:8">
      <c r="H592422" s="12"/>
    </row>
    <row r="592423" spans="8:8">
      <c r="H592423" s="12"/>
    </row>
    <row r="592424" spans="8:8">
      <c r="H592424" s="12"/>
    </row>
    <row r="592425" spans="8:8">
      <c r="H592425" s="12"/>
    </row>
    <row r="592426" spans="8:8">
      <c r="H592426" s="12"/>
    </row>
    <row r="592427" spans="8:8">
      <c r="H592427" s="12"/>
    </row>
    <row r="592428" spans="8:8">
      <c r="H592428" s="12"/>
    </row>
    <row r="592429" spans="8:8">
      <c r="H592429" s="12"/>
    </row>
    <row r="592430" spans="8:8">
      <c r="H592430" s="12"/>
    </row>
    <row r="592431" spans="8:8">
      <c r="H592431" s="12"/>
    </row>
    <row r="592432" spans="8:8">
      <c r="H592432" s="12"/>
    </row>
    <row r="592433" spans="8:8">
      <c r="H592433" s="12"/>
    </row>
    <row r="592434" spans="8:8">
      <c r="H592434" s="12"/>
    </row>
    <row r="592435" spans="8:8">
      <c r="H592435" s="12"/>
    </row>
    <row r="592436" spans="8:8">
      <c r="H592436" s="12"/>
    </row>
    <row r="592437" spans="8:8">
      <c r="H592437" s="12"/>
    </row>
    <row r="592438" spans="8:8">
      <c r="H592438" s="12"/>
    </row>
    <row r="592439" spans="8:8">
      <c r="H592439" s="12"/>
    </row>
    <row r="592440" spans="8:8">
      <c r="H592440" s="12"/>
    </row>
    <row r="592441" spans="8:8">
      <c r="H592441" s="12"/>
    </row>
    <row r="592442" spans="8:8">
      <c r="H592442" s="12"/>
    </row>
    <row r="592443" spans="8:8">
      <c r="H592443" s="12"/>
    </row>
    <row r="592444" spans="8:8">
      <c r="H592444" s="12"/>
    </row>
    <row r="592445" spans="8:8">
      <c r="H592445" s="12"/>
    </row>
    <row r="592446" spans="8:8">
      <c r="H592446" s="12"/>
    </row>
    <row r="592447" spans="8:8">
      <c r="H592447" s="12"/>
    </row>
    <row r="592448" spans="8:8">
      <c r="H592448" s="12"/>
    </row>
    <row r="592449" spans="8:8">
      <c r="H592449" s="12"/>
    </row>
    <row r="592450" spans="8:8">
      <c r="H592450" s="12"/>
    </row>
    <row r="592451" spans="8:8">
      <c r="H592451" s="12"/>
    </row>
    <row r="592452" spans="8:8">
      <c r="H592452" s="12"/>
    </row>
    <row r="592453" spans="8:8">
      <c r="H592453" s="12"/>
    </row>
    <row r="592454" spans="8:8">
      <c r="H592454" s="12"/>
    </row>
    <row r="592455" spans="8:8">
      <c r="H592455" s="12"/>
    </row>
    <row r="592456" spans="8:8">
      <c r="H592456" s="12"/>
    </row>
    <row r="592457" spans="8:8">
      <c r="H592457" s="12"/>
    </row>
    <row r="592458" spans="8:8">
      <c r="H592458" s="12"/>
    </row>
    <row r="592459" spans="8:8">
      <c r="H592459" s="12"/>
    </row>
    <row r="592460" spans="8:8">
      <c r="H592460" s="12"/>
    </row>
    <row r="592461" spans="8:8">
      <c r="H592461" s="12"/>
    </row>
    <row r="592462" spans="8:8">
      <c r="H592462" s="12"/>
    </row>
    <row r="592463" spans="8:8">
      <c r="H592463" s="12"/>
    </row>
    <row r="592464" spans="8:8">
      <c r="H592464" s="12"/>
    </row>
    <row r="592465" spans="8:8">
      <c r="H592465" s="12"/>
    </row>
    <row r="592466" spans="8:8">
      <c r="H592466" s="12"/>
    </row>
    <row r="592467" spans="8:8">
      <c r="H592467" s="12"/>
    </row>
    <row r="592468" spans="8:8">
      <c r="H592468" s="12"/>
    </row>
    <row r="592469" spans="8:8">
      <c r="H592469" s="12"/>
    </row>
    <row r="592470" spans="8:8">
      <c r="H592470" s="12"/>
    </row>
    <row r="592471" spans="8:8">
      <c r="H592471" s="12"/>
    </row>
    <row r="592472" spans="8:8">
      <c r="H592472" s="12"/>
    </row>
    <row r="592473" spans="8:8">
      <c r="H592473" s="12"/>
    </row>
    <row r="592474" spans="8:8">
      <c r="H592474" s="12"/>
    </row>
    <row r="592475" spans="8:8">
      <c r="H592475" s="12"/>
    </row>
    <row r="592476" spans="8:8">
      <c r="H592476" s="12"/>
    </row>
    <row r="592477" spans="8:8">
      <c r="H592477" s="12"/>
    </row>
    <row r="592478" spans="8:8">
      <c r="H592478" s="12"/>
    </row>
    <row r="592479" spans="8:8">
      <c r="H592479" s="12"/>
    </row>
    <row r="592480" spans="8:8">
      <c r="H592480" s="12"/>
    </row>
    <row r="592481" spans="8:8">
      <c r="H592481" s="12"/>
    </row>
    <row r="592482" spans="8:8">
      <c r="H592482" s="12"/>
    </row>
    <row r="592483" spans="8:8">
      <c r="H592483" s="12"/>
    </row>
    <row r="592484" spans="8:8">
      <c r="H592484" s="12"/>
    </row>
    <row r="592485" spans="8:8">
      <c r="H592485" s="12"/>
    </row>
    <row r="592486" spans="8:8">
      <c r="H592486" s="12"/>
    </row>
    <row r="592487" spans="8:8">
      <c r="H592487" s="12"/>
    </row>
    <row r="592488" spans="8:8">
      <c r="H592488" s="12"/>
    </row>
    <row r="592489" spans="8:8">
      <c r="H592489" s="12"/>
    </row>
    <row r="592490" spans="8:8">
      <c r="H592490" s="12"/>
    </row>
    <row r="592491" spans="8:8">
      <c r="H592491" s="12"/>
    </row>
    <row r="592492" spans="8:8">
      <c r="H592492" s="12"/>
    </row>
    <row r="592493" spans="8:8">
      <c r="H592493" s="12"/>
    </row>
    <row r="592494" spans="8:8">
      <c r="H592494" s="12"/>
    </row>
    <row r="592495" spans="8:8">
      <c r="H592495" s="12"/>
    </row>
    <row r="592496" spans="8:8">
      <c r="H592496" s="12"/>
    </row>
    <row r="592497" spans="8:8">
      <c r="H592497" s="12"/>
    </row>
    <row r="592498" spans="8:8">
      <c r="H592498" s="12"/>
    </row>
    <row r="592499" spans="8:8">
      <c r="H592499" s="12"/>
    </row>
    <row r="592500" spans="8:8">
      <c r="H592500" s="12"/>
    </row>
    <row r="592501" spans="8:8">
      <c r="H592501" s="12"/>
    </row>
    <row r="592502" spans="8:8">
      <c r="H592502" s="12"/>
    </row>
    <row r="592503" spans="8:8">
      <c r="H592503" s="12"/>
    </row>
    <row r="592504" spans="8:8">
      <c r="H592504" s="12"/>
    </row>
    <row r="592505" spans="8:8">
      <c r="H592505" s="12"/>
    </row>
    <row r="592506" spans="8:8">
      <c r="H592506" s="12"/>
    </row>
    <row r="592507" spans="8:8">
      <c r="H592507" s="12"/>
    </row>
    <row r="592508" spans="8:8">
      <c r="H592508" s="12"/>
    </row>
    <row r="592509" spans="8:8">
      <c r="H592509" s="12"/>
    </row>
    <row r="592510" spans="8:8">
      <c r="H592510" s="12"/>
    </row>
    <row r="592511" spans="8:8">
      <c r="H592511" s="12"/>
    </row>
    <row r="592512" spans="8:8">
      <c r="H592512" s="12"/>
    </row>
    <row r="592513" spans="8:8">
      <c r="H592513" s="12"/>
    </row>
    <row r="592514" spans="8:8">
      <c r="H592514" s="12"/>
    </row>
    <row r="592515" spans="8:8">
      <c r="H592515" s="12"/>
    </row>
    <row r="592516" spans="8:8">
      <c r="H592516" s="12"/>
    </row>
    <row r="592517" spans="8:8">
      <c r="H592517" s="12"/>
    </row>
    <row r="592518" spans="8:8">
      <c r="H592518" s="12"/>
    </row>
    <row r="592519" spans="8:8">
      <c r="H592519" s="12"/>
    </row>
    <row r="592520" spans="8:8">
      <c r="H592520" s="12"/>
    </row>
    <row r="592521" spans="8:8">
      <c r="H592521" s="12"/>
    </row>
    <row r="592522" spans="8:8">
      <c r="H592522" s="12"/>
    </row>
    <row r="592523" spans="8:8">
      <c r="H592523" s="12"/>
    </row>
    <row r="592524" spans="8:8">
      <c r="H592524" s="12"/>
    </row>
    <row r="592525" spans="8:8">
      <c r="H592525" s="12"/>
    </row>
    <row r="592526" spans="8:8">
      <c r="H592526" s="12"/>
    </row>
    <row r="592527" spans="8:8">
      <c r="H592527" s="12"/>
    </row>
    <row r="592528" spans="8:8">
      <c r="H592528" s="12"/>
    </row>
    <row r="592529" spans="8:8">
      <c r="H592529" s="12"/>
    </row>
    <row r="592530" spans="8:8">
      <c r="H592530" s="12"/>
    </row>
    <row r="592531" spans="8:8">
      <c r="H592531" s="12"/>
    </row>
    <row r="592532" spans="8:8">
      <c r="H592532" s="12"/>
    </row>
    <row r="592533" spans="8:8">
      <c r="H592533" s="12"/>
    </row>
    <row r="592534" spans="8:8">
      <c r="H592534" s="12"/>
    </row>
    <row r="592535" spans="8:8">
      <c r="H592535" s="12"/>
    </row>
    <row r="592536" spans="8:8">
      <c r="H592536" s="12"/>
    </row>
    <row r="592537" spans="8:8">
      <c r="H592537" s="12"/>
    </row>
    <row r="592538" spans="8:8">
      <c r="H592538" s="12"/>
    </row>
    <row r="592539" spans="8:8">
      <c r="H592539" s="12"/>
    </row>
    <row r="592540" spans="8:8">
      <c r="H592540" s="12"/>
    </row>
    <row r="592541" spans="8:8">
      <c r="H592541" s="12"/>
    </row>
    <row r="592542" spans="8:8">
      <c r="H592542" s="12"/>
    </row>
    <row r="592543" spans="8:8">
      <c r="H592543" s="12"/>
    </row>
    <row r="592544" spans="8:8">
      <c r="H592544" s="12"/>
    </row>
    <row r="592545" spans="8:8">
      <c r="H592545" s="12"/>
    </row>
    <row r="592546" spans="8:8">
      <c r="H592546" s="12"/>
    </row>
    <row r="592547" spans="8:8">
      <c r="H592547" s="12"/>
    </row>
    <row r="592548" spans="8:8">
      <c r="H592548" s="12"/>
    </row>
    <row r="592549" spans="8:8">
      <c r="H592549" s="12"/>
    </row>
    <row r="592550" spans="8:8">
      <c r="H592550" s="12"/>
    </row>
    <row r="592551" spans="8:8">
      <c r="H592551" s="12"/>
    </row>
    <row r="592552" spans="8:8">
      <c r="H592552" s="12"/>
    </row>
    <row r="592553" spans="8:8">
      <c r="H592553" s="12"/>
    </row>
    <row r="592554" spans="8:8">
      <c r="H592554" s="12"/>
    </row>
    <row r="592555" spans="8:8">
      <c r="H592555" s="12"/>
    </row>
    <row r="592556" spans="8:8">
      <c r="H592556" s="12"/>
    </row>
    <row r="592557" spans="8:8">
      <c r="H592557" s="12"/>
    </row>
    <row r="592558" spans="8:8">
      <c r="H592558" s="12"/>
    </row>
    <row r="592559" spans="8:8">
      <c r="H592559" s="12"/>
    </row>
    <row r="592560" spans="8:8">
      <c r="H592560" s="12"/>
    </row>
    <row r="592561" spans="8:8">
      <c r="H592561" s="12"/>
    </row>
    <row r="592562" spans="8:8">
      <c r="H592562" s="12"/>
    </row>
    <row r="592563" spans="8:8">
      <c r="H592563" s="12"/>
    </row>
    <row r="592564" spans="8:8">
      <c r="H592564" s="12"/>
    </row>
    <row r="592565" spans="8:8">
      <c r="H592565" s="12"/>
    </row>
    <row r="592566" spans="8:8">
      <c r="H592566" s="12"/>
    </row>
    <row r="592567" spans="8:8">
      <c r="H592567" s="12"/>
    </row>
    <row r="592568" spans="8:8">
      <c r="H592568" s="12"/>
    </row>
    <row r="592569" spans="8:8">
      <c r="H592569" s="12"/>
    </row>
    <row r="592570" spans="8:8">
      <c r="H592570" s="12"/>
    </row>
    <row r="592571" spans="8:8">
      <c r="H592571" s="12"/>
    </row>
    <row r="592572" spans="8:8">
      <c r="H592572" s="12"/>
    </row>
    <row r="592573" spans="8:8">
      <c r="H592573" s="12"/>
    </row>
    <row r="592574" spans="8:8">
      <c r="H592574" s="12"/>
    </row>
    <row r="592575" spans="8:8">
      <c r="H592575" s="12"/>
    </row>
    <row r="592576" spans="8:8">
      <c r="H592576" s="12"/>
    </row>
    <row r="592577" spans="8:8">
      <c r="H592577" s="12"/>
    </row>
    <row r="592578" spans="8:8">
      <c r="H592578" s="12"/>
    </row>
    <row r="592579" spans="8:8">
      <c r="H592579" s="12"/>
    </row>
    <row r="592580" spans="8:8">
      <c r="H592580" s="12"/>
    </row>
    <row r="592581" spans="8:8">
      <c r="H592581" s="12"/>
    </row>
    <row r="592582" spans="8:8">
      <c r="H592582" s="12"/>
    </row>
    <row r="592583" spans="8:8">
      <c r="H592583" s="12"/>
    </row>
    <row r="592584" spans="8:8">
      <c r="H592584" s="12"/>
    </row>
    <row r="592585" spans="8:8">
      <c r="H592585" s="12"/>
    </row>
    <row r="592586" spans="8:8">
      <c r="H592586" s="12"/>
    </row>
    <row r="592587" spans="8:8">
      <c r="H592587" s="12"/>
    </row>
    <row r="592588" spans="8:8">
      <c r="H592588" s="12"/>
    </row>
    <row r="592589" spans="8:8">
      <c r="H592589" s="12"/>
    </row>
    <row r="592590" spans="8:8">
      <c r="H592590" s="12"/>
    </row>
    <row r="592591" spans="8:8">
      <c r="H592591" s="12"/>
    </row>
    <row r="592592" spans="8:8">
      <c r="H592592" s="12"/>
    </row>
    <row r="592593" spans="8:8">
      <c r="H592593" s="12"/>
    </row>
    <row r="592594" spans="8:8">
      <c r="H592594" s="12"/>
    </row>
    <row r="592595" spans="8:8">
      <c r="H592595" s="12"/>
    </row>
    <row r="592596" spans="8:8">
      <c r="H592596" s="12"/>
    </row>
    <row r="592597" spans="8:8">
      <c r="H592597" s="12"/>
    </row>
    <row r="592598" spans="8:8">
      <c r="H592598" s="12"/>
    </row>
    <row r="592599" spans="8:8">
      <c r="H592599" s="12"/>
    </row>
    <row r="592600" spans="8:8">
      <c r="H592600" s="12"/>
    </row>
    <row r="592601" spans="8:8">
      <c r="H592601" s="12"/>
    </row>
    <row r="592602" spans="8:8">
      <c r="H592602" s="12"/>
    </row>
    <row r="592603" spans="8:8">
      <c r="H592603" s="12"/>
    </row>
    <row r="592604" spans="8:8">
      <c r="H592604" s="12"/>
    </row>
    <row r="592605" spans="8:8">
      <c r="H592605" s="12"/>
    </row>
    <row r="592606" spans="8:8">
      <c r="H592606" s="12"/>
    </row>
    <row r="592607" spans="8:8">
      <c r="H592607" s="12"/>
    </row>
    <row r="592608" spans="8:8">
      <c r="H592608" s="12"/>
    </row>
    <row r="592609" spans="8:8">
      <c r="H592609" s="12"/>
    </row>
    <row r="592610" spans="8:8">
      <c r="H592610" s="12"/>
    </row>
    <row r="592611" spans="8:8">
      <c r="H592611" s="12"/>
    </row>
    <row r="592612" spans="8:8">
      <c r="H592612" s="12"/>
    </row>
    <row r="592613" spans="8:8">
      <c r="H592613" s="12"/>
    </row>
    <row r="592614" spans="8:8">
      <c r="H592614" s="12"/>
    </row>
    <row r="592615" spans="8:8">
      <c r="H592615" s="12"/>
    </row>
    <row r="592616" spans="8:8">
      <c r="H592616" s="12"/>
    </row>
    <row r="592617" spans="8:8">
      <c r="H592617" s="12"/>
    </row>
    <row r="592618" spans="8:8">
      <c r="H592618" s="12"/>
    </row>
    <row r="592619" spans="8:8">
      <c r="H592619" s="12"/>
    </row>
    <row r="592620" spans="8:8">
      <c r="H592620" s="12"/>
    </row>
    <row r="592621" spans="8:8">
      <c r="H592621" s="12"/>
    </row>
    <row r="592622" spans="8:8">
      <c r="H592622" s="12"/>
    </row>
    <row r="592623" spans="8:8">
      <c r="H592623" s="12"/>
    </row>
    <row r="592624" spans="8:8">
      <c r="H592624" s="12"/>
    </row>
    <row r="592625" spans="8:8">
      <c r="H592625" s="12"/>
    </row>
    <row r="592626" spans="8:8">
      <c r="H592626" s="12"/>
    </row>
    <row r="592627" spans="8:8">
      <c r="H592627" s="12"/>
    </row>
    <row r="592628" spans="8:8">
      <c r="H592628" s="12"/>
    </row>
    <row r="592629" spans="8:8">
      <c r="H592629" s="12"/>
    </row>
    <row r="592630" spans="8:8">
      <c r="H592630" s="12"/>
    </row>
    <row r="592631" spans="8:8">
      <c r="H592631" s="12"/>
    </row>
    <row r="592632" spans="8:8">
      <c r="H592632" s="12"/>
    </row>
    <row r="592633" spans="8:8">
      <c r="H592633" s="12"/>
    </row>
    <row r="592634" spans="8:8">
      <c r="H592634" s="12"/>
    </row>
    <row r="592635" spans="8:8">
      <c r="H592635" s="12"/>
    </row>
    <row r="592636" spans="8:8">
      <c r="H592636" s="12"/>
    </row>
    <row r="592637" spans="8:8">
      <c r="H592637" s="12"/>
    </row>
    <row r="592638" spans="8:8">
      <c r="H592638" s="12"/>
    </row>
    <row r="592639" spans="8:8">
      <c r="H592639" s="12"/>
    </row>
    <row r="592640" spans="8:8">
      <c r="H592640" s="12"/>
    </row>
    <row r="592641" spans="8:8">
      <c r="H592641" s="12"/>
    </row>
    <row r="592642" spans="8:8">
      <c r="H592642" s="12"/>
    </row>
    <row r="592643" spans="8:8">
      <c r="H592643" s="12"/>
    </row>
    <row r="592644" spans="8:8">
      <c r="H592644" s="12"/>
    </row>
    <row r="592645" spans="8:8">
      <c r="H592645" s="12"/>
    </row>
    <row r="592646" spans="8:8">
      <c r="H592646" s="12"/>
    </row>
    <row r="592647" spans="8:8">
      <c r="H592647" s="12"/>
    </row>
    <row r="592648" spans="8:8">
      <c r="H592648" s="12"/>
    </row>
    <row r="592649" spans="8:8">
      <c r="H592649" s="12"/>
    </row>
    <row r="592650" spans="8:8">
      <c r="H592650" s="12"/>
    </row>
    <row r="592651" spans="8:8">
      <c r="H592651" s="12"/>
    </row>
    <row r="592652" spans="8:8">
      <c r="H592652" s="12"/>
    </row>
    <row r="592653" spans="8:8">
      <c r="H592653" s="12"/>
    </row>
    <row r="592654" spans="8:8">
      <c r="H592654" s="12"/>
    </row>
    <row r="592655" spans="8:8">
      <c r="H592655" s="12"/>
    </row>
    <row r="592656" spans="8:8">
      <c r="H592656" s="12"/>
    </row>
    <row r="592657" spans="8:8">
      <c r="H592657" s="12"/>
    </row>
    <row r="592658" spans="8:8">
      <c r="H592658" s="12"/>
    </row>
    <row r="592659" spans="8:8">
      <c r="H592659" s="12"/>
    </row>
    <row r="592660" spans="8:8">
      <c r="H592660" s="12"/>
    </row>
    <row r="592661" spans="8:8">
      <c r="H592661" s="12"/>
    </row>
    <row r="592662" spans="8:8">
      <c r="H592662" s="12"/>
    </row>
    <row r="592663" spans="8:8">
      <c r="H592663" s="12"/>
    </row>
    <row r="592664" spans="8:8">
      <c r="H592664" s="12"/>
    </row>
    <row r="592665" spans="8:8">
      <c r="H592665" s="12"/>
    </row>
    <row r="592666" spans="8:8">
      <c r="H592666" s="12"/>
    </row>
    <row r="592667" spans="8:8">
      <c r="H592667" s="12"/>
    </row>
    <row r="592668" spans="8:8">
      <c r="H592668" s="12"/>
    </row>
    <row r="592669" spans="8:8">
      <c r="H592669" s="12"/>
    </row>
    <row r="592670" spans="8:8">
      <c r="H592670" s="12"/>
    </row>
    <row r="592671" spans="8:8">
      <c r="H592671" s="12"/>
    </row>
    <row r="592672" spans="8:8">
      <c r="H592672" s="12"/>
    </row>
    <row r="592673" spans="8:8">
      <c r="H592673" s="12"/>
    </row>
    <row r="592674" spans="8:8">
      <c r="H592674" s="12"/>
    </row>
    <row r="592675" spans="8:8">
      <c r="H592675" s="12"/>
    </row>
    <row r="592676" spans="8:8">
      <c r="H592676" s="12"/>
    </row>
    <row r="592677" spans="8:8">
      <c r="H592677" s="12"/>
    </row>
    <row r="592678" spans="8:8">
      <c r="H592678" s="12"/>
    </row>
    <row r="592679" spans="8:8">
      <c r="H592679" s="12"/>
    </row>
    <row r="592680" spans="8:8">
      <c r="H592680" s="12"/>
    </row>
    <row r="592681" spans="8:8">
      <c r="H592681" s="12"/>
    </row>
    <row r="592682" spans="8:8">
      <c r="H592682" s="12"/>
    </row>
    <row r="592683" spans="8:8">
      <c r="H592683" s="12"/>
    </row>
    <row r="592684" spans="8:8">
      <c r="H592684" s="12"/>
    </row>
    <row r="592685" spans="8:8">
      <c r="H592685" s="12"/>
    </row>
    <row r="592686" spans="8:8">
      <c r="H592686" s="12"/>
    </row>
    <row r="592687" spans="8:8">
      <c r="H592687" s="12"/>
    </row>
    <row r="592688" spans="8:8">
      <c r="H592688" s="12"/>
    </row>
    <row r="592689" spans="8:8">
      <c r="H592689" s="12"/>
    </row>
    <row r="592690" spans="8:8">
      <c r="H592690" s="12"/>
    </row>
    <row r="592691" spans="8:8">
      <c r="H592691" s="12"/>
    </row>
    <row r="592692" spans="8:8">
      <c r="H592692" s="12"/>
    </row>
    <row r="592693" spans="8:8">
      <c r="H592693" s="12"/>
    </row>
    <row r="592694" spans="8:8">
      <c r="H592694" s="12"/>
    </row>
    <row r="592695" spans="8:8">
      <c r="H592695" s="12"/>
    </row>
    <row r="592696" spans="8:8">
      <c r="H592696" s="12"/>
    </row>
    <row r="592697" spans="8:8">
      <c r="H592697" s="12"/>
    </row>
    <row r="592698" spans="8:8">
      <c r="H592698" s="12"/>
    </row>
    <row r="592699" spans="8:8">
      <c r="H592699" s="12"/>
    </row>
    <row r="592700" spans="8:8">
      <c r="H592700" s="12"/>
    </row>
    <row r="592701" spans="8:8">
      <c r="H592701" s="12"/>
    </row>
    <row r="592702" spans="8:8">
      <c r="H592702" s="12"/>
    </row>
    <row r="592703" spans="8:8">
      <c r="H592703" s="12"/>
    </row>
    <row r="592704" spans="8:8">
      <c r="H592704" s="12"/>
    </row>
    <row r="592705" spans="8:8">
      <c r="H592705" s="12"/>
    </row>
    <row r="592706" spans="8:8">
      <c r="H592706" s="12"/>
    </row>
    <row r="592707" spans="8:8">
      <c r="H592707" s="12"/>
    </row>
    <row r="592708" spans="8:8">
      <c r="H592708" s="12"/>
    </row>
    <row r="592709" spans="8:8">
      <c r="H592709" s="12"/>
    </row>
    <row r="592710" spans="8:8">
      <c r="H592710" s="12"/>
    </row>
    <row r="592711" spans="8:8">
      <c r="H592711" s="12"/>
    </row>
    <row r="592712" spans="8:8">
      <c r="H592712" s="12"/>
    </row>
    <row r="592713" spans="8:8">
      <c r="H592713" s="12"/>
    </row>
    <row r="592714" spans="8:8">
      <c r="H592714" s="12"/>
    </row>
    <row r="592715" spans="8:8">
      <c r="H592715" s="12"/>
    </row>
    <row r="592716" spans="8:8">
      <c r="H592716" s="12"/>
    </row>
    <row r="592717" spans="8:8">
      <c r="H592717" s="12"/>
    </row>
    <row r="592718" spans="8:8">
      <c r="H592718" s="12"/>
    </row>
    <row r="592719" spans="8:8">
      <c r="H592719" s="12"/>
    </row>
    <row r="592720" spans="8:8">
      <c r="H592720" s="12"/>
    </row>
    <row r="592721" spans="8:8">
      <c r="H592721" s="12"/>
    </row>
    <row r="592722" spans="8:8">
      <c r="H592722" s="12"/>
    </row>
    <row r="592723" spans="8:8">
      <c r="H592723" s="12"/>
    </row>
    <row r="592724" spans="8:8">
      <c r="H592724" s="12"/>
    </row>
    <row r="592725" spans="8:8">
      <c r="H592725" s="12"/>
    </row>
    <row r="592726" spans="8:8">
      <c r="H592726" s="12"/>
    </row>
    <row r="592727" spans="8:8">
      <c r="H592727" s="12"/>
    </row>
    <row r="592728" spans="8:8">
      <c r="H592728" s="12"/>
    </row>
    <row r="592729" spans="8:8">
      <c r="H592729" s="12"/>
    </row>
    <row r="592730" spans="8:8">
      <c r="H592730" s="12"/>
    </row>
    <row r="592731" spans="8:8">
      <c r="H592731" s="12"/>
    </row>
    <row r="592732" spans="8:8">
      <c r="H592732" s="12"/>
    </row>
    <row r="592733" spans="8:8">
      <c r="H592733" s="12"/>
    </row>
    <row r="592734" spans="8:8">
      <c r="H592734" s="12"/>
    </row>
    <row r="592735" spans="8:8">
      <c r="H592735" s="12"/>
    </row>
    <row r="592736" spans="8:8">
      <c r="H592736" s="12"/>
    </row>
    <row r="592737" spans="8:8">
      <c r="H592737" s="12"/>
    </row>
    <row r="592738" spans="8:8">
      <c r="H592738" s="12"/>
    </row>
    <row r="592739" spans="8:8">
      <c r="H592739" s="12"/>
    </row>
    <row r="592740" spans="8:8">
      <c r="H592740" s="12"/>
    </row>
    <row r="592741" spans="8:8">
      <c r="H592741" s="12"/>
    </row>
    <row r="592742" spans="8:8">
      <c r="H592742" s="12"/>
    </row>
    <row r="592743" spans="8:8">
      <c r="H592743" s="12"/>
    </row>
    <row r="592744" spans="8:8">
      <c r="H592744" s="12"/>
    </row>
    <row r="592745" spans="8:8">
      <c r="H592745" s="12"/>
    </row>
    <row r="592746" spans="8:8">
      <c r="H592746" s="12"/>
    </row>
    <row r="592747" spans="8:8">
      <c r="H592747" s="12"/>
    </row>
    <row r="592748" spans="8:8">
      <c r="H592748" s="12"/>
    </row>
    <row r="592749" spans="8:8">
      <c r="H592749" s="12"/>
    </row>
    <row r="592750" spans="8:8">
      <c r="H592750" s="12"/>
    </row>
    <row r="592751" spans="8:8">
      <c r="H592751" s="12"/>
    </row>
    <row r="592752" spans="8:8">
      <c r="H592752" s="12"/>
    </row>
    <row r="592753" spans="8:8">
      <c r="H592753" s="12"/>
    </row>
    <row r="592754" spans="8:8">
      <c r="H592754" s="12"/>
    </row>
    <row r="592755" spans="8:8">
      <c r="H592755" s="12"/>
    </row>
    <row r="592756" spans="8:8">
      <c r="H592756" s="12"/>
    </row>
    <row r="592757" spans="8:8">
      <c r="H592757" s="12"/>
    </row>
    <row r="592758" spans="8:8">
      <c r="H592758" s="12"/>
    </row>
    <row r="592759" spans="8:8">
      <c r="H592759" s="12"/>
    </row>
    <row r="592760" spans="8:8">
      <c r="H592760" s="12"/>
    </row>
    <row r="592761" spans="8:8">
      <c r="H592761" s="12"/>
    </row>
    <row r="592762" spans="8:8">
      <c r="H592762" s="12"/>
    </row>
    <row r="592763" spans="8:8">
      <c r="H592763" s="12"/>
    </row>
    <row r="592764" spans="8:8">
      <c r="H592764" s="12"/>
    </row>
    <row r="592765" spans="8:8">
      <c r="H592765" s="12"/>
    </row>
    <row r="592766" spans="8:8">
      <c r="H592766" s="12"/>
    </row>
    <row r="592767" spans="8:8">
      <c r="H592767" s="12"/>
    </row>
    <row r="592768" spans="8:8">
      <c r="H592768" s="12"/>
    </row>
    <row r="592769" spans="8:8">
      <c r="H592769" s="12"/>
    </row>
    <row r="592770" spans="8:8">
      <c r="H592770" s="12"/>
    </row>
    <row r="592771" spans="8:8">
      <c r="H592771" s="12"/>
    </row>
    <row r="592772" spans="8:8">
      <c r="H592772" s="12"/>
    </row>
    <row r="592773" spans="8:8">
      <c r="H592773" s="12"/>
    </row>
    <row r="592774" spans="8:8">
      <c r="H592774" s="12"/>
    </row>
    <row r="592775" spans="8:8">
      <c r="H592775" s="12"/>
    </row>
    <row r="592776" spans="8:8">
      <c r="H592776" s="12"/>
    </row>
    <row r="592777" spans="8:8">
      <c r="H592777" s="12"/>
    </row>
    <row r="592778" spans="8:8">
      <c r="H592778" s="12"/>
    </row>
    <row r="592779" spans="8:8">
      <c r="H592779" s="12"/>
    </row>
    <row r="592780" spans="8:8">
      <c r="H592780" s="12"/>
    </row>
    <row r="592781" spans="8:8">
      <c r="H592781" s="12"/>
    </row>
    <row r="592782" spans="8:8">
      <c r="H592782" s="12"/>
    </row>
    <row r="592783" spans="8:8">
      <c r="H592783" s="12"/>
    </row>
    <row r="592784" spans="8:8">
      <c r="H592784" s="12"/>
    </row>
    <row r="592785" spans="8:8">
      <c r="H592785" s="12"/>
    </row>
    <row r="592786" spans="8:8">
      <c r="H592786" s="12"/>
    </row>
    <row r="592787" spans="8:8">
      <c r="H592787" s="12"/>
    </row>
    <row r="592788" spans="8:8">
      <c r="H592788" s="12"/>
    </row>
    <row r="592789" spans="8:8">
      <c r="H592789" s="12"/>
    </row>
    <row r="592790" spans="8:8">
      <c r="H592790" s="12"/>
    </row>
    <row r="592791" spans="8:8">
      <c r="H592791" s="12"/>
    </row>
    <row r="592792" spans="8:8">
      <c r="H592792" s="12"/>
    </row>
    <row r="592793" spans="8:8">
      <c r="H592793" s="12"/>
    </row>
    <row r="592794" spans="8:8">
      <c r="H592794" s="12"/>
    </row>
    <row r="592795" spans="8:8">
      <c r="H592795" s="12"/>
    </row>
    <row r="592796" spans="8:8">
      <c r="H592796" s="12"/>
    </row>
    <row r="592797" spans="8:8">
      <c r="H592797" s="12"/>
    </row>
    <row r="592798" spans="8:8">
      <c r="H592798" s="12"/>
    </row>
    <row r="592799" spans="8:8">
      <c r="H592799" s="12"/>
    </row>
    <row r="592800" spans="8:8">
      <c r="H592800" s="12"/>
    </row>
    <row r="592801" spans="8:8">
      <c r="H592801" s="12"/>
    </row>
    <row r="592802" spans="8:8">
      <c r="H592802" s="12"/>
    </row>
    <row r="592803" spans="8:8">
      <c r="H592803" s="12"/>
    </row>
    <row r="592804" spans="8:8">
      <c r="H592804" s="12"/>
    </row>
    <row r="592805" spans="8:8">
      <c r="H592805" s="12"/>
    </row>
    <row r="592806" spans="8:8">
      <c r="H592806" s="12"/>
    </row>
    <row r="592807" spans="8:8">
      <c r="H592807" s="12"/>
    </row>
    <row r="592808" spans="8:8">
      <c r="H592808" s="12"/>
    </row>
    <row r="592809" spans="8:8">
      <c r="H592809" s="12"/>
    </row>
    <row r="592810" spans="8:8">
      <c r="H592810" s="12"/>
    </row>
    <row r="592811" spans="8:8">
      <c r="H592811" s="12"/>
    </row>
    <row r="592812" spans="8:8">
      <c r="H592812" s="12"/>
    </row>
    <row r="592813" spans="8:8">
      <c r="H592813" s="12"/>
    </row>
    <row r="592814" spans="8:8">
      <c r="H592814" s="12"/>
    </row>
    <row r="592815" spans="8:8">
      <c r="H592815" s="12"/>
    </row>
    <row r="592816" spans="8:8">
      <c r="H592816" s="12"/>
    </row>
    <row r="592817" spans="8:8">
      <c r="H592817" s="12"/>
    </row>
    <row r="592818" spans="8:8">
      <c r="H592818" s="12"/>
    </row>
    <row r="592819" spans="8:8">
      <c r="H592819" s="12"/>
    </row>
    <row r="592820" spans="8:8">
      <c r="H592820" s="12"/>
    </row>
    <row r="592821" spans="8:8">
      <c r="H592821" s="12"/>
    </row>
    <row r="592822" spans="8:8">
      <c r="H592822" s="12"/>
    </row>
    <row r="592823" spans="8:8">
      <c r="H592823" s="12"/>
    </row>
    <row r="592824" spans="8:8">
      <c r="H592824" s="12"/>
    </row>
    <row r="592825" spans="8:8">
      <c r="H592825" s="12"/>
    </row>
    <row r="592826" spans="8:8">
      <c r="H592826" s="12"/>
    </row>
    <row r="592827" spans="8:8">
      <c r="H592827" s="12"/>
    </row>
    <row r="592828" spans="8:8">
      <c r="H592828" s="12"/>
    </row>
    <row r="592829" spans="8:8">
      <c r="H592829" s="12"/>
    </row>
    <row r="592830" spans="8:8">
      <c r="H592830" s="12"/>
    </row>
    <row r="592831" spans="8:8">
      <c r="H592831" s="12"/>
    </row>
    <row r="592832" spans="8:8">
      <c r="H592832" s="12"/>
    </row>
    <row r="592833" spans="8:8">
      <c r="H592833" s="12"/>
    </row>
    <row r="592834" spans="8:8">
      <c r="H592834" s="12"/>
    </row>
    <row r="592835" spans="8:8">
      <c r="H592835" s="12"/>
    </row>
    <row r="592836" spans="8:8">
      <c r="H592836" s="12"/>
    </row>
    <row r="592837" spans="8:8">
      <c r="H592837" s="12"/>
    </row>
    <row r="592838" spans="8:8">
      <c r="H592838" s="12"/>
    </row>
    <row r="592839" spans="8:8">
      <c r="H592839" s="12"/>
    </row>
    <row r="592840" spans="8:8">
      <c r="H592840" s="12"/>
    </row>
    <row r="592841" spans="8:8">
      <c r="H592841" s="12"/>
    </row>
    <row r="592842" spans="8:8">
      <c r="H592842" s="12"/>
    </row>
    <row r="592843" spans="8:8">
      <c r="H592843" s="12"/>
    </row>
    <row r="592844" spans="8:8">
      <c r="H592844" s="12"/>
    </row>
    <row r="592845" spans="8:8">
      <c r="H592845" s="12"/>
    </row>
    <row r="592846" spans="8:8">
      <c r="H592846" s="12"/>
    </row>
    <row r="592847" spans="8:8">
      <c r="H592847" s="12"/>
    </row>
    <row r="592848" spans="8:8">
      <c r="H592848" s="12"/>
    </row>
    <row r="592849" spans="8:8">
      <c r="H592849" s="12"/>
    </row>
    <row r="592850" spans="8:8">
      <c r="H592850" s="12"/>
    </row>
    <row r="592851" spans="8:8">
      <c r="H592851" s="12"/>
    </row>
    <row r="592852" spans="8:8">
      <c r="H592852" s="12"/>
    </row>
    <row r="592853" spans="8:8">
      <c r="H592853" s="12"/>
    </row>
    <row r="592854" spans="8:8">
      <c r="H592854" s="12"/>
    </row>
    <row r="592855" spans="8:8">
      <c r="H592855" s="12"/>
    </row>
    <row r="592856" spans="8:8">
      <c r="H592856" s="12"/>
    </row>
    <row r="592857" spans="8:8">
      <c r="H592857" s="12"/>
    </row>
    <row r="592858" spans="8:8">
      <c r="H592858" s="12"/>
    </row>
    <row r="592859" spans="8:8">
      <c r="H592859" s="12"/>
    </row>
    <row r="592860" spans="8:8">
      <c r="H592860" s="12"/>
    </row>
    <row r="592861" spans="8:8">
      <c r="H592861" s="12"/>
    </row>
    <row r="592862" spans="8:8">
      <c r="H592862" s="12"/>
    </row>
    <row r="592863" spans="8:8">
      <c r="H592863" s="12"/>
    </row>
    <row r="592864" spans="8:8">
      <c r="H592864" s="12"/>
    </row>
    <row r="592865" spans="8:8">
      <c r="H592865" s="12"/>
    </row>
    <row r="592866" spans="8:8">
      <c r="H592866" s="12"/>
    </row>
    <row r="592867" spans="8:8">
      <c r="H592867" s="12"/>
    </row>
    <row r="592868" spans="8:8">
      <c r="H592868" s="12"/>
    </row>
    <row r="592869" spans="8:8">
      <c r="H592869" s="12"/>
    </row>
    <row r="592870" spans="8:8">
      <c r="H592870" s="12"/>
    </row>
    <row r="592871" spans="8:8">
      <c r="H592871" s="12"/>
    </row>
    <row r="592872" spans="8:8">
      <c r="H592872" s="12"/>
    </row>
    <row r="592873" spans="8:8">
      <c r="H592873" s="12"/>
    </row>
    <row r="592874" spans="8:8">
      <c r="H592874" s="12"/>
    </row>
    <row r="592875" spans="8:8">
      <c r="H592875" s="12"/>
    </row>
    <row r="592876" spans="8:8">
      <c r="H592876" s="12"/>
    </row>
    <row r="592877" spans="8:8">
      <c r="H592877" s="12"/>
    </row>
    <row r="592878" spans="8:8">
      <c r="H592878" s="12"/>
    </row>
    <row r="592879" spans="8:8">
      <c r="H592879" s="12"/>
    </row>
    <row r="592880" spans="8:8">
      <c r="H592880" s="12"/>
    </row>
    <row r="592881" spans="8:8">
      <c r="H592881" s="12"/>
    </row>
    <row r="592882" spans="8:8">
      <c r="H592882" s="12"/>
    </row>
    <row r="592883" spans="8:8">
      <c r="H592883" s="12"/>
    </row>
    <row r="592884" spans="8:8">
      <c r="H592884" s="12"/>
    </row>
    <row r="592885" spans="8:8">
      <c r="H592885" s="12"/>
    </row>
    <row r="592886" spans="8:8">
      <c r="H592886" s="12"/>
    </row>
    <row r="592887" spans="8:8">
      <c r="H592887" s="12"/>
    </row>
    <row r="592888" spans="8:8">
      <c r="H592888" s="12"/>
    </row>
    <row r="592889" spans="8:8">
      <c r="H592889" s="12"/>
    </row>
    <row r="592890" spans="8:8">
      <c r="H592890" s="12"/>
    </row>
    <row r="592891" spans="8:8">
      <c r="H592891" s="12"/>
    </row>
    <row r="592892" spans="8:8">
      <c r="H592892" s="12"/>
    </row>
    <row r="592893" spans="8:8">
      <c r="H592893" s="12"/>
    </row>
    <row r="592894" spans="8:8">
      <c r="H592894" s="12"/>
    </row>
    <row r="592895" spans="8:8">
      <c r="H592895" s="12"/>
    </row>
    <row r="592896" spans="8:8">
      <c r="H592896" s="12"/>
    </row>
    <row r="592897" spans="8:8">
      <c r="H592897" s="12"/>
    </row>
    <row r="592898" spans="8:8">
      <c r="H592898" s="12"/>
    </row>
    <row r="592899" spans="8:8">
      <c r="H592899" s="12"/>
    </row>
    <row r="592900" spans="8:8">
      <c r="H592900" s="12"/>
    </row>
    <row r="592901" spans="8:8">
      <c r="H592901" s="12"/>
    </row>
    <row r="592902" spans="8:8">
      <c r="H592902" s="12"/>
    </row>
    <row r="592903" spans="8:8">
      <c r="H592903" s="12"/>
    </row>
    <row r="592904" spans="8:8">
      <c r="H592904" s="12"/>
    </row>
    <row r="592905" spans="8:8">
      <c r="H592905" s="12"/>
    </row>
    <row r="592906" spans="8:8">
      <c r="H592906" s="12"/>
    </row>
    <row r="592907" spans="8:8">
      <c r="H592907" s="12"/>
    </row>
    <row r="592908" spans="8:8">
      <c r="H592908" s="12"/>
    </row>
    <row r="592909" spans="8:8">
      <c r="H592909" s="12"/>
    </row>
    <row r="592910" spans="8:8">
      <c r="H592910" s="12"/>
    </row>
    <row r="592911" spans="8:8">
      <c r="H592911" s="12"/>
    </row>
    <row r="592912" spans="8:8">
      <c r="H592912" s="12"/>
    </row>
    <row r="592913" spans="8:8">
      <c r="H592913" s="12"/>
    </row>
    <row r="592914" spans="8:8">
      <c r="H592914" s="12"/>
    </row>
    <row r="592915" spans="8:8">
      <c r="H592915" s="12"/>
    </row>
    <row r="592916" spans="8:8">
      <c r="H592916" s="12"/>
    </row>
    <row r="592917" spans="8:8">
      <c r="H592917" s="12"/>
    </row>
    <row r="592918" spans="8:8">
      <c r="H592918" s="12"/>
    </row>
    <row r="592919" spans="8:8">
      <c r="H592919" s="12"/>
    </row>
    <row r="592920" spans="8:8">
      <c r="H592920" s="12"/>
    </row>
    <row r="592921" spans="8:8">
      <c r="H592921" s="12"/>
    </row>
    <row r="592922" spans="8:8">
      <c r="H592922" s="12"/>
    </row>
    <row r="592923" spans="8:8">
      <c r="H592923" s="12"/>
    </row>
    <row r="592924" spans="8:8">
      <c r="H592924" s="12"/>
    </row>
    <row r="592925" spans="8:8">
      <c r="H592925" s="12"/>
    </row>
    <row r="592926" spans="8:8">
      <c r="H592926" s="12"/>
    </row>
    <row r="592927" spans="8:8">
      <c r="H592927" s="12"/>
    </row>
    <row r="592928" spans="8:8">
      <c r="H592928" s="12"/>
    </row>
    <row r="592929" spans="8:8">
      <c r="H592929" s="12"/>
    </row>
    <row r="592930" spans="8:8">
      <c r="H592930" s="12"/>
    </row>
    <row r="592931" spans="8:8">
      <c r="H592931" s="12"/>
    </row>
    <row r="592932" spans="8:8">
      <c r="H592932" s="12"/>
    </row>
    <row r="592933" spans="8:8">
      <c r="H592933" s="12"/>
    </row>
    <row r="592934" spans="8:8">
      <c r="H592934" s="12"/>
    </row>
    <row r="592935" spans="8:8">
      <c r="H592935" s="12"/>
    </row>
    <row r="592936" spans="8:8">
      <c r="H592936" s="12"/>
    </row>
    <row r="592937" spans="8:8">
      <c r="H592937" s="12"/>
    </row>
    <row r="592938" spans="8:8">
      <c r="H592938" s="12"/>
    </row>
    <row r="592939" spans="8:8">
      <c r="H592939" s="12"/>
    </row>
    <row r="592940" spans="8:8">
      <c r="H592940" s="12"/>
    </row>
    <row r="592941" spans="8:8">
      <c r="H592941" s="12"/>
    </row>
    <row r="592942" spans="8:8">
      <c r="H592942" s="12"/>
    </row>
    <row r="592943" spans="8:8">
      <c r="H592943" s="12"/>
    </row>
    <row r="592944" spans="8:8">
      <c r="H592944" s="12"/>
    </row>
    <row r="592945" spans="8:8">
      <c r="H592945" s="12"/>
    </row>
    <row r="592946" spans="8:8">
      <c r="H592946" s="12"/>
    </row>
    <row r="592947" spans="8:8">
      <c r="H592947" s="12"/>
    </row>
    <row r="592948" spans="8:8">
      <c r="H592948" s="12"/>
    </row>
    <row r="592949" spans="8:8">
      <c r="H592949" s="12"/>
    </row>
    <row r="592950" spans="8:8">
      <c r="H592950" s="12"/>
    </row>
    <row r="592951" spans="8:8">
      <c r="H592951" s="12"/>
    </row>
    <row r="592952" spans="8:8">
      <c r="H592952" s="12"/>
    </row>
    <row r="592953" spans="8:8">
      <c r="H592953" s="12"/>
    </row>
    <row r="592954" spans="8:8">
      <c r="H592954" s="12"/>
    </row>
    <row r="592955" spans="8:8">
      <c r="H592955" s="12"/>
    </row>
    <row r="592956" spans="8:8">
      <c r="H592956" s="12"/>
    </row>
    <row r="592957" spans="8:8">
      <c r="H592957" s="12"/>
    </row>
    <row r="592958" spans="8:8">
      <c r="H592958" s="12"/>
    </row>
    <row r="592959" spans="8:8">
      <c r="H592959" s="12"/>
    </row>
    <row r="592960" spans="8:8">
      <c r="H592960" s="12"/>
    </row>
    <row r="592961" spans="8:8">
      <c r="H592961" s="12"/>
    </row>
    <row r="592962" spans="8:8">
      <c r="H592962" s="12"/>
    </row>
    <row r="592963" spans="8:8">
      <c r="H592963" s="12"/>
    </row>
    <row r="592964" spans="8:8">
      <c r="H592964" s="12"/>
    </row>
    <row r="592965" spans="8:8">
      <c r="H592965" s="12"/>
    </row>
    <row r="592966" spans="8:8">
      <c r="H592966" s="12"/>
    </row>
    <row r="592967" spans="8:8">
      <c r="H592967" s="12"/>
    </row>
    <row r="592968" spans="8:8">
      <c r="H592968" s="12"/>
    </row>
    <row r="592969" spans="8:8">
      <c r="H592969" s="12"/>
    </row>
    <row r="592970" spans="8:8">
      <c r="H592970" s="12"/>
    </row>
    <row r="592971" spans="8:8">
      <c r="H592971" s="12"/>
    </row>
    <row r="592972" spans="8:8">
      <c r="H592972" s="12"/>
    </row>
    <row r="592973" spans="8:8">
      <c r="H592973" s="12"/>
    </row>
    <row r="592974" spans="8:8">
      <c r="H592974" s="12"/>
    </row>
    <row r="592975" spans="8:8">
      <c r="H592975" s="12"/>
    </row>
    <row r="592976" spans="8:8">
      <c r="H592976" s="12"/>
    </row>
    <row r="592977" spans="8:8">
      <c r="H592977" s="12"/>
    </row>
    <row r="592978" spans="8:8">
      <c r="H592978" s="12"/>
    </row>
    <row r="592979" spans="8:8">
      <c r="H592979" s="12"/>
    </row>
    <row r="592980" spans="8:8">
      <c r="H592980" s="12"/>
    </row>
    <row r="592981" spans="8:8">
      <c r="H592981" s="12"/>
    </row>
    <row r="592982" spans="8:8">
      <c r="H592982" s="12"/>
    </row>
    <row r="592983" spans="8:8">
      <c r="H592983" s="12"/>
    </row>
    <row r="592984" spans="8:8">
      <c r="H592984" s="12"/>
    </row>
    <row r="592985" spans="8:8">
      <c r="H592985" s="12"/>
    </row>
    <row r="592986" spans="8:8">
      <c r="H592986" s="12"/>
    </row>
    <row r="592987" spans="8:8">
      <c r="H592987" s="12"/>
    </row>
    <row r="592988" spans="8:8">
      <c r="H592988" s="12"/>
    </row>
    <row r="592989" spans="8:8">
      <c r="H592989" s="12"/>
    </row>
    <row r="592990" spans="8:8">
      <c r="H592990" s="12"/>
    </row>
    <row r="592991" spans="8:8">
      <c r="H592991" s="12"/>
    </row>
    <row r="592992" spans="8:8">
      <c r="H592992" s="12"/>
    </row>
    <row r="592993" spans="8:8">
      <c r="H592993" s="12"/>
    </row>
    <row r="592994" spans="8:8">
      <c r="H592994" s="12"/>
    </row>
    <row r="592995" spans="8:8">
      <c r="H592995" s="12"/>
    </row>
    <row r="592996" spans="8:8">
      <c r="H592996" s="12"/>
    </row>
    <row r="592997" spans="8:8">
      <c r="H592997" s="12"/>
    </row>
    <row r="592998" spans="8:8">
      <c r="H592998" s="12"/>
    </row>
    <row r="592999" spans="8:8">
      <c r="H592999" s="12"/>
    </row>
    <row r="593000" spans="8:8">
      <c r="H593000" s="12"/>
    </row>
    <row r="593001" spans="8:8">
      <c r="H593001" s="12"/>
    </row>
    <row r="593002" spans="8:8">
      <c r="H593002" s="12"/>
    </row>
    <row r="593003" spans="8:8">
      <c r="H593003" s="12"/>
    </row>
    <row r="593004" spans="8:8">
      <c r="H593004" s="12"/>
    </row>
    <row r="593005" spans="8:8">
      <c r="H593005" s="12"/>
    </row>
    <row r="593006" spans="8:8">
      <c r="H593006" s="12"/>
    </row>
    <row r="593007" spans="8:8">
      <c r="H593007" s="12"/>
    </row>
    <row r="593008" spans="8:8">
      <c r="H593008" s="12"/>
    </row>
    <row r="593009" spans="8:8">
      <c r="H593009" s="12"/>
    </row>
    <row r="593010" spans="8:8">
      <c r="H593010" s="12"/>
    </row>
    <row r="593011" spans="8:8">
      <c r="H593011" s="12"/>
    </row>
    <row r="593012" spans="8:8">
      <c r="H593012" s="12"/>
    </row>
    <row r="593013" spans="8:8">
      <c r="H593013" s="12"/>
    </row>
    <row r="593014" spans="8:8">
      <c r="H593014" s="12"/>
    </row>
    <row r="593015" spans="8:8">
      <c r="H593015" s="12"/>
    </row>
    <row r="593016" spans="8:8">
      <c r="H593016" s="12"/>
    </row>
    <row r="593017" spans="8:8">
      <c r="H593017" s="12"/>
    </row>
    <row r="593018" spans="8:8">
      <c r="H593018" s="12"/>
    </row>
    <row r="593019" spans="8:8">
      <c r="H593019" s="12"/>
    </row>
    <row r="593020" spans="8:8">
      <c r="H593020" s="12"/>
    </row>
    <row r="593021" spans="8:8">
      <c r="H593021" s="12"/>
    </row>
    <row r="593022" spans="8:8">
      <c r="H593022" s="12"/>
    </row>
    <row r="593023" spans="8:8">
      <c r="H593023" s="12"/>
    </row>
    <row r="593024" spans="8:8">
      <c r="H593024" s="12"/>
    </row>
    <row r="593025" spans="8:8">
      <c r="H593025" s="12"/>
    </row>
    <row r="593026" spans="8:8">
      <c r="H593026" s="12"/>
    </row>
    <row r="593027" spans="8:8">
      <c r="H593027" s="12"/>
    </row>
    <row r="593028" spans="8:8">
      <c r="H593028" s="12"/>
    </row>
    <row r="593029" spans="8:8">
      <c r="H593029" s="12"/>
    </row>
    <row r="593030" spans="8:8">
      <c r="H593030" s="12"/>
    </row>
    <row r="593031" spans="8:8">
      <c r="H593031" s="12"/>
    </row>
    <row r="593032" spans="8:8">
      <c r="H593032" s="12"/>
    </row>
    <row r="593033" spans="8:8">
      <c r="H593033" s="12"/>
    </row>
    <row r="593034" spans="8:8">
      <c r="H593034" s="12"/>
    </row>
    <row r="593035" spans="8:8">
      <c r="H593035" s="12"/>
    </row>
    <row r="593036" spans="8:8">
      <c r="H593036" s="12"/>
    </row>
    <row r="593037" spans="8:8">
      <c r="H593037" s="12"/>
    </row>
    <row r="593038" spans="8:8">
      <c r="H593038" s="12"/>
    </row>
    <row r="593039" spans="8:8">
      <c r="H593039" s="12"/>
    </row>
    <row r="593040" spans="8:8">
      <c r="H593040" s="12"/>
    </row>
    <row r="593041" spans="8:8">
      <c r="H593041" s="12"/>
    </row>
    <row r="593042" spans="8:8">
      <c r="H593042" s="12"/>
    </row>
    <row r="593043" spans="8:8">
      <c r="H593043" s="12"/>
    </row>
    <row r="593044" spans="8:8">
      <c r="H593044" s="12"/>
    </row>
    <row r="593045" spans="8:8">
      <c r="H593045" s="12"/>
    </row>
    <row r="593046" spans="8:8">
      <c r="H593046" s="12"/>
    </row>
    <row r="593047" spans="8:8">
      <c r="H593047" s="12"/>
    </row>
    <row r="593048" spans="8:8">
      <c r="H593048" s="12"/>
    </row>
    <row r="593049" spans="8:8">
      <c r="H593049" s="12"/>
    </row>
    <row r="593050" spans="8:8">
      <c r="H593050" s="12"/>
    </row>
    <row r="593051" spans="8:8">
      <c r="H593051" s="12"/>
    </row>
    <row r="593052" spans="8:8">
      <c r="H593052" s="12"/>
    </row>
    <row r="593053" spans="8:8">
      <c r="H593053" s="12"/>
    </row>
    <row r="593054" spans="8:8">
      <c r="H593054" s="12"/>
    </row>
    <row r="593055" spans="8:8">
      <c r="H593055" s="12"/>
    </row>
    <row r="593056" spans="8:8">
      <c r="H593056" s="12"/>
    </row>
    <row r="593057" spans="8:8">
      <c r="H593057" s="12"/>
    </row>
    <row r="593058" spans="8:8">
      <c r="H593058" s="12"/>
    </row>
    <row r="593059" spans="8:8">
      <c r="H593059" s="12"/>
    </row>
    <row r="593060" spans="8:8">
      <c r="H593060" s="12"/>
    </row>
    <row r="593061" spans="8:8">
      <c r="H593061" s="12"/>
    </row>
    <row r="593062" spans="8:8">
      <c r="H593062" s="12"/>
    </row>
    <row r="593063" spans="8:8">
      <c r="H593063" s="12"/>
    </row>
    <row r="593064" spans="8:8">
      <c r="H593064" s="12"/>
    </row>
    <row r="593065" spans="8:8">
      <c r="H593065" s="12"/>
    </row>
    <row r="593066" spans="8:8">
      <c r="H593066" s="12"/>
    </row>
    <row r="593067" spans="8:8">
      <c r="H593067" s="12"/>
    </row>
    <row r="593068" spans="8:8">
      <c r="H593068" s="12"/>
    </row>
    <row r="593069" spans="8:8">
      <c r="H593069" s="12"/>
    </row>
    <row r="593070" spans="8:8">
      <c r="H593070" s="12"/>
    </row>
    <row r="593071" spans="8:8">
      <c r="H593071" s="12"/>
    </row>
    <row r="593072" spans="8:8">
      <c r="H593072" s="12"/>
    </row>
    <row r="593073" spans="8:8">
      <c r="H593073" s="12"/>
    </row>
    <row r="593074" spans="8:8">
      <c r="H593074" s="12"/>
    </row>
    <row r="593075" spans="8:8">
      <c r="H593075" s="12"/>
    </row>
    <row r="593076" spans="8:8">
      <c r="H593076" s="12"/>
    </row>
    <row r="593077" spans="8:8">
      <c r="H593077" s="12"/>
    </row>
    <row r="593078" spans="8:8">
      <c r="H593078" s="12"/>
    </row>
    <row r="593079" spans="8:8">
      <c r="H593079" s="12"/>
    </row>
    <row r="593080" spans="8:8">
      <c r="H593080" s="12"/>
    </row>
    <row r="593081" spans="8:8">
      <c r="H593081" s="12"/>
    </row>
    <row r="593082" spans="8:8">
      <c r="H593082" s="12"/>
    </row>
    <row r="593083" spans="8:8">
      <c r="H593083" s="12"/>
    </row>
    <row r="593084" spans="8:8">
      <c r="H593084" s="12"/>
    </row>
    <row r="593085" spans="8:8">
      <c r="H593085" s="12"/>
    </row>
    <row r="593086" spans="8:8">
      <c r="H593086" s="12"/>
    </row>
    <row r="593087" spans="8:8">
      <c r="H593087" s="12"/>
    </row>
    <row r="593088" spans="8:8">
      <c r="H593088" s="12"/>
    </row>
    <row r="593089" spans="8:8">
      <c r="H593089" s="12"/>
    </row>
    <row r="593090" spans="8:8">
      <c r="H593090" s="12"/>
    </row>
    <row r="593091" spans="8:8">
      <c r="H593091" s="12"/>
    </row>
    <row r="593092" spans="8:8">
      <c r="H593092" s="12"/>
    </row>
    <row r="593093" spans="8:8">
      <c r="H593093" s="12"/>
    </row>
    <row r="593094" spans="8:8">
      <c r="H593094" s="12"/>
    </row>
    <row r="593095" spans="8:8">
      <c r="H593095" s="12"/>
    </row>
    <row r="593096" spans="8:8">
      <c r="H593096" s="12"/>
    </row>
    <row r="593097" spans="8:8">
      <c r="H593097" s="12"/>
    </row>
    <row r="593098" spans="8:8">
      <c r="H593098" s="12"/>
    </row>
    <row r="593099" spans="8:8">
      <c r="H593099" s="12"/>
    </row>
    <row r="593100" spans="8:8">
      <c r="H593100" s="12"/>
    </row>
    <row r="593101" spans="8:8">
      <c r="H593101" s="12"/>
    </row>
    <row r="593102" spans="8:8">
      <c r="H593102" s="12"/>
    </row>
    <row r="593103" spans="8:8">
      <c r="H593103" s="12"/>
    </row>
    <row r="593104" spans="8:8">
      <c r="H593104" s="12"/>
    </row>
    <row r="593105" spans="8:8">
      <c r="H593105" s="12"/>
    </row>
    <row r="593106" spans="8:8">
      <c r="H593106" s="12"/>
    </row>
    <row r="593107" spans="8:8">
      <c r="H593107" s="12"/>
    </row>
    <row r="593108" spans="8:8">
      <c r="H593108" s="12"/>
    </row>
    <row r="593109" spans="8:8">
      <c r="H593109" s="12"/>
    </row>
    <row r="593110" spans="8:8">
      <c r="H593110" s="12"/>
    </row>
    <row r="593111" spans="8:8">
      <c r="H593111" s="12"/>
    </row>
    <row r="593112" spans="8:8">
      <c r="H593112" s="12"/>
    </row>
    <row r="593113" spans="8:8">
      <c r="H593113" s="12"/>
    </row>
    <row r="593114" spans="8:8">
      <c r="H593114" s="12"/>
    </row>
    <row r="593115" spans="8:8">
      <c r="H593115" s="12"/>
    </row>
    <row r="593116" spans="8:8">
      <c r="H593116" s="12"/>
    </row>
    <row r="593117" spans="8:8">
      <c r="H593117" s="12"/>
    </row>
    <row r="593118" spans="8:8">
      <c r="H593118" s="12"/>
    </row>
    <row r="593119" spans="8:8">
      <c r="H593119" s="12"/>
    </row>
    <row r="593120" spans="8:8">
      <c r="H593120" s="12"/>
    </row>
    <row r="593121" spans="8:8">
      <c r="H593121" s="12"/>
    </row>
    <row r="593122" spans="8:8">
      <c r="H593122" s="12"/>
    </row>
    <row r="593123" spans="8:8">
      <c r="H593123" s="12"/>
    </row>
    <row r="593124" spans="8:8">
      <c r="H593124" s="12"/>
    </row>
    <row r="593125" spans="8:8">
      <c r="H593125" s="12"/>
    </row>
    <row r="593126" spans="8:8">
      <c r="H593126" s="12"/>
    </row>
    <row r="593127" spans="8:8">
      <c r="H593127" s="12"/>
    </row>
    <row r="593128" spans="8:8">
      <c r="H593128" s="12"/>
    </row>
    <row r="593129" spans="8:8">
      <c r="H593129" s="12"/>
    </row>
    <row r="593130" spans="8:8">
      <c r="H593130" s="12"/>
    </row>
    <row r="593131" spans="8:8">
      <c r="H593131" s="12"/>
    </row>
    <row r="593132" spans="8:8">
      <c r="H593132" s="12"/>
    </row>
    <row r="593133" spans="8:8">
      <c r="H593133" s="12"/>
    </row>
    <row r="593134" spans="8:8">
      <c r="H593134" s="12"/>
    </row>
    <row r="593135" spans="8:8">
      <c r="H593135" s="12"/>
    </row>
    <row r="593136" spans="8:8">
      <c r="H593136" s="12"/>
    </row>
    <row r="593137" spans="8:8">
      <c r="H593137" s="12"/>
    </row>
    <row r="593138" spans="8:8">
      <c r="H593138" s="12"/>
    </row>
    <row r="593139" spans="8:8">
      <c r="H593139" s="12"/>
    </row>
    <row r="593140" spans="8:8">
      <c r="H593140" s="12"/>
    </row>
    <row r="593141" spans="8:8">
      <c r="H593141" s="12"/>
    </row>
    <row r="593142" spans="8:8">
      <c r="H593142" s="12"/>
    </row>
    <row r="593143" spans="8:8">
      <c r="H593143" s="12"/>
    </row>
    <row r="593144" spans="8:8">
      <c r="H593144" s="12"/>
    </row>
    <row r="593145" spans="8:8">
      <c r="H593145" s="12"/>
    </row>
    <row r="593146" spans="8:8">
      <c r="H593146" s="12"/>
    </row>
    <row r="593147" spans="8:8">
      <c r="H593147" s="12"/>
    </row>
    <row r="593148" spans="8:8">
      <c r="H593148" s="12"/>
    </row>
    <row r="593149" spans="8:8">
      <c r="H593149" s="12"/>
    </row>
    <row r="593150" spans="8:8">
      <c r="H593150" s="12"/>
    </row>
    <row r="593151" spans="8:8">
      <c r="H593151" s="12"/>
    </row>
    <row r="593152" spans="8:8">
      <c r="H593152" s="12"/>
    </row>
    <row r="593153" spans="8:8">
      <c r="H593153" s="12"/>
    </row>
    <row r="593154" spans="8:8">
      <c r="H593154" s="12"/>
    </row>
    <row r="593155" spans="8:8">
      <c r="H593155" s="12"/>
    </row>
    <row r="593156" spans="8:8">
      <c r="H593156" s="12"/>
    </row>
    <row r="593157" spans="8:8">
      <c r="H593157" s="12"/>
    </row>
    <row r="593158" spans="8:8">
      <c r="H593158" s="12"/>
    </row>
    <row r="593159" spans="8:8">
      <c r="H593159" s="12"/>
    </row>
    <row r="593160" spans="8:8">
      <c r="H593160" s="12"/>
    </row>
    <row r="593161" spans="8:8">
      <c r="H593161" s="12"/>
    </row>
    <row r="593162" spans="8:8">
      <c r="H593162" s="12"/>
    </row>
    <row r="593163" spans="8:8">
      <c r="H593163" s="12"/>
    </row>
    <row r="593164" spans="8:8">
      <c r="H593164" s="12"/>
    </row>
    <row r="593165" spans="8:8">
      <c r="H593165" s="12"/>
    </row>
    <row r="593166" spans="8:8">
      <c r="H593166" s="12"/>
    </row>
    <row r="593167" spans="8:8">
      <c r="H593167" s="12"/>
    </row>
    <row r="593168" spans="8:8">
      <c r="H593168" s="12"/>
    </row>
    <row r="593169" spans="8:8">
      <c r="H593169" s="12"/>
    </row>
    <row r="593170" spans="8:8">
      <c r="H593170" s="12"/>
    </row>
    <row r="593171" spans="8:8">
      <c r="H593171" s="12"/>
    </row>
    <row r="593172" spans="8:8">
      <c r="H593172" s="12"/>
    </row>
    <row r="593173" spans="8:8">
      <c r="H593173" s="12"/>
    </row>
    <row r="593174" spans="8:8">
      <c r="H593174" s="12"/>
    </row>
    <row r="593175" spans="8:8">
      <c r="H593175" s="12"/>
    </row>
    <row r="593176" spans="8:8">
      <c r="H593176" s="12"/>
    </row>
    <row r="593177" spans="8:8">
      <c r="H593177" s="12"/>
    </row>
    <row r="593178" spans="8:8">
      <c r="H593178" s="12"/>
    </row>
    <row r="593179" spans="8:8">
      <c r="H593179" s="12"/>
    </row>
    <row r="593180" spans="8:8">
      <c r="H593180" s="12"/>
    </row>
    <row r="593181" spans="8:8">
      <c r="H593181" s="12"/>
    </row>
    <row r="593182" spans="8:8">
      <c r="H593182" s="12"/>
    </row>
    <row r="593183" spans="8:8">
      <c r="H593183" s="12"/>
    </row>
    <row r="593184" spans="8:8">
      <c r="H593184" s="12"/>
    </row>
    <row r="593185" spans="8:8">
      <c r="H593185" s="12"/>
    </row>
    <row r="593186" spans="8:8">
      <c r="H593186" s="12"/>
    </row>
    <row r="593187" spans="8:8">
      <c r="H593187" s="12"/>
    </row>
    <row r="593188" spans="8:8">
      <c r="H593188" s="12"/>
    </row>
    <row r="593189" spans="8:8">
      <c r="H593189" s="12"/>
    </row>
    <row r="593190" spans="8:8">
      <c r="H593190" s="12"/>
    </row>
    <row r="593191" spans="8:8">
      <c r="H593191" s="12"/>
    </row>
    <row r="593192" spans="8:8">
      <c r="H593192" s="12"/>
    </row>
    <row r="593193" spans="8:8">
      <c r="H593193" s="12"/>
    </row>
    <row r="593194" spans="8:8">
      <c r="H593194" s="12"/>
    </row>
    <row r="593195" spans="8:8">
      <c r="H593195" s="12"/>
    </row>
    <row r="593196" spans="8:8">
      <c r="H593196" s="12"/>
    </row>
    <row r="593197" spans="8:8">
      <c r="H593197" s="12"/>
    </row>
    <row r="593198" spans="8:8">
      <c r="H593198" s="12"/>
    </row>
    <row r="593199" spans="8:8">
      <c r="H593199" s="12"/>
    </row>
    <row r="593200" spans="8:8">
      <c r="H593200" s="12"/>
    </row>
    <row r="593201" spans="8:8">
      <c r="H593201" s="12"/>
    </row>
    <row r="593202" spans="8:8">
      <c r="H593202" s="12"/>
    </row>
    <row r="593203" spans="8:8">
      <c r="H593203" s="12"/>
    </row>
    <row r="593204" spans="8:8">
      <c r="H593204" s="12"/>
    </row>
    <row r="593205" spans="8:8">
      <c r="H593205" s="12"/>
    </row>
    <row r="593206" spans="8:8">
      <c r="H593206" s="12"/>
    </row>
    <row r="593207" spans="8:8">
      <c r="H593207" s="12"/>
    </row>
    <row r="593208" spans="8:8">
      <c r="H593208" s="12"/>
    </row>
    <row r="593209" spans="8:8">
      <c r="H593209" s="12"/>
    </row>
    <row r="593210" spans="8:8">
      <c r="H593210" s="12"/>
    </row>
    <row r="593211" spans="8:8">
      <c r="H593211" s="12"/>
    </row>
    <row r="593212" spans="8:8">
      <c r="H593212" s="12"/>
    </row>
    <row r="593213" spans="8:8">
      <c r="H593213" s="12"/>
    </row>
    <row r="593214" spans="8:8">
      <c r="H593214" s="12"/>
    </row>
    <row r="593215" spans="8:8">
      <c r="H593215" s="12"/>
    </row>
    <row r="593216" spans="8:8">
      <c r="H593216" s="12"/>
    </row>
    <row r="593217" spans="8:8">
      <c r="H593217" s="12"/>
    </row>
    <row r="593218" spans="8:8">
      <c r="H593218" s="12"/>
    </row>
    <row r="593219" spans="8:8">
      <c r="H593219" s="12"/>
    </row>
    <row r="593220" spans="8:8">
      <c r="H593220" s="12"/>
    </row>
    <row r="593221" spans="8:8">
      <c r="H593221" s="12"/>
    </row>
    <row r="593222" spans="8:8">
      <c r="H593222" s="12"/>
    </row>
    <row r="593223" spans="8:8">
      <c r="H593223" s="12"/>
    </row>
    <row r="593224" spans="8:8">
      <c r="H593224" s="12"/>
    </row>
    <row r="593225" spans="8:8">
      <c r="H593225" s="12"/>
    </row>
    <row r="593226" spans="8:8">
      <c r="H593226" s="12"/>
    </row>
    <row r="593227" spans="8:8">
      <c r="H593227" s="12"/>
    </row>
    <row r="593228" spans="8:8">
      <c r="H593228" s="12"/>
    </row>
    <row r="593229" spans="8:8">
      <c r="H593229" s="12"/>
    </row>
    <row r="593230" spans="8:8">
      <c r="H593230" s="12"/>
    </row>
    <row r="593231" spans="8:8">
      <c r="H593231" s="12"/>
    </row>
    <row r="593232" spans="8:8">
      <c r="H593232" s="12"/>
    </row>
    <row r="593233" spans="8:8">
      <c r="H593233" s="12"/>
    </row>
    <row r="593234" spans="8:8">
      <c r="H593234" s="12"/>
    </row>
    <row r="593235" spans="8:8">
      <c r="H593235" s="12"/>
    </row>
    <row r="593236" spans="8:8">
      <c r="H593236" s="12"/>
    </row>
    <row r="593237" spans="8:8">
      <c r="H593237" s="12"/>
    </row>
    <row r="593238" spans="8:8">
      <c r="H593238" s="12"/>
    </row>
    <row r="593239" spans="8:8">
      <c r="H593239" s="12"/>
    </row>
    <row r="593240" spans="8:8">
      <c r="H593240" s="12"/>
    </row>
    <row r="593241" spans="8:8">
      <c r="H593241" s="12"/>
    </row>
    <row r="593242" spans="8:8">
      <c r="H593242" s="12"/>
    </row>
    <row r="593243" spans="8:8">
      <c r="H593243" s="12"/>
    </row>
    <row r="593244" spans="8:8">
      <c r="H593244" s="12"/>
    </row>
    <row r="593245" spans="8:8">
      <c r="H593245" s="12"/>
    </row>
    <row r="593246" spans="8:8">
      <c r="H593246" s="12"/>
    </row>
    <row r="593247" spans="8:8">
      <c r="H593247" s="12"/>
    </row>
    <row r="593248" spans="8:8">
      <c r="H593248" s="12"/>
    </row>
    <row r="593249" spans="8:8">
      <c r="H593249" s="12"/>
    </row>
    <row r="593250" spans="8:8">
      <c r="H593250" s="12"/>
    </row>
    <row r="593251" spans="8:8">
      <c r="H593251" s="12"/>
    </row>
    <row r="593252" spans="8:8">
      <c r="H593252" s="12"/>
    </row>
    <row r="593253" spans="8:8">
      <c r="H593253" s="12"/>
    </row>
    <row r="593254" spans="8:8">
      <c r="H593254" s="12"/>
    </row>
    <row r="593255" spans="8:8">
      <c r="H593255" s="12"/>
    </row>
    <row r="593256" spans="8:8">
      <c r="H593256" s="12"/>
    </row>
    <row r="593257" spans="8:8">
      <c r="H593257" s="12"/>
    </row>
    <row r="593258" spans="8:8">
      <c r="H593258" s="12"/>
    </row>
    <row r="593259" spans="8:8">
      <c r="H593259" s="12"/>
    </row>
    <row r="593260" spans="8:8">
      <c r="H593260" s="12"/>
    </row>
    <row r="593261" spans="8:8">
      <c r="H593261" s="12"/>
    </row>
    <row r="593262" spans="8:8">
      <c r="H593262" s="12"/>
    </row>
    <row r="593263" spans="8:8">
      <c r="H593263" s="12"/>
    </row>
    <row r="593264" spans="8:8">
      <c r="H593264" s="12"/>
    </row>
    <row r="593265" spans="8:8">
      <c r="H593265" s="12"/>
    </row>
    <row r="593266" spans="8:8">
      <c r="H593266" s="12"/>
    </row>
    <row r="593267" spans="8:8">
      <c r="H593267" s="12"/>
    </row>
    <row r="593268" spans="8:8">
      <c r="H593268" s="12"/>
    </row>
    <row r="593269" spans="8:8">
      <c r="H593269" s="12"/>
    </row>
    <row r="593270" spans="8:8">
      <c r="H593270" s="12"/>
    </row>
    <row r="593271" spans="8:8">
      <c r="H593271" s="12"/>
    </row>
    <row r="593272" spans="8:8">
      <c r="H593272" s="12"/>
    </row>
    <row r="593273" spans="8:8">
      <c r="H593273" s="12"/>
    </row>
    <row r="593274" spans="8:8">
      <c r="H593274" s="12"/>
    </row>
    <row r="593275" spans="8:8">
      <c r="H593275" s="12"/>
    </row>
    <row r="593276" spans="8:8">
      <c r="H593276" s="12"/>
    </row>
    <row r="593277" spans="8:8">
      <c r="H593277" s="12"/>
    </row>
    <row r="593278" spans="8:8">
      <c r="H593278" s="12"/>
    </row>
    <row r="593279" spans="8:8">
      <c r="H593279" s="12"/>
    </row>
    <row r="593280" spans="8:8">
      <c r="H593280" s="12"/>
    </row>
    <row r="593281" spans="8:8">
      <c r="H593281" s="12"/>
    </row>
    <row r="593282" spans="8:8">
      <c r="H593282" s="12"/>
    </row>
    <row r="593283" spans="8:8">
      <c r="H593283" s="12"/>
    </row>
    <row r="593284" spans="8:8">
      <c r="H593284" s="12"/>
    </row>
    <row r="593285" spans="8:8">
      <c r="H593285" s="12"/>
    </row>
    <row r="593286" spans="8:8">
      <c r="H593286" s="12"/>
    </row>
    <row r="593287" spans="8:8">
      <c r="H593287" s="12"/>
    </row>
    <row r="593288" spans="8:8">
      <c r="H593288" s="12"/>
    </row>
    <row r="593289" spans="8:8">
      <c r="H593289" s="12"/>
    </row>
    <row r="593290" spans="8:8">
      <c r="H593290" s="12"/>
    </row>
    <row r="593291" spans="8:8">
      <c r="H593291" s="12"/>
    </row>
    <row r="593292" spans="8:8">
      <c r="H593292" s="12"/>
    </row>
    <row r="593293" spans="8:8">
      <c r="H593293" s="12"/>
    </row>
    <row r="593294" spans="8:8">
      <c r="H593294" s="12"/>
    </row>
    <row r="593295" spans="8:8">
      <c r="H593295" s="12"/>
    </row>
    <row r="593296" spans="8:8">
      <c r="H593296" s="12"/>
    </row>
    <row r="593297" spans="8:8">
      <c r="H593297" s="12"/>
    </row>
    <row r="593298" spans="8:8">
      <c r="H593298" s="12"/>
    </row>
    <row r="593299" spans="8:8">
      <c r="H593299" s="12"/>
    </row>
    <row r="593300" spans="8:8">
      <c r="H593300" s="12"/>
    </row>
    <row r="593301" spans="8:8">
      <c r="H593301" s="12"/>
    </row>
    <row r="593302" spans="8:8">
      <c r="H593302" s="12"/>
    </row>
    <row r="593303" spans="8:8">
      <c r="H593303" s="12"/>
    </row>
    <row r="593304" spans="8:8">
      <c r="H593304" s="12"/>
    </row>
    <row r="593305" spans="8:8">
      <c r="H593305" s="12"/>
    </row>
    <row r="593306" spans="8:8">
      <c r="H593306" s="12"/>
    </row>
    <row r="593307" spans="8:8">
      <c r="H593307" s="12"/>
    </row>
    <row r="593308" spans="8:8">
      <c r="H593308" s="12"/>
    </row>
    <row r="593309" spans="8:8">
      <c r="H593309" s="12"/>
    </row>
    <row r="593310" spans="8:8">
      <c r="H593310" s="12"/>
    </row>
    <row r="593311" spans="8:8">
      <c r="H593311" s="12"/>
    </row>
    <row r="593312" spans="8:8">
      <c r="H593312" s="12"/>
    </row>
    <row r="593313" spans="8:8">
      <c r="H593313" s="12"/>
    </row>
    <row r="593314" spans="8:8">
      <c r="H593314" s="12"/>
    </row>
    <row r="593315" spans="8:8">
      <c r="H593315" s="12"/>
    </row>
    <row r="593316" spans="8:8">
      <c r="H593316" s="12"/>
    </row>
    <row r="593317" spans="8:8">
      <c r="H593317" s="12"/>
    </row>
    <row r="593318" spans="8:8">
      <c r="H593318" s="12"/>
    </row>
    <row r="593319" spans="8:8">
      <c r="H593319" s="12"/>
    </row>
    <row r="593320" spans="8:8">
      <c r="H593320" s="12"/>
    </row>
    <row r="593321" spans="8:8">
      <c r="H593321" s="12"/>
    </row>
    <row r="593322" spans="8:8">
      <c r="H593322" s="12"/>
    </row>
    <row r="593323" spans="8:8">
      <c r="H593323" s="12"/>
    </row>
    <row r="593324" spans="8:8">
      <c r="H593324" s="12"/>
    </row>
    <row r="593325" spans="8:8">
      <c r="H593325" s="12"/>
    </row>
    <row r="593326" spans="8:8">
      <c r="H593326" s="12"/>
    </row>
    <row r="593327" spans="8:8">
      <c r="H593327" s="12"/>
    </row>
    <row r="593328" spans="8:8">
      <c r="H593328" s="12"/>
    </row>
    <row r="593329" spans="8:8">
      <c r="H593329" s="12"/>
    </row>
    <row r="593330" spans="8:8">
      <c r="H593330" s="12"/>
    </row>
    <row r="593331" spans="8:8">
      <c r="H593331" s="12"/>
    </row>
    <row r="593332" spans="8:8">
      <c r="H593332" s="12"/>
    </row>
    <row r="593333" spans="8:8">
      <c r="H593333" s="12"/>
    </row>
    <row r="593334" spans="8:8">
      <c r="H593334" s="12"/>
    </row>
    <row r="593335" spans="8:8">
      <c r="H593335" s="12"/>
    </row>
    <row r="593336" spans="8:8">
      <c r="H593336" s="12"/>
    </row>
    <row r="593337" spans="8:8">
      <c r="H593337" s="12"/>
    </row>
    <row r="593338" spans="8:8">
      <c r="H593338" s="12"/>
    </row>
    <row r="593339" spans="8:8">
      <c r="H593339" s="12"/>
    </row>
    <row r="593340" spans="8:8">
      <c r="H593340" s="12"/>
    </row>
    <row r="593341" spans="8:8">
      <c r="H593341" s="12"/>
    </row>
    <row r="593342" spans="8:8">
      <c r="H593342" s="12"/>
    </row>
    <row r="593343" spans="8:8">
      <c r="H593343" s="12"/>
    </row>
    <row r="593344" spans="8:8">
      <c r="H593344" s="12"/>
    </row>
    <row r="593345" spans="8:8">
      <c r="H593345" s="12"/>
    </row>
    <row r="593346" spans="8:8">
      <c r="H593346" s="12"/>
    </row>
    <row r="593347" spans="8:8">
      <c r="H593347" s="12"/>
    </row>
    <row r="593348" spans="8:8">
      <c r="H593348" s="12"/>
    </row>
    <row r="593349" spans="8:8">
      <c r="H593349" s="12"/>
    </row>
    <row r="593350" spans="8:8">
      <c r="H593350" s="12"/>
    </row>
    <row r="593351" spans="8:8">
      <c r="H593351" s="12"/>
    </row>
    <row r="593352" spans="8:8">
      <c r="H593352" s="12"/>
    </row>
    <row r="593353" spans="8:8">
      <c r="H593353" s="12"/>
    </row>
    <row r="593354" spans="8:8">
      <c r="H593354" s="12"/>
    </row>
    <row r="593355" spans="8:8">
      <c r="H593355" s="12"/>
    </row>
    <row r="593356" spans="8:8">
      <c r="H593356" s="12"/>
    </row>
    <row r="593357" spans="8:8">
      <c r="H593357" s="12"/>
    </row>
    <row r="593358" spans="8:8">
      <c r="H593358" s="12"/>
    </row>
    <row r="593359" spans="8:8">
      <c r="H593359" s="12"/>
    </row>
    <row r="593360" spans="8:8">
      <c r="H593360" s="12"/>
    </row>
    <row r="593361" spans="8:8">
      <c r="H593361" s="12"/>
    </row>
    <row r="593362" spans="8:8">
      <c r="H593362" s="12"/>
    </row>
    <row r="593363" spans="8:8">
      <c r="H593363" s="12"/>
    </row>
    <row r="593364" spans="8:8">
      <c r="H593364" s="12"/>
    </row>
    <row r="593365" spans="8:8">
      <c r="H593365" s="12"/>
    </row>
    <row r="593366" spans="8:8">
      <c r="H593366" s="12"/>
    </row>
    <row r="593367" spans="8:8">
      <c r="H593367" s="12"/>
    </row>
    <row r="593368" spans="8:8">
      <c r="H593368" s="12"/>
    </row>
    <row r="593369" spans="8:8">
      <c r="H593369" s="12"/>
    </row>
    <row r="593370" spans="8:8">
      <c r="H593370" s="12"/>
    </row>
    <row r="593371" spans="8:8">
      <c r="H593371" s="12"/>
    </row>
    <row r="593372" spans="8:8">
      <c r="H593372" s="12"/>
    </row>
    <row r="593373" spans="8:8">
      <c r="H593373" s="12"/>
    </row>
    <row r="593374" spans="8:8">
      <c r="H593374" s="12"/>
    </row>
    <row r="593375" spans="8:8">
      <c r="H593375" s="12"/>
    </row>
    <row r="593376" spans="8:8">
      <c r="H593376" s="12"/>
    </row>
    <row r="593377" spans="8:8">
      <c r="H593377" s="12"/>
    </row>
    <row r="593378" spans="8:8">
      <c r="H593378" s="12"/>
    </row>
    <row r="593379" spans="8:8">
      <c r="H593379" s="12"/>
    </row>
    <row r="593380" spans="8:8">
      <c r="H593380" s="12"/>
    </row>
    <row r="593381" spans="8:8">
      <c r="H593381" s="12"/>
    </row>
    <row r="593382" spans="8:8">
      <c r="H593382" s="12"/>
    </row>
    <row r="593383" spans="8:8">
      <c r="H593383" s="12"/>
    </row>
    <row r="593384" spans="8:8">
      <c r="H593384" s="12"/>
    </row>
    <row r="593385" spans="8:8">
      <c r="H593385" s="12"/>
    </row>
    <row r="593386" spans="8:8">
      <c r="H593386" s="12"/>
    </row>
    <row r="593387" spans="8:8">
      <c r="H593387" s="12"/>
    </row>
    <row r="593388" spans="8:8">
      <c r="H593388" s="12"/>
    </row>
    <row r="593389" spans="8:8">
      <c r="H593389" s="12"/>
    </row>
    <row r="593390" spans="8:8">
      <c r="H593390" s="12"/>
    </row>
    <row r="593391" spans="8:8">
      <c r="H593391" s="12"/>
    </row>
    <row r="593392" spans="8:8">
      <c r="H593392" s="12"/>
    </row>
    <row r="593393" spans="8:8">
      <c r="H593393" s="12"/>
    </row>
    <row r="593394" spans="8:8">
      <c r="H593394" s="12"/>
    </row>
    <row r="593395" spans="8:8">
      <c r="H593395" s="12"/>
    </row>
    <row r="593396" spans="8:8">
      <c r="H593396" s="12"/>
    </row>
    <row r="593397" spans="8:8">
      <c r="H593397" s="12"/>
    </row>
    <row r="593398" spans="8:8">
      <c r="H593398" s="12"/>
    </row>
    <row r="593399" spans="8:8">
      <c r="H593399" s="12"/>
    </row>
    <row r="593400" spans="8:8">
      <c r="H593400" s="12"/>
    </row>
    <row r="593401" spans="8:8">
      <c r="H593401" s="12"/>
    </row>
    <row r="593402" spans="8:8">
      <c r="H593402" s="12"/>
    </row>
    <row r="593403" spans="8:8">
      <c r="H593403" s="12"/>
    </row>
    <row r="593404" spans="8:8">
      <c r="H593404" s="12"/>
    </row>
    <row r="593405" spans="8:8">
      <c r="H593405" s="12"/>
    </row>
    <row r="593406" spans="8:8">
      <c r="H593406" s="12"/>
    </row>
    <row r="593407" spans="8:8">
      <c r="H593407" s="12"/>
    </row>
    <row r="593408" spans="8:8">
      <c r="H593408" s="12"/>
    </row>
    <row r="593409" spans="8:8">
      <c r="H593409" s="12"/>
    </row>
    <row r="593410" spans="8:8">
      <c r="H593410" s="12"/>
    </row>
    <row r="593411" spans="8:8">
      <c r="H593411" s="12"/>
    </row>
    <row r="593412" spans="8:8">
      <c r="H593412" s="12"/>
    </row>
    <row r="593413" spans="8:8">
      <c r="H593413" s="12"/>
    </row>
    <row r="593414" spans="8:8">
      <c r="H593414" s="12"/>
    </row>
    <row r="593415" spans="8:8">
      <c r="H593415" s="12"/>
    </row>
    <row r="593416" spans="8:8">
      <c r="H593416" s="12"/>
    </row>
    <row r="593417" spans="8:8">
      <c r="H593417" s="12"/>
    </row>
    <row r="593418" spans="8:8">
      <c r="H593418" s="12"/>
    </row>
    <row r="593419" spans="8:8">
      <c r="H593419" s="12"/>
    </row>
    <row r="593420" spans="8:8">
      <c r="H593420" s="12"/>
    </row>
    <row r="593421" spans="8:8">
      <c r="H593421" s="12"/>
    </row>
    <row r="593422" spans="8:8">
      <c r="H593422" s="12"/>
    </row>
    <row r="593423" spans="8:8">
      <c r="H593423" s="12"/>
    </row>
    <row r="593424" spans="8:8">
      <c r="H593424" s="12"/>
    </row>
    <row r="593425" spans="8:8">
      <c r="H593425" s="12"/>
    </row>
    <row r="593426" spans="8:8">
      <c r="H593426" s="12"/>
    </row>
    <row r="593427" spans="8:8">
      <c r="H593427" s="12"/>
    </row>
    <row r="593428" spans="8:8">
      <c r="H593428" s="12"/>
    </row>
    <row r="593429" spans="8:8">
      <c r="H593429" s="12"/>
    </row>
    <row r="593430" spans="8:8">
      <c r="H593430" s="12"/>
    </row>
    <row r="593431" spans="8:8">
      <c r="H593431" s="12"/>
    </row>
    <row r="593432" spans="8:8">
      <c r="H593432" s="12"/>
    </row>
    <row r="593433" spans="8:8">
      <c r="H593433" s="12"/>
    </row>
    <row r="593434" spans="8:8">
      <c r="H593434" s="12"/>
    </row>
    <row r="593435" spans="8:8">
      <c r="H593435" s="12"/>
    </row>
    <row r="593436" spans="8:8">
      <c r="H593436" s="12"/>
    </row>
    <row r="593437" spans="8:8">
      <c r="H593437" s="12"/>
    </row>
    <row r="593438" spans="8:8">
      <c r="H593438" s="12"/>
    </row>
    <row r="593439" spans="8:8">
      <c r="H593439" s="12"/>
    </row>
    <row r="593440" spans="8:8">
      <c r="H593440" s="12"/>
    </row>
    <row r="593441" spans="8:8">
      <c r="H593441" s="12"/>
    </row>
    <row r="593442" spans="8:8">
      <c r="H593442" s="12"/>
    </row>
    <row r="593443" spans="8:8">
      <c r="H593443" s="12"/>
    </row>
    <row r="593444" spans="8:8">
      <c r="H593444" s="12"/>
    </row>
    <row r="593445" spans="8:8">
      <c r="H593445" s="12"/>
    </row>
    <row r="593446" spans="8:8">
      <c r="H593446" s="12"/>
    </row>
    <row r="593447" spans="8:8">
      <c r="H593447" s="12"/>
    </row>
    <row r="593448" spans="8:8">
      <c r="H593448" s="12"/>
    </row>
    <row r="593449" spans="8:8">
      <c r="H593449" s="12"/>
    </row>
    <row r="593450" spans="8:8">
      <c r="H593450" s="12"/>
    </row>
    <row r="593451" spans="8:8">
      <c r="H593451" s="12"/>
    </row>
    <row r="593452" spans="8:8">
      <c r="H593452" s="12"/>
    </row>
    <row r="593453" spans="8:8">
      <c r="H593453" s="12"/>
    </row>
    <row r="593454" spans="8:8">
      <c r="H593454" s="12"/>
    </row>
    <row r="593455" spans="8:8">
      <c r="H593455" s="12"/>
    </row>
    <row r="593456" spans="8:8">
      <c r="H593456" s="12"/>
    </row>
    <row r="593457" spans="8:8">
      <c r="H593457" s="12"/>
    </row>
    <row r="593458" spans="8:8">
      <c r="H593458" s="12"/>
    </row>
    <row r="593459" spans="8:8">
      <c r="H593459" s="12"/>
    </row>
    <row r="593460" spans="8:8">
      <c r="H593460" s="12"/>
    </row>
    <row r="593461" spans="8:8">
      <c r="H593461" s="12"/>
    </row>
    <row r="593462" spans="8:8">
      <c r="H593462" s="12"/>
    </row>
    <row r="593463" spans="8:8">
      <c r="H593463" s="12"/>
    </row>
    <row r="593464" spans="8:8">
      <c r="H593464" s="12"/>
    </row>
    <row r="593465" spans="8:8">
      <c r="H593465" s="12"/>
    </row>
    <row r="593466" spans="8:8">
      <c r="H593466" s="12"/>
    </row>
    <row r="593467" spans="8:8">
      <c r="H593467" s="12"/>
    </row>
    <row r="593468" spans="8:8">
      <c r="H593468" s="12"/>
    </row>
    <row r="593469" spans="8:8">
      <c r="H593469" s="12"/>
    </row>
    <row r="593470" spans="8:8">
      <c r="H593470" s="12"/>
    </row>
    <row r="593471" spans="8:8">
      <c r="H593471" s="12"/>
    </row>
    <row r="593472" spans="8:8">
      <c r="H593472" s="12"/>
    </row>
    <row r="593473" spans="8:8">
      <c r="H593473" s="12"/>
    </row>
    <row r="593474" spans="8:8">
      <c r="H593474" s="12"/>
    </row>
    <row r="593475" spans="8:8">
      <c r="H593475" s="12"/>
    </row>
    <row r="593476" spans="8:8">
      <c r="H593476" s="12"/>
    </row>
    <row r="593477" spans="8:8">
      <c r="H593477" s="12"/>
    </row>
    <row r="593478" spans="8:8">
      <c r="H593478" s="12"/>
    </row>
    <row r="593479" spans="8:8">
      <c r="H593479" s="12"/>
    </row>
    <row r="593480" spans="8:8">
      <c r="H593480" s="12"/>
    </row>
    <row r="593481" spans="8:8">
      <c r="H593481" s="12"/>
    </row>
    <row r="593482" spans="8:8">
      <c r="H593482" s="12"/>
    </row>
    <row r="593483" spans="8:8">
      <c r="H593483" s="12"/>
    </row>
    <row r="593484" spans="8:8">
      <c r="H593484" s="12"/>
    </row>
    <row r="593485" spans="8:8">
      <c r="H593485" s="12"/>
    </row>
    <row r="593486" spans="8:8">
      <c r="H593486" s="12"/>
    </row>
    <row r="593487" spans="8:8">
      <c r="H593487" s="12"/>
    </row>
    <row r="593488" spans="8:8">
      <c r="H593488" s="12"/>
    </row>
    <row r="593489" spans="8:8">
      <c r="H593489" s="12"/>
    </row>
    <row r="593490" spans="8:8">
      <c r="H593490" s="12"/>
    </row>
    <row r="593491" spans="8:8">
      <c r="H593491" s="12"/>
    </row>
    <row r="593492" spans="8:8">
      <c r="H593492" s="12"/>
    </row>
    <row r="593493" spans="8:8">
      <c r="H593493" s="12"/>
    </row>
    <row r="593494" spans="8:8">
      <c r="H593494" s="12"/>
    </row>
    <row r="593495" spans="8:8">
      <c r="H593495" s="12"/>
    </row>
    <row r="593496" spans="8:8">
      <c r="H593496" s="12"/>
    </row>
    <row r="593497" spans="8:8">
      <c r="H593497" s="12"/>
    </row>
    <row r="593498" spans="8:8">
      <c r="H593498" s="12"/>
    </row>
    <row r="593499" spans="8:8">
      <c r="H593499" s="12"/>
    </row>
    <row r="593500" spans="8:8">
      <c r="H593500" s="12"/>
    </row>
    <row r="593501" spans="8:8">
      <c r="H593501" s="12"/>
    </row>
    <row r="593502" spans="8:8">
      <c r="H593502" s="12"/>
    </row>
    <row r="593503" spans="8:8">
      <c r="H593503" s="12"/>
    </row>
    <row r="593504" spans="8:8">
      <c r="H593504" s="12"/>
    </row>
    <row r="593505" spans="8:8">
      <c r="H593505" s="12"/>
    </row>
    <row r="593506" spans="8:8">
      <c r="H593506" s="12"/>
    </row>
    <row r="593507" spans="8:8">
      <c r="H593507" s="12"/>
    </row>
    <row r="593508" spans="8:8">
      <c r="H593508" s="12"/>
    </row>
    <row r="593509" spans="8:8">
      <c r="H593509" s="12"/>
    </row>
    <row r="593510" spans="8:8">
      <c r="H593510" s="12"/>
    </row>
    <row r="593511" spans="8:8">
      <c r="H593511" s="12"/>
    </row>
    <row r="593512" spans="8:8">
      <c r="H593512" s="12"/>
    </row>
    <row r="593513" spans="8:8">
      <c r="H593513" s="12"/>
    </row>
    <row r="593514" spans="8:8">
      <c r="H593514" s="12"/>
    </row>
    <row r="593515" spans="8:8">
      <c r="H593515" s="12"/>
    </row>
    <row r="593516" spans="8:8">
      <c r="H593516" s="12"/>
    </row>
    <row r="593517" spans="8:8">
      <c r="H593517" s="12"/>
    </row>
    <row r="593518" spans="8:8">
      <c r="H593518" s="12"/>
    </row>
    <row r="593519" spans="8:8">
      <c r="H593519" s="12"/>
    </row>
    <row r="593520" spans="8:8">
      <c r="H593520" s="12"/>
    </row>
    <row r="593521" spans="8:8">
      <c r="H593521" s="12"/>
    </row>
    <row r="593522" spans="8:8">
      <c r="H593522" s="12"/>
    </row>
    <row r="593523" spans="8:8">
      <c r="H593523" s="12"/>
    </row>
    <row r="593524" spans="8:8">
      <c r="H593524" s="12"/>
    </row>
    <row r="593525" spans="8:8">
      <c r="H593525" s="12"/>
    </row>
    <row r="593526" spans="8:8">
      <c r="H593526" s="12"/>
    </row>
    <row r="593527" spans="8:8">
      <c r="H593527" s="12"/>
    </row>
    <row r="593528" spans="8:8">
      <c r="H593528" s="12"/>
    </row>
    <row r="593529" spans="8:8">
      <c r="H593529" s="12"/>
    </row>
    <row r="593530" spans="8:8">
      <c r="H593530" s="12"/>
    </row>
    <row r="593531" spans="8:8">
      <c r="H593531" s="12"/>
    </row>
    <row r="593532" spans="8:8">
      <c r="H593532" s="12"/>
    </row>
    <row r="593533" spans="8:8">
      <c r="H593533" s="12"/>
    </row>
    <row r="593534" spans="8:8">
      <c r="H593534" s="12"/>
    </row>
    <row r="593535" spans="8:8">
      <c r="H593535" s="12"/>
    </row>
    <row r="593536" spans="8:8">
      <c r="H593536" s="12"/>
    </row>
    <row r="593537" spans="8:8">
      <c r="H593537" s="12"/>
    </row>
    <row r="593538" spans="8:8">
      <c r="H593538" s="12"/>
    </row>
    <row r="593539" spans="8:8">
      <c r="H593539" s="12"/>
    </row>
    <row r="593540" spans="8:8">
      <c r="H593540" s="12"/>
    </row>
    <row r="593541" spans="8:8">
      <c r="H593541" s="12"/>
    </row>
    <row r="593542" spans="8:8">
      <c r="H593542" s="12"/>
    </row>
    <row r="593543" spans="8:8">
      <c r="H593543" s="12"/>
    </row>
    <row r="593544" spans="8:8">
      <c r="H593544" s="12"/>
    </row>
    <row r="593545" spans="8:8">
      <c r="H593545" s="12"/>
    </row>
    <row r="593546" spans="8:8">
      <c r="H593546" s="12"/>
    </row>
    <row r="593547" spans="8:8">
      <c r="H593547" s="12"/>
    </row>
    <row r="593548" spans="8:8">
      <c r="H593548" s="12"/>
    </row>
    <row r="593549" spans="8:8">
      <c r="H593549" s="12"/>
    </row>
    <row r="593550" spans="8:8">
      <c r="H593550" s="12"/>
    </row>
    <row r="593551" spans="8:8">
      <c r="H593551" s="12"/>
    </row>
    <row r="593552" spans="8:8">
      <c r="H593552" s="12"/>
    </row>
    <row r="593553" spans="8:8">
      <c r="H593553" s="12"/>
    </row>
    <row r="593554" spans="8:8">
      <c r="H593554" s="12"/>
    </row>
    <row r="593555" spans="8:8">
      <c r="H593555" s="12"/>
    </row>
    <row r="593556" spans="8:8">
      <c r="H593556" s="12"/>
    </row>
    <row r="593557" spans="8:8">
      <c r="H593557" s="12"/>
    </row>
    <row r="593558" spans="8:8">
      <c r="H593558" s="12"/>
    </row>
    <row r="593559" spans="8:8">
      <c r="H593559" s="12"/>
    </row>
    <row r="593560" spans="8:8">
      <c r="H593560" s="12"/>
    </row>
    <row r="593561" spans="8:8">
      <c r="H593561" s="12"/>
    </row>
    <row r="593562" spans="8:8">
      <c r="H593562" s="12"/>
    </row>
    <row r="593563" spans="8:8">
      <c r="H593563" s="12"/>
    </row>
    <row r="593564" spans="8:8">
      <c r="H593564" s="12"/>
    </row>
    <row r="593565" spans="8:8">
      <c r="H593565" s="12"/>
    </row>
    <row r="593566" spans="8:8">
      <c r="H593566" s="12"/>
    </row>
    <row r="593567" spans="8:8">
      <c r="H593567" s="12"/>
    </row>
    <row r="593568" spans="8:8">
      <c r="H593568" s="12"/>
    </row>
    <row r="593569" spans="8:8">
      <c r="H593569" s="12"/>
    </row>
    <row r="593570" spans="8:8">
      <c r="H593570" s="12"/>
    </row>
    <row r="593571" spans="8:8">
      <c r="H593571" s="12"/>
    </row>
    <row r="593572" spans="8:8">
      <c r="H593572" s="12"/>
    </row>
    <row r="593573" spans="8:8">
      <c r="H593573" s="12"/>
    </row>
    <row r="593574" spans="8:8">
      <c r="H593574" s="12"/>
    </row>
    <row r="593575" spans="8:8">
      <c r="H593575" s="12"/>
    </row>
    <row r="593576" spans="8:8">
      <c r="H593576" s="12"/>
    </row>
    <row r="593577" spans="8:8">
      <c r="H593577" s="12"/>
    </row>
    <row r="593578" spans="8:8">
      <c r="H593578" s="12"/>
    </row>
    <row r="593579" spans="8:8">
      <c r="H593579" s="12"/>
    </row>
    <row r="593580" spans="8:8">
      <c r="H593580" s="12"/>
    </row>
    <row r="593581" spans="8:8">
      <c r="H593581" s="12"/>
    </row>
    <row r="593582" spans="8:8">
      <c r="H593582" s="12"/>
    </row>
    <row r="593583" spans="8:8">
      <c r="H593583" s="12"/>
    </row>
    <row r="593584" spans="8:8">
      <c r="H593584" s="12"/>
    </row>
    <row r="593585" spans="8:8">
      <c r="H593585" s="12"/>
    </row>
    <row r="593586" spans="8:8">
      <c r="H593586" s="12"/>
    </row>
    <row r="593587" spans="8:8">
      <c r="H593587" s="12"/>
    </row>
    <row r="593588" spans="8:8">
      <c r="H593588" s="12"/>
    </row>
    <row r="593589" spans="8:8">
      <c r="H593589" s="12"/>
    </row>
    <row r="593590" spans="8:8">
      <c r="H593590" s="12"/>
    </row>
    <row r="593591" spans="8:8">
      <c r="H593591" s="12"/>
    </row>
    <row r="593592" spans="8:8">
      <c r="H593592" s="12"/>
    </row>
    <row r="593593" spans="8:8">
      <c r="H593593" s="12"/>
    </row>
    <row r="593594" spans="8:8">
      <c r="H593594" s="12"/>
    </row>
    <row r="593595" spans="8:8">
      <c r="H593595" s="12"/>
    </row>
    <row r="593596" spans="8:8">
      <c r="H593596" s="12"/>
    </row>
    <row r="593597" spans="8:8">
      <c r="H593597" s="12"/>
    </row>
    <row r="593598" spans="8:8">
      <c r="H593598" s="12"/>
    </row>
    <row r="593599" spans="8:8">
      <c r="H593599" s="12"/>
    </row>
    <row r="593600" spans="8:8">
      <c r="H593600" s="12"/>
    </row>
    <row r="593601" spans="8:8">
      <c r="H593601" s="12"/>
    </row>
    <row r="593602" spans="8:8">
      <c r="H593602" s="12"/>
    </row>
    <row r="593603" spans="8:8">
      <c r="H593603" s="12"/>
    </row>
    <row r="593604" spans="8:8">
      <c r="H593604" s="12"/>
    </row>
    <row r="593605" spans="8:8">
      <c r="H593605" s="12"/>
    </row>
    <row r="593606" spans="8:8">
      <c r="H593606" s="12"/>
    </row>
    <row r="593607" spans="8:8">
      <c r="H593607" s="12"/>
    </row>
    <row r="593608" spans="8:8">
      <c r="H593608" s="12"/>
    </row>
    <row r="593609" spans="8:8">
      <c r="H593609" s="12"/>
    </row>
    <row r="593610" spans="8:8">
      <c r="H593610" s="12"/>
    </row>
    <row r="593611" spans="8:8">
      <c r="H593611" s="12"/>
    </row>
    <row r="593612" spans="8:8">
      <c r="H593612" s="12"/>
    </row>
    <row r="593613" spans="8:8">
      <c r="H593613" s="12"/>
    </row>
    <row r="593614" spans="8:8">
      <c r="H593614" s="12"/>
    </row>
    <row r="593615" spans="8:8">
      <c r="H593615" s="12"/>
    </row>
    <row r="593616" spans="8:8">
      <c r="H593616" s="12"/>
    </row>
    <row r="593617" spans="8:8">
      <c r="H593617" s="12"/>
    </row>
    <row r="593618" spans="8:8">
      <c r="H593618" s="12"/>
    </row>
    <row r="593619" spans="8:8">
      <c r="H593619" s="12"/>
    </row>
    <row r="593620" spans="8:8">
      <c r="H593620" s="12"/>
    </row>
    <row r="593621" spans="8:8">
      <c r="H593621" s="12"/>
    </row>
    <row r="593622" spans="8:8">
      <c r="H593622" s="12"/>
    </row>
    <row r="593623" spans="8:8">
      <c r="H593623" s="12"/>
    </row>
    <row r="593624" spans="8:8">
      <c r="H593624" s="12"/>
    </row>
    <row r="593625" spans="8:8">
      <c r="H593625" s="12"/>
    </row>
    <row r="593626" spans="8:8">
      <c r="H593626" s="12"/>
    </row>
    <row r="593627" spans="8:8">
      <c r="H593627" s="12"/>
    </row>
    <row r="593628" spans="8:8">
      <c r="H593628" s="12"/>
    </row>
    <row r="593629" spans="8:8">
      <c r="H593629" s="12"/>
    </row>
    <row r="593630" spans="8:8">
      <c r="H593630" s="12"/>
    </row>
    <row r="593631" spans="8:8">
      <c r="H593631" s="12"/>
    </row>
    <row r="593632" spans="8:8">
      <c r="H593632" s="12"/>
    </row>
    <row r="593633" spans="8:8">
      <c r="H593633" s="12"/>
    </row>
    <row r="593634" spans="8:8">
      <c r="H593634" s="12"/>
    </row>
    <row r="593635" spans="8:8">
      <c r="H593635" s="12"/>
    </row>
    <row r="593636" spans="8:8">
      <c r="H593636" s="12"/>
    </row>
    <row r="593637" spans="8:8">
      <c r="H593637" s="12"/>
    </row>
    <row r="593638" spans="8:8">
      <c r="H593638" s="12"/>
    </row>
    <row r="593639" spans="8:8">
      <c r="H593639" s="12"/>
    </row>
    <row r="593640" spans="8:8">
      <c r="H593640" s="12"/>
    </row>
    <row r="593641" spans="8:8">
      <c r="H593641" s="12"/>
    </row>
    <row r="593642" spans="8:8">
      <c r="H593642" s="12"/>
    </row>
    <row r="593643" spans="8:8">
      <c r="H593643" s="12"/>
    </row>
    <row r="593644" spans="8:8">
      <c r="H593644" s="12"/>
    </row>
    <row r="593645" spans="8:8">
      <c r="H593645" s="12"/>
    </row>
    <row r="593646" spans="8:8">
      <c r="H593646" s="12"/>
    </row>
    <row r="593647" spans="8:8">
      <c r="H593647" s="12"/>
    </row>
    <row r="593648" spans="8:8">
      <c r="H593648" s="12"/>
    </row>
    <row r="593649" spans="8:8">
      <c r="H593649" s="12"/>
    </row>
    <row r="593650" spans="8:8">
      <c r="H593650" s="12"/>
    </row>
    <row r="593651" spans="8:8">
      <c r="H593651" s="12"/>
    </row>
    <row r="593652" spans="8:8">
      <c r="H593652" s="12"/>
    </row>
    <row r="593653" spans="8:8">
      <c r="H593653" s="12"/>
    </row>
    <row r="593654" spans="8:8">
      <c r="H593654" s="12"/>
    </row>
    <row r="593655" spans="8:8">
      <c r="H593655" s="12"/>
    </row>
    <row r="593656" spans="8:8">
      <c r="H593656" s="12"/>
    </row>
    <row r="593657" spans="8:8">
      <c r="H593657" s="12"/>
    </row>
    <row r="593658" spans="8:8">
      <c r="H593658" s="12"/>
    </row>
    <row r="593659" spans="8:8">
      <c r="H593659" s="12"/>
    </row>
    <row r="593660" spans="8:8">
      <c r="H593660" s="12"/>
    </row>
    <row r="593661" spans="8:8">
      <c r="H593661" s="12"/>
    </row>
    <row r="593662" spans="8:8">
      <c r="H593662" s="12"/>
    </row>
    <row r="593663" spans="8:8">
      <c r="H593663" s="12"/>
    </row>
    <row r="593664" spans="8:8">
      <c r="H593664" s="12"/>
    </row>
    <row r="593665" spans="8:8">
      <c r="H593665" s="12"/>
    </row>
    <row r="593666" spans="8:8">
      <c r="H593666" s="12"/>
    </row>
    <row r="593667" spans="8:8">
      <c r="H593667" s="12"/>
    </row>
    <row r="593668" spans="8:8">
      <c r="H593668" s="12"/>
    </row>
    <row r="593669" spans="8:8">
      <c r="H593669" s="12"/>
    </row>
    <row r="593670" spans="8:8">
      <c r="H593670" s="12"/>
    </row>
    <row r="593671" spans="8:8">
      <c r="H593671" s="12"/>
    </row>
    <row r="593672" spans="8:8">
      <c r="H593672" s="12"/>
    </row>
    <row r="593673" spans="8:8">
      <c r="H593673" s="12"/>
    </row>
    <row r="593674" spans="8:8">
      <c r="H593674" s="12"/>
    </row>
    <row r="593675" spans="8:8">
      <c r="H593675" s="12"/>
    </row>
    <row r="593676" spans="8:8">
      <c r="H593676" s="12"/>
    </row>
    <row r="593677" spans="8:8">
      <c r="H593677" s="12"/>
    </row>
    <row r="593678" spans="8:8">
      <c r="H593678" s="12"/>
    </row>
    <row r="593679" spans="8:8">
      <c r="H593679" s="12"/>
    </row>
    <row r="593680" spans="8:8">
      <c r="H593680" s="12"/>
    </row>
    <row r="593681" spans="8:8">
      <c r="H593681" s="12"/>
    </row>
    <row r="593682" spans="8:8">
      <c r="H593682" s="12"/>
    </row>
    <row r="593683" spans="8:8">
      <c r="H593683" s="12"/>
    </row>
    <row r="593684" spans="8:8">
      <c r="H593684" s="12"/>
    </row>
    <row r="593685" spans="8:8">
      <c r="H593685" s="12"/>
    </row>
    <row r="593686" spans="8:8">
      <c r="H593686" s="12"/>
    </row>
    <row r="593687" spans="8:8">
      <c r="H593687" s="12"/>
    </row>
    <row r="593688" spans="8:8">
      <c r="H593688" s="12"/>
    </row>
    <row r="593689" spans="8:8">
      <c r="H593689" s="12"/>
    </row>
    <row r="593690" spans="8:8">
      <c r="H593690" s="12"/>
    </row>
    <row r="593691" spans="8:8">
      <c r="H593691" s="12"/>
    </row>
    <row r="593692" spans="8:8">
      <c r="H593692" s="12"/>
    </row>
    <row r="593693" spans="8:8">
      <c r="H593693" s="12"/>
    </row>
    <row r="593694" spans="8:8">
      <c r="H593694" s="12"/>
    </row>
    <row r="593695" spans="8:8">
      <c r="H593695" s="12"/>
    </row>
    <row r="593696" spans="8:8">
      <c r="H593696" s="12"/>
    </row>
    <row r="593697" spans="8:8">
      <c r="H593697" s="12"/>
    </row>
    <row r="593698" spans="8:8">
      <c r="H593698" s="12"/>
    </row>
    <row r="593699" spans="8:8">
      <c r="H593699" s="12"/>
    </row>
    <row r="593700" spans="8:8">
      <c r="H593700" s="12"/>
    </row>
    <row r="593701" spans="8:8">
      <c r="H593701" s="12"/>
    </row>
    <row r="593702" spans="8:8">
      <c r="H593702" s="12"/>
    </row>
    <row r="593703" spans="8:8">
      <c r="H593703" s="12"/>
    </row>
    <row r="593704" spans="8:8">
      <c r="H593704" s="12"/>
    </row>
    <row r="593705" spans="8:8">
      <c r="H593705" s="12"/>
    </row>
    <row r="593706" spans="8:8">
      <c r="H593706" s="12"/>
    </row>
    <row r="593707" spans="8:8">
      <c r="H593707" s="12"/>
    </row>
    <row r="593708" spans="8:8">
      <c r="H593708" s="12"/>
    </row>
    <row r="593709" spans="8:8">
      <c r="H593709" s="12"/>
    </row>
    <row r="593710" spans="8:8">
      <c r="H593710" s="12"/>
    </row>
    <row r="593711" spans="8:8">
      <c r="H593711" s="12"/>
    </row>
    <row r="593712" spans="8:8">
      <c r="H593712" s="12"/>
    </row>
    <row r="593713" spans="8:8">
      <c r="H593713" s="12"/>
    </row>
    <row r="593714" spans="8:8">
      <c r="H593714" s="12"/>
    </row>
    <row r="593715" spans="8:8">
      <c r="H593715" s="12"/>
    </row>
    <row r="593716" spans="8:8">
      <c r="H593716" s="12"/>
    </row>
    <row r="593717" spans="8:8">
      <c r="H593717" s="12"/>
    </row>
    <row r="593718" spans="8:8">
      <c r="H593718" s="12"/>
    </row>
    <row r="593719" spans="8:8">
      <c r="H593719" s="12"/>
    </row>
    <row r="593720" spans="8:8">
      <c r="H593720" s="12"/>
    </row>
    <row r="593721" spans="8:8">
      <c r="H593721" s="12"/>
    </row>
    <row r="593722" spans="8:8">
      <c r="H593722" s="12"/>
    </row>
    <row r="593723" spans="8:8">
      <c r="H593723" s="12"/>
    </row>
    <row r="593724" spans="8:8">
      <c r="H593724" s="12"/>
    </row>
    <row r="593725" spans="8:8">
      <c r="H593725" s="12"/>
    </row>
    <row r="593726" spans="8:8">
      <c r="H593726" s="12"/>
    </row>
    <row r="593727" spans="8:8">
      <c r="H593727" s="12"/>
    </row>
    <row r="593728" spans="8:8">
      <c r="H593728" s="12"/>
    </row>
    <row r="593729" spans="8:8">
      <c r="H593729" s="12"/>
    </row>
    <row r="593730" spans="8:8">
      <c r="H593730" s="12"/>
    </row>
    <row r="593731" spans="8:8">
      <c r="H593731" s="12"/>
    </row>
    <row r="593732" spans="8:8">
      <c r="H593732" s="12"/>
    </row>
    <row r="593733" spans="8:8">
      <c r="H593733" s="12"/>
    </row>
    <row r="593734" spans="8:8">
      <c r="H593734" s="12"/>
    </row>
    <row r="593735" spans="8:8">
      <c r="H593735" s="12"/>
    </row>
    <row r="593736" spans="8:8">
      <c r="H593736" s="12"/>
    </row>
    <row r="593737" spans="8:8">
      <c r="H593737" s="12"/>
    </row>
    <row r="593738" spans="8:8">
      <c r="H593738" s="12"/>
    </row>
    <row r="593739" spans="8:8">
      <c r="H593739" s="12"/>
    </row>
    <row r="593740" spans="8:8">
      <c r="H593740" s="12"/>
    </row>
    <row r="593741" spans="8:8">
      <c r="H593741" s="12"/>
    </row>
    <row r="593742" spans="8:8">
      <c r="H593742" s="12"/>
    </row>
    <row r="593743" spans="8:8">
      <c r="H593743" s="12"/>
    </row>
    <row r="593744" spans="8:8">
      <c r="H593744" s="12"/>
    </row>
    <row r="593745" spans="8:8">
      <c r="H593745" s="12"/>
    </row>
    <row r="593746" spans="8:8">
      <c r="H593746" s="12"/>
    </row>
    <row r="593747" spans="8:8">
      <c r="H593747" s="12"/>
    </row>
    <row r="593748" spans="8:8">
      <c r="H593748" s="12"/>
    </row>
    <row r="593749" spans="8:8">
      <c r="H593749" s="12"/>
    </row>
    <row r="593750" spans="8:8">
      <c r="H593750" s="12"/>
    </row>
    <row r="593751" spans="8:8">
      <c r="H593751" s="12"/>
    </row>
    <row r="593752" spans="8:8">
      <c r="H593752" s="12"/>
    </row>
    <row r="593753" spans="8:8">
      <c r="H593753" s="12"/>
    </row>
    <row r="593754" spans="8:8">
      <c r="H593754" s="12"/>
    </row>
    <row r="593755" spans="8:8">
      <c r="H593755" s="12"/>
    </row>
    <row r="593756" spans="8:8">
      <c r="H593756" s="12"/>
    </row>
    <row r="593757" spans="8:8">
      <c r="H593757" s="12"/>
    </row>
    <row r="593758" spans="8:8">
      <c r="H593758" s="12"/>
    </row>
    <row r="593759" spans="8:8">
      <c r="H593759" s="12"/>
    </row>
    <row r="593760" spans="8:8">
      <c r="H593760" s="12"/>
    </row>
    <row r="593761" spans="8:8">
      <c r="H593761" s="12"/>
    </row>
    <row r="593762" spans="8:8">
      <c r="H593762" s="12"/>
    </row>
    <row r="593763" spans="8:8">
      <c r="H593763" s="12"/>
    </row>
    <row r="593764" spans="8:8">
      <c r="H593764" s="12"/>
    </row>
    <row r="593765" spans="8:8">
      <c r="H593765" s="12"/>
    </row>
    <row r="593766" spans="8:8">
      <c r="H593766" s="12"/>
    </row>
    <row r="593767" spans="8:8">
      <c r="H593767" s="12"/>
    </row>
    <row r="593768" spans="8:8">
      <c r="H593768" s="12"/>
    </row>
    <row r="593769" spans="8:8">
      <c r="H593769" s="12"/>
    </row>
    <row r="593770" spans="8:8">
      <c r="H593770" s="12"/>
    </row>
    <row r="593771" spans="8:8">
      <c r="H593771" s="12"/>
    </row>
    <row r="593772" spans="8:8">
      <c r="H593772" s="12"/>
    </row>
    <row r="593773" spans="8:8">
      <c r="H593773" s="12"/>
    </row>
    <row r="593774" spans="8:8">
      <c r="H593774" s="12"/>
    </row>
    <row r="593775" spans="8:8">
      <c r="H593775" s="12"/>
    </row>
    <row r="593776" spans="8:8">
      <c r="H593776" s="12"/>
    </row>
    <row r="593777" spans="8:8">
      <c r="H593777" s="12"/>
    </row>
    <row r="593778" spans="8:8">
      <c r="H593778" s="12"/>
    </row>
    <row r="593779" spans="8:8">
      <c r="H593779" s="12"/>
    </row>
    <row r="593780" spans="8:8">
      <c r="H593780" s="12"/>
    </row>
    <row r="593781" spans="8:8">
      <c r="H593781" s="12"/>
    </row>
    <row r="593782" spans="8:8">
      <c r="H593782" s="12"/>
    </row>
    <row r="593783" spans="8:8">
      <c r="H593783" s="12"/>
    </row>
    <row r="593784" spans="8:8">
      <c r="H593784" s="12"/>
    </row>
    <row r="593785" spans="8:8">
      <c r="H593785" s="12"/>
    </row>
    <row r="593786" spans="8:8">
      <c r="H593786" s="12"/>
    </row>
    <row r="593787" spans="8:8">
      <c r="H593787" s="12"/>
    </row>
    <row r="593788" spans="8:8">
      <c r="H593788" s="12"/>
    </row>
    <row r="593789" spans="8:8">
      <c r="H593789" s="12"/>
    </row>
    <row r="593790" spans="8:8">
      <c r="H593790" s="12"/>
    </row>
    <row r="593791" spans="8:8">
      <c r="H593791" s="12"/>
    </row>
    <row r="593792" spans="8:8">
      <c r="H593792" s="12"/>
    </row>
    <row r="593793" spans="8:8">
      <c r="H593793" s="12"/>
    </row>
    <row r="593794" spans="8:8">
      <c r="H593794" s="12"/>
    </row>
    <row r="593795" spans="8:8">
      <c r="H593795" s="12"/>
    </row>
    <row r="593796" spans="8:8">
      <c r="H593796" s="12"/>
    </row>
    <row r="593797" spans="8:8">
      <c r="H593797" s="12"/>
    </row>
    <row r="593798" spans="8:8">
      <c r="H593798" s="12"/>
    </row>
    <row r="593799" spans="8:8">
      <c r="H593799" s="12"/>
    </row>
    <row r="593800" spans="8:8">
      <c r="H593800" s="12"/>
    </row>
    <row r="593801" spans="8:8">
      <c r="H593801" s="12"/>
    </row>
    <row r="593802" spans="8:8">
      <c r="H593802" s="12"/>
    </row>
    <row r="593803" spans="8:8">
      <c r="H593803" s="12"/>
    </row>
    <row r="593804" spans="8:8">
      <c r="H593804" s="12"/>
    </row>
    <row r="593805" spans="8:8">
      <c r="H593805" s="12"/>
    </row>
    <row r="593806" spans="8:8">
      <c r="H593806" s="12"/>
    </row>
    <row r="593807" spans="8:8">
      <c r="H593807" s="12"/>
    </row>
    <row r="593808" spans="8:8">
      <c r="H593808" s="12"/>
    </row>
    <row r="593809" spans="8:8">
      <c r="H593809" s="12"/>
    </row>
    <row r="593810" spans="8:8">
      <c r="H593810" s="12"/>
    </row>
    <row r="593811" spans="8:8">
      <c r="H593811" s="12"/>
    </row>
    <row r="593812" spans="8:8">
      <c r="H593812" s="12"/>
    </row>
    <row r="593813" spans="8:8">
      <c r="H593813" s="12"/>
    </row>
    <row r="593814" spans="8:8">
      <c r="H593814" s="12"/>
    </row>
    <row r="593815" spans="8:8">
      <c r="H593815" s="12"/>
    </row>
    <row r="593816" spans="8:8">
      <c r="H593816" s="12"/>
    </row>
    <row r="593817" spans="8:8">
      <c r="H593817" s="12"/>
    </row>
    <row r="593818" spans="8:8">
      <c r="H593818" s="12"/>
    </row>
    <row r="593819" spans="8:8">
      <c r="H593819" s="12"/>
    </row>
    <row r="593820" spans="8:8">
      <c r="H593820" s="12"/>
    </row>
    <row r="593821" spans="8:8">
      <c r="H593821" s="12"/>
    </row>
    <row r="593822" spans="8:8">
      <c r="H593822" s="12"/>
    </row>
    <row r="593823" spans="8:8">
      <c r="H593823" s="12"/>
    </row>
    <row r="593824" spans="8:8">
      <c r="H593824" s="12"/>
    </row>
    <row r="593825" spans="8:8">
      <c r="H593825" s="12"/>
    </row>
    <row r="593826" spans="8:8">
      <c r="H593826" s="12"/>
    </row>
    <row r="593827" spans="8:8">
      <c r="H593827" s="12"/>
    </row>
    <row r="593828" spans="8:8">
      <c r="H593828" s="12"/>
    </row>
    <row r="593829" spans="8:8">
      <c r="H593829" s="12"/>
    </row>
    <row r="593830" spans="8:8">
      <c r="H593830" s="12"/>
    </row>
    <row r="593831" spans="8:8">
      <c r="H593831" s="12"/>
    </row>
    <row r="593832" spans="8:8">
      <c r="H593832" s="12"/>
    </row>
    <row r="593833" spans="8:8">
      <c r="H593833" s="12"/>
    </row>
    <row r="593834" spans="8:8">
      <c r="H593834" s="12"/>
    </row>
    <row r="593835" spans="8:8">
      <c r="H593835" s="12"/>
    </row>
    <row r="593836" spans="8:8">
      <c r="H593836" s="12"/>
    </row>
    <row r="593837" spans="8:8">
      <c r="H593837" s="12"/>
    </row>
    <row r="593838" spans="8:8">
      <c r="H593838" s="12"/>
    </row>
    <row r="593839" spans="8:8">
      <c r="H593839" s="12"/>
    </row>
    <row r="593840" spans="8:8">
      <c r="H593840" s="12"/>
    </row>
    <row r="593841" spans="8:8">
      <c r="H593841" s="12"/>
    </row>
    <row r="593842" spans="8:8">
      <c r="H593842" s="12"/>
    </row>
    <row r="593843" spans="8:8">
      <c r="H593843" s="12"/>
    </row>
    <row r="593844" spans="8:8">
      <c r="H593844" s="12"/>
    </row>
    <row r="593845" spans="8:8">
      <c r="H593845" s="12"/>
    </row>
    <row r="593846" spans="8:8">
      <c r="H593846" s="12"/>
    </row>
    <row r="593847" spans="8:8">
      <c r="H593847" s="12"/>
    </row>
    <row r="593848" spans="8:8">
      <c r="H593848" s="12"/>
    </row>
    <row r="593849" spans="8:8">
      <c r="H593849" s="12"/>
    </row>
    <row r="593850" spans="8:8">
      <c r="H593850" s="12"/>
    </row>
    <row r="593851" spans="8:8">
      <c r="H593851" s="12"/>
    </row>
    <row r="593852" spans="8:8">
      <c r="H593852" s="12"/>
    </row>
    <row r="593853" spans="8:8">
      <c r="H593853" s="12"/>
    </row>
    <row r="593854" spans="8:8">
      <c r="H593854" s="12"/>
    </row>
    <row r="593855" spans="8:8">
      <c r="H593855" s="12"/>
    </row>
    <row r="593856" spans="8:8">
      <c r="H593856" s="12"/>
    </row>
    <row r="593857" spans="8:8">
      <c r="H593857" s="12"/>
    </row>
    <row r="593858" spans="8:8">
      <c r="H593858" s="12"/>
    </row>
    <row r="593859" spans="8:8">
      <c r="H593859" s="12"/>
    </row>
    <row r="593860" spans="8:8">
      <c r="H593860" s="12"/>
    </row>
    <row r="593861" spans="8:8">
      <c r="H593861" s="12"/>
    </row>
    <row r="593862" spans="8:8">
      <c r="H593862" s="12"/>
    </row>
    <row r="593863" spans="8:8">
      <c r="H593863" s="12"/>
    </row>
    <row r="593864" spans="8:8">
      <c r="H593864" s="12"/>
    </row>
    <row r="593865" spans="8:8">
      <c r="H593865" s="12"/>
    </row>
    <row r="593866" spans="8:8">
      <c r="H593866" s="12"/>
    </row>
    <row r="593867" spans="8:8">
      <c r="H593867" s="12"/>
    </row>
    <row r="593868" spans="8:8">
      <c r="H593868" s="12"/>
    </row>
    <row r="593869" spans="8:8">
      <c r="H593869" s="12"/>
    </row>
    <row r="593870" spans="8:8">
      <c r="H593870" s="12"/>
    </row>
    <row r="593871" spans="8:8">
      <c r="H593871" s="12"/>
    </row>
    <row r="593872" spans="8:8">
      <c r="H593872" s="12"/>
    </row>
    <row r="593873" spans="8:8">
      <c r="H593873" s="12"/>
    </row>
    <row r="593874" spans="8:8">
      <c r="H593874" s="12"/>
    </row>
    <row r="593875" spans="8:8">
      <c r="H593875" s="12"/>
    </row>
    <row r="593876" spans="8:8">
      <c r="H593876" s="12"/>
    </row>
    <row r="593877" spans="8:8">
      <c r="H593877" s="12"/>
    </row>
    <row r="593878" spans="8:8">
      <c r="H593878" s="12"/>
    </row>
    <row r="593879" spans="8:8">
      <c r="H593879" s="12"/>
    </row>
    <row r="593880" spans="8:8">
      <c r="H593880" s="12"/>
    </row>
    <row r="593881" spans="8:8">
      <c r="H593881" s="12"/>
    </row>
    <row r="593882" spans="8:8">
      <c r="H593882" s="12"/>
    </row>
    <row r="593883" spans="8:8">
      <c r="H593883" s="12"/>
    </row>
    <row r="593884" spans="8:8">
      <c r="H593884" s="12"/>
    </row>
    <row r="593885" spans="8:8">
      <c r="H593885" s="12"/>
    </row>
    <row r="593886" spans="8:8">
      <c r="H593886" s="12"/>
    </row>
    <row r="593887" spans="8:8">
      <c r="H593887" s="12"/>
    </row>
    <row r="593888" spans="8:8">
      <c r="H593888" s="12"/>
    </row>
    <row r="593889" spans="8:8">
      <c r="H593889" s="12"/>
    </row>
    <row r="593890" spans="8:8">
      <c r="H593890" s="12"/>
    </row>
    <row r="593891" spans="8:8">
      <c r="H593891" s="12"/>
    </row>
    <row r="593892" spans="8:8">
      <c r="H593892" s="12"/>
    </row>
    <row r="593893" spans="8:8">
      <c r="H593893" s="12"/>
    </row>
    <row r="593894" spans="8:8">
      <c r="H593894" s="12"/>
    </row>
    <row r="593895" spans="8:8">
      <c r="H593895" s="12"/>
    </row>
    <row r="593896" spans="8:8">
      <c r="H593896" s="12"/>
    </row>
    <row r="593897" spans="8:8">
      <c r="H593897" s="12"/>
    </row>
    <row r="593898" spans="8:8">
      <c r="H593898" s="12"/>
    </row>
    <row r="593899" spans="8:8">
      <c r="H593899" s="12"/>
    </row>
    <row r="593900" spans="8:8">
      <c r="H593900" s="12"/>
    </row>
    <row r="593901" spans="8:8">
      <c r="H593901" s="12"/>
    </row>
    <row r="593902" spans="8:8">
      <c r="H593902" s="12"/>
    </row>
    <row r="593903" spans="8:8">
      <c r="H593903" s="12"/>
    </row>
    <row r="593904" spans="8:8">
      <c r="H593904" s="12"/>
    </row>
    <row r="593905" spans="8:8">
      <c r="H593905" s="12"/>
    </row>
    <row r="593906" spans="8:8">
      <c r="H593906" s="12"/>
    </row>
    <row r="593907" spans="8:8">
      <c r="H593907" s="12"/>
    </row>
    <row r="593908" spans="8:8">
      <c r="H593908" s="12"/>
    </row>
    <row r="593909" spans="8:8">
      <c r="H593909" s="12"/>
    </row>
    <row r="593910" spans="8:8">
      <c r="H593910" s="12"/>
    </row>
    <row r="593911" spans="8:8">
      <c r="H593911" s="12"/>
    </row>
    <row r="593912" spans="8:8">
      <c r="H593912" s="12"/>
    </row>
    <row r="593913" spans="8:8">
      <c r="H593913" s="12"/>
    </row>
    <row r="593914" spans="8:8">
      <c r="H593914" s="12"/>
    </row>
    <row r="593915" spans="8:8">
      <c r="H593915" s="12"/>
    </row>
    <row r="593916" spans="8:8">
      <c r="H593916" s="12"/>
    </row>
    <row r="593917" spans="8:8">
      <c r="H593917" s="12"/>
    </row>
    <row r="593918" spans="8:8">
      <c r="H593918" s="12"/>
    </row>
    <row r="593919" spans="8:8">
      <c r="H593919" s="12"/>
    </row>
    <row r="593920" spans="8:8">
      <c r="H593920" s="12"/>
    </row>
    <row r="593921" spans="8:8">
      <c r="H593921" s="12"/>
    </row>
    <row r="593922" spans="8:8">
      <c r="H593922" s="12"/>
    </row>
    <row r="593923" spans="8:8">
      <c r="H593923" s="12"/>
    </row>
    <row r="593924" spans="8:8">
      <c r="H593924" s="12"/>
    </row>
    <row r="593925" spans="8:8">
      <c r="H593925" s="12"/>
    </row>
    <row r="593926" spans="8:8">
      <c r="H593926" s="12"/>
    </row>
    <row r="593927" spans="8:8">
      <c r="H593927" s="12"/>
    </row>
    <row r="593928" spans="8:8">
      <c r="H593928" s="12"/>
    </row>
    <row r="593929" spans="8:8">
      <c r="H593929" s="12"/>
    </row>
    <row r="593930" spans="8:8">
      <c r="H593930" s="12"/>
    </row>
    <row r="593931" spans="8:8">
      <c r="H593931" s="12"/>
    </row>
    <row r="593932" spans="8:8">
      <c r="H593932" s="12"/>
    </row>
    <row r="593933" spans="8:8">
      <c r="H593933" s="12"/>
    </row>
    <row r="593934" spans="8:8">
      <c r="H593934" s="12"/>
    </row>
    <row r="593935" spans="8:8">
      <c r="H593935" s="12"/>
    </row>
    <row r="593936" spans="8:8">
      <c r="H593936" s="12"/>
    </row>
    <row r="593937" spans="8:8">
      <c r="H593937" s="12"/>
    </row>
    <row r="593938" spans="8:8">
      <c r="H593938" s="12"/>
    </row>
    <row r="593939" spans="8:8">
      <c r="H593939" s="12"/>
    </row>
    <row r="593940" spans="8:8">
      <c r="H593940" s="12"/>
    </row>
    <row r="593941" spans="8:8">
      <c r="H593941" s="12"/>
    </row>
    <row r="593942" spans="8:8">
      <c r="H593942" s="12"/>
    </row>
    <row r="593943" spans="8:8">
      <c r="H593943" s="12"/>
    </row>
    <row r="593944" spans="8:8">
      <c r="H593944" s="12"/>
    </row>
    <row r="593945" spans="8:8">
      <c r="H593945" s="12"/>
    </row>
    <row r="593946" spans="8:8">
      <c r="H593946" s="12"/>
    </row>
    <row r="593947" spans="8:8">
      <c r="H593947" s="12"/>
    </row>
    <row r="593948" spans="8:8">
      <c r="H593948" s="12"/>
    </row>
    <row r="593949" spans="8:8">
      <c r="H593949" s="12"/>
    </row>
    <row r="593950" spans="8:8">
      <c r="H593950" s="12"/>
    </row>
    <row r="593951" spans="8:8">
      <c r="H593951" s="12"/>
    </row>
    <row r="593952" spans="8:8">
      <c r="H593952" s="12"/>
    </row>
    <row r="593953" spans="8:8">
      <c r="H593953" s="12"/>
    </row>
    <row r="593954" spans="8:8">
      <c r="H593954" s="12"/>
    </row>
    <row r="593955" spans="8:8">
      <c r="H593955" s="12"/>
    </row>
    <row r="593956" spans="8:8">
      <c r="H593956" s="12"/>
    </row>
    <row r="593957" spans="8:8">
      <c r="H593957" s="12"/>
    </row>
    <row r="593958" spans="8:8">
      <c r="H593958" s="12"/>
    </row>
    <row r="593959" spans="8:8">
      <c r="H593959" s="12"/>
    </row>
    <row r="593960" spans="8:8">
      <c r="H593960" s="12"/>
    </row>
    <row r="593961" spans="8:8">
      <c r="H593961" s="12"/>
    </row>
    <row r="593962" spans="8:8">
      <c r="H593962" s="12"/>
    </row>
    <row r="593963" spans="8:8">
      <c r="H593963" s="12"/>
    </row>
    <row r="593964" spans="8:8">
      <c r="H593964" s="12"/>
    </row>
    <row r="593965" spans="8:8">
      <c r="H593965" s="12"/>
    </row>
    <row r="593966" spans="8:8">
      <c r="H593966" s="12"/>
    </row>
    <row r="593967" spans="8:8">
      <c r="H593967" s="12"/>
    </row>
    <row r="593968" spans="8:8">
      <c r="H593968" s="12"/>
    </row>
    <row r="593969" spans="8:8">
      <c r="H593969" s="12"/>
    </row>
    <row r="593970" spans="8:8">
      <c r="H593970" s="12"/>
    </row>
    <row r="593971" spans="8:8">
      <c r="H593971" s="12"/>
    </row>
    <row r="593972" spans="8:8">
      <c r="H593972" s="12"/>
    </row>
    <row r="593973" spans="8:8">
      <c r="H593973" s="12"/>
    </row>
    <row r="593974" spans="8:8">
      <c r="H593974" s="12"/>
    </row>
    <row r="593975" spans="8:8">
      <c r="H593975" s="12"/>
    </row>
    <row r="593976" spans="8:8">
      <c r="H593976" s="12"/>
    </row>
    <row r="593977" spans="8:8">
      <c r="H593977" s="12"/>
    </row>
    <row r="593978" spans="8:8">
      <c r="H593978" s="12"/>
    </row>
    <row r="593979" spans="8:8">
      <c r="H593979" s="12"/>
    </row>
    <row r="593980" spans="8:8">
      <c r="H593980" s="12"/>
    </row>
    <row r="593981" spans="8:8">
      <c r="H593981" s="12"/>
    </row>
    <row r="593982" spans="8:8">
      <c r="H593982" s="12"/>
    </row>
    <row r="593983" spans="8:8">
      <c r="H593983" s="12"/>
    </row>
    <row r="593984" spans="8:8">
      <c r="H593984" s="12"/>
    </row>
    <row r="593985" spans="8:8">
      <c r="H593985" s="12"/>
    </row>
    <row r="593986" spans="8:8">
      <c r="H593986" s="12"/>
    </row>
    <row r="593987" spans="8:8">
      <c r="H593987" s="12"/>
    </row>
    <row r="593988" spans="8:8">
      <c r="H593988" s="12"/>
    </row>
    <row r="593989" spans="8:8">
      <c r="H593989" s="12"/>
    </row>
    <row r="593990" spans="8:8">
      <c r="H593990" s="12"/>
    </row>
    <row r="593991" spans="8:8">
      <c r="H593991" s="12"/>
    </row>
    <row r="593992" spans="8:8">
      <c r="H593992" s="12"/>
    </row>
    <row r="593993" spans="8:8">
      <c r="H593993" s="12"/>
    </row>
    <row r="593994" spans="8:8">
      <c r="H593994" s="12"/>
    </row>
    <row r="593995" spans="8:8">
      <c r="H593995" s="12"/>
    </row>
    <row r="593996" spans="8:8">
      <c r="H593996" s="12"/>
    </row>
    <row r="593997" spans="8:8">
      <c r="H593997" s="12"/>
    </row>
    <row r="593998" spans="8:8">
      <c r="H593998" s="12"/>
    </row>
    <row r="593999" spans="8:8">
      <c r="H593999" s="12"/>
    </row>
    <row r="594000" spans="8:8">
      <c r="H594000" s="12"/>
    </row>
    <row r="594001" spans="8:8">
      <c r="H594001" s="12"/>
    </row>
    <row r="594002" spans="8:8">
      <c r="H594002" s="12"/>
    </row>
    <row r="594003" spans="8:8">
      <c r="H594003" s="12"/>
    </row>
    <row r="594004" spans="8:8">
      <c r="H594004" s="12"/>
    </row>
    <row r="594005" spans="8:8">
      <c r="H594005" s="12"/>
    </row>
    <row r="594006" spans="8:8">
      <c r="H594006" s="12"/>
    </row>
    <row r="594007" spans="8:8">
      <c r="H594007" s="12"/>
    </row>
    <row r="594008" spans="8:8">
      <c r="H594008" s="12"/>
    </row>
    <row r="594009" spans="8:8">
      <c r="H594009" s="12"/>
    </row>
    <row r="594010" spans="8:8">
      <c r="H594010" s="12"/>
    </row>
    <row r="594011" spans="8:8">
      <c r="H594011" s="12"/>
    </row>
    <row r="594012" spans="8:8">
      <c r="H594012" s="12"/>
    </row>
    <row r="594013" spans="8:8">
      <c r="H594013" s="12"/>
    </row>
    <row r="594014" spans="8:8">
      <c r="H594014" s="12"/>
    </row>
    <row r="594015" spans="8:8">
      <c r="H594015" s="12"/>
    </row>
    <row r="594016" spans="8:8">
      <c r="H594016" s="12"/>
    </row>
    <row r="594017" spans="8:8">
      <c r="H594017" s="12"/>
    </row>
    <row r="594018" spans="8:8">
      <c r="H594018" s="12"/>
    </row>
    <row r="594019" spans="8:8">
      <c r="H594019" s="12"/>
    </row>
    <row r="594020" spans="8:8">
      <c r="H594020" s="12"/>
    </row>
    <row r="594021" spans="8:8">
      <c r="H594021" s="12"/>
    </row>
    <row r="594022" spans="8:8">
      <c r="H594022" s="12"/>
    </row>
    <row r="594023" spans="8:8">
      <c r="H594023" s="12"/>
    </row>
    <row r="594024" spans="8:8">
      <c r="H594024" s="12"/>
    </row>
    <row r="594025" spans="8:8">
      <c r="H594025" s="12"/>
    </row>
    <row r="594026" spans="8:8">
      <c r="H594026" s="12"/>
    </row>
    <row r="594027" spans="8:8">
      <c r="H594027" s="12"/>
    </row>
    <row r="594028" spans="8:8">
      <c r="H594028" s="12"/>
    </row>
    <row r="594029" spans="8:8">
      <c r="H594029" s="12"/>
    </row>
    <row r="594030" spans="8:8">
      <c r="H594030" s="12"/>
    </row>
    <row r="594031" spans="8:8">
      <c r="H594031" s="12"/>
    </row>
    <row r="594032" spans="8:8">
      <c r="H594032" s="12"/>
    </row>
    <row r="594033" spans="8:8">
      <c r="H594033" s="12"/>
    </row>
    <row r="594034" spans="8:8">
      <c r="H594034" s="12"/>
    </row>
    <row r="594035" spans="8:8">
      <c r="H594035" s="12"/>
    </row>
    <row r="594036" spans="8:8">
      <c r="H594036" s="12"/>
    </row>
    <row r="594037" spans="8:8">
      <c r="H594037" s="12"/>
    </row>
    <row r="594038" spans="8:8">
      <c r="H594038" s="12"/>
    </row>
    <row r="594039" spans="8:8">
      <c r="H594039" s="12"/>
    </row>
    <row r="594040" spans="8:8">
      <c r="H594040" s="12"/>
    </row>
    <row r="594041" spans="8:8">
      <c r="H594041" s="12"/>
    </row>
    <row r="594042" spans="8:8">
      <c r="H594042" s="12"/>
    </row>
    <row r="594043" spans="8:8">
      <c r="H594043" s="12"/>
    </row>
    <row r="594044" spans="8:8">
      <c r="H594044" s="12"/>
    </row>
    <row r="594045" spans="8:8">
      <c r="H594045" s="12"/>
    </row>
    <row r="594046" spans="8:8">
      <c r="H594046" s="12"/>
    </row>
    <row r="594047" spans="8:8">
      <c r="H594047" s="12"/>
    </row>
    <row r="594048" spans="8:8">
      <c r="H594048" s="12"/>
    </row>
    <row r="594049" spans="8:8">
      <c r="H594049" s="12"/>
    </row>
    <row r="594050" spans="8:8">
      <c r="H594050" s="12"/>
    </row>
    <row r="594051" spans="8:8">
      <c r="H594051" s="12"/>
    </row>
    <row r="594052" spans="8:8">
      <c r="H594052" s="12"/>
    </row>
    <row r="594053" spans="8:8">
      <c r="H594053" s="12"/>
    </row>
    <row r="594054" spans="8:8">
      <c r="H594054" s="12"/>
    </row>
    <row r="594055" spans="8:8">
      <c r="H594055" s="12"/>
    </row>
    <row r="594056" spans="8:8">
      <c r="H594056" s="12"/>
    </row>
    <row r="594057" spans="8:8">
      <c r="H594057" s="12"/>
    </row>
    <row r="594058" spans="8:8">
      <c r="H594058" s="12"/>
    </row>
    <row r="594059" spans="8:8">
      <c r="H594059" s="12"/>
    </row>
    <row r="594060" spans="8:8">
      <c r="H594060" s="12"/>
    </row>
    <row r="594061" spans="8:8">
      <c r="H594061" s="12"/>
    </row>
    <row r="594062" spans="8:8">
      <c r="H594062" s="12"/>
    </row>
    <row r="594063" spans="8:8">
      <c r="H594063" s="12"/>
    </row>
    <row r="594064" spans="8:8">
      <c r="H594064" s="12"/>
    </row>
    <row r="594065" spans="8:8">
      <c r="H594065" s="12"/>
    </row>
    <row r="594066" spans="8:8">
      <c r="H594066" s="12"/>
    </row>
    <row r="594067" spans="8:8">
      <c r="H594067" s="12"/>
    </row>
    <row r="594068" spans="8:8">
      <c r="H594068" s="12"/>
    </row>
    <row r="594069" spans="8:8">
      <c r="H594069" s="12"/>
    </row>
    <row r="594070" spans="8:8">
      <c r="H594070" s="12"/>
    </row>
    <row r="594071" spans="8:8">
      <c r="H594071" s="12"/>
    </row>
    <row r="594072" spans="8:8">
      <c r="H594072" s="12"/>
    </row>
    <row r="594073" spans="8:8">
      <c r="H594073" s="12"/>
    </row>
    <row r="594074" spans="8:8">
      <c r="H594074" s="12"/>
    </row>
    <row r="594075" spans="8:8">
      <c r="H594075" s="12"/>
    </row>
    <row r="594076" spans="8:8">
      <c r="H594076" s="12"/>
    </row>
    <row r="594077" spans="8:8">
      <c r="H594077" s="12"/>
    </row>
    <row r="594078" spans="8:8">
      <c r="H594078" s="12"/>
    </row>
    <row r="594079" spans="8:8">
      <c r="H594079" s="12"/>
    </row>
    <row r="594080" spans="8:8">
      <c r="H594080" s="12"/>
    </row>
    <row r="594081" spans="8:8">
      <c r="H594081" s="12"/>
    </row>
    <row r="594082" spans="8:8">
      <c r="H594082" s="12"/>
    </row>
    <row r="594083" spans="8:8">
      <c r="H594083" s="12"/>
    </row>
    <row r="594084" spans="8:8">
      <c r="H594084" s="12"/>
    </row>
    <row r="594085" spans="8:8">
      <c r="H594085" s="12"/>
    </row>
    <row r="594086" spans="8:8">
      <c r="H594086" s="12"/>
    </row>
    <row r="594087" spans="8:8">
      <c r="H594087" s="12"/>
    </row>
    <row r="594088" spans="8:8">
      <c r="H594088" s="12"/>
    </row>
    <row r="594089" spans="8:8">
      <c r="H594089" s="12"/>
    </row>
    <row r="594090" spans="8:8">
      <c r="H594090" s="12"/>
    </row>
    <row r="594091" spans="8:8">
      <c r="H594091" s="12"/>
    </row>
    <row r="594092" spans="8:8">
      <c r="H594092" s="12"/>
    </row>
    <row r="594093" spans="8:8">
      <c r="H594093" s="12"/>
    </row>
    <row r="594094" spans="8:8">
      <c r="H594094" s="12"/>
    </row>
    <row r="594095" spans="8:8">
      <c r="H594095" s="12"/>
    </row>
    <row r="594096" spans="8:8">
      <c r="H594096" s="12"/>
    </row>
    <row r="594097" spans="8:8">
      <c r="H594097" s="12"/>
    </row>
    <row r="594098" spans="8:8">
      <c r="H594098" s="12"/>
    </row>
    <row r="594099" spans="8:8">
      <c r="H594099" s="12"/>
    </row>
    <row r="594100" spans="8:8">
      <c r="H594100" s="12"/>
    </row>
    <row r="594101" spans="8:8">
      <c r="H594101" s="12"/>
    </row>
    <row r="594102" spans="8:8">
      <c r="H594102" s="12"/>
    </row>
    <row r="594103" spans="8:8">
      <c r="H594103" s="12"/>
    </row>
    <row r="594104" spans="8:8">
      <c r="H594104" s="12"/>
    </row>
    <row r="594105" spans="8:8">
      <c r="H594105" s="12"/>
    </row>
    <row r="594106" spans="8:8">
      <c r="H594106" s="12"/>
    </row>
    <row r="594107" spans="8:8">
      <c r="H594107" s="12"/>
    </row>
    <row r="594108" spans="8:8">
      <c r="H594108" s="12"/>
    </row>
    <row r="594109" spans="8:8">
      <c r="H594109" s="12"/>
    </row>
    <row r="594110" spans="8:8">
      <c r="H594110" s="12"/>
    </row>
    <row r="594111" spans="8:8">
      <c r="H594111" s="12"/>
    </row>
    <row r="594112" spans="8:8">
      <c r="H594112" s="12"/>
    </row>
    <row r="594113" spans="8:8">
      <c r="H594113" s="12"/>
    </row>
    <row r="594114" spans="8:8">
      <c r="H594114" s="12"/>
    </row>
    <row r="594115" spans="8:8">
      <c r="H594115" s="12"/>
    </row>
    <row r="594116" spans="8:8">
      <c r="H594116" s="12"/>
    </row>
    <row r="594117" spans="8:8">
      <c r="H594117" s="12"/>
    </row>
    <row r="594118" spans="8:8">
      <c r="H594118" s="12"/>
    </row>
    <row r="594119" spans="8:8">
      <c r="H594119" s="12"/>
    </row>
    <row r="594120" spans="8:8">
      <c r="H594120" s="12"/>
    </row>
    <row r="594121" spans="8:8">
      <c r="H594121" s="12"/>
    </row>
    <row r="594122" spans="8:8">
      <c r="H594122" s="12"/>
    </row>
    <row r="594123" spans="8:8">
      <c r="H594123" s="12"/>
    </row>
    <row r="594124" spans="8:8">
      <c r="H594124" s="12"/>
    </row>
    <row r="594125" spans="8:8">
      <c r="H594125" s="12"/>
    </row>
    <row r="594126" spans="8:8">
      <c r="H594126" s="12"/>
    </row>
    <row r="594127" spans="8:8">
      <c r="H594127" s="12"/>
    </row>
    <row r="594128" spans="8:8">
      <c r="H594128" s="12"/>
    </row>
    <row r="594129" spans="8:8">
      <c r="H594129" s="12"/>
    </row>
    <row r="594130" spans="8:8">
      <c r="H594130" s="12"/>
    </row>
    <row r="594131" spans="8:8">
      <c r="H594131" s="12"/>
    </row>
    <row r="594132" spans="8:8">
      <c r="H594132" s="12"/>
    </row>
    <row r="594133" spans="8:8">
      <c r="H594133" s="12"/>
    </row>
    <row r="594134" spans="8:8">
      <c r="H594134" s="12"/>
    </row>
    <row r="594135" spans="8:8">
      <c r="H594135" s="12"/>
    </row>
    <row r="594136" spans="8:8">
      <c r="H594136" s="12"/>
    </row>
    <row r="594137" spans="8:8">
      <c r="H594137" s="12"/>
    </row>
    <row r="594138" spans="8:8">
      <c r="H594138" s="12"/>
    </row>
    <row r="594139" spans="8:8">
      <c r="H594139" s="12"/>
    </row>
    <row r="594140" spans="8:8">
      <c r="H594140" s="12"/>
    </row>
    <row r="594141" spans="8:8">
      <c r="H594141" s="12"/>
    </row>
    <row r="594142" spans="8:8">
      <c r="H594142" s="12"/>
    </row>
    <row r="594143" spans="8:8">
      <c r="H594143" s="12"/>
    </row>
    <row r="594144" spans="8:8">
      <c r="H594144" s="12"/>
    </row>
    <row r="594145" spans="8:8">
      <c r="H594145" s="12"/>
    </row>
    <row r="594146" spans="8:8">
      <c r="H594146" s="12"/>
    </row>
    <row r="594147" spans="8:8">
      <c r="H594147" s="12"/>
    </row>
    <row r="594148" spans="8:8">
      <c r="H594148" s="12"/>
    </row>
    <row r="594149" spans="8:8">
      <c r="H594149" s="12"/>
    </row>
    <row r="594150" spans="8:8">
      <c r="H594150" s="12"/>
    </row>
    <row r="594151" spans="8:8">
      <c r="H594151" s="12"/>
    </row>
    <row r="594152" spans="8:8">
      <c r="H594152" s="12"/>
    </row>
    <row r="594153" spans="8:8">
      <c r="H594153" s="12"/>
    </row>
    <row r="594154" spans="8:8">
      <c r="H594154" s="12"/>
    </row>
    <row r="594155" spans="8:8">
      <c r="H594155" s="12"/>
    </row>
    <row r="594156" spans="8:8">
      <c r="H594156" s="12"/>
    </row>
    <row r="594157" spans="8:8">
      <c r="H594157" s="12"/>
    </row>
    <row r="594158" spans="8:8">
      <c r="H594158" s="12"/>
    </row>
    <row r="594159" spans="8:8">
      <c r="H594159" s="12"/>
    </row>
    <row r="594160" spans="8:8">
      <c r="H594160" s="12"/>
    </row>
    <row r="594161" spans="8:8">
      <c r="H594161" s="12"/>
    </row>
    <row r="594162" spans="8:8">
      <c r="H594162" s="12"/>
    </row>
    <row r="594163" spans="8:8">
      <c r="H594163" s="12"/>
    </row>
    <row r="594164" spans="8:8">
      <c r="H594164" s="12"/>
    </row>
    <row r="594165" spans="8:8">
      <c r="H594165" s="12"/>
    </row>
    <row r="594166" spans="8:8">
      <c r="H594166" s="12"/>
    </row>
    <row r="594167" spans="8:8">
      <c r="H594167" s="12"/>
    </row>
    <row r="594168" spans="8:8">
      <c r="H594168" s="12"/>
    </row>
    <row r="594169" spans="8:8">
      <c r="H594169" s="12"/>
    </row>
    <row r="594170" spans="8:8">
      <c r="H594170" s="12"/>
    </row>
    <row r="594171" spans="8:8">
      <c r="H594171" s="12"/>
    </row>
    <row r="594172" spans="8:8">
      <c r="H594172" s="12"/>
    </row>
    <row r="594173" spans="8:8">
      <c r="H594173" s="12"/>
    </row>
    <row r="594174" spans="8:8">
      <c r="H594174" s="12"/>
    </row>
    <row r="594175" spans="8:8">
      <c r="H594175" s="12"/>
    </row>
    <row r="594176" spans="8:8">
      <c r="H594176" s="12"/>
    </row>
    <row r="594177" spans="8:8">
      <c r="H594177" s="12"/>
    </row>
    <row r="594178" spans="8:8">
      <c r="H594178" s="12"/>
    </row>
    <row r="594179" spans="8:8">
      <c r="H594179" s="12"/>
    </row>
    <row r="594180" spans="8:8">
      <c r="H594180" s="12"/>
    </row>
    <row r="594181" spans="8:8">
      <c r="H594181" s="12"/>
    </row>
    <row r="594182" spans="8:8">
      <c r="H594182" s="12"/>
    </row>
    <row r="594183" spans="8:8">
      <c r="H594183" s="12"/>
    </row>
    <row r="594184" spans="8:8">
      <c r="H594184" s="12"/>
    </row>
    <row r="594185" spans="8:8">
      <c r="H594185" s="12"/>
    </row>
    <row r="594186" spans="8:8">
      <c r="H594186" s="12"/>
    </row>
    <row r="594187" spans="8:8">
      <c r="H594187" s="12"/>
    </row>
    <row r="594188" spans="8:8">
      <c r="H594188" s="12"/>
    </row>
    <row r="594189" spans="8:8">
      <c r="H594189" s="12"/>
    </row>
    <row r="594190" spans="8:8">
      <c r="H594190" s="12"/>
    </row>
    <row r="594191" spans="8:8">
      <c r="H594191" s="12"/>
    </row>
    <row r="594192" spans="8:8">
      <c r="H594192" s="12"/>
    </row>
    <row r="594193" spans="8:8">
      <c r="H594193" s="12"/>
    </row>
    <row r="594194" spans="8:8">
      <c r="H594194" s="12"/>
    </row>
    <row r="594195" spans="8:8">
      <c r="H594195" s="12"/>
    </row>
    <row r="594196" spans="8:8">
      <c r="H594196" s="12"/>
    </row>
    <row r="594197" spans="8:8">
      <c r="H594197" s="12"/>
    </row>
    <row r="594198" spans="8:8">
      <c r="H594198" s="12"/>
    </row>
    <row r="594199" spans="8:8">
      <c r="H594199" s="12"/>
    </row>
    <row r="594200" spans="8:8">
      <c r="H594200" s="12"/>
    </row>
    <row r="594201" spans="8:8">
      <c r="H594201" s="12"/>
    </row>
    <row r="594202" spans="8:8">
      <c r="H594202" s="12"/>
    </row>
    <row r="594203" spans="8:8">
      <c r="H594203" s="12"/>
    </row>
    <row r="594204" spans="8:8">
      <c r="H594204" s="12"/>
    </row>
    <row r="594205" spans="8:8">
      <c r="H594205" s="12"/>
    </row>
    <row r="594206" spans="8:8">
      <c r="H594206" s="12"/>
    </row>
    <row r="594207" spans="8:8">
      <c r="H594207" s="12"/>
    </row>
    <row r="594208" spans="8:8">
      <c r="H594208" s="12"/>
    </row>
    <row r="594209" spans="8:8">
      <c r="H594209" s="12"/>
    </row>
    <row r="594210" spans="8:8">
      <c r="H594210" s="12"/>
    </row>
    <row r="594211" spans="8:8">
      <c r="H594211" s="12"/>
    </row>
    <row r="594212" spans="8:8">
      <c r="H594212" s="12"/>
    </row>
    <row r="594213" spans="8:8">
      <c r="H594213" s="12"/>
    </row>
    <row r="594214" spans="8:8">
      <c r="H594214" s="12"/>
    </row>
    <row r="594215" spans="8:8">
      <c r="H594215" s="12"/>
    </row>
    <row r="594216" spans="8:8">
      <c r="H594216" s="12"/>
    </row>
    <row r="594217" spans="8:8">
      <c r="H594217" s="12"/>
    </row>
    <row r="594218" spans="8:8">
      <c r="H594218" s="12"/>
    </row>
    <row r="594219" spans="8:8">
      <c r="H594219" s="12"/>
    </row>
    <row r="594220" spans="8:8">
      <c r="H594220" s="12"/>
    </row>
    <row r="594221" spans="8:8">
      <c r="H594221" s="12"/>
    </row>
    <row r="594222" spans="8:8">
      <c r="H594222" s="12"/>
    </row>
    <row r="594223" spans="8:8">
      <c r="H594223" s="12"/>
    </row>
    <row r="594224" spans="8:8">
      <c r="H594224" s="12"/>
    </row>
    <row r="594225" spans="8:8">
      <c r="H594225" s="12"/>
    </row>
    <row r="594226" spans="8:8">
      <c r="H594226" s="12"/>
    </row>
    <row r="594227" spans="8:8">
      <c r="H594227" s="12"/>
    </row>
    <row r="594228" spans="8:8">
      <c r="H594228" s="12"/>
    </row>
    <row r="594229" spans="8:8">
      <c r="H594229" s="12"/>
    </row>
    <row r="594230" spans="8:8">
      <c r="H594230" s="12"/>
    </row>
    <row r="594231" spans="8:8">
      <c r="H594231" s="12"/>
    </row>
    <row r="594232" spans="8:8">
      <c r="H594232" s="12"/>
    </row>
    <row r="594233" spans="8:8">
      <c r="H594233" s="12"/>
    </row>
    <row r="594234" spans="8:8">
      <c r="H594234" s="12"/>
    </row>
    <row r="594235" spans="8:8">
      <c r="H594235" s="12"/>
    </row>
    <row r="594236" spans="8:8">
      <c r="H594236" s="12"/>
    </row>
    <row r="594237" spans="8:8">
      <c r="H594237" s="12"/>
    </row>
    <row r="594238" spans="8:8">
      <c r="H594238" s="12"/>
    </row>
    <row r="594239" spans="8:8">
      <c r="H594239" s="12"/>
    </row>
    <row r="594240" spans="8:8">
      <c r="H594240" s="12"/>
    </row>
    <row r="594241" spans="8:8">
      <c r="H594241" s="12"/>
    </row>
    <row r="594242" spans="8:8">
      <c r="H594242" s="12"/>
    </row>
    <row r="594243" spans="8:8">
      <c r="H594243" s="12"/>
    </row>
    <row r="594244" spans="8:8">
      <c r="H594244" s="12"/>
    </row>
    <row r="594245" spans="8:8">
      <c r="H594245" s="12"/>
    </row>
    <row r="594246" spans="8:8">
      <c r="H594246" s="12"/>
    </row>
    <row r="594247" spans="8:8">
      <c r="H594247" s="12"/>
    </row>
    <row r="594248" spans="8:8">
      <c r="H594248" s="12"/>
    </row>
    <row r="594249" spans="8:8">
      <c r="H594249" s="12"/>
    </row>
    <row r="594250" spans="8:8">
      <c r="H594250" s="12"/>
    </row>
    <row r="594251" spans="8:8">
      <c r="H594251" s="12"/>
    </row>
    <row r="594252" spans="8:8">
      <c r="H594252" s="12"/>
    </row>
    <row r="594253" spans="8:8">
      <c r="H594253" s="12"/>
    </row>
    <row r="594254" spans="8:8">
      <c r="H594254" s="12"/>
    </row>
    <row r="594255" spans="8:8">
      <c r="H594255" s="12"/>
    </row>
    <row r="594256" spans="8:8">
      <c r="H594256" s="12"/>
    </row>
    <row r="594257" spans="8:8">
      <c r="H594257" s="12"/>
    </row>
    <row r="594258" spans="8:8">
      <c r="H594258" s="12"/>
    </row>
    <row r="594259" spans="8:8">
      <c r="H594259" s="12"/>
    </row>
    <row r="594260" spans="8:8">
      <c r="H594260" s="12"/>
    </row>
    <row r="594261" spans="8:8">
      <c r="H594261" s="12"/>
    </row>
    <row r="594262" spans="8:8">
      <c r="H594262" s="12"/>
    </row>
    <row r="594263" spans="8:8">
      <c r="H594263" s="12"/>
    </row>
    <row r="594264" spans="8:8">
      <c r="H594264" s="12"/>
    </row>
    <row r="594265" spans="8:8">
      <c r="H594265" s="12"/>
    </row>
    <row r="594266" spans="8:8">
      <c r="H594266" s="12"/>
    </row>
    <row r="594267" spans="8:8">
      <c r="H594267" s="12"/>
    </row>
    <row r="594268" spans="8:8">
      <c r="H594268" s="12"/>
    </row>
    <row r="594269" spans="8:8">
      <c r="H594269" s="12"/>
    </row>
    <row r="594270" spans="8:8">
      <c r="H594270" s="12"/>
    </row>
    <row r="594271" spans="8:8">
      <c r="H594271" s="12"/>
    </row>
    <row r="594272" spans="8:8">
      <c r="H594272" s="12"/>
    </row>
    <row r="594273" spans="8:8">
      <c r="H594273" s="12"/>
    </row>
    <row r="594274" spans="8:8">
      <c r="H594274" s="12"/>
    </row>
    <row r="594275" spans="8:8">
      <c r="H594275" s="12"/>
    </row>
    <row r="594276" spans="8:8">
      <c r="H594276" s="12"/>
    </row>
    <row r="594277" spans="8:8">
      <c r="H594277" s="12"/>
    </row>
    <row r="594278" spans="8:8">
      <c r="H594278" s="12"/>
    </row>
    <row r="594279" spans="8:8">
      <c r="H594279" s="12"/>
    </row>
    <row r="594280" spans="8:8">
      <c r="H594280" s="12"/>
    </row>
    <row r="594281" spans="8:8">
      <c r="H594281" s="12"/>
    </row>
    <row r="594282" spans="8:8">
      <c r="H594282" s="12"/>
    </row>
    <row r="594283" spans="8:8">
      <c r="H594283" s="12"/>
    </row>
    <row r="594284" spans="8:8">
      <c r="H594284" s="12"/>
    </row>
    <row r="594285" spans="8:8">
      <c r="H594285" s="12"/>
    </row>
    <row r="594286" spans="8:8">
      <c r="H594286" s="12"/>
    </row>
    <row r="594287" spans="8:8">
      <c r="H594287" s="12"/>
    </row>
    <row r="594288" spans="8:8">
      <c r="H594288" s="12"/>
    </row>
    <row r="594289" spans="8:8">
      <c r="H594289" s="12"/>
    </row>
    <row r="594290" spans="8:8">
      <c r="H594290" s="12"/>
    </row>
    <row r="594291" spans="8:8">
      <c r="H594291" s="12"/>
    </row>
    <row r="594292" spans="8:8">
      <c r="H594292" s="12"/>
    </row>
    <row r="594293" spans="8:8">
      <c r="H594293" s="12"/>
    </row>
    <row r="594294" spans="8:8">
      <c r="H594294" s="12"/>
    </row>
    <row r="594295" spans="8:8">
      <c r="H594295" s="12"/>
    </row>
    <row r="594296" spans="8:8">
      <c r="H594296" s="12"/>
    </row>
    <row r="594297" spans="8:8">
      <c r="H594297" s="12"/>
    </row>
    <row r="594298" spans="8:8">
      <c r="H594298" s="12"/>
    </row>
    <row r="594299" spans="8:8">
      <c r="H594299" s="12"/>
    </row>
    <row r="594300" spans="8:8">
      <c r="H594300" s="12"/>
    </row>
    <row r="594301" spans="8:8">
      <c r="H594301" s="12"/>
    </row>
    <row r="594302" spans="8:8">
      <c r="H594302" s="12"/>
    </row>
    <row r="594303" spans="8:8">
      <c r="H594303" s="12"/>
    </row>
    <row r="594304" spans="8:8">
      <c r="H594304" s="12"/>
    </row>
    <row r="594305" spans="8:8">
      <c r="H594305" s="12"/>
    </row>
    <row r="594306" spans="8:8">
      <c r="H594306" s="12"/>
    </row>
    <row r="594307" spans="8:8">
      <c r="H594307" s="12"/>
    </row>
    <row r="594308" spans="8:8">
      <c r="H594308" s="12"/>
    </row>
    <row r="594309" spans="8:8">
      <c r="H594309" s="12"/>
    </row>
    <row r="594310" spans="8:8">
      <c r="H594310" s="12"/>
    </row>
    <row r="594311" spans="8:8">
      <c r="H594311" s="12"/>
    </row>
    <row r="594312" spans="8:8">
      <c r="H594312" s="12"/>
    </row>
    <row r="594313" spans="8:8">
      <c r="H594313" s="12"/>
    </row>
    <row r="594314" spans="8:8">
      <c r="H594314" s="12"/>
    </row>
    <row r="594315" spans="8:8">
      <c r="H594315" s="12"/>
    </row>
    <row r="594316" spans="8:8">
      <c r="H594316" s="12"/>
    </row>
    <row r="594317" spans="8:8">
      <c r="H594317" s="12"/>
    </row>
    <row r="594318" spans="8:8">
      <c r="H594318" s="12"/>
    </row>
    <row r="594319" spans="8:8">
      <c r="H594319" s="12"/>
    </row>
    <row r="594320" spans="8:8">
      <c r="H594320" s="12"/>
    </row>
    <row r="594321" spans="8:8">
      <c r="H594321" s="12"/>
    </row>
    <row r="594322" spans="8:8">
      <c r="H594322" s="12"/>
    </row>
    <row r="594323" spans="8:8">
      <c r="H594323" s="12"/>
    </row>
    <row r="594324" spans="8:8">
      <c r="H594324" s="12"/>
    </row>
    <row r="594325" spans="8:8">
      <c r="H594325" s="12"/>
    </row>
    <row r="594326" spans="8:8">
      <c r="H594326" s="12"/>
    </row>
    <row r="594327" spans="8:8">
      <c r="H594327" s="12"/>
    </row>
    <row r="594328" spans="8:8">
      <c r="H594328" s="12"/>
    </row>
    <row r="594329" spans="8:8">
      <c r="H594329" s="12"/>
    </row>
    <row r="594330" spans="8:8">
      <c r="H594330" s="12"/>
    </row>
    <row r="594331" spans="8:8">
      <c r="H594331" s="12"/>
    </row>
    <row r="594332" spans="8:8">
      <c r="H594332" s="12"/>
    </row>
    <row r="594333" spans="8:8">
      <c r="H594333" s="12"/>
    </row>
    <row r="594334" spans="8:8">
      <c r="H594334" s="12"/>
    </row>
    <row r="594335" spans="8:8">
      <c r="H594335" s="12"/>
    </row>
    <row r="594336" spans="8:8">
      <c r="H594336" s="12"/>
    </row>
    <row r="594337" spans="8:8">
      <c r="H594337" s="12"/>
    </row>
    <row r="594338" spans="8:8">
      <c r="H594338" s="12"/>
    </row>
    <row r="594339" spans="8:8">
      <c r="H594339" s="12"/>
    </row>
    <row r="594340" spans="8:8">
      <c r="H594340" s="12"/>
    </row>
    <row r="594341" spans="8:8">
      <c r="H594341" s="12"/>
    </row>
    <row r="594342" spans="8:8">
      <c r="H594342" s="12"/>
    </row>
    <row r="594343" spans="8:8">
      <c r="H594343" s="12"/>
    </row>
    <row r="594344" spans="8:8">
      <c r="H594344" s="12"/>
    </row>
    <row r="594345" spans="8:8">
      <c r="H594345" s="12"/>
    </row>
    <row r="594346" spans="8:8">
      <c r="H594346" s="12"/>
    </row>
    <row r="594347" spans="8:8">
      <c r="H594347" s="12"/>
    </row>
    <row r="594348" spans="8:8">
      <c r="H594348" s="12"/>
    </row>
    <row r="594349" spans="8:8">
      <c r="H594349" s="12"/>
    </row>
    <row r="594350" spans="8:8">
      <c r="H594350" s="12"/>
    </row>
    <row r="594351" spans="8:8">
      <c r="H594351" s="12"/>
    </row>
    <row r="594352" spans="8:8">
      <c r="H594352" s="12"/>
    </row>
    <row r="594353" spans="8:8">
      <c r="H594353" s="12"/>
    </row>
    <row r="594354" spans="8:8">
      <c r="H594354" s="12"/>
    </row>
    <row r="594355" spans="8:8">
      <c r="H594355" s="12"/>
    </row>
    <row r="594356" spans="8:8">
      <c r="H594356" s="12"/>
    </row>
    <row r="594357" spans="8:8">
      <c r="H594357" s="12"/>
    </row>
    <row r="594358" spans="8:8">
      <c r="H594358" s="12"/>
    </row>
    <row r="594359" spans="8:8">
      <c r="H594359" s="12"/>
    </row>
    <row r="594360" spans="8:8">
      <c r="H594360" s="12"/>
    </row>
    <row r="594361" spans="8:8">
      <c r="H594361" s="12"/>
    </row>
    <row r="594362" spans="8:8">
      <c r="H594362" s="12"/>
    </row>
    <row r="594363" spans="8:8">
      <c r="H594363" s="12"/>
    </row>
    <row r="594364" spans="8:8">
      <c r="H594364" s="12"/>
    </row>
    <row r="594365" spans="8:8">
      <c r="H594365" s="12"/>
    </row>
    <row r="594366" spans="8:8">
      <c r="H594366" s="12"/>
    </row>
    <row r="594367" spans="8:8">
      <c r="H594367" s="12"/>
    </row>
    <row r="594368" spans="8:8">
      <c r="H594368" s="12"/>
    </row>
    <row r="594369" spans="8:8">
      <c r="H594369" s="12"/>
    </row>
    <row r="594370" spans="8:8">
      <c r="H594370" s="12"/>
    </row>
    <row r="594371" spans="8:8">
      <c r="H594371" s="12"/>
    </row>
    <row r="594372" spans="8:8">
      <c r="H594372" s="12"/>
    </row>
    <row r="594373" spans="8:8">
      <c r="H594373" s="12"/>
    </row>
    <row r="594374" spans="8:8">
      <c r="H594374" s="12"/>
    </row>
    <row r="594375" spans="8:8">
      <c r="H594375" s="12"/>
    </row>
    <row r="594376" spans="8:8">
      <c r="H594376" s="12"/>
    </row>
    <row r="594377" spans="8:8">
      <c r="H594377" s="12"/>
    </row>
    <row r="594378" spans="8:8">
      <c r="H594378" s="12"/>
    </row>
    <row r="594379" spans="8:8">
      <c r="H594379" s="12"/>
    </row>
    <row r="594380" spans="8:8">
      <c r="H594380" s="12"/>
    </row>
    <row r="594381" spans="8:8">
      <c r="H594381" s="12"/>
    </row>
    <row r="594382" spans="8:8">
      <c r="H594382" s="12"/>
    </row>
    <row r="594383" spans="8:8">
      <c r="H594383" s="12"/>
    </row>
    <row r="594384" spans="8:8">
      <c r="H594384" s="12"/>
    </row>
    <row r="594385" spans="8:8">
      <c r="H594385" s="12"/>
    </row>
    <row r="594386" spans="8:8">
      <c r="H594386" s="12"/>
    </row>
    <row r="594387" spans="8:8">
      <c r="H594387" s="12"/>
    </row>
    <row r="594388" spans="8:8">
      <c r="H594388" s="12"/>
    </row>
    <row r="594389" spans="8:8">
      <c r="H594389" s="12"/>
    </row>
    <row r="594390" spans="8:8">
      <c r="H594390" s="12"/>
    </row>
    <row r="594391" spans="8:8">
      <c r="H594391" s="12"/>
    </row>
    <row r="594392" spans="8:8">
      <c r="H594392" s="12"/>
    </row>
    <row r="594393" spans="8:8">
      <c r="H594393" s="12"/>
    </row>
    <row r="594394" spans="8:8">
      <c r="H594394" s="12"/>
    </row>
    <row r="594395" spans="8:8">
      <c r="H594395" s="12"/>
    </row>
    <row r="594396" spans="8:8">
      <c r="H594396" s="12"/>
    </row>
    <row r="594397" spans="8:8">
      <c r="H594397" s="12"/>
    </row>
    <row r="594398" spans="8:8">
      <c r="H594398" s="12"/>
    </row>
    <row r="594399" spans="8:8">
      <c r="H594399" s="12"/>
    </row>
    <row r="594400" spans="8:8">
      <c r="H594400" s="12"/>
    </row>
    <row r="594401" spans="8:8">
      <c r="H594401" s="12"/>
    </row>
    <row r="594402" spans="8:8">
      <c r="H594402" s="12"/>
    </row>
    <row r="594403" spans="8:8">
      <c r="H594403" s="12"/>
    </row>
    <row r="594404" spans="8:8">
      <c r="H594404" s="12"/>
    </row>
    <row r="594405" spans="8:8">
      <c r="H594405" s="12"/>
    </row>
    <row r="594406" spans="8:8">
      <c r="H594406" s="12"/>
    </row>
    <row r="594407" spans="8:8">
      <c r="H594407" s="12"/>
    </row>
    <row r="594408" spans="8:8">
      <c r="H594408" s="12"/>
    </row>
    <row r="594409" spans="8:8">
      <c r="H594409" s="12"/>
    </row>
    <row r="594410" spans="8:8">
      <c r="H594410" s="12"/>
    </row>
    <row r="594411" spans="8:8">
      <c r="H594411" s="12"/>
    </row>
    <row r="594412" spans="8:8">
      <c r="H594412" s="12"/>
    </row>
    <row r="594413" spans="8:8">
      <c r="H594413" s="12"/>
    </row>
    <row r="594414" spans="8:8">
      <c r="H594414" s="12"/>
    </row>
    <row r="594415" spans="8:8">
      <c r="H594415" s="12"/>
    </row>
    <row r="594416" spans="8:8">
      <c r="H594416" s="12"/>
    </row>
    <row r="594417" spans="8:8">
      <c r="H594417" s="12"/>
    </row>
    <row r="594418" spans="8:8">
      <c r="H594418" s="12"/>
    </row>
    <row r="594419" spans="8:8">
      <c r="H594419" s="12"/>
    </row>
    <row r="594420" spans="8:8">
      <c r="H594420" s="12"/>
    </row>
    <row r="594421" spans="8:8">
      <c r="H594421" s="12"/>
    </row>
    <row r="594422" spans="8:8">
      <c r="H594422" s="12"/>
    </row>
    <row r="594423" spans="8:8">
      <c r="H594423" s="12"/>
    </row>
    <row r="594424" spans="8:8">
      <c r="H594424" s="12"/>
    </row>
    <row r="594425" spans="8:8">
      <c r="H594425" s="12"/>
    </row>
    <row r="594426" spans="8:8">
      <c r="H594426" s="12"/>
    </row>
    <row r="594427" spans="8:8">
      <c r="H594427" s="12"/>
    </row>
    <row r="594428" spans="8:8">
      <c r="H594428" s="12"/>
    </row>
    <row r="594429" spans="8:8">
      <c r="H594429" s="12"/>
    </row>
    <row r="594430" spans="8:8">
      <c r="H594430" s="12"/>
    </row>
    <row r="594431" spans="8:8">
      <c r="H594431" s="12"/>
    </row>
    <row r="594432" spans="8:8">
      <c r="H594432" s="12"/>
    </row>
    <row r="594433" spans="8:8">
      <c r="H594433" s="12"/>
    </row>
    <row r="594434" spans="8:8">
      <c r="H594434" s="12"/>
    </row>
    <row r="594435" spans="8:8">
      <c r="H594435" s="12"/>
    </row>
    <row r="594436" spans="8:8">
      <c r="H594436" s="12"/>
    </row>
    <row r="594437" spans="8:8">
      <c r="H594437" s="12"/>
    </row>
    <row r="594438" spans="8:8">
      <c r="H594438" s="12"/>
    </row>
    <row r="594439" spans="8:8">
      <c r="H594439" s="12"/>
    </row>
    <row r="594440" spans="8:8">
      <c r="H594440" s="12"/>
    </row>
    <row r="594441" spans="8:8">
      <c r="H594441" s="12"/>
    </row>
    <row r="594442" spans="8:8">
      <c r="H594442" s="12"/>
    </row>
    <row r="594443" spans="8:8">
      <c r="H594443" s="12"/>
    </row>
    <row r="594444" spans="8:8">
      <c r="H594444" s="12"/>
    </row>
    <row r="594445" spans="8:8">
      <c r="H594445" s="12"/>
    </row>
    <row r="594446" spans="8:8">
      <c r="H594446" s="12"/>
    </row>
    <row r="594447" spans="8:8">
      <c r="H594447" s="12"/>
    </row>
    <row r="594448" spans="8:8">
      <c r="H594448" s="12"/>
    </row>
    <row r="594449" spans="8:8">
      <c r="H594449" s="12"/>
    </row>
    <row r="594450" spans="8:8">
      <c r="H594450" s="12"/>
    </row>
    <row r="594451" spans="8:8">
      <c r="H594451" s="12"/>
    </row>
    <row r="594452" spans="8:8">
      <c r="H594452" s="12"/>
    </row>
    <row r="594453" spans="8:8">
      <c r="H594453" s="12"/>
    </row>
    <row r="594454" spans="8:8">
      <c r="H594454" s="12"/>
    </row>
    <row r="594455" spans="8:8">
      <c r="H594455" s="12"/>
    </row>
    <row r="594456" spans="8:8">
      <c r="H594456" s="12"/>
    </row>
    <row r="594457" spans="8:8">
      <c r="H594457" s="12"/>
    </row>
    <row r="594458" spans="8:8">
      <c r="H594458" s="12"/>
    </row>
    <row r="594459" spans="8:8">
      <c r="H594459" s="12"/>
    </row>
    <row r="594460" spans="8:8">
      <c r="H594460" s="12"/>
    </row>
    <row r="594461" spans="8:8">
      <c r="H594461" s="12"/>
    </row>
    <row r="594462" spans="8:8">
      <c r="H594462" s="12"/>
    </row>
    <row r="594463" spans="8:8">
      <c r="H594463" s="12"/>
    </row>
    <row r="594464" spans="8:8">
      <c r="H594464" s="12"/>
    </row>
    <row r="594465" spans="8:8">
      <c r="H594465" s="12"/>
    </row>
    <row r="594466" spans="8:8">
      <c r="H594466" s="12"/>
    </row>
    <row r="594467" spans="8:8">
      <c r="H594467" s="12"/>
    </row>
    <row r="594468" spans="8:8">
      <c r="H594468" s="12"/>
    </row>
    <row r="594469" spans="8:8">
      <c r="H594469" s="12"/>
    </row>
    <row r="594470" spans="8:8">
      <c r="H594470" s="12"/>
    </row>
    <row r="594471" spans="8:8">
      <c r="H594471" s="12"/>
    </row>
    <row r="594472" spans="8:8">
      <c r="H594472" s="12"/>
    </row>
    <row r="594473" spans="8:8">
      <c r="H594473" s="12"/>
    </row>
    <row r="594474" spans="8:8">
      <c r="H594474" s="12"/>
    </row>
    <row r="594475" spans="8:8">
      <c r="H594475" s="12"/>
    </row>
    <row r="594476" spans="8:8">
      <c r="H594476" s="12"/>
    </row>
    <row r="594477" spans="8:8">
      <c r="H594477" s="12"/>
    </row>
    <row r="594478" spans="8:8">
      <c r="H594478" s="12"/>
    </row>
    <row r="594479" spans="8:8">
      <c r="H594479" s="12"/>
    </row>
    <row r="594480" spans="8:8">
      <c r="H594480" s="12"/>
    </row>
    <row r="594481" spans="8:8">
      <c r="H594481" s="12"/>
    </row>
    <row r="594482" spans="8:8">
      <c r="H594482" s="12"/>
    </row>
    <row r="594483" spans="8:8">
      <c r="H594483" s="12"/>
    </row>
    <row r="594484" spans="8:8">
      <c r="H594484" s="12"/>
    </row>
    <row r="594485" spans="8:8">
      <c r="H594485" s="12"/>
    </row>
    <row r="594486" spans="8:8">
      <c r="H594486" s="12"/>
    </row>
    <row r="594487" spans="8:8">
      <c r="H594487" s="12"/>
    </row>
    <row r="594488" spans="8:8">
      <c r="H594488" s="12"/>
    </row>
    <row r="594489" spans="8:8">
      <c r="H594489" s="12"/>
    </row>
    <row r="594490" spans="8:8">
      <c r="H594490" s="12"/>
    </row>
    <row r="594491" spans="8:8">
      <c r="H594491" s="12"/>
    </row>
    <row r="594492" spans="8:8">
      <c r="H594492" s="12"/>
    </row>
    <row r="594493" spans="8:8">
      <c r="H594493" s="12"/>
    </row>
    <row r="594494" spans="8:8">
      <c r="H594494" s="12"/>
    </row>
    <row r="594495" spans="8:8">
      <c r="H594495" s="12"/>
    </row>
    <row r="594496" spans="8:8">
      <c r="H594496" s="12"/>
    </row>
    <row r="594497" spans="8:8">
      <c r="H594497" s="12"/>
    </row>
    <row r="594498" spans="8:8">
      <c r="H594498" s="12"/>
    </row>
    <row r="594499" spans="8:8">
      <c r="H594499" s="12"/>
    </row>
    <row r="594500" spans="8:8">
      <c r="H594500" s="12"/>
    </row>
    <row r="594501" spans="8:8">
      <c r="H594501" s="12"/>
    </row>
    <row r="594502" spans="8:8">
      <c r="H594502" s="12"/>
    </row>
    <row r="594503" spans="8:8">
      <c r="H594503" s="12"/>
    </row>
    <row r="594504" spans="8:8">
      <c r="H594504" s="12"/>
    </row>
    <row r="594505" spans="8:8">
      <c r="H594505" s="12"/>
    </row>
    <row r="594506" spans="8:8">
      <c r="H594506" s="12"/>
    </row>
    <row r="594507" spans="8:8">
      <c r="H594507" s="12"/>
    </row>
    <row r="594508" spans="8:8">
      <c r="H594508" s="12"/>
    </row>
    <row r="594509" spans="8:8">
      <c r="H594509" s="12"/>
    </row>
    <row r="594510" spans="8:8">
      <c r="H594510" s="12"/>
    </row>
    <row r="594511" spans="8:8">
      <c r="H594511" s="12"/>
    </row>
    <row r="594512" spans="8:8">
      <c r="H594512" s="12"/>
    </row>
    <row r="594513" spans="8:8">
      <c r="H594513" s="12"/>
    </row>
    <row r="594514" spans="8:8">
      <c r="H594514" s="12"/>
    </row>
    <row r="594515" spans="8:8">
      <c r="H594515" s="12"/>
    </row>
    <row r="594516" spans="8:8">
      <c r="H594516" s="12"/>
    </row>
    <row r="594517" spans="8:8">
      <c r="H594517" s="12"/>
    </row>
    <row r="594518" spans="8:8">
      <c r="H594518" s="12"/>
    </row>
    <row r="594519" spans="8:8">
      <c r="H594519" s="12"/>
    </row>
    <row r="594520" spans="8:8">
      <c r="H594520" s="12"/>
    </row>
    <row r="594521" spans="8:8">
      <c r="H594521" s="12"/>
    </row>
    <row r="594522" spans="8:8">
      <c r="H594522" s="12"/>
    </row>
    <row r="594523" spans="8:8">
      <c r="H594523" s="12"/>
    </row>
    <row r="594524" spans="8:8">
      <c r="H594524" s="12"/>
    </row>
    <row r="594525" spans="8:8">
      <c r="H594525" s="12"/>
    </row>
    <row r="594526" spans="8:8">
      <c r="H594526" s="12"/>
    </row>
    <row r="594527" spans="8:8">
      <c r="H594527" s="12"/>
    </row>
    <row r="594528" spans="8:8">
      <c r="H594528" s="12"/>
    </row>
    <row r="594529" spans="8:8">
      <c r="H594529" s="12"/>
    </row>
    <row r="594530" spans="8:8">
      <c r="H594530" s="12"/>
    </row>
    <row r="594531" spans="8:8">
      <c r="H594531" s="12"/>
    </row>
    <row r="594532" spans="8:8">
      <c r="H594532" s="12"/>
    </row>
    <row r="594533" spans="8:8">
      <c r="H594533" s="12"/>
    </row>
    <row r="594534" spans="8:8">
      <c r="H594534" s="12"/>
    </row>
    <row r="594535" spans="8:8">
      <c r="H594535" s="12"/>
    </row>
    <row r="594536" spans="8:8">
      <c r="H594536" s="12"/>
    </row>
    <row r="594537" spans="8:8">
      <c r="H594537" s="12"/>
    </row>
    <row r="594538" spans="8:8">
      <c r="H594538" s="12"/>
    </row>
    <row r="594539" spans="8:8">
      <c r="H594539" s="12"/>
    </row>
    <row r="594540" spans="8:8">
      <c r="H594540" s="12"/>
    </row>
    <row r="594541" spans="8:8">
      <c r="H594541" s="12"/>
    </row>
    <row r="594542" spans="8:8">
      <c r="H594542" s="12"/>
    </row>
    <row r="594543" spans="8:8">
      <c r="H594543" s="12"/>
    </row>
    <row r="594544" spans="8:8">
      <c r="H594544" s="12"/>
    </row>
    <row r="594545" spans="8:8">
      <c r="H594545" s="12"/>
    </row>
    <row r="594546" spans="8:8">
      <c r="H594546" s="12"/>
    </row>
    <row r="594547" spans="8:8">
      <c r="H594547" s="12"/>
    </row>
    <row r="594548" spans="8:8">
      <c r="H594548" s="12"/>
    </row>
    <row r="594549" spans="8:8">
      <c r="H594549" s="12"/>
    </row>
    <row r="594550" spans="8:8">
      <c r="H594550" s="12"/>
    </row>
    <row r="594551" spans="8:8">
      <c r="H594551" s="12"/>
    </row>
    <row r="594552" spans="8:8">
      <c r="H594552" s="12"/>
    </row>
    <row r="594553" spans="8:8">
      <c r="H594553" s="12"/>
    </row>
    <row r="594554" spans="8:8">
      <c r="H594554" s="12"/>
    </row>
    <row r="594555" spans="8:8">
      <c r="H594555" s="12"/>
    </row>
    <row r="594556" spans="8:8">
      <c r="H594556" s="12"/>
    </row>
    <row r="594557" spans="8:8">
      <c r="H594557" s="12"/>
    </row>
    <row r="594558" spans="8:8">
      <c r="H594558" s="12"/>
    </row>
    <row r="594559" spans="8:8">
      <c r="H594559" s="12"/>
    </row>
    <row r="594560" spans="8:8">
      <c r="H594560" s="12"/>
    </row>
    <row r="594561" spans="8:8">
      <c r="H594561" s="12"/>
    </row>
    <row r="594562" spans="8:8">
      <c r="H594562" s="12"/>
    </row>
    <row r="594563" spans="8:8">
      <c r="H594563" s="12"/>
    </row>
    <row r="594564" spans="8:8">
      <c r="H594564" s="12"/>
    </row>
    <row r="594565" spans="8:8">
      <c r="H594565" s="12"/>
    </row>
    <row r="594566" spans="8:8">
      <c r="H594566" s="12"/>
    </row>
    <row r="594567" spans="8:8">
      <c r="H594567" s="12"/>
    </row>
    <row r="594568" spans="8:8">
      <c r="H594568" s="12"/>
    </row>
    <row r="594569" spans="8:8">
      <c r="H594569" s="12"/>
    </row>
    <row r="594570" spans="8:8">
      <c r="H594570" s="12"/>
    </row>
    <row r="594571" spans="8:8">
      <c r="H594571" s="12"/>
    </row>
    <row r="594572" spans="8:8">
      <c r="H594572" s="12"/>
    </row>
    <row r="594573" spans="8:8">
      <c r="H594573" s="12"/>
    </row>
    <row r="594574" spans="8:8">
      <c r="H594574" s="12"/>
    </row>
    <row r="594575" spans="8:8">
      <c r="H594575" s="12"/>
    </row>
    <row r="594576" spans="8:8">
      <c r="H594576" s="12"/>
    </row>
    <row r="594577" spans="8:8">
      <c r="H594577" s="12"/>
    </row>
    <row r="594578" spans="8:8">
      <c r="H594578" s="12"/>
    </row>
    <row r="594579" spans="8:8">
      <c r="H594579" s="12"/>
    </row>
    <row r="594580" spans="8:8">
      <c r="H594580" s="12"/>
    </row>
    <row r="594581" spans="8:8">
      <c r="H594581" s="12"/>
    </row>
    <row r="594582" spans="8:8">
      <c r="H594582" s="12"/>
    </row>
    <row r="594583" spans="8:8">
      <c r="H594583" s="12"/>
    </row>
    <row r="594584" spans="8:8">
      <c r="H594584" s="12"/>
    </row>
    <row r="594585" spans="8:8">
      <c r="H594585" s="12"/>
    </row>
    <row r="594586" spans="8:8">
      <c r="H594586" s="12"/>
    </row>
    <row r="594587" spans="8:8">
      <c r="H594587" s="12"/>
    </row>
    <row r="594588" spans="8:8">
      <c r="H594588" s="12"/>
    </row>
    <row r="594589" spans="8:8">
      <c r="H594589" s="12"/>
    </row>
    <row r="594590" spans="8:8">
      <c r="H594590" s="12"/>
    </row>
    <row r="594591" spans="8:8">
      <c r="H594591" s="12"/>
    </row>
    <row r="594592" spans="8:8">
      <c r="H594592" s="12"/>
    </row>
    <row r="594593" spans="8:8">
      <c r="H594593" s="12"/>
    </row>
    <row r="594594" spans="8:8">
      <c r="H594594" s="12"/>
    </row>
    <row r="594595" spans="8:8">
      <c r="H594595" s="12"/>
    </row>
    <row r="594596" spans="8:8">
      <c r="H594596" s="12"/>
    </row>
    <row r="594597" spans="8:8">
      <c r="H594597" s="12"/>
    </row>
    <row r="594598" spans="8:8">
      <c r="H594598" s="12"/>
    </row>
    <row r="594599" spans="8:8">
      <c r="H594599" s="12"/>
    </row>
    <row r="594600" spans="8:8">
      <c r="H594600" s="12"/>
    </row>
    <row r="594601" spans="8:8">
      <c r="H594601" s="12"/>
    </row>
    <row r="594602" spans="8:8">
      <c r="H594602" s="12"/>
    </row>
    <row r="594603" spans="8:8">
      <c r="H594603" s="12"/>
    </row>
    <row r="594604" spans="8:8">
      <c r="H594604" s="12"/>
    </row>
    <row r="594605" spans="8:8">
      <c r="H594605" s="12"/>
    </row>
    <row r="594606" spans="8:8">
      <c r="H594606" s="12"/>
    </row>
    <row r="594607" spans="8:8">
      <c r="H594607" s="12"/>
    </row>
    <row r="594608" spans="8:8">
      <c r="H594608" s="12"/>
    </row>
    <row r="594609" spans="8:8">
      <c r="H594609" s="12"/>
    </row>
    <row r="594610" spans="8:8">
      <c r="H594610" s="12"/>
    </row>
    <row r="594611" spans="8:8">
      <c r="H594611" s="12"/>
    </row>
    <row r="594612" spans="8:8">
      <c r="H594612" s="12"/>
    </row>
    <row r="594613" spans="8:8">
      <c r="H594613" s="12"/>
    </row>
    <row r="594614" spans="8:8">
      <c r="H594614" s="12"/>
    </row>
    <row r="594615" spans="8:8">
      <c r="H594615" s="12"/>
    </row>
    <row r="594616" spans="8:8">
      <c r="H594616" s="12"/>
    </row>
    <row r="594617" spans="8:8">
      <c r="H594617" s="12"/>
    </row>
    <row r="594618" spans="8:8">
      <c r="H594618" s="12"/>
    </row>
    <row r="594619" spans="8:8">
      <c r="H594619" s="12"/>
    </row>
    <row r="594620" spans="8:8">
      <c r="H594620" s="12"/>
    </row>
    <row r="594621" spans="8:8">
      <c r="H594621" s="12"/>
    </row>
    <row r="594622" spans="8:8">
      <c r="H594622" s="12"/>
    </row>
    <row r="594623" spans="8:8">
      <c r="H594623" s="12"/>
    </row>
    <row r="594624" spans="8:8">
      <c r="H594624" s="12"/>
    </row>
    <row r="594625" spans="8:8">
      <c r="H594625" s="12"/>
    </row>
    <row r="594626" spans="8:8">
      <c r="H594626" s="12"/>
    </row>
    <row r="594627" spans="8:8">
      <c r="H594627" s="12"/>
    </row>
    <row r="594628" spans="8:8">
      <c r="H594628" s="12"/>
    </row>
    <row r="594629" spans="8:8">
      <c r="H594629" s="12"/>
    </row>
    <row r="594630" spans="8:8">
      <c r="H594630" s="12"/>
    </row>
    <row r="594631" spans="8:8">
      <c r="H594631" s="12"/>
    </row>
    <row r="594632" spans="8:8">
      <c r="H594632" s="12"/>
    </row>
    <row r="594633" spans="8:8">
      <c r="H594633" s="12"/>
    </row>
    <row r="594634" spans="8:8">
      <c r="H594634" s="12"/>
    </row>
    <row r="594635" spans="8:8">
      <c r="H594635" s="12"/>
    </row>
    <row r="594636" spans="8:8">
      <c r="H594636" s="12"/>
    </row>
    <row r="594637" spans="8:8">
      <c r="H594637" s="12"/>
    </row>
    <row r="594638" spans="8:8">
      <c r="H594638" s="12"/>
    </row>
    <row r="594639" spans="8:8">
      <c r="H594639" s="12"/>
    </row>
    <row r="594640" spans="8:8">
      <c r="H594640" s="12"/>
    </row>
    <row r="594641" spans="8:8">
      <c r="H594641" s="12"/>
    </row>
    <row r="594642" spans="8:8">
      <c r="H594642" s="12"/>
    </row>
    <row r="594643" spans="8:8">
      <c r="H594643" s="12"/>
    </row>
    <row r="594644" spans="8:8">
      <c r="H594644" s="12"/>
    </row>
    <row r="594645" spans="8:8">
      <c r="H594645" s="12"/>
    </row>
    <row r="594646" spans="8:8">
      <c r="H594646" s="12"/>
    </row>
    <row r="594647" spans="8:8">
      <c r="H594647" s="12"/>
    </row>
    <row r="594648" spans="8:8">
      <c r="H594648" s="12"/>
    </row>
    <row r="594649" spans="8:8">
      <c r="H594649" s="12"/>
    </row>
    <row r="594650" spans="8:8">
      <c r="H594650" s="12"/>
    </row>
    <row r="594651" spans="8:8">
      <c r="H594651" s="12"/>
    </row>
    <row r="594652" spans="8:8">
      <c r="H594652" s="12"/>
    </row>
    <row r="594653" spans="8:8">
      <c r="H594653" s="12"/>
    </row>
    <row r="594654" spans="8:8">
      <c r="H594654" s="12"/>
    </row>
    <row r="594655" spans="8:8">
      <c r="H594655" s="12"/>
    </row>
    <row r="594656" spans="8:8">
      <c r="H594656" s="12"/>
    </row>
    <row r="594657" spans="8:8">
      <c r="H594657" s="12"/>
    </row>
    <row r="594658" spans="8:8">
      <c r="H594658" s="12"/>
    </row>
    <row r="594659" spans="8:8">
      <c r="H594659" s="12"/>
    </row>
    <row r="594660" spans="8:8">
      <c r="H594660" s="12"/>
    </row>
    <row r="594661" spans="8:8">
      <c r="H594661" s="12"/>
    </row>
    <row r="594662" spans="8:8">
      <c r="H594662" s="12"/>
    </row>
    <row r="594663" spans="8:8">
      <c r="H594663" s="12"/>
    </row>
    <row r="594664" spans="8:8">
      <c r="H594664" s="12"/>
    </row>
    <row r="594665" spans="8:8">
      <c r="H594665" s="12"/>
    </row>
    <row r="594666" spans="8:8">
      <c r="H594666" s="12"/>
    </row>
    <row r="594667" spans="8:8">
      <c r="H594667" s="12"/>
    </row>
    <row r="594668" spans="8:8">
      <c r="H594668" s="12"/>
    </row>
    <row r="594669" spans="8:8">
      <c r="H594669" s="12"/>
    </row>
    <row r="594670" spans="8:8">
      <c r="H594670" s="12"/>
    </row>
    <row r="594671" spans="8:8">
      <c r="H594671" s="12"/>
    </row>
    <row r="594672" spans="8:8">
      <c r="H594672" s="12"/>
    </row>
    <row r="594673" spans="8:8">
      <c r="H594673" s="12"/>
    </row>
    <row r="594674" spans="8:8">
      <c r="H594674" s="12"/>
    </row>
    <row r="594675" spans="8:8">
      <c r="H594675" s="12"/>
    </row>
    <row r="594676" spans="8:8">
      <c r="H594676" s="12"/>
    </row>
    <row r="594677" spans="8:8">
      <c r="H594677" s="12"/>
    </row>
    <row r="594678" spans="8:8">
      <c r="H594678" s="12"/>
    </row>
    <row r="594679" spans="8:8">
      <c r="H594679" s="12"/>
    </row>
    <row r="594680" spans="8:8">
      <c r="H594680" s="12"/>
    </row>
    <row r="594681" spans="8:8">
      <c r="H594681" s="12"/>
    </row>
    <row r="594682" spans="8:8">
      <c r="H594682" s="12"/>
    </row>
    <row r="594683" spans="8:8">
      <c r="H594683" s="12"/>
    </row>
    <row r="594684" spans="8:8">
      <c r="H594684" s="12"/>
    </row>
    <row r="594685" spans="8:8">
      <c r="H594685" s="12"/>
    </row>
    <row r="594686" spans="8:8">
      <c r="H594686" s="12"/>
    </row>
    <row r="594687" spans="8:8">
      <c r="H594687" s="12"/>
    </row>
    <row r="594688" spans="8:8">
      <c r="H594688" s="12"/>
    </row>
    <row r="594689" spans="8:8">
      <c r="H594689" s="12"/>
    </row>
    <row r="594690" spans="8:8">
      <c r="H594690" s="12"/>
    </row>
    <row r="594691" spans="8:8">
      <c r="H594691" s="12"/>
    </row>
    <row r="594692" spans="8:8">
      <c r="H594692" s="12"/>
    </row>
    <row r="594693" spans="8:8">
      <c r="H594693" s="12"/>
    </row>
    <row r="594694" spans="8:8">
      <c r="H594694" s="12"/>
    </row>
    <row r="594695" spans="8:8">
      <c r="H594695" s="12"/>
    </row>
    <row r="594696" spans="8:8">
      <c r="H594696" s="12"/>
    </row>
    <row r="594697" spans="8:8">
      <c r="H594697" s="12"/>
    </row>
    <row r="594698" spans="8:8">
      <c r="H594698" s="12"/>
    </row>
    <row r="594699" spans="8:8">
      <c r="H594699" s="12"/>
    </row>
    <row r="594700" spans="8:8">
      <c r="H594700" s="12"/>
    </row>
    <row r="594701" spans="8:8">
      <c r="H594701" s="12"/>
    </row>
    <row r="594702" spans="8:8">
      <c r="H594702" s="12"/>
    </row>
    <row r="594703" spans="8:8">
      <c r="H594703" s="12"/>
    </row>
    <row r="594704" spans="8:8">
      <c r="H594704" s="12"/>
    </row>
    <row r="594705" spans="8:8">
      <c r="H594705" s="12"/>
    </row>
    <row r="594706" spans="8:8">
      <c r="H594706" s="12"/>
    </row>
    <row r="594707" spans="8:8">
      <c r="H594707" s="12"/>
    </row>
    <row r="594708" spans="8:8">
      <c r="H594708" s="12"/>
    </row>
    <row r="594709" spans="8:8">
      <c r="H594709" s="12"/>
    </row>
    <row r="594710" spans="8:8">
      <c r="H594710" s="12"/>
    </row>
    <row r="594711" spans="8:8">
      <c r="H594711" s="12"/>
    </row>
    <row r="594712" spans="8:8">
      <c r="H594712" s="12"/>
    </row>
    <row r="594713" spans="8:8">
      <c r="H594713" s="12"/>
    </row>
    <row r="594714" spans="8:8">
      <c r="H594714" s="12"/>
    </row>
    <row r="594715" spans="8:8">
      <c r="H594715" s="12"/>
    </row>
    <row r="594716" spans="8:8">
      <c r="H594716" s="12"/>
    </row>
    <row r="594717" spans="8:8">
      <c r="H594717" s="12"/>
    </row>
    <row r="594718" spans="8:8">
      <c r="H594718" s="12"/>
    </row>
    <row r="594719" spans="8:8">
      <c r="H594719" s="12"/>
    </row>
    <row r="594720" spans="8:8">
      <c r="H594720" s="12"/>
    </row>
    <row r="594721" spans="8:8">
      <c r="H594721" s="12"/>
    </row>
    <row r="594722" spans="8:8">
      <c r="H594722" s="12"/>
    </row>
    <row r="594723" spans="8:8">
      <c r="H594723" s="12"/>
    </row>
    <row r="594724" spans="8:8">
      <c r="H594724" s="12"/>
    </row>
    <row r="594725" spans="8:8">
      <c r="H594725" s="12"/>
    </row>
    <row r="594726" spans="8:8">
      <c r="H594726" s="12"/>
    </row>
    <row r="594727" spans="8:8">
      <c r="H594727" s="12"/>
    </row>
    <row r="594728" spans="8:8">
      <c r="H594728" s="12"/>
    </row>
    <row r="594729" spans="8:8">
      <c r="H594729" s="12"/>
    </row>
    <row r="594730" spans="8:8">
      <c r="H594730" s="12"/>
    </row>
    <row r="594731" spans="8:8">
      <c r="H594731" s="12"/>
    </row>
    <row r="594732" spans="8:8">
      <c r="H594732" s="12"/>
    </row>
    <row r="594733" spans="8:8">
      <c r="H594733" s="12"/>
    </row>
    <row r="594734" spans="8:8">
      <c r="H594734" s="12"/>
    </row>
    <row r="594735" spans="8:8">
      <c r="H594735" s="12"/>
    </row>
    <row r="594736" spans="8:8">
      <c r="H594736" s="12"/>
    </row>
    <row r="594737" spans="8:8">
      <c r="H594737" s="12"/>
    </row>
    <row r="594738" spans="8:8">
      <c r="H594738" s="12"/>
    </row>
    <row r="594739" spans="8:8">
      <c r="H594739" s="12"/>
    </row>
    <row r="594740" spans="8:8">
      <c r="H594740" s="12"/>
    </row>
    <row r="594741" spans="8:8">
      <c r="H594741" s="12"/>
    </row>
    <row r="594742" spans="8:8">
      <c r="H594742" s="12"/>
    </row>
    <row r="594743" spans="8:8">
      <c r="H594743" s="12"/>
    </row>
    <row r="594744" spans="8:8">
      <c r="H594744" s="12"/>
    </row>
    <row r="594745" spans="8:8">
      <c r="H594745" s="12"/>
    </row>
    <row r="594746" spans="8:8">
      <c r="H594746" s="12"/>
    </row>
    <row r="594747" spans="8:8">
      <c r="H594747" s="12"/>
    </row>
    <row r="594748" spans="8:8">
      <c r="H594748" s="12"/>
    </row>
    <row r="594749" spans="8:8">
      <c r="H594749" s="12"/>
    </row>
    <row r="594750" spans="8:8">
      <c r="H594750" s="12"/>
    </row>
    <row r="594751" spans="8:8">
      <c r="H594751" s="12"/>
    </row>
    <row r="594752" spans="8:8">
      <c r="H594752" s="12"/>
    </row>
    <row r="594753" spans="8:8">
      <c r="H594753" s="12"/>
    </row>
    <row r="594754" spans="8:8">
      <c r="H594754" s="12"/>
    </row>
    <row r="594755" spans="8:8">
      <c r="H594755" s="12"/>
    </row>
    <row r="594756" spans="8:8">
      <c r="H594756" s="12"/>
    </row>
    <row r="594757" spans="8:8">
      <c r="H594757" s="12"/>
    </row>
    <row r="594758" spans="8:8">
      <c r="H594758" s="12"/>
    </row>
    <row r="594759" spans="8:8">
      <c r="H594759" s="12"/>
    </row>
    <row r="594760" spans="8:8">
      <c r="H594760" s="12"/>
    </row>
    <row r="594761" spans="8:8">
      <c r="H594761" s="12"/>
    </row>
    <row r="594762" spans="8:8">
      <c r="H594762" s="12"/>
    </row>
    <row r="594763" spans="8:8">
      <c r="H594763" s="12"/>
    </row>
    <row r="594764" spans="8:8">
      <c r="H594764" s="12"/>
    </row>
    <row r="594765" spans="8:8">
      <c r="H594765" s="12"/>
    </row>
    <row r="594766" spans="8:8">
      <c r="H594766" s="12"/>
    </row>
    <row r="594767" spans="8:8">
      <c r="H594767" s="12"/>
    </row>
    <row r="594768" spans="8:8">
      <c r="H594768" s="12"/>
    </row>
    <row r="594769" spans="8:8">
      <c r="H594769" s="12"/>
    </row>
    <row r="594770" spans="8:8">
      <c r="H594770" s="12"/>
    </row>
    <row r="594771" spans="8:8">
      <c r="H594771" s="12"/>
    </row>
    <row r="594772" spans="8:8">
      <c r="H594772" s="12"/>
    </row>
    <row r="594773" spans="8:8">
      <c r="H594773" s="12"/>
    </row>
    <row r="594774" spans="8:8">
      <c r="H594774" s="12"/>
    </row>
    <row r="594775" spans="8:8">
      <c r="H594775" s="12"/>
    </row>
    <row r="594776" spans="8:8">
      <c r="H594776" s="12"/>
    </row>
    <row r="594777" spans="8:8">
      <c r="H594777" s="12"/>
    </row>
    <row r="594778" spans="8:8">
      <c r="H594778" s="12"/>
    </row>
    <row r="594779" spans="8:8">
      <c r="H594779" s="12"/>
    </row>
    <row r="594780" spans="8:8">
      <c r="H594780" s="12"/>
    </row>
    <row r="594781" spans="8:8">
      <c r="H594781" s="12"/>
    </row>
    <row r="594782" spans="8:8">
      <c r="H594782" s="12"/>
    </row>
    <row r="594783" spans="8:8">
      <c r="H594783" s="12"/>
    </row>
    <row r="594784" spans="8:8">
      <c r="H594784" s="12"/>
    </row>
    <row r="594785" spans="8:8">
      <c r="H594785" s="12"/>
    </row>
    <row r="594786" spans="8:8">
      <c r="H594786" s="12"/>
    </row>
    <row r="594787" spans="8:8">
      <c r="H594787" s="12"/>
    </row>
    <row r="594788" spans="8:8">
      <c r="H594788" s="12"/>
    </row>
    <row r="594789" spans="8:8">
      <c r="H594789" s="12"/>
    </row>
    <row r="594790" spans="8:8">
      <c r="H594790" s="12"/>
    </row>
    <row r="594791" spans="8:8">
      <c r="H594791" s="12"/>
    </row>
    <row r="594792" spans="8:8">
      <c r="H594792" s="12"/>
    </row>
    <row r="594793" spans="8:8">
      <c r="H594793" s="12"/>
    </row>
    <row r="594794" spans="8:8">
      <c r="H594794" s="12"/>
    </row>
    <row r="594795" spans="8:8">
      <c r="H594795" s="12"/>
    </row>
    <row r="594796" spans="8:8">
      <c r="H594796" s="12"/>
    </row>
    <row r="594797" spans="8:8">
      <c r="H594797" s="12"/>
    </row>
    <row r="594798" spans="8:8">
      <c r="H594798" s="12"/>
    </row>
    <row r="594799" spans="8:8">
      <c r="H594799" s="12"/>
    </row>
    <row r="594800" spans="8:8">
      <c r="H594800" s="12"/>
    </row>
    <row r="594801" spans="8:8">
      <c r="H594801" s="12"/>
    </row>
    <row r="594802" spans="8:8">
      <c r="H594802" s="12"/>
    </row>
    <row r="594803" spans="8:8">
      <c r="H594803" s="12"/>
    </row>
    <row r="594804" spans="8:8">
      <c r="H594804" s="12"/>
    </row>
    <row r="594805" spans="8:8">
      <c r="H594805" s="12"/>
    </row>
    <row r="594806" spans="8:8">
      <c r="H594806" s="12"/>
    </row>
    <row r="594807" spans="8:8">
      <c r="H594807" s="12"/>
    </row>
    <row r="594808" spans="8:8">
      <c r="H594808" s="12"/>
    </row>
    <row r="594809" spans="8:8">
      <c r="H594809" s="12"/>
    </row>
    <row r="594810" spans="8:8">
      <c r="H594810" s="12"/>
    </row>
    <row r="594811" spans="8:8">
      <c r="H594811" s="12"/>
    </row>
    <row r="594812" spans="8:8">
      <c r="H594812" s="12"/>
    </row>
    <row r="594813" spans="8:8">
      <c r="H594813" s="12"/>
    </row>
    <row r="594814" spans="8:8">
      <c r="H594814" s="12"/>
    </row>
    <row r="594815" spans="8:8">
      <c r="H594815" s="12"/>
    </row>
    <row r="594816" spans="8:8">
      <c r="H594816" s="12"/>
    </row>
    <row r="594817" spans="8:8">
      <c r="H594817" s="12"/>
    </row>
    <row r="594818" spans="8:8">
      <c r="H594818" s="12"/>
    </row>
    <row r="594819" spans="8:8">
      <c r="H594819" s="12"/>
    </row>
    <row r="594820" spans="8:8">
      <c r="H594820" s="12"/>
    </row>
    <row r="594821" spans="8:8">
      <c r="H594821" s="12"/>
    </row>
    <row r="594822" spans="8:8">
      <c r="H594822" s="12"/>
    </row>
    <row r="594823" spans="8:8">
      <c r="H594823" s="12"/>
    </row>
    <row r="594824" spans="8:8">
      <c r="H594824" s="12"/>
    </row>
    <row r="594825" spans="8:8">
      <c r="H594825" s="12"/>
    </row>
    <row r="594826" spans="8:8">
      <c r="H594826" s="12"/>
    </row>
    <row r="594827" spans="8:8">
      <c r="H594827" s="12"/>
    </row>
    <row r="594828" spans="8:8">
      <c r="H594828" s="12"/>
    </row>
    <row r="594829" spans="8:8">
      <c r="H594829" s="12"/>
    </row>
    <row r="594830" spans="8:8">
      <c r="H594830" s="12"/>
    </row>
    <row r="594831" spans="8:8">
      <c r="H594831" s="12"/>
    </row>
    <row r="594832" spans="8:8">
      <c r="H594832" s="12"/>
    </row>
    <row r="594833" spans="8:8">
      <c r="H594833" s="12"/>
    </row>
    <row r="594834" spans="8:8">
      <c r="H594834" s="12"/>
    </row>
    <row r="594835" spans="8:8">
      <c r="H594835" s="12"/>
    </row>
    <row r="594836" spans="8:8">
      <c r="H594836" s="12"/>
    </row>
    <row r="594837" spans="8:8">
      <c r="H594837" s="12"/>
    </row>
    <row r="594838" spans="8:8">
      <c r="H594838" s="12"/>
    </row>
    <row r="594839" spans="8:8">
      <c r="H594839" s="12"/>
    </row>
    <row r="594840" spans="8:8">
      <c r="H594840" s="12"/>
    </row>
    <row r="594841" spans="8:8">
      <c r="H594841" s="12"/>
    </row>
    <row r="594842" spans="8:8">
      <c r="H594842" s="12"/>
    </row>
    <row r="594843" spans="8:8">
      <c r="H594843" s="12"/>
    </row>
    <row r="594844" spans="8:8">
      <c r="H594844" s="12"/>
    </row>
    <row r="594845" spans="8:8">
      <c r="H594845" s="12"/>
    </row>
    <row r="594846" spans="8:8">
      <c r="H594846" s="12"/>
    </row>
    <row r="594847" spans="8:8">
      <c r="H594847" s="12"/>
    </row>
    <row r="594848" spans="8:8">
      <c r="H594848" s="12"/>
    </row>
    <row r="594849" spans="8:8">
      <c r="H594849" s="12"/>
    </row>
    <row r="594850" spans="8:8">
      <c r="H594850" s="12"/>
    </row>
    <row r="594851" spans="8:8">
      <c r="H594851" s="12"/>
    </row>
    <row r="594852" spans="8:8">
      <c r="H594852" s="12"/>
    </row>
    <row r="594853" spans="8:8">
      <c r="H594853" s="12"/>
    </row>
    <row r="594854" spans="8:8">
      <c r="H594854" s="12"/>
    </row>
    <row r="594855" spans="8:8">
      <c r="H594855" s="12"/>
    </row>
    <row r="594856" spans="8:8">
      <c r="H594856" s="12"/>
    </row>
    <row r="594857" spans="8:8">
      <c r="H594857" s="12"/>
    </row>
    <row r="594858" spans="8:8">
      <c r="H594858" s="12"/>
    </row>
    <row r="594859" spans="8:8">
      <c r="H594859" s="12"/>
    </row>
    <row r="594860" spans="8:8">
      <c r="H594860" s="12"/>
    </row>
    <row r="594861" spans="8:8">
      <c r="H594861" s="12"/>
    </row>
    <row r="594862" spans="8:8">
      <c r="H594862" s="12"/>
    </row>
    <row r="594863" spans="8:8">
      <c r="H594863" s="12"/>
    </row>
    <row r="594864" spans="8:8">
      <c r="H594864" s="12"/>
    </row>
    <row r="594865" spans="8:8">
      <c r="H594865" s="12"/>
    </row>
    <row r="594866" spans="8:8">
      <c r="H594866" s="12"/>
    </row>
    <row r="594867" spans="8:8">
      <c r="H594867" s="12"/>
    </row>
    <row r="594868" spans="8:8">
      <c r="H594868" s="12"/>
    </row>
    <row r="594869" spans="8:8">
      <c r="H594869" s="12"/>
    </row>
    <row r="594870" spans="8:8">
      <c r="H594870" s="12"/>
    </row>
    <row r="594871" spans="8:8">
      <c r="H594871" s="12"/>
    </row>
    <row r="594872" spans="8:8">
      <c r="H594872" s="12"/>
    </row>
    <row r="594873" spans="8:8">
      <c r="H594873" s="12"/>
    </row>
    <row r="594874" spans="8:8">
      <c r="H594874" s="12"/>
    </row>
    <row r="594875" spans="8:8">
      <c r="H594875" s="12"/>
    </row>
    <row r="594876" spans="8:8">
      <c r="H594876" s="12"/>
    </row>
    <row r="594877" spans="8:8">
      <c r="H594877" s="12"/>
    </row>
    <row r="594878" spans="8:8">
      <c r="H594878" s="12"/>
    </row>
    <row r="594879" spans="8:8">
      <c r="H594879" s="12"/>
    </row>
    <row r="594880" spans="8:8">
      <c r="H594880" s="12"/>
    </row>
    <row r="594881" spans="8:8">
      <c r="H594881" s="12"/>
    </row>
    <row r="594882" spans="8:8">
      <c r="H594882" s="12"/>
    </row>
    <row r="594883" spans="8:8">
      <c r="H594883" s="12"/>
    </row>
    <row r="594884" spans="8:8">
      <c r="H594884" s="12"/>
    </row>
    <row r="594885" spans="8:8">
      <c r="H594885" s="12"/>
    </row>
    <row r="594886" spans="8:8">
      <c r="H594886" s="12"/>
    </row>
    <row r="594887" spans="8:8">
      <c r="H594887" s="12"/>
    </row>
    <row r="594888" spans="8:8">
      <c r="H594888" s="12"/>
    </row>
    <row r="594889" spans="8:8">
      <c r="H594889" s="12"/>
    </row>
    <row r="594890" spans="8:8">
      <c r="H594890" s="12"/>
    </row>
    <row r="594891" spans="8:8">
      <c r="H594891" s="12"/>
    </row>
    <row r="594892" spans="8:8">
      <c r="H594892" s="12"/>
    </row>
    <row r="594893" spans="8:8">
      <c r="H594893" s="12"/>
    </row>
    <row r="594894" spans="8:8">
      <c r="H594894" s="12"/>
    </row>
    <row r="594895" spans="8:8">
      <c r="H594895" s="12"/>
    </row>
    <row r="594896" spans="8:8">
      <c r="H594896" s="12"/>
    </row>
    <row r="594897" spans="8:8">
      <c r="H594897" s="12"/>
    </row>
    <row r="594898" spans="8:8">
      <c r="H594898" s="12"/>
    </row>
    <row r="594899" spans="8:8">
      <c r="H594899" s="12"/>
    </row>
    <row r="594900" spans="8:8">
      <c r="H594900" s="12"/>
    </row>
    <row r="594901" spans="8:8">
      <c r="H594901" s="12"/>
    </row>
    <row r="594902" spans="8:8">
      <c r="H594902" s="12"/>
    </row>
    <row r="594903" spans="8:8">
      <c r="H594903" s="12"/>
    </row>
    <row r="594904" spans="8:8">
      <c r="H594904" s="12"/>
    </row>
    <row r="594905" spans="8:8">
      <c r="H594905" s="12"/>
    </row>
    <row r="594906" spans="8:8">
      <c r="H594906" s="12"/>
    </row>
    <row r="594907" spans="8:8">
      <c r="H594907" s="12"/>
    </row>
    <row r="594908" spans="8:8">
      <c r="H594908" s="12"/>
    </row>
    <row r="594909" spans="8:8">
      <c r="H594909" s="12"/>
    </row>
    <row r="594910" spans="8:8">
      <c r="H594910" s="12"/>
    </row>
    <row r="594911" spans="8:8">
      <c r="H594911" s="12"/>
    </row>
    <row r="594912" spans="8:8">
      <c r="H594912" s="12"/>
    </row>
    <row r="594913" spans="8:8">
      <c r="H594913" s="12"/>
    </row>
    <row r="594914" spans="8:8">
      <c r="H594914" s="12"/>
    </row>
    <row r="594915" spans="8:8">
      <c r="H594915" s="12"/>
    </row>
    <row r="594916" spans="8:8">
      <c r="H594916" s="12"/>
    </row>
    <row r="594917" spans="8:8">
      <c r="H594917" s="12"/>
    </row>
    <row r="594918" spans="8:8">
      <c r="H594918" s="12"/>
    </row>
    <row r="594919" spans="8:8">
      <c r="H594919" s="12"/>
    </row>
    <row r="594920" spans="8:8">
      <c r="H594920" s="12"/>
    </row>
    <row r="594921" spans="8:8">
      <c r="H594921" s="12"/>
    </row>
    <row r="594922" spans="8:8">
      <c r="H594922" s="12"/>
    </row>
    <row r="594923" spans="8:8">
      <c r="H594923" s="12"/>
    </row>
    <row r="594924" spans="8:8">
      <c r="H594924" s="12"/>
    </row>
    <row r="594925" spans="8:8">
      <c r="H594925" s="12"/>
    </row>
    <row r="594926" spans="8:8">
      <c r="H594926" s="12"/>
    </row>
    <row r="594927" spans="8:8">
      <c r="H594927" s="12"/>
    </row>
    <row r="594928" spans="8:8">
      <c r="H594928" s="12"/>
    </row>
    <row r="594929" spans="8:8">
      <c r="H594929" s="12"/>
    </row>
    <row r="594930" spans="8:8">
      <c r="H594930" s="12"/>
    </row>
    <row r="594931" spans="8:8">
      <c r="H594931" s="12"/>
    </row>
    <row r="594932" spans="8:8">
      <c r="H594932" s="12"/>
    </row>
    <row r="594933" spans="8:8">
      <c r="H594933" s="12"/>
    </row>
    <row r="594934" spans="8:8">
      <c r="H594934" s="12"/>
    </row>
    <row r="594935" spans="8:8">
      <c r="H594935" s="12"/>
    </row>
    <row r="594936" spans="8:8">
      <c r="H594936" s="12"/>
    </row>
    <row r="594937" spans="8:8">
      <c r="H594937" s="12"/>
    </row>
    <row r="594938" spans="8:8">
      <c r="H594938" s="12"/>
    </row>
    <row r="594939" spans="8:8">
      <c r="H594939" s="12"/>
    </row>
    <row r="594940" spans="8:8">
      <c r="H594940" s="12"/>
    </row>
    <row r="594941" spans="8:8">
      <c r="H594941" s="12"/>
    </row>
    <row r="594942" spans="8:8">
      <c r="H594942" s="12"/>
    </row>
    <row r="594943" spans="8:8">
      <c r="H594943" s="12"/>
    </row>
    <row r="594944" spans="8:8">
      <c r="H594944" s="12"/>
    </row>
    <row r="594945" spans="8:8">
      <c r="H594945" s="12"/>
    </row>
    <row r="594946" spans="8:8">
      <c r="H594946" s="12"/>
    </row>
    <row r="594947" spans="8:8">
      <c r="H594947" s="12"/>
    </row>
    <row r="594948" spans="8:8">
      <c r="H594948" s="12"/>
    </row>
    <row r="594949" spans="8:8">
      <c r="H594949" s="12"/>
    </row>
    <row r="594950" spans="8:8">
      <c r="H594950" s="12"/>
    </row>
    <row r="594951" spans="8:8">
      <c r="H594951" s="12"/>
    </row>
    <row r="594952" spans="8:8">
      <c r="H594952" s="12"/>
    </row>
    <row r="594953" spans="8:8">
      <c r="H594953" s="12"/>
    </row>
    <row r="594954" spans="8:8">
      <c r="H594954" s="12"/>
    </row>
    <row r="594955" spans="8:8">
      <c r="H594955" s="12"/>
    </row>
    <row r="594956" spans="8:8">
      <c r="H594956" s="12"/>
    </row>
    <row r="594957" spans="8:8">
      <c r="H594957" s="12"/>
    </row>
    <row r="594958" spans="8:8">
      <c r="H594958" s="12"/>
    </row>
    <row r="594959" spans="8:8">
      <c r="H594959" s="12"/>
    </row>
    <row r="594960" spans="8:8">
      <c r="H594960" s="12"/>
    </row>
    <row r="594961" spans="8:8">
      <c r="H594961" s="12"/>
    </row>
    <row r="594962" spans="8:8">
      <c r="H594962" s="12"/>
    </row>
    <row r="594963" spans="8:8">
      <c r="H594963" s="12"/>
    </row>
    <row r="594964" spans="8:8">
      <c r="H594964" s="12"/>
    </row>
    <row r="594965" spans="8:8">
      <c r="H594965" s="12"/>
    </row>
    <row r="594966" spans="8:8">
      <c r="H594966" s="12"/>
    </row>
    <row r="594967" spans="8:8">
      <c r="H594967" s="12"/>
    </row>
    <row r="594968" spans="8:8">
      <c r="H594968" s="12"/>
    </row>
    <row r="594969" spans="8:8">
      <c r="H594969" s="12"/>
    </row>
    <row r="594970" spans="8:8">
      <c r="H594970" s="12"/>
    </row>
    <row r="594971" spans="8:8">
      <c r="H594971" s="12"/>
    </row>
    <row r="594972" spans="8:8">
      <c r="H594972" s="12"/>
    </row>
    <row r="594973" spans="8:8">
      <c r="H594973" s="12"/>
    </row>
    <row r="594974" spans="8:8">
      <c r="H594974" s="12"/>
    </row>
    <row r="594975" spans="8:8">
      <c r="H594975" s="12"/>
    </row>
    <row r="594976" spans="8:8">
      <c r="H594976" s="12"/>
    </row>
    <row r="594977" spans="8:8">
      <c r="H594977" s="12"/>
    </row>
    <row r="594978" spans="8:8">
      <c r="H594978" s="12"/>
    </row>
    <row r="594979" spans="8:8">
      <c r="H594979" s="12"/>
    </row>
    <row r="594980" spans="8:8">
      <c r="H594980" s="12"/>
    </row>
    <row r="594981" spans="8:8">
      <c r="H594981" s="12"/>
    </row>
    <row r="594982" spans="8:8">
      <c r="H594982" s="12"/>
    </row>
    <row r="594983" spans="8:8">
      <c r="H594983" s="12"/>
    </row>
    <row r="594984" spans="8:8">
      <c r="H594984" s="12"/>
    </row>
    <row r="594985" spans="8:8">
      <c r="H594985" s="12"/>
    </row>
    <row r="594986" spans="8:8">
      <c r="H594986" s="12"/>
    </row>
    <row r="594987" spans="8:8">
      <c r="H594987" s="12"/>
    </row>
    <row r="594988" spans="8:8">
      <c r="H594988" s="12"/>
    </row>
    <row r="594989" spans="8:8">
      <c r="H594989" s="12"/>
    </row>
    <row r="594990" spans="8:8">
      <c r="H594990" s="12"/>
    </row>
    <row r="594991" spans="8:8">
      <c r="H594991" s="12"/>
    </row>
    <row r="594992" spans="8:8">
      <c r="H594992" s="12"/>
    </row>
    <row r="594993" spans="8:8">
      <c r="H594993" s="12"/>
    </row>
    <row r="594994" spans="8:8">
      <c r="H594994" s="12"/>
    </row>
    <row r="594995" spans="8:8">
      <c r="H594995" s="12"/>
    </row>
    <row r="594996" spans="8:8">
      <c r="H594996" s="12"/>
    </row>
    <row r="594997" spans="8:8">
      <c r="H594997" s="12"/>
    </row>
    <row r="594998" spans="8:8">
      <c r="H594998" s="12"/>
    </row>
    <row r="594999" spans="8:8">
      <c r="H594999" s="12"/>
    </row>
    <row r="595000" spans="8:8">
      <c r="H595000" s="12"/>
    </row>
    <row r="595001" spans="8:8">
      <c r="H595001" s="12"/>
    </row>
    <row r="595002" spans="8:8">
      <c r="H595002" s="12"/>
    </row>
    <row r="595003" spans="8:8">
      <c r="H595003" s="12"/>
    </row>
    <row r="595004" spans="8:8">
      <c r="H595004" s="12"/>
    </row>
    <row r="595005" spans="8:8">
      <c r="H595005" s="12"/>
    </row>
    <row r="595006" spans="8:8">
      <c r="H595006" s="12"/>
    </row>
    <row r="595007" spans="8:8">
      <c r="H595007" s="12"/>
    </row>
    <row r="595008" spans="8:8">
      <c r="H595008" s="12"/>
    </row>
    <row r="595009" spans="8:8">
      <c r="H595009" s="12"/>
    </row>
    <row r="595010" spans="8:8">
      <c r="H595010" s="12"/>
    </row>
    <row r="595011" spans="8:8">
      <c r="H595011" s="12"/>
    </row>
    <row r="595012" spans="8:8">
      <c r="H595012" s="12"/>
    </row>
    <row r="595013" spans="8:8">
      <c r="H595013" s="12"/>
    </row>
    <row r="595014" spans="8:8">
      <c r="H595014" s="12"/>
    </row>
    <row r="595015" spans="8:8">
      <c r="H595015" s="12"/>
    </row>
    <row r="595016" spans="8:8">
      <c r="H595016" s="12"/>
    </row>
    <row r="595017" spans="8:8">
      <c r="H595017" s="12"/>
    </row>
    <row r="595018" spans="8:8">
      <c r="H595018" s="12"/>
    </row>
    <row r="595019" spans="8:8">
      <c r="H595019" s="12"/>
    </row>
    <row r="595020" spans="8:8">
      <c r="H595020" s="12"/>
    </row>
    <row r="595021" spans="8:8">
      <c r="H595021" s="12"/>
    </row>
    <row r="595022" spans="8:8">
      <c r="H595022" s="12"/>
    </row>
    <row r="595023" spans="8:8">
      <c r="H595023" s="12"/>
    </row>
    <row r="595024" spans="8:8">
      <c r="H595024" s="12"/>
    </row>
    <row r="595025" spans="8:8">
      <c r="H595025" s="12"/>
    </row>
    <row r="595026" spans="8:8">
      <c r="H595026" s="12"/>
    </row>
    <row r="595027" spans="8:8">
      <c r="H595027" s="12"/>
    </row>
    <row r="595028" spans="8:8">
      <c r="H595028" s="12"/>
    </row>
    <row r="595029" spans="8:8">
      <c r="H595029" s="12"/>
    </row>
    <row r="595030" spans="8:8">
      <c r="H595030" s="12"/>
    </row>
    <row r="595031" spans="8:8">
      <c r="H595031" s="12"/>
    </row>
    <row r="595032" spans="8:8">
      <c r="H595032" s="12"/>
    </row>
    <row r="595033" spans="8:8">
      <c r="H595033" s="12"/>
    </row>
    <row r="595034" spans="8:8">
      <c r="H595034" s="12"/>
    </row>
    <row r="595035" spans="8:8">
      <c r="H595035" s="12"/>
    </row>
    <row r="595036" spans="8:8">
      <c r="H595036" s="12"/>
    </row>
    <row r="595037" spans="8:8">
      <c r="H595037" s="12"/>
    </row>
    <row r="595038" spans="8:8">
      <c r="H595038" s="12"/>
    </row>
    <row r="595039" spans="8:8">
      <c r="H595039" s="12"/>
    </row>
    <row r="595040" spans="8:8">
      <c r="H595040" s="12"/>
    </row>
    <row r="595041" spans="8:8">
      <c r="H595041" s="12"/>
    </row>
    <row r="595042" spans="8:8">
      <c r="H595042" s="12"/>
    </row>
    <row r="595043" spans="8:8">
      <c r="H595043" s="12"/>
    </row>
    <row r="595044" spans="8:8">
      <c r="H595044" s="12"/>
    </row>
    <row r="595045" spans="8:8">
      <c r="H595045" s="12"/>
    </row>
    <row r="595046" spans="8:8">
      <c r="H595046" s="12"/>
    </row>
    <row r="595047" spans="8:8">
      <c r="H595047" s="12"/>
    </row>
    <row r="595048" spans="8:8">
      <c r="H595048" s="12"/>
    </row>
    <row r="595049" spans="8:8">
      <c r="H595049" s="12"/>
    </row>
    <row r="595050" spans="8:8">
      <c r="H595050" s="12"/>
    </row>
    <row r="595051" spans="8:8">
      <c r="H595051" s="12"/>
    </row>
    <row r="595052" spans="8:8">
      <c r="H595052" s="12"/>
    </row>
    <row r="595053" spans="8:8">
      <c r="H595053" s="12"/>
    </row>
    <row r="595054" spans="8:8">
      <c r="H595054" s="12"/>
    </row>
    <row r="595055" spans="8:8">
      <c r="H595055" s="12"/>
    </row>
    <row r="595056" spans="8:8">
      <c r="H595056" s="12"/>
    </row>
    <row r="595057" spans="8:8">
      <c r="H595057" s="12"/>
    </row>
    <row r="595058" spans="8:8">
      <c r="H595058" s="12"/>
    </row>
    <row r="595059" spans="8:8">
      <c r="H595059" s="12"/>
    </row>
    <row r="595060" spans="8:8">
      <c r="H595060" s="12"/>
    </row>
    <row r="595061" spans="8:8">
      <c r="H595061" s="12"/>
    </row>
    <row r="595062" spans="8:8">
      <c r="H595062" s="12"/>
    </row>
    <row r="595063" spans="8:8">
      <c r="H595063" s="12"/>
    </row>
    <row r="595064" spans="8:8">
      <c r="H595064" s="12"/>
    </row>
    <row r="595065" spans="8:8">
      <c r="H595065" s="12"/>
    </row>
    <row r="595066" spans="8:8">
      <c r="H595066" s="12"/>
    </row>
    <row r="595067" spans="8:8">
      <c r="H595067" s="12"/>
    </row>
    <row r="595068" spans="8:8">
      <c r="H595068" s="12"/>
    </row>
    <row r="595069" spans="8:8">
      <c r="H595069" s="12"/>
    </row>
    <row r="595070" spans="8:8">
      <c r="H595070" s="12"/>
    </row>
    <row r="595071" spans="8:8">
      <c r="H595071" s="12"/>
    </row>
    <row r="595072" spans="8:8">
      <c r="H595072" s="12"/>
    </row>
    <row r="595073" spans="8:8">
      <c r="H595073" s="12"/>
    </row>
    <row r="595074" spans="8:8">
      <c r="H595074" s="12"/>
    </row>
    <row r="595075" spans="8:8">
      <c r="H595075" s="12"/>
    </row>
    <row r="595076" spans="8:8">
      <c r="H595076" s="12"/>
    </row>
    <row r="595077" spans="8:8">
      <c r="H595077" s="12"/>
    </row>
    <row r="595078" spans="8:8">
      <c r="H595078" s="12"/>
    </row>
    <row r="595079" spans="8:8">
      <c r="H595079" s="12"/>
    </row>
    <row r="595080" spans="8:8">
      <c r="H595080" s="12"/>
    </row>
    <row r="595081" spans="8:8">
      <c r="H595081" s="12"/>
    </row>
    <row r="595082" spans="8:8">
      <c r="H595082" s="12"/>
    </row>
    <row r="595083" spans="8:8">
      <c r="H595083" s="12"/>
    </row>
    <row r="595084" spans="8:8">
      <c r="H595084" s="12"/>
    </row>
    <row r="595085" spans="8:8">
      <c r="H595085" s="12"/>
    </row>
    <row r="595086" spans="8:8">
      <c r="H595086" s="12"/>
    </row>
    <row r="595087" spans="8:8">
      <c r="H595087" s="12"/>
    </row>
    <row r="595088" spans="8:8">
      <c r="H595088" s="12"/>
    </row>
    <row r="595089" spans="8:8">
      <c r="H595089" s="12"/>
    </row>
    <row r="595090" spans="8:8">
      <c r="H595090" s="12"/>
    </row>
    <row r="595091" spans="8:8">
      <c r="H595091" s="12"/>
    </row>
    <row r="595092" spans="8:8">
      <c r="H595092" s="12"/>
    </row>
    <row r="595093" spans="8:8">
      <c r="H595093" s="12"/>
    </row>
    <row r="595094" spans="8:8">
      <c r="H595094" s="12"/>
    </row>
    <row r="595095" spans="8:8">
      <c r="H595095" s="12"/>
    </row>
    <row r="595096" spans="8:8">
      <c r="H595096" s="12"/>
    </row>
    <row r="595097" spans="8:8">
      <c r="H595097" s="12"/>
    </row>
    <row r="595098" spans="8:8">
      <c r="H595098" s="12"/>
    </row>
    <row r="595099" spans="8:8">
      <c r="H595099" s="12"/>
    </row>
    <row r="595100" spans="8:8">
      <c r="H595100" s="12"/>
    </row>
    <row r="595101" spans="8:8">
      <c r="H595101" s="12"/>
    </row>
    <row r="595102" spans="8:8">
      <c r="H595102" s="12"/>
    </row>
    <row r="595103" spans="8:8">
      <c r="H595103" s="12"/>
    </row>
    <row r="595104" spans="8:8">
      <c r="H595104" s="12"/>
    </row>
    <row r="595105" spans="8:8">
      <c r="H595105" s="12"/>
    </row>
    <row r="595106" spans="8:8">
      <c r="H595106" s="12"/>
    </row>
    <row r="595107" spans="8:8">
      <c r="H595107" s="12"/>
    </row>
    <row r="595108" spans="8:8">
      <c r="H595108" s="12"/>
    </row>
    <row r="595109" spans="8:8">
      <c r="H595109" s="12"/>
    </row>
    <row r="595110" spans="8:8">
      <c r="H595110" s="12"/>
    </row>
    <row r="595111" spans="8:8">
      <c r="H595111" s="12"/>
    </row>
    <row r="595112" spans="8:8">
      <c r="H595112" s="12"/>
    </row>
    <row r="595113" spans="8:8">
      <c r="H595113" s="12"/>
    </row>
    <row r="595114" spans="8:8">
      <c r="H595114" s="12"/>
    </row>
    <row r="595115" spans="8:8">
      <c r="H595115" s="12"/>
    </row>
    <row r="595116" spans="8:8">
      <c r="H595116" s="12"/>
    </row>
    <row r="595117" spans="8:8">
      <c r="H595117" s="12"/>
    </row>
    <row r="595118" spans="8:8">
      <c r="H595118" s="12"/>
    </row>
    <row r="595119" spans="8:8">
      <c r="H595119" s="12"/>
    </row>
    <row r="595120" spans="8:8">
      <c r="H595120" s="12"/>
    </row>
    <row r="595121" spans="8:8">
      <c r="H595121" s="12"/>
    </row>
    <row r="595122" spans="8:8">
      <c r="H595122" s="12"/>
    </row>
    <row r="595123" spans="8:8">
      <c r="H595123" s="12"/>
    </row>
    <row r="595124" spans="8:8">
      <c r="H595124" s="12"/>
    </row>
    <row r="595125" spans="8:8">
      <c r="H595125" s="12"/>
    </row>
    <row r="595126" spans="8:8">
      <c r="H595126" s="12"/>
    </row>
    <row r="595127" spans="8:8">
      <c r="H595127" s="12"/>
    </row>
    <row r="595128" spans="8:8">
      <c r="H595128" s="12"/>
    </row>
    <row r="595129" spans="8:8">
      <c r="H595129" s="12"/>
    </row>
    <row r="595130" spans="8:8">
      <c r="H595130" s="12"/>
    </row>
    <row r="595131" spans="8:8">
      <c r="H595131" s="12"/>
    </row>
    <row r="595132" spans="8:8">
      <c r="H595132" s="12"/>
    </row>
    <row r="595133" spans="8:8">
      <c r="H595133" s="12"/>
    </row>
    <row r="595134" spans="8:8">
      <c r="H595134" s="12"/>
    </row>
    <row r="595135" spans="8:8">
      <c r="H595135" s="12"/>
    </row>
    <row r="595136" spans="8:8">
      <c r="H595136" s="12"/>
    </row>
    <row r="595137" spans="8:8">
      <c r="H595137" s="12"/>
    </row>
    <row r="595138" spans="8:8">
      <c r="H595138" s="12"/>
    </row>
    <row r="595139" spans="8:8">
      <c r="H595139" s="12"/>
    </row>
    <row r="595140" spans="8:8">
      <c r="H595140" s="12"/>
    </row>
    <row r="595141" spans="8:8">
      <c r="H595141" s="12"/>
    </row>
    <row r="595142" spans="8:8">
      <c r="H595142" s="12"/>
    </row>
    <row r="595143" spans="8:8">
      <c r="H595143" s="12"/>
    </row>
    <row r="595144" spans="8:8">
      <c r="H595144" s="12"/>
    </row>
    <row r="595145" spans="8:8">
      <c r="H595145" s="12"/>
    </row>
    <row r="595146" spans="8:8">
      <c r="H595146" s="12"/>
    </row>
    <row r="595147" spans="8:8">
      <c r="H595147" s="12"/>
    </row>
    <row r="595148" spans="8:8">
      <c r="H595148" s="12"/>
    </row>
    <row r="595149" spans="8:8">
      <c r="H595149" s="12"/>
    </row>
    <row r="595150" spans="8:8">
      <c r="H595150" s="12"/>
    </row>
    <row r="595151" spans="8:8">
      <c r="H595151" s="12"/>
    </row>
    <row r="595152" spans="8:8">
      <c r="H595152" s="12"/>
    </row>
    <row r="595153" spans="8:8">
      <c r="H595153" s="12"/>
    </row>
    <row r="595154" spans="8:8">
      <c r="H595154" s="12"/>
    </row>
    <row r="595155" spans="8:8">
      <c r="H595155" s="12"/>
    </row>
    <row r="595156" spans="8:8">
      <c r="H595156" s="12"/>
    </row>
    <row r="595157" spans="8:8">
      <c r="H595157" s="12"/>
    </row>
    <row r="595158" spans="8:8">
      <c r="H595158" s="12"/>
    </row>
    <row r="595159" spans="8:8">
      <c r="H595159" s="12"/>
    </row>
    <row r="595160" spans="8:8">
      <c r="H595160" s="12"/>
    </row>
    <row r="595161" spans="8:8">
      <c r="H595161" s="12"/>
    </row>
    <row r="595162" spans="8:8">
      <c r="H595162" s="12"/>
    </row>
    <row r="595163" spans="8:8">
      <c r="H595163" s="12"/>
    </row>
    <row r="595164" spans="8:8">
      <c r="H595164" s="12"/>
    </row>
    <row r="595165" spans="8:8">
      <c r="H595165" s="12"/>
    </row>
    <row r="595166" spans="8:8">
      <c r="H595166" s="12"/>
    </row>
    <row r="595167" spans="8:8">
      <c r="H595167" s="12"/>
    </row>
    <row r="595168" spans="8:8">
      <c r="H595168" s="12"/>
    </row>
    <row r="595169" spans="8:8">
      <c r="H595169" s="12"/>
    </row>
    <row r="595170" spans="8:8">
      <c r="H595170" s="12"/>
    </row>
    <row r="595171" spans="8:8">
      <c r="H595171" s="12"/>
    </row>
    <row r="595172" spans="8:8">
      <c r="H595172" s="12"/>
    </row>
    <row r="595173" spans="8:8">
      <c r="H595173" s="12"/>
    </row>
    <row r="595174" spans="8:8">
      <c r="H595174" s="12"/>
    </row>
    <row r="595175" spans="8:8">
      <c r="H595175" s="12"/>
    </row>
    <row r="595176" spans="8:8">
      <c r="H595176" s="12"/>
    </row>
    <row r="595177" spans="8:8">
      <c r="H595177" s="12"/>
    </row>
    <row r="595178" spans="8:8">
      <c r="H595178" s="12"/>
    </row>
    <row r="595179" spans="8:8">
      <c r="H595179" s="12"/>
    </row>
    <row r="595180" spans="8:8">
      <c r="H595180" s="12"/>
    </row>
    <row r="595181" spans="8:8">
      <c r="H595181" s="12"/>
    </row>
    <row r="595182" spans="8:8">
      <c r="H595182" s="12"/>
    </row>
    <row r="595183" spans="8:8">
      <c r="H595183" s="12"/>
    </row>
    <row r="595184" spans="8:8">
      <c r="H595184" s="12"/>
    </row>
    <row r="595185" spans="8:8">
      <c r="H595185" s="12"/>
    </row>
    <row r="595186" spans="8:8">
      <c r="H595186" s="12"/>
    </row>
    <row r="595187" spans="8:8">
      <c r="H595187" s="12"/>
    </row>
    <row r="595188" spans="8:8">
      <c r="H595188" s="12"/>
    </row>
    <row r="595189" spans="8:8">
      <c r="H595189" s="12"/>
    </row>
    <row r="595190" spans="8:8">
      <c r="H595190" s="12"/>
    </row>
    <row r="595191" spans="8:8">
      <c r="H595191" s="12"/>
    </row>
    <row r="595192" spans="8:8">
      <c r="H595192" s="12"/>
    </row>
    <row r="595193" spans="8:8">
      <c r="H595193" s="12"/>
    </row>
    <row r="595194" spans="8:8">
      <c r="H595194" s="12"/>
    </row>
    <row r="595195" spans="8:8">
      <c r="H595195" s="12"/>
    </row>
    <row r="595196" spans="8:8">
      <c r="H595196" s="12"/>
    </row>
    <row r="595197" spans="8:8">
      <c r="H595197" s="12"/>
    </row>
    <row r="595198" spans="8:8">
      <c r="H595198" s="12"/>
    </row>
    <row r="595199" spans="8:8">
      <c r="H595199" s="12"/>
    </row>
    <row r="595200" spans="8:8">
      <c r="H595200" s="12"/>
    </row>
    <row r="595201" spans="8:8">
      <c r="H595201" s="12"/>
    </row>
    <row r="595202" spans="8:8">
      <c r="H595202" s="12"/>
    </row>
    <row r="595203" spans="8:8">
      <c r="H595203" s="12"/>
    </row>
    <row r="595204" spans="8:8">
      <c r="H595204" s="12"/>
    </row>
    <row r="595205" spans="8:8">
      <c r="H595205" s="12"/>
    </row>
    <row r="595206" spans="8:8">
      <c r="H595206" s="12"/>
    </row>
    <row r="595207" spans="8:8">
      <c r="H595207" s="12"/>
    </row>
    <row r="595208" spans="8:8">
      <c r="H595208" s="12"/>
    </row>
    <row r="595209" spans="8:8">
      <c r="H595209" s="12"/>
    </row>
    <row r="595210" spans="8:8">
      <c r="H595210" s="12"/>
    </row>
    <row r="595211" spans="8:8">
      <c r="H595211" s="12"/>
    </row>
    <row r="595212" spans="8:8">
      <c r="H595212" s="12"/>
    </row>
    <row r="595213" spans="8:8">
      <c r="H595213" s="12"/>
    </row>
    <row r="595214" spans="8:8">
      <c r="H595214" s="12"/>
    </row>
    <row r="595215" spans="8:8">
      <c r="H595215" s="12"/>
    </row>
    <row r="595216" spans="8:8">
      <c r="H595216" s="12"/>
    </row>
    <row r="595217" spans="8:8">
      <c r="H595217" s="12"/>
    </row>
    <row r="595218" spans="8:8">
      <c r="H595218" s="12"/>
    </row>
    <row r="595219" spans="8:8">
      <c r="H595219" s="12"/>
    </row>
    <row r="595220" spans="8:8">
      <c r="H595220" s="12"/>
    </row>
    <row r="595221" spans="8:8">
      <c r="H595221" s="12"/>
    </row>
    <row r="595222" spans="8:8">
      <c r="H595222" s="12"/>
    </row>
    <row r="595223" spans="8:8">
      <c r="H595223" s="12"/>
    </row>
    <row r="595224" spans="8:8">
      <c r="H595224" s="12"/>
    </row>
    <row r="595225" spans="8:8">
      <c r="H595225" s="12"/>
    </row>
    <row r="595226" spans="8:8">
      <c r="H595226" s="12"/>
    </row>
    <row r="595227" spans="8:8">
      <c r="H595227" s="12"/>
    </row>
    <row r="595228" spans="8:8">
      <c r="H595228" s="12"/>
    </row>
    <row r="595229" spans="8:8">
      <c r="H595229" s="12"/>
    </row>
    <row r="595230" spans="8:8">
      <c r="H595230" s="12"/>
    </row>
    <row r="595231" spans="8:8">
      <c r="H595231" s="12"/>
    </row>
    <row r="595232" spans="8:8">
      <c r="H595232" s="12"/>
    </row>
    <row r="595233" spans="8:8">
      <c r="H595233" s="12"/>
    </row>
    <row r="595234" spans="8:8">
      <c r="H595234" s="12"/>
    </row>
    <row r="595235" spans="8:8">
      <c r="H595235" s="12"/>
    </row>
    <row r="595236" spans="8:8">
      <c r="H595236" s="12"/>
    </row>
    <row r="595237" spans="8:8">
      <c r="H595237" s="12"/>
    </row>
    <row r="595238" spans="8:8">
      <c r="H595238" s="12"/>
    </row>
    <row r="595239" spans="8:8">
      <c r="H595239" s="12"/>
    </row>
    <row r="595240" spans="8:8">
      <c r="H595240" s="12"/>
    </row>
    <row r="595241" spans="8:8">
      <c r="H595241" s="12"/>
    </row>
    <row r="595242" spans="8:8">
      <c r="H595242" s="12"/>
    </row>
    <row r="595243" spans="8:8">
      <c r="H595243" s="12"/>
    </row>
    <row r="595244" spans="8:8">
      <c r="H595244" s="12"/>
    </row>
    <row r="595245" spans="8:8">
      <c r="H595245" s="12"/>
    </row>
    <row r="595246" spans="8:8">
      <c r="H595246" s="12"/>
    </row>
    <row r="595247" spans="8:8">
      <c r="H595247" s="12"/>
    </row>
    <row r="595248" spans="8:8">
      <c r="H595248" s="12"/>
    </row>
    <row r="595249" spans="8:8">
      <c r="H595249" s="12"/>
    </row>
    <row r="595250" spans="8:8">
      <c r="H595250" s="12"/>
    </row>
    <row r="595251" spans="8:8">
      <c r="H595251" s="12"/>
    </row>
    <row r="595252" spans="8:8">
      <c r="H595252" s="12"/>
    </row>
    <row r="595253" spans="8:8">
      <c r="H595253" s="12"/>
    </row>
    <row r="595254" spans="8:8">
      <c r="H595254" s="12"/>
    </row>
    <row r="595255" spans="8:8">
      <c r="H595255" s="12"/>
    </row>
    <row r="595256" spans="8:8">
      <c r="H595256" s="12"/>
    </row>
    <row r="595257" spans="8:8">
      <c r="H595257" s="12"/>
    </row>
    <row r="595258" spans="8:8">
      <c r="H595258" s="12"/>
    </row>
    <row r="595259" spans="8:8">
      <c r="H595259" s="12"/>
    </row>
    <row r="595260" spans="8:8">
      <c r="H595260" s="12"/>
    </row>
    <row r="595261" spans="8:8">
      <c r="H595261" s="12"/>
    </row>
    <row r="595262" spans="8:8">
      <c r="H595262" s="12"/>
    </row>
    <row r="595263" spans="8:8">
      <c r="H595263" s="12"/>
    </row>
    <row r="595264" spans="8:8">
      <c r="H595264" s="12"/>
    </row>
    <row r="595265" spans="8:8">
      <c r="H595265" s="12"/>
    </row>
    <row r="595266" spans="8:8">
      <c r="H595266" s="12"/>
    </row>
    <row r="595267" spans="8:8">
      <c r="H595267" s="12"/>
    </row>
    <row r="595268" spans="8:8">
      <c r="H595268" s="12"/>
    </row>
    <row r="595269" spans="8:8">
      <c r="H595269" s="12"/>
    </row>
    <row r="595270" spans="8:8">
      <c r="H595270" s="12"/>
    </row>
    <row r="595271" spans="8:8">
      <c r="H595271" s="12"/>
    </row>
    <row r="595272" spans="8:8">
      <c r="H595272" s="12"/>
    </row>
    <row r="595273" spans="8:8">
      <c r="H595273" s="12"/>
    </row>
    <row r="595274" spans="8:8">
      <c r="H595274" s="12"/>
    </row>
    <row r="595275" spans="8:8">
      <c r="H595275" s="12"/>
    </row>
    <row r="595276" spans="8:8">
      <c r="H595276" s="12"/>
    </row>
    <row r="595277" spans="8:8">
      <c r="H595277" s="12"/>
    </row>
    <row r="595278" spans="8:8">
      <c r="H595278" s="12"/>
    </row>
    <row r="595279" spans="8:8">
      <c r="H595279" s="12"/>
    </row>
    <row r="595280" spans="8:8">
      <c r="H595280" s="12"/>
    </row>
    <row r="595281" spans="8:8">
      <c r="H595281" s="12"/>
    </row>
    <row r="595282" spans="8:8">
      <c r="H595282" s="12"/>
    </row>
    <row r="595283" spans="8:8">
      <c r="H595283" s="12"/>
    </row>
    <row r="595284" spans="8:8">
      <c r="H595284" s="12"/>
    </row>
    <row r="595285" spans="8:8">
      <c r="H595285" s="12"/>
    </row>
    <row r="595286" spans="8:8">
      <c r="H595286" s="12"/>
    </row>
    <row r="595287" spans="8:8">
      <c r="H595287" s="12"/>
    </row>
    <row r="595288" spans="8:8">
      <c r="H595288" s="12"/>
    </row>
    <row r="595289" spans="8:8">
      <c r="H595289" s="12"/>
    </row>
    <row r="595290" spans="8:8">
      <c r="H595290" s="12"/>
    </row>
    <row r="595291" spans="8:8">
      <c r="H595291" s="12"/>
    </row>
    <row r="595292" spans="8:8">
      <c r="H595292" s="12"/>
    </row>
    <row r="595293" spans="8:8">
      <c r="H595293" s="12"/>
    </row>
    <row r="595294" spans="8:8">
      <c r="H595294" s="12"/>
    </row>
    <row r="595295" spans="8:8">
      <c r="H595295" s="12"/>
    </row>
    <row r="595296" spans="8:8">
      <c r="H595296" s="12"/>
    </row>
    <row r="595297" spans="8:8">
      <c r="H595297" s="12"/>
    </row>
    <row r="595298" spans="8:8">
      <c r="H595298" s="12"/>
    </row>
    <row r="595299" spans="8:8">
      <c r="H595299" s="12"/>
    </row>
    <row r="595300" spans="8:8">
      <c r="H595300" s="12"/>
    </row>
    <row r="595301" spans="8:8">
      <c r="H595301" s="12"/>
    </row>
    <row r="595302" spans="8:8">
      <c r="H595302" s="12"/>
    </row>
    <row r="595303" spans="8:8">
      <c r="H595303" s="12"/>
    </row>
    <row r="595304" spans="8:8">
      <c r="H595304" s="12"/>
    </row>
    <row r="595305" spans="8:8">
      <c r="H595305" s="12"/>
    </row>
    <row r="595306" spans="8:8">
      <c r="H595306" s="12"/>
    </row>
    <row r="595307" spans="8:8">
      <c r="H595307" s="12"/>
    </row>
    <row r="595308" spans="8:8">
      <c r="H595308" s="12"/>
    </row>
    <row r="595309" spans="8:8">
      <c r="H595309" s="12"/>
    </row>
    <row r="595310" spans="8:8">
      <c r="H595310" s="12"/>
    </row>
    <row r="595311" spans="8:8">
      <c r="H595311" s="12"/>
    </row>
    <row r="595312" spans="8:8">
      <c r="H595312" s="12"/>
    </row>
    <row r="595313" spans="8:8">
      <c r="H595313" s="12"/>
    </row>
    <row r="595314" spans="8:8">
      <c r="H595314" s="12"/>
    </row>
    <row r="595315" spans="8:8">
      <c r="H595315" s="12"/>
    </row>
    <row r="595316" spans="8:8">
      <c r="H595316" s="12"/>
    </row>
    <row r="595317" spans="8:8">
      <c r="H595317" s="12"/>
    </row>
    <row r="595318" spans="8:8">
      <c r="H595318" s="12"/>
    </row>
    <row r="595319" spans="8:8">
      <c r="H595319" s="12"/>
    </row>
    <row r="595320" spans="8:8">
      <c r="H595320" s="12"/>
    </row>
    <row r="595321" spans="8:8">
      <c r="H595321" s="12"/>
    </row>
    <row r="595322" spans="8:8">
      <c r="H595322" s="12"/>
    </row>
    <row r="595323" spans="8:8">
      <c r="H595323" s="12"/>
    </row>
    <row r="595324" spans="8:8">
      <c r="H595324" s="12"/>
    </row>
    <row r="595325" spans="8:8">
      <c r="H595325" s="12"/>
    </row>
    <row r="595326" spans="8:8">
      <c r="H595326" s="12"/>
    </row>
    <row r="595327" spans="8:8">
      <c r="H595327" s="12"/>
    </row>
    <row r="595328" spans="8:8">
      <c r="H595328" s="12"/>
    </row>
    <row r="595329" spans="8:8">
      <c r="H595329" s="12"/>
    </row>
    <row r="595330" spans="8:8">
      <c r="H595330" s="12"/>
    </row>
    <row r="595331" spans="8:8">
      <c r="H595331" s="12"/>
    </row>
    <row r="595332" spans="8:8">
      <c r="H595332" s="12"/>
    </row>
    <row r="595333" spans="8:8">
      <c r="H595333" s="12"/>
    </row>
    <row r="595334" spans="8:8">
      <c r="H595334" s="12"/>
    </row>
    <row r="595335" spans="8:8">
      <c r="H595335" s="12"/>
    </row>
    <row r="595336" spans="8:8">
      <c r="H595336" s="12"/>
    </row>
    <row r="595337" spans="8:8">
      <c r="H595337" s="12"/>
    </row>
    <row r="595338" spans="8:8">
      <c r="H595338" s="12"/>
    </row>
    <row r="595339" spans="8:8">
      <c r="H595339" s="12"/>
    </row>
    <row r="595340" spans="8:8">
      <c r="H595340" s="12"/>
    </row>
    <row r="595341" spans="8:8">
      <c r="H595341" s="12"/>
    </row>
    <row r="595342" spans="8:8">
      <c r="H595342" s="12"/>
    </row>
    <row r="595343" spans="8:8">
      <c r="H595343" s="12"/>
    </row>
    <row r="595344" spans="8:8">
      <c r="H595344" s="12"/>
    </row>
    <row r="595345" spans="8:8">
      <c r="H595345" s="12"/>
    </row>
    <row r="595346" spans="8:8">
      <c r="H595346" s="12"/>
    </row>
    <row r="595347" spans="8:8">
      <c r="H595347" s="12"/>
    </row>
    <row r="595348" spans="8:8">
      <c r="H595348" s="12"/>
    </row>
    <row r="595349" spans="8:8">
      <c r="H595349" s="12"/>
    </row>
    <row r="595350" spans="8:8">
      <c r="H595350" s="12"/>
    </row>
    <row r="595351" spans="8:8">
      <c r="H595351" s="12"/>
    </row>
    <row r="595352" spans="8:8">
      <c r="H595352" s="12"/>
    </row>
    <row r="595353" spans="8:8">
      <c r="H595353" s="12"/>
    </row>
    <row r="595354" spans="8:8">
      <c r="H595354" s="12"/>
    </row>
    <row r="595355" spans="8:8">
      <c r="H595355" s="12"/>
    </row>
    <row r="595356" spans="8:8">
      <c r="H595356" s="12"/>
    </row>
    <row r="595357" spans="8:8">
      <c r="H595357" s="12"/>
    </row>
    <row r="595358" spans="8:8">
      <c r="H595358" s="12"/>
    </row>
    <row r="595359" spans="8:8">
      <c r="H595359" s="12"/>
    </row>
    <row r="595360" spans="8:8">
      <c r="H595360" s="12"/>
    </row>
    <row r="595361" spans="8:8">
      <c r="H595361" s="12"/>
    </row>
    <row r="595362" spans="8:8">
      <c r="H595362" s="12"/>
    </row>
    <row r="595363" spans="8:8">
      <c r="H595363" s="12"/>
    </row>
    <row r="595364" spans="8:8">
      <c r="H595364" s="12"/>
    </row>
    <row r="595365" spans="8:8">
      <c r="H595365" s="12"/>
    </row>
    <row r="595366" spans="8:8">
      <c r="H595366" s="12"/>
    </row>
    <row r="595367" spans="8:8">
      <c r="H595367" s="12"/>
    </row>
    <row r="595368" spans="8:8">
      <c r="H595368" s="12"/>
    </row>
    <row r="595369" spans="8:8">
      <c r="H595369" s="12"/>
    </row>
    <row r="595370" spans="8:8">
      <c r="H595370" s="12"/>
    </row>
    <row r="595371" spans="8:8">
      <c r="H595371" s="12"/>
    </row>
    <row r="595372" spans="8:8">
      <c r="H595372" s="12"/>
    </row>
    <row r="595373" spans="8:8">
      <c r="H595373" s="12"/>
    </row>
    <row r="595374" spans="8:8">
      <c r="H595374" s="12"/>
    </row>
    <row r="595375" spans="8:8">
      <c r="H595375" s="12"/>
    </row>
    <row r="595376" spans="8:8">
      <c r="H595376" s="12"/>
    </row>
    <row r="595377" spans="8:8">
      <c r="H595377" s="12"/>
    </row>
    <row r="595378" spans="8:8">
      <c r="H595378" s="12"/>
    </row>
    <row r="595379" spans="8:8">
      <c r="H595379" s="12"/>
    </row>
    <row r="595380" spans="8:8">
      <c r="H595380" s="12"/>
    </row>
    <row r="595381" spans="8:8">
      <c r="H595381" s="12"/>
    </row>
    <row r="595382" spans="8:8">
      <c r="H595382" s="12"/>
    </row>
    <row r="595383" spans="8:8">
      <c r="H595383" s="12"/>
    </row>
    <row r="595384" spans="8:8">
      <c r="H595384" s="12"/>
    </row>
    <row r="595385" spans="8:8">
      <c r="H595385" s="12"/>
    </row>
    <row r="595386" spans="8:8">
      <c r="H595386" s="12"/>
    </row>
    <row r="595387" spans="8:8">
      <c r="H595387" s="12"/>
    </row>
    <row r="595388" spans="8:8">
      <c r="H595388" s="12"/>
    </row>
    <row r="595389" spans="8:8">
      <c r="H595389" s="12"/>
    </row>
    <row r="595390" spans="8:8">
      <c r="H595390" s="12"/>
    </row>
    <row r="595391" spans="8:8">
      <c r="H595391" s="12"/>
    </row>
    <row r="595392" spans="8:8">
      <c r="H595392" s="12"/>
    </row>
    <row r="595393" spans="8:8">
      <c r="H595393" s="12"/>
    </row>
    <row r="595394" spans="8:8">
      <c r="H595394" s="12"/>
    </row>
    <row r="595395" spans="8:8">
      <c r="H595395" s="12"/>
    </row>
    <row r="595396" spans="8:8">
      <c r="H595396" s="12"/>
    </row>
    <row r="595397" spans="8:8">
      <c r="H595397" s="12"/>
    </row>
    <row r="595398" spans="8:8">
      <c r="H595398" s="12"/>
    </row>
    <row r="595399" spans="8:8">
      <c r="H595399" s="12"/>
    </row>
    <row r="595400" spans="8:8">
      <c r="H595400" s="12"/>
    </row>
    <row r="595401" spans="8:8">
      <c r="H595401" s="12"/>
    </row>
    <row r="595402" spans="8:8">
      <c r="H595402" s="12"/>
    </row>
    <row r="595403" spans="8:8">
      <c r="H595403" s="12"/>
    </row>
    <row r="595404" spans="8:8">
      <c r="H595404" s="12"/>
    </row>
    <row r="595405" spans="8:8">
      <c r="H595405" s="12"/>
    </row>
    <row r="595406" spans="8:8">
      <c r="H595406" s="12"/>
    </row>
    <row r="595407" spans="8:8">
      <c r="H595407" s="12"/>
    </row>
    <row r="595408" spans="8:8">
      <c r="H595408" s="12"/>
    </row>
    <row r="595409" spans="8:8">
      <c r="H595409" s="12"/>
    </row>
    <row r="595410" spans="8:8">
      <c r="H595410" s="12"/>
    </row>
    <row r="595411" spans="8:8">
      <c r="H595411" s="12"/>
    </row>
    <row r="595412" spans="8:8">
      <c r="H595412" s="12"/>
    </row>
    <row r="595413" spans="8:8">
      <c r="H595413" s="12"/>
    </row>
    <row r="595414" spans="8:8">
      <c r="H595414" s="12"/>
    </row>
    <row r="595415" spans="8:8">
      <c r="H595415" s="12"/>
    </row>
    <row r="595416" spans="8:8">
      <c r="H595416" s="12"/>
    </row>
    <row r="595417" spans="8:8">
      <c r="H595417" s="12"/>
    </row>
    <row r="595418" spans="8:8">
      <c r="H595418" s="12"/>
    </row>
    <row r="595419" spans="8:8">
      <c r="H595419" s="12"/>
    </row>
    <row r="595420" spans="8:8">
      <c r="H595420" s="12"/>
    </row>
    <row r="595421" spans="8:8">
      <c r="H595421" s="12"/>
    </row>
    <row r="595422" spans="8:8">
      <c r="H595422" s="12"/>
    </row>
    <row r="595423" spans="8:8">
      <c r="H595423" s="12"/>
    </row>
    <row r="595424" spans="8:8">
      <c r="H595424" s="12"/>
    </row>
    <row r="595425" spans="8:8">
      <c r="H595425" s="12"/>
    </row>
    <row r="595426" spans="8:8">
      <c r="H595426" s="12"/>
    </row>
    <row r="595427" spans="8:8">
      <c r="H595427" s="12"/>
    </row>
    <row r="595428" spans="8:8">
      <c r="H595428" s="12"/>
    </row>
    <row r="595429" spans="8:8">
      <c r="H595429" s="12"/>
    </row>
    <row r="595430" spans="8:8">
      <c r="H595430" s="12"/>
    </row>
    <row r="595431" spans="8:8">
      <c r="H595431" s="12"/>
    </row>
    <row r="595432" spans="8:8">
      <c r="H595432" s="12"/>
    </row>
    <row r="595433" spans="8:8">
      <c r="H595433" s="12"/>
    </row>
    <row r="595434" spans="8:8">
      <c r="H595434" s="12"/>
    </row>
    <row r="595435" spans="8:8">
      <c r="H595435" s="12"/>
    </row>
    <row r="595436" spans="8:8">
      <c r="H595436" s="12"/>
    </row>
    <row r="595437" spans="8:8">
      <c r="H595437" s="12"/>
    </row>
    <row r="595438" spans="8:8">
      <c r="H595438" s="12"/>
    </row>
    <row r="595439" spans="8:8">
      <c r="H595439" s="12"/>
    </row>
    <row r="595440" spans="8:8">
      <c r="H595440" s="12"/>
    </row>
    <row r="595441" spans="8:8">
      <c r="H595441" s="12"/>
    </row>
    <row r="595442" spans="8:8">
      <c r="H595442" s="12"/>
    </row>
    <row r="595443" spans="8:8">
      <c r="H595443" s="12"/>
    </row>
    <row r="595444" spans="8:8">
      <c r="H595444" s="12"/>
    </row>
    <row r="595445" spans="8:8">
      <c r="H595445" s="12"/>
    </row>
    <row r="595446" spans="8:8">
      <c r="H595446" s="12"/>
    </row>
    <row r="595447" spans="8:8">
      <c r="H595447" s="12"/>
    </row>
    <row r="595448" spans="8:8">
      <c r="H595448" s="12"/>
    </row>
    <row r="595449" spans="8:8">
      <c r="H595449" s="12"/>
    </row>
    <row r="595450" spans="8:8">
      <c r="H595450" s="12"/>
    </row>
    <row r="595451" spans="8:8">
      <c r="H595451" s="12"/>
    </row>
    <row r="595452" spans="8:8">
      <c r="H595452" s="12"/>
    </row>
    <row r="595453" spans="8:8">
      <c r="H595453" s="12"/>
    </row>
    <row r="595454" spans="8:8">
      <c r="H595454" s="12"/>
    </row>
    <row r="595455" spans="8:8">
      <c r="H595455" s="12"/>
    </row>
    <row r="595456" spans="8:8">
      <c r="H595456" s="12"/>
    </row>
    <row r="595457" spans="8:8">
      <c r="H595457" s="12"/>
    </row>
    <row r="595458" spans="8:8">
      <c r="H595458" s="12"/>
    </row>
    <row r="595459" spans="8:8">
      <c r="H595459" s="12"/>
    </row>
    <row r="595460" spans="8:8">
      <c r="H595460" s="12"/>
    </row>
    <row r="595461" spans="8:8">
      <c r="H595461" s="12"/>
    </row>
    <row r="595462" spans="8:8">
      <c r="H595462" s="12"/>
    </row>
    <row r="595463" spans="8:8">
      <c r="H595463" s="12"/>
    </row>
    <row r="595464" spans="8:8">
      <c r="H595464" s="12"/>
    </row>
    <row r="595465" spans="8:8">
      <c r="H595465" s="12"/>
    </row>
    <row r="595466" spans="8:8">
      <c r="H595466" s="12"/>
    </row>
    <row r="595467" spans="8:8">
      <c r="H595467" s="12"/>
    </row>
    <row r="595468" spans="8:8">
      <c r="H595468" s="12"/>
    </row>
    <row r="595469" spans="8:8">
      <c r="H595469" s="12"/>
    </row>
    <row r="595470" spans="8:8">
      <c r="H595470" s="12"/>
    </row>
    <row r="595471" spans="8:8">
      <c r="H595471" s="12"/>
    </row>
    <row r="595472" spans="8:8">
      <c r="H595472" s="12"/>
    </row>
    <row r="595473" spans="8:8">
      <c r="H595473" s="12"/>
    </row>
    <row r="595474" spans="8:8">
      <c r="H595474" s="12"/>
    </row>
    <row r="595475" spans="8:8">
      <c r="H595475" s="12"/>
    </row>
    <row r="595476" spans="8:8">
      <c r="H595476" s="12"/>
    </row>
    <row r="595477" spans="8:8">
      <c r="H595477" s="12"/>
    </row>
    <row r="595478" spans="8:8">
      <c r="H595478" s="12"/>
    </row>
    <row r="595479" spans="8:8">
      <c r="H595479" s="12"/>
    </row>
    <row r="595480" spans="8:8">
      <c r="H595480" s="12"/>
    </row>
    <row r="595481" spans="8:8">
      <c r="H595481" s="12"/>
    </row>
    <row r="595482" spans="8:8">
      <c r="H595482" s="12"/>
    </row>
    <row r="595483" spans="8:8">
      <c r="H595483" s="12"/>
    </row>
    <row r="595484" spans="8:8">
      <c r="H595484" s="12"/>
    </row>
    <row r="595485" spans="8:8">
      <c r="H595485" s="12"/>
    </row>
    <row r="595486" spans="8:8">
      <c r="H595486" s="12"/>
    </row>
    <row r="595487" spans="8:8">
      <c r="H595487" s="12"/>
    </row>
    <row r="595488" spans="8:8">
      <c r="H595488" s="12"/>
    </row>
    <row r="595489" spans="8:8">
      <c r="H595489" s="12"/>
    </row>
    <row r="595490" spans="8:8">
      <c r="H595490" s="12"/>
    </row>
    <row r="595491" spans="8:8">
      <c r="H595491" s="12"/>
    </row>
    <row r="595492" spans="8:8">
      <c r="H595492" s="12"/>
    </row>
    <row r="595493" spans="8:8">
      <c r="H595493" s="12"/>
    </row>
    <row r="595494" spans="8:8">
      <c r="H595494" s="12"/>
    </row>
    <row r="595495" spans="8:8">
      <c r="H595495" s="12"/>
    </row>
    <row r="595496" spans="8:8">
      <c r="H595496" s="12"/>
    </row>
    <row r="595497" spans="8:8">
      <c r="H595497" s="12"/>
    </row>
    <row r="595498" spans="8:8">
      <c r="H595498" s="12"/>
    </row>
    <row r="595499" spans="8:8">
      <c r="H595499" s="12"/>
    </row>
    <row r="595500" spans="8:8">
      <c r="H595500" s="12"/>
    </row>
    <row r="595501" spans="8:8">
      <c r="H595501" s="12"/>
    </row>
    <row r="595502" spans="8:8">
      <c r="H595502" s="12"/>
    </row>
    <row r="595503" spans="8:8">
      <c r="H595503" s="12"/>
    </row>
    <row r="595504" spans="8:8">
      <c r="H595504" s="12"/>
    </row>
    <row r="595505" spans="8:8">
      <c r="H595505" s="12"/>
    </row>
    <row r="595506" spans="8:8">
      <c r="H595506" s="12"/>
    </row>
    <row r="595507" spans="8:8">
      <c r="H595507" s="12"/>
    </row>
    <row r="595508" spans="8:8">
      <c r="H595508" s="12"/>
    </row>
    <row r="595509" spans="8:8">
      <c r="H595509" s="12"/>
    </row>
    <row r="595510" spans="8:8">
      <c r="H595510" s="12"/>
    </row>
    <row r="595511" spans="8:8">
      <c r="H595511" s="12"/>
    </row>
    <row r="595512" spans="8:8">
      <c r="H595512" s="12"/>
    </row>
    <row r="595513" spans="8:8">
      <c r="H595513" s="12"/>
    </row>
    <row r="595514" spans="8:8">
      <c r="H595514" s="12"/>
    </row>
    <row r="595515" spans="8:8">
      <c r="H595515" s="12"/>
    </row>
    <row r="595516" spans="8:8">
      <c r="H595516" s="12"/>
    </row>
    <row r="595517" spans="8:8">
      <c r="H595517" s="12"/>
    </row>
    <row r="595518" spans="8:8">
      <c r="H595518" s="12"/>
    </row>
    <row r="595519" spans="8:8">
      <c r="H595519" s="12"/>
    </row>
    <row r="595520" spans="8:8">
      <c r="H595520" s="12"/>
    </row>
    <row r="595521" spans="8:8">
      <c r="H595521" s="12"/>
    </row>
    <row r="595522" spans="8:8">
      <c r="H595522" s="12"/>
    </row>
    <row r="595523" spans="8:8">
      <c r="H595523" s="12"/>
    </row>
    <row r="595524" spans="8:8">
      <c r="H595524" s="12"/>
    </row>
    <row r="595525" spans="8:8">
      <c r="H595525" s="12"/>
    </row>
    <row r="595526" spans="8:8">
      <c r="H595526" s="12"/>
    </row>
    <row r="595527" spans="8:8">
      <c r="H595527" s="12"/>
    </row>
    <row r="595528" spans="8:8">
      <c r="H595528" s="12"/>
    </row>
    <row r="595529" spans="8:8">
      <c r="H595529" s="12"/>
    </row>
    <row r="595530" spans="8:8">
      <c r="H595530" s="12"/>
    </row>
    <row r="595531" spans="8:8">
      <c r="H595531" s="12"/>
    </row>
    <row r="595532" spans="8:8">
      <c r="H595532" s="12"/>
    </row>
    <row r="595533" spans="8:8">
      <c r="H595533" s="12"/>
    </row>
    <row r="595534" spans="8:8">
      <c r="H595534" s="12"/>
    </row>
    <row r="595535" spans="8:8">
      <c r="H595535" s="12"/>
    </row>
    <row r="595536" spans="8:8">
      <c r="H595536" s="12"/>
    </row>
    <row r="595537" spans="8:8">
      <c r="H595537" s="12"/>
    </row>
    <row r="595538" spans="8:8">
      <c r="H595538" s="12"/>
    </row>
    <row r="595539" spans="8:8">
      <c r="H595539" s="12"/>
    </row>
    <row r="595540" spans="8:8">
      <c r="H595540" s="12"/>
    </row>
    <row r="595541" spans="8:8">
      <c r="H595541" s="12"/>
    </row>
    <row r="595542" spans="8:8">
      <c r="H595542" s="12"/>
    </row>
    <row r="595543" spans="8:8">
      <c r="H595543" s="12"/>
    </row>
    <row r="595544" spans="8:8">
      <c r="H595544" s="12"/>
    </row>
    <row r="595545" spans="8:8">
      <c r="H595545" s="12"/>
    </row>
    <row r="595546" spans="8:8">
      <c r="H595546" s="12"/>
    </row>
    <row r="595547" spans="8:8">
      <c r="H595547" s="12"/>
    </row>
    <row r="595548" spans="8:8">
      <c r="H595548" s="12"/>
    </row>
    <row r="595549" spans="8:8">
      <c r="H595549" s="12"/>
    </row>
    <row r="595550" spans="8:8">
      <c r="H595550" s="12"/>
    </row>
    <row r="595551" spans="8:8">
      <c r="H595551" s="12"/>
    </row>
    <row r="595552" spans="8:8">
      <c r="H595552" s="12"/>
    </row>
    <row r="595553" spans="8:8">
      <c r="H595553" s="12"/>
    </row>
    <row r="595554" spans="8:8">
      <c r="H595554" s="12"/>
    </row>
    <row r="595555" spans="8:8">
      <c r="H595555" s="12"/>
    </row>
    <row r="595556" spans="8:8">
      <c r="H595556" s="12"/>
    </row>
    <row r="595557" spans="8:8">
      <c r="H595557" s="12"/>
    </row>
    <row r="595558" spans="8:8">
      <c r="H595558" s="12"/>
    </row>
    <row r="595559" spans="8:8">
      <c r="H595559" s="12"/>
    </row>
    <row r="595560" spans="8:8">
      <c r="H595560" s="12"/>
    </row>
    <row r="595561" spans="8:8">
      <c r="H595561" s="12"/>
    </row>
    <row r="595562" spans="8:8">
      <c r="H595562" s="12"/>
    </row>
    <row r="595563" spans="8:8">
      <c r="H595563" s="12"/>
    </row>
    <row r="595564" spans="8:8">
      <c r="H595564" s="12"/>
    </row>
    <row r="595565" spans="8:8">
      <c r="H595565" s="12"/>
    </row>
    <row r="595566" spans="8:8">
      <c r="H595566" s="12"/>
    </row>
    <row r="595567" spans="8:8">
      <c r="H595567" s="12"/>
    </row>
    <row r="595568" spans="8:8">
      <c r="H595568" s="12"/>
    </row>
    <row r="595569" spans="8:8">
      <c r="H595569" s="12"/>
    </row>
    <row r="595570" spans="8:8">
      <c r="H595570" s="12"/>
    </row>
    <row r="595571" spans="8:8">
      <c r="H595571" s="12"/>
    </row>
    <row r="595572" spans="8:8">
      <c r="H595572" s="12"/>
    </row>
    <row r="595573" spans="8:8">
      <c r="H595573" s="12"/>
    </row>
    <row r="595574" spans="8:8">
      <c r="H595574" s="12"/>
    </row>
    <row r="595575" spans="8:8">
      <c r="H595575" s="12"/>
    </row>
    <row r="595576" spans="8:8">
      <c r="H595576" s="12"/>
    </row>
    <row r="595577" spans="8:8">
      <c r="H595577" s="12"/>
    </row>
    <row r="595578" spans="8:8">
      <c r="H595578" s="12"/>
    </row>
    <row r="595579" spans="8:8">
      <c r="H595579" s="12"/>
    </row>
    <row r="595580" spans="8:8">
      <c r="H595580" s="12"/>
    </row>
    <row r="595581" spans="8:8">
      <c r="H595581" s="12"/>
    </row>
    <row r="595582" spans="8:8">
      <c r="H595582" s="12"/>
    </row>
    <row r="595583" spans="8:8">
      <c r="H595583" s="12"/>
    </row>
    <row r="595584" spans="8:8">
      <c r="H595584" s="12"/>
    </row>
    <row r="595585" spans="8:8">
      <c r="H595585" s="12"/>
    </row>
    <row r="595586" spans="8:8">
      <c r="H595586" s="12"/>
    </row>
    <row r="595587" spans="8:8">
      <c r="H595587" s="12"/>
    </row>
    <row r="595588" spans="8:8">
      <c r="H595588" s="12"/>
    </row>
    <row r="595589" spans="8:8">
      <c r="H595589" s="12"/>
    </row>
    <row r="595590" spans="8:8">
      <c r="H595590" s="12"/>
    </row>
    <row r="595591" spans="8:8">
      <c r="H595591" s="12"/>
    </row>
    <row r="595592" spans="8:8">
      <c r="H595592" s="12"/>
    </row>
    <row r="595593" spans="8:8">
      <c r="H595593" s="12"/>
    </row>
    <row r="595594" spans="8:8">
      <c r="H595594" s="12"/>
    </row>
    <row r="595595" spans="8:8">
      <c r="H595595" s="12"/>
    </row>
    <row r="595596" spans="8:8">
      <c r="H595596" s="12"/>
    </row>
    <row r="595597" spans="8:8">
      <c r="H595597" s="12"/>
    </row>
    <row r="595598" spans="8:8">
      <c r="H595598" s="12"/>
    </row>
    <row r="595599" spans="8:8">
      <c r="H595599" s="12"/>
    </row>
    <row r="595600" spans="8:8">
      <c r="H595600" s="12"/>
    </row>
    <row r="595601" spans="8:8">
      <c r="H595601" s="12"/>
    </row>
    <row r="595602" spans="8:8">
      <c r="H595602" s="12"/>
    </row>
    <row r="595603" spans="8:8">
      <c r="H595603" s="12"/>
    </row>
    <row r="595604" spans="8:8">
      <c r="H595604" s="12"/>
    </row>
    <row r="595605" spans="8:8">
      <c r="H595605" s="12"/>
    </row>
    <row r="595606" spans="8:8">
      <c r="H595606" s="12"/>
    </row>
    <row r="595607" spans="8:8">
      <c r="H595607" s="12"/>
    </row>
    <row r="595608" spans="8:8">
      <c r="H595608" s="12"/>
    </row>
    <row r="595609" spans="8:8">
      <c r="H595609" s="12"/>
    </row>
    <row r="595610" spans="8:8">
      <c r="H595610" s="12"/>
    </row>
    <row r="595611" spans="8:8">
      <c r="H595611" s="12"/>
    </row>
    <row r="595612" spans="8:8">
      <c r="H595612" s="12"/>
    </row>
    <row r="595613" spans="8:8">
      <c r="H595613" s="12"/>
    </row>
    <row r="595614" spans="8:8">
      <c r="H595614" s="12"/>
    </row>
    <row r="595615" spans="8:8">
      <c r="H595615" s="12"/>
    </row>
    <row r="595616" spans="8:8">
      <c r="H595616" s="12"/>
    </row>
    <row r="595617" spans="8:8">
      <c r="H595617" s="12"/>
    </row>
    <row r="595618" spans="8:8">
      <c r="H595618" s="12"/>
    </row>
    <row r="595619" spans="8:8">
      <c r="H595619" s="12"/>
    </row>
    <row r="595620" spans="8:8">
      <c r="H595620" s="12"/>
    </row>
    <row r="595621" spans="8:8">
      <c r="H595621" s="12"/>
    </row>
    <row r="595622" spans="8:8">
      <c r="H595622" s="12"/>
    </row>
    <row r="595623" spans="8:8">
      <c r="H595623" s="12"/>
    </row>
    <row r="595624" spans="8:8">
      <c r="H595624" s="12"/>
    </row>
    <row r="595625" spans="8:8">
      <c r="H595625" s="12"/>
    </row>
    <row r="595626" spans="8:8">
      <c r="H595626" s="12"/>
    </row>
    <row r="595627" spans="8:8">
      <c r="H595627" s="12"/>
    </row>
    <row r="595628" spans="8:8">
      <c r="H595628" s="12"/>
    </row>
    <row r="595629" spans="8:8">
      <c r="H595629" s="12"/>
    </row>
    <row r="595630" spans="8:8">
      <c r="H595630" s="12"/>
    </row>
    <row r="595631" spans="8:8">
      <c r="H595631" s="12"/>
    </row>
    <row r="595632" spans="8:8">
      <c r="H595632" s="12"/>
    </row>
    <row r="595633" spans="8:8">
      <c r="H595633" s="12"/>
    </row>
    <row r="595634" spans="8:8">
      <c r="H595634" s="12"/>
    </row>
    <row r="595635" spans="8:8">
      <c r="H595635" s="12"/>
    </row>
    <row r="595636" spans="8:8">
      <c r="H595636" s="12"/>
    </row>
    <row r="595637" spans="8:8">
      <c r="H595637" s="12"/>
    </row>
    <row r="595638" spans="8:8">
      <c r="H595638" s="12"/>
    </row>
    <row r="595639" spans="8:8">
      <c r="H595639" s="12"/>
    </row>
    <row r="595640" spans="8:8">
      <c r="H595640" s="12"/>
    </row>
    <row r="595641" spans="8:8">
      <c r="H595641" s="12"/>
    </row>
    <row r="595642" spans="8:8">
      <c r="H595642" s="12"/>
    </row>
    <row r="595643" spans="8:8">
      <c r="H595643" s="12"/>
    </row>
    <row r="595644" spans="8:8">
      <c r="H595644" s="12"/>
    </row>
    <row r="595645" spans="8:8">
      <c r="H595645" s="12"/>
    </row>
    <row r="595646" spans="8:8">
      <c r="H595646" s="12"/>
    </row>
    <row r="595647" spans="8:8">
      <c r="H595647" s="12"/>
    </row>
    <row r="595648" spans="8:8">
      <c r="H595648" s="12"/>
    </row>
    <row r="595649" spans="8:8">
      <c r="H595649" s="12"/>
    </row>
    <row r="595650" spans="8:8">
      <c r="H595650" s="12"/>
    </row>
    <row r="595651" spans="8:8">
      <c r="H595651" s="12"/>
    </row>
    <row r="595652" spans="8:8">
      <c r="H595652" s="12"/>
    </row>
    <row r="595653" spans="8:8">
      <c r="H595653" s="12"/>
    </row>
    <row r="595654" spans="8:8">
      <c r="H595654" s="12"/>
    </row>
    <row r="595655" spans="8:8">
      <c r="H595655" s="12"/>
    </row>
    <row r="595656" spans="8:8">
      <c r="H595656" s="12"/>
    </row>
    <row r="595657" spans="8:8">
      <c r="H595657" s="12"/>
    </row>
    <row r="595658" spans="8:8">
      <c r="H595658" s="12"/>
    </row>
    <row r="595659" spans="8:8">
      <c r="H595659" s="12"/>
    </row>
    <row r="595660" spans="8:8">
      <c r="H595660" s="12"/>
    </row>
    <row r="595661" spans="8:8">
      <c r="H595661" s="12"/>
    </row>
    <row r="595662" spans="8:8">
      <c r="H595662" s="12"/>
    </row>
    <row r="595663" spans="8:8">
      <c r="H595663" s="12"/>
    </row>
    <row r="595664" spans="8:8">
      <c r="H595664" s="12"/>
    </row>
    <row r="595665" spans="8:8">
      <c r="H595665" s="12"/>
    </row>
    <row r="595666" spans="8:8">
      <c r="H595666" s="12"/>
    </row>
    <row r="595667" spans="8:8">
      <c r="H595667" s="12"/>
    </row>
    <row r="595668" spans="8:8">
      <c r="H595668" s="12"/>
    </row>
    <row r="595669" spans="8:8">
      <c r="H595669" s="12"/>
    </row>
    <row r="595670" spans="8:8">
      <c r="H595670" s="12"/>
    </row>
    <row r="595671" spans="8:8">
      <c r="H595671" s="12"/>
    </row>
    <row r="595672" spans="8:8">
      <c r="H595672" s="12"/>
    </row>
    <row r="595673" spans="8:8">
      <c r="H595673" s="12"/>
    </row>
    <row r="595674" spans="8:8">
      <c r="H595674" s="12"/>
    </row>
    <row r="595675" spans="8:8">
      <c r="H595675" s="12"/>
    </row>
    <row r="595676" spans="8:8">
      <c r="H595676" s="12"/>
    </row>
    <row r="595677" spans="8:8">
      <c r="H595677" s="12"/>
    </row>
    <row r="595678" spans="8:8">
      <c r="H595678" s="12"/>
    </row>
    <row r="595679" spans="8:8">
      <c r="H595679" s="12"/>
    </row>
    <row r="595680" spans="8:8">
      <c r="H595680" s="12"/>
    </row>
    <row r="595681" spans="8:8">
      <c r="H595681" s="12"/>
    </row>
    <row r="595682" spans="8:8">
      <c r="H595682" s="12"/>
    </row>
    <row r="595683" spans="8:8">
      <c r="H595683" s="12"/>
    </row>
    <row r="595684" spans="8:8">
      <c r="H595684" s="12"/>
    </row>
    <row r="595685" spans="8:8">
      <c r="H595685" s="12"/>
    </row>
    <row r="595686" spans="8:8">
      <c r="H595686" s="12"/>
    </row>
    <row r="595687" spans="8:8">
      <c r="H595687" s="12"/>
    </row>
    <row r="595688" spans="8:8">
      <c r="H595688" s="12"/>
    </row>
    <row r="595689" spans="8:8">
      <c r="H595689" s="12"/>
    </row>
    <row r="595690" spans="8:8">
      <c r="H595690" s="12"/>
    </row>
    <row r="595691" spans="8:8">
      <c r="H595691" s="12"/>
    </row>
    <row r="595692" spans="8:8">
      <c r="H595692" s="12"/>
    </row>
    <row r="595693" spans="8:8">
      <c r="H595693" s="12"/>
    </row>
    <row r="595694" spans="8:8">
      <c r="H595694" s="12"/>
    </row>
    <row r="595695" spans="8:8">
      <c r="H595695" s="12"/>
    </row>
    <row r="595696" spans="8:8">
      <c r="H595696" s="12"/>
    </row>
    <row r="595697" spans="8:8">
      <c r="H595697" s="12"/>
    </row>
    <row r="595698" spans="8:8">
      <c r="H595698" s="12"/>
    </row>
    <row r="595699" spans="8:8">
      <c r="H595699" s="12"/>
    </row>
    <row r="595700" spans="8:8">
      <c r="H595700" s="12"/>
    </row>
    <row r="595701" spans="8:8">
      <c r="H595701" s="12"/>
    </row>
    <row r="595702" spans="8:8">
      <c r="H595702" s="12"/>
    </row>
    <row r="595703" spans="8:8">
      <c r="H595703" s="12"/>
    </row>
    <row r="595704" spans="8:8">
      <c r="H595704" s="12"/>
    </row>
    <row r="595705" spans="8:8">
      <c r="H595705" s="12"/>
    </row>
    <row r="595706" spans="8:8">
      <c r="H595706" s="12"/>
    </row>
    <row r="595707" spans="8:8">
      <c r="H595707" s="12"/>
    </row>
    <row r="595708" spans="8:8">
      <c r="H595708" s="12"/>
    </row>
    <row r="595709" spans="8:8">
      <c r="H595709" s="12"/>
    </row>
    <row r="595710" spans="8:8">
      <c r="H595710" s="12"/>
    </row>
    <row r="595711" spans="8:8">
      <c r="H595711" s="12"/>
    </row>
    <row r="595712" spans="8:8">
      <c r="H595712" s="12"/>
    </row>
    <row r="595713" spans="8:8">
      <c r="H595713" s="12"/>
    </row>
    <row r="595714" spans="8:8">
      <c r="H595714" s="12"/>
    </row>
    <row r="595715" spans="8:8">
      <c r="H595715" s="12"/>
    </row>
    <row r="595716" spans="8:8">
      <c r="H595716" s="12"/>
    </row>
    <row r="595717" spans="8:8">
      <c r="H595717" s="12"/>
    </row>
    <row r="595718" spans="8:8">
      <c r="H595718" s="12"/>
    </row>
    <row r="595719" spans="8:8">
      <c r="H595719" s="12"/>
    </row>
    <row r="595720" spans="8:8">
      <c r="H595720" s="12"/>
    </row>
    <row r="595721" spans="8:8">
      <c r="H595721" s="12"/>
    </row>
    <row r="595722" spans="8:8">
      <c r="H595722" s="12"/>
    </row>
    <row r="595723" spans="8:8">
      <c r="H595723" s="12"/>
    </row>
    <row r="595724" spans="8:8">
      <c r="H595724" s="12"/>
    </row>
    <row r="595725" spans="8:8">
      <c r="H595725" s="12"/>
    </row>
    <row r="595726" spans="8:8">
      <c r="H595726" s="12"/>
    </row>
    <row r="595727" spans="8:8">
      <c r="H595727" s="12"/>
    </row>
    <row r="595728" spans="8:8">
      <c r="H595728" s="12"/>
    </row>
    <row r="595729" spans="8:8">
      <c r="H595729" s="12"/>
    </row>
    <row r="595730" spans="8:8">
      <c r="H595730" s="12"/>
    </row>
    <row r="595731" spans="8:8">
      <c r="H595731" s="12"/>
    </row>
    <row r="595732" spans="8:8">
      <c r="H595732" s="12"/>
    </row>
    <row r="595733" spans="8:8">
      <c r="H595733" s="12"/>
    </row>
    <row r="595734" spans="8:8">
      <c r="H595734" s="12"/>
    </row>
    <row r="595735" spans="8:8">
      <c r="H595735" s="12"/>
    </row>
    <row r="595736" spans="8:8">
      <c r="H595736" s="12"/>
    </row>
    <row r="595737" spans="8:8">
      <c r="H595737" s="12"/>
    </row>
    <row r="595738" spans="8:8">
      <c r="H595738" s="12"/>
    </row>
    <row r="595739" spans="8:8">
      <c r="H595739" s="12"/>
    </row>
    <row r="595740" spans="8:8">
      <c r="H595740" s="12"/>
    </row>
    <row r="595741" spans="8:8">
      <c r="H595741" s="12"/>
    </row>
    <row r="595742" spans="8:8">
      <c r="H595742" s="12"/>
    </row>
    <row r="595743" spans="8:8">
      <c r="H595743" s="12"/>
    </row>
    <row r="595744" spans="8:8">
      <c r="H595744" s="12"/>
    </row>
    <row r="595745" spans="8:8">
      <c r="H595745" s="12"/>
    </row>
    <row r="595746" spans="8:8">
      <c r="H595746" s="12"/>
    </row>
    <row r="595747" spans="8:8">
      <c r="H595747" s="12"/>
    </row>
    <row r="595748" spans="8:8">
      <c r="H595748" s="12"/>
    </row>
    <row r="595749" spans="8:8">
      <c r="H595749" s="12"/>
    </row>
    <row r="595750" spans="8:8">
      <c r="H595750" s="12"/>
    </row>
    <row r="595751" spans="8:8">
      <c r="H595751" s="12"/>
    </row>
    <row r="595752" spans="8:8">
      <c r="H595752" s="12"/>
    </row>
    <row r="595753" spans="8:8">
      <c r="H595753" s="12"/>
    </row>
    <row r="595754" spans="8:8">
      <c r="H595754" s="12"/>
    </row>
    <row r="595755" spans="8:8">
      <c r="H595755" s="12"/>
    </row>
    <row r="595756" spans="8:8">
      <c r="H595756" s="12"/>
    </row>
    <row r="595757" spans="8:8">
      <c r="H595757" s="12"/>
    </row>
    <row r="595758" spans="8:8">
      <c r="H595758" s="12"/>
    </row>
    <row r="595759" spans="8:8">
      <c r="H595759" s="12"/>
    </row>
    <row r="595760" spans="8:8">
      <c r="H595760" s="12"/>
    </row>
    <row r="595761" spans="8:8">
      <c r="H595761" s="12"/>
    </row>
    <row r="595762" spans="8:8">
      <c r="H595762" s="12"/>
    </row>
    <row r="595763" spans="8:8">
      <c r="H595763" s="12"/>
    </row>
    <row r="595764" spans="8:8">
      <c r="H595764" s="12"/>
    </row>
    <row r="595765" spans="8:8">
      <c r="H595765" s="12"/>
    </row>
    <row r="595766" spans="8:8">
      <c r="H595766" s="12"/>
    </row>
    <row r="595767" spans="8:8">
      <c r="H595767" s="12"/>
    </row>
    <row r="595768" spans="8:8">
      <c r="H595768" s="12"/>
    </row>
    <row r="595769" spans="8:8">
      <c r="H595769" s="12"/>
    </row>
    <row r="595770" spans="8:8">
      <c r="H595770" s="12"/>
    </row>
    <row r="595771" spans="8:8">
      <c r="H595771" s="12"/>
    </row>
    <row r="595772" spans="8:8">
      <c r="H595772" s="12"/>
    </row>
    <row r="595773" spans="8:8">
      <c r="H595773" s="12"/>
    </row>
    <row r="595774" spans="8:8">
      <c r="H595774" s="12"/>
    </row>
    <row r="595775" spans="8:8">
      <c r="H595775" s="12"/>
    </row>
    <row r="595776" spans="8:8">
      <c r="H595776" s="12"/>
    </row>
    <row r="595777" spans="8:8">
      <c r="H595777" s="12"/>
    </row>
    <row r="595778" spans="8:8">
      <c r="H595778" s="12"/>
    </row>
    <row r="595779" spans="8:8">
      <c r="H595779" s="12"/>
    </row>
    <row r="595780" spans="8:8">
      <c r="H595780" s="12"/>
    </row>
    <row r="595781" spans="8:8">
      <c r="H595781" s="12"/>
    </row>
    <row r="595782" spans="8:8">
      <c r="H595782" s="12"/>
    </row>
    <row r="595783" spans="8:8">
      <c r="H595783" s="12"/>
    </row>
    <row r="595784" spans="8:8">
      <c r="H595784" s="12"/>
    </row>
    <row r="595785" spans="8:8">
      <c r="H595785" s="12"/>
    </row>
    <row r="595786" spans="8:8">
      <c r="H595786" s="12"/>
    </row>
    <row r="595787" spans="8:8">
      <c r="H595787" s="12"/>
    </row>
    <row r="595788" spans="8:8">
      <c r="H595788" s="12"/>
    </row>
    <row r="595789" spans="8:8">
      <c r="H595789" s="12"/>
    </row>
    <row r="595790" spans="8:8">
      <c r="H595790" s="12"/>
    </row>
    <row r="595791" spans="8:8">
      <c r="H595791" s="12"/>
    </row>
    <row r="595792" spans="8:8">
      <c r="H595792" s="12"/>
    </row>
    <row r="595793" spans="8:8">
      <c r="H595793" s="12"/>
    </row>
    <row r="595794" spans="8:8">
      <c r="H595794" s="12"/>
    </row>
    <row r="595795" spans="8:8">
      <c r="H595795" s="12"/>
    </row>
    <row r="595796" spans="8:8">
      <c r="H595796" s="12"/>
    </row>
    <row r="595797" spans="8:8">
      <c r="H595797" s="12"/>
    </row>
    <row r="595798" spans="8:8">
      <c r="H595798" s="12"/>
    </row>
    <row r="595799" spans="8:8">
      <c r="H595799" s="12"/>
    </row>
    <row r="595800" spans="8:8">
      <c r="H595800" s="12"/>
    </row>
    <row r="595801" spans="8:8">
      <c r="H595801" s="12"/>
    </row>
    <row r="595802" spans="8:8">
      <c r="H595802" s="12"/>
    </row>
    <row r="595803" spans="8:8">
      <c r="H595803" s="12"/>
    </row>
    <row r="595804" spans="8:8">
      <c r="H595804" s="12"/>
    </row>
    <row r="595805" spans="8:8">
      <c r="H595805" s="12"/>
    </row>
    <row r="595806" spans="8:8">
      <c r="H595806" s="12"/>
    </row>
    <row r="595807" spans="8:8">
      <c r="H595807" s="12"/>
    </row>
    <row r="595808" spans="8:8">
      <c r="H595808" s="12"/>
    </row>
    <row r="595809" spans="8:8">
      <c r="H595809" s="12"/>
    </row>
    <row r="595810" spans="8:8">
      <c r="H595810" s="12"/>
    </row>
    <row r="595811" spans="8:8">
      <c r="H595811" s="12"/>
    </row>
    <row r="595812" spans="8:8">
      <c r="H595812" s="12"/>
    </row>
    <row r="595813" spans="8:8">
      <c r="H595813" s="12"/>
    </row>
    <row r="595814" spans="8:8">
      <c r="H595814" s="12"/>
    </row>
    <row r="595815" spans="8:8">
      <c r="H595815" s="12"/>
    </row>
    <row r="595816" spans="8:8">
      <c r="H595816" s="12"/>
    </row>
    <row r="595817" spans="8:8">
      <c r="H595817" s="12"/>
    </row>
    <row r="595818" spans="8:8">
      <c r="H595818" s="12"/>
    </row>
    <row r="595819" spans="8:8">
      <c r="H595819" s="12"/>
    </row>
    <row r="595820" spans="8:8">
      <c r="H595820" s="12"/>
    </row>
    <row r="595821" spans="8:8">
      <c r="H595821" s="12"/>
    </row>
    <row r="595822" spans="8:8">
      <c r="H595822" s="12"/>
    </row>
    <row r="595823" spans="8:8">
      <c r="H595823" s="12"/>
    </row>
    <row r="595824" spans="8:8">
      <c r="H595824" s="12"/>
    </row>
    <row r="595825" spans="8:8">
      <c r="H595825" s="12"/>
    </row>
    <row r="595826" spans="8:8">
      <c r="H595826" s="12"/>
    </row>
    <row r="595827" spans="8:8">
      <c r="H595827" s="12"/>
    </row>
    <row r="595828" spans="8:8">
      <c r="H595828" s="12"/>
    </row>
    <row r="595829" spans="8:8">
      <c r="H595829" s="12"/>
    </row>
    <row r="595830" spans="8:8">
      <c r="H595830" s="12"/>
    </row>
    <row r="595831" spans="8:8">
      <c r="H595831" s="12"/>
    </row>
    <row r="595832" spans="8:8">
      <c r="H595832" s="12"/>
    </row>
    <row r="595833" spans="8:8">
      <c r="H595833" s="12"/>
    </row>
    <row r="595834" spans="8:8">
      <c r="H595834" s="12"/>
    </row>
    <row r="595835" spans="8:8">
      <c r="H595835" s="12"/>
    </row>
    <row r="595836" spans="8:8">
      <c r="H595836" s="12"/>
    </row>
    <row r="595837" spans="8:8">
      <c r="H595837" s="12"/>
    </row>
    <row r="595838" spans="8:8">
      <c r="H595838" s="12"/>
    </row>
    <row r="595839" spans="8:8">
      <c r="H595839" s="12"/>
    </row>
    <row r="595840" spans="8:8">
      <c r="H595840" s="12"/>
    </row>
    <row r="595841" spans="8:8">
      <c r="H595841" s="12"/>
    </row>
    <row r="595842" spans="8:8">
      <c r="H595842" s="12"/>
    </row>
    <row r="595843" spans="8:8">
      <c r="H595843" s="12"/>
    </row>
    <row r="595844" spans="8:8">
      <c r="H595844" s="12"/>
    </row>
    <row r="595845" spans="8:8">
      <c r="H595845" s="12"/>
    </row>
    <row r="595846" spans="8:8">
      <c r="H595846" s="12"/>
    </row>
    <row r="595847" spans="8:8">
      <c r="H595847" s="12"/>
    </row>
    <row r="595848" spans="8:8">
      <c r="H595848" s="12"/>
    </row>
    <row r="595849" spans="8:8">
      <c r="H595849" s="12"/>
    </row>
    <row r="595850" spans="8:8">
      <c r="H595850" s="12"/>
    </row>
    <row r="595851" spans="8:8">
      <c r="H595851" s="12"/>
    </row>
    <row r="595852" spans="8:8">
      <c r="H595852" s="12"/>
    </row>
    <row r="595853" spans="8:8">
      <c r="H595853" s="12"/>
    </row>
    <row r="595854" spans="8:8">
      <c r="H595854" s="12"/>
    </row>
    <row r="595855" spans="8:8">
      <c r="H595855" s="12"/>
    </row>
    <row r="595856" spans="8:8">
      <c r="H595856" s="12"/>
    </row>
    <row r="595857" spans="8:8">
      <c r="H595857" s="12"/>
    </row>
    <row r="595858" spans="8:8">
      <c r="H595858" s="12"/>
    </row>
    <row r="595859" spans="8:8">
      <c r="H595859" s="12"/>
    </row>
    <row r="595860" spans="8:8">
      <c r="H595860" s="12"/>
    </row>
    <row r="595861" spans="8:8">
      <c r="H595861" s="12"/>
    </row>
    <row r="595862" spans="8:8">
      <c r="H595862" s="12"/>
    </row>
    <row r="595863" spans="8:8">
      <c r="H595863" s="12"/>
    </row>
    <row r="595864" spans="8:8">
      <c r="H595864" s="12"/>
    </row>
    <row r="595865" spans="8:8">
      <c r="H595865" s="12"/>
    </row>
    <row r="595866" spans="8:8">
      <c r="H595866" s="12"/>
    </row>
    <row r="595867" spans="8:8">
      <c r="H595867" s="12"/>
    </row>
    <row r="595868" spans="8:8">
      <c r="H595868" s="12"/>
    </row>
    <row r="595869" spans="8:8">
      <c r="H595869" s="12"/>
    </row>
    <row r="595870" spans="8:8">
      <c r="H595870" s="12"/>
    </row>
    <row r="595871" spans="8:8">
      <c r="H595871" s="12"/>
    </row>
    <row r="595872" spans="8:8">
      <c r="H595872" s="12"/>
    </row>
    <row r="595873" spans="8:8">
      <c r="H595873" s="12"/>
    </row>
    <row r="595874" spans="8:8">
      <c r="H595874" s="12"/>
    </row>
    <row r="595875" spans="8:8">
      <c r="H595875" s="12"/>
    </row>
    <row r="595876" spans="8:8">
      <c r="H595876" s="12"/>
    </row>
    <row r="595877" spans="8:8">
      <c r="H595877" s="12"/>
    </row>
    <row r="595878" spans="8:8">
      <c r="H595878" s="12"/>
    </row>
    <row r="595879" spans="8:8">
      <c r="H595879" s="12"/>
    </row>
    <row r="595880" spans="8:8">
      <c r="H595880" s="12"/>
    </row>
    <row r="595881" spans="8:8">
      <c r="H595881" s="12"/>
    </row>
    <row r="595882" spans="8:8">
      <c r="H595882" s="12"/>
    </row>
    <row r="595883" spans="8:8">
      <c r="H595883" s="12"/>
    </row>
    <row r="595884" spans="8:8">
      <c r="H595884" s="12"/>
    </row>
    <row r="595885" spans="8:8">
      <c r="H595885" s="12"/>
    </row>
    <row r="595886" spans="8:8">
      <c r="H595886" s="12"/>
    </row>
    <row r="595887" spans="8:8">
      <c r="H595887" s="12"/>
    </row>
    <row r="595888" spans="8:8">
      <c r="H595888" s="12"/>
    </row>
    <row r="595889" spans="8:8">
      <c r="H595889" s="12"/>
    </row>
    <row r="595890" spans="8:8">
      <c r="H595890" s="12"/>
    </row>
    <row r="595891" spans="8:8">
      <c r="H595891" s="12"/>
    </row>
    <row r="595892" spans="8:8">
      <c r="H595892" s="12"/>
    </row>
    <row r="595893" spans="8:8">
      <c r="H595893" s="12"/>
    </row>
    <row r="595894" spans="8:8">
      <c r="H595894" s="12"/>
    </row>
    <row r="595895" spans="8:8">
      <c r="H595895" s="12"/>
    </row>
    <row r="595896" spans="8:8">
      <c r="H595896" s="12"/>
    </row>
    <row r="595897" spans="8:8">
      <c r="H595897" s="12"/>
    </row>
    <row r="595898" spans="8:8">
      <c r="H595898" s="12"/>
    </row>
    <row r="595899" spans="8:8">
      <c r="H595899" s="12"/>
    </row>
    <row r="595900" spans="8:8">
      <c r="H595900" s="12"/>
    </row>
    <row r="595901" spans="8:8">
      <c r="H595901" s="12"/>
    </row>
    <row r="595902" spans="8:8">
      <c r="H595902" s="12"/>
    </row>
    <row r="595903" spans="8:8">
      <c r="H595903" s="12"/>
    </row>
    <row r="595904" spans="8:8">
      <c r="H595904" s="12"/>
    </row>
    <row r="595905" spans="8:8">
      <c r="H595905" s="12"/>
    </row>
    <row r="595906" spans="8:8">
      <c r="H595906" s="12"/>
    </row>
    <row r="595907" spans="8:8">
      <c r="H595907" s="12"/>
    </row>
    <row r="595908" spans="8:8">
      <c r="H595908" s="12"/>
    </row>
    <row r="595909" spans="8:8">
      <c r="H595909" s="12"/>
    </row>
    <row r="595910" spans="8:8">
      <c r="H595910" s="12"/>
    </row>
    <row r="595911" spans="8:8">
      <c r="H595911" s="12"/>
    </row>
    <row r="595912" spans="8:8">
      <c r="H595912" s="12"/>
    </row>
    <row r="595913" spans="8:8">
      <c r="H595913" s="12"/>
    </row>
    <row r="595914" spans="8:8">
      <c r="H595914" s="12"/>
    </row>
    <row r="595915" spans="8:8">
      <c r="H595915" s="12"/>
    </row>
    <row r="595916" spans="8:8">
      <c r="H595916" s="12"/>
    </row>
    <row r="595917" spans="8:8">
      <c r="H595917" s="12"/>
    </row>
    <row r="595918" spans="8:8">
      <c r="H595918" s="12"/>
    </row>
    <row r="595919" spans="8:8">
      <c r="H595919" s="12"/>
    </row>
    <row r="595920" spans="8:8">
      <c r="H595920" s="12"/>
    </row>
    <row r="595921" spans="8:8">
      <c r="H595921" s="12"/>
    </row>
    <row r="595922" spans="8:8">
      <c r="H595922" s="12"/>
    </row>
    <row r="595923" spans="8:8">
      <c r="H595923" s="12"/>
    </row>
    <row r="595924" spans="8:8">
      <c r="H595924" s="12"/>
    </row>
    <row r="595925" spans="8:8">
      <c r="H595925" s="12"/>
    </row>
    <row r="595926" spans="8:8">
      <c r="H595926" s="12"/>
    </row>
    <row r="595927" spans="8:8">
      <c r="H595927" s="12"/>
    </row>
    <row r="595928" spans="8:8">
      <c r="H595928" s="12"/>
    </row>
    <row r="595929" spans="8:8">
      <c r="H595929" s="12"/>
    </row>
    <row r="595930" spans="8:8">
      <c r="H595930" s="12"/>
    </row>
    <row r="595931" spans="8:8">
      <c r="H595931" s="12"/>
    </row>
    <row r="595932" spans="8:8">
      <c r="H595932" s="12"/>
    </row>
    <row r="595933" spans="8:8">
      <c r="H595933" s="12"/>
    </row>
    <row r="595934" spans="8:8">
      <c r="H595934" s="12"/>
    </row>
    <row r="595935" spans="8:8">
      <c r="H595935" s="12"/>
    </row>
    <row r="595936" spans="8:8">
      <c r="H595936" s="12"/>
    </row>
    <row r="595937" spans="8:8">
      <c r="H595937" s="12"/>
    </row>
    <row r="595938" spans="8:8">
      <c r="H595938" s="12"/>
    </row>
    <row r="595939" spans="8:8">
      <c r="H595939" s="12"/>
    </row>
    <row r="595940" spans="8:8">
      <c r="H595940" s="12"/>
    </row>
    <row r="595941" spans="8:8">
      <c r="H595941" s="12"/>
    </row>
    <row r="595942" spans="8:8">
      <c r="H595942" s="12"/>
    </row>
    <row r="595943" spans="8:8">
      <c r="H595943" s="12"/>
    </row>
    <row r="595944" spans="8:8">
      <c r="H595944" s="12"/>
    </row>
    <row r="595945" spans="8:8">
      <c r="H595945" s="12"/>
    </row>
    <row r="595946" spans="8:8">
      <c r="H595946" s="12"/>
    </row>
    <row r="595947" spans="8:8">
      <c r="H595947" s="12"/>
    </row>
    <row r="595948" spans="8:8">
      <c r="H595948" s="12"/>
    </row>
    <row r="595949" spans="8:8">
      <c r="H595949" s="12"/>
    </row>
    <row r="595950" spans="8:8">
      <c r="H595950" s="12"/>
    </row>
    <row r="595951" spans="8:8">
      <c r="H595951" s="12"/>
    </row>
    <row r="595952" spans="8:8">
      <c r="H595952" s="12"/>
    </row>
    <row r="595953" spans="8:8">
      <c r="H595953" s="12"/>
    </row>
    <row r="595954" spans="8:8">
      <c r="H595954" s="12"/>
    </row>
    <row r="595955" spans="8:8">
      <c r="H595955" s="12"/>
    </row>
    <row r="595956" spans="8:8">
      <c r="H595956" s="12"/>
    </row>
    <row r="595957" spans="8:8">
      <c r="H595957" s="12"/>
    </row>
    <row r="595958" spans="8:8">
      <c r="H595958" s="12"/>
    </row>
    <row r="595959" spans="8:8">
      <c r="H595959" s="12"/>
    </row>
    <row r="595960" spans="8:8">
      <c r="H595960" s="12"/>
    </row>
    <row r="595961" spans="8:8">
      <c r="H595961" s="12"/>
    </row>
    <row r="595962" spans="8:8">
      <c r="H595962" s="12"/>
    </row>
    <row r="595963" spans="8:8">
      <c r="H595963" s="12"/>
    </row>
    <row r="595964" spans="8:8">
      <c r="H595964" s="12"/>
    </row>
    <row r="595965" spans="8:8">
      <c r="H595965" s="12"/>
    </row>
    <row r="595966" spans="8:8">
      <c r="H595966" s="12"/>
    </row>
    <row r="595967" spans="8:8">
      <c r="H595967" s="12"/>
    </row>
    <row r="595968" spans="8:8">
      <c r="H595968" s="12"/>
    </row>
    <row r="595969" spans="8:8">
      <c r="H595969" s="12"/>
    </row>
    <row r="595970" spans="8:8">
      <c r="H595970" s="12"/>
    </row>
    <row r="595971" spans="8:8">
      <c r="H595971" s="12"/>
    </row>
    <row r="595972" spans="8:8">
      <c r="H595972" s="12"/>
    </row>
    <row r="595973" spans="8:8">
      <c r="H595973" s="12"/>
    </row>
    <row r="595974" spans="8:8">
      <c r="H595974" s="12"/>
    </row>
    <row r="595975" spans="8:8">
      <c r="H595975" s="12"/>
    </row>
    <row r="595976" spans="8:8">
      <c r="H595976" s="12"/>
    </row>
    <row r="595977" spans="8:8">
      <c r="H595977" s="12"/>
    </row>
    <row r="595978" spans="8:8">
      <c r="H595978" s="12"/>
    </row>
    <row r="595979" spans="8:8">
      <c r="H595979" s="12"/>
    </row>
    <row r="595980" spans="8:8">
      <c r="H595980" s="12"/>
    </row>
    <row r="595981" spans="8:8">
      <c r="H595981" s="12"/>
    </row>
    <row r="595982" spans="8:8">
      <c r="H595982" s="12"/>
    </row>
    <row r="595983" spans="8:8">
      <c r="H595983" s="12"/>
    </row>
    <row r="595984" spans="8:8">
      <c r="H595984" s="12"/>
    </row>
    <row r="595985" spans="8:8">
      <c r="H595985" s="12"/>
    </row>
    <row r="595986" spans="8:8">
      <c r="H595986" s="12"/>
    </row>
    <row r="595987" spans="8:8">
      <c r="H595987" s="12"/>
    </row>
    <row r="595988" spans="8:8">
      <c r="H595988" s="12"/>
    </row>
    <row r="595989" spans="8:8">
      <c r="H595989" s="12"/>
    </row>
    <row r="595990" spans="8:8">
      <c r="H595990" s="12"/>
    </row>
    <row r="595991" spans="8:8">
      <c r="H595991" s="12"/>
    </row>
    <row r="595992" spans="8:8">
      <c r="H595992" s="12"/>
    </row>
    <row r="595993" spans="8:8">
      <c r="H595993" s="12"/>
    </row>
    <row r="595994" spans="8:8">
      <c r="H595994" s="12"/>
    </row>
    <row r="595995" spans="8:8">
      <c r="H595995" s="12"/>
    </row>
    <row r="595996" spans="8:8">
      <c r="H595996" s="12"/>
    </row>
    <row r="595997" spans="8:8">
      <c r="H595997" s="12"/>
    </row>
    <row r="595998" spans="8:8">
      <c r="H595998" s="12"/>
    </row>
    <row r="595999" spans="8:8">
      <c r="H595999" s="12"/>
    </row>
    <row r="596000" spans="8:8">
      <c r="H596000" s="12"/>
    </row>
    <row r="596001" spans="8:8">
      <c r="H596001" s="12"/>
    </row>
    <row r="596002" spans="8:8">
      <c r="H596002" s="12"/>
    </row>
    <row r="596003" spans="8:8">
      <c r="H596003" s="12"/>
    </row>
    <row r="596004" spans="8:8">
      <c r="H596004" s="12"/>
    </row>
    <row r="596005" spans="8:8">
      <c r="H596005" s="12"/>
    </row>
    <row r="596006" spans="8:8">
      <c r="H596006" s="12"/>
    </row>
    <row r="596007" spans="8:8">
      <c r="H596007" s="12"/>
    </row>
    <row r="596008" spans="8:8">
      <c r="H596008" s="12"/>
    </row>
    <row r="596009" spans="8:8">
      <c r="H596009" s="12"/>
    </row>
    <row r="596010" spans="8:8">
      <c r="H596010" s="12"/>
    </row>
    <row r="596011" spans="8:8">
      <c r="H596011" s="12"/>
    </row>
    <row r="596012" spans="8:8">
      <c r="H596012" s="12"/>
    </row>
    <row r="596013" spans="8:8">
      <c r="H596013" s="12"/>
    </row>
    <row r="596014" spans="8:8">
      <c r="H596014" s="12"/>
    </row>
    <row r="596015" spans="8:8">
      <c r="H596015" s="12"/>
    </row>
    <row r="596016" spans="8:8">
      <c r="H596016" s="12"/>
    </row>
    <row r="596017" spans="8:8">
      <c r="H596017" s="12"/>
    </row>
    <row r="596018" spans="8:8">
      <c r="H596018" s="12"/>
    </row>
    <row r="596019" spans="8:8">
      <c r="H596019" s="12"/>
    </row>
    <row r="596020" spans="8:8">
      <c r="H596020" s="12"/>
    </row>
    <row r="596021" spans="8:8">
      <c r="H596021" s="12"/>
    </row>
    <row r="596022" spans="8:8">
      <c r="H596022" s="12"/>
    </row>
    <row r="596023" spans="8:8">
      <c r="H596023" s="12"/>
    </row>
    <row r="596024" spans="8:8">
      <c r="H596024" s="12"/>
    </row>
    <row r="596025" spans="8:8">
      <c r="H596025" s="12"/>
    </row>
    <row r="596026" spans="8:8">
      <c r="H596026" s="12"/>
    </row>
    <row r="596027" spans="8:8">
      <c r="H596027" s="12"/>
    </row>
    <row r="596028" spans="8:8">
      <c r="H596028" s="12"/>
    </row>
    <row r="596029" spans="8:8">
      <c r="H596029" s="12"/>
    </row>
    <row r="596030" spans="8:8">
      <c r="H596030" s="12"/>
    </row>
    <row r="596031" spans="8:8">
      <c r="H596031" s="12"/>
    </row>
    <row r="596032" spans="8:8">
      <c r="H596032" s="12"/>
    </row>
    <row r="596033" spans="8:8">
      <c r="H596033" s="12"/>
    </row>
    <row r="596034" spans="8:8">
      <c r="H596034" s="12"/>
    </row>
    <row r="596035" spans="8:8">
      <c r="H596035" s="12"/>
    </row>
    <row r="596036" spans="8:8">
      <c r="H596036" s="12"/>
    </row>
    <row r="596037" spans="8:8">
      <c r="H596037" s="12"/>
    </row>
    <row r="596038" spans="8:8">
      <c r="H596038" s="12"/>
    </row>
    <row r="596039" spans="8:8">
      <c r="H596039" s="12"/>
    </row>
    <row r="596040" spans="8:8">
      <c r="H596040" s="12"/>
    </row>
    <row r="596041" spans="8:8">
      <c r="H596041" s="12"/>
    </row>
    <row r="596042" spans="8:8">
      <c r="H596042" s="12"/>
    </row>
    <row r="596043" spans="8:8">
      <c r="H596043" s="12"/>
    </row>
    <row r="596044" spans="8:8">
      <c r="H596044" s="12"/>
    </row>
    <row r="596045" spans="8:8">
      <c r="H596045" s="12"/>
    </row>
    <row r="596046" spans="8:8">
      <c r="H596046" s="12"/>
    </row>
    <row r="596047" spans="8:8">
      <c r="H596047" s="12"/>
    </row>
    <row r="596048" spans="8:8">
      <c r="H596048" s="12"/>
    </row>
    <row r="596049" spans="8:8">
      <c r="H596049" s="12"/>
    </row>
    <row r="596050" spans="8:8">
      <c r="H596050" s="12"/>
    </row>
    <row r="596051" spans="8:8">
      <c r="H596051" s="12"/>
    </row>
    <row r="596052" spans="8:8">
      <c r="H596052" s="12"/>
    </row>
    <row r="596053" spans="8:8">
      <c r="H596053" s="12"/>
    </row>
    <row r="596054" spans="8:8">
      <c r="H596054" s="12"/>
    </row>
    <row r="596055" spans="8:8">
      <c r="H596055" s="12"/>
    </row>
    <row r="596056" spans="8:8">
      <c r="H596056" s="12"/>
    </row>
    <row r="596057" spans="8:8">
      <c r="H596057" s="12"/>
    </row>
    <row r="596058" spans="8:8">
      <c r="H596058" s="12"/>
    </row>
    <row r="596059" spans="8:8">
      <c r="H596059" s="12"/>
    </row>
    <row r="596060" spans="8:8">
      <c r="H596060" s="12"/>
    </row>
    <row r="596061" spans="8:8">
      <c r="H596061" s="12"/>
    </row>
    <row r="596062" spans="8:8">
      <c r="H596062" s="12"/>
    </row>
    <row r="596063" spans="8:8">
      <c r="H596063" s="12"/>
    </row>
    <row r="596064" spans="8:8">
      <c r="H596064" s="12"/>
    </row>
    <row r="596065" spans="8:8">
      <c r="H596065" s="12"/>
    </row>
    <row r="596066" spans="8:8">
      <c r="H596066" s="12"/>
    </row>
    <row r="596067" spans="8:8">
      <c r="H596067" s="12"/>
    </row>
    <row r="596068" spans="8:8">
      <c r="H596068" s="12"/>
    </row>
    <row r="596069" spans="8:8">
      <c r="H596069" s="12"/>
    </row>
    <row r="596070" spans="8:8">
      <c r="H596070" s="12"/>
    </row>
    <row r="596071" spans="8:8">
      <c r="H596071" s="12"/>
    </row>
    <row r="596072" spans="8:8">
      <c r="H596072" s="12"/>
    </row>
    <row r="596073" spans="8:8">
      <c r="H596073" s="12"/>
    </row>
    <row r="596074" spans="8:8">
      <c r="H596074" s="12"/>
    </row>
    <row r="596075" spans="8:8">
      <c r="H596075" s="12"/>
    </row>
    <row r="596076" spans="8:8">
      <c r="H596076" s="12"/>
    </row>
    <row r="596077" spans="8:8">
      <c r="H596077" s="12"/>
    </row>
    <row r="596078" spans="8:8">
      <c r="H596078" s="12"/>
    </row>
    <row r="596079" spans="8:8">
      <c r="H596079" s="12"/>
    </row>
    <row r="596080" spans="8:8">
      <c r="H596080" s="12"/>
    </row>
    <row r="596081" spans="8:8">
      <c r="H596081" s="12"/>
    </row>
    <row r="596082" spans="8:8">
      <c r="H596082" s="12"/>
    </row>
    <row r="596083" spans="8:8">
      <c r="H596083" s="12"/>
    </row>
    <row r="596084" spans="8:8">
      <c r="H596084" s="12"/>
    </row>
    <row r="596085" spans="8:8">
      <c r="H596085" s="12"/>
    </row>
    <row r="596086" spans="8:8">
      <c r="H596086" s="12"/>
    </row>
    <row r="596087" spans="8:8">
      <c r="H596087" s="12"/>
    </row>
    <row r="596088" spans="8:8">
      <c r="H596088" s="12"/>
    </row>
    <row r="596089" spans="8:8">
      <c r="H596089" s="12"/>
    </row>
    <row r="596090" spans="8:8">
      <c r="H596090" s="12"/>
    </row>
    <row r="596091" spans="8:8">
      <c r="H596091" s="12"/>
    </row>
    <row r="596092" spans="8:8">
      <c r="H596092" s="12"/>
    </row>
    <row r="596093" spans="8:8">
      <c r="H596093" s="12"/>
    </row>
    <row r="596094" spans="8:8">
      <c r="H596094" s="12"/>
    </row>
    <row r="596095" spans="8:8">
      <c r="H596095" s="12"/>
    </row>
    <row r="596096" spans="8:8">
      <c r="H596096" s="12"/>
    </row>
    <row r="596097" spans="8:8">
      <c r="H596097" s="12"/>
    </row>
    <row r="596098" spans="8:8">
      <c r="H596098" s="12"/>
    </row>
    <row r="596099" spans="8:8">
      <c r="H596099" s="12"/>
    </row>
    <row r="596100" spans="8:8">
      <c r="H596100" s="12"/>
    </row>
    <row r="596101" spans="8:8">
      <c r="H596101" s="12"/>
    </row>
    <row r="596102" spans="8:8">
      <c r="H596102" s="12"/>
    </row>
    <row r="596103" spans="8:8">
      <c r="H596103" s="12"/>
    </row>
    <row r="596104" spans="8:8">
      <c r="H596104" s="12"/>
    </row>
    <row r="596105" spans="8:8">
      <c r="H596105" s="12"/>
    </row>
    <row r="596106" spans="8:8">
      <c r="H596106" s="12"/>
    </row>
    <row r="596107" spans="8:8">
      <c r="H596107" s="12"/>
    </row>
    <row r="596108" spans="8:8">
      <c r="H596108" s="12"/>
    </row>
    <row r="596109" spans="8:8">
      <c r="H596109" s="12"/>
    </row>
    <row r="596110" spans="8:8">
      <c r="H596110" s="12"/>
    </row>
    <row r="596111" spans="8:8">
      <c r="H596111" s="12"/>
    </row>
    <row r="596112" spans="8:8">
      <c r="H596112" s="12"/>
    </row>
    <row r="596113" spans="8:8">
      <c r="H596113" s="12"/>
    </row>
    <row r="596114" spans="8:8">
      <c r="H596114" s="12"/>
    </row>
    <row r="596115" spans="8:8">
      <c r="H596115" s="12"/>
    </row>
    <row r="596116" spans="8:8">
      <c r="H596116" s="12"/>
    </row>
    <row r="596117" spans="8:8">
      <c r="H596117" s="12"/>
    </row>
    <row r="596118" spans="8:8">
      <c r="H596118" s="12"/>
    </row>
    <row r="596119" spans="8:8">
      <c r="H596119" s="12"/>
    </row>
    <row r="596120" spans="8:8">
      <c r="H596120" s="12"/>
    </row>
    <row r="596121" spans="8:8">
      <c r="H596121" s="12"/>
    </row>
    <row r="596122" spans="8:8">
      <c r="H596122" s="12"/>
    </row>
    <row r="596123" spans="8:8">
      <c r="H596123" s="12"/>
    </row>
    <row r="596124" spans="8:8">
      <c r="H596124" s="12"/>
    </row>
    <row r="596125" spans="8:8">
      <c r="H596125" s="12"/>
    </row>
    <row r="596126" spans="8:8">
      <c r="H596126" s="12"/>
    </row>
    <row r="596127" spans="8:8">
      <c r="H596127" s="12"/>
    </row>
    <row r="596128" spans="8:8">
      <c r="H596128" s="12"/>
    </row>
    <row r="596129" spans="8:8">
      <c r="H596129" s="12"/>
    </row>
    <row r="596130" spans="8:8">
      <c r="H596130" s="12"/>
    </row>
    <row r="596131" spans="8:8">
      <c r="H596131" s="12"/>
    </row>
    <row r="596132" spans="8:8">
      <c r="H596132" s="12"/>
    </row>
    <row r="596133" spans="8:8">
      <c r="H596133" s="12"/>
    </row>
    <row r="596134" spans="8:8">
      <c r="H596134" s="12"/>
    </row>
    <row r="596135" spans="8:8">
      <c r="H596135" s="12"/>
    </row>
    <row r="596136" spans="8:8">
      <c r="H596136" s="12"/>
    </row>
    <row r="596137" spans="8:8">
      <c r="H596137" s="12"/>
    </row>
    <row r="596138" spans="8:8">
      <c r="H596138" s="12"/>
    </row>
    <row r="596139" spans="8:8">
      <c r="H596139" s="12"/>
    </row>
    <row r="596140" spans="8:8">
      <c r="H596140" s="12"/>
    </row>
    <row r="596141" spans="8:8">
      <c r="H596141" s="12"/>
    </row>
    <row r="596142" spans="8:8">
      <c r="H596142" s="12"/>
    </row>
    <row r="596143" spans="8:8">
      <c r="H596143" s="12"/>
    </row>
    <row r="596144" spans="8:8">
      <c r="H596144" s="12"/>
    </row>
    <row r="596145" spans="8:8">
      <c r="H596145" s="12"/>
    </row>
    <row r="596146" spans="8:8">
      <c r="H596146" s="12"/>
    </row>
    <row r="596147" spans="8:8">
      <c r="H596147" s="12"/>
    </row>
    <row r="596148" spans="8:8">
      <c r="H596148" s="12"/>
    </row>
    <row r="596149" spans="8:8">
      <c r="H596149" s="12"/>
    </row>
    <row r="596150" spans="8:8">
      <c r="H596150" s="12"/>
    </row>
    <row r="596151" spans="8:8">
      <c r="H596151" s="12"/>
    </row>
    <row r="596152" spans="8:8">
      <c r="H596152" s="12"/>
    </row>
    <row r="596153" spans="8:8">
      <c r="H596153" s="12"/>
    </row>
    <row r="596154" spans="8:8">
      <c r="H596154" s="12"/>
    </row>
    <row r="596155" spans="8:8">
      <c r="H596155" s="12"/>
    </row>
    <row r="596156" spans="8:8">
      <c r="H596156" s="12"/>
    </row>
    <row r="596157" spans="8:8">
      <c r="H596157" s="12"/>
    </row>
    <row r="596158" spans="8:8">
      <c r="H596158" s="12"/>
    </row>
    <row r="596159" spans="8:8">
      <c r="H596159" s="12"/>
    </row>
    <row r="596160" spans="8:8">
      <c r="H596160" s="12"/>
    </row>
    <row r="596161" spans="8:8">
      <c r="H596161" s="12"/>
    </row>
    <row r="596162" spans="8:8">
      <c r="H596162" s="12"/>
    </row>
    <row r="596163" spans="8:8">
      <c r="H596163" s="12"/>
    </row>
    <row r="596164" spans="8:8">
      <c r="H596164" s="12"/>
    </row>
    <row r="596165" spans="8:8">
      <c r="H596165" s="12"/>
    </row>
    <row r="596166" spans="8:8">
      <c r="H596166" s="12"/>
    </row>
    <row r="596167" spans="8:8">
      <c r="H596167" s="12"/>
    </row>
    <row r="596168" spans="8:8">
      <c r="H596168" s="12"/>
    </row>
    <row r="596169" spans="8:8">
      <c r="H596169" s="12"/>
    </row>
    <row r="596170" spans="8:8">
      <c r="H596170" s="12"/>
    </row>
    <row r="596171" spans="8:8">
      <c r="H596171" s="12"/>
    </row>
    <row r="596172" spans="8:8">
      <c r="H596172" s="12"/>
    </row>
    <row r="596173" spans="8:8">
      <c r="H596173" s="12"/>
    </row>
    <row r="596174" spans="8:8">
      <c r="H596174" s="12"/>
    </row>
    <row r="596175" spans="8:8">
      <c r="H596175" s="12"/>
    </row>
    <row r="596176" spans="8:8">
      <c r="H596176" s="12"/>
    </row>
    <row r="596177" spans="8:8">
      <c r="H596177" s="12"/>
    </row>
    <row r="596178" spans="8:8">
      <c r="H596178" s="12"/>
    </row>
    <row r="596179" spans="8:8">
      <c r="H596179" s="12"/>
    </row>
    <row r="596180" spans="8:8">
      <c r="H596180" s="12"/>
    </row>
    <row r="596181" spans="8:8">
      <c r="H596181" s="12"/>
    </row>
    <row r="596182" spans="8:8">
      <c r="H596182" s="12"/>
    </row>
    <row r="596183" spans="8:8">
      <c r="H596183" s="12"/>
    </row>
    <row r="596184" spans="8:8">
      <c r="H596184" s="12"/>
    </row>
    <row r="596185" spans="8:8">
      <c r="H596185" s="12"/>
    </row>
    <row r="596186" spans="8:8">
      <c r="H596186" s="12"/>
    </row>
    <row r="596187" spans="8:8">
      <c r="H596187" s="12"/>
    </row>
    <row r="596188" spans="8:8">
      <c r="H596188" s="12"/>
    </row>
    <row r="596189" spans="8:8">
      <c r="H596189" s="12"/>
    </row>
    <row r="596190" spans="8:8">
      <c r="H596190" s="12"/>
    </row>
    <row r="596191" spans="8:8">
      <c r="H596191" s="12"/>
    </row>
    <row r="596192" spans="8:8">
      <c r="H596192" s="12"/>
    </row>
    <row r="596193" spans="8:8">
      <c r="H596193" s="12"/>
    </row>
    <row r="596194" spans="8:8">
      <c r="H596194" s="12"/>
    </row>
    <row r="596195" spans="8:8">
      <c r="H596195" s="12"/>
    </row>
    <row r="596196" spans="8:8">
      <c r="H596196" s="12"/>
    </row>
    <row r="596197" spans="8:8">
      <c r="H596197" s="12"/>
    </row>
    <row r="596198" spans="8:8">
      <c r="H596198" s="12"/>
    </row>
    <row r="596199" spans="8:8">
      <c r="H596199" s="12"/>
    </row>
    <row r="596200" spans="8:8">
      <c r="H596200" s="12"/>
    </row>
    <row r="596201" spans="8:8">
      <c r="H596201" s="12"/>
    </row>
    <row r="596202" spans="8:8">
      <c r="H596202" s="12"/>
    </row>
    <row r="596203" spans="8:8">
      <c r="H596203" s="12"/>
    </row>
    <row r="596204" spans="8:8">
      <c r="H596204" s="12"/>
    </row>
    <row r="596205" spans="8:8">
      <c r="H596205" s="12"/>
    </row>
    <row r="596206" spans="8:8">
      <c r="H596206" s="12"/>
    </row>
    <row r="596207" spans="8:8">
      <c r="H596207" s="12"/>
    </row>
    <row r="596208" spans="8:8">
      <c r="H596208" s="12"/>
    </row>
    <row r="596209" spans="8:8">
      <c r="H596209" s="12"/>
    </row>
    <row r="596210" spans="8:8">
      <c r="H596210" s="12"/>
    </row>
    <row r="596211" spans="8:8">
      <c r="H596211" s="12"/>
    </row>
    <row r="596212" spans="8:8">
      <c r="H596212" s="12"/>
    </row>
    <row r="596213" spans="8:8">
      <c r="H596213" s="12"/>
    </row>
    <row r="596214" spans="8:8">
      <c r="H596214" s="12"/>
    </row>
    <row r="596215" spans="8:8">
      <c r="H596215" s="12"/>
    </row>
    <row r="596216" spans="8:8">
      <c r="H596216" s="12"/>
    </row>
    <row r="596217" spans="8:8">
      <c r="H596217" s="12"/>
    </row>
    <row r="596218" spans="8:8">
      <c r="H596218" s="12"/>
    </row>
    <row r="596219" spans="8:8">
      <c r="H596219" s="12"/>
    </row>
    <row r="596220" spans="8:8">
      <c r="H596220" s="12"/>
    </row>
    <row r="596221" spans="8:8">
      <c r="H596221" s="12"/>
    </row>
    <row r="596222" spans="8:8">
      <c r="H596222" s="12"/>
    </row>
    <row r="596223" spans="8:8">
      <c r="H596223" s="12"/>
    </row>
    <row r="596224" spans="8:8">
      <c r="H596224" s="12"/>
    </row>
    <row r="596225" spans="8:8">
      <c r="H596225" s="12"/>
    </row>
    <row r="596226" spans="8:8">
      <c r="H596226" s="12"/>
    </row>
    <row r="596227" spans="8:8">
      <c r="H596227" s="12"/>
    </row>
    <row r="596228" spans="8:8">
      <c r="H596228" s="12"/>
    </row>
    <row r="596229" spans="8:8">
      <c r="H596229" s="12"/>
    </row>
    <row r="596230" spans="8:8">
      <c r="H596230" s="12"/>
    </row>
    <row r="596231" spans="8:8">
      <c r="H596231" s="12"/>
    </row>
    <row r="596232" spans="8:8">
      <c r="H596232" s="12"/>
    </row>
    <row r="596233" spans="8:8">
      <c r="H596233" s="12"/>
    </row>
    <row r="596234" spans="8:8">
      <c r="H596234" s="12"/>
    </row>
    <row r="596235" spans="8:8">
      <c r="H596235" s="12"/>
    </row>
    <row r="596236" spans="8:8">
      <c r="H596236" s="12"/>
    </row>
    <row r="596237" spans="8:8">
      <c r="H596237" s="12"/>
    </row>
    <row r="596238" spans="8:8">
      <c r="H596238" s="12"/>
    </row>
    <row r="596239" spans="8:8">
      <c r="H596239" s="12"/>
    </row>
    <row r="596240" spans="8:8">
      <c r="H596240" s="12"/>
    </row>
    <row r="596241" spans="8:8">
      <c r="H596241" s="12"/>
    </row>
    <row r="596242" spans="8:8">
      <c r="H596242" s="12"/>
    </row>
    <row r="596243" spans="8:8">
      <c r="H596243" s="12"/>
    </row>
    <row r="596244" spans="8:8">
      <c r="H596244" s="12"/>
    </row>
    <row r="596245" spans="8:8">
      <c r="H596245" s="12"/>
    </row>
    <row r="596246" spans="8:8">
      <c r="H596246" s="12"/>
    </row>
    <row r="596247" spans="8:8">
      <c r="H596247" s="12"/>
    </row>
    <row r="596248" spans="8:8">
      <c r="H596248" s="12"/>
    </row>
    <row r="596249" spans="8:8">
      <c r="H596249" s="12"/>
    </row>
    <row r="596250" spans="8:8">
      <c r="H596250" s="12"/>
    </row>
    <row r="596251" spans="8:8">
      <c r="H596251" s="12"/>
    </row>
    <row r="596252" spans="8:8">
      <c r="H596252" s="12"/>
    </row>
    <row r="596253" spans="8:8">
      <c r="H596253" s="12"/>
    </row>
    <row r="596254" spans="8:8">
      <c r="H596254" s="12"/>
    </row>
    <row r="596255" spans="8:8">
      <c r="H596255" s="12"/>
    </row>
    <row r="596256" spans="8:8">
      <c r="H596256" s="12"/>
    </row>
    <row r="596257" spans="8:8">
      <c r="H596257" s="12"/>
    </row>
    <row r="596258" spans="8:8">
      <c r="H596258" s="12"/>
    </row>
    <row r="596259" spans="8:8">
      <c r="H596259" s="12"/>
    </row>
    <row r="596260" spans="8:8">
      <c r="H596260" s="12"/>
    </row>
    <row r="596261" spans="8:8">
      <c r="H596261" s="12"/>
    </row>
    <row r="596262" spans="8:8">
      <c r="H596262" s="12"/>
    </row>
    <row r="596263" spans="8:8">
      <c r="H596263" s="12"/>
    </row>
    <row r="596264" spans="8:8">
      <c r="H596264" s="12"/>
    </row>
    <row r="596265" spans="8:8">
      <c r="H596265" s="12"/>
    </row>
    <row r="596266" spans="8:8">
      <c r="H596266" s="12"/>
    </row>
    <row r="596267" spans="8:8">
      <c r="H596267" s="12"/>
    </row>
    <row r="596268" spans="8:8">
      <c r="H596268" s="12"/>
    </row>
    <row r="596269" spans="8:8">
      <c r="H596269" s="12"/>
    </row>
    <row r="596270" spans="8:8">
      <c r="H596270" s="12"/>
    </row>
    <row r="596271" spans="8:8">
      <c r="H596271" s="12"/>
    </row>
    <row r="596272" spans="8:8">
      <c r="H596272" s="12"/>
    </row>
    <row r="596273" spans="8:8">
      <c r="H596273" s="12"/>
    </row>
    <row r="596274" spans="8:8">
      <c r="H596274" s="12"/>
    </row>
    <row r="596275" spans="8:8">
      <c r="H596275" s="12"/>
    </row>
    <row r="596276" spans="8:8">
      <c r="H596276" s="12"/>
    </row>
    <row r="596277" spans="8:8">
      <c r="H596277" s="12"/>
    </row>
    <row r="596278" spans="8:8">
      <c r="H596278" s="12"/>
    </row>
    <row r="596279" spans="8:8">
      <c r="H596279" s="12"/>
    </row>
    <row r="596280" spans="8:8">
      <c r="H596280" s="12"/>
    </row>
    <row r="596281" spans="8:8">
      <c r="H596281" s="12"/>
    </row>
    <row r="596282" spans="8:8">
      <c r="H596282" s="12"/>
    </row>
    <row r="596283" spans="8:8">
      <c r="H596283" s="12"/>
    </row>
    <row r="596284" spans="8:8">
      <c r="H596284" s="12"/>
    </row>
    <row r="596285" spans="8:8">
      <c r="H596285" s="12"/>
    </row>
    <row r="596286" spans="8:8">
      <c r="H596286" s="12"/>
    </row>
    <row r="596287" spans="8:8">
      <c r="H596287" s="12"/>
    </row>
    <row r="596288" spans="8:8">
      <c r="H596288" s="12"/>
    </row>
    <row r="596289" spans="8:8">
      <c r="H596289" s="12"/>
    </row>
    <row r="596290" spans="8:8">
      <c r="H596290" s="12"/>
    </row>
    <row r="596291" spans="8:8">
      <c r="H596291" s="12"/>
    </row>
    <row r="596292" spans="8:8">
      <c r="H596292" s="12"/>
    </row>
    <row r="596293" spans="8:8">
      <c r="H596293" s="12"/>
    </row>
    <row r="596294" spans="8:8">
      <c r="H596294" s="12"/>
    </row>
    <row r="596295" spans="8:8">
      <c r="H596295" s="12"/>
    </row>
    <row r="596296" spans="8:8">
      <c r="H596296" s="12"/>
    </row>
    <row r="596297" spans="8:8">
      <c r="H596297" s="12"/>
    </row>
    <row r="596298" spans="8:8">
      <c r="H596298" s="12"/>
    </row>
    <row r="596299" spans="8:8">
      <c r="H596299" s="12"/>
    </row>
    <row r="596300" spans="8:8">
      <c r="H596300" s="12"/>
    </row>
    <row r="596301" spans="8:8">
      <c r="H596301" s="12"/>
    </row>
    <row r="596302" spans="8:8">
      <c r="H596302" s="12"/>
    </row>
    <row r="596303" spans="8:8">
      <c r="H596303" s="12"/>
    </row>
    <row r="596304" spans="8:8">
      <c r="H596304" s="12"/>
    </row>
    <row r="596305" spans="8:8">
      <c r="H596305" s="12"/>
    </row>
    <row r="596306" spans="8:8">
      <c r="H596306" s="12"/>
    </row>
    <row r="596307" spans="8:8">
      <c r="H596307" s="12"/>
    </row>
    <row r="596308" spans="8:8">
      <c r="H596308" s="12"/>
    </row>
    <row r="596309" spans="8:8">
      <c r="H596309" s="12"/>
    </row>
    <row r="596310" spans="8:8">
      <c r="H596310" s="12"/>
    </row>
    <row r="596311" spans="8:8">
      <c r="H596311" s="12"/>
    </row>
    <row r="596312" spans="8:8">
      <c r="H596312" s="12"/>
    </row>
    <row r="596313" spans="8:8">
      <c r="H596313" s="12"/>
    </row>
    <row r="596314" spans="8:8">
      <c r="H596314" s="12"/>
    </row>
    <row r="596315" spans="8:8">
      <c r="H596315" s="12"/>
    </row>
    <row r="596316" spans="8:8">
      <c r="H596316" s="12"/>
    </row>
    <row r="596317" spans="8:8">
      <c r="H596317" s="12"/>
    </row>
    <row r="596318" spans="8:8">
      <c r="H596318" s="12"/>
    </row>
    <row r="596319" spans="8:8">
      <c r="H596319" s="12"/>
    </row>
    <row r="596320" spans="8:8">
      <c r="H596320" s="12"/>
    </row>
    <row r="596321" spans="8:8">
      <c r="H596321" s="12"/>
    </row>
    <row r="596322" spans="8:8">
      <c r="H596322" s="12"/>
    </row>
    <row r="596323" spans="8:8">
      <c r="H596323" s="12"/>
    </row>
    <row r="596324" spans="8:8">
      <c r="H596324" s="12"/>
    </row>
    <row r="596325" spans="8:8">
      <c r="H596325" s="12"/>
    </row>
    <row r="596326" spans="8:8">
      <c r="H596326" s="12"/>
    </row>
    <row r="596327" spans="8:8">
      <c r="H596327" s="12"/>
    </row>
    <row r="596328" spans="8:8">
      <c r="H596328" s="12"/>
    </row>
    <row r="596329" spans="8:8">
      <c r="H596329" s="12"/>
    </row>
    <row r="596330" spans="8:8">
      <c r="H596330" s="12"/>
    </row>
    <row r="596331" spans="8:8">
      <c r="H596331" s="12"/>
    </row>
    <row r="596332" spans="8:8">
      <c r="H596332" s="12"/>
    </row>
    <row r="596333" spans="8:8">
      <c r="H596333" s="12"/>
    </row>
    <row r="596334" spans="8:8">
      <c r="H596334" s="12"/>
    </row>
    <row r="596335" spans="8:8">
      <c r="H596335" s="12"/>
    </row>
    <row r="596336" spans="8:8">
      <c r="H596336" s="12"/>
    </row>
    <row r="596337" spans="8:8">
      <c r="H596337" s="12"/>
    </row>
    <row r="596338" spans="8:8">
      <c r="H596338" s="12"/>
    </row>
    <row r="596339" spans="8:8">
      <c r="H596339" s="12"/>
    </row>
    <row r="596340" spans="8:8">
      <c r="H596340" s="12"/>
    </row>
    <row r="596341" spans="8:8">
      <c r="H596341" s="12"/>
    </row>
    <row r="596342" spans="8:8">
      <c r="H596342" s="12"/>
    </row>
    <row r="596343" spans="8:8">
      <c r="H596343" s="12"/>
    </row>
    <row r="596344" spans="8:8">
      <c r="H596344" s="12"/>
    </row>
    <row r="596345" spans="8:8">
      <c r="H596345" s="12"/>
    </row>
    <row r="596346" spans="8:8">
      <c r="H596346" s="12"/>
    </row>
    <row r="596347" spans="8:8">
      <c r="H596347" s="12"/>
    </row>
    <row r="596348" spans="8:8">
      <c r="H596348" s="12"/>
    </row>
    <row r="596349" spans="8:8">
      <c r="H596349" s="12"/>
    </row>
    <row r="596350" spans="8:8">
      <c r="H596350" s="12"/>
    </row>
    <row r="596351" spans="8:8">
      <c r="H596351" s="12"/>
    </row>
    <row r="596352" spans="8:8">
      <c r="H596352" s="12"/>
    </row>
    <row r="596353" spans="8:8">
      <c r="H596353" s="12"/>
    </row>
    <row r="596354" spans="8:8">
      <c r="H596354" s="12"/>
    </row>
    <row r="596355" spans="8:8">
      <c r="H596355" s="12"/>
    </row>
    <row r="596356" spans="8:8">
      <c r="H596356" s="12"/>
    </row>
    <row r="596357" spans="8:8">
      <c r="H596357" s="12"/>
    </row>
    <row r="596358" spans="8:8">
      <c r="H596358" s="12"/>
    </row>
    <row r="596359" spans="8:8">
      <c r="H596359" s="12"/>
    </row>
    <row r="596360" spans="8:8">
      <c r="H596360" s="12"/>
    </row>
    <row r="596361" spans="8:8">
      <c r="H596361" s="12"/>
    </row>
    <row r="596362" spans="8:8">
      <c r="H596362" s="12"/>
    </row>
    <row r="596363" spans="8:8">
      <c r="H596363" s="12"/>
    </row>
    <row r="596364" spans="8:8">
      <c r="H596364" s="12"/>
    </row>
    <row r="596365" spans="8:8">
      <c r="H596365" s="12"/>
    </row>
    <row r="596366" spans="8:8">
      <c r="H596366" s="12"/>
    </row>
    <row r="596367" spans="8:8">
      <c r="H596367" s="12"/>
    </row>
    <row r="596368" spans="8:8">
      <c r="H596368" s="12"/>
    </row>
    <row r="596369" spans="8:8">
      <c r="H596369" s="12"/>
    </row>
    <row r="596370" spans="8:8">
      <c r="H596370" s="12"/>
    </row>
    <row r="596371" spans="8:8">
      <c r="H596371" s="12"/>
    </row>
    <row r="596372" spans="8:8">
      <c r="H596372" s="12"/>
    </row>
    <row r="596373" spans="8:8">
      <c r="H596373" s="12"/>
    </row>
    <row r="596374" spans="8:8">
      <c r="H596374" s="12"/>
    </row>
    <row r="596375" spans="8:8">
      <c r="H596375" s="12"/>
    </row>
    <row r="596376" spans="8:8">
      <c r="H596376" s="12"/>
    </row>
    <row r="596377" spans="8:8">
      <c r="H596377" s="12"/>
    </row>
    <row r="596378" spans="8:8">
      <c r="H596378" s="12"/>
    </row>
    <row r="596379" spans="8:8">
      <c r="H596379" s="12"/>
    </row>
    <row r="596380" spans="8:8">
      <c r="H596380" s="12"/>
    </row>
    <row r="596381" spans="8:8">
      <c r="H596381" s="12"/>
    </row>
    <row r="596382" spans="8:8">
      <c r="H596382" s="12"/>
    </row>
    <row r="596383" spans="8:8">
      <c r="H596383" s="12"/>
    </row>
    <row r="596384" spans="8:8">
      <c r="H596384" s="12"/>
    </row>
    <row r="596385" spans="8:8">
      <c r="H596385" s="12"/>
    </row>
    <row r="596386" spans="8:8">
      <c r="H596386" s="12"/>
    </row>
    <row r="596387" spans="8:8">
      <c r="H596387" s="12"/>
    </row>
    <row r="596388" spans="8:8">
      <c r="H596388" s="12"/>
    </row>
    <row r="596389" spans="8:8">
      <c r="H596389" s="12"/>
    </row>
    <row r="596390" spans="8:8">
      <c r="H596390" s="12"/>
    </row>
    <row r="596391" spans="8:8">
      <c r="H596391" s="12"/>
    </row>
    <row r="596392" spans="8:8">
      <c r="H596392" s="12"/>
    </row>
    <row r="596393" spans="8:8">
      <c r="H596393" s="12"/>
    </row>
    <row r="596394" spans="8:8">
      <c r="H596394" s="12"/>
    </row>
    <row r="596395" spans="8:8">
      <c r="H596395" s="12"/>
    </row>
    <row r="596396" spans="8:8">
      <c r="H596396" s="12"/>
    </row>
    <row r="596397" spans="8:8">
      <c r="H596397" s="12"/>
    </row>
    <row r="596398" spans="8:8">
      <c r="H596398" s="12"/>
    </row>
    <row r="596399" spans="8:8">
      <c r="H596399" s="12"/>
    </row>
    <row r="596400" spans="8:8">
      <c r="H596400" s="12"/>
    </row>
    <row r="596401" spans="8:8">
      <c r="H596401" s="12"/>
    </row>
    <row r="596402" spans="8:8">
      <c r="H596402" s="12"/>
    </row>
    <row r="596403" spans="8:8">
      <c r="H596403" s="12"/>
    </row>
    <row r="596404" spans="8:8">
      <c r="H596404" s="12"/>
    </row>
    <row r="596405" spans="8:8">
      <c r="H596405" s="12"/>
    </row>
    <row r="596406" spans="8:8">
      <c r="H596406" s="12"/>
    </row>
    <row r="596407" spans="8:8">
      <c r="H596407" s="12"/>
    </row>
    <row r="596408" spans="8:8">
      <c r="H596408" s="12"/>
    </row>
    <row r="596409" spans="8:8">
      <c r="H596409" s="12"/>
    </row>
    <row r="596410" spans="8:8">
      <c r="H596410" s="12"/>
    </row>
    <row r="596411" spans="8:8">
      <c r="H596411" s="12"/>
    </row>
    <row r="596412" spans="8:8">
      <c r="H596412" s="12"/>
    </row>
    <row r="596413" spans="8:8">
      <c r="H596413" s="12"/>
    </row>
    <row r="596414" spans="8:8">
      <c r="H596414" s="12"/>
    </row>
    <row r="596415" spans="8:8">
      <c r="H596415" s="12"/>
    </row>
    <row r="596416" spans="8:8">
      <c r="H596416" s="12"/>
    </row>
    <row r="596417" spans="8:8">
      <c r="H596417" s="12"/>
    </row>
    <row r="596418" spans="8:8">
      <c r="H596418" s="12"/>
    </row>
    <row r="596419" spans="8:8">
      <c r="H596419" s="12"/>
    </row>
    <row r="596420" spans="8:8">
      <c r="H596420" s="12"/>
    </row>
    <row r="596421" spans="8:8">
      <c r="H596421" s="12"/>
    </row>
    <row r="596422" spans="8:8">
      <c r="H596422" s="12"/>
    </row>
    <row r="596423" spans="8:8">
      <c r="H596423" s="12"/>
    </row>
    <row r="596424" spans="8:8">
      <c r="H596424" s="12"/>
    </row>
    <row r="596425" spans="8:8">
      <c r="H596425" s="12"/>
    </row>
    <row r="596426" spans="8:8">
      <c r="H596426" s="12"/>
    </row>
    <row r="596427" spans="8:8">
      <c r="H596427" s="12"/>
    </row>
    <row r="596428" spans="8:8">
      <c r="H596428" s="12"/>
    </row>
    <row r="596429" spans="8:8">
      <c r="H596429" s="12"/>
    </row>
    <row r="596430" spans="8:8">
      <c r="H596430" s="12"/>
    </row>
    <row r="596431" spans="8:8">
      <c r="H596431" s="12"/>
    </row>
    <row r="596432" spans="8:8">
      <c r="H596432" s="12"/>
    </row>
    <row r="596433" spans="8:8">
      <c r="H596433" s="12"/>
    </row>
    <row r="596434" spans="8:8">
      <c r="H596434" s="12"/>
    </row>
    <row r="596435" spans="8:8">
      <c r="H596435" s="12"/>
    </row>
    <row r="596436" spans="8:8">
      <c r="H596436" s="12"/>
    </row>
    <row r="596437" spans="8:8">
      <c r="H596437" s="12"/>
    </row>
    <row r="596438" spans="8:8">
      <c r="H596438" s="12"/>
    </row>
    <row r="596439" spans="8:8">
      <c r="H596439" s="12"/>
    </row>
    <row r="596440" spans="8:8">
      <c r="H596440" s="12"/>
    </row>
    <row r="596441" spans="8:8">
      <c r="H596441" s="12"/>
    </row>
    <row r="596442" spans="8:8">
      <c r="H596442" s="12"/>
    </row>
    <row r="596443" spans="8:8">
      <c r="H596443" s="12"/>
    </row>
    <row r="596444" spans="8:8">
      <c r="H596444" s="12"/>
    </row>
    <row r="596445" spans="8:8">
      <c r="H596445" s="12"/>
    </row>
    <row r="596446" spans="8:8">
      <c r="H596446" s="12"/>
    </row>
    <row r="596447" spans="8:8">
      <c r="H596447" s="12"/>
    </row>
    <row r="596448" spans="8:8">
      <c r="H596448" s="12"/>
    </row>
    <row r="596449" spans="8:8">
      <c r="H596449" s="12"/>
    </row>
    <row r="596450" spans="8:8">
      <c r="H596450" s="12"/>
    </row>
    <row r="596451" spans="8:8">
      <c r="H596451" s="12"/>
    </row>
    <row r="596452" spans="8:8">
      <c r="H596452" s="12"/>
    </row>
    <row r="596453" spans="8:8">
      <c r="H596453" s="12"/>
    </row>
    <row r="596454" spans="8:8">
      <c r="H596454" s="12"/>
    </row>
    <row r="596455" spans="8:8">
      <c r="H596455" s="12"/>
    </row>
    <row r="596456" spans="8:8">
      <c r="H596456" s="12"/>
    </row>
    <row r="596457" spans="8:8">
      <c r="H596457" s="12"/>
    </row>
    <row r="596458" spans="8:8">
      <c r="H596458" s="12"/>
    </row>
    <row r="596459" spans="8:8">
      <c r="H596459" s="12"/>
    </row>
    <row r="596460" spans="8:8">
      <c r="H596460" s="12"/>
    </row>
    <row r="596461" spans="8:8">
      <c r="H596461" s="12"/>
    </row>
    <row r="596462" spans="8:8">
      <c r="H596462" s="12"/>
    </row>
    <row r="596463" spans="8:8">
      <c r="H596463" s="12"/>
    </row>
    <row r="596464" spans="8:8">
      <c r="H596464" s="12"/>
    </row>
    <row r="596465" spans="8:8">
      <c r="H596465" s="12"/>
    </row>
    <row r="596466" spans="8:8">
      <c r="H596466" s="12"/>
    </row>
    <row r="596467" spans="8:8">
      <c r="H596467" s="12"/>
    </row>
    <row r="596468" spans="8:8">
      <c r="H596468" s="12"/>
    </row>
    <row r="596469" spans="8:8">
      <c r="H596469" s="12"/>
    </row>
    <row r="596470" spans="8:8">
      <c r="H596470" s="12"/>
    </row>
    <row r="596471" spans="8:8">
      <c r="H596471" s="12"/>
    </row>
    <row r="596472" spans="8:8">
      <c r="H596472" s="12"/>
    </row>
    <row r="596473" spans="8:8">
      <c r="H596473" s="12"/>
    </row>
    <row r="596474" spans="8:8">
      <c r="H596474" s="12"/>
    </row>
    <row r="596475" spans="8:8">
      <c r="H596475" s="12"/>
    </row>
    <row r="596476" spans="8:8">
      <c r="H596476" s="12"/>
    </row>
    <row r="596477" spans="8:8">
      <c r="H596477" s="12"/>
    </row>
    <row r="596478" spans="8:8">
      <c r="H596478" s="12"/>
    </row>
    <row r="596479" spans="8:8">
      <c r="H596479" s="12"/>
    </row>
    <row r="596480" spans="8:8">
      <c r="H596480" s="12"/>
    </row>
    <row r="596481" spans="8:8">
      <c r="H596481" s="12"/>
    </row>
    <row r="596482" spans="8:8">
      <c r="H596482" s="12"/>
    </row>
    <row r="596483" spans="8:8">
      <c r="H596483" s="12"/>
    </row>
    <row r="596484" spans="8:8">
      <c r="H596484" s="12"/>
    </row>
    <row r="596485" spans="8:8">
      <c r="H596485" s="12"/>
    </row>
    <row r="596486" spans="8:8">
      <c r="H596486" s="12"/>
    </row>
    <row r="596487" spans="8:8">
      <c r="H596487" s="12"/>
    </row>
    <row r="596488" spans="8:8">
      <c r="H596488" s="12"/>
    </row>
    <row r="596489" spans="8:8">
      <c r="H596489" s="12"/>
    </row>
    <row r="596490" spans="8:8">
      <c r="H596490" s="12"/>
    </row>
    <row r="596491" spans="8:8">
      <c r="H596491" s="12"/>
    </row>
    <row r="596492" spans="8:8">
      <c r="H596492" s="12"/>
    </row>
    <row r="596493" spans="8:8">
      <c r="H596493" s="12"/>
    </row>
    <row r="596494" spans="8:8">
      <c r="H596494" s="12"/>
    </row>
    <row r="596495" spans="8:8">
      <c r="H596495" s="12"/>
    </row>
    <row r="596496" spans="8:8">
      <c r="H596496" s="12"/>
    </row>
    <row r="596497" spans="8:8">
      <c r="H596497" s="12"/>
    </row>
    <row r="596498" spans="8:8">
      <c r="H596498" s="12"/>
    </row>
    <row r="596499" spans="8:8">
      <c r="H596499" s="12"/>
    </row>
    <row r="596500" spans="8:8">
      <c r="H596500" s="12"/>
    </row>
    <row r="596501" spans="8:8">
      <c r="H596501" s="12"/>
    </row>
    <row r="596502" spans="8:8">
      <c r="H596502" s="12"/>
    </row>
    <row r="596503" spans="8:8">
      <c r="H596503" s="12"/>
    </row>
    <row r="596504" spans="8:8">
      <c r="H596504" s="12"/>
    </row>
    <row r="596505" spans="8:8">
      <c r="H596505" s="12"/>
    </row>
    <row r="596506" spans="8:8">
      <c r="H596506" s="12"/>
    </row>
    <row r="596507" spans="8:8">
      <c r="H596507" s="12"/>
    </row>
    <row r="596508" spans="8:8">
      <c r="H596508" s="12"/>
    </row>
    <row r="596509" spans="8:8">
      <c r="H596509" s="12"/>
    </row>
    <row r="596510" spans="8:8">
      <c r="H596510" s="12"/>
    </row>
    <row r="596511" spans="8:8">
      <c r="H596511" s="12"/>
    </row>
    <row r="596512" spans="8:8">
      <c r="H596512" s="12"/>
    </row>
    <row r="596513" spans="8:8">
      <c r="H596513" s="12"/>
    </row>
    <row r="596514" spans="8:8">
      <c r="H596514" s="12"/>
    </row>
    <row r="596515" spans="8:8">
      <c r="H596515" s="12"/>
    </row>
    <row r="596516" spans="8:8">
      <c r="H596516" s="12"/>
    </row>
    <row r="596517" spans="8:8">
      <c r="H596517" s="12"/>
    </row>
    <row r="596518" spans="8:8">
      <c r="H596518" s="12"/>
    </row>
    <row r="596519" spans="8:8">
      <c r="H596519" s="12"/>
    </row>
    <row r="596520" spans="8:8">
      <c r="H596520" s="12"/>
    </row>
    <row r="596521" spans="8:8">
      <c r="H596521" s="12"/>
    </row>
    <row r="596522" spans="8:8">
      <c r="H596522" s="12"/>
    </row>
    <row r="596523" spans="8:8">
      <c r="H596523" s="12"/>
    </row>
    <row r="596524" spans="8:8">
      <c r="H596524" s="12"/>
    </row>
    <row r="596525" spans="8:8">
      <c r="H596525" s="12"/>
    </row>
    <row r="596526" spans="8:8">
      <c r="H596526" s="12"/>
    </row>
    <row r="596527" spans="8:8">
      <c r="H596527" s="12"/>
    </row>
    <row r="596528" spans="8:8">
      <c r="H596528" s="12"/>
    </row>
    <row r="596529" spans="8:8">
      <c r="H596529" s="12"/>
    </row>
    <row r="596530" spans="8:8">
      <c r="H596530" s="12"/>
    </row>
    <row r="596531" spans="8:8">
      <c r="H596531" s="12"/>
    </row>
    <row r="596532" spans="8:8">
      <c r="H596532" s="12"/>
    </row>
    <row r="596533" spans="8:8">
      <c r="H596533" s="12"/>
    </row>
    <row r="596534" spans="8:8">
      <c r="H596534" s="12"/>
    </row>
    <row r="596535" spans="8:8">
      <c r="H596535" s="12"/>
    </row>
    <row r="596536" spans="8:8">
      <c r="H596536" s="12"/>
    </row>
    <row r="596537" spans="8:8">
      <c r="H596537" s="12"/>
    </row>
    <row r="596538" spans="8:8">
      <c r="H596538" s="12"/>
    </row>
    <row r="596539" spans="8:8">
      <c r="H596539" s="12"/>
    </row>
    <row r="596540" spans="8:8">
      <c r="H596540" s="12"/>
    </row>
    <row r="596541" spans="8:8">
      <c r="H596541" s="12"/>
    </row>
    <row r="596542" spans="8:8">
      <c r="H596542" s="12"/>
    </row>
    <row r="596543" spans="8:8">
      <c r="H596543" s="12"/>
    </row>
    <row r="596544" spans="8:8">
      <c r="H596544" s="12"/>
    </row>
    <row r="596545" spans="8:8">
      <c r="H596545" s="12"/>
    </row>
    <row r="596546" spans="8:8">
      <c r="H596546" s="12"/>
    </row>
    <row r="596547" spans="8:8">
      <c r="H596547" s="12"/>
    </row>
    <row r="596548" spans="8:8">
      <c r="H596548" s="12"/>
    </row>
    <row r="596549" spans="8:8">
      <c r="H596549" s="12"/>
    </row>
    <row r="596550" spans="8:8">
      <c r="H596550" s="12"/>
    </row>
    <row r="596551" spans="8:8">
      <c r="H596551" s="12"/>
    </row>
    <row r="596552" spans="8:8">
      <c r="H596552" s="12"/>
    </row>
    <row r="596553" spans="8:8">
      <c r="H596553" s="12"/>
    </row>
    <row r="596554" spans="8:8">
      <c r="H596554" s="12"/>
    </row>
    <row r="596555" spans="8:8">
      <c r="H596555" s="12"/>
    </row>
    <row r="596556" spans="8:8">
      <c r="H596556" s="12"/>
    </row>
    <row r="596557" spans="8:8">
      <c r="H596557" s="12"/>
    </row>
    <row r="596558" spans="8:8">
      <c r="H596558" s="12"/>
    </row>
    <row r="596559" spans="8:8">
      <c r="H596559" s="12"/>
    </row>
    <row r="596560" spans="8:8">
      <c r="H596560" s="12"/>
    </row>
    <row r="596561" spans="8:8">
      <c r="H596561" s="12"/>
    </row>
    <row r="596562" spans="8:8">
      <c r="H596562" s="12"/>
    </row>
    <row r="596563" spans="8:8">
      <c r="H596563" s="12"/>
    </row>
    <row r="596564" spans="8:8">
      <c r="H596564" s="12"/>
    </row>
    <row r="596565" spans="8:8">
      <c r="H596565" s="12"/>
    </row>
    <row r="596566" spans="8:8">
      <c r="H596566" s="12"/>
    </row>
    <row r="596567" spans="8:8">
      <c r="H596567" s="12"/>
    </row>
    <row r="596568" spans="8:8">
      <c r="H596568" s="12"/>
    </row>
    <row r="596569" spans="8:8">
      <c r="H596569" s="12"/>
    </row>
    <row r="596570" spans="8:8">
      <c r="H596570" s="12"/>
    </row>
    <row r="596571" spans="8:8">
      <c r="H596571" s="12"/>
    </row>
    <row r="596572" spans="8:8">
      <c r="H596572" s="12"/>
    </row>
    <row r="596573" spans="8:8">
      <c r="H596573" s="12"/>
    </row>
    <row r="596574" spans="8:8">
      <c r="H596574" s="12"/>
    </row>
    <row r="596575" spans="8:8">
      <c r="H596575" s="12"/>
    </row>
    <row r="596576" spans="8:8">
      <c r="H596576" s="12"/>
    </row>
    <row r="596577" spans="8:8">
      <c r="H596577" s="12"/>
    </row>
    <row r="596578" spans="8:8">
      <c r="H596578" s="12"/>
    </row>
    <row r="596579" spans="8:8">
      <c r="H596579" s="12"/>
    </row>
    <row r="596580" spans="8:8">
      <c r="H596580" s="12"/>
    </row>
    <row r="596581" spans="8:8">
      <c r="H596581" s="12"/>
    </row>
    <row r="596582" spans="8:8">
      <c r="H596582" s="12"/>
    </row>
    <row r="596583" spans="8:8">
      <c r="H596583" s="12"/>
    </row>
    <row r="596584" spans="8:8">
      <c r="H596584" s="12"/>
    </row>
    <row r="596585" spans="8:8">
      <c r="H596585" s="12"/>
    </row>
    <row r="596586" spans="8:8">
      <c r="H596586" s="12"/>
    </row>
    <row r="596587" spans="8:8">
      <c r="H596587" s="12"/>
    </row>
    <row r="596588" spans="8:8">
      <c r="H596588" s="12"/>
    </row>
    <row r="596589" spans="8:8">
      <c r="H596589" s="12"/>
    </row>
    <row r="596590" spans="8:8">
      <c r="H596590" s="12"/>
    </row>
    <row r="596591" spans="8:8">
      <c r="H596591" s="12"/>
    </row>
    <row r="596592" spans="8:8">
      <c r="H596592" s="12"/>
    </row>
    <row r="596593" spans="8:8">
      <c r="H596593" s="12"/>
    </row>
    <row r="596594" spans="8:8">
      <c r="H596594" s="12"/>
    </row>
    <row r="596595" spans="8:8">
      <c r="H596595" s="12"/>
    </row>
    <row r="596596" spans="8:8">
      <c r="H596596" s="12"/>
    </row>
    <row r="596597" spans="8:8">
      <c r="H596597" s="12"/>
    </row>
    <row r="596598" spans="8:8">
      <c r="H596598" s="12"/>
    </row>
    <row r="596599" spans="8:8">
      <c r="H596599" s="12"/>
    </row>
    <row r="596600" spans="8:8">
      <c r="H596600" s="12"/>
    </row>
    <row r="596601" spans="8:8">
      <c r="H596601" s="12"/>
    </row>
    <row r="596602" spans="8:8">
      <c r="H596602" s="12"/>
    </row>
    <row r="596603" spans="8:8">
      <c r="H596603" s="12"/>
    </row>
    <row r="596604" spans="8:8">
      <c r="H596604" s="12"/>
    </row>
    <row r="596605" spans="8:8">
      <c r="H596605" s="12"/>
    </row>
    <row r="596606" spans="8:8">
      <c r="H596606" s="12"/>
    </row>
    <row r="596607" spans="8:8">
      <c r="H596607" s="12"/>
    </row>
    <row r="596608" spans="8:8">
      <c r="H596608" s="12"/>
    </row>
    <row r="596609" spans="8:8">
      <c r="H596609" s="12"/>
    </row>
    <row r="596610" spans="8:8">
      <c r="H596610" s="12"/>
    </row>
    <row r="596611" spans="8:8">
      <c r="H596611" s="12"/>
    </row>
    <row r="596612" spans="8:8">
      <c r="H596612" s="12"/>
    </row>
    <row r="596613" spans="8:8">
      <c r="H596613" s="12"/>
    </row>
    <row r="596614" spans="8:8">
      <c r="H596614" s="12"/>
    </row>
    <row r="596615" spans="8:8">
      <c r="H596615" s="12"/>
    </row>
    <row r="596616" spans="8:8">
      <c r="H596616" s="12"/>
    </row>
    <row r="596617" spans="8:8">
      <c r="H596617" s="12"/>
    </row>
    <row r="596618" spans="8:8">
      <c r="H596618" s="12"/>
    </row>
    <row r="596619" spans="8:8">
      <c r="H596619" s="12"/>
    </row>
    <row r="596620" spans="8:8">
      <c r="H596620" s="12"/>
    </row>
    <row r="596621" spans="8:8">
      <c r="H596621" s="12"/>
    </row>
    <row r="596622" spans="8:8">
      <c r="H596622" s="12"/>
    </row>
    <row r="596623" spans="8:8">
      <c r="H596623" s="12"/>
    </row>
    <row r="596624" spans="8:8">
      <c r="H596624" s="12"/>
    </row>
    <row r="596625" spans="8:8">
      <c r="H596625" s="12"/>
    </row>
    <row r="596626" spans="8:8">
      <c r="H596626" s="12"/>
    </row>
    <row r="596627" spans="8:8">
      <c r="H596627" s="12"/>
    </row>
    <row r="596628" spans="8:8">
      <c r="H596628" s="12"/>
    </row>
    <row r="596629" spans="8:8">
      <c r="H596629" s="12"/>
    </row>
    <row r="596630" spans="8:8">
      <c r="H596630" s="12"/>
    </row>
    <row r="596631" spans="8:8">
      <c r="H596631" s="12"/>
    </row>
    <row r="596632" spans="8:8">
      <c r="H596632" s="12"/>
    </row>
    <row r="596633" spans="8:8">
      <c r="H596633" s="12"/>
    </row>
    <row r="596634" spans="8:8">
      <c r="H596634" s="12"/>
    </row>
    <row r="596635" spans="8:8">
      <c r="H596635" s="12"/>
    </row>
    <row r="596636" spans="8:8">
      <c r="H596636" s="12"/>
    </row>
    <row r="596637" spans="8:8">
      <c r="H596637" s="12"/>
    </row>
    <row r="596638" spans="8:8">
      <c r="H596638" s="12"/>
    </row>
    <row r="596639" spans="8:8">
      <c r="H596639" s="12"/>
    </row>
    <row r="596640" spans="8:8">
      <c r="H596640" s="12"/>
    </row>
    <row r="596641" spans="8:8">
      <c r="H596641" s="12"/>
    </row>
    <row r="596642" spans="8:8">
      <c r="H596642" s="12"/>
    </row>
    <row r="596643" spans="8:8">
      <c r="H596643" s="12"/>
    </row>
    <row r="596644" spans="8:8">
      <c r="H596644" s="12"/>
    </row>
    <row r="596645" spans="8:8">
      <c r="H596645" s="12"/>
    </row>
    <row r="596646" spans="8:8">
      <c r="H596646" s="12"/>
    </row>
    <row r="596647" spans="8:8">
      <c r="H596647" s="12"/>
    </row>
    <row r="596648" spans="8:8">
      <c r="H596648" s="12"/>
    </row>
    <row r="596649" spans="8:8">
      <c r="H596649" s="12"/>
    </row>
    <row r="596650" spans="8:8">
      <c r="H596650" s="12"/>
    </row>
    <row r="596651" spans="8:8">
      <c r="H596651" s="12"/>
    </row>
    <row r="596652" spans="8:8">
      <c r="H596652" s="12"/>
    </row>
    <row r="596653" spans="8:8">
      <c r="H596653" s="12"/>
    </row>
    <row r="596654" spans="8:8">
      <c r="H596654" s="12"/>
    </row>
    <row r="596655" spans="8:8">
      <c r="H596655" s="12"/>
    </row>
    <row r="596656" spans="8:8">
      <c r="H596656" s="12"/>
    </row>
    <row r="596657" spans="8:8">
      <c r="H596657" s="12"/>
    </row>
    <row r="596658" spans="8:8">
      <c r="H596658" s="12"/>
    </row>
    <row r="596659" spans="8:8">
      <c r="H596659" s="12"/>
    </row>
    <row r="596660" spans="8:8">
      <c r="H596660" s="12"/>
    </row>
    <row r="596661" spans="8:8">
      <c r="H596661" s="12"/>
    </row>
    <row r="596662" spans="8:8">
      <c r="H596662" s="12"/>
    </row>
    <row r="596663" spans="8:8">
      <c r="H596663" s="12"/>
    </row>
    <row r="596664" spans="8:8">
      <c r="H596664" s="12"/>
    </row>
    <row r="596665" spans="8:8">
      <c r="H596665" s="12"/>
    </row>
    <row r="596666" spans="8:8">
      <c r="H596666" s="12"/>
    </row>
    <row r="596667" spans="8:8">
      <c r="H596667" s="12"/>
    </row>
    <row r="596668" spans="8:8">
      <c r="H596668" s="12"/>
    </row>
    <row r="596669" spans="8:8">
      <c r="H596669" s="12"/>
    </row>
    <row r="596670" spans="8:8">
      <c r="H596670" s="12"/>
    </row>
    <row r="596671" spans="8:8">
      <c r="H596671" s="12"/>
    </row>
    <row r="596672" spans="8:8">
      <c r="H596672" s="12"/>
    </row>
    <row r="596673" spans="8:8">
      <c r="H596673" s="12"/>
    </row>
    <row r="596674" spans="8:8">
      <c r="H596674" s="12"/>
    </row>
    <row r="596675" spans="8:8">
      <c r="H596675" s="12"/>
    </row>
    <row r="596676" spans="8:8">
      <c r="H596676" s="12"/>
    </row>
    <row r="596677" spans="8:8">
      <c r="H596677" s="12"/>
    </row>
    <row r="596678" spans="8:8">
      <c r="H596678" s="12"/>
    </row>
    <row r="596679" spans="8:8">
      <c r="H596679" s="12"/>
    </row>
    <row r="596680" spans="8:8">
      <c r="H596680" s="12"/>
    </row>
    <row r="596681" spans="8:8">
      <c r="H596681" s="12"/>
    </row>
    <row r="596682" spans="8:8">
      <c r="H596682" s="12"/>
    </row>
    <row r="596683" spans="8:8">
      <c r="H596683" s="12"/>
    </row>
    <row r="596684" spans="8:8">
      <c r="H596684" s="12"/>
    </row>
    <row r="596685" spans="8:8">
      <c r="H596685" s="12"/>
    </row>
    <row r="596686" spans="8:8">
      <c r="H596686" s="12"/>
    </row>
    <row r="596687" spans="8:8">
      <c r="H596687" s="12"/>
    </row>
    <row r="596688" spans="8:8">
      <c r="H596688" s="12"/>
    </row>
    <row r="596689" spans="8:8">
      <c r="H596689" s="12"/>
    </row>
    <row r="596690" spans="8:8">
      <c r="H596690" s="12"/>
    </row>
    <row r="596691" spans="8:8">
      <c r="H596691" s="12"/>
    </row>
    <row r="596692" spans="8:8">
      <c r="H596692" s="12"/>
    </row>
    <row r="596693" spans="8:8">
      <c r="H596693" s="12"/>
    </row>
    <row r="596694" spans="8:8">
      <c r="H596694" s="12"/>
    </row>
    <row r="596695" spans="8:8">
      <c r="H596695" s="12"/>
    </row>
    <row r="596696" spans="8:8">
      <c r="H596696" s="12"/>
    </row>
    <row r="596697" spans="8:8">
      <c r="H596697" s="12"/>
    </row>
    <row r="596698" spans="8:8">
      <c r="H596698" s="12"/>
    </row>
    <row r="596699" spans="8:8">
      <c r="H596699" s="12"/>
    </row>
    <row r="596700" spans="8:8">
      <c r="H596700" s="12"/>
    </row>
    <row r="596701" spans="8:8">
      <c r="H596701" s="12"/>
    </row>
    <row r="596702" spans="8:8">
      <c r="H596702" s="12"/>
    </row>
    <row r="596703" spans="8:8">
      <c r="H596703" s="12"/>
    </row>
    <row r="596704" spans="8:8">
      <c r="H596704" s="12"/>
    </row>
    <row r="596705" spans="8:8">
      <c r="H596705" s="12"/>
    </row>
    <row r="596706" spans="8:8">
      <c r="H596706" s="12"/>
    </row>
    <row r="596707" spans="8:8">
      <c r="H596707" s="12"/>
    </row>
    <row r="596708" spans="8:8">
      <c r="H596708" s="12"/>
    </row>
    <row r="596709" spans="8:8">
      <c r="H596709" s="12"/>
    </row>
    <row r="596710" spans="8:8">
      <c r="H596710" s="12"/>
    </row>
    <row r="596711" spans="8:8">
      <c r="H596711" s="12"/>
    </row>
    <row r="596712" spans="8:8">
      <c r="H596712" s="12"/>
    </row>
    <row r="596713" spans="8:8">
      <c r="H596713" s="12"/>
    </row>
    <row r="596714" spans="8:8">
      <c r="H596714" s="12"/>
    </row>
    <row r="596715" spans="8:8">
      <c r="H596715" s="12"/>
    </row>
    <row r="596716" spans="8:8">
      <c r="H596716" s="12"/>
    </row>
    <row r="596717" spans="8:8">
      <c r="H596717" s="12"/>
    </row>
    <row r="596718" spans="8:8">
      <c r="H596718" s="12"/>
    </row>
    <row r="596719" spans="8:8">
      <c r="H596719" s="12"/>
    </row>
    <row r="596720" spans="8:8">
      <c r="H596720" s="12"/>
    </row>
    <row r="596721" spans="8:8">
      <c r="H596721" s="12"/>
    </row>
    <row r="596722" spans="8:8">
      <c r="H596722" s="12"/>
    </row>
    <row r="596723" spans="8:8">
      <c r="H596723" s="12"/>
    </row>
    <row r="596724" spans="8:8">
      <c r="H596724" s="12"/>
    </row>
    <row r="596725" spans="8:8">
      <c r="H596725" s="12"/>
    </row>
    <row r="596726" spans="8:8">
      <c r="H596726" s="12"/>
    </row>
    <row r="596727" spans="8:8">
      <c r="H596727" s="12"/>
    </row>
    <row r="596728" spans="8:8">
      <c r="H596728" s="12"/>
    </row>
    <row r="596729" spans="8:8">
      <c r="H596729" s="12"/>
    </row>
    <row r="596730" spans="8:8">
      <c r="H596730" s="12"/>
    </row>
    <row r="596731" spans="8:8">
      <c r="H596731" s="12"/>
    </row>
    <row r="596732" spans="8:8">
      <c r="H596732" s="12"/>
    </row>
    <row r="596733" spans="8:8">
      <c r="H596733" s="12"/>
    </row>
    <row r="596734" spans="8:8">
      <c r="H596734" s="12"/>
    </row>
    <row r="596735" spans="8:8">
      <c r="H596735" s="12"/>
    </row>
    <row r="596736" spans="8:8">
      <c r="H596736" s="12"/>
    </row>
    <row r="596737" spans="8:8">
      <c r="H596737" s="12"/>
    </row>
    <row r="596738" spans="8:8">
      <c r="H596738" s="12"/>
    </row>
    <row r="596739" spans="8:8">
      <c r="H596739" s="12"/>
    </row>
    <row r="596740" spans="8:8">
      <c r="H596740" s="12"/>
    </row>
    <row r="596741" spans="8:8">
      <c r="H596741" s="12"/>
    </row>
    <row r="596742" spans="8:8">
      <c r="H596742" s="12"/>
    </row>
    <row r="596743" spans="8:8">
      <c r="H596743" s="12"/>
    </row>
    <row r="596744" spans="8:8">
      <c r="H596744" s="12"/>
    </row>
    <row r="596745" spans="8:8">
      <c r="H596745" s="12"/>
    </row>
    <row r="596746" spans="8:8">
      <c r="H596746" s="12"/>
    </row>
    <row r="596747" spans="8:8">
      <c r="H596747" s="12"/>
    </row>
    <row r="596748" spans="8:8">
      <c r="H596748" s="12"/>
    </row>
    <row r="596749" spans="8:8">
      <c r="H596749" s="12"/>
    </row>
    <row r="596750" spans="8:8">
      <c r="H596750" s="12"/>
    </row>
    <row r="596751" spans="8:8">
      <c r="H596751" s="12"/>
    </row>
    <row r="596752" spans="8:8">
      <c r="H596752" s="12"/>
    </row>
    <row r="596753" spans="8:8">
      <c r="H596753" s="12"/>
    </row>
    <row r="596754" spans="8:8">
      <c r="H596754" s="12"/>
    </row>
    <row r="596755" spans="8:8">
      <c r="H596755" s="12"/>
    </row>
    <row r="596756" spans="8:8">
      <c r="H596756" s="12"/>
    </row>
    <row r="596757" spans="8:8">
      <c r="H596757" s="12"/>
    </row>
    <row r="596758" spans="8:8">
      <c r="H596758" s="12"/>
    </row>
    <row r="596759" spans="8:8">
      <c r="H596759" s="12"/>
    </row>
    <row r="596760" spans="8:8">
      <c r="H596760" s="12"/>
    </row>
    <row r="596761" spans="8:8">
      <c r="H596761" s="12"/>
    </row>
    <row r="596762" spans="8:8">
      <c r="H596762" s="12"/>
    </row>
    <row r="596763" spans="8:8">
      <c r="H596763" s="12"/>
    </row>
    <row r="596764" spans="8:8">
      <c r="H596764" s="12"/>
    </row>
    <row r="596765" spans="8:8">
      <c r="H596765" s="12"/>
    </row>
    <row r="596766" spans="8:8">
      <c r="H596766" s="12"/>
    </row>
    <row r="596767" spans="8:8">
      <c r="H596767" s="12"/>
    </row>
    <row r="596768" spans="8:8">
      <c r="H596768" s="12"/>
    </row>
    <row r="596769" spans="8:8">
      <c r="H596769" s="12"/>
    </row>
    <row r="596770" spans="8:8">
      <c r="H596770" s="12"/>
    </row>
    <row r="596771" spans="8:8">
      <c r="H596771" s="12"/>
    </row>
    <row r="596772" spans="8:8">
      <c r="H596772" s="12"/>
    </row>
    <row r="596773" spans="8:8">
      <c r="H596773" s="12"/>
    </row>
    <row r="596774" spans="8:8">
      <c r="H596774" s="12"/>
    </row>
    <row r="596775" spans="8:8">
      <c r="H596775" s="12"/>
    </row>
    <row r="596776" spans="8:8">
      <c r="H596776" s="12"/>
    </row>
    <row r="596777" spans="8:8">
      <c r="H596777" s="12"/>
    </row>
    <row r="596778" spans="8:8">
      <c r="H596778" s="12"/>
    </row>
    <row r="596779" spans="8:8">
      <c r="H596779" s="12"/>
    </row>
    <row r="596780" spans="8:8">
      <c r="H596780" s="12"/>
    </row>
    <row r="596781" spans="8:8">
      <c r="H596781" s="12"/>
    </row>
    <row r="596782" spans="8:8">
      <c r="H596782" s="12"/>
    </row>
    <row r="596783" spans="8:8">
      <c r="H596783" s="12"/>
    </row>
    <row r="596784" spans="8:8">
      <c r="H596784" s="12"/>
    </row>
    <row r="596785" spans="8:8">
      <c r="H596785" s="12"/>
    </row>
    <row r="596786" spans="8:8">
      <c r="H596786" s="12"/>
    </row>
    <row r="596787" spans="8:8">
      <c r="H596787" s="12"/>
    </row>
    <row r="596788" spans="8:8">
      <c r="H596788" s="12"/>
    </row>
    <row r="596789" spans="8:8">
      <c r="H596789" s="12"/>
    </row>
    <row r="596790" spans="8:8">
      <c r="H596790" s="12"/>
    </row>
    <row r="596791" spans="8:8">
      <c r="H596791" s="12"/>
    </row>
    <row r="596792" spans="8:8">
      <c r="H596792" s="12"/>
    </row>
    <row r="596793" spans="8:8">
      <c r="H596793" s="12"/>
    </row>
    <row r="596794" spans="8:8">
      <c r="H596794" s="12"/>
    </row>
    <row r="596795" spans="8:8">
      <c r="H596795" s="12"/>
    </row>
    <row r="596796" spans="8:8">
      <c r="H596796" s="12"/>
    </row>
    <row r="596797" spans="8:8">
      <c r="H596797" s="12"/>
    </row>
    <row r="596798" spans="8:8">
      <c r="H596798" s="12"/>
    </row>
    <row r="596799" spans="8:8">
      <c r="H596799" s="12"/>
    </row>
    <row r="596800" spans="8:8">
      <c r="H596800" s="12"/>
    </row>
    <row r="596801" spans="8:8">
      <c r="H596801" s="12"/>
    </row>
    <row r="596802" spans="8:8">
      <c r="H596802" s="12"/>
    </row>
    <row r="596803" spans="8:8">
      <c r="H596803" s="12"/>
    </row>
    <row r="596804" spans="8:8">
      <c r="H596804" s="12"/>
    </row>
    <row r="596805" spans="8:8">
      <c r="H596805" s="12"/>
    </row>
    <row r="596806" spans="8:8">
      <c r="H596806" s="12"/>
    </row>
    <row r="596807" spans="8:8">
      <c r="H596807" s="12"/>
    </row>
    <row r="596808" spans="8:8">
      <c r="H596808" s="12"/>
    </row>
    <row r="596809" spans="8:8">
      <c r="H596809" s="12"/>
    </row>
    <row r="596810" spans="8:8">
      <c r="H596810" s="12"/>
    </row>
    <row r="596811" spans="8:8">
      <c r="H596811" s="12"/>
    </row>
    <row r="596812" spans="8:8">
      <c r="H596812" s="12"/>
    </row>
    <row r="596813" spans="8:8">
      <c r="H596813" s="12"/>
    </row>
    <row r="596814" spans="8:8">
      <c r="H596814" s="12"/>
    </row>
    <row r="596815" spans="8:8">
      <c r="H596815" s="12"/>
    </row>
    <row r="596816" spans="8:8">
      <c r="H596816" s="12"/>
    </row>
    <row r="596817" spans="8:8">
      <c r="H596817" s="12"/>
    </row>
    <row r="596818" spans="8:8">
      <c r="H596818" s="12"/>
    </row>
    <row r="596819" spans="8:8">
      <c r="H596819" s="12"/>
    </row>
    <row r="596820" spans="8:8">
      <c r="H596820" s="12"/>
    </row>
    <row r="596821" spans="8:8">
      <c r="H596821" s="12"/>
    </row>
    <row r="596822" spans="8:8">
      <c r="H596822" s="12"/>
    </row>
    <row r="596823" spans="8:8">
      <c r="H596823" s="12"/>
    </row>
    <row r="596824" spans="8:8">
      <c r="H596824" s="12"/>
    </row>
    <row r="596825" spans="8:8">
      <c r="H596825" s="12"/>
    </row>
    <row r="596826" spans="8:8">
      <c r="H596826" s="12"/>
    </row>
    <row r="596827" spans="8:8">
      <c r="H596827" s="12"/>
    </row>
    <row r="596828" spans="8:8">
      <c r="H596828" s="12"/>
    </row>
    <row r="596829" spans="8:8">
      <c r="H596829" s="12"/>
    </row>
    <row r="596830" spans="8:8">
      <c r="H596830" s="12"/>
    </row>
    <row r="596831" spans="8:8">
      <c r="H596831" s="12"/>
    </row>
    <row r="596832" spans="8:8">
      <c r="H596832" s="12"/>
    </row>
    <row r="596833" spans="8:8">
      <c r="H596833" s="12"/>
    </row>
    <row r="596834" spans="8:8">
      <c r="H596834" s="12"/>
    </row>
    <row r="596835" spans="8:8">
      <c r="H596835" s="12"/>
    </row>
    <row r="596836" spans="8:8">
      <c r="H596836" s="12"/>
    </row>
    <row r="596837" spans="8:8">
      <c r="H596837" s="12"/>
    </row>
    <row r="596838" spans="8:8">
      <c r="H596838" s="12"/>
    </row>
    <row r="596839" spans="8:8">
      <c r="H596839" s="12"/>
    </row>
    <row r="596840" spans="8:8">
      <c r="H596840" s="12"/>
    </row>
    <row r="596841" spans="8:8">
      <c r="H596841" s="12"/>
    </row>
    <row r="596842" spans="8:8">
      <c r="H596842" s="12"/>
    </row>
    <row r="596843" spans="8:8">
      <c r="H596843" s="12"/>
    </row>
    <row r="596844" spans="8:8">
      <c r="H596844" s="12"/>
    </row>
    <row r="596845" spans="8:8">
      <c r="H596845" s="12"/>
    </row>
    <row r="596846" spans="8:8">
      <c r="H596846" s="12"/>
    </row>
    <row r="596847" spans="8:8">
      <c r="H596847" s="12"/>
    </row>
    <row r="596848" spans="8:8">
      <c r="H596848" s="12"/>
    </row>
    <row r="596849" spans="8:8">
      <c r="H596849" s="12"/>
    </row>
    <row r="596850" spans="8:8">
      <c r="H596850" s="12"/>
    </row>
    <row r="596851" spans="8:8">
      <c r="H596851" s="12"/>
    </row>
    <row r="596852" spans="8:8">
      <c r="H596852" s="12"/>
    </row>
    <row r="596853" spans="8:8">
      <c r="H596853" s="12"/>
    </row>
    <row r="596854" spans="8:8">
      <c r="H596854" s="12"/>
    </row>
    <row r="596855" spans="8:8">
      <c r="H596855" s="12"/>
    </row>
    <row r="596856" spans="8:8">
      <c r="H596856" s="12"/>
    </row>
    <row r="596857" spans="8:8">
      <c r="H596857" s="12"/>
    </row>
    <row r="596858" spans="8:8">
      <c r="H596858" s="12"/>
    </row>
    <row r="596859" spans="8:8">
      <c r="H596859" s="12"/>
    </row>
    <row r="596860" spans="8:8">
      <c r="H596860" s="12"/>
    </row>
    <row r="596861" spans="8:8">
      <c r="H596861" s="12"/>
    </row>
    <row r="596862" spans="8:8">
      <c r="H596862" s="12"/>
    </row>
    <row r="596863" spans="8:8">
      <c r="H596863" s="12"/>
    </row>
    <row r="596864" spans="8:8">
      <c r="H596864" s="12"/>
    </row>
    <row r="596865" spans="8:8">
      <c r="H596865" s="12"/>
    </row>
    <row r="596866" spans="8:8">
      <c r="H596866" s="12"/>
    </row>
    <row r="596867" spans="8:8">
      <c r="H596867" s="12"/>
    </row>
    <row r="596868" spans="8:8">
      <c r="H596868" s="12"/>
    </row>
    <row r="596869" spans="8:8">
      <c r="H596869" s="12"/>
    </row>
    <row r="596870" spans="8:8">
      <c r="H596870" s="12"/>
    </row>
    <row r="596871" spans="8:8">
      <c r="H596871" s="12"/>
    </row>
    <row r="596872" spans="8:8">
      <c r="H596872" s="12"/>
    </row>
    <row r="596873" spans="8:8">
      <c r="H596873" s="12"/>
    </row>
    <row r="596874" spans="8:8">
      <c r="H596874" s="12"/>
    </row>
    <row r="596875" spans="8:8">
      <c r="H596875" s="12"/>
    </row>
    <row r="596876" spans="8:8">
      <c r="H596876" s="12"/>
    </row>
    <row r="596877" spans="8:8">
      <c r="H596877" s="12"/>
    </row>
    <row r="596878" spans="8:8">
      <c r="H596878" s="12"/>
    </row>
    <row r="596879" spans="8:8">
      <c r="H596879" s="12"/>
    </row>
    <row r="596880" spans="8:8">
      <c r="H596880" s="12"/>
    </row>
    <row r="596881" spans="8:8">
      <c r="H596881" s="12"/>
    </row>
    <row r="596882" spans="8:8">
      <c r="H596882" s="12"/>
    </row>
    <row r="596883" spans="8:8">
      <c r="H596883" s="12"/>
    </row>
    <row r="596884" spans="8:8">
      <c r="H596884" s="12"/>
    </row>
    <row r="596885" spans="8:8">
      <c r="H596885" s="12"/>
    </row>
    <row r="596886" spans="8:8">
      <c r="H596886" s="12"/>
    </row>
    <row r="596887" spans="8:8">
      <c r="H596887" s="12"/>
    </row>
    <row r="596888" spans="8:8">
      <c r="H596888" s="12"/>
    </row>
    <row r="596889" spans="8:8">
      <c r="H596889" s="12"/>
    </row>
    <row r="596890" spans="8:8">
      <c r="H596890" s="12"/>
    </row>
    <row r="596891" spans="8:8">
      <c r="H596891" s="12"/>
    </row>
    <row r="596892" spans="8:8">
      <c r="H596892" s="12"/>
    </row>
    <row r="596893" spans="8:8">
      <c r="H596893" s="12"/>
    </row>
    <row r="596894" spans="8:8">
      <c r="H596894" s="12"/>
    </row>
    <row r="596895" spans="8:8">
      <c r="H596895" s="12"/>
    </row>
    <row r="596896" spans="8:8">
      <c r="H596896" s="12"/>
    </row>
    <row r="596897" spans="8:8">
      <c r="H596897" s="12"/>
    </row>
    <row r="596898" spans="8:8">
      <c r="H596898" s="12"/>
    </row>
    <row r="596899" spans="8:8">
      <c r="H596899" s="12"/>
    </row>
    <row r="596900" spans="8:8">
      <c r="H596900" s="12"/>
    </row>
    <row r="596901" spans="8:8">
      <c r="H596901" s="12"/>
    </row>
    <row r="596902" spans="8:8">
      <c r="H596902" s="12"/>
    </row>
    <row r="596903" spans="8:8">
      <c r="H596903" s="12"/>
    </row>
    <row r="596904" spans="8:8">
      <c r="H596904" s="12"/>
    </row>
    <row r="596905" spans="8:8">
      <c r="H596905" s="12"/>
    </row>
    <row r="596906" spans="8:8">
      <c r="H596906" s="12"/>
    </row>
    <row r="596907" spans="8:8">
      <c r="H596907" s="12"/>
    </row>
    <row r="596908" spans="8:8">
      <c r="H596908" s="12"/>
    </row>
    <row r="596909" spans="8:8">
      <c r="H596909" s="12"/>
    </row>
    <row r="596910" spans="8:8">
      <c r="H596910" s="12"/>
    </row>
    <row r="596911" spans="8:8">
      <c r="H596911" s="12"/>
    </row>
    <row r="596912" spans="8:8">
      <c r="H596912" s="12"/>
    </row>
    <row r="596913" spans="8:8">
      <c r="H596913" s="12"/>
    </row>
    <row r="596914" spans="8:8">
      <c r="H596914" s="12"/>
    </row>
    <row r="596915" spans="8:8">
      <c r="H596915" s="12"/>
    </row>
    <row r="596916" spans="8:8">
      <c r="H596916" s="12"/>
    </row>
    <row r="596917" spans="8:8">
      <c r="H596917" s="12"/>
    </row>
    <row r="596918" spans="8:8">
      <c r="H596918" s="12"/>
    </row>
    <row r="596919" spans="8:8">
      <c r="H596919" s="12"/>
    </row>
    <row r="596920" spans="8:8">
      <c r="H596920" s="12"/>
    </row>
    <row r="596921" spans="8:8">
      <c r="H596921" s="12"/>
    </row>
    <row r="596922" spans="8:8">
      <c r="H596922" s="12"/>
    </row>
    <row r="596923" spans="8:8">
      <c r="H596923" s="12"/>
    </row>
    <row r="596924" spans="8:8">
      <c r="H596924" s="12"/>
    </row>
    <row r="596925" spans="8:8">
      <c r="H596925" s="12"/>
    </row>
    <row r="596926" spans="8:8">
      <c r="H596926" s="12"/>
    </row>
    <row r="596927" spans="8:8">
      <c r="H596927" s="12"/>
    </row>
    <row r="596928" spans="8:8">
      <c r="H596928" s="12"/>
    </row>
    <row r="596929" spans="8:8">
      <c r="H596929" s="12"/>
    </row>
    <row r="596930" spans="8:8">
      <c r="H596930" s="12"/>
    </row>
    <row r="596931" spans="8:8">
      <c r="H596931" s="12"/>
    </row>
    <row r="596932" spans="8:8">
      <c r="H596932" s="12"/>
    </row>
    <row r="596933" spans="8:8">
      <c r="H596933" s="12"/>
    </row>
    <row r="596934" spans="8:8">
      <c r="H596934" s="12"/>
    </row>
    <row r="596935" spans="8:8">
      <c r="H596935" s="12"/>
    </row>
    <row r="596936" spans="8:8">
      <c r="H596936" s="12"/>
    </row>
    <row r="596937" spans="8:8">
      <c r="H596937" s="12"/>
    </row>
    <row r="596938" spans="8:8">
      <c r="H596938" s="12"/>
    </row>
    <row r="596939" spans="8:8">
      <c r="H596939" s="12"/>
    </row>
    <row r="596940" spans="8:8">
      <c r="H596940" s="12"/>
    </row>
    <row r="596941" spans="8:8">
      <c r="H596941" s="12"/>
    </row>
    <row r="596942" spans="8:8">
      <c r="H596942" s="12"/>
    </row>
    <row r="596943" spans="8:8">
      <c r="H596943" s="12"/>
    </row>
    <row r="596944" spans="8:8">
      <c r="H596944" s="12"/>
    </row>
    <row r="596945" spans="8:8">
      <c r="H596945" s="12"/>
    </row>
    <row r="596946" spans="8:8">
      <c r="H596946" s="12"/>
    </row>
    <row r="596947" spans="8:8">
      <c r="H596947" s="12"/>
    </row>
    <row r="596948" spans="8:8">
      <c r="H596948" s="12"/>
    </row>
    <row r="596949" spans="8:8">
      <c r="H596949" s="12"/>
    </row>
    <row r="596950" spans="8:8">
      <c r="H596950" s="12"/>
    </row>
    <row r="596951" spans="8:8">
      <c r="H596951" s="12"/>
    </row>
    <row r="596952" spans="8:8">
      <c r="H596952" s="12"/>
    </row>
    <row r="596953" spans="8:8">
      <c r="H596953" s="12"/>
    </row>
    <row r="596954" spans="8:8">
      <c r="H596954" s="12"/>
    </row>
    <row r="596955" spans="8:8">
      <c r="H596955" s="12"/>
    </row>
    <row r="596956" spans="8:8">
      <c r="H596956" s="12"/>
    </row>
    <row r="596957" spans="8:8">
      <c r="H596957" s="12"/>
    </row>
    <row r="596958" spans="8:8">
      <c r="H596958" s="12"/>
    </row>
    <row r="596959" spans="8:8">
      <c r="H596959" s="12"/>
    </row>
    <row r="596960" spans="8:8">
      <c r="H596960" s="12"/>
    </row>
    <row r="596961" spans="8:8">
      <c r="H596961" s="12"/>
    </row>
    <row r="596962" spans="8:8">
      <c r="H596962" s="12"/>
    </row>
    <row r="596963" spans="8:8">
      <c r="H596963" s="12"/>
    </row>
    <row r="596964" spans="8:8">
      <c r="H596964" s="12"/>
    </row>
    <row r="596965" spans="8:8">
      <c r="H596965" s="12"/>
    </row>
    <row r="596966" spans="8:8">
      <c r="H596966" s="12"/>
    </row>
    <row r="596967" spans="8:8">
      <c r="H596967" s="12"/>
    </row>
    <row r="596968" spans="8:8">
      <c r="H596968" s="12"/>
    </row>
    <row r="596969" spans="8:8">
      <c r="H596969" s="12"/>
    </row>
    <row r="596970" spans="8:8">
      <c r="H596970" s="12"/>
    </row>
    <row r="596971" spans="8:8">
      <c r="H596971" s="12"/>
    </row>
    <row r="596972" spans="8:8">
      <c r="H596972" s="12"/>
    </row>
    <row r="596973" spans="8:8">
      <c r="H596973" s="12"/>
    </row>
    <row r="596974" spans="8:8">
      <c r="H596974" s="12"/>
    </row>
    <row r="596975" spans="8:8">
      <c r="H596975" s="12"/>
    </row>
    <row r="596976" spans="8:8">
      <c r="H596976" s="12"/>
    </row>
    <row r="596977" spans="8:8">
      <c r="H596977" s="12"/>
    </row>
    <row r="596978" spans="8:8">
      <c r="H596978" s="12"/>
    </row>
    <row r="596979" spans="8:8">
      <c r="H596979" s="12"/>
    </row>
    <row r="596980" spans="8:8">
      <c r="H596980" s="12"/>
    </row>
    <row r="596981" spans="8:8">
      <c r="H596981" s="12"/>
    </row>
    <row r="596982" spans="8:8">
      <c r="H596982" s="12"/>
    </row>
    <row r="596983" spans="8:8">
      <c r="H596983" s="12"/>
    </row>
    <row r="596984" spans="8:8">
      <c r="H596984" s="12"/>
    </row>
    <row r="596985" spans="8:8">
      <c r="H596985" s="12"/>
    </row>
    <row r="596986" spans="8:8">
      <c r="H596986" s="12"/>
    </row>
    <row r="596987" spans="8:8">
      <c r="H596987" s="12"/>
    </row>
    <row r="596988" spans="8:8">
      <c r="H596988" s="12"/>
    </row>
    <row r="596989" spans="8:8">
      <c r="H596989" s="12"/>
    </row>
    <row r="596990" spans="8:8">
      <c r="H596990" s="12"/>
    </row>
    <row r="596991" spans="8:8">
      <c r="H596991" s="12"/>
    </row>
    <row r="596992" spans="8:8">
      <c r="H596992" s="12"/>
    </row>
    <row r="596993" spans="8:8">
      <c r="H596993" s="12"/>
    </row>
    <row r="596994" spans="8:8">
      <c r="H596994" s="12"/>
    </row>
    <row r="596995" spans="8:8">
      <c r="H596995" s="12"/>
    </row>
    <row r="596996" spans="8:8">
      <c r="H596996" s="12"/>
    </row>
    <row r="596997" spans="8:8">
      <c r="H596997" s="12"/>
    </row>
    <row r="596998" spans="8:8">
      <c r="H596998" s="12"/>
    </row>
    <row r="596999" spans="8:8">
      <c r="H596999" s="12"/>
    </row>
    <row r="597000" spans="8:8">
      <c r="H597000" s="12"/>
    </row>
    <row r="597001" spans="8:8">
      <c r="H597001" s="12"/>
    </row>
    <row r="597002" spans="8:8">
      <c r="H597002" s="12"/>
    </row>
    <row r="597003" spans="8:8">
      <c r="H597003" s="12"/>
    </row>
    <row r="597004" spans="8:8">
      <c r="H597004" s="12"/>
    </row>
    <row r="597005" spans="8:8">
      <c r="H597005" s="12"/>
    </row>
    <row r="597006" spans="8:8">
      <c r="H597006" s="12"/>
    </row>
    <row r="597007" spans="8:8">
      <c r="H597007" s="12"/>
    </row>
    <row r="597008" spans="8:8">
      <c r="H597008" s="12"/>
    </row>
    <row r="597009" spans="8:8">
      <c r="H597009" s="12"/>
    </row>
    <row r="597010" spans="8:8">
      <c r="H597010" s="12"/>
    </row>
    <row r="597011" spans="8:8">
      <c r="H597011" s="12"/>
    </row>
    <row r="597012" spans="8:8">
      <c r="H597012" s="12"/>
    </row>
    <row r="597013" spans="8:8">
      <c r="H597013" s="12"/>
    </row>
    <row r="597014" spans="8:8">
      <c r="H597014" s="12"/>
    </row>
    <row r="597015" spans="8:8">
      <c r="H597015" s="12"/>
    </row>
    <row r="597016" spans="8:8">
      <c r="H597016" s="12"/>
    </row>
    <row r="597017" spans="8:8">
      <c r="H597017" s="12"/>
    </row>
    <row r="597018" spans="8:8">
      <c r="H597018" s="12"/>
    </row>
    <row r="597019" spans="8:8">
      <c r="H597019" s="12"/>
    </row>
    <row r="597020" spans="8:8">
      <c r="H597020" s="12"/>
    </row>
    <row r="597021" spans="8:8">
      <c r="H597021" s="12"/>
    </row>
    <row r="597022" spans="8:8">
      <c r="H597022" s="12"/>
    </row>
    <row r="597023" spans="8:8">
      <c r="H597023" s="12"/>
    </row>
    <row r="597024" spans="8:8">
      <c r="H597024" s="12"/>
    </row>
    <row r="597025" spans="8:8">
      <c r="H597025" s="12"/>
    </row>
    <row r="597026" spans="8:8">
      <c r="H597026" s="12"/>
    </row>
    <row r="597027" spans="8:8">
      <c r="H597027" s="12"/>
    </row>
    <row r="597028" spans="8:8">
      <c r="H597028" s="12"/>
    </row>
    <row r="597029" spans="8:8">
      <c r="H597029" s="12"/>
    </row>
    <row r="597030" spans="8:8">
      <c r="H597030" s="12"/>
    </row>
    <row r="597031" spans="8:8">
      <c r="H597031" s="12"/>
    </row>
    <row r="597032" spans="8:8">
      <c r="H597032" s="12"/>
    </row>
    <row r="597033" spans="8:8">
      <c r="H597033" s="12"/>
    </row>
    <row r="597034" spans="8:8">
      <c r="H597034" s="12"/>
    </row>
    <row r="597035" spans="8:8">
      <c r="H597035" s="12"/>
    </row>
    <row r="597036" spans="8:8">
      <c r="H597036" s="12"/>
    </row>
    <row r="597037" spans="8:8">
      <c r="H597037" s="12"/>
    </row>
    <row r="597038" spans="8:8">
      <c r="H597038" s="12"/>
    </row>
    <row r="597039" spans="8:8">
      <c r="H597039" s="12"/>
    </row>
    <row r="597040" spans="8:8">
      <c r="H597040" s="12"/>
    </row>
    <row r="597041" spans="8:8">
      <c r="H597041" s="12"/>
    </row>
    <row r="597042" spans="8:8">
      <c r="H597042" s="12"/>
    </row>
    <row r="597043" spans="8:8">
      <c r="H597043" s="12"/>
    </row>
    <row r="597044" spans="8:8">
      <c r="H597044" s="12"/>
    </row>
    <row r="597045" spans="8:8">
      <c r="H597045" s="12"/>
    </row>
    <row r="597046" spans="8:8">
      <c r="H597046" s="12"/>
    </row>
    <row r="597047" spans="8:8">
      <c r="H597047" s="12"/>
    </row>
    <row r="597048" spans="8:8">
      <c r="H597048" s="12"/>
    </row>
    <row r="597049" spans="8:8">
      <c r="H597049" s="12"/>
    </row>
    <row r="597050" spans="8:8">
      <c r="H597050" s="12"/>
    </row>
    <row r="597051" spans="8:8">
      <c r="H597051" s="12"/>
    </row>
    <row r="597052" spans="8:8">
      <c r="H597052" s="12"/>
    </row>
    <row r="597053" spans="8:8">
      <c r="H597053" s="12"/>
    </row>
    <row r="597054" spans="8:8">
      <c r="H597054" s="12"/>
    </row>
    <row r="597055" spans="8:8">
      <c r="H597055" s="12"/>
    </row>
    <row r="597056" spans="8:8">
      <c r="H597056" s="12"/>
    </row>
    <row r="597057" spans="8:8">
      <c r="H597057" s="12"/>
    </row>
    <row r="597058" spans="8:8">
      <c r="H597058" s="12"/>
    </row>
    <row r="597059" spans="8:8">
      <c r="H597059" s="12"/>
    </row>
    <row r="597060" spans="8:8">
      <c r="H597060" s="12"/>
    </row>
    <row r="597061" spans="8:8">
      <c r="H597061" s="12"/>
    </row>
    <row r="597062" spans="8:8">
      <c r="H597062" s="12"/>
    </row>
    <row r="597063" spans="8:8">
      <c r="H597063" s="12"/>
    </row>
    <row r="597064" spans="8:8">
      <c r="H597064" s="12"/>
    </row>
    <row r="597065" spans="8:8">
      <c r="H597065" s="12"/>
    </row>
    <row r="597066" spans="8:8">
      <c r="H597066" s="12"/>
    </row>
    <row r="597067" spans="8:8">
      <c r="H597067" s="12"/>
    </row>
    <row r="597068" spans="8:8">
      <c r="H597068" s="12"/>
    </row>
    <row r="597069" spans="8:8">
      <c r="H597069" s="12"/>
    </row>
    <row r="597070" spans="8:8">
      <c r="H597070" s="12"/>
    </row>
    <row r="597071" spans="8:8">
      <c r="H597071" s="12"/>
    </row>
    <row r="597072" spans="8:8">
      <c r="H597072" s="12"/>
    </row>
    <row r="597073" spans="8:8">
      <c r="H597073" s="12"/>
    </row>
    <row r="597074" spans="8:8">
      <c r="H597074" s="12"/>
    </row>
    <row r="597075" spans="8:8">
      <c r="H597075" s="12"/>
    </row>
    <row r="597076" spans="8:8">
      <c r="H597076" s="12"/>
    </row>
    <row r="597077" spans="8:8">
      <c r="H597077" s="12"/>
    </row>
    <row r="597078" spans="8:8">
      <c r="H597078" s="12"/>
    </row>
    <row r="597079" spans="8:8">
      <c r="H597079" s="12"/>
    </row>
    <row r="597080" spans="8:8">
      <c r="H597080" s="12"/>
    </row>
    <row r="597081" spans="8:8">
      <c r="H597081" s="12"/>
    </row>
    <row r="597082" spans="8:8">
      <c r="H597082" s="12"/>
    </row>
    <row r="597083" spans="8:8">
      <c r="H597083" s="12"/>
    </row>
    <row r="597084" spans="8:8">
      <c r="H597084" s="12"/>
    </row>
    <row r="597085" spans="8:8">
      <c r="H597085" s="12"/>
    </row>
    <row r="597086" spans="8:8">
      <c r="H597086" s="12"/>
    </row>
    <row r="597087" spans="8:8">
      <c r="H597087" s="12"/>
    </row>
    <row r="597088" spans="8:8">
      <c r="H597088" s="12"/>
    </row>
    <row r="597089" spans="8:8">
      <c r="H597089" s="12"/>
    </row>
    <row r="597090" spans="8:8">
      <c r="H597090" s="12"/>
    </row>
    <row r="597091" spans="8:8">
      <c r="H597091" s="12"/>
    </row>
    <row r="597092" spans="8:8">
      <c r="H597092" s="12"/>
    </row>
    <row r="597093" spans="8:8">
      <c r="H597093" s="12"/>
    </row>
    <row r="597094" spans="8:8">
      <c r="H597094" s="12"/>
    </row>
    <row r="597095" spans="8:8">
      <c r="H597095" s="12"/>
    </row>
    <row r="597096" spans="8:8">
      <c r="H597096" s="12"/>
    </row>
    <row r="597097" spans="8:8">
      <c r="H597097" s="12"/>
    </row>
    <row r="597098" spans="8:8">
      <c r="H597098" s="12"/>
    </row>
    <row r="597099" spans="8:8">
      <c r="H597099" s="12"/>
    </row>
    <row r="597100" spans="8:8">
      <c r="H597100" s="12"/>
    </row>
    <row r="597101" spans="8:8">
      <c r="H597101" s="12"/>
    </row>
    <row r="597102" spans="8:8">
      <c r="H597102" s="12"/>
    </row>
    <row r="597103" spans="8:8">
      <c r="H597103" s="12"/>
    </row>
    <row r="597104" spans="8:8">
      <c r="H597104" s="12"/>
    </row>
    <row r="597105" spans="8:8">
      <c r="H597105" s="12"/>
    </row>
    <row r="597106" spans="8:8">
      <c r="H597106" s="12"/>
    </row>
    <row r="597107" spans="8:8">
      <c r="H597107" s="12"/>
    </row>
    <row r="597108" spans="8:8">
      <c r="H597108" s="12"/>
    </row>
    <row r="597109" spans="8:8">
      <c r="H597109" s="12"/>
    </row>
    <row r="597110" spans="8:8">
      <c r="H597110" s="12"/>
    </row>
    <row r="597111" spans="8:8">
      <c r="H597111" s="12"/>
    </row>
    <row r="597112" spans="8:8">
      <c r="H597112" s="12"/>
    </row>
    <row r="597113" spans="8:8">
      <c r="H597113" s="12"/>
    </row>
    <row r="597114" spans="8:8">
      <c r="H597114" s="12"/>
    </row>
    <row r="597115" spans="8:8">
      <c r="H597115" s="12"/>
    </row>
    <row r="597116" spans="8:8">
      <c r="H597116" s="12"/>
    </row>
    <row r="597117" spans="8:8">
      <c r="H597117" s="12"/>
    </row>
    <row r="597118" spans="8:8">
      <c r="H597118" s="12"/>
    </row>
    <row r="597119" spans="8:8">
      <c r="H597119" s="12"/>
    </row>
    <row r="597120" spans="8:8">
      <c r="H597120" s="12"/>
    </row>
    <row r="597121" spans="8:8">
      <c r="H597121" s="12"/>
    </row>
    <row r="597122" spans="8:8">
      <c r="H597122" s="12"/>
    </row>
    <row r="597123" spans="8:8">
      <c r="H597123" s="12"/>
    </row>
    <row r="597124" spans="8:8">
      <c r="H597124" s="12"/>
    </row>
    <row r="597125" spans="8:8">
      <c r="H597125" s="12"/>
    </row>
    <row r="597126" spans="8:8">
      <c r="H597126" s="12"/>
    </row>
    <row r="597127" spans="8:8">
      <c r="H597127" s="12"/>
    </row>
    <row r="597128" spans="8:8">
      <c r="H597128" s="12"/>
    </row>
    <row r="597129" spans="8:8">
      <c r="H597129" s="12"/>
    </row>
    <row r="597130" spans="8:8">
      <c r="H597130" s="12"/>
    </row>
    <row r="597131" spans="8:8">
      <c r="H597131" s="12"/>
    </row>
    <row r="597132" spans="8:8">
      <c r="H597132" s="12"/>
    </row>
    <row r="597133" spans="8:8">
      <c r="H597133" s="12"/>
    </row>
    <row r="597134" spans="8:8">
      <c r="H597134" s="12"/>
    </row>
    <row r="597135" spans="8:8">
      <c r="H597135" s="12"/>
    </row>
    <row r="597136" spans="8:8">
      <c r="H597136" s="12"/>
    </row>
    <row r="597137" spans="8:8">
      <c r="H597137" s="12"/>
    </row>
    <row r="597138" spans="8:8">
      <c r="H597138" s="12"/>
    </row>
    <row r="597139" spans="8:8">
      <c r="H597139" s="12"/>
    </row>
    <row r="597140" spans="8:8">
      <c r="H597140" s="12"/>
    </row>
    <row r="597141" spans="8:8">
      <c r="H597141" s="12"/>
    </row>
    <row r="597142" spans="8:8">
      <c r="H597142" s="12"/>
    </row>
    <row r="597143" spans="8:8">
      <c r="H597143" s="12"/>
    </row>
    <row r="597144" spans="8:8">
      <c r="H597144" s="12"/>
    </row>
    <row r="597145" spans="8:8">
      <c r="H597145" s="12"/>
    </row>
    <row r="597146" spans="8:8">
      <c r="H597146" s="12"/>
    </row>
    <row r="597147" spans="8:8">
      <c r="H597147" s="12"/>
    </row>
    <row r="597148" spans="8:8">
      <c r="H597148" s="12"/>
    </row>
    <row r="597149" spans="8:8">
      <c r="H597149" s="12"/>
    </row>
    <row r="597150" spans="8:8">
      <c r="H597150" s="12"/>
    </row>
    <row r="597151" spans="8:8">
      <c r="H597151" s="12"/>
    </row>
    <row r="597152" spans="8:8">
      <c r="H597152" s="12"/>
    </row>
    <row r="597153" spans="8:8">
      <c r="H597153" s="12"/>
    </row>
    <row r="597154" spans="8:8">
      <c r="H597154" s="12"/>
    </row>
    <row r="597155" spans="8:8">
      <c r="H597155" s="12"/>
    </row>
    <row r="597156" spans="8:8">
      <c r="H597156" s="12"/>
    </row>
    <row r="597157" spans="8:8">
      <c r="H597157" s="12"/>
    </row>
    <row r="597158" spans="8:8">
      <c r="H597158" s="12"/>
    </row>
    <row r="597159" spans="8:8">
      <c r="H597159" s="12"/>
    </row>
    <row r="597160" spans="8:8">
      <c r="H597160" s="12"/>
    </row>
    <row r="597161" spans="8:8">
      <c r="H597161" s="12"/>
    </row>
    <row r="597162" spans="8:8">
      <c r="H597162" s="12"/>
    </row>
    <row r="597163" spans="8:8">
      <c r="H597163" s="12"/>
    </row>
    <row r="597164" spans="8:8">
      <c r="H597164" s="12"/>
    </row>
    <row r="597165" spans="8:8">
      <c r="H597165" s="12"/>
    </row>
    <row r="597166" spans="8:8">
      <c r="H597166" s="12"/>
    </row>
    <row r="597167" spans="8:8">
      <c r="H597167" s="12"/>
    </row>
    <row r="597168" spans="8:8">
      <c r="H597168" s="12"/>
    </row>
    <row r="597169" spans="8:8">
      <c r="H597169" s="12"/>
    </row>
    <row r="597170" spans="8:8">
      <c r="H597170" s="12"/>
    </row>
    <row r="597171" spans="8:8">
      <c r="H597171" s="12"/>
    </row>
    <row r="597172" spans="8:8">
      <c r="H597172" s="12"/>
    </row>
    <row r="597173" spans="8:8">
      <c r="H597173" s="12"/>
    </row>
    <row r="597174" spans="8:8">
      <c r="H597174" s="12"/>
    </row>
    <row r="597175" spans="8:8">
      <c r="H597175" s="12"/>
    </row>
    <row r="597176" spans="8:8">
      <c r="H597176" s="12"/>
    </row>
    <row r="597177" spans="8:8">
      <c r="H597177" s="12"/>
    </row>
    <row r="597178" spans="8:8">
      <c r="H597178" s="12"/>
    </row>
    <row r="597179" spans="8:8">
      <c r="H597179" s="12"/>
    </row>
    <row r="597180" spans="8:8">
      <c r="H597180" s="12"/>
    </row>
    <row r="597181" spans="8:8">
      <c r="H597181" s="12"/>
    </row>
    <row r="597182" spans="8:8">
      <c r="H597182" s="12"/>
    </row>
    <row r="597183" spans="8:8">
      <c r="H597183" s="12"/>
    </row>
    <row r="597184" spans="8:8">
      <c r="H597184" s="12"/>
    </row>
    <row r="597185" spans="8:8">
      <c r="H597185" s="12"/>
    </row>
    <row r="597186" spans="8:8">
      <c r="H597186" s="12"/>
    </row>
    <row r="597187" spans="8:8">
      <c r="H597187" s="12"/>
    </row>
    <row r="597188" spans="8:8">
      <c r="H597188" s="12"/>
    </row>
    <row r="597189" spans="8:8">
      <c r="H597189" s="12"/>
    </row>
    <row r="597190" spans="8:8">
      <c r="H597190" s="12"/>
    </row>
    <row r="597191" spans="8:8">
      <c r="H597191" s="12"/>
    </row>
    <row r="597192" spans="8:8">
      <c r="H597192" s="12"/>
    </row>
    <row r="597193" spans="8:8">
      <c r="H597193" s="12"/>
    </row>
    <row r="597194" spans="8:8">
      <c r="H597194" s="12"/>
    </row>
    <row r="597195" spans="8:8">
      <c r="H597195" s="12"/>
    </row>
    <row r="597196" spans="8:8">
      <c r="H597196" s="12"/>
    </row>
    <row r="597197" spans="8:8">
      <c r="H597197" s="12"/>
    </row>
    <row r="597198" spans="8:8">
      <c r="H597198" s="12"/>
    </row>
    <row r="597199" spans="8:8">
      <c r="H597199" s="12"/>
    </row>
    <row r="597200" spans="8:8">
      <c r="H597200" s="12"/>
    </row>
    <row r="597201" spans="8:8">
      <c r="H597201" s="12"/>
    </row>
    <row r="597202" spans="8:8">
      <c r="H597202" s="12"/>
    </row>
    <row r="597203" spans="8:8">
      <c r="H597203" s="12"/>
    </row>
    <row r="597204" spans="8:8">
      <c r="H597204" s="12"/>
    </row>
    <row r="597205" spans="8:8">
      <c r="H597205" s="12"/>
    </row>
    <row r="597206" spans="8:8">
      <c r="H597206" s="12"/>
    </row>
    <row r="597207" spans="8:8">
      <c r="H597207" s="12"/>
    </row>
    <row r="597208" spans="8:8">
      <c r="H597208" s="12"/>
    </row>
    <row r="597209" spans="8:8">
      <c r="H597209" s="12"/>
    </row>
    <row r="597210" spans="8:8">
      <c r="H597210" s="12"/>
    </row>
    <row r="597211" spans="8:8">
      <c r="H597211" s="12"/>
    </row>
    <row r="597212" spans="8:8">
      <c r="H597212" s="12"/>
    </row>
    <row r="597213" spans="8:8">
      <c r="H597213" s="12"/>
    </row>
    <row r="597214" spans="8:8">
      <c r="H597214" s="12"/>
    </row>
    <row r="597215" spans="8:8">
      <c r="H597215" s="12"/>
    </row>
    <row r="597216" spans="8:8">
      <c r="H597216" s="12"/>
    </row>
    <row r="597217" spans="8:8">
      <c r="H597217" s="12"/>
    </row>
    <row r="597218" spans="8:8">
      <c r="H597218" s="12"/>
    </row>
    <row r="597219" spans="8:8">
      <c r="H597219" s="12"/>
    </row>
    <row r="597220" spans="8:8">
      <c r="H597220" s="12"/>
    </row>
    <row r="597221" spans="8:8">
      <c r="H597221" s="12"/>
    </row>
    <row r="597222" spans="8:8">
      <c r="H597222" s="12"/>
    </row>
    <row r="597223" spans="8:8">
      <c r="H597223" s="12"/>
    </row>
    <row r="597224" spans="8:8">
      <c r="H597224" s="12"/>
    </row>
    <row r="597225" spans="8:8">
      <c r="H597225" s="12"/>
    </row>
    <row r="597226" spans="8:8">
      <c r="H597226" s="12"/>
    </row>
    <row r="597227" spans="8:8">
      <c r="H597227" s="12"/>
    </row>
    <row r="597228" spans="8:8">
      <c r="H597228" s="12"/>
    </row>
    <row r="597229" spans="8:8">
      <c r="H597229" s="12"/>
    </row>
    <row r="597230" spans="8:8">
      <c r="H597230" s="12"/>
    </row>
    <row r="597231" spans="8:8">
      <c r="H597231" s="12"/>
    </row>
    <row r="597232" spans="8:8">
      <c r="H597232" s="12"/>
    </row>
    <row r="597233" spans="8:8">
      <c r="H597233" s="12"/>
    </row>
    <row r="597234" spans="8:8">
      <c r="H597234" s="12"/>
    </row>
    <row r="597235" spans="8:8">
      <c r="H597235" s="12"/>
    </row>
    <row r="597236" spans="8:8">
      <c r="H597236" s="12"/>
    </row>
    <row r="597237" spans="8:8">
      <c r="H597237" s="12"/>
    </row>
    <row r="597238" spans="8:8">
      <c r="H597238" s="12"/>
    </row>
    <row r="597239" spans="8:8">
      <c r="H597239" s="12"/>
    </row>
    <row r="597240" spans="8:8">
      <c r="H597240" s="12"/>
    </row>
    <row r="597241" spans="8:8">
      <c r="H597241" s="12"/>
    </row>
    <row r="597242" spans="8:8">
      <c r="H597242" s="12"/>
    </row>
    <row r="597243" spans="8:8">
      <c r="H597243" s="12"/>
    </row>
    <row r="597244" spans="8:8">
      <c r="H597244" s="12"/>
    </row>
    <row r="597245" spans="8:8">
      <c r="H597245" s="12"/>
    </row>
    <row r="597246" spans="8:8">
      <c r="H597246" s="12"/>
    </row>
    <row r="597247" spans="8:8">
      <c r="H597247" s="12"/>
    </row>
    <row r="597248" spans="8:8">
      <c r="H597248" s="12"/>
    </row>
    <row r="597249" spans="8:8">
      <c r="H597249" s="12"/>
    </row>
    <row r="597250" spans="8:8">
      <c r="H597250" s="12"/>
    </row>
    <row r="597251" spans="8:8">
      <c r="H597251" s="12"/>
    </row>
    <row r="597252" spans="8:8">
      <c r="H597252" s="12"/>
    </row>
    <row r="597253" spans="8:8">
      <c r="H597253" s="12"/>
    </row>
    <row r="597254" spans="8:8">
      <c r="H597254" s="12"/>
    </row>
    <row r="597255" spans="8:8">
      <c r="H597255" s="12"/>
    </row>
    <row r="597256" spans="8:8">
      <c r="H597256" s="12"/>
    </row>
    <row r="597257" spans="8:8">
      <c r="H597257" s="12"/>
    </row>
    <row r="597258" spans="8:8">
      <c r="H597258" s="12"/>
    </row>
    <row r="597259" spans="8:8">
      <c r="H597259" s="12"/>
    </row>
    <row r="597260" spans="8:8">
      <c r="H597260" s="12"/>
    </row>
    <row r="597261" spans="8:8">
      <c r="H597261" s="12"/>
    </row>
    <row r="597262" spans="8:8">
      <c r="H597262" s="12"/>
    </row>
    <row r="597263" spans="8:8">
      <c r="H597263" s="12"/>
    </row>
    <row r="597264" spans="8:8">
      <c r="H597264" s="12"/>
    </row>
    <row r="597265" spans="8:8">
      <c r="H597265" s="12"/>
    </row>
    <row r="597266" spans="8:8">
      <c r="H597266" s="12"/>
    </row>
    <row r="597267" spans="8:8">
      <c r="H597267" s="12"/>
    </row>
    <row r="597268" spans="8:8">
      <c r="H597268" s="12"/>
    </row>
    <row r="597269" spans="8:8">
      <c r="H597269" s="12"/>
    </row>
    <row r="597270" spans="8:8">
      <c r="H597270" s="12"/>
    </row>
    <row r="597271" spans="8:8">
      <c r="H597271" s="12"/>
    </row>
    <row r="597272" spans="8:8">
      <c r="H597272" s="12"/>
    </row>
    <row r="597273" spans="8:8">
      <c r="H597273" s="12"/>
    </row>
    <row r="597274" spans="8:8">
      <c r="H597274" s="12"/>
    </row>
    <row r="597275" spans="8:8">
      <c r="H597275" s="12"/>
    </row>
    <row r="597276" spans="8:8">
      <c r="H597276" s="12"/>
    </row>
    <row r="597277" spans="8:8">
      <c r="H597277" s="12"/>
    </row>
    <row r="597278" spans="8:8">
      <c r="H597278" s="12"/>
    </row>
    <row r="597279" spans="8:8">
      <c r="H597279" s="12"/>
    </row>
    <row r="597280" spans="8:8">
      <c r="H597280" s="12"/>
    </row>
    <row r="597281" spans="8:8">
      <c r="H597281" s="12"/>
    </row>
    <row r="597282" spans="8:8">
      <c r="H597282" s="12"/>
    </row>
    <row r="597283" spans="8:8">
      <c r="H597283" s="12"/>
    </row>
    <row r="597284" spans="8:8">
      <c r="H597284" s="12"/>
    </row>
    <row r="597285" spans="8:8">
      <c r="H597285" s="12"/>
    </row>
    <row r="597286" spans="8:8">
      <c r="H597286" s="12"/>
    </row>
    <row r="597287" spans="8:8">
      <c r="H597287" s="12"/>
    </row>
    <row r="597288" spans="8:8">
      <c r="H597288" s="12"/>
    </row>
    <row r="597289" spans="8:8">
      <c r="H597289" s="12"/>
    </row>
    <row r="597290" spans="8:8">
      <c r="H597290" s="12"/>
    </row>
    <row r="597291" spans="8:8">
      <c r="H597291" s="12"/>
    </row>
    <row r="597292" spans="8:8">
      <c r="H597292" s="12"/>
    </row>
    <row r="597293" spans="8:8">
      <c r="H597293" s="12"/>
    </row>
    <row r="597294" spans="8:8">
      <c r="H597294" s="12"/>
    </row>
    <row r="597295" spans="8:8">
      <c r="H597295" s="12"/>
    </row>
    <row r="597296" spans="8:8">
      <c r="H597296" s="12"/>
    </row>
    <row r="597297" spans="8:8">
      <c r="H597297" s="12"/>
    </row>
    <row r="597298" spans="8:8">
      <c r="H597298" s="12"/>
    </row>
    <row r="597299" spans="8:8">
      <c r="H597299" s="12"/>
    </row>
    <row r="597300" spans="8:8">
      <c r="H597300" s="12"/>
    </row>
    <row r="597301" spans="8:8">
      <c r="H597301" s="12"/>
    </row>
    <row r="597302" spans="8:8">
      <c r="H597302" s="12"/>
    </row>
    <row r="597303" spans="8:8">
      <c r="H597303" s="12"/>
    </row>
    <row r="597304" spans="8:8">
      <c r="H597304" s="12"/>
    </row>
    <row r="597305" spans="8:8">
      <c r="H597305" s="12"/>
    </row>
    <row r="597306" spans="8:8">
      <c r="H597306" s="12"/>
    </row>
    <row r="597307" spans="8:8">
      <c r="H597307" s="12"/>
    </row>
    <row r="597308" spans="8:8">
      <c r="H597308" s="12"/>
    </row>
    <row r="597309" spans="8:8">
      <c r="H597309" s="12"/>
    </row>
    <row r="597310" spans="8:8">
      <c r="H597310" s="12"/>
    </row>
    <row r="597311" spans="8:8">
      <c r="H597311" s="12"/>
    </row>
    <row r="597312" spans="8:8">
      <c r="H597312" s="12"/>
    </row>
    <row r="597313" spans="8:8">
      <c r="H597313" s="12"/>
    </row>
    <row r="597314" spans="8:8">
      <c r="H597314" s="12"/>
    </row>
    <row r="597315" spans="8:8">
      <c r="H597315" s="12"/>
    </row>
    <row r="597316" spans="8:8">
      <c r="H597316" s="12"/>
    </row>
    <row r="597317" spans="8:8">
      <c r="H597317" s="12"/>
    </row>
    <row r="597318" spans="8:8">
      <c r="H597318" s="12"/>
    </row>
    <row r="597319" spans="8:8">
      <c r="H597319" s="12"/>
    </row>
    <row r="597320" spans="8:8">
      <c r="H597320" s="12"/>
    </row>
    <row r="597321" spans="8:8">
      <c r="H597321" s="12"/>
    </row>
    <row r="597322" spans="8:8">
      <c r="H597322" s="12"/>
    </row>
    <row r="597323" spans="8:8">
      <c r="H597323" s="12"/>
    </row>
    <row r="597324" spans="8:8">
      <c r="H597324" s="12"/>
    </row>
    <row r="597325" spans="8:8">
      <c r="H597325" s="12"/>
    </row>
    <row r="597326" spans="8:8">
      <c r="H597326" s="12"/>
    </row>
    <row r="597327" spans="8:8">
      <c r="H597327" s="12"/>
    </row>
    <row r="597328" spans="8:8">
      <c r="H597328" s="12"/>
    </row>
    <row r="597329" spans="8:8">
      <c r="H597329" s="12"/>
    </row>
    <row r="597330" spans="8:8">
      <c r="H597330" s="12"/>
    </row>
    <row r="597331" spans="8:8">
      <c r="H597331" s="12"/>
    </row>
    <row r="597332" spans="8:8">
      <c r="H597332" s="12"/>
    </row>
    <row r="597333" spans="8:8">
      <c r="H597333" s="12"/>
    </row>
    <row r="597334" spans="8:8">
      <c r="H597334" s="12"/>
    </row>
    <row r="597335" spans="8:8">
      <c r="H597335" s="12"/>
    </row>
    <row r="597336" spans="8:8">
      <c r="H597336" s="12"/>
    </row>
    <row r="597337" spans="8:8">
      <c r="H597337" s="12"/>
    </row>
    <row r="597338" spans="8:8">
      <c r="H597338" s="12"/>
    </row>
    <row r="597339" spans="8:8">
      <c r="H597339" s="12"/>
    </row>
    <row r="597340" spans="8:8">
      <c r="H597340" s="12"/>
    </row>
    <row r="597341" spans="8:8">
      <c r="H597341" s="12"/>
    </row>
    <row r="597342" spans="8:8">
      <c r="H597342" s="12"/>
    </row>
    <row r="597343" spans="8:8">
      <c r="H597343" s="12"/>
    </row>
    <row r="597344" spans="8:8">
      <c r="H597344" s="12"/>
    </row>
    <row r="597345" spans="8:8">
      <c r="H597345" s="12"/>
    </row>
    <row r="597346" spans="8:8">
      <c r="H597346" s="12"/>
    </row>
    <row r="597347" spans="8:8">
      <c r="H597347" s="12"/>
    </row>
    <row r="597348" spans="8:8">
      <c r="H597348" s="12"/>
    </row>
    <row r="597349" spans="8:8">
      <c r="H597349" s="12"/>
    </row>
    <row r="597350" spans="8:8">
      <c r="H597350" s="12"/>
    </row>
    <row r="597351" spans="8:8">
      <c r="H597351" s="12"/>
    </row>
    <row r="597352" spans="8:8">
      <c r="H597352" s="12"/>
    </row>
    <row r="597353" spans="8:8">
      <c r="H597353" s="12"/>
    </row>
    <row r="597354" spans="8:8">
      <c r="H597354" s="12"/>
    </row>
    <row r="597355" spans="8:8">
      <c r="H597355" s="12"/>
    </row>
    <row r="597356" spans="8:8">
      <c r="H597356" s="12"/>
    </row>
    <row r="597357" spans="8:8">
      <c r="H597357" s="12"/>
    </row>
    <row r="597358" spans="8:8">
      <c r="H597358" s="12"/>
    </row>
    <row r="597359" spans="8:8">
      <c r="H597359" s="12"/>
    </row>
    <row r="597360" spans="8:8">
      <c r="H597360" s="12"/>
    </row>
    <row r="597361" spans="8:8">
      <c r="H597361" s="12"/>
    </row>
    <row r="597362" spans="8:8">
      <c r="H597362" s="12"/>
    </row>
    <row r="597363" spans="8:8">
      <c r="H597363" s="12"/>
    </row>
    <row r="597364" spans="8:8">
      <c r="H597364" s="12"/>
    </row>
    <row r="597365" spans="8:8">
      <c r="H597365" s="12"/>
    </row>
    <row r="597366" spans="8:8">
      <c r="H597366" s="12"/>
    </row>
    <row r="597367" spans="8:8">
      <c r="H597367" s="12"/>
    </row>
    <row r="597368" spans="8:8">
      <c r="H597368" s="12"/>
    </row>
    <row r="597369" spans="8:8">
      <c r="H597369" s="12"/>
    </row>
    <row r="597370" spans="8:8">
      <c r="H597370" s="12"/>
    </row>
    <row r="597371" spans="8:8">
      <c r="H597371" s="12"/>
    </row>
    <row r="597372" spans="8:8">
      <c r="H597372" s="12"/>
    </row>
    <row r="597373" spans="8:8">
      <c r="H597373" s="12"/>
    </row>
    <row r="597374" spans="8:8">
      <c r="H597374" s="12"/>
    </row>
    <row r="597375" spans="8:8">
      <c r="H597375" s="12"/>
    </row>
    <row r="597376" spans="8:8">
      <c r="H597376" s="12"/>
    </row>
    <row r="597377" spans="8:8">
      <c r="H597377" s="12"/>
    </row>
    <row r="597378" spans="8:8">
      <c r="H597378" s="12"/>
    </row>
    <row r="597379" spans="8:8">
      <c r="H597379" s="12"/>
    </row>
    <row r="597380" spans="8:8">
      <c r="H597380" s="12"/>
    </row>
    <row r="597381" spans="8:8">
      <c r="H597381" s="12"/>
    </row>
    <row r="597382" spans="8:8">
      <c r="H597382" s="12"/>
    </row>
    <row r="597383" spans="8:8">
      <c r="H597383" s="12"/>
    </row>
    <row r="597384" spans="8:8">
      <c r="H597384" s="12"/>
    </row>
    <row r="597385" spans="8:8">
      <c r="H597385" s="12"/>
    </row>
    <row r="597386" spans="8:8">
      <c r="H597386" s="12"/>
    </row>
    <row r="597387" spans="8:8">
      <c r="H597387" s="12"/>
    </row>
    <row r="597388" spans="8:8">
      <c r="H597388" s="12"/>
    </row>
    <row r="597389" spans="8:8">
      <c r="H597389" s="12"/>
    </row>
    <row r="597390" spans="8:8">
      <c r="H597390" s="12"/>
    </row>
    <row r="597391" spans="8:8">
      <c r="H597391" s="12"/>
    </row>
    <row r="597392" spans="8:8">
      <c r="H597392" s="12"/>
    </row>
    <row r="597393" spans="8:8">
      <c r="H597393" s="12"/>
    </row>
    <row r="597394" spans="8:8">
      <c r="H597394" s="12"/>
    </row>
    <row r="597395" spans="8:8">
      <c r="H597395" s="12"/>
    </row>
    <row r="597396" spans="8:8">
      <c r="H597396" s="12"/>
    </row>
    <row r="597397" spans="8:8">
      <c r="H597397" s="12"/>
    </row>
    <row r="597398" spans="8:8">
      <c r="H597398" s="12"/>
    </row>
    <row r="597399" spans="8:8">
      <c r="H597399" s="12"/>
    </row>
    <row r="597400" spans="8:8">
      <c r="H597400" s="12"/>
    </row>
    <row r="597401" spans="8:8">
      <c r="H597401" s="12"/>
    </row>
    <row r="597402" spans="8:8">
      <c r="H597402" s="12"/>
    </row>
    <row r="597403" spans="8:8">
      <c r="H597403" s="12"/>
    </row>
    <row r="597404" spans="8:8">
      <c r="H597404" s="12"/>
    </row>
    <row r="597405" spans="8:8">
      <c r="H597405" s="12"/>
    </row>
    <row r="597406" spans="8:8">
      <c r="H597406" s="12"/>
    </row>
    <row r="597407" spans="8:8">
      <c r="H597407" s="12"/>
    </row>
    <row r="597408" spans="8:8">
      <c r="H597408" s="12"/>
    </row>
    <row r="597409" spans="8:8">
      <c r="H597409" s="12"/>
    </row>
    <row r="597410" spans="8:8">
      <c r="H597410" s="12"/>
    </row>
    <row r="597411" spans="8:8">
      <c r="H597411" s="12"/>
    </row>
    <row r="597412" spans="8:8">
      <c r="H597412" s="12"/>
    </row>
    <row r="597413" spans="8:8">
      <c r="H597413" s="12"/>
    </row>
    <row r="597414" spans="8:8">
      <c r="H597414" s="12"/>
    </row>
    <row r="597415" spans="8:8">
      <c r="H597415" s="12"/>
    </row>
    <row r="597416" spans="8:8">
      <c r="H597416" s="12"/>
    </row>
    <row r="597417" spans="8:8">
      <c r="H597417" s="12"/>
    </row>
    <row r="597418" spans="8:8">
      <c r="H597418" s="12"/>
    </row>
    <row r="597419" spans="8:8">
      <c r="H597419" s="12"/>
    </row>
    <row r="597420" spans="8:8">
      <c r="H597420" s="12"/>
    </row>
    <row r="597421" spans="8:8">
      <c r="H597421" s="12"/>
    </row>
    <row r="597422" spans="8:8">
      <c r="H597422" s="12"/>
    </row>
    <row r="597423" spans="8:8">
      <c r="H597423" s="12"/>
    </row>
    <row r="597424" spans="8:8">
      <c r="H597424" s="12"/>
    </row>
    <row r="597425" spans="8:8">
      <c r="H597425" s="12"/>
    </row>
    <row r="597426" spans="8:8">
      <c r="H597426" s="12"/>
    </row>
    <row r="597427" spans="8:8">
      <c r="H597427" s="12"/>
    </row>
    <row r="597428" spans="8:8">
      <c r="H597428" s="12"/>
    </row>
    <row r="597429" spans="8:8">
      <c r="H597429" s="12"/>
    </row>
    <row r="597430" spans="8:8">
      <c r="H597430" s="12"/>
    </row>
    <row r="597431" spans="8:8">
      <c r="H597431" s="12"/>
    </row>
    <row r="597432" spans="8:8">
      <c r="H597432" s="12"/>
    </row>
    <row r="597433" spans="8:8">
      <c r="H597433" s="12"/>
    </row>
    <row r="597434" spans="8:8">
      <c r="H597434" s="12"/>
    </row>
    <row r="597435" spans="8:8">
      <c r="H597435" s="12"/>
    </row>
    <row r="597436" spans="8:8">
      <c r="H597436" s="12"/>
    </row>
    <row r="597437" spans="8:8">
      <c r="H597437" s="12"/>
    </row>
    <row r="597438" spans="8:8">
      <c r="H597438" s="12"/>
    </row>
    <row r="597439" spans="8:8">
      <c r="H597439" s="12"/>
    </row>
    <row r="597440" spans="8:8">
      <c r="H597440" s="12"/>
    </row>
    <row r="597441" spans="8:8">
      <c r="H597441" s="12"/>
    </row>
    <row r="597442" spans="8:8">
      <c r="H597442" s="12"/>
    </row>
    <row r="597443" spans="8:8">
      <c r="H597443" s="12"/>
    </row>
    <row r="597444" spans="8:8">
      <c r="H597444" s="12"/>
    </row>
    <row r="597445" spans="8:8">
      <c r="H597445" s="12"/>
    </row>
    <row r="597446" spans="8:8">
      <c r="H597446" s="12"/>
    </row>
    <row r="597447" spans="8:8">
      <c r="H597447" s="12"/>
    </row>
    <row r="597448" spans="8:8">
      <c r="H597448" s="12"/>
    </row>
    <row r="597449" spans="8:8">
      <c r="H597449" s="12"/>
    </row>
    <row r="597450" spans="8:8">
      <c r="H597450" s="12"/>
    </row>
    <row r="597451" spans="8:8">
      <c r="H597451" s="12"/>
    </row>
    <row r="597452" spans="8:8">
      <c r="H597452" s="12"/>
    </row>
    <row r="597453" spans="8:8">
      <c r="H597453" s="12"/>
    </row>
    <row r="597454" spans="8:8">
      <c r="H597454" s="12"/>
    </row>
    <row r="597455" spans="8:8">
      <c r="H597455" s="12"/>
    </row>
    <row r="597456" spans="8:8">
      <c r="H597456" s="12"/>
    </row>
    <row r="597457" spans="8:8">
      <c r="H597457" s="12"/>
    </row>
    <row r="597458" spans="8:8">
      <c r="H597458" s="12"/>
    </row>
    <row r="597459" spans="8:8">
      <c r="H597459" s="12"/>
    </row>
    <row r="597460" spans="8:8">
      <c r="H597460" s="12"/>
    </row>
    <row r="597461" spans="8:8">
      <c r="H597461" s="12"/>
    </row>
    <row r="597462" spans="8:8">
      <c r="H597462" s="12"/>
    </row>
    <row r="597463" spans="8:8">
      <c r="H597463" s="12"/>
    </row>
    <row r="597464" spans="8:8">
      <c r="H597464" s="12"/>
    </row>
    <row r="597465" spans="8:8">
      <c r="H597465" s="12"/>
    </row>
    <row r="597466" spans="8:8">
      <c r="H597466" s="12"/>
    </row>
    <row r="597467" spans="8:8">
      <c r="H597467" s="12"/>
    </row>
    <row r="597468" spans="8:8">
      <c r="H597468" s="12"/>
    </row>
    <row r="597469" spans="8:8">
      <c r="H597469" s="12"/>
    </row>
    <row r="597470" spans="8:8">
      <c r="H597470" s="12"/>
    </row>
    <row r="597471" spans="8:8">
      <c r="H597471" s="12"/>
    </row>
    <row r="597472" spans="8:8">
      <c r="H597472" s="12"/>
    </row>
    <row r="597473" spans="8:8">
      <c r="H597473" s="12"/>
    </row>
    <row r="597474" spans="8:8">
      <c r="H597474" s="12"/>
    </row>
    <row r="597475" spans="8:8">
      <c r="H597475" s="12"/>
    </row>
    <row r="597476" spans="8:8">
      <c r="H597476" s="12"/>
    </row>
    <row r="597477" spans="8:8">
      <c r="H597477" s="12"/>
    </row>
    <row r="597478" spans="8:8">
      <c r="H597478" s="12"/>
    </row>
    <row r="597479" spans="8:8">
      <c r="H597479" s="12"/>
    </row>
    <row r="597480" spans="8:8">
      <c r="H597480" s="12"/>
    </row>
    <row r="597481" spans="8:8">
      <c r="H597481" s="12"/>
    </row>
    <row r="597482" spans="8:8">
      <c r="H597482" s="12"/>
    </row>
    <row r="597483" spans="8:8">
      <c r="H597483" s="12"/>
    </row>
    <row r="597484" spans="8:8">
      <c r="H597484" s="12"/>
    </row>
    <row r="597485" spans="8:8">
      <c r="H597485" s="12"/>
    </row>
    <row r="597486" spans="8:8">
      <c r="H597486" s="12"/>
    </row>
    <row r="597487" spans="8:8">
      <c r="H597487" s="12"/>
    </row>
    <row r="597488" spans="8:8">
      <c r="H597488" s="12"/>
    </row>
    <row r="597489" spans="8:8">
      <c r="H597489" s="12"/>
    </row>
    <row r="597490" spans="8:8">
      <c r="H597490" s="12"/>
    </row>
    <row r="597491" spans="8:8">
      <c r="H597491" s="12"/>
    </row>
    <row r="597492" spans="8:8">
      <c r="H597492" s="12"/>
    </row>
    <row r="597493" spans="8:8">
      <c r="H597493" s="12"/>
    </row>
    <row r="597494" spans="8:8">
      <c r="H597494" s="12"/>
    </row>
    <row r="597495" spans="8:8">
      <c r="H597495" s="12"/>
    </row>
    <row r="597496" spans="8:8">
      <c r="H597496" s="12"/>
    </row>
    <row r="597497" spans="8:8">
      <c r="H597497" s="12"/>
    </row>
    <row r="597498" spans="8:8">
      <c r="H597498" s="12"/>
    </row>
    <row r="597499" spans="8:8">
      <c r="H597499" s="12"/>
    </row>
    <row r="597500" spans="8:8">
      <c r="H597500" s="12"/>
    </row>
    <row r="597501" spans="8:8">
      <c r="H597501" s="12"/>
    </row>
    <row r="597502" spans="8:8">
      <c r="H597502" s="12"/>
    </row>
    <row r="597503" spans="8:8">
      <c r="H597503" s="12"/>
    </row>
    <row r="597504" spans="8:8">
      <c r="H597504" s="12"/>
    </row>
    <row r="597505" spans="8:8">
      <c r="H597505" s="12"/>
    </row>
    <row r="597506" spans="8:8">
      <c r="H597506" s="12"/>
    </row>
    <row r="597507" spans="8:8">
      <c r="H597507" s="12"/>
    </row>
    <row r="597508" spans="8:8">
      <c r="H597508" s="12"/>
    </row>
    <row r="597509" spans="8:8">
      <c r="H597509" s="12"/>
    </row>
    <row r="597510" spans="8:8">
      <c r="H597510" s="12"/>
    </row>
    <row r="597511" spans="8:8">
      <c r="H597511" s="12"/>
    </row>
    <row r="597512" spans="8:8">
      <c r="H597512" s="12"/>
    </row>
    <row r="597513" spans="8:8">
      <c r="H597513" s="12"/>
    </row>
    <row r="597514" spans="8:8">
      <c r="H597514" s="12"/>
    </row>
    <row r="597515" spans="8:8">
      <c r="H597515" s="12"/>
    </row>
    <row r="597516" spans="8:8">
      <c r="H597516" s="12"/>
    </row>
    <row r="597517" spans="8:8">
      <c r="H597517" s="12"/>
    </row>
    <row r="597518" spans="8:8">
      <c r="H597518" s="12"/>
    </row>
    <row r="597519" spans="8:8">
      <c r="H597519" s="12"/>
    </row>
    <row r="597520" spans="8:8">
      <c r="H597520" s="12"/>
    </row>
    <row r="597521" spans="8:8">
      <c r="H597521" s="12"/>
    </row>
    <row r="597522" spans="8:8">
      <c r="H597522" s="12"/>
    </row>
    <row r="597523" spans="8:8">
      <c r="H597523" s="12"/>
    </row>
    <row r="597524" spans="8:8">
      <c r="H597524" s="12"/>
    </row>
    <row r="597525" spans="8:8">
      <c r="H597525" s="12"/>
    </row>
    <row r="597526" spans="8:8">
      <c r="H597526" s="12"/>
    </row>
    <row r="597527" spans="8:8">
      <c r="H597527" s="12"/>
    </row>
    <row r="597528" spans="8:8">
      <c r="H597528" s="12"/>
    </row>
    <row r="597529" spans="8:8">
      <c r="H597529" s="12"/>
    </row>
    <row r="597530" spans="8:8">
      <c r="H597530" s="12"/>
    </row>
    <row r="597531" spans="8:8">
      <c r="H597531" s="12"/>
    </row>
    <row r="597532" spans="8:8">
      <c r="H597532" s="12"/>
    </row>
    <row r="597533" spans="8:8">
      <c r="H597533" s="12"/>
    </row>
    <row r="597534" spans="8:8">
      <c r="H597534" s="12"/>
    </row>
    <row r="597535" spans="8:8">
      <c r="H597535" s="12"/>
    </row>
    <row r="597536" spans="8:8">
      <c r="H597536" s="12"/>
    </row>
    <row r="597537" spans="8:8">
      <c r="H597537" s="12"/>
    </row>
    <row r="597538" spans="8:8">
      <c r="H597538" s="12"/>
    </row>
    <row r="597539" spans="8:8">
      <c r="H597539" s="12"/>
    </row>
    <row r="597540" spans="8:8">
      <c r="H597540" s="12"/>
    </row>
    <row r="597541" spans="8:8">
      <c r="H597541" s="12"/>
    </row>
    <row r="597542" spans="8:8">
      <c r="H597542" s="12"/>
    </row>
    <row r="597543" spans="8:8">
      <c r="H597543" s="12"/>
    </row>
    <row r="597544" spans="8:8">
      <c r="H597544" s="12"/>
    </row>
    <row r="597545" spans="8:8">
      <c r="H597545" s="12"/>
    </row>
    <row r="597546" spans="8:8">
      <c r="H597546" s="12"/>
    </row>
    <row r="597547" spans="8:8">
      <c r="H597547" s="12"/>
    </row>
    <row r="597548" spans="8:8">
      <c r="H597548" s="12"/>
    </row>
    <row r="597549" spans="8:8">
      <c r="H597549" s="12"/>
    </row>
    <row r="597550" spans="8:8">
      <c r="H597550" s="12"/>
    </row>
    <row r="597551" spans="8:8">
      <c r="H597551" s="12"/>
    </row>
    <row r="597552" spans="8:8">
      <c r="H597552" s="12"/>
    </row>
    <row r="597553" spans="8:8">
      <c r="H597553" s="12"/>
    </row>
    <row r="597554" spans="8:8">
      <c r="H597554" s="12"/>
    </row>
    <row r="597555" spans="8:8">
      <c r="H597555" s="12"/>
    </row>
    <row r="597556" spans="8:8">
      <c r="H597556" s="12"/>
    </row>
    <row r="597557" spans="8:8">
      <c r="H597557" s="12"/>
    </row>
    <row r="597558" spans="8:8">
      <c r="H597558" s="12"/>
    </row>
    <row r="597559" spans="8:8">
      <c r="H597559" s="12"/>
    </row>
    <row r="597560" spans="8:8">
      <c r="H597560" s="12"/>
    </row>
    <row r="597561" spans="8:8">
      <c r="H597561" s="12"/>
    </row>
    <row r="597562" spans="8:8">
      <c r="H597562" s="12"/>
    </row>
    <row r="597563" spans="8:8">
      <c r="H597563" s="12"/>
    </row>
    <row r="597564" spans="8:8">
      <c r="H597564" s="12"/>
    </row>
    <row r="597565" spans="8:8">
      <c r="H597565" s="12"/>
    </row>
    <row r="597566" spans="8:8">
      <c r="H597566" s="12"/>
    </row>
    <row r="597567" spans="8:8">
      <c r="H597567" s="12"/>
    </row>
    <row r="597568" spans="8:8">
      <c r="H597568" s="12"/>
    </row>
    <row r="597569" spans="8:8">
      <c r="H597569" s="12"/>
    </row>
    <row r="597570" spans="8:8">
      <c r="H597570" s="12"/>
    </row>
    <row r="597571" spans="8:8">
      <c r="H597571" s="12"/>
    </row>
    <row r="597572" spans="8:8">
      <c r="H597572" s="12"/>
    </row>
    <row r="597573" spans="8:8">
      <c r="H597573" s="12"/>
    </row>
    <row r="597574" spans="8:8">
      <c r="H597574" s="12"/>
    </row>
    <row r="597575" spans="8:8">
      <c r="H597575" s="12"/>
    </row>
    <row r="597576" spans="8:8">
      <c r="H597576" s="12"/>
    </row>
    <row r="597577" spans="8:8">
      <c r="H597577" s="12"/>
    </row>
    <row r="597578" spans="8:8">
      <c r="H597578" s="12"/>
    </row>
    <row r="597579" spans="8:8">
      <c r="H597579" s="12"/>
    </row>
    <row r="597580" spans="8:8">
      <c r="H597580" s="12"/>
    </row>
    <row r="597581" spans="8:8">
      <c r="H597581" s="12"/>
    </row>
    <row r="597582" spans="8:8">
      <c r="H597582" s="12"/>
    </row>
    <row r="597583" spans="8:8">
      <c r="H597583" s="12"/>
    </row>
    <row r="597584" spans="8:8">
      <c r="H597584" s="12"/>
    </row>
    <row r="597585" spans="8:8">
      <c r="H597585" s="12"/>
    </row>
    <row r="597586" spans="8:8">
      <c r="H597586" s="12"/>
    </row>
    <row r="597587" spans="8:8">
      <c r="H597587" s="12"/>
    </row>
    <row r="597588" spans="8:8">
      <c r="H597588" s="12"/>
    </row>
    <row r="597589" spans="8:8">
      <c r="H597589" s="12"/>
    </row>
    <row r="597590" spans="8:8">
      <c r="H597590" s="12"/>
    </row>
    <row r="597591" spans="8:8">
      <c r="H597591" s="12"/>
    </row>
    <row r="597592" spans="8:8">
      <c r="H597592" s="12"/>
    </row>
    <row r="597593" spans="8:8">
      <c r="H597593" s="12"/>
    </row>
    <row r="597594" spans="8:8">
      <c r="H597594" s="12"/>
    </row>
    <row r="597595" spans="8:8">
      <c r="H597595" s="12"/>
    </row>
    <row r="597596" spans="8:8">
      <c r="H597596" s="12"/>
    </row>
    <row r="597597" spans="8:8">
      <c r="H597597" s="12"/>
    </row>
    <row r="597598" spans="8:8">
      <c r="H597598" s="12"/>
    </row>
    <row r="597599" spans="8:8">
      <c r="H597599" s="12"/>
    </row>
    <row r="597600" spans="8:8">
      <c r="H597600" s="12"/>
    </row>
    <row r="597601" spans="8:8">
      <c r="H597601" s="12"/>
    </row>
    <row r="597602" spans="8:8">
      <c r="H597602" s="12"/>
    </row>
    <row r="597603" spans="8:8">
      <c r="H597603" s="12"/>
    </row>
    <row r="597604" spans="8:8">
      <c r="H597604" s="12"/>
    </row>
    <row r="597605" spans="8:8">
      <c r="H597605" s="12"/>
    </row>
    <row r="597606" spans="8:8">
      <c r="H597606" s="12"/>
    </row>
    <row r="597607" spans="8:8">
      <c r="H597607" s="12"/>
    </row>
    <row r="597608" spans="8:8">
      <c r="H597608" s="12"/>
    </row>
    <row r="597609" spans="8:8">
      <c r="H597609" s="12"/>
    </row>
    <row r="597610" spans="8:8">
      <c r="H597610" s="12"/>
    </row>
    <row r="597611" spans="8:8">
      <c r="H597611" s="12"/>
    </row>
    <row r="597612" spans="8:8">
      <c r="H597612" s="12"/>
    </row>
    <row r="597613" spans="8:8">
      <c r="H597613" s="12"/>
    </row>
    <row r="597614" spans="8:8">
      <c r="H597614" s="12"/>
    </row>
    <row r="597615" spans="8:8">
      <c r="H597615" s="12"/>
    </row>
    <row r="597616" spans="8:8">
      <c r="H597616" s="12"/>
    </row>
    <row r="597617" spans="8:8">
      <c r="H597617" s="12"/>
    </row>
    <row r="597618" spans="8:8">
      <c r="H597618" s="12"/>
    </row>
    <row r="597619" spans="8:8">
      <c r="H597619" s="12"/>
    </row>
    <row r="597620" spans="8:8">
      <c r="H597620" s="12"/>
    </row>
    <row r="597621" spans="8:8">
      <c r="H597621" s="12"/>
    </row>
    <row r="597622" spans="8:8">
      <c r="H597622" s="12"/>
    </row>
    <row r="597623" spans="8:8">
      <c r="H597623" s="12"/>
    </row>
    <row r="597624" spans="8:8">
      <c r="H597624" s="12"/>
    </row>
    <row r="597625" spans="8:8">
      <c r="H597625" s="12"/>
    </row>
    <row r="597626" spans="8:8">
      <c r="H597626" s="12"/>
    </row>
    <row r="597627" spans="8:8">
      <c r="H597627" s="12"/>
    </row>
    <row r="597628" spans="8:8">
      <c r="H597628" s="12"/>
    </row>
    <row r="597629" spans="8:8">
      <c r="H597629" s="12"/>
    </row>
    <row r="597630" spans="8:8">
      <c r="H597630" s="12"/>
    </row>
    <row r="597631" spans="8:8">
      <c r="H597631" s="12"/>
    </row>
    <row r="597632" spans="8:8">
      <c r="H597632" s="12"/>
    </row>
    <row r="597633" spans="8:8">
      <c r="H597633" s="12"/>
    </row>
    <row r="597634" spans="8:8">
      <c r="H597634" s="12"/>
    </row>
    <row r="597635" spans="8:8">
      <c r="H597635" s="12"/>
    </row>
    <row r="597636" spans="8:8">
      <c r="H597636" s="12"/>
    </row>
    <row r="597637" spans="8:8">
      <c r="H597637" s="12"/>
    </row>
    <row r="597638" spans="8:8">
      <c r="H597638" s="12"/>
    </row>
    <row r="597639" spans="8:8">
      <c r="H597639" s="12"/>
    </row>
    <row r="597640" spans="8:8">
      <c r="H597640" s="12"/>
    </row>
    <row r="597641" spans="8:8">
      <c r="H597641" s="12"/>
    </row>
    <row r="597642" spans="8:8">
      <c r="H597642" s="12"/>
    </row>
    <row r="597643" spans="8:8">
      <c r="H597643" s="12"/>
    </row>
    <row r="597644" spans="8:8">
      <c r="H597644" s="12"/>
    </row>
    <row r="597645" spans="8:8">
      <c r="H597645" s="12"/>
    </row>
    <row r="597646" spans="8:8">
      <c r="H597646" s="12"/>
    </row>
    <row r="597647" spans="8:8">
      <c r="H597647" s="12"/>
    </row>
    <row r="597648" spans="8:8">
      <c r="H597648" s="12"/>
    </row>
    <row r="597649" spans="8:8">
      <c r="H597649" s="12"/>
    </row>
    <row r="597650" spans="8:8">
      <c r="H597650" s="12"/>
    </row>
    <row r="597651" spans="8:8">
      <c r="H597651" s="12"/>
    </row>
    <row r="597652" spans="8:8">
      <c r="H597652" s="12"/>
    </row>
    <row r="597653" spans="8:8">
      <c r="H597653" s="12"/>
    </row>
    <row r="597654" spans="8:8">
      <c r="H597654" s="12"/>
    </row>
    <row r="597655" spans="8:8">
      <c r="H597655" s="12"/>
    </row>
    <row r="597656" spans="8:8">
      <c r="H597656" s="12"/>
    </row>
    <row r="597657" spans="8:8">
      <c r="H597657" s="12"/>
    </row>
    <row r="597658" spans="8:8">
      <c r="H597658" s="12"/>
    </row>
    <row r="597659" spans="8:8">
      <c r="H597659" s="12"/>
    </row>
    <row r="597660" spans="8:8">
      <c r="H597660" s="12"/>
    </row>
    <row r="597661" spans="8:8">
      <c r="H597661" s="12"/>
    </row>
    <row r="597662" spans="8:8">
      <c r="H597662" s="12"/>
    </row>
    <row r="597663" spans="8:8">
      <c r="H597663" s="12"/>
    </row>
    <row r="597664" spans="8:8">
      <c r="H597664" s="12"/>
    </row>
    <row r="597665" spans="8:8">
      <c r="H597665" s="12"/>
    </row>
    <row r="597666" spans="8:8">
      <c r="H597666" s="12"/>
    </row>
    <row r="597667" spans="8:8">
      <c r="H597667" s="12"/>
    </row>
    <row r="597668" spans="8:8">
      <c r="H597668" s="12"/>
    </row>
    <row r="597669" spans="8:8">
      <c r="H597669" s="12"/>
    </row>
    <row r="597670" spans="8:8">
      <c r="H597670" s="12"/>
    </row>
    <row r="597671" spans="8:8">
      <c r="H597671" s="12"/>
    </row>
    <row r="597672" spans="8:8">
      <c r="H597672" s="12"/>
    </row>
    <row r="597673" spans="8:8">
      <c r="H597673" s="12"/>
    </row>
    <row r="597674" spans="8:8">
      <c r="H597674" s="12"/>
    </row>
    <row r="597675" spans="8:8">
      <c r="H597675" s="12"/>
    </row>
    <row r="597676" spans="8:8">
      <c r="H597676" s="12"/>
    </row>
    <row r="597677" spans="8:8">
      <c r="H597677" s="12"/>
    </row>
    <row r="597678" spans="8:8">
      <c r="H597678" s="12"/>
    </row>
    <row r="597679" spans="8:8">
      <c r="H597679" s="12"/>
    </row>
    <row r="597680" spans="8:8">
      <c r="H597680" s="12"/>
    </row>
    <row r="597681" spans="8:8">
      <c r="H597681" s="12"/>
    </row>
    <row r="597682" spans="8:8">
      <c r="H597682" s="12"/>
    </row>
    <row r="597683" spans="8:8">
      <c r="H597683" s="12"/>
    </row>
    <row r="597684" spans="8:8">
      <c r="H597684" s="12"/>
    </row>
    <row r="597685" spans="8:8">
      <c r="H597685" s="12"/>
    </row>
    <row r="597686" spans="8:8">
      <c r="H597686" s="12"/>
    </row>
    <row r="597687" spans="8:8">
      <c r="H597687" s="12"/>
    </row>
    <row r="597688" spans="8:8">
      <c r="H597688" s="12"/>
    </row>
    <row r="597689" spans="8:8">
      <c r="H597689" s="12"/>
    </row>
    <row r="597690" spans="8:8">
      <c r="H597690" s="12"/>
    </row>
    <row r="597691" spans="8:8">
      <c r="H597691" s="12"/>
    </row>
    <row r="597692" spans="8:8">
      <c r="H597692" s="12"/>
    </row>
    <row r="597693" spans="8:8">
      <c r="H597693" s="12"/>
    </row>
    <row r="597694" spans="8:8">
      <c r="H597694" s="12"/>
    </row>
    <row r="597695" spans="8:8">
      <c r="H597695" s="12"/>
    </row>
    <row r="597696" spans="8:8">
      <c r="H597696" s="12"/>
    </row>
    <row r="597697" spans="8:8">
      <c r="H597697" s="12"/>
    </row>
    <row r="597698" spans="8:8">
      <c r="H597698" s="12"/>
    </row>
    <row r="597699" spans="8:8">
      <c r="H597699" s="12"/>
    </row>
    <row r="597700" spans="8:8">
      <c r="H597700" s="12"/>
    </row>
    <row r="597701" spans="8:8">
      <c r="H597701" s="12"/>
    </row>
    <row r="597702" spans="8:8">
      <c r="H597702" s="12"/>
    </row>
    <row r="597703" spans="8:8">
      <c r="H597703" s="12"/>
    </row>
    <row r="597704" spans="8:8">
      <c r="H597704" s="12"/>
    </row>
    <row r="597705" spans="8:8">
      <c r="H597705" s="12"/>
    </row>
    <row r="597706" spans="8:8">
      <c r="H597706" s="12"/>
    </row>
    <row r="597707" spans="8:8">
      <c r="H597707" s="12"/>
    </row>
    <row r="597708" spans="8:8">
      <c r="H597708" s="12"/>
    </row>
    <row r="597709" spans="8:8">
      <c r="H597709" s="12"/>
    </row>
    <row r="597710" spans="8:8">
      <c r="H597710" s="12"/>
    </row>
    <row r="597711" spans="8:8">
      <c r="H597711" s="12"/>
    </row>
    <row r="597712" spans="8:8">
      <c r="H597712" s="12"/>
    </row>
    <row r="597713" spans="8:8">
      <c r="H597713" s="12"/>
    </row>
    <row r="597714" spans="8:8">
      <c r="H597714" s="12"/>
    </row>
    <row r="597715" spans="8:8">
      <c r="H597715" s="12"/>
    </row>
    <row r="597716" spans="8:8">
      <c r="H597716" s="12"/>
    </row>
    <row r="597717" spans="8:8">
      <c r="H597717" s="12"/>
    </row>
    <row r="597718" spans="8:8">
      <c r="H597718" s="12"/>
    </row>
    <row r="597719" spans="8:8">
      <c r="H597719" s="12"/>
    </row>
    <row r="597720" spans="8:8">
      <c r="H597720" s="12"/>
    </row>
    <row r="597721" spans="8:8">
      <c r="H597721" s="12"/>
    </row>
    <row r="597722" spans="8:8">
      <c r="H597722" s="12"/>
    </row>
    <row r="597723" spans="8:8">
      <c r="H597723" s="12"/>
    </row>
    <row r="597724" spans="8:8">
      <c r="H597724" s="12"/>
    </row>
    <row r="597725" spans="8:8">
      <c r="H597725" s="12"/>
    </row>
    <row r="597726" spans="8:8">
      <c r="H597726" s="12"/>
    </row>
    <row r="597727" spans="8:8">
      <c r="H597727" s="12"/>
    </row>
    <row r="597728" spans="8:8">
      <c r="H597728" s="12"/>
    </row>
    <row r="597729" spans="8:8">
      <c r="H597729" s="12"/>
    </row>
    <row r="597730" spans="8:8">
      <c r="H597730" s="12"/>
    </row>
    <row r="597731" spans="8:8">
      <c r="H597731" s="12"/>
    </row>
    <row r="597732" spans="8:8">
      <c r="H597732" s="12"/>
    </row>
    <row r="597733" spans="8:8">
      <c r="H597733" s="12"/>
    </row>
    <row r="597734" spans="8:8">
      <c r="H597734" s="12"/>
    </row>
    <row r="597735" spans="8:8">
      <c r="H597735" s="12"/>
    </row>
    <row r="597736" spans="8:8">
      <c r="H597736" s="12"/>
    </row>
    <row r="597737" spans="8:8">
      <c r="H597737" s="12"/>
    </row>
    <row r="597738" spans="8:8">
      <c r="H597738" s="12"/>
    </row>
    <row r="597739" spans="8:8">
      <c r="H597739" s="12"/>
    </row>
    <row r="597740" spans="8:8">
      <c r="H597740" s="12"/>
    </row>
    <row r="597741" spans="8:8">
      <c r="H597741" s="12"/>
    </row>
    <row r="597742" spans="8:8">
      <c r="H597742" s="12"/>
    </row>
    <row r="597743" spans="8:8">
      <c r="H597743" s="12"/>
    </row>
    <row r="597744" spans="8:8">
      <c r="H597744" s="12"/>
    </row>
    <row r="597745" spans="8:8">
      <c r="H597745" s="12"/>
    </row>
    <row r="597746" spans="8:8">
      <c r="H597746" s="12"/>
    </row>
    <row r="597747" spans="8:8">
      <c r="H597747" s="12"/>
    </row>
    <row r="597748" spans="8:8">
      <c r="H597748" s="12"/>
    </row>
    <row r="597749" spans="8:8">
      <c r="H597749" s="12"/>
    </row>
    <row r="597750" spans="8:8">
      <c r="H597750" s="12"/>
    </row>
    <row r="597751" spans="8:8">
      <c r="H597751" s="12"/>
    </row>
    <row r="597752" spans="8:8">
      <c r="H597752" s="12"/>
    </row>
    <row r="597753" spans="8:8">
      <c r="H597753" s="12"/>
    </row>
    <row r="597754" spans="8:8">
      <c r="H597754" s="12"/>
    </row>
    <row r="597755" spans="8:8">
      <c r="H597755" s="12"/>
    </row>
    <row r="597756" spans="8:8">
      <c r="H597756" s="12"/>
    </row>
    <row r="597757" spans="8:8">
      <c r="H597757" s="12"/>
    </row>
    <row r="597758" spans="8:8">
      <c r="H597758" s="12"/>
    </row>
    <row r="597759" spans="8:8">
      <c r="H597759" s="12"/>
    </row>
    <row r="597760" spans="8:8">
      <c r="H597760" s="12"/>
    </row>
    <row r="597761" spans="8:8">
      <c r="H597761" s="12"/>
    </row>
    <row r="597762" spans="8:8">
      <c r="H597762" s="12"/>
    </row>
    <row r="597763" spans="8:8">
      <c r="H597763" s="12"/>
    </row>
    <row r="597764" spans="8:8">
      <c r="H597764" s="12"/>
    </row>
    <row r="597765" spans="8:8">
      <c r="H597765" s="12"/>
    </row>
    <row r="597766" spans="8:8">
      <c r="H597766" s="12"/>
    </row>
    <row r="597767" spans="8:8">
      <c r="H597767" s="12"/>
    </row>
    <row r="597768" spans="8:8">
      <c r="H597768" s="12"/>
    </row>
    <row r="597769" spans="8:8">
      <c r="H597769" s="12"/>
    </row>
    <row r="597770" spans="8:8">
      <c r="H597770" s="12"/>
    </row>
    <row r="597771" spans="8:8">
      <c r="H597771" s="12"/>
    </row>
    <row r="597772" spans="8:8">
      <c r="H597772" s="12"/>
    </row>
    <row r="597773" spans="8:8">
      <c r="H597773" s="12"/>
    </row>
    <row r="597774" spans="8:8">
      <c r="H597774" s="12"/>
    </row>
    <row r="597775" spans="8:8">
      <c r="H597775" s="12"/>
    </row>
    <row r="597776" spans="8:8">
      <c r="H597776" s="12"/>
    </row>
    <row r="597777" spans="8:8">
      <c r="H597777" s="12"/>
    </row>
    <row r="597778" spans="8:8">
      <c r="H597778" s="12"/>
    </row>
    <row r="597779" spans="8:8">
      <c r="H597779" s="12"/>
    </row>
    <row r="597780" spans="8:8">
      <c r="H597780" s="12"/>
    </row>
    <row r="597781" spans="8:8">
      <c r="H597781" s="12"/>
    </row>
    <row r="597782" spans="8:8">
      <c r="H597782" s="12"/>
    </row>
    <row r="597783" spans="8:8">
      <c r="H597783" s="12"/>
    </row>
    <row r="597784" spans="8:8">
      <c r="H597784" s="12"/>
    </row>
    <row r="597785" spans="8:8">
      <c r="H597785" s="12"/>
    </row>
    <row r="597786" spans="8:8">
      <c r="H597786" s="12"/>
    </row>
    <row r="597787" spans="8:8">
      <c r="H597787" s="12"/>
    </row>
    <row r="597788" spans="8:8">
      <c r="H597788" s="12"/>
    </row>
    <row r="597789" spans="8:8">
      <c r="H597789" s="12"/>
    </row>
    <row r="597790" spans="8:8">
      <c r="H597790" s="12"/>
    </row>
    <row r="597791" spans="8:8">
      <c r="H597791" s="12"/>
    </row>
    <row r="597792" spans="8:8">
      <c r="H597792" s="12"/>
    </row>
    <row r="597793" spans="8:8">
      <c r="H597793" s="12"/>
    </row>
    <row r="597794" spans="8:8">
      <c r="H597794" s="12"/>
    </row>
    <row r="597795" spans="8:8">
      <c r="H597795" s="12"/>
    </row>
    <row r="597796" spans="8:8">
      <c r="H597796" s="12"/>
    </row>
    <row r="597797" spans="8:8">
      <c r="H597797" s="12"/>
    </row>
    <row r="597798" spans="8:8">
      <c r="H597798" s="12"/>
    </row>
    <row r="597799" spans="8:8">
      <c r="H597799" s="12"/>
    </row>
    <row r="597800" spans="8:8">
      <c r="H597800" s="12"/>
    </row>
    <row r="597801" spans="8:8">
      <c r="H597801" s="12"/>
    </row>
    <row r="597802" spans="8:8">
      <c r="H597802" s="12"/>
    </row>
    <row r="597803" spans="8:8">
      <c r="H597803" s="12"/>
    </row>
    <row r="597804" spans="8:8">
      <c r="H597804" s="12"/>
    </row>
    <row r="597805" spans="8:8">
      <c r="H597805" s="12"/>
    </row>
    <row r="597806" spans="8:8">
      <c r="H597806" s="12"/>
    </row>
    <row r="597807" spans="8:8">
      <c r="H597807" s="12"/>
    </row>
    <row r="597808" spans="8:8">
      <c r="H597808" s="12"/>
    </row>
    <row r="597809" spans="8:8">
      <c r="H597809" s="12"/>
    </row>
    <row r="597810" spans="8:8">
      <c r="H597810" s="12"/>
    </row>
    <row r="597811" spans="8:8">
      <c r="H597811" s="12"/>
    </row>
    <row r="597812" spans="8:8">
      <c r="H597812" s="12"/>
    </row>
    <row r="597813" spans="8:8">
      <c r="H597813" s="12"/>
    </row>
    <row r="597814" spans="8:8">
      <c r="H597814" s="12"/>
    </row>
    <row r="597815" spans="8:8">
      <c r="H597815" s="12"/>
    </row>
    <row r="597816" spans="8:8">
      <c r="H597816" s="12"/>
    </row>
    <row r="597817" spans="8:8">
      <c r="H597817" s="12"/>
    </row>
    <row r="597818" spans="8:8">
      <c r="H597818" s="12"/>
    </row>
    <row r="597819" spans="8:8">
      <c r="H597819" s="12"/>
    </row>
    <row r="597820" spans="8:8">
      <c r="H597820" s="12"/>
    </row>
    <row r="597821" spans="8:8">
      <c r="H597821" s="12"/>
    </row>
    <row r="597822" spans="8:8">
      <c r="H597822" s="12"/>
    </row>
    <row r="597823" spans="8:8">
      <c r="H597823" s="12"/>
    </row>
    <row r="597824" spans="8:8">
      <c r="H597824" s="12"/>
    </row>
    <row r="597825" spans="8:8">
      <c r="H597825" s="12"/>
    </row>
    <row r="597826" spans="8:8">
      <c r="H597826" s="12"/>
    </row>
    <row r="597827" spans="8:8">
      <c r="H597827" s="12"/>
    </row>
    <row r="597828" spans="8:8">
      <c r="H597828" s="12"/>
    </row>
    <row r="597829" spans="8:8">
      <c r="H597829" s="12"/>
    </row>
    <row r="597830" spans="8:8">
      <c r="H597830" s="12"/>
    </row>
    <row r="597831" spans="8:8">
      <c r="H597831" s="12"/>
    </row>
    <row r="597832" spans="8:8">
      <c r="H597832" s="12"/>
    </row>
    <row r="597833" spans="8:8">
      <c r="H597833" s="12"/>
    </row>
    <row r="597834" spans="8:8">
      <c r="H597834" s="12"/>
    </row>
    <row r="597835" spans="8:8">
      <c r="H597835" s="12"/>
    </row>
    <row r="597836" spans="8:8">
      <c r="H597836" s="12"/>
    </row>
    <row r="597837" spans="8:8">
      <c r="H597837" s="12"/>
    </row>
    <row r="597838" spans="8:8">
      <c r="H597838" s="12"/>
    </row>
    <row r="597839" spans="8:8">
      <c r="H597839" s="12"/>
    </row>
    <row r="597840" spans="8:8">
      <c r="H597840" s="12"/>
    </row>
    <row r="597841" spans="8:8">
      <c r="H597841" s="12"/>
    </row>
    <row r="597842" spans="8:8">
      <c r="H597842" s="12"/>
    </row>
    <row r="597843" spans="8:8">
      <c r="H597843" s="12"/>
    </row>
    <row r="597844" spans="8:8">
      <c r="H597844" s="12"/>
    </row>
    <row r="597845" spans="8:8">
      <c r="H597845" s="12"/>
    </row>
    <row r="597846" spans="8:8">
      <c r="H597846" s="12"/>
    </row>
    <row r="597847" spans="8:8">
      <c r="H597847" s="12"/>
    </row>
    <row r="597848" spans="8:8">
      <c r="H597848" s="12"/>
    </row>
    <row r="597849" spans="8:8">
      <c r="H597849" s="12"/>
    </row>
    <row r="597850" spans="8:8">
      <c r="H597850" s="12"/>
    </row>
    <row r="597851" spans="8:8">
      <c r="H597851" s="12"/>
    </row>
    <row r="597852" spans="8:8">
      <c r="H597852" s="12"/>
    </row>
    <row r="597853" spans="8:8">
      <c r="H597853" s="12"/>
    </row>
    <row r="597854" spans="8:8">
      <c r="H597854" s="12"/>
    </row>
    <row r="597855" spans="8:8">
      <c r="H597855" s="12"/>
    </row>
    <row r="597856" spans="8:8">
      <c r="H597856" s="12"/>
    </row>
    <row r="597857" spans="8:8">
      <c r="H597857" s="12"/>
    </row>
    <row r="597858" spans="8:8">
      <c r="H597858" s="12"/>
    </row>
    <row r="597859" spans="8:8">
      <c r="H597859" s="12"/>
    </row>
    <row r="597860" spans="8:8">
      <c r="H597860" s="12"/>
    </row>
    <row r="597861" spans="8:8">
      <c r="H597861" s="12"/>
    </row>
    <row r="597862" spans="8:8">
      <c r="H597862" s="12"/>
    </row>
    <row r="597863" spans="8:8">
      <c r="H597863" s="12"/>
    </row>
    <row r="597864" spans="8:8">
      <c r="H597864" s="12"/>
    </row>
    <row r="597865" spans="8:8">
      <c r="H597865" s="12"/>
    </row>
    <row r="597866" spans="8:8">
      <c r="H597866" s="12"/>
    </row>
    <row r="597867" spans="8:8">
      <c r="H597867" s="12"/>
    </row>
    <row r="597868" spans="8:8">
      <c r="H597868" s="12"/>
    </row>
    <row r="597869" spans="8:8">
      <c r="H597869" s="12"/>
    </row>
    <row r="597870" spans="8:8">
      <c r="H597870" s="12"/>
    </row>
    <row r="597871" spans="8:8">
      <c r="H597871" s="12"/>
    </row>
    <row r="597872" spans="8:8">
      <c r="H597872" s="12"/>
    </row>
    <row r="597873" spans="8:8">
      <c r="H597873" s="12"/>
    </row>
    <row r="597874" spans="8:8">
      <c r="H597874" s="12"/>
    </row>
    <row r="597875" spans="8:8">
      <c r="H597875" s="12"/>
    </row>
    <row r="597876" spans="8:8">
      <c r="H597876" s="12"/>
    </row>
    <row r="597877" spans="8:8">
      <c r="H597877" s="12"/>
    </row>
    <row r="597878" spans="8:8">
      <c r="H597878" s="12"/>
    </row>
    <row r="597879" spans="8:8">
      <c r="H597879" s="12"/>
    </row>
    <row r="597880" spans="8:8">
      <c r="H597880" s="12"/>
    </row>
    <row r="597881" spans="8:8">
      <c r="H597881" s="12"/>
    </row>
    <row r="597882" spans="8:8">
      <c r="H597882" s="12"/>
    </row>
    <row r="597883" spans="8:8">
      <c r="H597883" s="12"/>
    </row>
    <row r="597884" spans="8:8">
      <c r="H597884" s="12"/>
    </row>
    <row r="597885" spans="8:8">
      <c r="H597885" s="12"/>
    </row>
    <row r="597886" spans="8:8">
      <c r="H597886" s="12"/>
    </row>
    <row r="597887" spans="8:8">
      <c r="H597887" s="12"/>
    </row>
    <row r="597888" spans="8:8">
      <c r="H597888" s="12"/>
    </row>
    <row r="597889" spans="8:8">
      <c r="H597889" s="12"/>
    </row>
    <row r="597890" spans="8:8">
      <c r="H597890" s="12"/>
    </row>
    <row r="597891" spans="8:8">
      <c r="H597891" s="12"/>
    </row>
    <row r="597892" spans="8:8">
      <c r="H597892" s="12"/>
    </row>
    <row r="597893" spans="8:8">
      <c r="H597893" s="12"/>
    </row>
    <row r="597894" spans="8:8">
      <c r="H597894" s="12"/>
    </row>
    <row r="597895" spans="8:8">
      <c r="H597895" s="12"/>
    </row>
    <row r="597896" spans="8:8">
      <c r="H597896" s="12"/>
    </row>
    <row r="597897" spans="8:8">
      <c r="H597897" s="12"/>
    </row>
    <row r="597898" spans="8:8">
      <c r="H597898" s="12"/>
    </row>
    <row r="597899" spans="8:8">
      <c r="H597899" s="12"/>
    </row>
    <row r="597900" spans="8:8">
      <c r="H597900" s="12"/>
    </row>
    <row r="597901" spans="8:8">
      <c r="H597901" s="12"/>
    </row>
    <row r="597902" spans="8:8">
      <c r="H597902" s="12"/>
    </row>
    <row r="597903" spans="8:8">
      <c r="H597903" s="12"/>
    </row>
    <row r="597904" spans="8:8">
      <c r="H597904" s="12"/>
    </row>
    <row r="597905" spans="8:8">
      <c r="H597905" s="12"/>
    </row>
    <row r="597906" spans="8:8">
      <c r="H597906" s="12"/>
    </row>
    <row r="597907" spans="8:8">
      <c r="H597907" s="12"/>
    </row>
    <row r="597908" spans="8:8">
      <c r="H597908" s="12"/>
    </row>
    <row r="597909" spans="8:8">
      <c r="H597909" s="12"/>
    </row>
    <row r="597910" spans="8:8">
      <c r="H597910" s="12"/>
    </row>
    <row r="597911" spans="8:8">
      <c r="H597911" s="12"/>
    </row>
    <row r="597912" spans="8:8">
      <c r="H597912" s="12"/>
    </row>
    <row r="597913" spans="8:8">
      <c r="H597913" s="12"/>
    </row>
    <row r="597914" spans="8:8">
      <c r="H597914" s="12"/>
    </row>
    <row r="597915" spans="8:8">
      <c r="H597915" s="12"/>
    </row>
    <row r="597916" spans="8:8">
      <c r="H597916" s="12"/>
    </row>
    <row r="597917" spans="8:8">
      <c r="H597917" s="12"/>
    </row>
    <row r="597918" spans="8:8">
      <c r="H597918" s="12"/>
    </row>
    <row r="597919" spans="8:8">
      <c r="H597919" s="12"/>
    </row>
    <row r="597920" spans="8:8">
      <c r="H597920" s="12"/>
    </row>
    <row r="597921" spans="8:8">
      <c r="H597921" s="12"/>
    </row>
    <row r="597922" spans="8:8">
      <c r="H597922" s="12"/>
    </row>
    <row r="597923" spans="8:8">
      <c r="H597923" s="12"/>
    </row>
    <row r="597924" spans="8:8">
      <c r="H597924" s="12"/>
    </row>
    <row r="597925" spans="8:8">
      <c r="H597925" s="12"/>
    </row>
    <row r="597926" spans="8:8">
      <c r="H597926" s="12"/>
    </row>
    <row r="597927" spans="8:8">
      <c r="H597927" s="12"/>
    </row>
    <row r="597928" spans="8:8">
      <c r="H597928" s="12"/>
    </row>
    <row r="597929" spans="8:8">
      <c r="H597929" s="12"/>
    </row>
    <row r="597930" spans="8:8">
      <c r="H597930" s="12"/>
    </row>
    <row r="597931" spans="8:8">
      <c r="H597931" s="12"/>
    </row>
    <row r="597932" spans="8:8">
      <c r="H597932" s="12"/>
    </row>
    <row r="597933" spans="8:8">
      <c r="H597933" s="12"/>
    </row>
    <row r="597934" spans="8:8">
      <c r="H597934" s="12"/>
    </row>
    <row r="597935" spans="8:8">
      <c r="H597935" s="12"/>
    </row>
    <row r="597936" spans="8:8">
      <c r="H597936" s="12"/>
    </row>
    <row r="597937" spans="8:8">
      <c r="H597937" s="12"/>
    </row>
    <row r="597938" spans="8:8">
      <c r="H597938" s="12"/>
    </row>
    <row r="597939" spans="8:8">
      <c r="H597939" s="12"/>
    </row>
    <row r="597940" spans="8:8">
      <c r="H597940" s="12"/>
    </row>
    <row r="597941" spans="8:8">
      <c r="H597941" s="12"/>
    </row>
    <row r="597942" spans="8:8">
      <c r="H597942" s="12"/>
    </row>
    <row r="597943" spans="8:8">
      <c r="H597943" s="12"/>
    </row>
    <row r="597944" spans="8:8">
      <c r="H597944" s="12"/>
    </row>
    <row r="597945" spans="8:8">
      <c r="H597945" s="12"/>
    </row>
    <row r="597946" spans="8:8">
      <c r="H597946" s="12"/>
    </row>
    <row r="597947" spans="8:8">
      <c r="H597947" s="12"/>
    </row>
    <row r="597948" spans="8:8">
      <c r="H597948" s="12"/>
    </row>
    <row r="597949" spans="8:8">
      <c r="H597949" s="12"/>
    </row>
    <row r="597950" spans="8:8">
      <c r="H597950" s="12"/>
    </row>
    <row r="597951" spans="8:8">
      <c r="H597951" s="12"/>
    </row>
    <row r="597952" spans="8:8">
      <c r="H597952" s="12"/>
    </row>
    <row r="597953" spans="8:8">
      <c r="H597953" s="12"/>
    </row>
    <row r="597954" spans="8:8">
      <c r="H597954" s="12"/>
    </row>
    <row r="597955" spans="8:8">
      <c r="H597955" s="12"/>
    </row>
    <row r="597956" spans="8:8">
      <c r="H597956" s="12"/>
    </row>
    <row r="597957" spans="8:8">
      <c r="H597957" s="12"/>
    </row>
    <row r="597958" spans="8:8">
      <c r="H597958" s="12"/>
    </row>
    <row r="597959" spans="8:8">
      <c r="H597959" s="12"/>
    </row>
    <row r="597960" spans="8:8">
      <c r="H597960" s="12"/>
    </row>
    <row r="597961" spans="8:8">
      <c r="H597961" s="12"/>
    </row>
    <row r="597962" spans="8:8">
      <c r="H597962" s="12"/>
    </row>
    <row r="597963" spans="8:8">
      <c r="H597963" s="12"/>
    </row>
    <row r="597964" spans="8:8">
      <c r="H597964" s="12"/>
    </row>
    <row r="597965" spans="8:8">
      <c r="H597965" s="12"/>
    </row>
    <row r="597966" spans="8:8">
      <c r="H597966" s="12"/>
    </row>
    <row r="597967" spans="8:8">
      <c r="H597967" s="12"/>
    </row>
    <row r="597968" spans="8:8">
      <c r="H597968" s="12"/>
    </row>
    <row r="597969" spans="8:8">
      <c r="H597969" s="12"/>
    </row>
    <row r="597970" spans="8:8">
      <c r="H597970" s="12"/>
    </row>
    <row r="597971" spans="8:8">
      <c r="H597971" s="12"/>
    </row>
    <row r="597972" spans="8:8">
      <c r="H597972" s="12"/>
    </row>
    <row r="597973" spans="8:8">
      <c r="H597973" s="12"/>
    </row>
    <row r="597974" spans="8:8">
      <c r="H597974" s="12"/>
    </row>
    <row r="597975" spans="8:8">
      <c r="H597975" s="12"/>
    </row>
    <row r="597976" spans="8:8">
      <c r="H597976" s="12"/>
    </row>
    <row r="597977" spans="8:8">
      <c r="H597977" s="12"/>
    </row>
    <row r="597978" spans="8:8">
      <c r="H597978" s="12"/>
    </row>
    <row r="597979" spans="8:8">
      <c r="H597979" s="12"/>
    </row>
    <row r="597980" spans="8:8">
      <c r="H597980" s="12"/>
    </row>
    <row r="597981" spans="8:8">
      <c r="H597981" s="12"/>
    </row>
    <row r="597982" spans="8:8">
      <c r="H597982" s="12"/>
    </row>
    <row r="597983" spans="8:8">
      <c r="H597983" s="12"/>
    </row>
    <row r="597984" spans="8:8">
      <c r="H597984" s="12"/>
    </row>
    <row r="597985" spans="8:8">
      <c r="H597985" s="12"/>
    </row>
    <row r="597986" spans="8:8">
      <c r="H597986" s="12"/>
    </row>
    <row r="597987" spans="8:8">
      <c r="H597987" s="12"/>
    </row>
    <row r="597988" spans="8:8">
      <c r="H597988" s="12"/>
    </row>
    <row r="597989" spans="8:8">
      <c r="H597989" s="12"/>
    </row>
    <row r="597990" spans="8:8">
      <c r="H597990" s="12"/>
    </row>
    <row r="597991" spans="8:8">
      <c r="H597991" s="12"/>
    </row>
    <row r="597992" spans="8:8">
      <c r="H597992" s="12"/>
    </row>
    <row r="597993" spans="8:8">
      <c r="H597993" s="12"/>
    </row>
    <row r="597994" spans="8:8">
      <c r="H597994" s="12"/>
    </row>
    <row r="597995" spans="8:8">
      <c r="H597995" s="12"/>
    </row>
    <row r="597996" spans="8:8">
      <c r="H597996" s="12"/>
    </row>
    <row r="597997" spans="8:8">
      <c r="H597997" s="12"/>
    </row>
    <row r="597998" spans="8:8">
      <c r="H597998" s="12"/>
    </row>
    <row r="597999" spans="8:8">
      <c r="H597999" s="12"/>
    </row>
    <row r="598000" spans="8:8">
      <c r="H598000" s="12"/>
    </row>
    <row r="598001" spans="8:8">
      <c r="H598001" s="12"/>
    </row>
    <row r="598002" spans="8:8">
      <c r="H598002" s="12"/>
    </row>
    <row r="598003" spans="8:8">
      <c r="H598003" s="12"/>
    </row>
    <row r="598004" spans="8:8">
      <c r="H598004" s="12"/>
    </row>
    <row r="598005" spans="8:8">
      <c r="H598005" s="12"/>
    </row>
    <row r="598006" spans="8:8">
      <c r="H598006" s="12"/>
    </row>
    <row r="598007" spans="8:8">
      <c r="H598007" s="12"/>
    </row>
    <row r="598008" spans="8:8">
      <c r="H598008" s="12"/>
    </row>
    <row r="598009" spans="8:8">
      <c r="H598009" s="12"/>
    </row>
    <row r="598010" spans="8:8">
      <c r="H598010" s="12"/>
    </row>
    <row r="598011" spans="8:8">
      <c r="H598011" s="12"/>
    </row>
    <row r="598012" spans="8:8">
      <c r="H598012" s="12"/>
    </row>
    <row r="598013" spans="8:8">
      <c r="H598013" s="12"/>
    </row>
    <row r="598014" spans="8:8">
      <c r="H598014" s="12"/>
    </row>
    <row r="598015" spans="8:8">
      <c r="H598015" s="12"/>
    </row>
    <row r="598016" spans="8:8">
      <c r="H598016" s="12"/>
    </row>
    <row r="598017" spans="8:8">
      <c r="H598017" s="12"/>
    </row>
    <row r="598018" spans="8:8">
      <c r="H598018" s="12"/>
    </row>
    <row r="598019" spans="8:8">
      <c r="H598019" s="12"/>
    </row>
    <row r="598020" spans="8:8">
      <c r="H598020" s="12"/>
    </row>
    <row r="598021" spans="8:8">
      <c r="H598021" s="12"/>
    </row>
    <row r="598022" spans="8:8">
      <c r="H598022" s="12"/>
    </row>
    <row r="598023" spans="8:8">
      <c r="H598023" s="12"/>
    </row>
    <row r="598024" spans="8:8">
      <c r="H598024" s="12"/>
    </row>
    <row r="598025" spans="8:8">
      <c r="H598025" s="12"/>
    </row>
    <row r="598026" spans="8:8">
      <c r="H598026" s="12"/>
    </row>
    <row r="598027" spans="8:8">
      <c r="H598027" s="12"/>
    </row>
    <row r="598028" spans="8:8">
      <c r="H598028" s="12"/>
    </row>
    <row r="598029" spans="8:8">
      <c r="H598029" s="12"/>
    </row>
    <row r="598030" spans="8:8">
      <c r="H598030" s="12"/>
    </row>
    <row r="598031" spans="8:8">
      <c r="H598031" s="12"/>
    </row>
    <row r="598032" spans="8:8">
      <c r="H598032" s="12"/>
    </row>
    <row r="598033" spans="8:8">
      <c r="H598033" s="12"/>
    </row>
    <row r="598034" spans="8:8">
      <c r="H598034" s="12"/>
    </row>
    <row r="598035" spans="8:8">
      <c r="H598035" s="12"/>
    </row>
    <row r="598036" spans="8:8">
      <c r="H598036" s="12"/>
    </row>
    <row r="598037" spans="8:8">
      <c r="H598037" s="12"/>
    </row>
    <row r="598038" spans="8:8">
      <c r="H598038" s="12"/>
    </row>
    <row r="598039" spans="8:8">
      <c r="H598039" s="12"/>
    </row>
    <row r="598040" spans="8:8">
      <c r="H598040" s="12"/>
    </row>
    <row r="598041" spans="8:8">
      <c r="H598041" s="12"/>
    </row>
    <row r="598042" spans="8:8">
      <c r="H598042" s="12"/>
    </row>
    <row r="598043" spans="8:8">
      <c r="H598043" s="12"/>
    </row>
    <row r="598044" spans="8:8">
      <c r="H598044" s="12"/>
    </row>
    <row r="598045" spans="8:8">
      <c r="H598045" s="12"/>
    </row>
    <row r="598046" spans="8:8">
      <c r="H598046" s="12"/>
    </row>
    <row r="598047" spans="8:8">
      <c r="H598047" s="12"/>
    </row>
    <row r="598048" spans="8:8">
      <c r="H598048" s="12"/>
    </row>
    <row r="598049" spans="8:8">
      <c r="H598049" s="12"/>
    </row>
    <row r="598050" spans="8:8">
      <c r="H598050" s="12"/>
    </row>
    <row r="598051" spans="8:8">
      <c r="H598051" s="12"/>
    </row>
    <row r="598052" spans="8:8">
      <c r="H598052" s="12"/>
    </row>
    <row r="598053" spans="8:8">
      <c r="H598053" s="12"/>
    </row>
    <row r="598054" spans="8:8">
      <c r="H598054" s="12"/>
    </row>
    <row r="598055" spans="8:8">
      <c r="H598055" s="12"/>
    </row>
    <row r="598056" spans="8:8">
      <c r="H598056" s="12"/>
    </row>
    <row r="598057" spans="8:8">
      <c r="H598057" s="12"/>
    </row>
    <row r="598058" spans="8:8">
      <c r="H598058" s="12"/>
    </row>
    <row r="598059" spans="8:8">
      <c r="H598059" s="12"/>
    </row>
    <row r="598060" spans="8:8">
      <c r="H598060" s="12"/>
    </row>
    <row r="598061" spans="8:8">
      <c r="H598061" s="12"/>
    </row>
    <row r="598062" spans="8:8">
      <c r="H598062" s="12"/>
    </row>
    <row r="598063" spans="8:8">
      <c r="H598063" s="12"/>
    </row>
    <row r="598064" spans="8:8">
      <c r="H598064" s="12"/>
    </row>
    <row r="598065" spans="8:8">
      <c r="H598065" s="12"/>
    </row>
    <row r="598066" spans="8:8">
      <c r="H598066" s="12"/>
    </row>
    <row r="598067" spans="8:8">
      <c r="H598067" s="12"/>
    </row>
    <row r="598068" spans="8:8">
      <c r="H598068" s="12"/>
    </row>
    <row r="598069" spans="8:8">
      <c r="H598069" s="12"/>
    </row>
    <row r="598070" spans="8:8">
      <c r="H598070" s="12"/>
    </row>
    <row r="598071" spans="8:8">
      <c r="H598071" s="12"/>
    </row>
    <row r="598072" spans="8:8">
      <c r="H598072" s="12"/>
    </row>
    <row r="598073" spans="8:8">
      <c r="H598073" s="12"/>
    </row>
    <row r="598074" spans="8:8">
      <c r="H598074" s="12"/>
    </row>
    <row r="598075" spans="8:8">
      <c r="H598075" s="12"/>
    </row>
    <row r="598076" spans="8:8">
      <c r="H598076" s="12"/>
    </row>
    <row r="598077" spans="8:8">
      <c r="H598077" s="12"/>
    </row>
    <row r="598078" spans="8:8">
      <c r="H598078" s="12"/>
    </row>
    <row r="598079" spans="8:8">
      <c r="H598079" s="12"/>
    </row>
    <row r="598080" spans="8:8">
      <c r="H598080" s="12"/>
    </row>
    <row r="598081" spans="8:8">
      <c r="H598081" s="12"/>
    </row>
    <row r="598082" spans="8:8">
      <c r="H598082" s="12"/>
    </row>
    <row r="598083" spans="8:8">
      <c r="H598083" s="12"/>
    </row>
    <row r="598084" spans="8:8">
      <c r="H598084" s="12"/>
    </row>
    <row r="598085" spans="8:8">
      <c r="H598085" s="12"/>
    </row>
    <row r="598086" spans="8:8">
      <c r="H598086" s="12"/>
    </row>
    <row r="598087" spans="8:8">
      <c r="H598087" s="12"/>
    </row>
    <row r="598088" spans="8:8">
      <c r="H598088" s="12"/>
    </row>
    <row r="598089" spans="8:8">
      <c r="H598089" s="12"/>
    </row>
    <row r="598090" spans="8:8">
      <c r="H598090" s="12"/>
    </row>
    <row r="598091" spans="8:8">
      <c r="H598091" s="12"/>
    </row>
    <row r="598092" spans="8:8">
      <c r="H598092" s="12"/>
    </row>
    <row r="598093" spans="8:8">
      <c r="H598093" s="12"/>
    </row>
    <row r="598094" spans="8:8">
      <c r="H598094" s="12"/>
    </row>
    <row r="598095" spans="8:8">
      <c r="H598095" s="12"/>
    </row>
    <row r="598096" spans="8:8">
      <c r="H598096" s="12"/>
    </row>
    <row r="598097" spans="8:8">
      <c r="H598097" s="12"/>
    </row>
    <row r="598098" spans="8:8">
      <c r="H598098" s="12"/>
    </row>
    <row r="598099" spans="8:8">
      <c r="H598099" s="12"/>
    </row>
    <row r="598100" spans="8:8">
      <c r="H598100" s="12"/>
    </row>
    <row r="598101" spans="8:8">
      <c r="H598101" s="12"/>
    </row>
    <row r="598102" spans="8:8">
      <c r="H598102" s="12"/>
    </row>
    <row r="598103" spans="8:8">
      <c r="H598103" s="12"/>
    </row>
    <row r="598104" spans="8:8">
      <c r="H598104" s="12"/>
    </row>
    <row r="598105" spans="8:8">
      <c r="H598105" s="12"/>
    </row>
    <row r="598106" spans="8:8">
      <c r="H598106" s="12"/>
    </row>
    <row r="598107" spans="8:8">
      <c r="H598107" s="12"/>
    </row>
    <row r="598108" spans="8:8">
      <c r="H598108" s="12"/>
    </row>
    <row r="598109" spans="8:8">
      <c r="H598109" s="12"/>
    </row>
    <row r="598110" spans="8:8">
      <c r="H598110" s="12"/>
    </row>
    <row r="598111" spans="8:8">
      <c r="H598111" s="12"/>
    </row>
    <row r="598112" spans="8:8">
      <c r="H598112" s="12"/>
    </row>
    <row r="598113" spans="8:8">
      <c r="H598113" s="12"/>
    </row>
    <row r="598114" spans="8:8">
      <c r="H598114" s="12"/>
    </row>
    <row r="598115" spans="8:8">
      <c r="H598115" s="12"/>
    </row>
    <row r="598116" spans="8:8">
      <c r="H598116" s="12"/>
    </row>
    <row r="598117" spans="8:8">
      <c r="H598117" s="12"/>
    </row>
    <row r="598118" spans="8:8">
      <c r="H598118" s="12"/>
    </row>
    <row r="598119" spans="8:8">
      <c r="H598119" s="12"/>
    </row>
    <row r="598120" spans="8:8">
      <c r="H598120" s="12"/>
    </row>
    <row r="598121" spans="8:8">
      <c r="H598121" s="12"/>
    </row>
    <row r="598122" spans="8:8">
      <c r="H598122" s="12"/>
    </row>
    <row r="598123" spans="8:8">
      <c r="H598123" s="12"/>
    </row>
    <row r="598124" spans="8:8">
      <c r="H598124" s="12"/>
    </row>
    <row r="598125" spans="8:8">
      <c r="H598125" s="12"/>
    </row>
    <row r="598126" spans="8:8">
      <c r="H598126" s="12"/>
    </row>
    <row r="598127" spans="8:8">
      <c r="H598127" s="12"/>
    </row>
    <row r="598128" spans="8:8">
      <c r="H598128" s="12"/>
    </row>
    <row r="598129" spans="8:8">
      <c r="H598129" s="12"/>
    </row>
    <row r="598130" spans="8:8">
      <c r="H598130" s="12"/>
    </row>
    <row r="598131" spans="8:8">
      <c r="H598131" s="12"/>
    </row>
    <row r="598132" spans="8:8">
      <c r="H598132" s="12"/>
    </row>
    <row r="598133" spans="8:8">
      <c r="H598133" s="12"/>
    </row>
    <row r="598134" spans="8:8">
      <c r="H598134" s="12"/>
    </row>
    <row r="598135" spans="8:8">
      <c r="H598135" s="12"/>
    </row>
    <row r="598136" spans="8:8">
      <c r="H598136" s="12"/>
    </row>
    <row r="598137" spans="8:8">
      <c r="H598137" s="12"/>
    </row>
    <row r="598138" spans="8:8">
      <c r="H598138" s="12"/>
    </row>
    <row r="598139" spans="8:8">
      <c r="H598139" s="12"/>
    </row>
    <row r="598140" spans="8:8">
      <c r="H598140" s="12"/>
    </row>
    <row r="598141" spans="8:8">
      <c r="H598141" s="12"/>
    </row>
    <row r="598142" spans="8:8">
      <c r="H598142" s="12"/>
    </row>
    <row r="598143" spans="8:8">
      <c r="H598143" s="12"/>
    </row>
    <row r="598144" spans="8:8">
      <c r="H598144" s="12"/>
    </row>
    <row r="598145" spans="8:8">
      <c r="H598145" s="12"/>
    </row>
    <row r="598146" spans="8:8">
      <c r="H598146" s="12"/>
    </row>
    <row r="598147" spans="8:8">
      <c r="H598147" s="12"/>
    </row>
    <row r="598148" spans="8:8">
      <c r="H598148" s="12"/>
    </row>
    <row r="598149" spans="8:8">
      <c r="H598149" s="12"/>
    </row>
    <row r="598150" spans="8:8">
      <c r="H598150" s="12"/>
    </row>
    <row r="598151" spans="8:8">
      <c r="H598151" s="12"/>
    </row>
    <row r="598152" spans="8:8">
      <c r="H598152" s="12"/>
    </row>
    <row r="598153" spans="8:8">
      <c r="H598153" s="12"/>
    </row>
    <row r="598154" spans="8:8">
      <c r="H598154" s="12"/>
    </row>
    <row r="598155" spans="8:8">
      <c r="H598155" s="12"/>
    </row>
    <row r="598156" spans="8:8">
      <c r="H598156" s="12"/>
    </row>
    <row r="598157" spans="8:8">
      <c r="H598157" s="12"/>
    </row>
    <row r="598158" spans="8:8">
      <c r="H598158" s="12"/>
    </row>
    <row r="598159" spans="8:8">
      <c r="H598159" s="12"/>
    </row>
    <row r="598160" spans="8:8">
      <c r="H598160" s="12"/>
    </row>
    <row r="598161" spans="8:8">
      <c r="H598161" s="12"/>
    </row>
    <row r="598162" spans="8:8">
      <c r="H598162" s="12"/>
    </row>
    <row r="598163" spans="8:8">
      <c r="H598163" s="12"/>
    </row>
    <row r="598164" spans="8:8">
      <c r="H598164" s="12"/>
    </row>
    <row r="598165" spans="8:8">
      <c r="H598165" s="12"/>
    </row>
    <row r="598166" spans="8:8">
      <c r="H598166" s="12"/>
    </row>
    <row r="598167" spans="8:8">
      <c r="H598167" s="12"/>
    </row>
    <row r="598168" spans="8:8">
      <c r="H598168" s="12"/>
    </row>
    <row r="598169" spans="8:8">
      <c r="H598169" s="12"/>
    </row>
    <row r="598170" spans="8:8">
      <c r="H598170" s="12"/>
    </row>
    <row r="598171" spans="8:8">
      <c r="H598171" s="12"/>
    </row>
    <row r="598172" spans="8:8">
      <c r="H598172" s="12"/>
    </row>
    <row r="598173" spans="8:8">
      <c r="H598173" s="12"/>
    </row>
    <row r="598174" spans="8:8">
      <c r="H598174" s="12"/>
    </row>
    <row r="598175" spans="8:8">
      <c r="H598175" s="12"/>
    </row>
    <row r="598176" spans="8:8">
      <c r="H598176" s="12"/>
    </row>
    <row r="598177" spans="8:8">
      <c r="H598177" s="12"/>
    </row>
    <row r="598178" spans="8:8">
      <c r="H598178" s="12"/>
    </row>
    <row r="598179" spans="8:8">
      <c r="H598179" s="12"/>
    </row>
    <row r="598180" spans="8:8">
      <c r="H598180" s="12"/>
    </row>
    <row r="598181" spans="8:8">
      <c r="H598181" s="12"/>
    </row>
    <row r="598182" spans="8:8">
      <c r="H598182" s="12"/>
    </row>
    <row r="598183" spans="8:8">
      <c r="H598183" s="12"/>
    </row>
    <row r="598184" spans="8:8">
      <c r="H598184" s="12"/>
    </row>
    <row r="598185" spans="8:8">
      <c r="H598185" s="12"/>
    </row>
    <row r="598186" spans="8:8">
      <c r="H598186" s="12"/>
    </row>
    <row r="598187" spans="8:8">
      <c r="H598187" s="12"/>
    </row>
    <row r="598188" spans="8:8">
      <c r="H598188" s="12"/>
    </row>
    <row r="598189" spans="8:8">
      <c r="H598189" s="12"/>
    </row>
    <row r="598190" spans="8:8">
      <c r="H598190" s="12"/>
    </row>
    <row r="598191" spans="8:8">
      <c r="H598191" s="12"/>
    </row>
    <row r="598192" spans="8:8">
      <c r="H598192" s="12"/>
    </row>
    <row r="598193" spans="8:8">
      <c r="H598193" s="12"/>
    </row>
    <row r="598194" spans="8:8">
      <c r="H598194" s="12"/>
    </row>
    <row r="598195" spans="8:8">
      <c r="H598195" s="12"/>
    </row>
    <row r="598196" spans="8:8">
      <c r="H598196" s="12"/>
    </row>
    <row r="598197" spans="8:8">
      <c r="H598197" s="12"/>
    </row>
    <row r="598198" spans="8:8">
      <c r="H598198" s="12"/>
    </row>
    <row r="598199" spans="8:8">
      <c r="H598199" s="12"/>
    </row>
    <row r="598200" spans="8:8">
      <c r="H598200" s="12"/>
    </row>
    <row r="598201" spans="8:8">
      <c r="H598201" s="12"/>
    </row>
    <row r="598202" spans="8:8">
      <c r="H598202" s="12"/>
    </row>
    <row r="598203" spans="8:8">
      <c r="H598203" s="12"/>
    </row>
    <row r="598204" spans="8:8">
      <c r="H598204" s="12"/>
    </row>
    <row r="598205" spans="8:8">
      <c r="H598205" s="12"/>
    </row>
    <row r="598206" spans="8:8">
      <c r="H598206" s="12"/>
    </row>
    <row r="598207" spans="8:8">
      <c r="H598207" s="12"/>
    </row>
    <row r="598208" spans="8:8">
      <c r="H598208" s="12"/>
    </row>
    <row r="598209" spans="8:8">
      <c r="H598209" s="12"/>
    </row>
    <row r="598210" spans="8:8">
      <c r="H598210" s="12"/>
    </row>
    <row r="598211" spans="8:8">
      <c r="H598211" s="12"/>
    </row>
    <row r="598212" spans="8:8">
      <c r="H598212" s="12"/>
    </row>
    <row r="598213" spans="8:8">
      <c r="H598213" s="12"/>
    </row>
    <row r="598214" spans="8:8">
      <c r="H598214" s="12"/>
    </row>
    <row r="598215" spans="8:8">
      <c r="H598215" s="12"/>
    </row>
    <row r="598216" spans="8:8">
      <c r="H598216" s="12"/>
    </row>
    <row r="598217" spans="8:8">
      <c r="H598217" s="12"/>
    </row>
    <row r="598218" spans="8:8">
      <c r="H598218" s="12"/>
    </row>
    <row r="598219" spans="8:8">
      <c r="H598219" s="12"/>
    </row>
    <row r="598220" spans="8:8">
      <c r="H598220" s="12"/>
    </row>
    <row r="598221" spans="8:8">
      <c r="H598221" s="12"/>
    </row>
    <row r="598222" spans="8:8">
      <c r="H598222" s="12"/>
    </row>
    <row r="598223" spans="8:8">
      <c r="H598223" s="12"/>
    </row>
    <row r="598224" spans="8:8">
      <c r="H598224" s="12"/>
    </row>
    <row r="598225" spans="8:8">
      <c r="H598225" s="12"/>
    </row>
    <row r="598226" spans="8:8">
      <c r="H598226" s="12"/>
    </row>
    <row r="598227" spans="8:8">
      <c r="H598227" s="12"/>
    </row>
    <row r="598228" spans="8:8">
      <c r="H598228" s="12"/>
    </row>
    <row r="598229" spans="8:8">
      <c r="H598229" s="12"/>
    </row>
    <row r="598230" spans="8:8">
      <c r="H598230" s="12"/>
    </row>
    <row r="598231" spans="8:8">
      <c r="H598231" s="12"/>
    </row>
    <row r="598232" spans="8:8">
      <c r="H598232" s="12"/>
    </row>
    <row r="598233" spans="8:8">
      <c r="H598233" s="12"/>
    </row>
    <row r="598234" spans="8:8">
      <c r="H598234" s="12"/>
    </row>
    <row r="598235" spans="8:8">
      <c r="H598235" s="12"/>
    </row>
    <row r="598236" spans="8:8">
      <c r="H598236" s="12"/>
    </row>
    <row r="598237" spans="8:8">
      <c r="H598237" s="12"/>
    </row>
    <row r="598238" spans="8:8">
      <c r="H598238" s="12"/>
    </row>
    <row r="598239" spans="8:8">
      <c r="H598239" s="12"/>
    </row>
    <row r="598240" spans="8:8">
      <c r="H598240" s="12"/>
    </row>
    <row r="598241" spans="8:8">
      <c r="H598241" s="12"/>
    </row>
    <row r="598242" spans="8:8">
      <c r="H598242" s="12"/>
    </row>
    <row r="598243" spans="8:8">
      <c r="H598243" s="12"/>
    </row>
    <row r="598244" spans="8:8">
      <c r="H598244" s="12"/>
    </row>
    <row r="598245" spans="8:8">
      <c r="H598245" s="12"/>
    </row>
    <row r="598246" spans="8:8">
      <c r="H598246" s="12"/>
    </row>
    <row r="598247" spans="8:8">
      <c r="H598247" s="12"/>
    </row>
    <row r="598248" spans="8:8">
      <c r="H598248" s="12"/>
    </row>
    <row r="598249" spans="8:8">
      <c r="H598249" s="12"/>
    </row>
    <row r="598250" spans="8:8">
      <c r="H598250" s="12"/>
    </row>
    <row r="598251" spans="8:8">
      <c r="H598251" s="12"/>
    </row>
    <row r="598252" spans="8:8">
      <c r="H598252" s="12"/>
    </row>
    <row r="598253" spans="8:8">
      <c r="H598253" s="12"/>
    </row>
    <row r="598254" spans="8:8">
      <c r="H598254" s="12"/>
    </row>
    <row r="598255" spans="8:8">
      <c r="H598255" s="12"/>
    </row>
    <row r="598256" spans="8:8">
      <c r="H598256" s="12"/>
    </row>
    <row r="598257" spans="8:8">
      <c r="H598257" s="12"/>
    </row>
    <row r="598258" spans="8:8">
      <c r="H598258" s="12"/>
    </row>
    <row r="598259" spans="8:8">
      <c r="H598259" s="12"/>
    </row>
    <row r="598260" spans="8:8">
      <c r="H598260" s="12"/>
    </row>
    <row r="598261" spans="8:8">
      <c r="H598261" s="12"/>
    </row>
    <row r="598262" spans="8:8">
      <c r="H598262" s="12"/>
    </row>
    <row r="598263" spans="8:8">
      <c r="H598263" s="12"/>
    </row>
    <row r="598264" spans="8:8">
      <c r="H598264" s="12"/>
    </row>
    <row r="598265" spans="8:8">
      <c r="H598265" s="12"/>
    </row>
    <row r="598266" spans="8:8">
      <c r="H598266" s="12"/>
    </row>
    <row r="598267" spans="8:8">
      <c r="H598267" s="12"/>
    </row>
    <row r="598268" spans="8:8">
      <c r="H598268" s="12"/>
    </row>
    <row r="598269" spans="8:8">
      <c r="H598269" s="12"/>
    </row>
    <row r="598270" spans="8:8">
      <c r="H598270" s="12"/>
    </row>
    <row r="598271" spans="8:8">
      <c r="H598271" s="12"/>
    </row>
    <row r="598272" spans="8:8">
      <c r="H598272" s="12"/>
    </row>
    <row r="598273" spans="8:8">
      <c r="H598273" s="12"/>
    </row>
    <row r="598274" spans="8:8">
      <c r="H598274" s="12"/>
    </row>
    <row r="598275" spans="8:8">
      <c r="H598275" s="12"/>
    </row>
    <row r="598276" spans="8:8">
      <c r="H598276" s="12"/>
    </row>
    <row r="598277" spans="8:8">
      <c r="H598277" s="12"/>
    </row>
    <row r="598278" spans="8:8">
      <c r="H598278" s="12"/>
    </row>
    <row r="598279" spans="8:8">
      <c r="H598279" s="12"/>
    </row>
    <row r="598280" spans="8:8">
      <c r="H598280" s="12"/>
    </row>
    <row r="598281" spans="8:8">
      <c r="H598281" s="12"/>
    </row>
    <row r="598282" spans="8:8">
      <c r="H598282" s="12"/>
    </row>
    <row r="598283" spans="8:8">
      <c r="H598283" s="12"/>
    </row>
    <row r="598284" spans="8:8">
      <c r="H598284" s="12"/>
    </row>
    <row r="598285" spans="8:8">
      <c r="H598285" s="12"/>
    </row>
    <row r="598286" spans="8:8">
      <c r="H598286" s="12"/>
    </row>
    <row r="598287" spans="8:8">
      <c r="H598287" s="12"/>
    </row>
    <row r="598288" spans="8:8">
      <c r="H598288" s="12"/>
    </row>
    <row r="598289" spans="8:8">
      <c r="H598289" s="12"/>
    </row>
    <row r="598290" spans="8:8">
      <c r="H598290" s="12"/>
    </row>
    <row r="598291" spans="8:8">
      <c r="H598291" s="12"/>
    </row>
    <row r="598292" spans="8:8">
      <c r="H598292" s="12"/>
    </row>
    <row r="598293" spans="8:8">
      <c r="H598293" s="12"/>
    </row>
    <row r="598294" spans="8:8">
      <c r="H598294" s="12"/>
    </row>
    <row r="598295" spans="8:8">
      <c r="H598295" s="12"/>
    </row>
    <row r="598296" spans="8:8">
      <c r="H598296" s="12"/>
    </row>
    <row r="598297" spans="8:8">
      <c r="H598297" s="12"/>
    </row>
    <row r="598298" spans="8:8">
      <c r="H598298" s="12"/>
    </row>
    <row r="598299" spans="8:8">
      <c r="H598299" s="12"/>
    </row>
    <row r="598300" spans="8:8">
      <c r="H598300" s="12"/>
    </row>
    <row r="598301" spans="8:8">
      <c r="H598301" s="12"/>
    </row>
    <row r="598302" spans="8:8">
      <c r="H598302" s="12"/>
    </row>
    <row r="598303" spans="8:8">
      <c r="H598303" s="12"/>
    </row>
    <row r="598304" spans="8:8">
      <c r="H598304" s="12"/>
    </row>
    <row r="598305" spans="8:8">
      <c r="H598305" s="12"/>
    </row>
    <row r="598306" spans="8:8">
      <c r="H598306" s="12"/>
    </row>
    <row r="598307" spans="8:8">
      <c r="H598307" s="12"/>
    </row>
    <row r="598308" spans="8:8">
      <c r="H598308" s="12"/>
    </row>
    <row r="598309" spans="8:8">
      <c r="H598309" s="12"/>
    </row>
    <row r="598310" spans="8:8">
      <c r="H598310" s="12"/>
    </row>
    <row r="598311" spans="8:8">
      <c r="H598311" s="12"/>
    </row>
    <row r="598312" spans="8:8">
      <c r="H598312" s="12"/>
    </row>
    <row r="598313" spans="8:8">
      <c r="H598313" s="12"/>
    </row>
    <row r="598314" spans="8:8">
      <c r="H598314" s="12"/>
    </row>
    <row r="598315" spans="8:8">
      <c r="H598315" s="12"/>
    </row>
    <row r="598316" spans="8:8">
      <c r="H598316" s="12"/>
    </row>
    <row r="598317" spans="8:8">
      <c r="H598317" s="12"/>
    </row>
    <row r="598318" spans="8:8">
      <c r="H598318" s="12"/>
    </row>
    <row r="598319" spans="8:8">
      <c r="H598319" s="12"/>
    </row>
    <row r="598320" spans="8:8">
      <c r="H598320" s="12"/>
    </row>
    <row r="598321" spans="8:8">
      <c r="H598321" s="12"/>
    </row>
    <row r="598322" spans="8:8">
      <c r="H598322" s="12"/>
    </row>
    <row r="598323" spans="8:8">
      <c r="H598323" s="12"/>
    </row>
    <row r="598324" spans="8:8">
      <c r="H598324" s="12"/>
    </row>
    <row r="598325" spans="8:8">
      <c r="H598325" s="12"/>
    </row>
    <row r="598326" spans="8:8">
      <c r="H598326" s="12"/>
    </row>
    <row r="598327" spans="8:8">
      <c r="H598327" s="12"/>
    </row>
    <row r="598328" spans="8:8">
      <c r="H598328" s="12"/>
    </row>
    <row r="598329" spans="8:8">
      <c r="H598329" s="12"/>
    </row>
    <row r="598330" spans="8:8">
      <c r="H598330" s="12"/>
    </row>
    <row r="598331" spans="8:8">
      <c r="H598331" s="12"/>
    </row>
    <row r="598332" spans="8:8">
      <c r="H598332" s="12"/>
    </row>
    <row r="598333" spans="8:8">
      <c r="H598333" s="12"/>
    </row>
    <row r="598334" spans="8:8">
      <c r="H598334" s="12"/>
    </row>
    <row r="598335" spans="8:8">
      <c r="H598335" s="12"/>
    </row>
    <row r="598336" spans="8:8">
      <c r="H598336" s="12"/>
    </row>
    <row r="598337" spans="8:8">
      <c r="H598337" s="12"/>
    </row>
    <row r="598338" spans="8:8">
      <c r="H598338" s="12"/>
    </row>
    <row r="598339" spans="8:8">
      <c r="H598339" s="12"/>
    </row>
    <row r="598340" spans="8:8">
      <c r="H598340" s="12"/>
    </row>
    <row r="598341" spans="8:8">
      <c r="H598341" s="12"/>
    </row>
    <row r="598342" spans="8:8">
      <c r="H598342" s="12"/>
    </row>
    <row r="598343" spans="8:8">
      <c r="H598343" s="12"/>
    </row>
    <row r="598344" spans="8:8">
      <c r="H598344" s="12"/>
    </row>
    <row r="598345" spans="8:8">
      <c r="H598345" s="12"/>
    </row>
    <row r="598346" spans="8:8">
      <c r="H598346" s="12"/>
    </row>
    <row r="598347" spans="8:8">
      <c r="H598347" s="12"/>
    </row>
    <row r="598348" spans="8:8">
      <c r="H598348" s="12"/>
    </row>
    <row r="598349" spans="8:8">
      <c r="H598349" s="12"/>
    </row>
    <row r="598350" spans="8:8">
      <c r="H598350" s="12"/>
    </row>
    <row r="598351" spans="8:8">
      <c r="H598351" s="12"/>
    </row>
    <row r="598352" spans="8:8">
      <c r="H598352" s="12"/>
    </row>
    <row r="598353" spans="8:8">
      <c r="H598353" s="12"/>
    </row>
    <row r="598354" spans="8:8">
      <c r="H598354" s="12"/>
    </row>
    <row r="598355" spans="8:8">
      <c r="H598355" s="12"/>
    </row>
    <row r="598356" spans="8:8">
      <c r="H598356" s="12"/>
    </row>
    <row r="598357" spans="8:8">
      <c r="H598357" s="12"/>
    </row>
    <row r="598358" spans="8:8">
      <c r="H598358" s="12"/>
    </row>
    <row r="598359" spans="8:8">
      <c r="H598359" s="12"/>
    </row>
    <row r="598360" spans="8:8">
      <c r="H598360" s="12"/>
    </row>
    <row r="598361" spans="8:8">
      <c r="H598361" s="12"/>
    </row>
    <row r="598362" spans="8:8">
      <c r="H598362" s="12"/>
    </row>
    <row r="598363" spans="8:8">
      <c r="H598363" s="12"/>
    </row>
    <row r="598364" spans="8:8">
      <c r="H598364" s="12"/>
    </row>
    <row r="598365" spans="8:8">
      <c r="H598365" s="12"/>
    </row>
    <row r="598366" spans="8:8">
      <c r="H598366" s="12"/>
    </row>
    <row r="598367" spans="8:8">
      <c r="H598367" s="12"/>
    </row>
    <row r="598368" spans="8:8">
      <c r="H598368" s="12"/>
    </row>
    <row r="598369" spans="8:8">
      <c r="H598369" s="12"/>
    </row>
    <row r="598370" spans="8:8">
      <c r="H598370" s="12"/>
    </row>
    <row r="598371" spans="8:8">
      <c r="H598371" s="12"/>
    </row>
    <row r="598372" spans="8:8">
      <c r="H598372" s="12"/>
    </row>
    <row r="598373" spans="8:8">
      <c r="H598373" s="12"/>
    </row>
    <row r="598374" spans="8:8">
      <c r="H598374" s="12"/>
    </row>
    <row r="598375" spans="8:8">
      <c r="H598375" s="12"/>
    </row>
    <row r="598376" spans="8:8">
      <c r="H598376" s="12"/>
    </row>
    <row r="598377" spans="8:8">
      <c r="H598377" s="12"/>
    </row>
    <row r="598378" spans="8:8">
      <c r="H598378" s="12"/>
    </row>
    <row r="598379" spans="8:8">
      <c r="H598379" s="12"/>
    </row>
    <row r="598380" spans="8:8">
      <c r="H598380" s="12"/>
    </row>
    <row r="598381" spans="8:8">
      <c r="H598381" s="12"/>
    </row>
    <row r="598382" spans="8:8">
      <c r="H598382" s="12"/>
    </row>
    <row r="598383" spans="8:8">
      <c r="H598383" s="12"/>
    </row>
    <row r="598384" spans="8:8">
      <c r="H598384" s="12"/>
    </row>
    <row r="598385" spans="8:8">
      <c r="H598385" s="12"/>
    </row>
    <row r="598386" spans="8:8">
      <c r="H598386" s="12"/>
    </row>
    <row r="598387" spans="8:8">
      <c r="H598387" s="12"/>
    </row>
    <row r="598388" spans="8:8">
      <c r="H598388" s="12"/>
    </row>
    <row r="598389" spans="8:8">
      <c r="H598389" s="12"/>
    </row>
    <row r="598390" spans="8:8">
      <c r="H598390" s="12"/>
    </row>
    <row r="598391" spans="8:8">
      <c r="H598391" s="12"/>
    </row>
    <row r="598392" spans="8:8">
      <c r="H598392" s="12"/>
    </row>
    <row r="598393" spans="8:8">
      <c r="H598393" s="12"/>
    </row>
    <row r="598394" spans="8:8">
      <c r="H598394" s="12"/>
    </row>
    <row r="598395" spans="8:8">
      <c r="H598395" s="12"/>
    </row>
    <row r="598396" spans="8:8">
      <c r="H598396" s="12"/>
    </row>
    <row r="598397" spans="8:8">
      <c r="H598397" s="12"/>
    </row>
    <row r="598398" spans="8:8">
      <c r="H598398" s="12"/>
    </row>
    <row r="598399" spans="8:8">
      <c r="H598399" s="12"/>
    </row>
    <row r="598400" spans="8:8">
      <c r="H598400" s="12"/>
    </row>
    <row r="598401" spans="8:8">
      <c r="H598401" s="12"/>
    </row>
    <row r="598402" spans="8:8">
      <c r="H598402" s="12"/>
    </row>
    <row r="598403" spans="8:8">
      <c r="H598403" s="12"/>
    </row>
    <row r="598404" spans="8:8">
      <c r="H598404" s="12"/>
    </row>
    <row r="598405" spans="8:8">
      <c r="H598405" s="12"/>
    </row>
    <row r="598406" spans="8:8">
      <c r="H598406" s="12"/>
    </row>
    <row r="598407" spans="8:8">
      <c r="H598407" s="12"/>
    </row>
    <row r="598408" spans="8:8">
      <c r="H598408" s="12"/>
    </row>
    <row r="598409" spans="8:8">
      <c r="H598409" s="12"/>
    </row>
    <row r="598410" spans="8:8">
      <c r="H598410" s="12"/>
    </row>
    <row r="598411" spans="8:8">
      <c r="H598411" s="12"/>
    </row>
    <row r="598412" spans="8:8">
      <c r="H598412" s="12"/>
    </row>
    <row r="598413" spans="8:8">
      <c r="H598413" s="12"/>
    </row>
    <row r="598414" spans="8:8">
      <c r="H598414" s="12"/>
    </row>
    <row r="598415" spans="8:8">
      <c r="H598415" s="12"/>
    </row>
    <row r="598416" spans="8:8">
      <c r="H598416" s="12"/>
    </row>
    <row r="598417" spans="8:8">
      <c r="H598417" s="12"/>
    </row>
    <row r="598418" spans="8:8">
      <c r="H598418" s="12"/>
    </row>
    <row r="598419" spans="8:8">
      <c r="H598419" s="12"/>
    </row>
    <row r="598420" spans="8:8">
      <c r="H598420" s="12"/>
    </row>
    <row r="598421" spans="8:8">
      <c r="H598421" s="12"/>
    </row>
    <row r="598422" spans="8:8">
      <c r="H598422" s="12"/>
    </row>
    <row r="598423" spans="8:8">
      <c r="H598423" s="12"/>
    </row>
    <row r="598424" spans="8:8">
      <c r="H598424" s="12"/>
    </row>
    <row r="598425" spans="8:8">
      <c r="H598425" s="12"/>
    </row>
    <row r="598426" spans="8:8">
      <c r="H598426" s="12"/>
    </row>
    <row r="598427" spans="8:8">
      <c r="H598427" s="12"/>
    </row>
    <row r="598428" spans="8:8">
      <c r="H598428" s="12"/>
    </row>
    <row r="598429" spans="8:8">
      <c r="H598429" s="12"/>
    </row>
    <row r="598430" spans="8:8">
      <c r="H598430" s="12"/>
    </row>
    <row r="598431" spans="8:8">
      <c r="H598431" s="12"/>
    </row>
    <row r="598432" spans="8:8">
      <c r="H598432" s="12"/>
    </row>
    <row r="598433" spans="8:8">
      <c r="H598433" s="12"/>
    </row>
    <row r="598434" spans="8:8">
      <c r="H598434" s="12"/>
    </row>
    <row r="598435" spans="8:8">
      <c r="H598435" s="12"/>
    </row>
    <row r="598436" spans="8:8">
      <c r="H598436" s="12"/>
    </row>
    <row r="598437" spans="8:8">
      <c r="H598437" s="12"/>
    </row>
    <row r="598438" spans="8:8">
      <c r="H598438" s="12"/>
    </row>
    <row r="598439" spans="8:8">
      <c r="H598439" s="12"/>
    </row>
    <row r="598440" spans="8:8">
      <c r="H598440" s="12"/>
    </row>
    <row r="598441" spans="8:8">
      <c r="H598441" s="12"/>
    </row>
    <row r="598442" spans="8:8">
      <c r="H598442" s="12"/>
    </row>
    <row r="598443" spans="8:8">
      <c r="H598443" s="12"/>
    </row>
    <row r="598444" spans="8:8">
      <c r="H598444" s="12"/>
    </row>
    <row r="598445" spans="8:8">
      <c r="H598445" s="12"/>
    </row>
    <row r="598446" spans="8:8">
      <c r="H598446" s="12"/>
    </row>
    <row r="598447" spans="8:8">
      <c r="H598447" s="12"/>
    </row>
    <row r="598448" spans="8:8">
      <c r="H598448" s="12"/>
    </row>
    <row r="598449" spans="8:8">
      <c r="H598449" s="12"/>
    </row>
    <row r="598450" spans="8:8">
      <c r="H598450" s="12"/>
    </row>
    <row r="598451" spans="8:8">
      <c r="H598451" s="12"/>
    </row>
    <row r="598452" spans="8:8">
      <c r="H598452" s="12"/>
    </row>
    <row r="598453" spans="8:8">
      <c r="H598453" s="12"/>
    </row>
    <row r="598454" spans="8:8">
      <c r="H598454" s="12"/>
    </row>
    <row r="598455" spans="8:8">
      <c r="H598455" s="12"/>
    </row>
    <row r="598456" spans="8:8">
      <c r="H598456" s="12"/>
    </row>
    <row r="598457" spans="8:8">
      <c r="H598457" s="12"/>
    </row>
    <row r="598458" spans="8:8">
      <c r="H598458" s="12"/>
    </row>
    <row r="598459" spans="8:8">
      <c r="H598459" s="12"/>
    </row>
    <row r="598460" spans="8:8">
      <c r="H598460" s="12"/>
    </row>
    <row r="598461" spans="8:8">
      <c r="H598461" s="12"/>
    </row>
    <row r="598462" spans="8:8">
      <c r="H598462" s="12"/>
    </row>
    <row r="598463" spans="8:8">
      <c r="H598463" s="12"/>
    </row>
    <row r="598464" spans="8:8">
      <c r="H598464" s="12"/>
    </row>
    <row r="598465" spans="8:8">
      <c r="H598465" s="12"/>
    </row>
    <row r="598466" spans="8:8">
      <c r="H598466" s="12"/>
    </row>
    <row r="598467" spans="8:8">
      <c r="H598467" s="12"/>
    </row>
    <row r="598468" spans="8:8">
      <c r="H598468" s="12"/>
    </row>
    <row r="598469" spans="8:8">
      <c r="H598469" s="12"/>
    </row>
    <row r="598470" spans="8:8">
      <c r="H598470" s="12"/>
    </row>
    <row r="598471" spans="8:8">
      <c r="H598471" s="12"/>
    </row>
    <row r="598472" spans="8:8">
      <c r="H598472" s="12"/>
    </row>
    <row r="598473" spans="8:8">
      <c r="H598473" s="12"/>
    </row>
    <row r="598474" spans="8:8">
      <c r="H598474" s="12"/>
    </row>
    <row r="598475" spans="8:8">
      <c r="H598475" s="12"/>
    </row>
    <row r="598476" spans="8:8">
      <c r="H598476" s="12"/>
    </row>
    <row r="598477" spans="8:8">
      <c r="H598477" s="12"/>
    </row>
    <row r="598478" spans="8:8">
      <c r="H598478" s="12"/>
    </row>
    <row r="598479" spans="8:8">
      <c r="H598479" s="12"/>
    </row>
    <row r="598480" spans="8:8">
      <c r="H598480" s="12"/>
    </row>
    <row r="598481" spans="8:8">
      <c r="H598481" s="12"/>
    </row>
    <row r="598482" spans="8:8">
      <c r="H598482" s="12"/>
    </row>
    <row r="598483" spans="8:8">
      <c r="H598483" s="12"/>
    </row>
    <row r="598484" spans="8:8">
      <c r="H598484" s="12"/>
    </row>
    <row r="598485" spans="8:8">
      <c r="H598485" s="12"/>
    </row>
    <row r="598486" spans="8:8">
      <c r="H598486" s="12"/>
    </row>
    <row r="598487" spans="8:8">
      <c r="H598487" s="12"/>
    </row>
    <row r="598488" spans="8:8">
      <c r="H598488" s="12"/>
    </row>
    <row r="598489" spans="8:8">
      <c r="H598489" s="12"/>
    </row>
    <row r="598490" spans="8:8">
      <c r="H598490" s="12"/>
    </row>
    <row r="598491" spans="8:8">
      <c r="H598491" s="12"/>
    </row>
    <row r="598492" spans="8:8">
      <c r="H598492" s="12"/>
    </row>
    <row r="598493" spans="8:8">
      <c r="H598493" s="12"/>
    </row>
    <row r="598494" spans="8:8">
      <c r="H598494" s="12"/>
    </row>
    <row r="598495" spans="8:8">
      <c r="H598495" s="12"/>
    </row>
    <row r="598496" spans="8:8">
      <c r="H598496" s="12"/>
    </row>
    <row r="598497" spans="8:8">
      <c r="H598497" s="12"/>
    </row>
    <row r="598498" spans="8:8">
      <c r="H598498" s="12"/>
    </row>
    <row r="598499" spans="8:8">
      <c r="H598499" s="12"/>
    </row>
    <row r="598500" spans="8:8">
      <c r="H598500" s="12"/>
    </row>
    <row r="598501" spans="8:8">
      <c r="H598501" s="12"/>
    </row>
    <row r="598502" spans="8:8">
      <c r="H598502" s="12"/>
    </row>
    <row r="598503" spans="8:8">
      <c r="H598503" s="12"/>
    </row>
    <row r="598504" spans="8:8">
      <c r="H598504" s="12"/>
    </row>
    <row r="598505" spans="8:8">
      <c r="H598505" s="12"/>
    </row>
    <row r="598506" spans="8:8">
      <c r="H598506" s="12"/>
    </row>
    <row r="598507" spans="8:8">
      <c r="H598507" s="12"/>
    </row>
    <row r="598508" spans="8:8">
      <c r="H598508" s="12"/>
    </row>
    <row r="598509" spans="8:8">
      <c r="H598509" s="12"/>
    </row>
    <row r="598510" spans="8:8">
      <c r="H598510" s="12"/>
    </row>
    <row r="598511" spans="8:8">
      <c r="H598511" s="12"/>
    </row>
    <row r="598512" spans="8:8">
      <c r="H598512" s="12"/>
    </row>
    <row r="598513" spans="8:8">
      <c r="H598513" s="12"/>
    </row>
    <row r="598514" spans="8:8">
      <c r="H598514" s="12"/>
    </row>
    <row r="598515" spans="8:8">
      <c r="H598515" s="12"/>
    </row>
    <row r="598516" spans="8:8">
      <c r="H598516" s="12"/>
    </row>
    <row r="598517" spans="8:8">
      <c r="H598517" s="12"/>
    </row>
    <row r="598518" spans="8:8">
      <c r="H598518" s="12"/>
    </row>
    <row r="598519" spans="8:8">
      <c r="H598519" s="12"/>
    </row>
    <row r="598520" spans="8:8">
      <c r="H598520" s="12"/>
    </row>
    <row r="598521" spans="8:8">
      <c r="H598521" s="12"/>
    </row>
    <row r="598522" spans="8:8">
      <c r="H598522" s="12"/>
    </row>
    <row r="598523" spans="8:8">
      <c r="H598523" s="12"/>
    </row>
    <row r="598524" spans="8:8">
      <c r="H598524" s="12"/>
    </row>
    <row r="598525" spans="8:8">
      <c r="H598525" s="12"/>
    </row>
    <row r="598526" spans="8:8">
      <c r="H598526" s="12"/>
    </row>
    <row r="598527" spans="8:8">
      <c r="H598527" s="12"/>
    </row>
    <row r="598528" spans="8:8">
      <c r="H598528" s="12"/>
    </row>
    <row r="598529" spans="8:8">
      <c r="H598529" s="12"/>
    </row>
    <row r="598530" spans="8:8">
      <c r="H598530" s="12"/>
    </row>
    <row r="598531" spans="8:8">
      <c r="H598531" s="12"/>
    </row>
    <row r="598532" spans="8:8">
      <c r="H598532" s="12"/>
    </row>
    <row r="598533" spans="8:8">
      <c r="H598533" s="12"/>
    </row>
    <row r="598534" spans="8:8">
      <c r="H598534" s="12"/>
    </row>
    <row r="598535" spans="8:8">
      <c r="H598535" s="12"/>
    </row>
    <row r="598536" spans="8:8">
      <c r="H598536" s="12"/>
    </row>
    <row r="598537" spans="8:8">
      <c r="H598537" s="12"/>
    </row>
    <row r="598538" spans="8:8">
      <c r="H598538" s="12"/>
    </row>
    <row r="598539" spans="8:8">
      <c r="H598539" s="12"/>
    </row>
    <row r="598540" spans="8:8">
      <c r="H598540" s="12"/>
    </row>
    <row r="598541" spans="8:8">
      <c r="H598541" s="12"/>
    </row>
    <row r="598542" spans="8:8">
      <c r="H598542" s="12"/>
    </row>
    <row r="598543" spans="8:8">
      <c r="H598543" s="12"/>
    </row>
    <row r="598544" spans="8:8">
      <c r="H598544" s="12"/>
    </row>
    <row r="598545" spans="8:8">
      <c r="H598545" s="12"/>
    </row>
    <row r="598546" spans="8:8">
      <c r="H598546" s="12"/>
    </row>
    <row r="598547" spans="8:8">
      <c r="H598547" s="12"/>
    </row>
    <row r="598548" spans="8:8">
      <c r="H598548" s="12"/>
    </row>
    <row r="598549" spans="8:8">
      <c r="H598549" s="12"/>
    </row>
    <row r="598550" spans="8:8">
      <c r="H598550" s="12"/>
    </row>
    <row r="598551" spans="8:8">
      <c r="H598551" s="12"/>
    </row>
    <row r="598552" spans="8:8">
      <c r="H598552" s="12"/>
    </row>
    <row r="598553" spans="8:8">
      <c r="H598553" s="12"/>
    </row>
    <row r="598554" spans="8:8">
      <c r="H598554" s="12"/>
    </row>
    <row r="598555" spans="8:8">
      <c r="H598555" s="12"/>
    </row>
    <row r="598556" spans="8:8">
      <c r="H598556" s="12"/>
    </row>
    <row r="598557" spans="8:8">
      <c r="H598557" s="12"/>
    </row>
    <row r="598558" spans="8:8">
      <c r="H598558" s="12"/>
    </row>
    <row r="598559" spans="8:8">
      <c r="H598559" s="12"/>
    </row>
    <row r="598560" spans="8:8">
      <c r="H598560" s="12"/>
    </row>
    <row r="598561" spans="8:8">
      <c r="H598561" s="12"/>
    </row>
    <row r="598562" spans="8:8">
      <c r="H598562" s="12"/>
    </row>
    <row r="598563" spans="8:8">
      <c r="H598563" s="12"/>
    </row>
    <row r="598564" spans="8:8">
      <c r="H598564" s="12"/>
    </row>
    <row r="598565" spans="8:8">
      <c r="H598565" s="12"/>
    </row>
    <row r="598566" spans="8:8">
      <c r="H598566" s="12"/>
    </row>
    <row r="598567" spans="8:8">
      <c r="H598567" s="12"/>
    </row>
    <row r="598568" spans="8:8">
      <c r="H598568" s="12"/>
    </row>
    <row r="598569" spans="8:8">
      <c r="H598569" s="12"/>
    </row>
    <row r="598570" spans="8:8">
      <c r="H598570" s="12"/>
    </row>
    <row r="598571" spans="8:8">
      <c r="H598571" s="12"/>
    </row>
    <row r="598572" spans="8:8">
      <c r="H598572" s="12"/>
    </row>
    <row r="598573" spans="8:8">
      <c r="H598573" s="12"/>
    </row>
    <row r="598574" spans="8:8">
      <c r="H598574" s="12"/>
    </row>
    <row r="598575" spans="8:8">
      <c r="H598575" s="12"/>
    </row>
    <row r="598576" spans="8:8">
      <c r="H598576" s="12"/>
    </row>
    <row r="598577" spans="8:8">
      <c r="H598577" s="12"/>
    </row>
    <row r="598578" spans="8:8">
      <c r="H598578" s="12"/>
    </row>
    <row r="598579" spans="8:8">
      <c r="H598579" s="12"/>
    </row>
    <row r="598580" spans="8:8">
      <c r="H598580" s="12"/>
    </row>
    <row r="598581" spans="8:8">
      <c r="H598581" s="12"/>
    </row>
    <row r="598582" spans="8:8">
      <c r="H598582" s="12"/>
    </row>
    <row r="598583" spans="8:8">
      <c r="H598583" s="12"/>
    </row>
    <row r="598584" spans="8:8">
      <c r="H598584" s="12"/>
    </row>
    <row r="598585" spans="8:8">
      <c r="H598585" s="12"/>
    </row>
    <row r="598586" spans="8:8">
      <c r="H598586" s="12"/>
    </row>
    <row r="598587" spans="8:8">
      <c r="H598587" s="12"/>
    </row>
    <row r="598588" spans="8:8">
      <c r="H598588" s="12"/>
    </row>
    <row r="598589" spans="8:8">
      <c r="H598589" s="12"/>
    </row>
    <row r="598590" spans="8:8">
      <c r="H598590" s="12"/>
    </row>
    <row r="598591" spans="8:8">
      <c r="H598591" s="12"/>
    </row>
    <row r="598592" spans="8:8">
      <c r="H598592" s="12"/>
    </row>
    <row r="598593" spans="8:8">
      <c r="H598593" s="12"/>
    </row>
    <row r="598594" spans="8:8">
      <c r="H598594" s="12"/>
    </row>
    <row r="598595" spans="8:8">
      <c r="H598595" s="12"/>
    </row>
    <row r="598596" spans="8:8">
      <c r="H598596" s="12"/>
    </row>
    <row r="598597" spans="8:8">
      <c r="H598597" s="12"/>
    </row>
    <row r="598598" spans="8:8">
      <c r="H598598" s="12"/>
    </row>
    <row r="598599" spans="8:8">
      <c r="H598599" s="12"/>
    </row>
    <row r="598600" spans="8:8">
      <c r="H598600" s="12"/>
    </row>
    <row r="598601" spans="8:8">
      <c r="H598601" s="12"/>
    </row>
    <row r="598602" spans="8:8">
      <c r="H598602" s="12"/>
    </row>
    <row r="598603" spans="8:8">
      <c r="H598603" s="12"/>
    </row>
    <row r="598604" spans="8:8">
      <c r="H598604" s="12"/>
    </row>
    <row r="598605" spans="8:8">
      <c r="H598605" s="12"/>
    </row>
    <row r="598606" spans="8:8">
      <c r="H598606" s="12"/>
    </row>
    <row r="598607" spans="8:8">
      <c r="H598607" s="12"/>
    </row>
    <row r="598608" spans="8:8">
      <c r="H598608" s="12"/>
    </row>
    <row r="598609" spans="8:8">
      <c r="H598609" s="12"/>
    </row>
    <row r="598610" spans="8:8">
      <c r="H598610" s="12"/>
    </row>
    <row r="598611" spans="8:8">
      <c r="H598611" s="12"/>
    </row>
    <row r="598612" spans="8:8">
      <c r="H598612" s="12"/>
    </row>
    <row r="598613" spans="8:8">
      <c r="H598613" s="12"/>
    </row>
    <row r="598614" spans="8:8">
      <c r="H598614" s="12"/>
    </row>
    <row r="598615" spans="8:8">
      <c r="H598615" s="12"/>
    </row>
    <row r="598616" spans="8:8">
      <c r="H598616" s="12"/>
    </row>
    <row r="598617" spans="8:8">
      <c r="H598617" s="12"/>
    </row>
    <row r="598618" spans="8:8">
      <c r="H598618" s="12"/>
    </row>
    <row r="598619" spans="8:8">
      <c r="H598619" s="12"/>
    </row>
    <row r="598620" spans="8:8">
      <c r="H598620" s="12"/>
    </row>
    <row r="598621" spans="8:8">
      <c r="H598621" s="12"/>
    </row>
    <row r="598622" spans="8:8">
      <c r="H598622" s="12"/>
    </row>
    <row r="598623" spans="8:8">
      <c r="H598623" s="12"/>
    </row>
    <row r="598624" spans="8:8">
      <c r="H598624" s="12"/>
    </row>
    <row r="598625" spans="8:8">
      <c r="H598625" s="12"/>
    </row>
    <row r="598626" spans="8:8">
      <c r="H598626" s="12"/>
    </row>
    <row r="598627" spans="8:8">
      <c r="H598627" s="12"/>
    </row>
    <row r="598628" spans="8:8">
      <c r="H598628" s="12"/>
    </row>
    <row r="598629" spans="8:8">
      <c r="H598629" s="12"/>
    </row>
    <row r="598630" spans="8:8">
      <c r="H598630" s="12"/>
    </row>
    <row r="598631" spans="8:8">
      <c r="H598631" s="12"/>
    </row>
    <row r="598632" spans="8:8">
      <c r="H598632" s="12"/>
    </row>
    <row r="598633" spans="8:8">
      <c r="H598633" s="12"/>
    </row>
    <row r="598634" spans="8:8">
      <c r="H598634" s="12"/>
    </row>
    <row r="598635" spans="8:8">
      <c r="H598635" s="12"/>
    </row>
    <row r="598636" spans="8:8">
      <c r="H598636" s="12"/>
    </row>
    <row r="598637" spans="8:8">
      <c r="H598637" s="12"/>
    </row>
    <row r="598638" spans="8:8">
      <c r="H598638" s="12"/>
    </row>
    <row r="598639" spans="8:8">
      <c r="H598639" s="12"/>
    </row>
    <row r="598640" spans="8:8">
      <c r="H598640" s="12"/>
    </row>
    <row r="598641" spans="8:8">
      <c r="H598641" s="12"/>
    </row>
    <row r="598642" spans="8:8">
      <c r="H598642" s="12"/>
    </row>
    <row r="598643" spans="8:8">
      <c r="H598643" s="12"/>
    </row>
    <row r="598644" spans="8:8">
      <c r="H598644" s="12"/>
    </row>
    <row r="598645" spans="8:8">
      <c r="H598645" s="12"/>
    </row>
    <row r="598646" spans="8:8">
      <c r="H598646" s="12"/>
    </row>
    <row r="598647" spans="8:8">
      <c r="H598647" s="12"/>
    </row>
    <row r="598648" spans="8:8">
      <c r="H598648" s="12"/>
    </row>
    <row r="598649" spans="8:8">
      <c r="H598649" s="12"/>
    </row>
    <row r="598650" spans="8:8">
      <c r="H598650" s="12"/>
    </row>
    <row r="598651" spans="8:8">
      <c r="H598651" s="12"/>
    </row>
    <row r="598652" spans="8:8">
      <c r="H598652" s="12"/>
    </row>
    <row r="598653" spans="8:8">
      <c r="H598653" s="12"/>
    </row>
    <row r="598654" spans="8:8">
      <c r="H598654" s="12"/>
    </row>
    <row r="598655" spans="8:8">
      <c r="H598655" s="12"/>
    </row>
    <row r="598656" spans="8:8">
      <c r="H598656" s="12"/>
    </row>
    <row r="598657" spans="8:8">
      <c r="H598657" s="12"/>
    </row>
    <row r="598658" spans="8:8">
      <c r="H598658" s="12"/>
    </row>
    <row r="598659" spans="8:8">
      <c r="H598659" s="12"/>
    </row>
    <row r="598660" spans="8:8">
      <c r="H598660" s="12"/>
    </row>
    <row r="598661" spans="8:8">
      <c r="H598661" s="12"/>
    </row>
    <row r="598662" spans="8:8">
      <c r="H598662" s="12"/>
    </row>
    <row r="598663" spans="8:8">
      <c r="H598663" s="12"/>
    </row>
    <row r="598664" spans="8:8">
      <c r="H598664" s="12"/>
    </row>
    <row r="598665" spans="8:8">
      <c r="H598665" s="12"/>
    </row>
    <row r="598666" spans="8:8">
      <c r="H598666" s="12"/>
    </row>
    <row r="598667" spans="8:8">
      <c r="H598667" s="12"/>
    </row>
    <row r="598668" spans="8:8">
      <c r="H598668" s="12"/>
    </row>
    <row r="598669" spans="8:8">
      <c r="H598669" s="12"/>
    </row>
    <row r="598670" spans="8:8">
      <c r="H598670" s="12"/>
    </row>
    <row r="598671" spans="8:8">
      <c r="H598671" s="12"/>
    </row>
    <row r="598672" spans="8:8">
      <c r="H598672" s="12"/>
    </row>
    <row r="598673" spans="8:8">
      <c r="H598673" s="12"/>
    </row>
    <row r="598674" spans="8:8">
      <c r="H598674" s="12"/>
    </row>
    <row r="598675" spans="8:8">
      <c r="H598675" s="12"/>
    </row>
    <row r="598676" spans="8:8">
      <c r="H598676" s="12"/>
    </row>
    <row r="598677" spans="8:8">
      <c r="H598677" s="12"/>
    </row>
    <row r="598678" spans="8:8">
      <c r="H598678" s="12"/>
    </row>
    <row r="598679" spans="8:8">
      <c r="H598679" s="12"/>
    </row>
    <row r="598680" spans="8:8">
      <c r="H598680" s="12"/>
    </row>
    <row r="598681" spans="8:8">
      <c r="H598681" s="12"/>
    </row>
    <row r="598682" spans="8:8">
      <c r="H598682" s="12"/>
    </row>
    <row r="598683" spans="8:8">
      <c r="H598683" s="12"/>
    </row>
    <row r="598684" spans="8:8">
      <c r="H598684" s="12"/>
    </row>
    <row r="598685" spans="8:8">
      <c r="H598685" s="12"/>
    </row>
    <row r="598686" spans="8:8">
      <c r="H598686" s="12"/>
    </row>
    <row r="598687" spans="8:8">
      <c r="H598687" s="12"/>
    </row>
    <row r="598688" spans="8:8">
      <c r="H598688" s="12"/>
    </row>
    <row r="598689" spans="8:8">
      <c r="H598689" s="12"/>
    </row>
    <row r="598690" spans="8:8">
      <c r="H598690" s="12"/>
    </row>
    <row r="598691" spans="8:8">
      <c r="H598691" s="12"/>
    </row>
    <row r="598692" spans="8:8">
      <c r="H598692" s="12"/>
    </row>
    <row r="598693" spans="8:8">
      <c r="H598693" s="12"/>
    </row>
    <row r="598694" spans="8:8">
      <c r="H598694" s="12"/>
    </row>
    <row r="598695" spans="8:8">
      <c r="H598695" s="12"/>
    </row>
    <row r="598696" spans="8:8">
      <c r="H598696" s="12"/>
    </row>
    <row r="598697" spans="8:8">
      <c r="H598697" s="12"/>
    </row>
    <row r="598698" spans="8:8">
      <c r="H598698" s="12"/>
    </row>
    <row r="598699" spans="8:8">
      <c r="H598699" s="12"/>
    </row>
    <row r="598700" spans="8:8">
      <c r="H598700" s="12"/>
    </row>
    <row r="598701" spans="8:8">
      <c r="H598701" s="12"/>
    </row>
    <row r="598702" spans="8:8">
      <c r="H598702" s="12"/>
    </row>
    <row r="598703" spans="8:8">
      <c r="H598703" s="12"/>
    </row>
    <row r="598704" spans="8:8">
      <c r="H598704" s="12"/>
    </row>
    <row r="598705" spans="8:8">
      <c r="H598705" s="12"/>
    </row>
    <row r="598706" spans="8:8">
      <c r="H598706" s="12"/>
    </row>
    <row r="598707" spans="8:8">
      <c r="H598707" s="12"/>
    </row>
    <row r="598708" spans="8:8">
      <c r="H598708" s="12"/>
    </row>
    <row r="598709" spans="8:8">
      <c r="H598709" s="12"/>
    </row>
    <row r="598710" spans="8:8">
      <c r="H598710" s="12"/>
    </row>
    <row r="598711" spans="8:8">
      <c r="H598711" s="12"/>
    </row>
    <row r="598712" spans="8:8">
      <c r="H598712" s="12"/>
    </row>
    <row r="598713" spans="8:8">
      <c r="H598713" s="12"/>
    </row>
    <row r="598714" spans="8:8">
      <c r="H598714" s="12"/>
    </row>
    <row r="598715" spans="8:8">
      <c r="H598715" s="12"/>
    </row>
    <row r="598716" spans="8:8">
      <c r="H598716" s="12"/>
    </row>
    <row r="598717" spans="8:8">
      <c r="H598717" s="12"/>
    </row>
    <row r="598718" spans="8:8">
      <c r="H598718" s="12"/>
    </row>
    <row r="598719" spans="8:8">
      <c r="H598719" s="12"/>
    </row>
    <row r="598720" spans="8:8">
      <c r="H598720" s="12"/>
    </row>
    <row r="598721" spans="8:8">
      <c r="H598721" s="12"/>
    </row>
    <row r="598722" spans="8:8">
      <c r="H598722" s="12"/>
    </row>
    <row r="598723" spans="8:8">
      <c r="H598723" s="12"/>
    </row>
    <row r="598724" spans="8:8">
      <c r="H598724" s="12"/>
    </row>
    <row r="598725" spans="8:8">
      <c r="H598725" s="12"/>
    </row>
    <row r="598726" spans="8:8">
      <c r="H598726" s="12"/>
    </row>
    <row r="598727" spans="8:8">
      <c r="H598727" s="12"/>
    </row>
    <row r="598728" spans="8:8">
      <c r="H598728" s="12"/>
    </row>
    <row r="598729" spans="8:8">
      <c r="H598729" s="12"/>
    </row>
    <row r="598730" spans="8:8">
      <c r="H598730" s="12"/>
    </row>
    <row r="598731" spans="8:8">
      <c r="H598731" s="12"/>
    </row>
    <row r="598732" spans="8:8">
      <c r="H598732" s="12"/>
    </row>
    <row r="598733" spans="8:8">
      <c r="H598733" s="12"/>
    </row>
    <row r="598734" spans="8:8">
      <c r="H598734" s="12"/>
    </row>
    <row r="598735" spans="8:8">
      <c r="H598735" s="12"/>
    </row>
    <row r="598736" spans="8:8">
      <c r="H598736" s="12"/>
    </row>
    <row r="598737" spans="8:8">
      <c r="H598737" s="12"/>
    </row>
    <row r="598738" spans="8:8">
      <c r="H598738" s="12"/>
    </row>
    <row r="598739" spans="8:8">
      <c r="H598739" s="12"/>
    </row>
    <row r="598740" spans="8:8">
      <c r="H598740" s="12"/>
    </row>
    <row r="598741" spans="8:8">
      <c r="H598741" s="12"/>
    </row>
    <row r="598742" spans="8:8">
      <c r="H598742" s="12"/>
    </row>
    <row r="598743" spans="8:8">
      <c r="H598743" s="12"/>
    </row>
    <row r="598744" spans="8:8">
      <c r="H598744" s="12"/>
    </row>
    <row r="598745" spans="8:8">
      <c r="H598745" s="12"/>
    </row>
    <row r="598746" spans="8:8">
      <c r="H598746" s="12"/>
    </row>
    <row r="598747" spans="8:8">
      <c r="H598747" s="12"/>
    </row>
    <row r="598748" spans="8:8">
      <c r="H598748" s="12"/>
    </row>
    <row r="598749" spans="8:8">
      <c r="H598749" s="12"/>
    </row>
    <row r="598750" spans="8:8">
      <c r="H598750" s="12"/>
    </row>
    <row r="598751" spans="8:8">
      <c r="H598751" s="12"/>
    </row>
    <row r="598752" spans="8:8">
      <c r="H598752" s="12"/>
    </row>
    <row r="598753" spans="8:8">
      <c r="H598753" s="12"/>
    </row>
    <row r="598754" spans="8:8">
      <c r="H598754" s="12"/>
    </row>
    <row r="598755" spans="8:8">
      <c r="H598755" s="12"/>
    </row>
    <row r="598756" spans="8:8">
      <c r="H598756" s="12"/>
    </row>
    <row r="598757" spans="8:8">
      <c r="H598757" s="12"/>
    </row>
    <row r="598758" spans="8:8">
      <c r="H598758" s="12"/>
    </row>
    <row r="598759" spans="8:8">
      <c r="H598759" s="12"/>
    </row>
    <row r="598760" spans="8:8">
      <c r="H598760" s="12"/>
    </row>
    <row r="598761" spans="8:8">
      <c r="H598761" s="12"/>
    </row>
    <row r="598762" spans="8:8">
      <c r="H598762" s="12"/>
    </row>
    <row r="598763" spans="8:8">
      <c r="H598763" s="12"/>
    </row>
    <row r="598764" spans="8:8">
      <c r="H598764" s="12"/>
    </row>
    <row r="598765" spans="8:8">
      <c r="H598765" s="12"/>
    </row>
    <row r="598766" spans="8:8">
      <c r="H598766" s="12"/>
    </row>
    <row r="598767" spans="8:8">
      <c r="H598767" s="12"/>
    </row>
    <row r="598768" spans="8:8">
      <c r="H598768" s="12"/>
    </row>
    <row r="598769" spans="8:8">
      <c r="H598769" s="12"/>
    </row>
    <row r="598770" spans="8:8">
      <c r="H598770" s="12"/>
    </row>
    <row r="598771" spans="8:8">
      <c r="H598771" s="12"/>
    </row>
    <row r="598772" spans="8:8">
      <c r="H598772" s="12"/>
    </row>
    <row r="598773" spans="8:8">
      <c r="H598773" s="12"/>
    </row>
    <row r="598774" spans="8:8">
      <c r="H598774" s="12"/>
    </row>
    <row r="598775" spans="8:8">
      <c r="H598775" s="12"/>
    </row>
    <row r="598776" spans="8:8">
      <c r="H598776" s="12"/>
    </row>
    <row r="598777" spans="8:8">
      <c r="H598777" s="12"/>
    </row>
    <row r="598778" spans="8:8">
      <c r="H598778" s="12"/>
    </row>
    <row r="598779" spans="8:8">
      <c r="H598779" s="12"/>
    </row>
    <row r="598780" spans="8:8">
      <c r="H598780" s="12"/>
    </row>
    <row r="598781" spans="8:8">
      <c r="H598781" s="12"/>
    </row>
    <row r="598782" spans="8:8">
      <c r="H598782" s="12"/>
    </row>
    <row r="598783" spans="8:8">
      <c r="H598783" s="12"/>
    </row>
    <row r="598784" spans="8:8">
      <c r="H598784" s="12"/>
    </row>
    <row r="598785" spans="8:8">
      <c r="H598785" s="12"/>
    </row>
    <row r="598786" spans="8:8">
      <c r="H598786" s="12"/>
    </row>
    <row r="598787" spans="8:8">
      <c r="H598787" s="12"/>
    </row>
    <row r="598788" spans="8:8">
      <c r="H598788" s="12"/>
    </row>
    <row r="598789" spans="8:8">
      <c r="H598789" s="12"/>
    </row>
    <row r="598790" spans="8:8">
      <c r="H598790" s="12"/>
    </row>
    <row r="598791" spans="8:8">
      <c r="H598791" s="12"/>
    </row>
    <row r="598792" spans="8:8">
      <c r="H598792" s="12"/>
    </row>
    <row r="598793" spans="8:8">
      <c r="H598793" s="12"/>
    </row>
    <row r="598794" spans="8:8">
      <c r="H598794" s="12"/>
    </row>
    <row r="598795" spans="8:8">
      <c r="H598795" s="12"/>
    </row>
    <row r="598796" spans="8:8">
      <c r="H598796" s="12"/>
    </row>
    <row r="598797" spans="8:8">
      <c r="H598797" s="12"/>
    </row>
    <row r="598798" spans="8:8">
      <c r="H598798" s="12"/>
    </row>
    <row r="598799" spans="8:8">
      <c r="H598799" s="12"/>
    </row>
    <row r="598800" spans="8:8">
      <c r="H598800" s="12"/>
    </row>
    <row r="598801" spans="8:8">
      <c r="H598801" s="12"/>
    </row>
    <row r="598802" spans="8:8">
      <c r="H598802" s="12"/>
    </row>
    <row r="598803" spans="8:8">
      <c r="H598803" s="12"/>
    </row>
    <row r="598804" spans="8:8">
      <c r="H598804" s="12"/>
    </row>
    <row r="598805" spans="8:8">
      <c r="H598805" s="12"/>
    </row>
    <row r="598806" spans="8:8">
      <c r="H598806" s="12"/>
    </row>
    <row r="598807" spans="8:8">
      <c r="H598807" s="12"/>
    </row>
    <row r="598808" spans="8:8">
      <c r="H598808" s="12"/>
    </row>
    <row r="598809" spans="8:8">
      <c r="H598809" s="12"/>
    </row>
    <row r="598810" spans="8:8">
      <c r="H598810" s="12"/>
    </row>
    <row r="598811" spans="8:8">
      <c r="H598811" s="12"/>
    </row>
    <row r="598812" spans="8:8">
      <c r="H598812" s="12"/>
    </row>
    <row r="598813" spans="8:8">
      <c r="H598813" s="12"/>
    </row>
    <row r="598814" spans="8:8">
      <c r="H598814" s="12"/>
    </row>
    <row r="598815" spans="8:8">
      <c r="H598815" s="12"/>
    </row>
    <row r="598816" spans="8:8">
      <c r="H598816" s="12"/>
    </row>
    <row r="598817" spans="8:8">
      <c r="H598817" s="12"/>
    </row>
    <row r="598818" spans="8:8">
      <c r="H598818" s="12"/>
    </row>
    <row r="598819" spans="8:8">
      <c r="H598819" s="12"/>
    </row>
    <row r="598820" spans="8:8">
      <c r="H598820" s="12"/>
    </row>
    <row r="598821" spans="8:8">
      <c r="H598821" s="12"/>
    </row>
    <row r="598822" spans="8:8">
      <c r="H598822" s="12"/>
    </row>
    <row r="598823" spans="8:8">
      <c r="H598823" s="12"/>
    </row>
    <row r="598824" spans="8:8">
      <c r="H598824" s="12"/>
    </row>
    <row r="598825" spans="8:8">
      <c r="H598825" s="12"/>
    </row>
    <row r="598826" spans="8:8">
      <c r="H598826" s="12"/>
    </row>
    <row r="598827" spans="8:8">
      <c r="H598827" s="12"/>
    </row>
    <row r="598828" spans="8:8">
      <c r="H598828" s="12"/>
    </row>
    <row r="598829" spans="8:8">
      <c r="H598829" s="12"/>
    </row>
    <row r="598830" spans="8:8">
      <c r="H598830" s="12"/>
    </row>
    <row r="598831" spans="8:8">
      <c r="H598831" s="12"/>
    </row>
    <row r="598832" spans="8:8">
      <c r="H598832" s="12"/>
    </row>
    <row r="598833" spans="8:8">
      <c r="H598833" s="12"/>
    </row>
    <row r="598834" spans="8:8">
      <c r="H598834" s="12"/>
    </row>
    <row r="598835" spans="8:8">
      <c r="H598835" s="12"/>
    </row>
    <row r="598836" spans="8:8">
      <c r="H598836" s="12"/>
    </row>
    <row r="598837" spans="8:8">
      <c r="H598837" s="12"/>
    </row>
    <row r="598838" spans="8:8">
      <c r="H598838" s="12"/>
    </row>
    <row r="598839" spans="8:8">
      <c r="H598839" s="12"/>
    </row>
    <row r="598840" spans="8:8">
      <c r="H598840" s="12"/>
    </row>
    <row r="598841" spans="8:8">
      <c r="H598841" s="12"/>
    </row>
    <row r="598842" spans="8:8">
      <c r="H598842" s="12"/>
    </row>
    <row r="598843" spans="8:8">
      <c r="H598843" s="12"/>
    </row>
    <row r="598844" spans="8:8">
      <c r="H598844" s="12"/>
    </row>
    <row r="598845" spans="8:8">
      <c r="H598845" s="12"/>
    </row>
    <row r="598846" spans="8:8">
      <c r="H598846" s="12"/>
    </row>
    <row r="598847" spans="8:8">
      <c r="H598847" s="12"/>
    </row>
    <row r="598848" spans="8:8">
      <c r="H598848" s="12"/>
    </row>
    <row r="598849" spans="8:8">
      <c r="H598849" s="12"/>
    </row>
    <row r="598850" spans="8:8">
      <c r="H598850" s="12"/>
    </row>
    <row r="598851" spans="8:8">
      <c r="H598851" s="12"/>
    </row>
    <row r="598852" spans="8:8">
      <c r="H598852" s="12"/>
    </row>
    <row r="598853" spans="8:8">
      <c r="H598853" s="12"/>
    </row>
    <row r="598854" spans="8:8">
      <c r="H598854" s="12"/>
    </row>
    <row r="598855" spans="8:8">
      <c r="H598855" s="12"/>
    </row>
    <row r="598856" spans="8:8">
      <c r="H598856" s="12"/>
    </row>
    <row r="598857" spans="8:8">
      <c r="H598857" s="12"/>
    </row>
    <row r="598858" spans="8:8">
      <c r="H598858" s="12"/>
    </row>
    <row r="598859" spans="8:8">
      <c r="H598859" s="12"/>
    </row>
    <row r="598860" spans="8:8">
      <c r="H598860" s="12"/>
    </row>
    <row r="598861" spans="8:8">
      <c r="H598861" s="12"/>
    </row>
    <row r="598862" spans="8:8">
      <c r="H598862" s="12"/>
    </row>
    <row r="598863" spans="8:8">
      <c r="H598863" s="12"/>
    </row>
    <row r="598864" spans="8:8">
      <c r="H598864" s="12"/>
    </row>
    <row r="598865" spans="8:8">
      <c r="H598865" s="12"/>
    </row>
    <row r="598866" spans="8:8">
      <c r="H598866" s="12"/>
    </row>
    <row r="598867" spans="8:8">
      <c r="H598867" s="12"/>
    </row>
    <row r="598868" spans="8:8">
      <c r="H598868" s="12"/>
    </row>
    <row r="598869" spans="8:8">
      <c r="H598869" s="12"/>
    </row>
    <row r="598870" spans="8:8">
      <c r="H598870" s="12"/>
    </row>
    <row r="598871" spans="8:8">
      <c r="H598871" s="12"/>
    </row>
    <row r="598872" spans="8:8">
      <c r="H598872" s="12"/>
    </row>
    <row r="598873" spans="8:8">
      <c r="H598873" s="12"/>
    </row>
    <row r="598874" spans="8:8">
      <c r="H598874" s="12"/>
    </row>
    <row r="598875" spans="8:8">
      <c r="H598875" s="12"/>
    </row>
    <row r="598876" spans="8:8">
      <c r="H598876" s="12"/>
    </row>
    <row r="598877" spans="8:8">
      <c r="H598877" s="12"/>
    </row>
    <row r="598878" spans="8:8">
      <c r="H598878" s="12"/>
    </row>
    <row r="598879" spans="8:8">
      <c r="H598879" s="12"/>
    </row>
    <row r="598880" spans="8:8">
      <c r="H598880" s="12"/>
    </row>
    <row r="598881" spans="8:8">
      <c r="H598881" s="12"/>
    </row>
    <row r="598882" spans="8:8">
      <c r="H598882" s="12"/>
    </row>
    <row r="598883" spans="8:8">
      <c r="H598883" s="12"/>
    </row>
    <row r="598884" spans="8:8">
      <c r="H598884" s="12"/>
    </row>
    <row r="598885" spans="8:8">
      <c r="H598885" s="12"/>
    </row>
    <row r="598886" spans="8:8">
      <c r="H598886" s="12"/>
    </row>
    <row r="598887" spans="8:8">
      <c r="H598887" s="12"/>
    </row>
    <row r="598888" spans="8:8">
      <c r="H598888" s="12"/>
    </row>
    <row r="598889" spans="8:8">
      <c r="H598889" s="12"/>
    </row>
    <row r="598890" spans="8:8">
      <c r="H598890" s="12"/>
    </row>
    <row r="598891" spans="8:8">
      <c r="H598891" s="12"/>
    </row>
    <row r="598892" spans="8:8">
      <c r="H598892" s="12"/>
    </row>
    <row r="598893" spans="8:8">
      <c r="H598893" s="12"/>
    </row>
    <row r="598894" spans="8:8">
      <c r="H598894" s="12"/>
    </row>
    <row r="598895" spans="8:8">
      <c r="H598895" s="12"/>
    </row>
    <row r="598896" spans="8:8">
      <c r="H598896" s="12"/>
    </row>
    <row r="598897" spans="8:8">
      <c r="H598897" s="12"/>
    </row>
    <row r="598898" spans="8:8">
      <c r="H598898" s="12"/>
    </row>
    <row r="598899" spans="8:8">
      <c r="H598899" s="12"/>
    </row>
    <row r="598900" spans="8:8">
      <c r="H598900" s="12"/>
    </row>
    <row r="598901" spans="8:8">
      <c r="H598901" s="12"/>
    </row>
    <row r="598902" spans="8:8">
      <c r="H598902" s="12"/>
    </row>
    <row r="598903" spans="8:8">
      <c r="H598903" s="12"/>
    </row>
    <row r="598904" spans="8:8">
      <c r="H598904" s="12"/>
    </row>
    <row r="598905" spans="8:8">
      <c r="H598905" s="12"/>
    </row>
    <row r="598906" spans="8:8">
      <c r="H598906" s="12"/>
    </row>
    <row r="598907" spans="8:8">
      <c r="H598907" s="12"/>
    </row>
    <row r="598908" spans="8:8">
      <c r="H598908" s="12"/>
    </row>
    <row r="598909" spans="8:8">
      <c r="H598909" s="12"/>
    </row>
    <row r="598910" spans="8:8">
      <c r="H598910" s="12"/>
    </row>
    <row r="598911" spans="8:8">
      <c r="H598911" s="12"/>
    </row>
    <row r="598912" spans="8:8">
      <c r="H598912" s="12"/>
    </row>
    <row r="598913" spans="8:8">
      <c r="H598913" s="12"/>
    </row>
    <row r="598914" spans="8:8">
      <c r="H598914" s="12"/>
    </row>
    <row r="598915" spans="8:8">
      <c r="H598915" s="12"/>
    </row>
    <row r="598916" spans="8:8">
      <c r="H598916" s="12"/>
    </row>
    <row r="598917" spans="8:8">
      <c r="H598917" s="12"/>
    </row>
    <row r="598918" spans="8:8">
      <c r="H598918" s="12"/>
    </row>
    <row r="598919" spans="8:8">
      <c r="H598919" s="12"/>
    </row>
    <row r="598920" spans="8:8">
      <c r="H598920" s="12"/>
    </row>
    <row r="598921" spans="8:8">
      <c r="H598921" s="12"/>
    </row>
    <row r="598922" spans="8:8">
      <c r="H598922" s="12"/>
    </row>
    <row r="598923" spans="8:8">
      <c r="H598923" s="12"/>
    </row>
    <row r="598924" spans="8:8">
      <c r="H598924" s="12"/>
    </row>
    <row r="598925" spans="8:8">
      <c r="H598925" s="12"/>
    </row>
    <row r="598926" spans="8:8">
      <c r="H598926" s="12"/>
    </row>
    <row r="598927" spans="8:8">
      <c r="H598927" s="12"/>
    </row>
    <row r="598928" spans="8:8">
      <c r="H598928" s="12"/>
    </row>
    <row r="598929" spans="8:8">
      <c r="H598929" s="12"/>
    </row>
    <row r="598930" spans="8:8">
      <c r="H598930" s="12"/>
    </row>
    <row r="598931" spans="8:8">
      <c r="H598931" s="12"/>
    </row>
    <row r="598932" spans="8:8">
      <c r="H598932" s="12"/>
    </row>
    <row r="598933" spans="8:8">
      <c r="H598933" s="12"/>
    </row>
    <row r="598934" spans="8:8">
      <c r="H598934" s="12"/>
    </row>
    <row r="598935" spans="8:8">
      <c r="H598935" s="12"/>
    </row>
    <row r="598936" spans="8:8">
      <c r="H598936" s="12"/>
    </row>
    <row r="598937" spans="8:8">
      <c r="H598937" s="12"/>
    </row>
    <row r="598938" spans="8:8">
      <c r="H598938" s="12"/>
    </row>
    <row r="598939" spans="8:8">
      <c r="H598939" s="12"/>
    </row>
    <row r="598940" spans="8:8">
      <c r="H598940" s="12"/>
    </row>
    <row r="598941" spans="8:8">
      <c r="H598941" s="12"/>
    </row>
    <row r="598942" spans="8:8">
      <c r="H598942" s="12"/>
    </row>
    <row r="598943" spans="8:8">
      <c r="H598943" s="12"/>
    </row>
    <row r="598944" spans="8:8">
      <c r="H598944" s="12"/>
    </row>
    <row r="598945" spans="8:8">
      <c r="H598945" s="12"/>
    </row>
    <row r="598946" spans="8:8">
      <c r="H598946" s="12"/>
    </row>
    <row r="598947" spans="8:8">
      <c r="H598947" s="12"/>
    </row>
    <row r="598948" spans="8:8">
      <c r="H598948" s="12"/>
    </row>
    <row r="598949" spans="8:8">
      <c r="H598949" s="12"/>
    </row>
    <row r="598950" spans="8:8">
      <c r="H598950" s="12"/>
    </row>
    <row r="598951" spans="8:8">
      <c r="H598951" s="12"/>
    </row>
    <row r="598952" spans="8:8">
      <c r="H598952" s="12"/>
    </row>
    <row r="598953" spans="8:8">
      <c r="H598953" s="12"/>
    </row>
    <row r="598954" spans="8:8">
      <c r="H598954" s="12"/>
    </row>
    <row r="598955" spans="8:8">
      <c r="H598955" s="12"/>
    </row>
    <row r="598956" spans="8:8">
      <c r="H598956" s="12"/>
    </row>
    <row r="598957" spans="8:8">
      <c r="H598957" s="12"/>
    </row>
    <row r="598958" spans="8:8">
      <c r="H598958" s="12"/>
    </row>
    <row r="598959" spans="8:8">
      <c r="H598959" s="12"/>
    </row>
    <row r="598960" spans="8:8">
      <c r="H598960" s="12"/>
    </row>
    <row r="598961" spans="8:8">
      <c r="H598961" s="12"/>
    </row>
    <row r="598962" spans="8:8">
      <c r="H598962" s="12"/>
    </row>
    <row r="598963" spans="8:8">
      <c r="H598963" s="12"/>
    </row>
    <row r="598964" spans="8:8">
      <c r="H598964" s="12"/>
    </row>
    <row r="598965" spans="8:8">
      <c r="H598965" s="12"/>
    </row>
    <row r="598966" spans="8:8">
      <c r="H598966" s="12"/>
    </row>
    <row r="598967" spans="8:8">
      <c r="H598967" s="12"/>
    </row>
    <row r="598968" spans="8:8">
      <c r="H598968" s="12"/>
    </row>
    <row r="598969" spans="8:8">
      <c r="H598969" s="12"/>
    </row>
    <row r="598970" spans="8:8">
      <c r="H598970" s="12"/>
    </row>
    <row r="598971" spans="8:8">
      <c r="H598971" s="12"/>
    </row>
    <row r="598972" spans="8:8">
      <c r="H598972" s="12"/>
    </row>
    <row r="598973" spans="8:8">
      <c r="H598973" s="12"/>
    </row>
    <row r="598974" spans="8:8">
      <c r="H598974" s="12"/>
    </row>
    <row r="598975" spans="8:8">
      <c r="H598975" s="12"/>
    </row>
    <row r="598976" spans="8:8">
      <c r="H598976" s="12"/>
    </row>
    <row r="598977" spans="8:8">
      <c r="H598977" s="12"/>
    </row>
    <row r="598978" spans="8:8">
      <c r="H598978" s="12"/>
    </row>
    <row r="598979" spans="8:8">
      <c r="H598979" s="12"/>
    </row>
    <row r="598980" spans="8:8">
      <c r="H598980" s="12"/>
    </row>
    <row r="598981" spans="8:8">
      <c r="H598981" s="12"/>
    </row>
    <row r="598982" spans="8:8">
      <c r="H598982" s="12"/>
    </row>
    <row r="598983" spans="8:8">
      <c r="H598983" s="12"/>
    </row>
    <row r="598984" spans="8:8">
      <c r="H598984" s="12"/>
    </row>
    <row r="598985" spans="8:8">
      <c r="H598985" s="12"/>
    </row>
    <row r="598986" spans="8:8">
      <c r="H598986" s="12"/>
    </row>
    <row r="598987" spans="8:8">
      <c r="H598987" s="12"/>
    </row>
    <row r="598988" spans="8:8">
      <c r="H598988" s="12"/>
    </row>
    <row r="598989" spans="8:8">
      <c r="H598989" s="12"/>
    </row>
    <row r="598990" spans="8:8">
      <c r="H598990" s="12"/>
    </row>
    <row r="598991" spans="8:8">
      <c r="H598991" s="12"/>
    </row>
    <row r="598992" spans="8:8">
      <c r="H598992" s="12"/>
    </row>
    <row r="598993" spans="8:8">
      <c r="H598993" s="12"/>
    </row>
    <row r="598994" spans="8:8">
      <c r="H598994" s="12"/>
    </row>
    <row r="598995" spans="8:8">
      <c r="H598995" s="12"/>
    </row>
    <row r="598996" spans="8:8">
      <c r="H598996" s="12"/>
    </row>
    <row r="598997" spans="8:8">
      <c r="H598997" s="12"/>
    </row>
    <row r="598998" spans="8:8">
      <c r="H598998" s="12"/>
    </row>
    <row r="598999" spans="8:8">
      <c r="H598999" s="12"/>
    </row>
    <row r="599000" spans="8:8">
      <c r="H599000" s="12"/>
    </row>
    <row r="599001" spans="8:8">
      <c r="H599001" s="12"/>
    </row>
    <row r="599002" spans="8:8">
      <c r="H599002" s="12"/>
    </row>
    <row r="599003" spans="8:8">
      <c r="H599003" s="12"/>
    </row>
    <row r="599004" spans="8:8">
      <c r="H599004" s="12"/>
    </row>
    <row r="599005" spans="8:8">
      <c r="H599005" s="12"/>
    </row>
    <row r="599006" spans="8:8">
      <c r="H599006" s="12"/>
    </row>
    <row r="599007" spans="8:8">
      <c r="H599007" s="12"/>
    </row>
    <row r="599008" spans="8:8">
      <c r="H599008" s="12"/>
    </row>
    <row r="599009" spans="8:8">
      <c r="H599009" s="12"/>
    </row>
    <row r="599010" spans="8:8">
      <c r="H599010" s="12"/>
    </row>
    <row r="599011" spans="8:8">
      <c r="H599011" s="12"/>
    </row>
    <row r="599012" spans="8:8">
      <c r="H599012" s="12"/>
    </row>
    <row r="599013" spans="8:8">
      <c r="H599013" s="12"/>
    </row>
    <row r="599014" spans="8:8">
      <c r="H599014" s="12"/>
    </row>
    <row r="599015" spans="8:8">
      <c r="H599015" s="12"/>
    </row>
    <row r="599016" spans="8:8">
      <c r="H599016" s="12"/>
    </row>
    <row r="599017" spans="8:8">
      <c r="H599017" s="12"/>
    </row>
    <row r="599018" spans="8:8">
      <c r="H599018" s="12"/>
    </row>
    <row r="599019" spans="8:8">
      <c r="H599019" s="12"/>
    </row>
    <row r="599020" spans="8:8">
      <c r="H599020" s="12"/>
    </row>
    <row r="599021" spans="8:8">
      <c r="H599021" s="12"/>
    </row>
    <row r="599022" spans="8:8">
      <c r="H599022" s="12"/>
    </row>
    <row r="599023" spans="8:8">
      <c r="H599023" s="12"/>
    </row>
    <row r="599024" spans="8:8">
      <c r="H599024" s="12"/>
    </row>
    <row r="599025" spans="8:8">
      <c r="H599025" s="12"/>
    </row>
    <row r="599026" spans="8:8">
      <c r="H599026" s="12"/>
    </row>
    <row r="599027" spans="8:8">
      <c r="H599027" s="12"/>
    </row>
    <row r="599028" spans="8:8">
      <c r="H599028" s="12"/>
    </row>
    <row r="599029" spans="8:8">
      <c r="H599029" s="12"/>
    </row>
    <row r="599030" spans="8:8">
      <c r="H599030" s="12"/>
    </row>
    <row r="599031" spans="8:8">
      <c r="H599031" s="12"/>
    </row>
    <row r="599032" spans="8:8">
      <c r="H599032" s="12"/>
    </row>
    <row r="599033" spans="8:8">
      <c r="H599033" s="12"/>
    </row>
    <row r="599034" spans="8:8">
      <c r="H599034" s="12"/>
    </row>
    <row r="599035" spans="8:8">
      <c r="H599035" s="12"/>
    </row>
    <row r="599036" spans="8:8">
      <c r="H599036" s="12"/>
    </row>
    <row r="599037" spans="8:8">
      <c r="H599037" s="12"/>
    </row>
    <row r="599038" spans="8:8">
      <c r="H599038" s="12"/>
    </row>
    <row r="599039" spans="8:8">
      <c r="H599039" s="12"/>
    </row>
    <row r="599040" spans="8:8">
      <c r="H599040" s="12"/>
    </row>
    <row r="599041" spans="8:8">
      <c r="H599041" s="12"/>
    </row>
    <row r="599042" spans="8:8">
      <c r="H599042" s="12"/>
    </row>
    <row r="599043" spans="8:8">
      <c r="H599043" s="12"/>
    </row>
    <row r="599044" spans="8:8">
      <c r="H599044" s="12"/>
    </row>
    <row r="599045" spans="8:8">
      <c r="H599045" s="12"/>
    </row>
    <row r="599046" spans="8:8">
      <c r="H599046" s="12"/>
    </row>
    <row r="599047" spans="8:8">
      <c r="H599047" s="12"/>
    </row>
    <row r="599048" spans="8:8">
      <c r="H599048" s="12"/>
    </row>
    <row r="599049" spans="8:8">
      <c r="H599049" s="12"/>
    </row>
    <row r="599050" spans="8:8">
      <c r="H599050" s="12"/>
    </row>
    <row r="599051" spans="8:8">
      <c r="H599051" s="12"/>
    </row>
    <row r="599052" spans="8:8">
      <c r="H599052" s="12"/>
    </row>
    <row r="599053" spans="8:8">
      <c r="H599053" s="12"/>
    </row>
    <row r="599054" spans="8:8">
      <c r="H599054" s="12"/>
    </row>
    <row r="599055" spans="8:8">
      <c r="H599055" s="12"/>
    </row>
    <row r="599056" spans="8:8">
      <c r="H599056" s="12"/>
    </row>
    <row r="599057" spans="8:8">
      <c r="H599057" s="12"/>
    </row>
    <row r="599058" spans="8:8">
      <c r="H599058" s="12"/>
    </row>
    <row r="599059" spans="8:8">
      <c r="H599059" s="12"/>
    </row>
    <row r="599060" spans="8:8">
      <c r="H599060" s="12"/>
    </row>
    <row r="599061" spans="8:8">
      <c r="H599061" s="12"/>
    </row>
    <row r="599062" spans="8:8">
      <c r="H599062" s="12"/>
    </row>
    <row r="599063" spans="8:8">
      <c r="H599063" s="12"/>
    </row>
    <row r="599064" spans="8:8">
      <c r="H599064" s="12"/>
    </row>
    <row r="599065" spans="8:8">
      <c r="H599065" s="12"/>
    </row>
    <row r="599066" spans="8:8">
      <c r="H599066" s="12"/>
    </row>
    <row r="599067" spans="8:8">
      <c r="H599067" s="12"/>
    </row>
    <row r="599068" spans="8:8">
      <c r="H599068" s="12"/>
    </row>
    <row r="599069" spans="8:8">
      <c r="H599069" s="12"/>
    </row>
    <row r="599070" spans="8:8">
      <c r="H599070" s="12"/>
    </row>
    <row r="599071" spans="8:8">
      <c r="H599071" s="12"/>
    </row>
    <row r="599072" spans="8:8">
      <c r="H599072" s="12"/>
    </row>
    <row r="599073" spans="8:8">
      <c r="H599073" s="12"/>
    </row>
    <row r="599074" spans="8:8">
      <c r="H599074" s="12"/>
    </row>
    <row r="599075" spans="8:8">
      <c r="H599075" s="12"/>
    </row>
    <row r="599076" spans="8:8">
      <c r="H599076" s="12"/>
    </row>
    <row r="599077" spans="8:8">
      <c r="H599077" s="12"/>
    </row>
    <row r="599078" spans="8:8">
      <c r="H599078" s="12"/>
    </row>
    <row r="599079" spans="8:8">
      <c r="H599079" s="12"/>
    </row>
    <row r="599080" spans="8:8">
      <c r="H599080" s="12"/>
    </row>
    <row r="599081" spans="8:8">
      <c r="H599081" s="12"/>
    </row>
    <row r="599082" spans="8:8">
      <c r="H599082" s="12"/>
    </row>
    <row r="599083" spans="8:8">
      <c r="H599083" s="12"/>
    </row>
    <row r="599084" spans="8:8">
      <c r="H599084" s="12"/>
    </row>
    <row r="599085" spans="8:8">
      <c r="H599085" s="12"/>
    </row>
    <row r="599086" spans="8:8">
      <c r="H599086" s="12"/>
    </row>
    <row r="599087" spans="8:8">
      <c r="H599087" s="12"/>
    </row>
    <row r="599088" spans="8:8">
      <c r="H599088" s="12"/>
    </row>
    <row r="599089" spans="8:8">
      <c r="H599089" s="12"/>
    </row>
    <row r="599090" spans="8:8">
      <c r="H599090" s="12"/>
    </row>
    <row r="599091" spans="8:8">
      <c r="H599091" s="12"/>
    </row>
    <row r="599092" spans="8:8">
      <c r="H599092" s="12"/>
    </row>
    <row r="599093" spans="8:8">
      <c r="H599093" s="12"/>
    </row>
    <row r="599094" spans="8:8">
      <c r="H599094" s="12"/>
    </row>
    <row r="599095" spans="8:8">
      <c r="H599095" s="12"/>
    </row>
    <row r="599096" spans="8:8">
      <c r="H599096" s="12"/>
    </row>
    <row r="599097" spans="8:8">
      <c r="H599097" s="12"/>
    </row>
    <row r="599098" spans="8:8">
      <c r="H599098" s="12"/>
    </row>
    <row r="599099" spans="8:8">
      <c r="H599099" s="12"/>
    </row>
    <row r="599100" spans="8:8">
      <c r="H599100" s="12"/>
    </row>
    <row r="599101" spans="8:8">
      <c r="H599101" s="12"/>
    </row>
    <row r="599102" spans="8:8">
      <c r="H599102" s="12"/>
    </row>
    <row r="599103" spans="8:8">
      <c r="H599103" s="12"/>
    </row>
    <row r="599104" spans="8:8">
      <c r="H599104" s="12"/>
    </row>
    <row r="599105" spans="8:8">
      <c r="H599105" s="12"/>
    </row>
    <row r="599106" spans="8:8">
      <c r="H599106" s="12"/>
    </row>
    <row r="599107" spans="8:8">
      <c r="H599107" s="12"/>
    </row>
    <row r="599108" spans="8:8">
      <c r="H599108" s="12"/>
    </row>
    <row r="599109" spans="8:8">
      <c r="H599109" s="12"/>
    </row>
    <row r="599110" spans="8:8">
      <c r="H599110" s="12"/>
    </row>
    <row r="599111" spans="8:8">
      <c r="H599111" s="12"/>
    </row>
    <row r="599112" spans="8:8">
      <c r="H599112" s="12"/>
    </row>
    <row r="599113" spans="8:8">
      <c r="H599113" s="12"/>
    </row>
    <row r="599114" spans="8:8">
      <c r="H599114" s="12"/>
    </row>
    <row r="599115" spans="8:8">
      <c r="H599115" s="12"/>
    </row>
    <row r="599116" spans="8:8">
      <c r="H599116" s="12"/>
    </row>
    <row r="599117" spans="8:8">
      <c r="H599117" s="12"/>
    </row>
    <row r="599118" spans="8:8">
      <c r="H599118" s="12"/>
    </row>
    <row r="599119" spans="8:8">
      <c r="H599119" s="12"/>
    </row>
    <row r="599120" spans="8:8">
      <c r="H599120" s="12"/>
    </row>
    <row r="599121" spans="8:8">
      <c r="H599121" s="12"/>
    </row>
    <row r="599122" spans="8:8">
      <c r="H599122" s="12"/>
    </row>
    <row r="599123" spans="8:8">
      <c r="H599123" s="12"/>
    </row>
    <row r="599124" spans="8:8">
      <c r="H599124" s="12"/>
    </row>
    <row r="599125" spans="8:8">
      <c r="H599125" s="12"/>
    </row>
    <row r="599126" spans="8:8">
      <c r="H599126" s="12"/>
    </row>
    <row r="599127" spans="8:8">
      <c r="H599127" s="12"/>
    </row>
    <row r="599128" spans="8:8">
      <c r="H599128" s="12"/>
    </row>
    <row r="599129" spans="8:8">
      <c r="H599129" s="12"/>
    </row>
    <row r="599130" spans="8:8">
      <c r="H599130" s="12"/>
    </row>
    <row r="599131" spans="8:8">
      <c r="H599131" s="12"/>
    </row>
    <row r="599132" spans="8:8">
      <c r="H599132" s="12"/>
    </row>
    <row r="599133" spans="8:8">
      <c r="H599133" s="12"/>
    </row>
    <row r="599134" spans="8:8">
      <c r="H599134" s="12"/>
    </row>
    <row r="599135" spans="8:8">
      <c r="H599135" s="12"/>
    </row>
    <row r="599136" spans="8:8">
      <c r="H599136" s="12"/>
    </row>
    <row r="599137" spans="8:8">
      <c r="H599137" s="12"/>
    </row>
    <row r="599138" spans="8:8">
      <c r="H599138" s="12"/>
    </row>
    <row r="599139" spans="8:8">
      <c r="H599139" s="12"/>
    </row>
    <row r="599140" spans="8:8">
      <c r="H599140" s="12"/>
    </row>
    <row r="599141" spans="8:8">
      <c r="H599141" s="12"/>
    </row>
    <row r="599142" spans="8:8">
      <c r="H599142" s="12"/>
    </row>
    <row r="599143" spans="8:8">
      <c r="H599143" s="12"/>
    </row>
    <row r="599144" spans="8:8">
      <c r="H599144" s="12"/>
    </row>
    <row r="599145" spans="8:8">
      <c r="H599145" s="12"/>
    </row>
    <row r="599146" spans="8:8">
      <c r="H599146" s="12"/>
    </row>
    <row r="599147" spans="8:8">
      <c r="H599147" s="12"/>
    </row>
    <row r="599148" spans="8:8">
      <c r="H599148" s="12"/>
    </row>
    <row r="599149" spans="8:8">
      <c r="H599149" s="12"/>
    </row>
    <row r="599150" spans="8:8">
      <c r="H599150" s="12"/>
    </row>
    <row r="599151" spans="8:8">
      <c r="H599151" s="12"/>
    </row>
    <row r="599152" spans="8:8">
      <c r="H599152" s="12"/>
    </row>
    <row r="599153" spans="8:8">
      <c r="H599153" s="12"/>
    </row>
    <row r="599154" spans="8:8">
      <c r="H599154" s="12"/>
    </row>
    <row r="599155" spans="8:8">
      <c r="H599155" s="12"/>
    </row>
    <row r="599156" spans="8:8">
      <c r="H599156" s="12"/>
    </row>
    <row r="599157" spans="8:8">
      <c r="H599157" s="12"/>
    </row>
    <row r="599158" spans="8:8">
      <c r="H599158" s="12"/>
    </row>
    <row r="599159" spans="8:8">
      <c r="H599159" s="12"/>
    </row>
    <row r="599160" spans="8:8">
      <c r="H599160" s="12"/>
    </row>
    <row r="599161" spans="8:8">
      <c r="H599161" s="12"/>
    </row>
    <row r="599162" spans="8:8">
      <c r="H599162" s="12"/>
    </row>
    <row r="599163" spans="8:8">
      <c r="H599163" s="12"/>
    </row>
    <row r="599164" spans="8:8">
      <c r="H599164" s="12"/>
    </row>
    <row r="599165" spans="8:8">
      <c r="H599165" s="12"/>
    </row>
    <row r="599166" spans="8:8">
      <c r="H599166" s="12"/>
    </row>
    <row r="599167" spans="8:8">
      <c r="H599167" s="12"/>
    </row>
    <row r="599168" spans="8:8">
      <c r="H599168" s="12"/>
    </row>
    <row r="599169" spans="8:8">
      <c r="H599169" s="12"/>
    </row>
    <row r="599170" spans="8:8">
      <c r="H599170" s="12"/>
    </row>
    <row r="599171" spans="8:8">
      <c r="H599171" s="12"/>
    </row>
    <row r="599172" spans="8:8">
      <c r="H599172" s="12"/>
    </row>
    <row r="599173" spans="8:8">
      <c r="H599173" s="12"/>
    </row>
    <row r="599174" spans="8:8">
      <c r="H599174" s="12"/>
    </row>
    <row r="599175" spans="8:8">
      <c r="H599175" s="12"/>
    </row>
    <row r="599176" spans="8:8">
      <c r="H599176" s="12"/>
    </row>
    <row r="599177" spans="8:8">
      <c r="H599177" s="12"/>
    </row>
    <row r="599178" spans="8:8">
      <c r="H599178" s="12"/>
    </row>
    <row r="599179" spans="8:8">
      <c r="H599179" s="12"/>
    </row>
    <row r="599180" spans="8:8">
      <c r="H599180" s="12"/>
    </row>
    <row r="599181" spans="8:8">
      <c r="H599181" s="12"/>
    </row>
    <row r="599182" spans="8:8">
      <c r="H599182" s="12"/>
    </row>
    <row r="599183" spans="8:8">
      <c r="H599183" s="12"/>
    </row>
    <row r="599184" spans="8:8">
      <c r="H599184" s="12"/>
    </row>
    <row r="599185" spans="8:8">
      <c r="H599185" s="12"/>
    </row>
    <row r="599186" spans="8:8">
      <c r="H599186" s="12"/>
    </row>
    <row r="599187" spans="8:8">
      <c r="H599187" s="12"/>
    </row>
    <row r="599188" spans="8:8">
      <c r="H599188" s="12"/>
    </row>
    <row r="599189" spans="8:8">
      <c r="H599189" s="12"/>
    </row>
    <row r="599190" spans="8:8">
      <c r="H599190" s="12"/>
    </row>
    <row r="599191" spans="8:8">
      <c r="H599191" s="12"/>
    </row>
    <row r="599192" spans="8:8">
      <c r="H599192" s="12"/>
    </row>
    <row r="599193" spans="8:8">
      <c r="H599193" s="12"/>
    </row>
    <row r="599194" spans="8:8">
      <c r="H599194" s="12"/>
    </row>
    <row r="599195" spans="8:8">
      <c r="H599195" s="12"/>
    </row>
    <row r="599196" spans="8:8">
      <c r="H599196" s="12"/>
    </row>
    <row r="599197" spans="8:8">
      <c r="H599197" s="12"/>
    </row>
    <row r="599198" spans="8:8">
      <c r="H599198" s="12"/>
    </row>
    <row r="599199" spans="8:8">
      <c r="H599199" s="12"/>
    </row>
    <row r="599200" spans="8:8">
      <c r="H599200" s="12"/>
    </row>
    <row r="599201" spans="8:8">
      <c r="H599201" s="12"/>
    </row>
    <row r="599202" spans="8:8">
      <c r="H599202" s="12"/>
    </row>
    <row r="599203" spans="8:8">
      <c r="H599203" s="12"/>
    </row>
    <row r="599204" spans="8:8">
      <c r="H599204" s="12"/>
    </row>
    <row r="599205" spans="8:8">
      <c r="H599205" s="12"/>
    </row>
    <row r="599206" spans="8:8">
      <c r="H599206" s="12"/>
    </row>
    <row r="599207" spans="8:8">
      <c r="H599207" s="12"/>
    </row>
    <row r="599208" spans="8:8">
      <c r="H599208" s="12"/>
    </row>
    <row r="599209" spans="8:8">
      <c r="H599209" s="12"/>
    </row>
    <row r="599210" spans="8:8">
      <c r="H599210" s="12"/>
    </row>
    <row r="599211" spans="8:8">
      <c r="H599211" s="12"/>
    </row>
    <row r="599212" spans="8:8">
      <c r="H599212" s="12"/>
    </row>
    <row r="599213" spans="8:8">
      <c r="H599213" s="12"/>
    </row>
    <row r="599214" spans="8:8">
      <c r="H599214" s="12"/>
    </row>
    <row r="599215" spans="8:8">
      <c r="H599215" s="12"/>
    </row>
    <row r="599216" spans="8:8">
      <c r="H599216" s="12"/>
    </row>
    <row r="599217" spans="8:8">
      <c r="H599217" s="12"/>
    </row>
    <row r="599218" spans="8:8">
      <c r="H599218" s="12"/>
    </row>
    <row r="599219" spans="8:8">
      <c r="H599219" s="12"/>
    </row>
    <row r="599220" spans="8:8">
      <c r="H599220" s="12"/>
    </row>
    <row r="599221" spans="8:8">
      <c r="H599221" s="12"/>
    </row>
    <row r="599222" spans="8:8">
      <c r="H599222" s="12"/>
    </row>
    <row r="599223" spans="8:8">
      <c r="H599223" s="12"/>
    </row>
    <row r="599224" spans="8:8">
      <c r="H599224" s="12"/>
    </row>
    <row r="599225" spans="8:8">
      <c r="H599225" s="12"/>
    </row>
    <row r="599226" spans="8:8">
      <c r="H599226" s="12"/>
    </row>
    <row r="599227" spans="8:8">
      <c r="H599227" s="12"/>
    </row>
    <row r="599228" spans="8:8">
      <c r="H599228" s="12"/>
    </row>
    <row r="599229" spans="8:8">
      <c r="H599229" s="12"/>
    </row>
    <row r="599230" spans="8:8">
      <c r="H599230" s="12"/>
    </row>
    <row r="599231" spans="8:8">
      <c r="H599231" s="12"/>
    </row>
    <row r="599232" spans="8:8">
      <c r="H599232" s="12"/>
    </row>
    <row r="599233" spans="8:8">
      <c r="H599233" s="12"/>
    </row>
    <row r="599234" spans="8:8">
      <c r="H599234" s="12"/>
    </row>
    <row r="599235" spans="8:8">
      <c r="H599235" s="12"/>
    </row>
    <row r="599236" spans="8:8">
      <c r="H599236" s="12"/>
    </row>
    <row r="599237" spans="8:8">
      <c r="H599237" s="12"/>
    </row>
    <row r="599238" spans="8:8">
      <c r="H599238" s="12"/>
    </row>
    <row r="599239" spans="8:8">
      <c r="H599239" s="12"/>
    </row>
    <row r="599240" spans="8:8">
      <c r="H599240" s="12"/>
    </row>
    <row r="599241" spans="8:8">
      <c r="H599241" s="12"/>
    </row>
    <row r="599242" spans="8:8">
      <c r="H599242" s="12"/>
    </row>
    <row r="599243" spans="8:8">
      <c r="H599243" s="12"/>
    </row>
    <row r="599244" spans="8:8">
      <c r="H599244" s="12"/>
    </row>
    <row r="599245" spans="8:8">
      <c r="H599245" s="12"/>
    </row>
    <row r="599246" spans="8:8">
      <c r="H599246" s="12"/>
    </row>
    <row r="599247" spans="8:8">
      <c r="H599247" s="12"/>
    </row>
    <row r="599248" spans="8:8">
      <c r="H599248" s="12"/>
    </row>
    <row r="599249" spans="8:8">
      <c r="H599249" s="12"/>
    </row>
    <row r="599250" spans="8:8">
      <c r="H599250" s="12"/>
    </row>
    <row r="599251" spans="8:8">
      <c r="H599251" s="12"/>
    </row>
    <row r="599252" spans="8:8">
      <c r="H599252" s="12"/>
    </row>
    <row r="599253" spans="8:8">
      <c r="H599253" s="12"/>
    </row>
    <row r="599254" spans="8:8">
      <c r="H599254" s="12"/>
    </row>
    <row r="599255" spans="8:8">
      <c r="H599255" s="12"/>
    </row>
    <row r="599256" spans="8:8">
      <c r="H599256" s="12"/>
    </row>
    <row r="599257" spans="8:8">
      <c r="H599257" s="12"/>
    </row>
    <row r="599258" spans="8:8">
      <c r="H599258" s="12"/>
    </row>
    <row r="599259" spans="8:8">
      <c r="H599259" s="12"/>
    </row>
    <row r="599260" spans="8:8">
      <c r="H599260" s="12"/>
    </row>
    <row r="599261" spans="8:8">
      <c r="H599261" s="12"/>
    </row>
    <row r="599262" spans="8:8">
      <c r="H599262" s="12"/>
    </row>
    <row r="599263" spans="8:8">
      <c r="H599263" s="12"/>
    </row>
    <row r="599264" spans="8:8">
      <c r="H599264" s="12"/>
    </row>
    <row r="599265" spans="8:8">
      <c r="H599265" s="12"/>
    </row>
    <row r="599266" spans="8:8">
      <c r="H599266" s="12"/>
    </row>
    <row r="599267" spans="8:8">
      <c r="H599267" s="12"/>
    </row>
    <row r="599268" spans="8:8">
      <c r="H599268" s="12"/>
    </row>
    <row r="599269" spans="8:8">
      <c r="H599269" s="12"/>
    </row>
    <row r="599270" spans="8:8">
      <c r="H599270" s="12"/>
    </row>
    <row r="599271" spans="8:8">
      <c r="H599271" s="12"/>
    </row>
    <row r="599272" spans="8:8">
      <c r="H599272" s="12"/>
    </row>
    <row r="599273" spans="8:8">
      <c r="H599273" s="12"/>
    </row>
    <row r="599274" spans="8:8">
      <c r="H599274" s="12"/>
    </row>
    <row r="599275" spans="8:8">
      <c r="H599275" s="12"/>
    </row>
    <row r="599276" spans="8:8">
      <c r="H599276" s="12"/>
    </row>
    <row r="599277" spans="8:8">
      <c r="H599277" s="12"/>
    </row>
    <row r="599278" spans="8:8">
      <c r="H599278" s="12"/>
    </row>
    <row r="599279" spans="8:8">
      <c r="H599279" s="12"/>
    </row>
    <row r="599280" spans="8:8">
      <c r="H599280" s="12"/>
    </row>
    <row r="599281" spans="8:8">
      <c r="H599281" s="12"/>
    </row>
    <row r="599282" spans="8:8">
      <c r="H599282" s="12"/>
    </row>
    <row r="599283" spans="8:8">
      <c r="H599283" s="12"/>
    </row>
    <row r="599284" spans="8:8">
      <c r="H599284" s="12"/>
    </row>
    <row r="599285" spans="8:8">
      <c r="H599285" s="12"/>
    </row>
    <row r="599286" spans="8:8">
      <c r="H599286" s="12"/>
    </row>
    <row r="599287" spans="8:8">
      <c r="H599287" s="12"/>
    </row>
    <row r="599288" spans="8:8">
      <c r="H599288" s="12"/>
    </row>
    <row r="599289" spans="8:8">
      <c r="H599289" s="12"/>
    </row>
    <row r="599290" spans="8:8">
      <c r="H599290" s="12"/>
    </row>
    <row r="599291" spans="8:8">
      <c r="H599291" s="12"/>
    </row>
    <row r="599292" spans="8:8">
      <c r="H599292" s="12"/>
    </row>
    <row r="599293" spans="8:8">
      <c r="H599293" s="12"/>
    </row>
    <row r="599294" spans="8:8">
      <c r="H599294" s="12"/>
    </row>
    <row r="599295" spans="8:8">
      <c r="H599295" s="12"/>
    </row>
    <row r="599296" spans="8:8">
      <c r="H599296" s="12"/>
    </row>
    <row r="599297" spans="8:8">
      <c r="H599297" s="12"/>
    </row>
    <row r="599298" spans="8:8">
      <c r="H599298" s="12"/>
    </row>
    <row r="599299" spans="8:8">
      <c r="H599299" s="12"/>
    </row>
    <row r="599300" spans="8:8">
      <c r="H599300" s="12"/>
    </row>
    <row r="599301" spans="8:8">
      <c r="H599301" s="12"/>
    </row>
    <row r="599302" spans="8:8">
      <c r="H599302" s="12"/>
    </row>
    <row r="599303" spans="8:8">
      <c r="H599303" s="12"/>
    </row>
    <row r="599304" spans="8:8">
      <c r="H599304" s="12"/>
    </row>
    <row r="599305" spans="8:8">
      <c r="H599305" s="12"/>
    </row>
    <row r="599306" spans="8:8">
      <c r="H599306" s="12"/>
    </row>
    <row r="599307" spans="8:8">
      <c r="H599307" s="12"/>
    </row>
    <row r="599308" spans="8:8">
      <c r="H599308" s="12"/>
    </row>
    <row r="599309" spans="8:8">
      <c r="H599309" s="12"/>
    </row>
    <row r="599310" spans="8:8">
      <c r="H599310" s="12"/>
    </row>
    <row r="599311" spans="8:8">
      <c r="H599311" s="12"/>
    </row>
    <row r="599312" spans="8:8">
      <c r="H599312" s="12"/>
    </row>
    <row r="599313" spans="8:8">
      <c r="H599313" s="12"/>
    </row>
    <row r="599314" spans="8:8">
      <c r="H599314" s="12"/>
    </row>
    <row r="599315" spans="8:8">
      <c r="H599315" s="12"/>
    </row>
    <row r="599316" spans="8:8">
      <c r="H599316" s="12"/>
    </row>
    <row r="599317" spans="8:8">
      <c r="H599317" s="12"/>
    </row>
    <row r="599318" spans="8:8">
      <c r="H599318" s="12"/>
    </row>
    <row r="599319" spans="8:8">
      <c r="H599319" s="12"/>
    </row>
    <row r="599320" spans="8:8">
      <c r="H599320" s="12"/>
    </row>
    <row r="599321" spans="8:8">
      <c r="H599321" s="12"/>
    </row>
    <row r="599322" spans="8:8">
      <c r="H599322" s="12"/>
    </row>
    <row r="599323" spans="8:8">
      <c r="H599323" s="12"/>
    </row>
    <row r="599324" spans="8:8">
      <c r="H599324" s="12"/>
    </row>
    <row r="599325" spans="8:8">
      <c r="H599325" s="12"/>
    </row>
    <row r="599326" spans="8:8">
      <c r="H599326" s="12"/>
    </row>
    <row r="599327" spans="8:8">
      <c r="H599327" s="12"/>
    </row>
    <row r="599328" spans="8:8">
      <c r="H599328" s="12"/>
    </row>
    <row r="599329" spans="8:8">
      <c r="H599329" s="12"/>
    </row>
    <row r="599330" spans="8:8">
      <c r="H599330" s="12"/>
    </row>
    <row r="599331" spans="8:8">
      <c r="H599331" s="12"/>
    </row>
    <row r="599332" spans="8:8">
      <c r="H599332" s="12"/>
    </row>
    <row r="599333" spans="8:8">
      <c r="H599333" s="12"/>
    </row>
    <row r="599334" spans="8:8">
      <c r="H599334" s="12"/>
    </row>
    <row r="599335" spans="8:8">
      <c r="H599335" s="12"/>
    </row>
    <row r="599336" spans="8:8">
      <c r="H599336" s="12"/>
    </row>
    <row r="599337" spans="8:8">
      <c r="H599337" s="12"/>
    </row>
    <row r="599338" spans="8:8">
      <c r="H599338" s="12"/>
    </row>
    <row r="599339" spans="8:8">
      <c r="H599339" s="12"/>
    </row>
    <row r="599340" spans="8:8">
      <c r="H599340" s="12"/>
    </row>
    <row r="599341" spans="8:8">
      <c r="H599341" s="12"/>
    </row>
    <row r="599342" spans="8:8">
      <c r="H599342" s="12"/>
    </row>
    <row r="599343" spans="8:8">
      <c r="H599343" s="12"/>
    </row>
    <row r="599344" spans="8:8">
      <c r="H599344" s="12"/>
    </row>
    <row r="599345" spans="8:8">
      <c r="H599345" s="12"/>
    </row>
    <row r="599346" spans="8:8">
      <c r="H599346" s="12"/>
    </row>
    <row r="599347" spans="8:8">
      <c r="H599347" s="12"/>
    </row>
    <row r="599348" spans="8:8">
      <c r="H599348" s="12"/>
    </row>
    <row r="599349" spans="8:8">
      <c r="H599349" s="12"/>
    </row>
    <row r="599350" spans="8:8">
      <c r="H599350" s="12"/>
    </row>
    <row r="599351" spans="8:8">
      <c r="H599351" s="12"/>
    </row>
    <row r="599352" spans="8:8">
      <c r="H599352" s="12"/>
    </row>
    <row r="599353" spans="8:8">
      <c r="H599353" s="12"/>
    </row>
    <row r="599354" spans="8:8">
      <c r="H599354" s="12"/>
    </row>
    <row r="599355" spans="8:8">
      <c r="H599355" s="12"/>
    </row>
    <row r="599356" spans="8:8">
      <c r="H599356" s="12"/>
    </row>
    <row r="599357" spans="8:8">
      <c r="H599357" s="12"/>
    </row>
    <row r="599358" spans="8:8">
      <c r="H599358" s="12"/>
    </row>
    <row r="599359" spans="8:8">
      <c r="H599359" s="12"/>
    </row>
    <row r="599360" spans="8:8">
      <c r="H599360" s="12"/>
    </row>
    <row r="599361" spans="8:8">
      <c r="H599361" s="12"/>
    </row>
    <row r="599362" spans="8:8">
      <c r="H599362" s="12"/>
    </row>
    <row r="599363" spans="8:8">
      <c r="H599363" s="12"/>
    </row>
    <row r="599364" spans="8:8">
      <c r="H599364" s="12"/>
    </row>
    <row r="599365" spans="8:8">
      <c r="H599365" s="12"/>
    </row>
    <row r="599366" spans="8:8">
      <c r="H599366" s="12"/>
    </row>
    <row r="599367" spans="8:8">
      <c r="H599367" s="12"/>
    </row>
    <row r="599368" spans="8:8">
      <c r="H599368" s="12"/>
    </row>
    <row r="599369" spans="8:8">
      <c r="H599369" s="12"/>
    </row>
    <row r="599370" spans="8:8">
      <c r="H599370" s="12"/>
    </row>
    <row r="599371" spans="8:8">
      <c r="H599371" s="12"/>
    </row>
    <row r="599372" spans="8:8">
      <c r="H599372" s="12"/>
    </row>
    <row r="599373" spans="8:8">
      <c r="H599373" s="12"/>
    </row>
    <row r="599374" spans="8:8">
      <c r="H599374" s="12"/>
    </row>
    <row r="599375" spans="8:8">
      <c r="H599375" s="12"/>
    </row>
    <row r="599376" spans="8:8">
      <c r="H599376" s="12"/>
    </row>
    <row r="599377" spans="8:8">
      <c r="H599377" s="12"/>
    </row>
    <row r="599378" spans="8:8">
      <c r="H599378" s="12"/>
    </row>
    <row r="599379" spans="8:8">
      <c r="H599379" s="12"/>
    </row>
    <row r="599380" spans="8:8">
      <c r="H599380" s="12"/>
    </row>
    <row r="599381" spans="8:8">
      <c r="H599381" s="12"/>
    </row>
    <row r="599382" spans="8:8">
      <c r="H599382" s="12"/>
    </row>
    <row r="599383" spans="8:8">
      <c r="H599383" s="12"/>
    </row>
    <row r="599384" spans="8:8">
      <c r="H599384" s="12"/>
    </row>
    <row r="599385" spans="8:8">
      <c r="H599385" s="12"/>
    </row>
    <row r="599386" spans="8:8">
      <c r="H599386" s="12"/>
    </row>
    <row r="599387" spans="8:8">
      <c r="H599387" s="12"/>
    </row>
    <row r="599388" spans="8:8">
      <c r="H599388" s="12"/>
    </row>
    <row r="599389" spans="8:8">
      <c r="H599389" s="12"/>
    </row>
    <row r="599390" spans="8:8">
      <c r="H599390" s="12"/>
    </row>
    <row r="599391" spans="8:8">
      <c r="H599391" s="12"/>
    </row>
    <row r="599392" spans="8:8">
      <c r="H599392" s="12"/>
    </row>
    <row r="599393" spans="8:8">
      <c r="H599393" s="12"/>
    </row>
    <row r="599394" spans="8:8">
      <c r="H599394" s="12"/>
    </row>
    <row r="599395" spans="8:8">
      <c r="H599395" s="12"/>
    </row>
    <row r="599396" spans="8:8">
      <c r="H599396" s="12"/>
    </row>
    <row r="599397" spans="8:8">
      <c r="H599397" s="12"/>
    </row>
    <row r="599398" spans="8:8">
      <c r="H599398" s="12"/>
    </row>
    <row r="599399" spans="8:8">
      <c r="H599399" s="12"/>
    </row>
    <row r="599400" spans="8:8">
      <c r="H599400" s="12"/>
    </row>
    <row r="599401" spans="8:8">
      <c r="H599401" s="12"/>
    </row>
    <row r="599402" spans="8:8">
      <c r="H599402" s="12"/>
    </row>
    <row r="599403" spans="8:8">
      <c r="H599403" s="12"/>
    </row>
    <row r="599404" spans="8:8">
      <c r="H599404" s="12"/>
    </row>
    <row r="599405" spans="8:8">
      <c r="H599405" s="12"/>
    </row>
    <row r="599406" spans="8:8">
      <c r="H599406" s="12"/>
    </row>
    <row r="599407" spans="8:8">
      <c r="H599407" s="12"/>
    </row>
    <row r="599408" spans="8:8">
      <c r="H599408" s="12"/>
    </row>
    <row r="599409" spans="8:8">
      <c r="H599409" s="12"/>
    </row>
    <row r="599410" spans="8:8">
      <c r="H599410" s="12"/>
    </row>
    <row r="599411" spans="8:8">
      <c r="H599411" s="12"/>
    </row>
    <row r="599412" spans="8:8">
      <c r="H599412" s="12"/>
    </row>
    <row r="599413" spans="8:8">
      <c r="H599413" s="12"/>
    </row>
    <row r="599414" spans="8:8">
      <c r="H599414" s="12"/>
    </row>
    <row r="599415" spans="8:8">
      <c r="H599415" s="12"/>
    </row>
    <row r="599416" spans="8:8">
      <c r="H599416" s="12"/>
    </row>
    <row r="599417" spans="8:8">
      <c r="H599417" s="12"/>
    </row>
    <row r="599418" spans="8:8">
      <c r="H599418" s="12"/>
    </row>
    <row r="599419" spans="8:8">
      <c r="H599419" s="12"/>
    </row>
    <row r="599420" spans="8:8">
      <c r="H599420" s="12"/>
    </row>
    <row r="599421" spans="8:8">
      <c r="H599421" s="12"/>
    </row>
    <row r="599422" spans="8:8">
      <c r="H599422" s="12"/>
    </row>
    <row r="599423" spans="8:8">
      <c r="H599423" s="12"/>
    </row>
    <row r="599424" spans="8:8">
      <c r="H599424" s="12"/>
    </row>
    <row r="599425" spans="8:8">
      <c r="H599425" s="12"/>
    </row>
    <row r="599426" spans="8:8">
      <c r="H599426" s="12"/>
    </row>
    <row r="599427" spans="8:8">
      <c r="H599427" s="12"/>
    </row>
    <row r="599428" spans="8:8">
      <c r="H599428" s="12"/>
    </row>
    <row r="599429" spans="8:8">
      <c r="H599429" s="12"/>
    </row>
    <row r="599430" spans="8:8">
      <c r="H599430" s="12"/>
    </row>
    <row r="599431" spans="8:8">
      <c r="H599431" s="12"/>
    </row>
    <row r="599432" spans="8:8">
      <c r="H599432" s="12"/>
    </row>
    <row r="599433" spans="8:8">
      <c r="H599433" s="12"/>
    </row>
    <row r="599434" spans="8:8">
      <c r="H599434" s="12"/>
    </row>
    <row r="599435" spans="8:8">
      <c r="H599435" s="12"/>
    </row>
    <row r="599436" spans="8:8">
      <c r="H599436" s="12"/>
    </row>
    <row r="599437" spans="8:8">
      <c r="H599437" s="12"/>
    </row>
    <row r="599438" spans="8:8">
      <c r="H599438" s="12"/>
    </row>
    <row r="599439" spans="8:8">
      <c r="H599439" s="12"/>
    </row>
    <row r="599440" spans="8:8">
      <c r="H599440" s="12"/>
    </row>
    <row r="599441" spans="8:8">
      <c r="H599441" s="12"/>
    </row>
    <row r="599442" spans="8:8">
      <c r="H599442" s="12"/>
    </row>
    <row r="599443" spans="8:8">
      <c r="H599443" s="12"/>
    </row>
    <row r="599444" spans="8:8">
      <c r="H599444" s="12"/>
    </row>
    <row r="599445" spans="8:8">
      <c r="H599445" s="12"/>
    </row>
    <row r="599446" spans="8:8">
      <c r="H599446" s="12"/>
    </row>
    <row r="599447" spans="8:8">
      <c r="H599447" s="12"/>
    </row>
    <row r="599448" spans="8:8">
      <c r="H599448" s="12"/>
    </row>
    <row r="599449" spans="8:8">
      <c r="H599449" s="12"/>
    </row>
    <row r="599450" spans="8:8">
      <c r="H599450" s="12"/>
    </row>
    <row r="599451" spans="8:8">
      <c r="H599451" s="12"/>
    </row>
    <row r="599452" spans="8:8">
      <c r="H599452" s="12"/>
    </row>
    <row r="599453" spans="8:8">
      <c r="H599453" s="12"/>
    </row>
    <row r="599454" spans="8:8">
      <c r="H599454" s="12"/>
    </row>
    <row r="599455" spans="8:8">
      <c r="H599455" s="12"/>
    </row>
    <row r="599456" spans="8:8">
      <c r="H599456" s="12"/>
    </row>
    <row r="599457" spans="8:8">
      <c r="H599457" s="12"/>
    </row>
    <row r="599458" spans="8:8">
      <c r="H599458" s="12"/>
    </row>
    <row r="599459" spans="8:8">
      <c r="H599459" s="12"/>
    </row>
    <row r="599460" spans="8:8">
      <c r="H599460" s="12"/>
    </row>
    <row r="599461" spans="8:8">
      <c r="H599461" s="12"/>
    </row>
    <row r="599462" spans="8:8">
      <c r="H599462" s="12"/>
    </row>
    <row r="599463" spans="8:8">
      <c r="H599463" s="12"/>
    </row>
    <row r="599464" spans="8:8">
      <c r="H599464" s="12"/>
    </row>
    <row r="599465" spans="8:8">
      <c r="H599465" s="12"/>
    </row>
    <row r="599466" spans="8:8">
      <c r="H599466" s="12"/>
    </row>
    <row r="599467" spans="8:8">
      <c r="H599467" s="12"/>
    </row>
    <row r="599468" spans="8:8">
      <c r="H599468" s="12"/>
    </row>
    <row r="599469" spans="8:8">
      <c r="H599469" s="12"/>
    </row>
    <row r="599470" spans="8:8">
      <c r="H599470" s="12"/>
    </row>
    <row r="599471" spans="8:8">
      <c r="H599471" s="12"/>
    </row>
    <row r="599472" spans="8:8">
      <c r="H599472" s="12"/>
    </row>
    <row r="599473" spans="8:8">
      <c r="H599473" s="12"/>
    </row>
    <row r="599474" spans="8:8">
      <c r="H599474" s="12"/>
    </row>
    <row r="599475" spans="8:8">
      <c r="H599475" s="12"/>
    </row>
    <row r="599476" spans="8:8">
      <c r="H599476" s="12"/>
    </row>
    <row r="599477" spans="8:8">
      <c r="H599477" s="12"/>
    </row>
    <row r="599478" spans="8:8">
      <c r="H599478" s="12"/>
    </row>
    <row r="599479" spans="8:8">
      <c r="H599479" s="12"/>
    </row>
    <row r="599480" spans="8:8">
      <c r="H599480" s="12"/>
    </row>
    <row r="599481" spans="8:8">
      <c r="H599481" s="12"/>
    </row>
    <row r="599482" spans="8:8">
      <c r="H599482" s="12"/>
    </row>
    <row r="599483" spans="8:8">
      <c r="H599483" s="12"/>
    </row>
    <row r="599484" spans="8:8">
      <c r="H599484" s="12"/>
    </row>
    <row r="599485" spans="8:8">
      <c r="H599485" s="12"/>
    </row>
    <row r="599486" spans="8:8">
      <c r="H599486" s="12"/>
    </row>
    <row r="599487" spans="8:8">
      <c r="H599487" s="12"/>
    </row>
    <row r="599488" spans="8:8">
      <c r="H599488" s="12"/>
    </row>
    <row r="599489" spans="8:8">
      <c r="H599489" s="12"/>
    </row>
    <row r="599490" spans="8:8">
      <c r="H599490" s="12"/>
    </row>
    <row r="599491" spans="8:8">
      <c r="H599491" s="12"/>
    </row>
    <row r="599492" spans="8:8">
      <c r="H599492" s="12"/>
    </row>
    <row r="599493" spans="8:8">
      <c r="H599493" s="12"/>
    </row>
    <row r="599494" spans="8:8">
      <c r="H599494" s="12"/>
    </row>
    <row r="599495" spans="8:8">
      <c r="H599495" s="12"/>
    </row>
    <row r="599496" spans="8:8">
      <c r="H599496" s="12"/>
    </row>
    <row r="599497" spans="8:8">
      <c r="H599497" s="12"/>
    </row>
    <row r="599498" spans="8:8">
      <c r="H599498" s="12"/>
    </row>
    <row r="599499" spans="8:8">
      <c r="H599499" s="12"/>
    </row>
    <row r="599500" spans="8:8">
      <c r="H599500" s="12"/>
    </row>
    <row r="599501" spans="8:8">
      <c r="H599501" s="12"/>
    </row>
    <row r="599502" spans="8:8">
      <c r="H599502" s="12"/>
    </row>
    <row r="599503" spans="8:8">
      <c r="H599503" s="12"/>
    </row>
    <row r="599504" spans="8:8">
      <c r="H599504" s="12"/>
    </row>
    <row r="599505" spans="8:8">
      <c r="H599505" s="12"/>
    </row>
    <row r="599506" spans="8:8">
      <c r="H599506" s="12"/>
    </row>
    <row r="599507" spans="8:8">
      <c r="H599507" s="12"/>
    </row>
    <row r="599508" spans="8:8">
      <c r="H599508" s="12"/>
    </row>
    <row r="599509" spans="8:8">
      <c r="H599509" s="12"/>
    </row>
    <row r="599510" spans="8:8">
      <c r="H599510" s="12"/>
    </row>
    <row r="599511" spans="8:8">
      <c r="H599511" s="12"/>
    </row>
    <row r="599512" spans="8:8">
      <c r="H599512" s="12"/>
    </row>
    <row r="599513" spans="8:8">
      <c r="H599513" s="12"/>
    </row>
    <row r="599514" spans="8:8">
      <c r="H599514" s="12"/>
    </row>
    <row r="599515" spans="8:8">
      <c r="H599515" s="12"/>
    </row>
    <row r="599516" spans="8:8">
      <c r="H599516" s="12"/>
    </row>
    <row r="599517" spans="8:8">
      <c r="H599517" s="12"/>
    </row>
    <row r="599518" spans="8:8">
      <c r="H599518" s="12"/>
    </row>
    <row r="599519" spans="8:8">
      <c r="H599519" s="12"/>
    </row>
    <row r="599520" spans="8:8">
      <c r="H599520" s="12"/>
    </row>
    <row r="599521" spans="8:8">
      <c r="H599521" s="12"/>
    </row>
    <row r="599522" spans="8:8">
      <c r="H599522" s="12"/>
    </row>
    <row r="599523" spans="8:8">
      <c r="H599523" s="12"/>
    </row>
    <row r="599524" spans="8:8">
      <c r="H599524" s="12"/>
    </row>
    <row r="599525" spans="8:8">
      <c r="H599525" s="12"/>
    </row>
    <row r="599526" spans="8:8">
      <c r="H599526" s="12"/>
    </row>
    <row r="599527" spans="8:8">
      <c r="H599527" s="12"/>
    </row>
    <row r="599528" spans="8:8">
      <c r="H599528" s="12"/>
    </row>
    <row r="599529" spans="8:8">
      <c r="H599529" s="12"/>
    </row>
    <row r="599530" spans="8:8">
      <c r="H599530" s="12"/>
    </row>
    <row r="599531" spans="8:8">
      <c r="H599531" s="12"/>
    </row>
    <row r="599532" spans="8:8">
      <c r="H599532" s="12"/>
    </row>
    <row r="599533" spans="8:8">
      <c r="H599533" s="12"/>
    </row>
    <row r="599534" spans="8:8">
      <c r="H599534" s="12"/>
    </row>
    <row r="599535" spans="8:8">
      <c r="H599535" s="12"/>
    </row>
    <row r="599536" spans="8:8">
      <c r="H599536" s="12"/>
    </row>
    <row r="599537" spans="8:8">
      <c r="H599537" s="12"/>
    </row>
    <row r="599538" spans="8:8">
      <c r="H599538" s="12"/>
    </row>
    <row r="599539" spans="8:8">
      <c r="H599539" s="12"/>
    </row>
    <row r="599540" spans="8:8">
      <c r="H599540" s="12"/>
    </row>
    <row r="599541" spans="8:8">
      <c r="H599541" s="12"/>
    </row>
    <row r="599542" spans="8:8">
      <c r="H599542" s="12"/>
    </row>
    <row r="599543" spans="8:8">
      <c r="H599543" s="12"/>
    </row>
    <row r="599544" spans="8:8">
      <c r="H599544" s="12"/>
    </row>
    <row r="599545" spans="8:8">
      <c r="H599545" s="12"/>
    </row>
    <row r="599546" spans="8:8">
      <c r="H599546" s="12"/>
    </row>
    <row r="599547" spans="8:8">
      <c r="H599547" s="12"/>
    </row>
    <row r="599548" spans="8:8">
      <c r="H599548" s="12"/>
    </row>
    <row r="599549" spans="8:8">
      <c r="H599549" s="12"/>
    </row>
    <row r="599550" spans="8:8">
      <c r="H599550" s="12"/>
    </row>
    <row r="599551" spans="8:8">
      <c r="H599551" s="12"/>
    </row>
    <row r="599552" spans="8:8">
      <c r="H599552" s="12"/>
    </row>
    <row r="599553" spans="8:8">
      <c r="H599553" s="12"/>
    </row>
    <row r="599554" spans="8:8">
      <c r="H599554" s="12"/>
    </row>
    <row r="599555" spans="8:8">
      <c r="H599555" s="12"/>
    </row>
    <row r="599556" spans="8:8">
      <c r="H599556" s="12"/>
    </row>
    <row r="599557" spans="8:8">
      <c r="H599557" s="12"/>
    </row>
    <row r="599558" spans="8:8">
      <c r="H599558" s="12"/>
    </row>
    <row r="599559" spans="8:8">
      <c r="H599559" s="12"/>
    </row>
    <row r="599560" spans="8:8">
      <c r="H599560" s="12"/>
    </row>
    <row r="599561" spans="8:8">
      <c r="H599561" s="12"/>
    </row>
    <row r="599562" spans="8:8">
      <c r="H599562" s="12"/>
    </row>
    <row r="599563" spans="8:8">
      <c r="H599563" s="12"/>
    </row>
    <row r="599564" spans="8:8">
      <c r="H599564" s="12"/>
    </row>
    <row r="599565" spans="8:8">
      <c r="H599565" s="12"/>
    </row>
    <row r="599566" spans="8:8">
      <c r="H599566" s="12"/>
    </row>
    <row r="599567" spans="8:8">
      <c r="H599567" s="12"/>
    </row>
    <row r="599568" spans="8:8">
      <c r="H599568" s="12"/>
    </row>
    <row r="599569" spans="8:8">
      <c r="H599569" s="12"/>
    </row>
    <row r="599570" spans="8:8">
      <c r="H599570" s="12"/>
    </row>
    <row r="599571" spans="8:8">
      <c r="H599571" s="12"/>
    </row>
    <row r="599572" spans="8:8">
      <c r="H599572" s="12"/>
    </row>
    <row r="599573" spans="8:8">
      <c r="H599573" s="12"/>
    </row>
    <row r="599574" spans="8:8">
      <c r="H599574" s="12"/>
    </row>
    <row r="599575" spans="8:8">
      <c r="H599575" s="12"/>
    </row>
    <row r="599576" spans="8:8">
      <c r="H599576" s="12"/>
    </row>
    <row r="599577" spans="8:8">
      <c r="H599577" s="12"/>
    </row>
    <row r="599578" spans="8:8">
      <c r="H599578" s="12"/>
    </row>
    <row r="599579" spans="8:8">
      <c r="H599579" s="12"/>
    </row>
    <row r="599580" spans="8:8">
      <c r="H599580" s="12"/>
    </row>
    <row r="599581" spans="8:8">
      <c r="H599581" s="12"/>
    </row>
    <row r="599582" spans="8:8">
      <c r="H599582" s="12"/>
    </row>
    <row r="599583" spans="8:8">
      <c r="H599583" s="12"/>
    </row>
    <row r="599584" spans="8:8">
      <c r="H599584" s="12"/>
    </row>
    <row r="599585" spans="8:8">
      <c r="H599585" s="12"/>
    </row>
    <row r="599586" spans="8:8">
      <c r="H599586" s="12"/>
    </row>
    <row r="599587" spans="8:8">
      <c r="H599587" s="12"/>
    </row>
    <row r="599588" spans="8:8">
      <c r="H599588" s="12"/>
    </row>
    <row r="599589" spans="8:8">
      <c r="H599589" s="12"/>
    </row>
    <row r="599590" spans="8:8">
      <c r="H599590" s="12"/>
    </row>
    <row r="599591" spans="8:8">
      <c r="H599591" s="12"/>
    </row>
    <row r="599592" spans="8:8">
      <c r="H599592" s="12"/>
    </row>
    <row r="599593" spans="8:8">
      <c r="H599593" s="12"/>
    </row>
    <row r="599594" spans="8:8">
      <c r="H599594" s="12"/>
    </row>
    <row r="599595" spans="8:8">
      <c r="H599595" s="12"/>
    </row>
    <row r="599596" spans="8:8">
      <c r="H599596" s="12"/>
    </row>
    <row r="599597" spans="8:8">
      <c r="H599597" s="12"/>
    </row>
    <row r="599598" spans="8:8">
      <c r="H599598" s="12"/>
    </row>
    <row r="599599" spans="8:8">
      <c r="H599599" s="12"/>
    </row>
    <row r="599600" spans="8:8">
      <c r="H599600" s="12"/>
    </row>
    <row r="599601" spans="8:8">
      <c r="H599601" s="12"/>
    </row>
    <row r="599602" spans="8:8">
      <c r="H599602" s="12"/>
    </row>
    <row r="599603" spans="8:8">
      <c r="H599603" s="12"/>
    </row>
    <row r="599604" spans="8:8">
      <c r="H599604" s="12"/>
    </row>
    <row r="599605" spans="8:8">
      <c r="H599605" s="12"/>
    </row>
    <row r="599606" spans="8:8">
      <c r="H599606" s="12"/>
    </row>
    <row r="599607" spans="8:8">
      <c r="H599607" s="12"/>
    </row>
    <row r="599608" spans="8:8">
      <c r="H599608" s="12"/>
    </row>
    <row r="599609" spans="8:8">
      <c r="H599609" s="12"/>
    </row>
    <row r="599610" spans="8:8">
      <c r="H599610" s="12"/>
    </row>
    <row r="599611" spans="8:8">
      <c r="H599611" s="12"/>
    </row>
    <row r="599612" spans="8:8">
      <c r="H599612" s="12"/>
    </row>
    <row r="599613" spans="8:8">
      <c r="H599613" s="12"/>
    </row>
    <row r="599614" spans="8:8">
      <c r="H599614" s="12"/>
    </row>
    <row r="599615" spans="8:8">
      <c r="H599615" s="12"/>
    </row>
    <row r="599616" spans="8:8">
      <c r="H599616" s="12"/>
    </row>
    <row r="599617" spans="8:8">
      <c r="H599617" s="12"/>
    </row>
    <row r="599618" spans="8:8">
      <c r="H599618" s="12"/>
    </row>
    <row r="599619" spans="8:8">
      <c r="H599619" s="12"/>
    </row>
    <row r="599620" spans="8:8">
      <c r="H599620" s="12"/>
    </row>
    <row r="599621" spans="8:8">
      <c r="H599621" s="12"/>
    </row>
    <row r="599622" spans="8:8">
      <c r="H599622" s="12"/>
    </row>
    <row r="599623" spans="8:8">
      <c r="H599623" s="12"/>
    </row>
    <row r="599624" spans="8:8">
      <c r="H599624" s="12"/>
    </row>
    <row r="599625" spans="8:8">
      <c r="H599625" s="12"/>
    </row>
    <row r="599626" spans="8:8">
      <c r="H599626" s="12"/>
    </row>
    <row r="599627" spans="8:8">
      <c r="H599627" s="12"/>
    </row>
    <row r="599628" spans="8:8">
      <c r="H599628" s="12"/>
    </row>
    <row r="599629" spans="8:8">
      <c r="H599629" s="12"/>
    </row>
    <row r="599630" spans="8:8">
      <c r="H599630" s="12"/>
    </row>
    <row r="599631" spans="8:8">
      <c r="H599631" s="12"/>
    </row>
    <row r="599632" spans="8:8">
      <c r="H599632" s="12"/>
    </row>
    <row r="599633" spans="8:8">
      <c r="H599633" s="12"/>
    </row>
    <row r="599634" spans="8:8">
      <c r="H599634" s="12"/>
    </row>
    <row r="599635" spans="8:8">
      <c r="H599635" s="12"/>
    </row>
    <row r="599636" spans="8:8">
      <c r="H599636" s="12"/>
    </row>
    <row r="599637" spans="8:8">
      <c r="H599637" s="12"/>
    </row>
    <row r="599638" spans="8:8">
      <c r="H599638" s="12"/>
    </row>
    <row r="599639" spans="8:8">
      <c r="H599639" s="12"/>
    </row>
    <row r="599640" spans="8:8">
      <c r="H599640" s="12"/>
    </row>
    <row r="599641" spans="8:8">
      <c r="H599641" s="12"/>
    </row>
    <row r="599642" spans="8:8">
      <c r="H599642" s="12"/>
    </row>
    <row r="599643" spans="8:8">
      <c r="H599643" s="12"/>
    </row>
    <row r="599644" spans="8:8">
      <c r="H599644" s="12"/>
    </row>
    <row r="599645" spans="8:8">
      <c r="H599645" s="12"/>
    </row>
    <row r="599646" spans="8:8">
      <c r="H599646" s="12"/>
    </row>
    <row r="599647" spans="8:8">
      <c r="H599647" s="12"/>
    </row>
    <row r="599648" spans="8:8">
      <c r="H599648" s="12"/>
    </row>
    <row r="599649" spans="8:8">
      <c r="H599649" s="12"/>
    </row>
    <row r="599650" spans="8:8">
      <c r="H599650" s="12"/>
    </row>
    <row r="599651" spans="8:8">
      <c r="H599651" s="12"/>
    </row>
    <row r="599652" spans="8:8">
      <c r="H599652" s="12"/>
    </row>
    <row r="599653" spans="8:8">
      <c r="H599653" s="12"/>
    </row>
    <row r="599654" spans="8:8">
      <c r="H599654" s="12"/>
    </row>
    <row r="599655" spans="8:8">
      <c r="H599655" s="12"/>
    </row>
    <row r="599656" spans="8:8">
      <c r="H599656" s="12"/>
    </row>
    <row r="599657" spans="8:8">
      <c r="H599657" s="12"/>
    </row>
    <row r="599658" spans="8:8">
      <c r="H599658" s="12"/>
    </row>
    <row r="599659" spans="8:8">
      <c r="H599659" s="12"/>
    </row>
    <row r="599660" spans="8:8">
      <c r="H599660" s="12"/>
    </row>
    <row r="599661" spans="8:8">
      <c r="H599661" s="12"/>
    </row>
    <row r="599662" spans="8:8">
      <c r="H599662" s="12"/>
    </row>
    <row r="599663" spans="8:8">
      <c r="H599663" s="12"/>
    </row>
    <row r="599664" spans="8:8">
      <c r="H599664" s="12"/>
    </row>
    <row r="599665" spans="8:8">
      <c r="H599665" s="12"/>
    </row>
    <row r="599666" spans="8:8">
      <c r="H599666" s="12"/>
    </row>
    <row r="599667" spans="8:8">
      <c r="H599667" s="12"/>
    </row>
    <row r="599668" spans="8:8">
      <c r="H599668" s="12"/>
    </row>
    <row r="599669" spans="8:8">
      <c r="H599669" s="12"/>
    </row>
    <row r="599670" spans="8:8">
      <c r="H599670" s="12"/>
    </row>
    <row r="599671" spans="8:8">
      <c r="H599671" s="12"/>
    </row>
    <row r="599672" spans="8:8">
      <c r="H599672" s="12"/>
    </row>
    <row r="599673" spans="8:8">
      <c r="H599673" s="12"/>
    </row>
    <row r="599674" spans="8:8">
      <c r="H599674" s="12"/>
    </row>
    <row r="599675" spans="8:8">
      <c r="H599675" s="12"/>
    </row>
    <row r="599676" spans="8:8">
      <c r="H599676" s="12"/>
    </row>
    <row r="599677" spans="8:8">
      <c r="H599677" s="12"/>
    </row>
    <row r="599678" spans="8:8">
      <c r="H599678" s="12"/>
    </row>
    <row r="599679" spans="8:8">
      <c r="H599679" s="12"/>
    </row>
    <row r="599680" spans="8:8">
      <c r="H599680" s="12"/>
    </row>
    <row r="599681" spans="8:8">
      <c r="H599681" s="12"/>
    </row>
    <row r="599682" spans="8:8">
      <c r="H599682" s="12"/>
    </row>
    <row r="599683" spans="8:8">
      <c r="H599683" s="12"/>
    </row>
    <row r="599684" spans="8:8">
      <c r="H599684" s="12"/>
    </row>
    <row r="599685" spans="8:8">
      <c r="H599685" s="12"/>
    </row>
    <row r="599686" spans="8:8">
      <c r="H599686" s="12"/>
    </row>
    <row r="599687" spans="8:8">
      <c r="H599687" s="12"/>
    </row>
    <row r="599688" spans="8:8">
      <c r="H599688" s="12"/>
    </row>
    <row r="599689" spans="8:8">
      <c r="H599689" s="12"/>
    </row>
    <row r="599690" spans="8:8">
      <c r="H599690" s="12"/>
    </row>
    <row r="599691" spans="8:8">
      <c r="H599691" s="12"/>
    </row>
    <row r="599692" spans="8:8">
      <c r="H599692" s="12"/>
    </row>
    <row r="599693" spans="8:8">
      <c r="H599693" s="12"/>
    </row>
    <row r="599694" spans="8:8">
      <c r="H599694" s="12"/>
    </row>
    <row r="599695" spans="8:8">
      <c r="H599695" s="12"/>
    </row>
    <row r="599696" spans="8:8">
      <c r="H599696" s="12"/>
    </row>
    <row r="599697" spans="8:8">
      <c r="H599697" s="12"/>
    </row>
    <row r="599698" spans="8:8">
      <c r="H599698" s="12"/>
    </row>
    <row r="599699" spans="8:8">
      <c r="H599699" s="12"/>
    </row>
    <row r="599700" spans="8:8">
      <c r="H599700" s="12"/>
    </row>
    <row r="599701" spans="8:8">
      <c r="H599701" s="12"/>
    </row>
    <row r="599702" spans="8:8">
      <c r="H599702" s="12"/>
    </row>
    <row r="599703" spans="8:8">
      <c r="H599703" s="12"/>
    </row>
    <row r="599704" spans="8:8">
      <c r="H599704" s="12"/>
    </row>
    <row r="599705" spans="8:8">
      <c r="H599705" s="12"/>
    </row>
    <row r="599706" spans="8:8">
      <c r="H599706" s="12"/>
    </row>
    <row r="599707" spans="8:8">
      <c r="H599707" s="12"/>
    </row>
    <row r="599708" spans="8:8">
      <c r="H599708" s="12"/>
    </row>
    <row r="599709" spans="8:8">
      <c r="H599709" s="12"/>
    </row>
    <row r="599710" spans="8:8">
      <c r="H599710" s="12"/>
    </row>
    <row r="599711" spans="8:8">
      <c r="H599711" s="12"/>
    </row>
    <row r="599712" spans="8:8">
      <c r="H599712" s="12"/>
    </row>
    <row r="599713" spans="8:8">
      <c r="H599713" s="12"/>
    </row>
    <row r="599714" spans="8:8">
      <c r="H599714" s="12"/>
    </row>
    <row r="599715" spans="8:8">
      <c r="H599715" s="12"/>
    </row>
    <row r="599716" spans="8:8">
      <c r="H599716" s="12"/>
    </row>
    <row r="599717" spans="8:8">
      <c r="H599717" s="12"/>
    </row>
    <row r="599718" spans="8:8">
      <c r="H599718" s="12"/>
    </row>
    <row r="599719" spans="8:8">
      <c r="H599719" s="12"/>
    </row>
    <row r="599720" spans="8:8">
      <c r="H599720" s="12"/>
    </row>
    <row r="599721" spans="8:8">
      <c r="H599721" s="12"/>
    </row>
    <row r="599722" spans="8:8">
      <c r="H599722" s="12"/>
    </row>
    <row r="599723" spans="8:8">
      <c r="H599723" s="12"/>
    </row>
    <row r="599724" spans="8:8">
      <c r="H599724" s="12"/>
    </row>
    <row r="599725" spans="8:8">
      <c r="H599725" s="12"/>
    </row>
    <row r="599726" spans="8:8">
      <c r="H599726" s="12"/>
    </row>
    <row r="599727" spans="8:8">
      <c r="H599727" s="12"/>
    </row>
    <row r="599728" spans="8:8">
      <c r="H599728" s="12"/>
    </row>
    <row r="599729" spans="8:8">
      <c r="H599729" s="12"/>
    </row>
    <row r="599730" spans="8:8">
      <c r="H599730" s="12"/>
    </row>
    <row r="599731" spans="8:8">
      <c r="H599731" s="12"/>
    </row>
    <row r="599732" spans="8:8">
      <c r="H599732" s="12"/>
    </row>
    <row r="599733" spans="8:8">
      <c r="H599733" s="12"/>
    </row>
    <row r="599734" spans="8:8">
      <c r="H599734" s="12"/>
    </row>
    <row r="599735" spans="8:8">
      <c r="H599735" s="12"/>
    </row>
    <row r="599736" spans="8:8">
      <c r="H599736" s="12"/>
    </row>
    <row r="599737" spans="8:8">
      <c r="H599737" s="12"/>
    </row>
    <row r="599738" spans="8:8">
      <c r="H599738" s="12"/>
    </row>
    <row r="599739" spans="8:8">
      <c r="H599739" s="12"/>
    </row>
    <row r="599740" spans="8:8">
      <c r="H599740" s="12"/>
    </row>
    <row r="599741" spans="8:8">
      <c r="H599741" s="12"/>
    </row>
    <row r="599742" spans="8:8">
      <c r="H599742" s="12"/>
    </row>
    <row r="599743" spans="8:8">
      <c r="H599743" s="12"/>
    </row>
    <row r="599744" spans="8:8">
      <c r="H599744" s="12"/>
    </row>
    <row r="599745" spans="8:8">
      <c r="H599745" s="12"/>
    </row>
    <row r="599746" spans="8:8">
      <c r="H599746" s="12"/>
    </row>
    <row r="599747" spans="8:8">
      <c r="H599747" s="12"/>
    </row>
    <row r="599748" spans="8:8">
      <c r="H599748" s="12"/>
    </row>
    <row r="599749" spans="8:8">
      <c r="H599749" s="12"/>
    </row>
    <row r="599750" spans="8:8">
      <c r="H599750" s="12"/>
    </row>
    <row r="599751" spans="8:8">
      <c r="H599751" s="12"/>
    </row>
    <row r="599752" spans="8:8">
      <c r="H599752" s="12"/>
    </row>
    <row r="599753" spans="8:8">
      <c r="H599753" s="12"/>
    </row>
    <row r="599754" spans="8:8">
      <c r="H599754" s="12"/>
    </row>
    <row r="599755" spans="8:8">
      <c r="H599755" s="12"/>
    </row>
    <row r="599756" spans="8:8">
      <c r="H599756" s="12"/>
    </row>
    <row r="599757" spans="8:8">
      <c r="H599757" s="12"/>
    </row>
    <row r="599758" spans="8:8">
      <c r="H599758" s="12"/>
    </row>
    <row r="599759" spans="8:8">
      <c r="H599759" s="12"/>
    </row>
    <row r="599760" spans="8:8">
      <c r="H599760" s="12"/>
    </row>
    <row r="599761" spans="8:8">
      <c r="H599761" s="12"/>
    </row>
    <row r="599762" spans="8:8">
      <c r="H599762" s="12"/>
    </row>
    <row r="599763" spans="8:8">
      <c r="H599763" s="12"/>
    </row>
    <row r="599764" spans="8:8">
      <c r="H599764" s="12"/>
    </row>
    <row r="599765" spans="8:8">
      <c r="H599765" s="12"/>
    </row>
    <row r="599766" spans="8:8">
      <c r="H599766" s="12"/>
    </row>
    <row r="599767" spans="8:8">
      <c r="H599767" s="12"/>
    </row>
    <row r="599768" spans="8:8">
      <c r="H599768" s="12"/>
    </row>
    <row r="599769" spans="8:8">
      <c r="H599769" s="12"/>
    </row>
    <row r="599770" spans="8:8">
      <c r="H599770" s="12"/>
    </row>
    <row r="599771" spans="8:8">
      <c r="H599771" s="12"/>
    </row>
    <row r="599772" spans="8:8">
      <c r="H599772" s="12"/>
    </row>
    <row r="599773" spans="8:8">
      <c r="H599773" s="12"/>
    </row>
    <row r="599774" spans="8:8">
      <c r="H599774" s="12"/>
    </row>
    <row r="599775" spans="8:8">
      <c r="H599775" s="12"/>
    </row>
    <row r="599776" spans="8:8">
      <c r="H599776" s="12"/>
    </row>
    <row r="599777" spans="8:8">
      <c r="H599777" s="12"/>
    </row>
    <row r="599778" spans="8:8">
      <c r="H599778" s="12"/>
    </row>
    <row r="599779" spans="8:8">
      <c r="H599779" s="12"/>
    </row>
    <row r="599780" spans="8:8">
      <c r="H599780" s="12"/>
    </row>
    <row r="599781" spans="8:8">
      <c r="H599781" s="12"/>
    </row>
    <row r="599782" spans="8:8">
      <c r="H599782" s="12"/>
    </row>
    <row r="599783" spans="8:8">
      <c r="H599783" s="12"/>
    </row>
    <row r="599784" spans="8:8">
      <c r="H599784" s="12"/>
    </row>
    <row r="599785" spans="8:8">
      <c r="H599785" s="12"/>
    </row>
    <row r="599786" spans="8:8">
      <c r="H599786" s="12"/>
    </row>
    <row r="599787" spans="8:8">
      <c r="H599787" s="12"/>
    </row>
    <row r="599788" spans="8:8">
      <c r="H599788" s="12"/>
    </row>
    <row r="599789" spans="8:8">
      <c r="H599789" s="12"/>
    </row>
    <row r="599790" spans="8:8">
      <c r="H599790" s="12"/>
    </row>
    <row r="599791" spans="8:8">
      <c r="H599791" s="12"/>
    </row>
    <row r="599792" spans="8:8">
      <c r="H599792" s="12"/>
    </row>
    <row r="599793" spans="8:8">
      <c r="H599793" s="12"/>
    </row>
    <row r="599794" spans="8:8">
      <c r="H599794" s="12"/>
    </row>
    <row r="599795" spans="8:8">
      <c r="H599795" s="12"/>
    </row>
    <row r="599796" spans="8:8">
      <c r="H599796" s="12"/>
    </row>
    <row r="599797" spans="8:8">
      <c r="H599797" s="12"/>
    </row>
    <row r="599798" spans="8:8">
      <c r="H599798" s="12"/>
    </row>
    <row r="599799" spans="8:8">
      <c r="H599799" s="12"/>
    </row>
    <row r="599800" spans="8:8">
      <c r="H599800" s="12"/>
    </row>
    <row r="599801" spans="8:8">
      <c r="H599801" s="12"/>
    </row>
    <row r="599802" spans="8:8">
      <c r="H599802" s="12"/>
    </row>
    <row r="599803" spans="8:8">
      <c r="H599803" s="12"/>
    </row>
    <row r="599804" spans="8:8">
      <c r="H599804" s="12"/>
    </row>
    <row r="599805" spans="8:8">
      <c r="H599805" s="12"/>
    </row>
    <row r="599806" spans="8:8">
      <c r="H599806" s="12"/>
    </row>
    <row r="599807" spans="8:8">
      <c r="H599807" s="12"/>
    </row>
    <row r="599808" spans="8:8">
      <c r="H599808" s="12"/>
    </row>
    <row r="599809" spans="8:8">
      <c r="H599809" s="12"/>
    </row>
    <row r="599810" spans="8:8">
      <c r="H599810" s="12"/>
    </row>
    <row r="599811" spans="8:8">
      <c r="H599811" s="12"/>
    </row>
    <row r="599812" spans="8:8">
      <c r="H599812" s="12"/>
    </row>
    <row r="599813" spans="8:8">
      <c r="H599813" s="12"/>
    </row>
    <row r="599814" spans="8:8">
      <c r="H599814" s="12"/>
    </row>
    <row r="599815" spans="8:8">
      <c r="H599815" s="12"/>
    </row>
    <row r="599816" spans="8:8">
      <c r="H599816" s="12"/>
    </row>
    <row r="599817" spans="8:8">
      <c r="H599817" s="12"/>
    </row>
    <row r="599818" spans="8:8">
      <c r="H599818" s="12"/>
    </row>
    <row r="599819" spans="8:8">
      <c r="H599819" s="12"/>
    </row>
    <row r="599820" spans="8:8">
      <c r="H599820" s="12"/>
    </row>
    <row r="599821" spans="8:8">
      <c r="H599821" s="12"/>
    </row>
    <row r="599822" spans="8:8">
      <c r="H599822" s="12"/>
    </row>
    <row r="599823" spans="8:8">
      <c r="H599823" s="12"/>
    </row>
    <row r="599824" spans="8:8">
      <c r="H599824" s="12"/>
    </row>
    <row r="599825" spans="8:8">
      <c r="H599825" s="12"/>
    </row>
    <row r="599826" spans="8:8">
      <c r="H599826" s="12"/>
    </row>
    <row r="599827" spans="8:8">
      <c r="H599827" s="12"/>
    </row>
    <row r="599828" spans="8:8">
      <c r="H599828" s="12"/>
    </row>
    <row r="599829" spans="8:8">
      <c r="H599829" s="12"/>
    </row>
    <row r="599830" spans="8:8">
      <c r="H599830" s="12"/>
    </row>
    <row r="599831" spans="8:8">
      <c r="H599831" s="12"/>
    </row>
    <row r="599832" spans="8:8">
      <c r="H599832" s="12"/>
    </row>
    <row r="599833" spans="8:8">
      <c r="H599833" s="12"/>
    </row>
    <row r="599834" spans="8:8">
      <c r="H599834" s="12"/>
    </row>
    <row r="599835" spans="8:8">
      <c r="H599835" s="12"/>
    </row>
    <row r="599836" spans="8:8">
      <c r="H599836" s="12"/>
    </row>
    <row r="599837" spans="8:8">
      <c r="H599837" s="12"/>
    </row>
    <row r="599838" spans="8:8">
      <c r="H599838" s="12"/>
    </row>
    <row r="599839" spans="8:8">
      <c r="H599839" s="12"/>
    </row>
    <row r="599840" spans="8:8">
      <c r="H599840" s="12"/>
    </row>
    <row r="599841" spans="8:8">
      <c r="H599841" s="12"/>
    </row>
    <row r="599842" spans="8:8">
      <c r="H599842" s="12"/>
    </row>
    <row r="599843" spans="8:8">
      <c r="H599843" s="12"/>
    </row>
    <row r="599844" spans="8:8">
      <c r="H599844" s="12"/>
    </row>
    <row r="599845" spans="8:8">
      <c r="H599845" s="12"/>
    </row>
    <row r="599846" spans="8:8">
      <c r="H599846" s="12"/>
    </row>
    <row r="599847" spans="8:8">
      <c r="H599847" s="12"/>
    </row>
    <row r="599848" spans="8:8">
      <c r="H599848" s="12"/>
    </row>
    <row r="599849" spans="8:8">
      <c r="H599849" s="12"/>
    </row>
    <row r="599850" spans="8:8">
      <c r="H599850" s="12"/>
    </row>
    <row r="599851" spans="8:8">
      <c r="H599851" s="12"/>
    </row>
    <row r="599852" spans="8:8">
      <c r="H599852" s="12"/>
    </row>
    <row r="599853" spans="8:8">
      <c r="H599853" s="12"/>
    </row>
    <row r="599854" spans="8:8">
      <c r="H599854" s="12"/>
    </row>
    <row r="599855" spans="8:8">
      <c r="H599855" s="12"/>
    </row>
    <row r="599856" spans="8:8">
      <c r="H599856" s="12"/>
    </row>
    <row r="599857" spans="8:8">
      <c r="H599857" s="12"/>
    </row>
    <row r="599858" spans="8:8">
      <c r="H599858" s="12"/>
    </row>
    <row r="599859" spans="8:8">
      <c r="H599859" s="12"/>
    </row>
    <row r="599860" spans="8:8">
      <c r="H599860" s="12"/>
    </row>
    <row r="599861" spans="8:8">
      <c r="H599861" s="12"/>
    </row>
    <row r="599862" spans="8:8">
      <c r="H599862" s="12"/>
    </row>
    <row r="599863" spans="8:8">
      <c r="H599863" s="12"/>
    </row>
    <row r="599864" spans="8:8">
      <c r="H599864" s="12"/>
    </row>
    <row r="599865" spans="8:8">
      <c r="H599865" s="12"/>
    </row>
    <row r="599866" spans="8:8">
      <c r="H599866" s="12"/>
    </row>
    <row r="599867" spans="8:8">
      <c r="H599867" s="12"/>
    </row>
    <row r="599868" spans="8:8">
      <c r="H599868" s="12"/>
    </row>
    <row r="599869" spans="8:8">
      <c r="H599869" s="12"/>
    </row>
    <row r="599870" spans="8:8">
      <c r="H599870" s="12"/>
    </row>
    <row r="599871" spans="8:8">
      <c r="H599871" s="12"/>
    </row>
    <row r="599872" spans="8:8">
      <c r="H599872" s="12"/>
    </row>
    <row r="599873" spans="8:8">
      <c r="H599873" s="12"/>
    </row>
    <row r="599874" spans="8:8">
      <c r="H599874" s="12"/>
    </row>
    <row r="599875" spans="8:8">
      <c r="H599875" s="12"/>
    </row>
    <row r="599876" spans="8:8">
      <c r="H599876" s="12"/>
    </row>
    <row r="599877" spans="8:8">
      <c r="H599877" s="12"/>
    </row>
    <row r="599878" spans="8:8">
      <c r="H599878" s="12"/>
    </row>
    <row r="599879" spans="8:8">
      <c r="H599879" s="12"/>
    </row>
    <row r="599880" spans="8:8">
      <c r="H599880" s="12"/>
    </row>
    <row r="599881" spans="8:8">
      <c r="H599881" s="12"/>
    </row>
    <row r="599882" spans="8:8">
      <c r="H599882" s="12"/>
    </row>
    <row r="599883" spans="8:8">
      <c r="H599883" s="12"/>
    </row>
    <row r="599884" spans="8:8">
      <c r="H599884" s="12"/>
    </row>
    <row r="599885" spans="8:8">
      <c r="H599885" s="12"/>
    </row>
    <row r="599886" spans="8:8">
      <c r="H599886" s="12"/>
    </row>
    <row r="599887" spans="8:8">
      <c r="H599887" s="12"/>
    </row>
    <row r="599888" spans="8:8">
      <c r="H599888" s="12"/>
    </row>
    <row r="599889" spans="8:8">
      <c r="H599889" s="12"/>
    </row>
    <row r="599890" spans="8:8">
      <c r="H599890" s="12"/>
    </row>
    <row r="599891" spans="8:8">
      <c r="H599891" s="12"/>
    </row>
    <row r="599892" spans="8:8">
      <c r="H599892" s="12"/>
    </row>
    <row r="599893" spans="8:8">
      <c r="H599893" s="12"/>
    </row>
    <row r="599894" spans="8:8">
      <c r="H599894" s="12"/>
    </row>
    <row r="599895" spans="8:8">
      <c r="H599895" s="12"/>
    </row>
    <row r="599896" spans="8:8">
      <c r="H599896" s="12"/>
    </row>
    <row r="599897" spans="8:8">
      <c r="H599897" s="12"/>
    </row>
    <row r="599898" spans="8:8">
      <c r="H599898" s="12"/>
    </row>
    <row r="599899" spans="8:8">
      <c r="H599899" s="12"/>
    </row>
    <row r="599900" spans="8:8">
      <c r="H599900" s="12"/>
    </row>
    <row r="599901" spans="8:8">
      <c r="H599901" s="12"/>
    </row>
    <row r="599902" spans="8:8">
      <c r="H599902" s="12"/>
    </row>
    <row r="599903" spans="8:8">
      <c r="H599903" s="12"/>
    </row>
    <row r="599904" spans="8:8">
      <c r="H599904" s="12"/>
    </row>
    <row r="599905" spans="8:8">
      <c r="H599905" s="12"/>
    </row>
    <row r="599906" spans="8:8">
      <c r="H599906" s="12"/>
    </row>
    <row r="599907" spans="8:8">
      <c r="H599907" s="12"/>
    </row>
    <row r="599908" spans="8:8">
      <c r="H599908" s="12"/>
    </row>
    <row r="599909" spans="8:8">
      <c r="H599909" s="12"/>
    </row>
    <row r="599910" spans="8:8">
      <c r="H599910" s="12"/>
    </row>
    <row r="599911" spans="8:8">
      <c r="H599911" s="12"/>
    </row>
    <row r="599912" spans="8:8">
      <c r="H599912" s="12"/>
    </row>
    <row r="599913" spans="8:8">
      <c r="H599913" s="12"/>
    </row>
    <row r="599914" spans="8:8">
      <c r="H599914" s="12"/>
    </row>
    <row r="599915" spans="8:8">
      <c r="H599915" s="12"/>
    </row>
    <row r="599916" spans="8:8">
      <c r="H599916" s="12"/>
    </row>
    <row r="599917" spans="8:8">
      <c r="H599917" s="12"/>
    </row>
    <row r="599918" spans="8:8">
      <c r="H599918" s="12"/>
    </row>
    <row r="599919" spans="8:8">
      <c r="H599919" s="12"/>
    </row>
    <row r="599920" spans="8:8">
      <c r="H599920" s="12"/>
    </row>
    <row r="599921" spans="8:8">
      <c r="H599921" s="12"/>
    </row>
    <row r="599922" spans="8:8">
      <c r="H599922" s="12"/>
    </row>
    <row r="599923" spans="8:8">
      <c r="H599923" s="12"/>
    </row>
    <row r="599924" spans="8:8">
      <c r="H599924" s="12"/>
    </row>
    <row r="599925" spans="8:8">
      <c r="H599925" s="12"/>
    </row>
    <row r="599926" spans="8:8">
      <c r="H599926" s="12"/>
    </row>
    <row r="599927" spans="8:8">
      <c r="H599927" s="12"/>
    </row>
    <row r="599928" spans="8:8">
      <c r="H599928" s="12"/>
    </row>
    <row r="599929" spans="8:8">
      <c r="H599929" s="12"/>
    </row>
    <row r="599930" spans="8:8">
      <c r="H599930" s="12"/>
    </row>
    <row r="599931" spans="8:8">
      <c r="H599931" s="12"/>
    </row>
    <row r="599932" spans="8:8">
      <c r="H599932" s="12"/>
    </row>
    <row r="599933" spans="8:8">
      <c r="H599933" s="12"/>
    </row>
    <row r="599934" spans="8:8">
      <c r="H599934" s="12"/>
    </row>
    <row r="599935" spans="8:8">
      <c r="H599935" s="12"/>
    </row>
    <row r="599936" spans="8:8">
      <c r="H599936" s="12"/>
    </row>
    <row r="599937" spans="8:8">
      <c r="H599937" s="12"/>
    </row>
    <row r="599938" spans="8:8">
      <c r="H599938" s="12"/>
    </row>
    <row r="599939" spans="8:8">
      <c r="H599939" s="12"/>
    </row>
    <row r="599940" spans="8:8">
      <c r="H599940" s="12"/>
    </row>
    <row r="599941" spans="8:8">
      <c r="H599941" s="12"/>
    </row>
    <row r="599942" spans="8:8">
      <c r="H599942" s="12"/>
    </row>
    <row r="599943" spans="8:8">
      <c r="H599943" s="12"/>
    </row>
    <row r="599944" spans="8:8">
      <c r="H599944" s="12"/>
    </row>
    <row r="599945" spans="8:8">
      <c r="H599945" s="12"/>
    </row>
    <row r="599946" spans="8:8">
      <c r="H599946" s="12"/>
    </row>
    <row r="599947" spans="8:8">
      <c r="H599947" s="12"/>
    </row>
    <row r="599948" spans="8:8">
      <c r="H599948" s="12"/>
    </row>
    <row r="599949" spans="8:8">
      <c r="H599949" s="12"/>
    </row>
    <row r="599950" spans="8:8">
      <c r="H599950" s="12"/>
    </row>
    <row r="599951" spans="8:8">
      <c r="H599951" s="12"/>
    </row>
    <row r="599952" spans="8:8">
      <c r="H599952" s="12"/>
    </row>
    <row r="599953" spans="8:8">
      <c r="H599953" s="12"/>
    </row>
    <row r="599954" spans="8:8">
      <c r="H599954" s="12"/>
    </row>
    <row r="599955" spans="8:8">
      <c r="H599955" s="12"/>
    </row>
    <row r="599956" spans="8:8">
      <c r="H599956" s="12"/>
    </row>
    <row r="599957" spans="8:8">
      <c r="H599957" s="12"/>
    </row>
    <row r="599958" spans="8:8">
      <c r="H599958" s="12"/>
    </row>
    <row r="599959" spans="8:8">
      <c r="H599959" s="12"/>
    </row>
    <row r="599960" spans="8:8">
      <c r="H599960" s="12"/>
    </row>
    <row r="599961" spans="8:8">
      <c r="H599961" s="12"/>
    </row>
    <row r="599962" spans="8:8">
      <c r="H599962" s="12"/>
    </row>
    <row r="599963" spans="8:8">
      <c r="H599963" s="12"/>
    </row>
    <row r="599964" spans="8:8">
      <c r="H599964" s="12"/>
    </row>
    <row r="599965" spans="8:8">
      <c r="H599965" s="12"/>
    </row>
    <row r="599966" spans="8:8">
      <c r="H599966" s="12"/>
    </row>
    <row r="599967" spans="8:8">
      <c r="H599967" s="12"/>
    </row>
    <row r="599968" spans="8:8">
      <c r="H599968" s="12"/>
    </row>
    <row r="599969" spans="8:8">
      <c r="H599969" s="12"/>
    </row>
    <row r="599970" spans="8:8">
      <c r="H599970" s="12"/>
    </row>
    <row r="599971" spans="8:8">
      <c r="H599971" s="12"/>
    </row>
    <row r="599972" spans="8:8">
      <c r="H599972" s="12"/>
    </row>
    <row r="599973" spans="8:8">
      <c r="H599973" s="12"/>
    </row>
    <row r="599974" spans="8:8">
      <c r="H599974" s="12"/>
    </row>
    <row r="599975" spans="8:8">
      <c r="H599975" s="12"/>
    </row>
    <row r="599976" spans="8:8">
      <c r="H599976" s="12"/>
    </row>
    <row r="599977" spans="8:8">
      <c r="H599977" s="12"/>
    </row>
    <row r="599978" spans="8:8">
      <c r="H599978" s="12"/>
    </row>
    <row r="599979" spans="8:8">
      <c r="H599979" s="12"/>
    </row>
    <row r="599980" spans="8:8">
      <c r="H599980" s="12"/>
    </row>
    <row r="599981" spans="8:8">
      <c r="H599981" s="12"/>
    </row>
    <row r="599982" spans="8:8">
      <c r="H599982" s="12"/>
    </row>
    <row r="599983" spans="8:8">
      <c r="H599983" s="12"/>
    </row>
    <row r="599984" spans="8:8">
      <c r="H599984" s="12"/>
    </row>
    <row r="599985" spans="8:8">
      <c r="H599985" s="12"/>
    </row>
    <row r="599986" spans="8:8">
      <c r="H599986" s="12"/>
    </row>
    <row r="599987" spans="8:8">
      <c r="H599987" s="12"/>
    </row>
    <row r="599988" spans="8:8">
      <c r="H599988" s="12"/>
    </row>
    <row r="599989" spans="8:8">
      <c r="H599989" s="12"/>
    </row>
    <row r="599990" spans="8:8">
      <c r="H599990" s="12"/>
    </row>
    <row r="599991" spans="8:8">
      <c r="H599991" s="12"/>
    </row>
    <row r="599992" spans="8:8">
      <c r="H599992" s="12"/>
    </row>
    <row r="599993" spans="8:8">
      <c r="H599993" s="12"/>
    </row>
    <row r="599994" spans="8:8">
      <c r="H599994" s="12"/>
    </row>
    <row r="599995" spans="8:8">
      <c r="H599995" s="12"/>
    </row>
    <row r="599996" spans="8:8">
      <c r="H599996" s="12"/>
    </row>
    <row r="599997" spans="8:8">
      <c r="H599997" s="12"/>
    </row>
    <row r="599998" spans="8:8">
      <c r="H599998" s="12"/>
    </row>
    <row r="599999" spans="8:8">
      <c r="H599999" s="12"/>
    </row>
    <row r="600000" spans="8:8">
      <c r="H600000" s="12"/>
    </row>
    <row r="600001" spans="8:8">
      <c r="H600001" s="12"/>
    </row>
    <row r="600002" spans="8:8">
      <c r="H600002" s="12"/>
    </row>
    <row r="600003" spans="8:8">
      <c r="H600003" s="12"/>
    </row>
    <row r="600004" spans="8:8">
      <c r="H600004" s="12"/>
    </row>
    <row r="600005" spans="8:8">
      <c r="H600005" s="12"/>
    </row>
    <row r="600006" spans="8:8">
      <c r="H600006" s="12"/>
    </row>
    <row r="600007" spans="8:8">
      <c r="H600007" s="12"/>
    </row>
    <row r="600008" spans="8:8">
      <c r="H600008" s="12"/>
    </row>
    <row r="600009" spans="8:8">
      <c r="H600009" s="12"/>
    </row>
    <row r="600010" spans="8:8">
      <c r="H600010" s="12"/>
    </row>
    <row r="600011" spans="8:8">
      <c r="H600011" s="12"/>
    </row>
    <row r="600012" spans="8:8">
      <c r="H600012" s="12"/>
    </row>
    <row r="600013" spans="8:8">
      <c r="H600013" s="12"/>
    </row>
    <row r="600014" spans="8:8">
      <c r="H600014" s="12"/>
    </row>
    <row r="600015" spans="8:8">
      <c r="H600015" s="12"/>
    </row>
    <row r="600016" spans="8:8">
      <c r="H600016" s="12"/>
    </row>
    <row r="600017" spans="8:8">
      <c r="H600017" s="12"/>
    </row>
    <row r="600018" spans="8:8">
      <c r="H600018" s="12"/>
    </row>
    <row r="600019" spans="8:8">
      <c r="H600019" s="12"/>
    </row>
    <row r="600020" spans="8:8">
      <c r="H600020" s="12"/>
    </row>
    <row r="600021" spans="8:8">
      <c r="H600021" s="12"/>
    </row>
    <row r="600022" spans="8:8">
      <c r="H600022" s="12"/>
    </row>
    <row r="600023" spans="8:8">
      <c r="H600023" s="12"/>
    </row>
    <row r="600024" spans="8:8">
      <c r="H600024" s="12"/>
    </row>
    <row r="600025" spans="8:8">
      <c r="H600025" s="12"/>
    </row>
    <row r="600026" spans="8:8">
      <c r="H600026" s="12"/>
    </row>
    <row r="600027" spans="8:8">
      <c r="H600027" s="12"/>
    </row>
    <row r="600028" spans="8:8">
      <c r="H600028" s="12"/>
    </row>
    <row r="600029" spans="8:8">
      <c r="H600029" s="12"/>
    </row>
    <row r="600030" spans="8:8">
      <c r="H600030" s="12"/>
    </row>
    <row r="600031" spans="8:8">
      <c r="H600031" s="12"/>
    </row>
    <row r="600032" spans="8:8">
      <c r="H600032" s="12"/>
    </row>
    <row r="600033" spans="8:8">
      <c r="H600033" s="12"/>
    </row>
    <row r="600034" spans="8:8">
      <c r="H600034" s="12"/>
    </row>
    <row r="600035" spans="8:8">
      <c r="H600035" s="12"/>
    </row>
    <row r="600036" spans="8:8">
      <c r="H600036" s="12"/>
    </row>
    <row r="600037" spans="8:8">
      <c r="H600037" s="12"/>
    </row>
    <row r="600038" spans="8:8">
      <c r="H600038" s="12"/>
    </row>
    <row r="600039" spans="8:8">
      <c r="H600039" s="12"/>
    </row>
    <row r="600040" spans="8:8">
      <c r="H600040" s="12"/>
    </row>
    <row r="600041" spans="8:8">
      <c r="H600041" s="12"/>
    </row>
    <row r="600042" spans="8:8">
      <c r="H600042" s="12"/>
    </row>
    <row r="600043" spans="8:8">
      <c r="H600043" s="12"/>
    </row>
    <row r="600044" spans="8:8">
      <c r="H600044" s="12"/>
    </row>
    <row r="600045" spans="8:8">
      <c r="H600045" s="12"/>
    </row>
    <row r="600046" spans="8:8">
      <c r="H600046" s="12"/>
    </row>
    <row r="600047" spans="8:8">
      <c r="H600047" s="12"/>
    </row>
    <row r="600048" spans="8:8">
      <c r="H600048" s="12"/>
    </row>
    <row r="600049" spans="8:8">
      <c r="H600049" s="12"/>
    </row>
    <row r="600050" spans="8:8">
      <c r="H600050" s="12"/>
    </row>
    <row r="600051" spans="8:8">
      <c r="H600051" s="12"/>
    </row>
    <row r="600052" spans="8:8">
      <c r="H600052" s="12"/>
    </row>
    <row r="600053" spans="8:8">
      <c r="H600053" s="12"/>
    </row>
    <row r="600054" spans="8:8">
      <c r="H600054" s="12"/>
    </row>
    <row r="600055" spans="8:8">
      <c r="H600055" s="12"/>
    </row>
    <row r="600056" spans="8:8">
      <c r="H600056" s="12"/>
    </row>
    <row r="600057" spans="8:8">
      <c r="H600057" s="12"/>
    </row>
    <row r="600058" spans="8:8">
      <c r="H600058" s="12"/>
    </row>
    <row r="600059" spans="8:8">
      <c r="H600059" s="12"/>
    </row>
    <row r="600060" spans="8:8">
      <c r="H600060" s="12"/>
    </row>
    <row r="600061" spans="8:8">
      <c r="H600061" s="12"/>
    </row>
    <row r="600062" spans="8:8">
      <c r="H600062" s="12"/>
    </row>
    <row r="600063" spans="8:8">
      <c r="H600063" s="12"/>
    </row>
    <row r="600064" spans="8:8">
      <c r="H600064" s="12"/>
    </row>
    <row r="600065" spans="8:8">
      <c r="H600065" s="12"/>
    </row>
    <row r="600066" spans="8:8">
      <c r="H600066" s="12"/>
    </row>
    <row r="600067" spans="8:8">
      <c r="H600067" s="12"/>
    </row>
    <row r="600068" spans="8:8">
      <c r="H600068" s="12"/>
    </row>
    <row r="600069" spans="8:8">
      <c r="H600069" s="12"/>
    </row>
    <row r="600070" spans="8:8">
      <c r="H600070" s="12"/>
    </row>
    <row r="600071" spans="8:8">
      <c r="H600071" s="12"/>
    </row>
    <row r="600072" spans="8:8">
      <c r="H600072" s="12"/>
    </row>
    <row r="600073" spans="8:8">
      <c r="H600073" s="12"/>
    </row>
    <row r="600074" spans="8:8">
      <c r="H600074" s="12"/>
    </row>
    <row r="600075" spans="8:8">
      <c r="H600075" s="12"/>
    </row>
    <row r="600076" spans="8:8">
      <c r="H600076" s="12"/>
    </row>
    <row r="600077" spans="8:8">
      <c r="H600077" s="12"/>
    </row>
    <row r="600078" spans="8:8">
      <c r="H600078" s="12"/>
    </row>
    <row r="600079" spans="8:8">
      <c r="H600079" s="12"/>
    </row>
    <row r="600080" spans="8:8">
      <c r="H600080" s="12"/>
    </row>
    <row r="600081" spans="8:8">
      <c r="H600081" s="12"/>
    </row>
    <row r="600082" spans="8:8">
      <c r="H600082" s="12"/>
    </row>
    <row r="600083" spans="8:8">
      <c r="H600083" s="12"/>
    </row>
    <row r="600084" spans="8:8">
      <c r="H600084" s="12"/>
    </row>
    <row r="600085" spans="8:8">
      <c r="H600085" s="12"/>
    </row>
    <row r="600086" spans="8:8">
      <c r="H600086" s="12"/>
    </row>
    <row r="600087" spans="8:8">
      <c r="H600087" s="12"/>
    </row>
    <row r="600088" spans="8:8">
      <c r="H600088" s="12"/>
    </row>
    <row r="600089" spans="8:8">
      <c r="H600089" s="12"/>
    </row>
    <row r="600090" spans="8:8">
      <c r="H600090" s="12"/>
    </row>
    <row r="600091" spans="8:8">
      <c r="H600091" s="12"/>
    </row>
    <row r="600092" spans="8:8">
      <c r="H600092" s="12"/>
    </row>
    <row r="600093" spans="8:8">
      <c r="H600093" s="12"/>
    </row>
    <row r="600094" spans="8:8">
      <c r="H600094" s="12"/>
    </row>
    <row r="600095" spans="8:8">
      <c r="H600095" s="12"/>
    </row>
    <row r="600096" spans="8:8">
      <c r="H600096" s="12"/>
    </row>
    <row r="600097" spans="8:8">
      <c r="H600097" s="12"/>
    </row>
    <row r="600098" spans="8:8">
      <c r="H600098" s="12"/>
    </row>
    <row r="600099" spans="8:8">
      <c r="H600099" s="12"/>
    </row>
    <row r="600100" spans="8:8">
      <c r="H600100" s="12"/>
    </row>
    <row r="600101" spans="8:8">
      <c r="H600101" s="12"/>
    </row>
    <row r="600102" spans="8:8">
      <c r="H600102" s="12"/>
    </row>
    <row r="600103" spans="8:8">
      <c r="H600103" s="12"/>
    </row>
    <row r="600104" spans="8:8">
      <c r="H600104" s="12"/>
    </row>
    <row r="600105" spans="8:8">
      <c r="H600105" s="12"/>
    </row>
    <row r="600106" spans="8:8">
      <c r="H600106" s="12"/>
    </row>
    <row r="600107" spans="8:8">
      <c r="H600107" s="12"/>
    </row>
    <row r="600108" spans="8:8">
      <c r="H600108" s="12"/>
    </row>
    <row r="600109" spans="8:8">
      <c r="H600109" s="12"/>
    </row>
    <row r="600110" spans="8:8">
      <c r="H600110" s="12"/>
    </row>
    <row r="600111" spans="8:8">
      <c r="H600111" s="12"/>
    </row>
    <row r="600112" spans="8:8">
      <c r="H600112" s="12"/>
    </row>
    <row r="600113" spans="8:8">
      <c r="H600113" s="12"/>
    </row>
    <row r="600114" spans="8:8">
      <c r="H600114" s="12"/>
    </row>
    <row r="600115" spans="8:8">
      <c r="H600115" s="12"/>
    </row>
    <row r="600116" spans="8:8">
      <c r="H600116" s="12"/>
    </row>
    <row r="600117" spans="8:8">
      <c r="H600117" s="12"/>
    </row>
    <row r="600118" spans="8:8">
      <c r="H600118" s="12"/>
    </row>
    <row r="600119" spans="8:8">
      <c r="H600119" s="12"/>
    </row>
    <row r="600120" spans="8:8">
      <c r="H600120" s="12"/>
    </row>
    <row r="600121" spans="8:8">
      <c r="H600121" s="12"/>
    </row>
    <row r="600122" spans="8:8">
      <c r="H600122" s="12"/>
    </row>
    <row r="600123" spans="8:8">
      <c r="H600123" s="12"/>
    </row>
    <row r="600124" spans="8:8">
      <c r="H600124" s="12"/>
    </row>
    <row r="600125" spans="8:8">
      <c r="H600125" s="12"/>
    </row>
    <row r="600126" spans="8:8">
      <c r="H600126" s="12"/>
    </row>
    <row r="600127" spans="8:8">
      <c r="H600127" s="12"/>
    </row>
    <row r="600128" spans="8:8">
      <c r="H600128" s="12"/>
    </row>
    <row r="600129" spans="8:8">
      <c r="H600129" s="12"/>
    </row>
    <row r="600130" spans="8:8">
      <c r="H600130" s="12"/>
    </row>
    <row r="600131" spans="8:8">
      <c r="H600131" s="12"/>
    </row>
    <row r="600132" spans="8:8">
      <c r="H600132" s="12"/>
    </row>
    <row r="600133" spans="8:8">
      <c r="H600133" s="12"/>
    </row>
    <row r="600134" spans="8:8">
      <c r="H600134" s="12"/>
    </row>
    <row r="600135" spans="8:8">
      <c r="H600135" s="12"/>
    </row>
    <row r="600136" spans="8:8">
      <c r="H600136" s="12"/>
    </row>
    <row r="600137" spans="8:8">
      <c r="H600137" s="12"/>
    </row>
    <row r="600138" spans="8:8">
      <c r="H600138" s="12"/>
    </row>
    <row r="600139" spans="8:8">
      <c r="H600139" s="12"/>
    </row>
    <row r="600140" spans="8:8">
      <c r="H600140" s="12"/>
    </row>
    <row r="600141" spans="8:8">
      <c r="H600141" s="12"/>
    </row>
    <row r="600142" spans="8:8">
      <c r="H600142" s="12"/>
    </row>
    <row r="600143" spans="8:8">
      <c r="H600143" s="12"/>
    </row>
    <row r="600144" spans="8:8">
      <c r="H600144" s="12"/>
    </row>
    <row r="600145" spans="8:8">
      <c r="H600145" s="12"/>
    </row>
    <row r="600146" spans="8:8">
      <c r="H600146" s="12"/>
    </row>
    <row r="600147" spans="8:8">
      <c r="H600147" s="12"/>
    </row>
    <row r="600148" spans="8:8">
      <c r="H600148" s="12"/>
    </row>
    <row r="600149" spans="8:8">
      <c r="H600149" s="12"/>
    </row>
    <row r="600150" spans="8:8">
      <c r="H600150" s="12"/>
    </row>
    <row r="600151" spans="8:8">
      <c r="H600151" s="12"/>
    </row>
    <row r="600152" spans="8:8">
      <c r="H600152" s="12"/>
    </row>
    <row r="600153" spans="8:8">
      <c r="H600153" s="12"/>
    </row>
    <row r="600154" spans="8:8">
      <c r="H600154" s="12"/>
    </row>
    <row r="600155" spans="8:8">
      <c r="H600155" s="12"/>
    </row>
    <row r="600156" spans="8:8">
      <c r="H600156" s="12"/>
    </row>
    <row r="600157" spans="8:8">
      <c r="H600157" s="12"/>
    </row>
    <row r="600158" spans="8:8">
      <c r="H600158" s="12"/>
    </row>
    <row r="600159" spans="8:8">
      <c r="H600159" s="12"/>
    </row>
    <row r="600160" spans="8:8">
      <c r="H600160" s="12"/>
    </row>
    <row r="600161" spans="8:8">
      <c r="H600161" s="12"/>
    </row>
    <row r="600162" spans="8:8">
      <c r="H600162" s="12"/>
    </row>
    <row r="600163" spans="8:8">
      <c r="H600163" s="12"/>
    </row>
    <row r="600164" spans="8:8">
      <c r="H600164" s="12"/>
    </row>
    <row r="600165" spans="8:8">
      <c r="H600165" s="12"/>
    </row>
    <row r="600166" spans="8:8">
      <c r="H600166" s="12"/>
    </row>
    <row r="600167" spans="8:8">
      <c r="H600167" s="12"/>
    </row>
    <row r="600168" spans="8:8">
      <c r="H600168" s="12"/>
    </row>
    <row r="600169" spans="8:8">
      <c r="H600169" s="12"/>
    </row>
    <row r="600170" spans="8:8">
      <c r="H600170" s="12"/>
    </row>
    <row r="600171" spans="8:8">
      <c r="H600171" s="12"/>
    </row>
    <row r="600172" spans="8:8">
      <c r="H600172" s="12"/>
    </row>
    <row r="600173" spans="8:8">
      <c r="H600173" s="12"/>
    </row>
    <row r="600174" spans="8:8">
      <c r="H600174" s="12"/>
    </row>
    <row r="600175" spans="8:8">
      <c r="H600175" s="12"/>
    </row>
    <row r="600176" spans="8:8">
      <c r="H600176" s="12"/>
    </row>
    <row r="600177" spans="8:8">
      <c r="H600177" s="12"/>
    </row>
    <row r="600178" spans="8:8">
      <c r="H600178" s="12"/>
    </row>
    <row r="600179" spans="8:8">
      <c r="H600179" s="12"/>
    </row>
    <row r="600180" spans="8:8">
      <c r="H600180" s="12"/>
    </row>
    <row r="600181" spans="8:8">
      <c r="H600181" s="12"/>
    </row>
    <row r="600182" spans="8:8">
      <c r="H600182" s="12"/>
    </row>
    <row r="600183" spans="8:8">
      <c r="H600183" s="12"/>
    </row>
    <row r="600184" spans="8:8">
      <c r="H600184" s="12"/>
    </row>
    <row r="600185" spans="8:8">
      <c r="H600185" s="12"/>
    </row>
    <row r="600186" spans="8:8">
      <c r="H600186" s="12"/>
    </row>
    <row r="600187" spans="8:8">
      <c r="H600187" s="12"/>
    </row>
    <row r="600188" spans="8:8">
      <c r="H600188" s="12"/>
    </row>
    <row r="600189" spans="8:8">
      <c r="H600189" s="12"/>
    </row>
    <row r="600190" spans="8:8">
      <c r="H600190" s="12"/>
    </row>
    <row r="600191" spans="8:8">
      <c r="H600191" s="12"/>
    </row>
    <row r="600192" spans="8:8">
      <c r="H600192" s="12"/>
    </row>
    <row r="600193" spans="8:8">
      <c r="H600193" s="12"/>
    </row>
    <row r="600194" spans="8:8">
      <c r="H600194" s="12"/>
    </row>
    <row r="600195" spans="8:8">
      <c r="H600195" s="12"/>
    </row>
    <row r="600196" spans="8:8">
      <c r="H600196" s="12"/>
    </row>
    <row r="600197" spans="8:8">
      <c r="H600197" s="12"/>
    </row>
    <row r="600198" spans="8:8">
      <c r="H600198" s="12"/>
    </row>
    <row r="600199" spans="8:8">
      <c r="H600199" s="12"/>
    </row>
    <row r="600200" spans="8:8">
      <c r="H600200" s="12"/>
    </row>
    <row r="600201" spans="8:8">
      <c r="H600201" s="12"/>
    </row>
    <row r="600202" spans="8:8">
      <c r="H600202" s="12"/>
    </row>
    <row r="600203" spans="8:8">
      <c r="H600203" s="12"/>
    </row>
    <row r="600204" spans="8:8">
      <c r="H600204" s="12"/>
    </row>
    <row r="600205" spans="8:8">
      <c r="H600205" s="12"/>
    </row>
    <row r="600206" spans="8:8">
      <c r="H600206" s="12"/>
    </row>
    <row r="600207" spans="8:8">
      <c r="H600207" s="12"/>
    </row>
    <row r="600208" spans="8:8">
      <c r="H600208" s="12"/>
    </row>
    <row r="600209" spans="8:8">
      <c r="H600209" s="12"/>
    </row>
    <row r="600210" spans="8:8">
      <c r="H600210" s="12"/>
    </row>
    <row r="600211" spans="8:8">
      <c r="H600211" s="12"/>
    </row>
    <row r="600212" spans="8:8">
      <c r="H600212" s="12"/>
    </row>
    <row r="600213" spans="8:8">
      <c r="H600213" s="12"/>
    </row>
    <row r="600214" spans="8:8">
      <c r="H600214" s="12"/>
    </row>
    <row r="600215" spans="8:8">
      <c r="H600215" s="12"/>
    </row>
    <row r="600216" spans="8:8">
      <c r="H600216" s="12"/>
    </row>
    <row r="600217" spans="8:8">
      <c r="H600217" s="12"/>
    </row>
    <row r="600218" spans="8:8">
      <c r="H600218" s="12"/>
    </row>
    <row r="600219" spans="8:8">
      <c r="H600219" s="12"/>
    </row>
    <row r="600220" spans="8:8">
      <c r="H600220" s="12"/>
    </row>
    <row r="600221" spans="8:8">
      <c r="H600221" s="12"/>
    </row>
    <row r="600222" spans="8:8">
      <c r="H600222" s="12"/>
    </row>
    <row r="600223" spans="8:8">
      <c r="H600223" s="12"/>
    </row>
    <row r="600224" spans="8:8">
      <c r="H600224" s="12"/>
    </row>
    <row r="600225" spans="8:8">
      <c r="H600225" s="12"/>
    </row>
    <row r="600226" spans="8:8">
      <c r="H600226" s="12"/>
    </row>
    <row r="600227" spans="8:8">
      <c r="H600227" s="12"/>
    </row>
    <row r="600228" spans="8:8">
      <c r="H600228" s="12"/>
    </row>
    <row r="600229" spans="8:8">
      <c r="H600229" s="12"/>
    </row>
    <row r="600230" spans="8:8">
      <c r="H600230" s="12"/>
    </row>
    <row r="600231" spans="8:8">
      <c r="H600231" s="12"/>
    </row>
    <row r="600232" spans="8:8">
      <c r="H600232" s="12"/>
    </row>
    <row r="600233" spans="8:8">
      <c r="H600233" s="12"/>
    </row>
    <row r="600234" spans="8:8">
      <c r="H600234" s="12"/>
    </row>
    <row r="600235" spans="8:8">
      <c r="H600235" s="12"/>
    </row>
    <row r="600236" spans="8:8">
      <c r="H600236" s="12"/>
    </row>
    <row r="600237" spans="8:8">
      <c r="H600237" s="12"/>
    </row>
    <row r="600238" spans="8:8">
      <c r="H600238" s="12"/>
    </row>
    <row r="600239" spans="8:8">
      <c r="H600239" s="12"/>
    </row>
    <row r="600240" spans="8:8">
      <c r="H600240" s="12"/>
    </row>
    <row r="600241" spans="8:8">
      <c r="H600241" s="12"/>
    </row>
    <row r="600242" spans="8:8">
      <c r="H600242" s="12"/>
    </row>
    <row r="600243" spans="8:8">
      <c r="H600243" s="12"/>
    </row>
    <row r="600244" spans="8:8">
      <c r="H600244" s="12"/>
    </row>
    <row r="600245" spans="8:8">
      <c r="H600245" s="12"/>
    </row>
    <row r="600246" spans="8:8">
      <c r="H600246" s="12"/>
    </row>
    <row r="600247" spans="8:8">
      <c r="H600247" s="12"/>
    </row>
    <row r="600248" spans="8:8">
      <c r="H600248" s="12"/>
    </row>
    <row r="600249" spans="8:8">
      <c r="H600249" s="12"/>
    </row>
    <row r="600250" spans="8:8">
      <c r="H600250" s="12"/>
    </row>
    <row r="600251" spans="8:8">
      <c r="H600251" s="12"/>
    </row>
    <row r="600252" spans="8:8">
      <c r="H600252" s="12"/>
    </row>
    <row r="600253" spans="8:8">
      <c r="H600253" s="12"/>
    </row>
    <row r="600254" spans="8:8">
      <c r="H600254" s="12"/>
    </row>
    <row r="600255" spans="8:8">
      <c r="H600255" s="12"/>
    </row>
    <row r="600256" spans="8:8">
      <c r="H600256" s="12"/>
    </row>
    <row r="600257" spans="8:8">
      <c r="H600257" s="12"/>
    </row>
    <row r="600258" spans="8:8">
      <c r="H600258" s="12"/>
    </row>
    <row r="600259" spans="8:8">
      <c r="H600259" s="12"/>
    </row>
    <row r="600260" spans="8:8">
      <c r="H600260" s="12"/>
    </row>
    <row r="600261" spans="8:8">
      <c r="H600261" s="12"/>
    </row>
    <row r="600262" spans="8:8">
      <c r="H600262" s="12"/>
    </row>
    <row r="600263" spans="8:8">
      <c r="H600263" s="12"/>
    </row>
    <row r="600264" spans="8:8">
      <c r="H600264" s="12"/>
    </row>
    <row r="600265" spans="8:8">
      <c r="H600265" s="12"/>
    </row>
    <row r="600266" spans="8:8">
      <c r="H600266" s="12"/>
    </row>
    <row r="600267" spans="8:8">
      <c r="H600267" s="12"/>
    </row>
    <row r="600268" spans="8:8">
      <c r="H600268" s="12"/>
    </row>
    <row r="600269" spans="8:8">
      <c r="H600269" s="12"/>
    </row>
    <row r="600270" spans="8:8">
      <c r="H600270" s="12"/>
    </row>
    <row r="600271" spans="8:8">
      <c r="H600271" s="12"/>
    </row>
    <row r="600272" spans="8:8">
      <c r="H600272" s="12"/>
    </row>
    <row r="600273" spans="8:8">
      <c r="H600273" s="12"/>
    </row>
    <row r="600274" spans="8:8">
      <c r="H600274" s="12"/>
    </row>
    <row r="600275" spans="8:8">
      <c r="H600275" s="12"/>
    </row>
    <row r="600276" spans="8:8">
      <c r="H600276" s="12"/>
    </row>
    <row r="600277" spans="8:8">
      <c r="H600277" s="12"/>
    </row>
    <row r="600278" spans="8:8">
      <c r="H600278" s="12"/>
    </row>
    <row r="600279" spans="8:8">
      <c r="H600279" s="12"/>
    </row>
    <row r="600280" spans="8:8">
      <c r="H600280" s="12"/>
    </row>
    <row r="600281" spans="8:8">
      <c r="H600281" s="12"/>
    </row>
    <row r="600282" spans="8:8">
      <c r="H600282" s="12"/>
    </row>
    <row r="600283" spans="8:8">
      <c r="H600283" s="12"/>
    </row>
    <row r="600284" spans="8:8">
      <c r="H600284" s="12"/>
    </row>
    <row r="600285" spans="8:8">
      <c r="H600285" s="12"/>
    </row>
    <row r="600286" spans="8:8">
      <c r="H600286" s="12"/>
    </row>
    <row r="600287" spans="8:8">
      <c r="H600287" s="12"/>
    </row>
    <row r="600288" spans="8:8">
      <c r="H600288" s="12"/>
    </row>
    <row r="600289" spans="8:8">
      <c r="H600289" s="12"/>
    </row>
    <row r="600290" spans="8:8">
      <c r="H600290" s="12"/>
    </row>
    <row r="600291" spans="8:8">
      <c r="H600291" s="12"/>
    </row>
    <row r="600292" spans="8:8">
      <c r="H600292" s="12"/>
    </row>
    <row r="600293" spans="8:8">
      <c r="H600293" s="12"/>
    </row>
    <row r="600294" spans="8:8">
      <c r="H600294" s="12"/>
    </row>
    <row r="600295" spans="8:8">
      <c r="H600295" s="12"/>
    </row>
    <row r="600296" spans="8:8">
      <c r="H600296" s="12"/>
    </row>
    <row r="600297" spans="8:8">
      <c r="H600297" s="12"/>
    </row>
    <row r="600298" spans="8:8">
      <c r="H600298" s="12"/>
    </row>
    <row r="600299" spans="8:8">
      <c r="H600299" s="12"/>
    </row>
    <row r="600300" spans="8:8">
      <c r="H600300" s="12"/>
    </row>
    <row r="600301" spans="8:8">
      <c r="H600301" s="12"/>
    </row>
    <row r="600302" spans="8:8">
      <c r="H600302" s="12"/>
    </row>
    <row r="600303" spans="8:8">
      <c r="H600303" s="12"/>
    </row>
    <row r="600304" spans="8:8">
      <c r="H600304" s="12"/>
    </row>
    <row r="600305" spans="8:8">
      <c r="H600305" s="12"/>
    </row>
    <row r="600306" spans="8:8">
      <c r="H600306" s="12"/>
    </row>
    <row r="600307" spans="8:8">
      <c r="H600307" s="12"/>
    </row>
    <row r="600308" spans="8:8">
      <c r="H600308" s="12"/>
    </row>
    <row r="600309" spans="8:8">
      <c r="H600309" s="12"/>
    </row>
    <row r="600310" spans="8:8">
      <c r="H600310" s="12"/>
    </row>
    <row r="600311" spans="8:8">
      <c r="H600311" s="12"/>
    </row>
    <row r="600312" spans="8:8">
      <c r="H600312" s="12"/>
    </row>
    <row r="600313" spans="8:8">
      <c r="H600313" s="12"/>
    </row>
    <row r="600314" spans="8:8">
      <c r="H600314" s="12"/>
    </row>
    <row r="600315" spans="8:8">
      <c r="H600315" s="12"/>
    </row>
    <row r="600316" spans="8:8">
      <c r="H600316" s="12"/>
    </row>
    <row r="600317" spans="8:8">
      <c r="H600317" s="12"/>
    </row>
    <row r="600318" spans="8:8">
      <c r="H600318" s="12"/>
    </row>
    <row r="600319" spans="8:8">
      <c r="H600319" s="12"/>
    </row>
    <row r="600320" spans="8:8">
      <c r="H600320" s="12"/>
    </row>
    <row r="600321" spans="8:8">
      <c r="H600321" s="12"/>
    </row>
    <row r="600322" spans="8:8">
      <c r="H600322" s="12"/>
    </row>
    <row r="600323" spans="8:8">
      <c r="H600323" s="12"/>
    </row>
    <row r="600324" spans="8:8">
      <c r="H600324" s="12"/>
    </row>
    <row r="600325" spans="8:8">
      <c r="H600325" s="12"/>
    </row>
    <row r="600326" spans="8:8">
      <c r="H600326" s="12"/>
    </row>
    <row r="600327" spans="8:8">
      <c r="H600327" s="12"/>
    </row>
    <row r="600328" spans="8:8">
      <c r="H600328" s="12"/>
    </row>
    <row r="600329" spans="8:8">
      <c r="H600329" s="12"/>
    </row>
    <row r="600330" spans="8:8">
      <c r="H600330" s="12"/>
    </row>
    <row r="600331" spans="8:8">
      <c r="H600331" s="12"/>
    </row>
    <row r="600332" spans="8:8">
      <c r="H600332" s="12"/>
    </row>
    <row r="600333" spans="8:8">
      <c r="H600333" s="12"/>
    </row>
    <row r="600334" spans="8:8">
      <c r="H600334" s="12"/>
    </row>
    <row r="600335" spans="8:8">
      <c r="H600335" s="12"/>
    </row>
    <row r="600336" spans="8:8">
      <c r="H600336" s="12"/>
    </row>
    <row r="600337" spans="8:8">
      <c r="H600337" s="12"/>
    </row>
    <row r="600338" spans="8:8">
      <c r="H600338" s="12"/>
    </row>
    <row r="600339" spans="8:8">
      <c r="H600339" s="12"/>
    </row>
    <row r="600340" spans="8:8">
      <c r="H600340" s="12"/>
    </row>
    <row r="600341" spans="8:8">
      <c r="H600341" s="12"/>
    </row>
    <row r="600342" spans="8:8">
      <c r="H600342" s="12"/>
    </row>
    <row r="600343" spans="8:8">
      <c r="H600343" s="12"/>
    </row>
    <row r="600344" spans="8:8">
      <c r="H600344" s="12"/>
    </row>
    <row r="600345" spans="8:8">
      <c r="H600345" s="12"/>
    </row>
    <row r="600346" spans="8:8">
      <c r="H600346" s="12"/>
    </row>
    <row r="600347" spans="8:8">
      <c r="H600347" s="12"/>
    </row>
    <row r="600348" spans="8:8">
      <c r="H600348" s="12"/>
    </row>
    <row r="600349" spans="8:8">
      <c r="H600349" s="12"/>
    </row>
    <row r="600350" spans="8:8">
      <c r="H600350" s="12"/>
    </row>
    <row r="600351" spans="8:8">
      <c r="H600351" s="12"/>
    </row>
    <row r="600352" spans="8:8">
      <c r="H600352" s="12"/>
    </row>
    <row r="600353" spans="8:8">
      <c r="H600353" s="12"/>
    </row>
    <row r="600354" spans="8:8">
      <c r="H600354" s="12"/>
    </row>
    <row r="600355" spans="8:8">
      <c r="H600355" s="12"/>
    </row>
    <row r="600356" spans="8:8">
      <c r="H600356" s="12"/>
    </row>
    <row r="600357" spans="8:8">
      <c r="H600357" s="12"/>
    </row>
    <row r="600358" spans="8:8">
      <c r="H600358" s="12"/>
    </row>
    <row r="600359" spans="8:8">
      <c r="H600359" s="12"/>
    </row>
    <row r="600360" spans="8:8">
      <c r="H600360" s="12"/>
    </row>
    <row r="600361" spans="8:8">
      <c r="H600361" s="12"/>
    </row>
    <row r="600362" spans="8:8">
      <c r="H600362" s="12"/>
    </row>
    <row r="600363" spans="8:8">
      <c r="H600363" s="12"/>
    </row>
    <row r="600364" spans="8:8">
      <c r="H600364" s="12"/>
    </row>
    <row r="600365" spans="8:8">
      <c r="H600365" s="12"/>
    </row>
    <row r="600366" spans="8:8">
      <c r="H600366" s="12"/>
    </row>
    <row r="600367" spans="8:8">
      <c r="H600367" s="12"/>
    </row>
    <row r="600368" spans="8:8">
      <c r="H600368" s="12"/>
    </row>
    <row r="600369" spans="8:8">
      <c r="H600369" s="12"/>
    </row>
    <row r="600370" spans="8:8">
      <c r="H600370" s="12"/>
    </row>
    <row r="600371" spans="8:8">
      <c r="H600371" s="12"/>
    </row>
    <row r="600372" spans="8:8">
      <c r="H600372" s="12"/>
    </row>
    <row r="600373" spans="8:8">
      <c r="H600373" s="12"/>
    </row>
    <row r="600374" spans="8:8">
      <c r="H600374" s="12"/>
    </row>
    <row r="600375" spans="8:8">
      <c r="H600375" s="12"/>
    </row>
    <row r="600376" spans="8:8">
      <c r="H600376" s="12"/>
    </row>
    <row r="600377" spans="8:8">
      <c r="H600377" s="12"/>
    </row>
    <row r="600378" spans="8:8">
      <c r="H600378" s="12"/>
    </row>
    <row r="600379" spans="8:8">
      <c r="H600379" s="12"/>
    </row>
    <row r="600380" spans="8:8">
      <c r="H600380" s="12"/>
    </row>
    <row r="600381" spans="8:8">
      <c r="H600381" s="12"/>
    </row>
    <row r="600382" spans="8:8">
      <c r="H600382" s="12"/>
    </row>
    <row r="600383" spans="8:8">
      <c r="H600383" s="12"/>
    </row>
    <row r="600384" spans="8:8">
      <c r="H600384" s="12"/>
    </row>
    <row r="600385" spans="8:8">
      <c r="H600385" s="12"/>
    </row>
    <row r="600386" spans="8:8">
      <c r="H600386" s="12"/>
    </row>
    <row r="600387" spans="8:8">
      <c r="H600387" s="12"/>
    </row>
    <row r="600388" spans="8:8">
      <c r="H600388" s="12"/>
    </row>
    <row r="600389" spans="8:8">
      <c r="H600389" s="12"/>
    </row>
    <row r="600390" spans="8:8">
      <c r="H600390" s="12"/>
    </row>
    <row r="600391" spans="8:8">
      <c r="H600391" s="12"/>
    </row>
    <row r="600392" spans="8:8">
      <c r="H600392" s="12"/>
    </row>
    <row r="600393" spans="8:8">
      <c r="H600393" s="12"/>
    </row>
    <row r="600394" spans="8:8">
      <c r="H600394" s="12"/>
    </row>
    <row r="600395" spans="8:8">
      <c r="H600395" s="12"/>
    </row>
    <row r="600396" spans="8:8">
      <c r="H600396" s="12"/>
    </row>
    <row r="600397" spans="8:8">
      <c r="H600397" s="12"/>
    </row>
    <row r="600398" spans="8:8">
      <c r="H600398" s="12"/>
    </row>
    <row r="600399" spans="8:8">
      <c r="H600399" s="12"/>
    </row>
    <row r="600400" spans="8:8">
      <c r="H600400" s="12"/>
    </row>
    <row r="600401" spans="8:8">
      <c r="H600401" s="12"/>
    </row>
    <row r="600402" spans="8:8">
      <c r="H600402" s="12"/>
    </row>
    <row r="600403" spans="8:8">
      <c r="H600403" s="12"/>
    </row>
    <row r="600404" spans="8:8">
      <c r="H600404" s="12"/>
    </row>
    <row r="600405" spans="8:8">
      <c r="H600405" s="12"/>
    </row>
    <row r="600406" spans="8:8">
      <c r="H600406" s="12"/>
    </row>
    <row r="600407" spans="8:8">
      <c r="H600407" s="12"/>
    </row>
    <row r="600408" spans="8:8">
      <c r="H600408" s="12"/>
    </row>
    <row r="600409" spans="8:8">
      <c r="H600409" s="12"/>
    </row>
    <row r="600410" spans="8:8">
      <c r="H600410" s="12"/>
    </row>
    <row r="600411" spans="8:8">
      <c r="H600411" s="12"/>
    </row>
    <row r="600412" spans="8:8">
      <c r="H600412" s="12"/>
    </row>
    <row r="600413" spans="8:8">
      <c r="H600413" s="12"/>
    </row>
    <row r="600414" spans="8:8">
      <c r="H600414" s="12"/>
    </row>
    <row r="600415" spans="8:8">
      <c r="H600415" s="12"/>
    </row>
    <row r="600416" spans="8:8">
      <c r="H600416" s="12"/>
    </row>
    <row r="600417" spans="8:8">
      <c r="H600417" s="12"/>
    </row>
    <row r="600418" spans="8:8">
      <c r="H600418" s="12"/>
    </row>
    <row r="600419" spans="8:8">
      <c r="H600419" s="12"/>
    </row>
    <row r="600420" spans="8:8">
      <c r="H600420" s="12"/>
    </row>
    <row r="600421" spans="8:8">
      <c r="H600421" s="12"/>
    </row>
    <row r="600422" spans="8:8">
      <c r="H600422" s="12"/>
    </row>
    <row r="600423" spans="8:8">
      <c r="H600423" s="12"/>
    </row>
    <row r="600424" spans="8:8">
      <c r="H600424" s="12"/>
    </row>
    <row r="600425" spans="8:8">
      <c r="H600425" s="12"/>
    </row>
    <row r="600426" spans="8:8">
      <c r="H600426" s="12"/>
    </row>
    <row r="600427" spans="8:8">
      <c r="H600427" s="12"/>
    </row>
    <row r="600428" spans="8:8">
      <c r="H600428" s="12"/>
    </row>
    <row r="600429" spans="8:8">
      <c r="H600429" s="12"/>
    </row>
    <row r="600430" spans="8:8">
      <c r="H600430" s="12"/>
    </row>
    <row r="600431" spans="8:8">
      <c r="H600431" s="12"/>
    </row>
    <row r="600432" spans="8:8">
      <c r="H600432" s="12"/>
    </row>
    <row r="600433" spans="8:8">
      <c r="H600433" s="12"/>
    </row>
    <row r="600434" spans="8:8">
      <c r="H600434" s="12"/>
    </row>
    <row r="600435" spans="8:8">
      <c r="H600435" s="12"/>
    </row>
    <row r="600436" spans="8:8">
      <c r="H600436" s="12"/>
    </row>
    <row r="600437" spans="8:8">
      <c r="H600437" s="12"/>
    </row>
    <row r="600438" spans="8:8">
      <c r="H600438" s="12"/>
    </row>
    <row r="600439" spans="8:8">
      <c r="H600439" s="12"/>
    </row>
    <row r="600440" spans="8:8">
      <c r="H600440" s="12"/>
    </row>
    <row r="600441" spans="8:8">
      <c r="H600441" s="12"/>
    </row>
    <row r="600442" spans="8:8">
      <c r="H600442" s="12"/>
    </row>
    <row r="600443" spans="8:8">
      <c r="H600443" s="12"/>
    </row>
    <row r="600444" spans="8:8">
      <c r="H600444" s="12"/>
    </row>
    <row r="600445" spans="8:8">
      <c r="H600445" s="12"/>
    </row>
    <row r="600446" spans="8:8">
      <c r="H600446" s="12"/>
    </row>
    <row r="600447" spans="8:8">
      <c r="H600447" s="12"/>
    </row>
    <row r="600448" spans="8:8">
      <c r="H600448" s="12"/>
    </row>
    <row r="600449" spans="8:8">
      <c r="H600449" s="12"/>
    </row>
    <row r="600450" spans="8:8">
      <c r="H600450" s="12"/>
    </row>
    <row r="600451" spans="8:8">
      <c r="H600451" s="12"/>
    </row>
    <row r="600452" spans="8:8">
      <c r="H600452" s="12"/>
    </row>
    <row r="600453" spans="8:8">
      <c r="H600453" s="12"/>
    </row>
    <row r="600454" spans="8:8">
      <c r="H600454" s="12"/>
    </row>
    <row r="600455" spans="8:8">
      <c r="H600455" s="12"/>
    </row>
    <row r="600456" spans="8:8">
      <c r="H600456" s="12"/>
    </row>
    <row r="600457" spans="8:8">
      <c r="H600457" s="12"/>
    </row>
    <row r="600458" spans="8:8">
      <c r="H600458" s="12"/>
    </row>
    <row r="600459" spans="8:8">
      <c r="H600459" s="12"/>
    </row>
    <row r="600460" spans="8:8">
      <c r="H600460" s="12"/>
    </row>
    <row r="600461" spans="8:8">
      <c r="H600461" s="12"/>
    </row>
    <row r="600462" spans="8:8">
      <c r="H600462" s="12"/>
    </row>
    <row r="600463" spans="8:8">
      <c r="H600463" s="12"/>
    </row>
    <row r="600464" spans="8:8">
      <c r="H600464" s="12"/>
    </row>
    <row r="600465" spans="8:8">
      <c r="H600465" s="12"/>
    </row>
    <row r="600466" spans="8:8">
      <c r="H600466" s="12"/>
    </row>
    <row r="600467" spans="8:8">
      <c r="H600467" s="12"/>
    </row>
    <row r="600468" spans="8:8">
      <c r="H600468" s="12"/>
    </row>
    <row r="600469" spans="8:8">
      <c r="H600469" s="12"/>
    </row>
    <row r="600470" spans="8:8">
      <c r="H600470" s="12"/>
    </row>
    <row r="600471" spans="8:8">
      <c r="H600471" s="12"/>
    </row>
    <row r="600472" spans="8:8">
      <c r="H600472" s="12"/>
    </row>
    <row r="600473" spans="8:8">
      <c r="H600473" s="12"/>
    </row>
    <row r="600474" spans="8:8">
      <c r="H600474" s="12"/>
    </row>
    <row r="600475" spans="8:8">
      <c r="H600475" s="12"/>
    </row>
    <row r="600476" spans="8:8">
      <c r="H600476" s="12"/>
    </row>
    <row r="600477" spans="8:8">
      <c r="H600477" s="12"/>
    </row>
    <row r="600478" spans="8:8">
      <c r="H600478" s="12"/>
    </row>
    <row r="600479" spans="8:8">
      <c r="H600479" s="12"/>
    </row>
    <row r="600480" spans="8:8">
      <c r="H600480" s="12"/>
    </row>
    <row r="600481" spans="8:8">
      <c r="H600481" s="12"/>
    </row>
    <row r="600482" spans="8:8">
      <c r="H600482" s="12"/>
    </row>
    <row r="600483" spans="8:8">
      <c r="H600483" s="12"/>
    </row>
    <row r="600484" spans="8:8">
      <c r="H600484" s="12"/>
    </row>
    <row r="600485" spans="8:8">
      <c r="H600485" s="12"/>
    </row>
    <row r="600486" spans="8:8">
      <c r="H600486" s="12"/>
    </row>
    <row r="600487" spans="8:8">
      <c r="H600487" s="12"/>
    </row>
    <row r="600488" spans="8:8">
      <c r="H600488" s="12"/>
    </row>
    <row r="600489" spans="8:8">
      <c r="H600489" s="12"/>
    </row>
    <row r="600490" spans="8:8">
      <c r="H600490" s="12"/>
    </row>
    <row r="600491" spans="8:8">
      <c r="H600491" s="12"/>
    </row>
    <row r="600492" spans="8:8">
      <c r="H600492" s="12"/>
    </row>
    <row r="600493" spans="8:8">
      <c r="H600493" s="12"/>
    </row>
    <row r="600494" spans="8:8">
      <c r="H600494" s="12"/>
    </row>
    <row r="600495" spans="8:8">
      <c r="H600495" s="12"/>
    </row>
    <row r="600496" spans="8:8">
      <c r="H600496" s="12"/>
    </row>
    <row r="600497" spans="8:8">
      <c r="H600497" s="12"/>
    </row>
    <row r="600498" spans="8:8">
      <c r="H600498" s="12"/>
    </row>
    <row r="600499" spans="8:8">
      <c r="H600499" s="12"/>
    </row>
    <row r="600500" spans="8:8">
      <c r="H600500" s="12"/>
    </row>
    <row r="600501" spans="8:8">
      <c r="H600501" s="12"/>
    </row>
    <row r="600502" spans="8:8">
      <c r="H600502" s="12"/>
    </row>
    <row r="600503" spans="8:8">
      <c r="H600503" s="12"/>
    </row>
    <row r="600504" spans="8:8">
      <c r="H600504" s="12"/>
    </row>
    <row r="600505" spans="8:8">
      <c r="H600505" s="12"/>
    </row>
    <row r="600506" spans="8:8">
      <c r="H600506" s="12"/>
    </row>
    <row r="600507" spans="8:8">
      <c r="H600507" s="12"/>
    </row>
    <row r="600508" spans="8:8">
      <c r="H600508" s="12"/>
    </row>
    <row r="600509" spans="8:8">
      <c r="H600509" s="12"/>
    </row>
    <row r="600510" spans="8:8">
      <c r="H600510" s="12"/>
    </row>
    <row r="600511" spans="8:8">
      <c r="H600511" s="12"/>
    </row>
    <row r="600512" spans="8:8">
      <c r="H600512" s="12"/>
    </row>
    <row r="600513" spans="8:8">
      <c r="H600513" s="12"/>
    </row>
    <row r="600514" spans="8:8">
      <c r="H600514" s="12"/>
    </row>
    <row r="600515" spans="8:8">
      <c r="H600515" s="12"/>
    </row>
    <row r="600516" spans="8:8">
      <c r="H600516" s="12"/>
    </row>
    <row r="600517" spans="8:8">
      <c r="H600517" s="12"/>
    </row>
    <row r="600518" spans="8:8">
      <c r="H600518" s="12"/>
    </row>
    <row r="600519" spans="8:8">
      <c r="H600519" s="12"/>
    </row>
    <row r="600520" spans="8:8">
      <c r="H600520" s="12"/>
    </row>
    <row r="600521" spans="8:8">
      <c r="H600521" s="12"/>
    </row>
    <row r="600522" spans="8:8">
      <c r="H600522" s="12"/>
    </row>
    <row r="600523" spans="8:8">
      <c r="H600523" s="12"/>
    </row>
    <row r="600524" spans="8:8">
      <c r="H600524" s="12"/>
    </row>
    <row r="600525" spans="8:8">
      <c r="H600525" s="12"/>
    </row>
    <row r="600526" spans="8:8">
      <c r="H600526" s="12"/>
    </row>
    <row r="600527" spans="8:8">
      <c r="H600527" s="12"/>
    </row>
    <row r="600528" spans="8:8">
      <c r="H600528" s="12"/>
    </row>
    <row r="600529" spans="8:8">
      <c r="H600529" s="12"/>
    </row>
    <row r="600530" spans="8:8">
      <c r="H600530" s="12"/>
    </row>
    <row r="600531" spans="8:8">
      <c r="H600531" s="12"/>
    </row>
    <row r="600532" spans="8:8">
      <c r="H600532" s="12"/>
    </row>
    <row r="600533" spans="8:8">
      <c r="H600533" s="12"/>
    </row>
    <row r="600534" spans="8:8">
      <c r="H600534" s="12"/>
    </row>
    <row r="600535" spans="8:8">
      <c r="H600535" s="12"/>
    </row>
    <row r="600536" spans="8:8">
      <c r="H600536" s="12"/>
    </row>
    <row r="600537" spans="8:8">
      <c r="H600537" s="12"/>
    </row>
    <row r="600538" spans="8:8">
      <c r="H600538" s="12"/>
    </row>
    <row r="600539" spans="8:8">
      <c r="H600539" s="12"/>
    </row>
    <row r="600540" spans="8:8">
      <c r="H600540" s="12"/>
    </row>
    <row r="600541" spans="8:8">
      <c r="H600541" s="12"/>
    </row>
    <row r="600542" spans="8:8">
      <c r="H600542" s="12"/>
    </row>
    <row r="600543" spans="8:8">
      <c r="H600543" s="12"/>
    </row>
    <row r="600544" spans="8:8">
      <c r="H600544" s="12"/>
    </row>
    <row r="600545" spans="8:8">
      <c r="H600545" s="12"/>
    </row>
    <row r="600546" spans="8:8">
      <c r="H600546" s="12"/>
    </row>
    <row r="600547" spans="8:8">
      <c r="H600547" s="12"/>
    </row>
    <row r="600548" spans="8:8">
      <c r="H600548" s="12"/>
    </row>
    <row r="600549" spans="8:8">
      <c r="H600549" s="12"/>
    </row>
    <row r="600550" spans="8:8">
      <c r="H600550" s="12"/>
    </row>
    <row r="600551" spans="8:8">
      <c r="H600551" s="12"/>
    </row>
    <row r="600552" spans="8:8">
      <c r="H600552" s="12"/>
    </row>
    <row r="600553" spans="8:8">
      <c r="H600553" s="12"/>
    </row>
    <row r="600554" spans="8:8">
      <c r="H600554" s="12"/>
    </row>
    <row r="600555" spans="8:8">
      <c r="H600555" s="12"/>
    </row>
    <row r="600556" spans="8:8">
      <c r="H600556" s="12"/>
    </row>
    <row r="600557" spans="8:8">
      <c r="H600557" s="12"/>
    </row>
    <row r="600558" spans="8:8">
      <c r="H600558" s="12"/>
    </row>
    <row r="600559" spans="8:8">
      <c r="H600559" s="12"/>
    </row>
    <row r="600560" spans="8:8">
      <c r="H600560" s="12"/>
    </row>
    <row r="600561" spans="8:8">
      <c r="H600561" s="12"/>
    </row>
    <row r="600562" spans="8:8">
      <c r="H600562" s="12"/>
    </row>
    <row r="600563" spans="8:8">
      <c r="H600563" s="12"/>
    </row>
    <row r="600564" spans="8:8">
      <c r="H600564" s="12"/>
    </row>
    <row r="600565" spans="8:8">
      <c r="H600565" s="12"/>
    </row>
    <row r="600566" spans="8:8">
      <c r="H600566" s="12"/>
    </row>
    <row r="600567" spans="8:8">
      <c r="H600567" s="12"/>
    </row>
    <row r="600568" spans="8:8">
      <c r="H600568" s="12"/>
    </row>
    <row r="600569" spans="8:8">
      <c r="H600569" s="12"/>
    </row>
    <row r="600570" spans="8:8">
      <c r="H600570" s="12"/>
    </row>
    <row r="600571" spans="8:8">
      <c r="H600571" s="12"/>
    </row>
    <row r="600572" spans="8:8">
      <c r="H600572" s="12"/>
    </row>
    <row r="600573" spans="8:8">
      <c r="H600573" s="12"/>
    </row>
    <row r="600574" spans="8:8">
      <c r="H600574" s="12"/>
    </row>
    <row r="600575" spans="8:8">
      <c r="H600575" s="12"/>
    </row>
    <row r="600576" spans="8:8">
      <c r="H600576" s="12"/>
    </row>
    <row r="600577" spans="8:8">
      <c r="H600577" s="12"/>
    </row>
    <row r="600578" spans="8:8">
      <c r="H600578" s="12"/>
    </row>
    <row r="600579" spans="8:8">
      <c r="H600579" s="12"/>
    </row>
    <row r="600580" spans="8:8">
      <c r="H600580" s="12"/>
    </row>
    <row r="600581" spans="8:8">
      <c r="H600581" s="12"/>
    </row>
    <row r="600582" spans="8:8">
      <c r="H600582" s="12"/>
    </row>
    <row r="600583" spans="8:8">
      <c r="H600583" s="12"/>
    </row>
    <row r="600584" spans="8:8">
      <c r="H600584" s="12"/>
    </row>
    <row r="600585" spans="8:8">
      <c r="H600585" s="12"/>
    </row>
    <row r="600586" spans="8:8">
      <c r="H600586" s="12"/>
    </row>
    <row r="600587" spans="8:8">
      <c r="H600587" s="12"/>
    </row>
    <row r="600588" spans="8:8">
      <c r="H600588" s="12"/>
    </row>
    <row r="600589" spans="8:8">
      <c r="H600589" s="12"/>
    </row>
    <row r="600590" spans="8:8">
      <c r="H600590" s="12"/>
    </row>
    <row r="600591" spans="8:8">
      <c r="H600591" s="12"/>
    </row>
    <row r="600592" spans="8:8">
      <c r="H600592" s="12"/>
    </row>
    <row r="600593" spans="8:8">
      <c r="H600593" s="12"/>
    </row>
    <row r="600594" spans="8:8">
      <c r="H600594" s="12"/>
    </row>
    <row r="600595" spans="8:8">
      <c r="H600595" s="12"/>
    </row>
    <row r="600596" spans="8:8">
      <c r="H600596" s="12"/>
    </row>
    <row r="600597" spans="8:8">
      <c r="H600597" s="12"/>
    </row>
    <row r="600598" spans="8:8">
      <c r="H600598" s="12"/>
    </row>
    <row r="600599" spans="8:8">
      <c r="H600599" s="12"/>
    </row>
    <row r="600600" spans="8:8">
      <c r="H600600" s="12"/>
    </row>
    <row r="600601" spans="8:8">
      <c r="H600601" s="12"/>
    </row>
    <row r="600602" spans="8:8">
      <c r="H600602" s="12"/>
    </row>
    <row r="600603" spans="8:8">
      <c r="H600603" s="12"/>
    </row>
    <row r="600604" spans="8:8">
      <c r="H600604" s="12"/>
    </row>
    <row r="600605" spans="8:8">
      <c r="H600605" s="12"/>
    </row>
    <row r="600606" spans="8:8">
      <c r="H600606" s="12"/>
    </row>
    <row r="600607" spans="8:8">
      <c r="H600607" s="12"/>
    </row>
    <row r="600608" spans="8:8">
      <c r="H600608" s="12"/>
    </row>
    <row r="600609" spans="8:8">
      <c r="H600609" s="12"/>
    </row>
    <row r="600610" spans="8:8">
      <c r="H600610" s="12"/>
    </row>
    <row r="600611" spans="8:8">
      <c r="H600611" s="12"/>
    </row>
    <row r="600612" spans="8:8">
      <c r="H600612" s="12"/>
    </row>
    <row r="600613" spans="8:8">
      <c r="H600613" s="12"/>
    </row>
    <row r="600614" spans="8:8">
      <c r="H600614" s="12"/>
    </row>
    <row r="600615" spans="8:8">
      <c r="H600615" s="12"/>
    </row>
    <row r="600616" spans="8:8">
      <c r="H600616" s="12"/>
    </row>
    <row r="600617" spans="8:8">
      <c r="H600617" s="12"/>
    </row>
    <row r="600618" spans="8:8">
      <c r="H600618" s="12"/>
    </row>
    <row r="600619" spans="8:8">
      <c r="H600619" s="12"/>
    </row>
    <row r="600620" spans="8:8">
      <c r="H600620" s="12"/>
    </row>
    <row r="600621" spans="8:8">
      <c r="H600621" s="12"/>
    </row>
    <row r="600622" spans="8:8">
      <c r="H600622" s="12"/>
    </row>
    <row r="600623" spans="8:8">
      <c r="H600623" s="12"/>
    </row>
    <row r="600624" spans="8:8">
      <c r="H600624" s="12"/>
    </row>
    <row r="600625" spans="8:8">
      <c r="H600625" s="12"/>
    </row>
    <row r="600626" spans="8:8">
      <c r="H600626" s="12"/>
    </row>
    <row r="600627" spans="8:8">
      <c r="H600627" s="12"/>
    </row>
    <row r="600628" spans="8:8">
      <c r="H600628" s="12"/>
    </row>
    <row r="600629" spans="8:8">
      <c r="H600629" s="12"/>
    </row>
    <row r="600630" spans="8:8">
      <c r="H600630" s="12"/>
    </row>
    <row r="600631" spans="8:8">
      <c r="H600631" s="12"/>
    </row>
    <row r="600632" spans="8:8">
      <c r="H600632" s="12"/>
    </row>
    <row r="600633" spans="8:8">
      <c r="H600633" s="12"/>
    </row>
    <row r="600634" spans="8:8">
      <c r="H600634" s="12"/>
    </row>
    <row r="600635" spans="8:8">
      <c r="H600635" s="12"/>
    </row>
    <row r="600636" spans="8:8">
      <c r="H600636" s="12"/>
    </row>
    <row r="600637" spans="8:8">
      <c r="H600637" s="12"/>
    </row>
    <row r="600638" spans="8:8">
      <c r="H600638" s="12"/>
    </row>
    <row r="600639" spans="8:8">
      <c r="H600639" s="12"/>
    </row>
    <row r="600640" spans="8:8">
      <c r="H600640" s="12"/>
    </row>
    <row r="600641" spans="8:8">
      <c r="H600641" s="12"/>
    </row>
    <row r="600642" spans="8:8">
      <c r="H600642" s="12"/>
    </row>
    <row r="600643" spans="8:8">
      <c r="H600643" s="12"/>
    </row>
    <row r="600644" spans="8:8">
      <c r="H600644" s="12"/>
    </row>
    <row r="600645" spans="8:8">
      <c r="H600645" s="12"/>
    </row>
    <row r="600646" spans="8:8">
      <c r="H600646" s="12"/>
    </row>
    <row r="600647" spans="8:8">
      <c r="H600647" s="12"/>
    </row>
    <row r="600648" spans="8:8">
      <c r="H600648" s="12"/>
    </row>
    <row r="600649" spans="8:8">
      <c r="H600649" s="12"/>
    </row>
    <row r="600650" spans="8:8">
      <c r="H600650" s="12"/>
    </row>
    <row r="600651" spans="8:8">
      <c r="H600651" s="12"/>
    </row>
    <row r="600652" spans="8:8">
      <c r="H600652" s="12"/>
    </row>
    <row r="600653" spans="8:8">
      <c r="H600653" s="12"/>
    </row>
    <row r="600654" spans="8:8">
      <c r="H600654" s="12"/>
    </row>
    <row r="600655" spans="8:8">
      <c r="H600655" s="12"/>
    </row>
    <row r="600656" spans="8:8">
      <c r="H600656" s="12"/>
    </row>
    <row r="600657" spans="8:8">
      <c r="H600657" s="12"/>
    </row>
    <row r="600658" spans="8:8">
      <c r="H600658" s="12"/>
    </row>
    <row r="600659" spans="8:8">
      <c r="H600659" s="12"/>
    </row>
    <row r="600660" spans="8:8">
      <c r="H600660" s="12"/>
    </row>
    <row r="600661" spans="8:8">
      <c r="H600661" s="12"/>
    </row>
    <row r="600662" spans="8:8">
      <c r="H600662" s="12"/>
    </row>
    <row r="600663" spans="8:8">
      <c r="H600663" s="12"/>
    </row>
    <row r="600664" spans="8:8">
      <c r="H600664" s="12"/>
    </row>
    <row r="600665" spans="8:8">
      <c r="H600665" s="12"/>
    </row>
    <row r="600666" spans="8:8">
      <c r="H600666" s="12"/>
    </row>
    <row r="600667" spans="8:8">
      <c r="H600667" s="12"/>
    </row>
    <row r="600668" spans="8:8">
      <c r="H600668" s="12"/>
    </row>
    <row r="600669" spans="8:8">
      <c r="H600669" s="12"/>
    </row>
    <row r="600670" spans="8:8">
      <c r="H600670" s="12"/>
    </row>
    <row r="600671" spans="8:8">
      <c r="H600671" s="12"/>
    </row>
    <row r="600672" spans="8:8">
      <c r="H600672" s="12"/>
    </row>
    <row r="600673" spans="8:8">
      <c r="H600673" s="12"/>
    </row>
    <row r="600674" spans="8:8">
      <c r="H600674" s="12"/>
    </row>
    <row r="600675" spans="8:8">
      <c r="H600675" s="12"/>
    </row>
    <row r="600676" spans="8:8">
      <c r="H600676" s="12"/>
    </row>
    <row r="600677" spans="8:8">
      <c r="H600677" s="12"/>
    </row>
    <row r="600678" spans="8:8">
      <c r="H600678" s="12"/>
    </row>
    <row r="600679" spans="8:8">
      <c r="H600679" s="12"/>
    </row>
    <row r="600680" spans="8:8">
      <c r="H600680" s="12"/>
    </row>
    <row r="600681" spans="8:8">
      <c r="H600681" s="12"/>
    </row>
    <row r="600682" spans="8:8">
      <c r="H600682" s="12"/>
    </row>
    <row r="600683" spans="8:8">
      <c r="H600683" s="12"/>
    </row>
    <row r="600684" spans="8:8">
      <c r="H600684" s="12"/>
    </row>
    <row r="600685" spans="8:8">
      <c r="H600685" s="12"/>
    </row>
    <row r="600686" spans="8:8">
      <c r="H600686" s="12"/>
    </row>
    <row r="600687" spans="8:8">
      <c r="H600687" s="12"/>
    </row>
    <row r="600688" spans="8:8">
      <c r="H600688" s="12"/>
    </row>
    <row r="600689" spans="8:8">
      <c r="H600689" s="12"/>
    </row>
    <row r="600690" spans="8:8">
      <c r="H600690" s="12"/>
    </row>
    <row r="600691" spans="8:8">
      <c r="H600691" s="12"/>
    </row>
    <row r="600692" spans="8:8">
      <c r="H600692" s="12"/>
    </row>
    <row r="600693" spans="8:8">
      <c r="H600693" s="12"/>
    </row>
    <row r="600694" spans="8:8">
      <c r="H600694" s="12"/>
    </row>
    <row r="600695" spans="8:8">
      <c r="H600695" s="12"/>
    </row>
    <row r="600696" spans="8:8">
      <c r="H600696" s="12"/>
    </row>
    <row r="600697" spans="8:8">
      <c r="H600697" s="12"/>
    </row>
    <row r="600698" spans="8:8">
      <c r="H600698" s="12"/>
    </row>
    <row r="600699" spans="8:8">
      <c r="H600699" s="12"/>
    </row>
    <row r="600700" spans="8:8">
      <c r="H600700" s="12"/>
    </row>
    <row r="600701" spans="8:8">
      <c r="H600701" s="12"/>
    </row>
    <row r="600702" spans="8:8">
      <c r="H600702" s="12"/>
    </row>
    <row r="600703" spans="8:8">
      <c r="H600703" s="12"/>
    </row>
    <row r="600704" spans="8:8">
      <c r="H600704" s="12"/>
    </row>
    <row r="600705" spans="8:8">
      <c r="H600705" s="12"/>
    </row>
    <row r="600706" spans="8:8">
      <c r="H600706" s="12"/>
    </row>
    <row r="600707" spans="8:8">
      <c r="H600707" s="12"/>
    </row>
    <row r="600708" spans="8:8">
      <c r="H600708" s="12"/>
    </row>
    <row r="600709" spans="8:8">
      <c r="H600709" s="12"/>
    </row>
    <row r="600710" spans="8:8">
      <c r="H600710" s="12"/>
    </row>
    <row r="600711" spans="8:8">
      <c r="H600711" s="12"/>
    </row>
    <row r="600712" spans="8:8">
      <c r="H600712" s="12"/>
    </row>
    <row r="600713" spans="8:8">
      <c r="H600713" s="12"/>
    </row>
    <row r="600714" spans="8:8">
      <c r="H600714" s="12"/>
    </row>
    <row r="600715" spans="8:8">
      <c r="H600715" s="12"/>
    </row>
    <row r="600716" spans="8:8">
      <c r="H600716" s="12"/>
    </row>
    <row r="600717" spans="8:8">
      <c r="H600717" s="12"/>
    </row>
    <row r="600718" spans="8:8">
      <c r="H600718" s="12"/>
    </row>
    <row r="600719" spans="8:8">
      <c r="H600719" s="12"/>
    </row>
    <row r="600720" spans="8:8">
      <c r="H600720" s="12"/>
    </row>
    <row r="600721" spans="8:8">
      <c r="H600721" s="12"/>
    </row>
    <row r="600722" spans="8:8">
      <c r="H600722" s="12"/>
    </row>
    <row r="600723" spans="8:8">
      <c r="H600723" s="12"/>
    </row>
    <row r="600724" spans="8:8">
      <c r="H600724" s="12"/>
    </row>
    <row r="600725" spans="8:8">
      <c r="H600725" s="12"/>
    </row>
    <row r="600726" spans="8:8">
      <c r="H600726" s="12"/>
    </row>
    <row r="600727" spans="8:8">
      <c r="H600727" s="12"/>
    </row>
    <row r="600728" spans="8:8">
      <c r="H600728" s="12"/>
    </row>
    <row r="600729" spans="8:8">
      <c r="H600729" s="12"/>
    </row>
    <row r="600730" spans="8:8">
      <c r="H600730" s="12"/>
    </row>
    <row r="600731" spans="8:8">
      <c r="H600731" s="12"/>
    </row>
    <row r="600732" spans="8:8">
      <c r="H600732" s="12"/>
    </row>
    <row r="600733" spans="8:8">
      <c r="H600733" s="12"/>
    </row>
    <row r="600734" spans="8:8">
      <c r="H600734" s="12"/>
    </row>
    <row r="600735" spans="8:8">
      <c r="H600735" s="12"/>
    </row>
    <row r="600736" spans="8:8">
      <c r="H600736" s="12"/>
    </row>
    <row r="600737" spans="8:8">
      <c r="H600737" s="12"/>
    </row>
    <row r="600738" spans="8:8">
      <c r="H600738" s="12"/>
    </row>
    <row r="600739" spans="8:8">
      <c r="H600739" s="12"/>
    </row>
    <row r="600740" spans="8:8">
      <c r="H600740" s="12"/>
    </row>
    <row r="600741" spans="8:8">
      <c r="H600741" s="12"/>
    </row>
    <row r="600742" spans="8:8">
      <c r="H600742" s="12"/>
    </row>
    <row r="600743" spans="8:8">
      <c r="H600743" s="12"/>
    </row>
    <row r="600744" spans="8:8">
      <c r="H600744" s="12"/>
    </row>
    <row r="600745" spans="8:8">
      <c r="H600745" s="12"/>
    </row>
    <row r="600746" spans="8:8">
      <c r="H600746" s="12"/>
    </row>
    <row r="600747" spans="8:8">
      <c r="H600747" s="12"/>
    </row>
    <row r="600748" spans="8:8">
      <c r="H600748" s="12"/>
    </row>
    <row r="600749" spans="8:8">
      <c r="H600749" s="12"/>
    </row>
    <row r="600750" spans="8:8">
      <c r="H600750" s="12"/>
    </row>
    <row r="600751" spans="8:8">
      <c r="H600751" s="12"/>
    </row>
    <row r="600752" spans="8:8">
      <c r="H600752" s="12"/>
    </row>
    <row r="600753" spans="8:8">
      <c r="H600753" s="12"/>
    </row>
    <row r="600754" spans="8:8">
      <c r="H600754" s="12"/>
    </row>
    <row r="600755" spans="8:8">
      <c r="H600755" s="12"/>
    </row>
    <row r="600756" spans="8:8">
      <c r="H600756" s="12"/>
    </row>
    <row r="600757" spans="8:8">
      <c r="H600757" s="12"/>
    </row>
    <row r="600758" spans="8:8">
      <c r="H600758" s="12"/>
    </row>
    <row r="600759" spans="8:8">
      <c r="H600759" s="12"/>
    </row>
    <row r="600760" spans="8:8">
      <c r="H600760" s="12"/>
    </row>
    <row r="600761" spans="8:8">
      <c r="H600761" s="12"/>
    </row>
    <row r="600762" spans="8:8">
      <c r="H600762" s="12"/>
    </row>
    <row r="600763" spans="8:8">
      <c r="H600763" s="12"/>
    </row>
    <row r="600764" spans="8:8">
      <c r="H600764" s="12"/>
    </row>
    <row r="600765" spans="8:8">
      <c r="H600765" s="12"/>
    </row>
    <row r="600766" spans="8:8">
      <c r="H600766" s="12"/>
    </row>
    <row r="600767" spans="8:8">
      <c r="H600767" s="12"/>
    </row>
    <row r="600768" spans="8:8">
      <c r="H600768" s="12"/>
    </row>
    <row r="600769" spans="8:8">
      <c r="H600769" s="12"/>
    </row>
    <row r="600770" spans="8:8">
      <c r="H600770" s="12"/>
    </row>
    <row r="600771" spans="8:8">
      <c r="H600771" s="12"/>
    </row>
    <row r="600772" spans="8:8">
      <c r="H600772" s="12"/>
    </row>
    <row r="600773" spans="8:8">
      <c r="H600773" s="12"/>
    </row>
    <row r="600774" spans="8:8">
      <c r="H600774" s="12"/>
    </row>
    <row r="600775" spans="8:8">
      <c r="H600775" s="12"/>
    </row>
    <row r="600776" spans="8:8">
      <c r="H600776" s="12"/>
    </row>
    <row r="600777" spans="8:8">
      <c r="H600777" s="12"/>
    </row>
    <row r="600778" spans="8:8">
      <c r="H600778" s="12"/>
    </row>
    <row r="600779" spans="8:8">
      <c r="H600779" s="12"/>
    </row>
    <row r="600780" spans="8:8">
      <c r="H600780" s="12"/>
    </row>
    <row r="600781" spans="8:8">
      <c r="H600781" s="12"/>
    </row>
    <row r="600782" spans="8:8">
      <c r="H600782" s="12"/>
    </row>
    <row r="600783" spans="8:8">
      <c r="H600783" s="12"/>
    </row>
    <row r="600784" spans="8:8">
      <c r="H600784" s="12"/>
    </row>
    <row r="600785" spans="8:8">
      <c r="H600785" s="12"/>
    </row>
    <row r="600786" spans="8:8">
      <c r="H600786" s="12"/>
    </row>
    <row r="600787" spans="8:8">
      <c r="H600787" s="12"/>
    </row>
    <row r="600788" spans="8:8">
      <c r="H600788" s="12"/>
    </row>
    <row r="600789" spans="8:8">
      <c r="H600789" s="12"/>
    </row>
    <row r="600790" spans="8:8">
      <c r="H600790" s="12"/>
    </row>
    <row r="600791" spans="8:8">
      <c r="H600791" s="12"/>
    </row>
    <row r="600792" spans="8:8">
      <c r="H600792" s="12"/>
    </row>
    <row r="600793" spans="8:8">
      <c r="H600793" s="12"/>
    </row>
    <row r="600794" spans="8:8">
      <c r="H600794" s="12"/>
    </row>
    <row r="600795" spans="8:8">
      <c r="H600795" s="12"/>
    </row>
    <row r="600796" spans="8:8">
      <c r="H600796" s="12"/>
    </row>
    <row r="600797" spans="8:8">
      <c r="H600797" s="12"/>
    </row>
    <row r="600798" spans="8:8">
      <c r="H600798" s="12"/>
    </row>
    <row r="600799" spans="8:8">
      <c r="H600799" s="12"/>
    </row>
    <row r="600800" spans="8:8">
      <c r="H600800" s="12"/>
    </row>
    <row r="600801" spans="8:8">
      <c r="H600801" s="12"/>
    </row>
    <row r="600802" spans="8:8">
      <c r="H600802" s="12"/>
    </row>
    <row r="600803" spans="8:8">
      <c r="H600803" s="12"/>
    </row>
    <row r="600804" spans="8:8">
      <c r="H600804" s="12"/>
    </row>
    <row r="600805" spans="8:8">
      <c r="H600805" s="12"/>
    </row>
    <row r="600806" spans="8:8">
      <c r="H600806" s="12"/>
    </row>
    <row r="600807" spans="8:8">
      <c r="H600807" s="12"/>
    </row>
    <row r="600808" spans="8:8">
      <c r="H600808" s="12"/>
    </row>
    <row r="600809" spans="8:8">
      <c r="H600809" s="12"/>
    </row>
    <row r="600810" spans="8:8">
      <c r="H600810" s="12"/>
    </row>
    <row r="600811" spans="8:8">
      <c r="H600811" s="12"/>
    </row>
    <row r="600812" spans="8:8">
      <c r="H600812" s="12"/>
    </row>
    <row r="600813" spans="8:8">
      <c r="H600813" s="12"/>
    </row>
    <row r="600814" spans="8:8">
      <c r="H600814" s="12"/>
    </row>
    <row r="600815" spans="8:8">
      <c r="H600815" s="12"/>
    </row>
    <row r="600816" spans="8:8">
      <c r="H600816" s="12"/>
    </row>
    <row r="600817" spans="8:8">
      <c r="H600817" s="12"/>
    </row>
    <row r="600818" spans="8:8">
      <c r="H600818" s="12"/>
    </row>
    <row r="600819" spans="8:8">
      <c r="H600819" s="12"/>
    </row>
    <row r="600820" spans="8:8">
      <c r="H600820" s="12"/>
    </row>
    <row r="600821" spans="8:8">
      <c r="H600821" s="12"/>
    </row>
    <row r="600822" spans="8:8">
      <c r="H600822" s="12"/>
    </row>
    <row r="600823" spans="8:8">
      <c r="H600823" s="12"/>
    </row>
    <row r="600824" spans="8:8">
      <c r="H600824" s="12"/>
    </row>
    <row r="600825" spans="8:8">
      <c r="H600825" s="12"/>
    </row>
    <row r="600826" spans="8:8">
      <c r="H600826" s="12"/>
    </row>
    <row r="600827" spans="8:8">
      <c r="H600827" s="12"/>
    </row>
    <row r="600828" spans="8:8">
      <c r="H600828" s="12"/>
    </row>
    <row r="600829" spans="8:8">
      <c r="H600829" s="12"/>
    </row>
    <row r="600830" spans="8:8">
      <c r="H600830" s="12"/>
    </row>
    <row r="600831" spans="8:8">
      <c r="H600831" s="12"/>
    </row>
    <row r="600832" spans="8:8">
      <c r="H600832" s="12"/>
    </row>
    <row r="600833" spans="8:8">
      <c r="H600833" s="12"/>
    </row>
    <row r="600834" spans="8:8">
      <c r="H600834" s="12"/>
    </row>
    <row r="600835" spans="8:8">
      <c r="H600835" s="12"/>
    </row>
    <row r="600836" spans="8:8">
      <c r="H600836" s="12"/>
    </row>
    <row r="600837" spans="8:8">
      <c r="H600837" s="12"/>
    </row>
    <row r="600838" spans="8:8">
      <c r="H600838" s="12"/>
    </row>
    <row r="600839" spans="8:8">
      <c r="H600839" s="12"/>
    </row>
    <row r="600840" spans="8:8">
      <c r="H600840" s="12"/>
    </row>
    <row r="600841" spans="8:8">
      <c r="H600841" s="12"/>
    </row>
    <row r="600842" spans="8:8">
      <c r="H600842" s="12"/>
    </row>
    <row r="600843" spans="8:8">
      <c r="H600843" s="12"/>
    </row>
    <row r="600844" spans="8:8">
      <c r="H600844" s="12"/>
    </row>
    <row r="600845" spans="8:8">
      <c r="H600845" s="12"/>
    </row>
    <row r="600846" spans="8:8">
      <c r="H600846" s="12"/>
    </row>
    <row r="600847" spans="8:8">
      <c r="H600847" s="12"/>
    </row>
    <row r="600848" spans="8:8">
      <c r="H600848" s="12"/>
    </row>
    <row r="600849" spans="8:8">
      <c r="H600849" s="12"/>
    </row>
    <row r="600850" spans="8:8">
      <c r="H600850" s="12"/>
    </row>
    <row r="600851" spans="8:8">
      <c r="H600851" s="12"/>
    </row>
    <row r="600852" spans="8:8">
      <c r="H600852" s="12"/>
    </row>
    <row r="600853" spans="8:8">
      <c r="H600853" s="12"/>
    </row>
    <row r="600854" spans="8:8">
      <c r="H600854" s="12"/>
    </row>
    <row r="600855" spans="8:8">
      <c r="H600855" s="12"/>
    </row>
    <row r="600856" spans="8:8">
      <c r="H600856" s="12"/>
    </row>
    <row r="600857" spans="8:8">
      <c r="H600857" s="12"/>
    </row>
    <row r="600858" spans="8:8">
      <c r="H600858" s="12"/>
    </row>
    <row r="600859" spans="8:8">
      <c r="H600859" s="12"/>
    </row>
    <row r="600860" spans="8:8">
      <c r="H600860" s="12"/>
    </row>
    <row r="600861" spans="8:8">
      <c r="H600861" s="12"/>
    </row>
    <row r="600862" spans="8:8">
      <c r="H600862" s="12"/>
    </row>
    <row r="600863" spans="8:8">
      <c r="H600863" s="12"/>
    </row>
    <row r="600864" spans="8:8">
      <c r="H600864" s="12"/>
    </row>
    <row r="600865" spans="8:8">
      <c r="H600865" s="12"/>
    </row>
    <row r="600866" spans="8:8">
      <c r="H600866" s="12"/>
    </row>
    <row r="600867" spans="8:8">
      <c r="H600867" s="12"/>
    </row>
    <row r="600868" spans="8:8">
      <c r="H600868" s="12"/>
    </row>
    <row r="600869" spans="8:8">
      <c r="H600869" s="12"/>
    </row>
    <row r="600870" spans="8:8">
      <c r="H600870" s="12"/>
    </row>
    <row r="600871" spans="8:8">
      <c r="H600871" s="12"/>
    </row>
    <row r="600872" spans="8:8">
      <c r="H600872" s="12"/>
    </row>
    <row r="600873" spans="8:8">
      <c r="H600873" s="12"/>
    </row>
    <row r="600874" spans="8:8">
      <c r="H600874" s="12"/>
    </row>
    <row r="600875" spans="8:8">
      <c r="H600875" s="12"/>
    </row>
    <row r="600876" spans="8:8">
      <c r="H600876" s="12"/>
    </row>
    <row r="600877" spans="8:8">
      <c r="H600877" s="12"/>
    </row>
    <row r="600878" spans="8:8">
      <c r="H600878" s="12"/>
    </row>
    <row r="600879" spans="8:8">
      <c r="H600879" s="12"/>
    </row>
    <row r="600880" spans="8:8">
      <c r="H600880" s="12"/>
    </row>
    <row r="600881" spans="8:8">
      <c r="H600881" s="12"/>
    </row>
    <row r="600882" spans="8:8">
      <c r="H600882" s="12"/>
    </row>
    <row r="600883" spans="8:8">
      <c r="H600883" s="12"/>
    </row>
    <row r="600884" spans="8:8">
      <c r="H600884" s="12"/>
    </row>
    <row r="600885" spans="8:8">
      <c r="H600885" s="12"/>
    </row>
    <row r="600886" spans="8:8">
      <c r="H600886" s="12"/>
    </row>
    <row r="600887" spans="8:8">
      <c r="H600887" s="12"/>
    </row>
    <row r="600888" spans="8:8">
      <c r="H600888" s="12"/>
    </row>
    <row r="600889" spans="8:8">
      <c r="H600889" s="12"/>
    </row>
    <row r="600890" spans="8:8">
      <c r="H600890" s="12"/>
    </row>
    <row r="600891" spans="8:8">
      <c r="H600891" s="12"/>
    </row>
    <row r="600892" spans="8:8">
      <c r="H600892" s="12"/>
    </row>
    <row r="600893" spans="8:8">
      <c r="H600893" s="12"/>
    </row>
    <row r="600894" spans="8:8">
      <c r="H600894" s="12"/>
    </row>
    <row r="600895" spans="8:8">
      <c r="H600895" s="12"/>
    </row>
    <row r="600896" spans="8:8">
      <c r="H600896" s="12"/>
    </row>
    <row r="600897" spans="8:8">
      <c r="H600897" s="12"/>
    </row>
    <row r="600898" spans="8:8">
      <c r="H600898" s="12"/>
    </row>
    <row r="600899" spans="8:8">
      <c r="H600899" s="12"/>
    </row>
    <row r="600900" spans="8:8">
      <c r="H600900" s="12"/>
    </row>
    <row r="600901" spans="8:8">
      <c r="H600901" s="12"/>
    </row>
    <row r="600902" spans="8:8">
      <c r="H600902" s="12"/>
    </row>
    <row r="600903" spans="8:8">
      <c r="H600903" s="12"/>
    </row>
    <row r="600904" spans="8:8">
      <c r="H600904" s="12"/>
    </row>
    <row r="600905" spans="8:8">
      <c r="H600905" s="12"/>
    </row>
    <row r="600906" spans="8:8">
      <c r="H600906" s="12"/>
    </row>
    <row r="600907" spans="8:8">
      <c r="H600907" s="12"/>
    </row>
    <row r="600908" spans="8:8">
      <c r="H600908" s="12"/>
    </row>
    <row r="600909" spans="8:8">
      <c r="H600909" s="12"/>
    </row>
    <row r="600910" spans="8:8">
      <c r="H600910" s="12"/>
    </row>
    <row r="600911" spans="8:8">
      <c r="H600911" s="12"/>
    </row>
    <row r="600912" spans="8:8">
      <c r="H600912" s="12"/>
    </row>
    <row r="600913" spans="8:8">
      <c r="H600913" s="12"/>
    </row>
    <row r="600914" spans="8:8">
      <c r="H600914" s="12"/>
    </row>
    <row r="600915" spans="8:8">
      <c r="H600915" s="12"/>
    </row>
    <row r="600916" spans="8:8">
      <c r="H600916" s="12"/>
    </row>
    <row r="600917" spans="8:8">
      <c r="H600917" s="12"/>
    </row>
    <row r="600918" spans="8:8">
      <c r="H600918" s="12"/>
    </row>
    <row r="600919" spans="8:8">
      <c r="H600919" s="12"/>
    </row>
    <row r="600920" spans="8:8">
      <c r="H600920" s="12"/>
    </row>
    <row r="600921" spans="8:8">
      <c r="H600921" s="12"/>
    </row>
    <row r="600922" spans="8:8">
      <c r="H600922" s="12"/>
    </row>
    <row r="600923" spans="8:8">
      <c r="H600923" s="12"/>
    </row>
    <row r="600924" spans="8:8">
      <c r="H600924" s="12"/>
    </row>
    <row r="600925" spans="8:8">
      <c r="H600925" s="12"/>
    </row>
    <row r="600926" spans="8:8">
      <c r="H600926" s="12"/>
    </row>
    <row r="600927" spans="8:8">
      <c r="H600927" s="12"/>
    </row>
    <row r="600928" spans="8:8">
      <c r="H600928" s="12"/>
    </row>
    <row r="600929" spans="8:8">
      <c r="H600929" s="12"/>
    </row>
    <row r="600930" spans="8:8">
      <c r="H600930" s="12"/>
    </row>
    <row r="600931" spans="8:8">
      <c r="H600931" s="12"/>
    </row>
    <row r="600932" spans="8:8">
      <c r="H600932" s="12"/>
    </row>
    <row r="600933" spans="8:8">
      <c r="H600933" s="12"/>
    </row>
    <row r="600934" spans="8:8">
      <c r="H600934" s="12"/>
    </row>
    <row r="600935" spans="8:8">
      <c r="H600935" s="12"/>
    </row>
    <row r="600936" spans="8:8">
      <c r="H600936" s="12"/>
    </row>
    <row r="600937" spans="8:8">
      <c r="H600937" s="12"/>
    </row>
    <row r="600938" spans="8:8">
      <c r="H600938" s="12"/>
    </row>
    <row r="600939" spans="8:8">
      <c r="H600939" s="12"/>
    </row>
    <row r="600940" spans="8:8">
      <c r="H600940" s="12"/>
    </row>
    <row r="600941" spans="8:8">
      <c r="H600941" s="12"/>
    </row>
    <row r="600942" spans="8:8">
      <c r="H600942" s="12"/>
    </row>
    <row r="600943" spans="8:8">
      <c r="H600943" s="12"/>
    </row>
    <row r="600944" spans="8:8">
      <c r="H600944" s="12"/>
    </row>
    <row r="600945" spans="8:8">
      <c r="H600945" s="12"/>
    </row>
    <row r="600946" spans="8:8">
      <c r="H600946" s="12"/>
    </row>
    <row r="600947" spans="8:8">
      <c r="H600947" s="12"/>
    </row>
    <row r="600948" spans="8:8">
      <c r="H600948" s="12"/>
    </row>
    <row r="600949" spans="8:8">
      <c r="H600949" s="12"/>
    </row>
    <row r="600950" spans="8:8">
      <c r="H600950" s="12"/>
    </row>
    <row r="600951" spans="8:8">
      <c r="H600951" s="12"/>
    </row>
    <row r="600952" spans="8:8">
      <c r="H600952" s="12"/>
    </row>
    <row r="600953" spans="8:8">
      <c r="H600953" s="12"/>
    </row>
    <row r="600954" spans="8:8">
      <c r="H600954" s="12"/>
    </row>
    <row r="600955" spans="8:8">
      <c r="H600955" s="12"/>
    </row>
    <row r="600956" spans="8:8">
      <c r="H600956" s="12"/>
    </row>
    <row r="600957" spans="8:8">
      <c r="H600957" s="12"/>
    </row>
    <row r="600958" spans="8:8">
      <c r="H600958" s="12"/>
    </row>
    <row r="600959" spans="8:8">
      <c r="H600959" s="12"/>
    </row>
    <row r="600960" spans="8:8">
      <c r="H600960" s="12"/>
    </row>
    <row r="600961" spans="8:8">
      <c r="H600961" s="12"/>
    </row>
    <row r="600962" spans="8:8">
      <c r="H600962" s="12"/>
    </row>
    <row r="600963" spans="8:8">
      <c r="H600963" s="12"/>
    </row>
    <row r="600964" spans="8:8">
      <c r="H600964" s="12"/>
    </row>
    <row r="600965" spans="8:8">
      <c r="H600965" s="12"/>
    </row>
    <row r="600966" spans="8:8">
      <c r="H600966" s="12"/>
    </row>
    <row r="600967" spans="8:8">
      <c r="H600967" s="12"/>
    </row>
    <row r="600968" spans="8:8">
      <c r="H600968" s="12"/>
    </row>
    <row r="600969" spans="8:8">
      <c r="H600969" s="12"/>
    </row>
    <row r="600970" spans="8:8">
      <c r="H600970" s="12"/>
    </row>
    <row r="600971" spans="8:8">
      <c r="H600971" s="12"/>
    </row>
    <row r="600972" spans="8:8">
      <c r="H600972" s="12"/>
    </row>
    <row r="600973" spans="8:8">
      <c r="H600973" s="12"/>
    </row>
    <row r="600974" spans="8:8">
      <c r="H600974" s="12"/>
    </row>
    <row r="600975" spans="8:8">
      <c r="H600975" s="12"/>
    </row>
    <row r="600976" spans="8:8">
      <c r="H600976" s="12"/>
    </row>
    <row r="600977" spans="8:8">
      <c r="H600977" s="12"/>
    </row>
    <row r="600978" spans="8:8">
      <c r="H600978" s="12"/>
    </row>
    <row r="600979" spans="8:8">
      <c r="H600979" s="12"/>
    </row>
    <row r="600980" spans="8:8">
      <c r="H600980" s="12"/>
    </row>
    <row r="600981" spans="8:8">
      <c r="H600981" s="12"/>
    </row>
    <row r="600982" spans="8:8">
      <c r="H600982" s="12"/>
    </row>
    <row r="600983" spans="8:8">
      <c r="H600983" s="12"/>
    </row>
    <row r="600984" spans="8:8">
      <c r="H600984" s="12"/>
    </row>
    <row r="600985" spans="8:8">
      <c r="H600985" s="12"/>
    </row>
    <row r="600986" spans="8:8">
      <c r="H600986" s="12"/>
    </row>
    <row r="600987" spans="8:8">
      <c r="H600987" s="12"/>
    </row>
    <row r="600988" spans="8:8">
      <c r="H600988" s="12"/>
    </row>
    <row r="600989" spans="8:8">
      <c r="H600989" s="12"/>
    </row>
    <row r="600990" spans="8:8">
      <c r="H600990" s="12"/>
    </row>
    <row r="600991" spans="8:8">
      <c r="H600991" s="12"/>
    </row>
    <row r="600992" spans="8:8">
      <c r="H600992" s="12"/>
    </row>
    <row r="600993" spans="8:8">
      <c r="H600993" s="12"/>
    </row>
    <row r="600994" spans="8:8">
      <c r="H600994" s="12"/>
    </row>
    <row r="600995" spans="8:8">
      <c r="H600995" s="12"/>
    </row>
    <row r="600996" spans="8:8">
      <c r="H600996" s="12"/>
    </row>
    <row r="600997" spans="8:8">
      <c r="H600997" s="12"/>
    </row>
    <row r="600998" spans="8:8">
      <c r="H600998" s="12"/>
    </row>
    <row r="600999" spans="8:8">
      <c r="H600999" s="12"/>
    </row>
    <row r="601000" spans="8:8">
      <c r="H601000" s="12"/>
    </row>
    <row r="601001" spans="8:8">
      <c r="H601001" s="12"/>
    </row>
    <row r="601002" spans="8:8">
      <c r="H601002" s="12"/>
    </row>
    <row r="601003" spans="8:8">
      <c r="H601003" s="12"/>
    </row>
    <row r="601004" spans="8:8">
      <c r="H601004" s="12"/>
    </row>
    <row r="601005" spans="8:8">
      <c r="H601005" s="12"/>
    </row>
    <row r="601006" spans="8:8">
      <c r="H601006" s="12"/>
    </row>
    <row r="601007" spans="8:8">
      <c r="H601007" s="12"/>
    </row>
    <row r="601008" spans="8:8">
      <c r="H601008" s="12"/>
    </row>
    <row r="601009" spans="8:8">
      <c r="H601009" s="12"/>
    </row>
    <row r="601010" spans="8:8">
      <c r="H601010" s="12"/>
    </row>
    <row r="601011" spans="8:8">
      <c r="H601011" s="12"/>
    </row>
    <row r="601012" spans="8:8">
      <c r="H601012" s="12"/>
    </row>
    <row r="601013" spans="8:8">
      <c r="H601013" s="12"/>
    </row>
    <row r="601014" spans="8:8">
      <c r="H601014" s="12"/>
    </row>
    <row r="601015" spans="8:8">
      <c r="H601015" s="12"/>
    </row>
    <row r="601016" spans="8:8">
      <c r="H601016" s="12"/>
    </row>
    <row r="601017" spans="8:8">
      <c r="H601017" s="12"/>
    </row>
    <row r="601018" spans="8:8">
      <c r="H601018" s="12"/>
    </row>
    <row r="601019" spans="8:8">
      <c r="H601019" s="12"/>
    </row>
    <row r="601020" spans="8:8">
      <c r="H601020" s="12"/>
    </row>
    <row r="601021" spans="8:8">
      <c r="H601021" s="12"/>
    </row>
    <row r="601022" spans="8:8">
      <c r="H601022" s="12"/>
    </row>
    <row r="601023" spans="8:8">
      <c r="H601023" s="12"/>
    </row>
    <row r="601024" spans="8:8">
      <c r="H601024" s="12"/>
    </row>
    <row r="601025" spans="8:8">
      <c r="H601025" s="12"/>
    </row>
    <row r="601026" spans="8:8">
      <c r="H601026" s="12"/>
    </row>
    <row r="601027" spans="8:8">
      <c r="H601027" s="12"/>
    </row>
    <row r="601028" spans="8:8">
      <c r="H601028" s="12"/>
    </row>
    <row r="601029" spans="8:8">
      <c r="H601029" s="12"/>
    </row>
    <row r="601030" spans="8:8">
      <c r="H601030" s="12"/>
    </row>
    <row r="601031" spans="8:8">
      <c r="H601031" s="12"/>
    </row>
    <row r="601032" spans="8:8">
      <c r="H601032" s="12"/>
    </row>
    <row r="601033" spans="8:8">
      <c r="H601033" s="12"/>
    </row>
    <row r="601034" spans="8:8">
      <c r="H601034" s="12"/>
    </row>
    <row r="601035" spans="8:8">
      <c r="H601035" s="12"/>
    </row>
    <row r="601036" spans="8:8">
      <c r="H601036" s="12"/>
    </row>
    <row r="601037" spans="8:8">
      <c r="H601037" s="12"/>
    </row>
    <row r="601038" spans="8:8">
      <c r="H601038" s="12"/>
    </row>
    <row r="601039" spans="8:8">
      <c r="H601039" s="12"/>
    </row>
    <row r="601040" spans="8:8">
      <c r="H601040" s="12"/>
    </row>
    <row r="601041" spans="8:8">
      <c r="H601041" s="12"/>
    </row>
    <row r="601042" spans="8:8">
      <c r="H601042" s="12"/>
    </row>
    <row r="601043" spans="8:8">
      <c r="H601043" s="12"/>
    </row>
    <row r="601044" spans="8:8">
      <c r="H601044" s="12"/>
    </row>
    <row r="601045" spans="8:8">
      <c r="H601045" s="12"/>
    </row>
    <row r="601046" spans="8:8">
      <c r="H601046" s="12"/>
    </row>
    <row r="601047" spans="8:8">
      <c r="H601047" s="12"/>
    </row>
    <row r="601048" spans="8:8">
      <c r="H601048" s="12"/>
    </row>
    <row r="601049" spans="8:8">
      <c r="H601049" s="12"/>
    </row>
    <row r="601050" spans="8:8">
      <c r="H601050" s="12"/>
    </row>
    <row r="601051" spans="8:8">
      <c r="H601051" s="12"/>
    </row>
    <row r="601052" spans="8:8">
      <c r="H601052" s="12"/>
    </row>
    <row r="601053" spans="8:8">
      <c r="H601053" s="12"/>
    </row>
    <row r="601054" spans="8:8">
      <c r="H601054" s="12"/>
    </row>
    <row r="601055" spans="8:8">
      <c r="H601055" s="12"/>
    </row>
    <row r="601056" spans="8:8">
      <c r="H601056" s="12"/>
    </row>
    <row r="601057" spans="8:8">
      <c r="H601057" s="12"/>
    </row>
    <row r="601058" spans="8:8">
      <c r="H601058" s="12"/>
    </row>
    <row r="601059" spans="8:8">
      <c r="H601059" s="12"/>
    </row>
    <row r="601060" spans="8:8">
      <c r="H601060" s="12"/>
    </row>
    <row r="601061" spans="8:8">
      <c r="H601061" s="12"/>
    </row>
    <row r="601062" spans="8:8">
      <c r="H601062" s="12"/>
    </row>
    <row r="601063" spans="8:8">
      <c r="H601063" s="12"/>
    </row>
    <row r="601064" spans="8:8">
      <c r="H601064" s="12"/>
    </row>
    <row r="601065" spans="8:8">
      <c r="H601065" s="12"/>
    </row>
    <row r="601066" spans="8:8">
      <c r="H601066" s="12"/>
    </row>
    <row r="601067" spans="8:8">
      <c r="H601067" s="12"/>
    </row>
    <row r="601068" spans="8:8">
      <c r="H601068" s="12"/>
    </row>
    <row r="601069" spans="8:8">
      <c r="H601069" s="12"/>
    </row>
    <row r="601070" spans="8:8">
      <c r="H601070" s="12"/>
    </row>
    <row r="601071" spans="8:8">
      <c r="H601071" s="12"/>
    </row>
    <row r="601072" spans="8:8">
      <c r="H601072" s="12"/>
    </row>
    <row r="601073" spans="8:8">
      <c r="H601073" s="12"/>
    </row>
    <row r="601074" spans="8:8">
      <c r="H601074" s="12"/>
    </row>
    <row r="601075" spans="8:8">
      <c r="H601075" s="12"/>
    </row>
    <row r="601076" spans="8:8">
      <c r="H601076" s="12"/>
    </row>
    <row r="601077" spans="8:8">
      <c r="H601077" s="12"/>
    </row>
    <row r="601078" spans="8:8">
      <c r="H601078" s="12"/>
    </row>
    <row r="601079" spans="8:8">
      <c r="H601079" s="12"/>
    </row>
    <row r="601080" spans="8:8">
      <c r="H601080" s="12"/>
    </row>
    <row r="601081" spans="8:8">
      <c r="H601081" s="12"/>
    </row>
    <row r="601082" spans="8:8">
      <c r="H601082" s="12"/>
    </row>
    <row r="601083" spans="8:8">
      <c r="H601083" s="12"/>
    </row>
    <row r="601084" spans="8:8">
      <c r="H601084" s="12"/>
    </row>
    <row r="601085" spans="8:8">
      <c r="H601085" s="12"/>
    </row>
    <row r="601086" spans="8:8">
      <c r="H601086" s="12"/>
    </row>
    <row r="601087" spans="8:8">
      <c r="H601087" s="12"/>
    </row>
    <row r="601088" spans="8:8">
      <c r="H601088" s="12"/>
    </row>
    <row r="601089" spans="8:8">
      <c r="H601089" s="12"/>
    </row>
    <row r="601090" spans="8:8">
      <c r="H601090" s="12"/>
    </row>
    <row r="601091" spans="8:8">
      <c r="H601091" s="12"/>
    </row>
    <row r="601092" spans="8:8">
      <c r="H601092" s="12"/>
    </row>
    <row r="601093" spans="8:8">
      <c r="H601093" s="12"/>
    </row>
    <row r="601094" spans="8:8">
      <c r="H601094" s="12"/>
    </row>
    <row r="601095" spans="8:8">
      <c r="H601095" s="12"/>
    </row>
    <row r="601096" spans="8:8">
      <c r="H601096" s="12"/>
    </row>
    <row r="601097" spans="8:8">
      <c r="H601097" s="12"/>
    </row>
    <row r="601098" spans="8:8">
      <c r="H601098" s="12"/>
    </row>
    <row r="601099" spans="8:8">
      <c r="H601099" s="12"/>
    </row>
    <row r="601100" spans="8:8">
      <c r="H601100" s="12"/>
    </row>
    <row r="601101" spans="8:8">
      <c r="H601101" s="12"/>
    </row>
    <row r="601102" spans="8:8">
      <c r="H601102" s="12"/>
    </row>
    <row r="601103" spans="8:8">
      <c r="H601103" s="12"/>
    </row>
    <row r="601104" spans="8:8">
      <c r="H601104" s="12"/>
    </row>
    <row r="601105" spans="8:8">
      <c r="H601105" s="12"/>
    </row>
    <row r="601106" spans="8:8">
      <c r="H601106" s="12"/>
    </row>
    <row r="601107" spans="8:8">
      <c r="H601107" s="12"/>
    </row>
    <row r="601108" spans="8:8">
      <c r="H601108" s="12"/>
    </row>
    <row r="601109" spans="8:8">
      <c r="H601109" s="12"/>
    </row>
    <row r="601110" spans="8:8">
      <c r="H601110" s="12"/>
    </row>
    <row r="601111" spans="8:8">
      <c r="H601111" s="12"/>
    </row>
    <row r="601112" spans="8:8">
      <c r="H601112" s="12"/>
    </row>
    <row r="601113" spans="8:8">
      <c r="H601113" s="12"/>
    </row>
    <row r="601114" spans="8:8">
      <c r="H601114" s="12"/>
    </row>
    <row r="601115" spans="8:8">
      <c r="H601115" s="12"/>
    </row>
    <row r="601116" spans="8:8">
      <c r="H601116" s="12"/>
    </row>
    <row r="601117" spans="8:8">
      <c r="H601117" s="12"/>
    </row>
    <row r="601118" spans="8:8">
      <c r="H601118" s="12"/>
    </row>
    <row r="601119" spans="8:8">
      <c r="H601119" s="12"/>
    </row>
    <row r="601120" spans="8:8">
      <c r="H601120" s="12"/>
    </row>
    <row r="601121" spans="8:8">
      <c r="H601121" s="12"/>
    </row>
    <row r="601122" spans="8:8">
      <c r="H601122" s="12"/>
    </row>
    <row r="601123" spans="8:8">
      <c r="H601123" s="12"/>
    </row>
    <row r="601124" spans="8:8">
      <c r="H601124" s="12"/>
    </row>
    <row r="601125" spans="8:8">
      <c r="H601125" s="12"/>
    </row>
    <row r="601126" spans="8:8">
      <c r="H601126" s="12"/>
    </row>
    <row r="601127" spans="8:8">
      <c r="H601127" s="12"/>
    </row>
    <row r="601128" spans="8:8">
      <c r="H601128" s="12"/>
    </row>
    <row r="601129" spans="8:8">
      <c r="H601129" s="12"/>
    </row>
    <row r="601130" spans="8:8">
      <c r="H601130" s="12"/>
    </row>
    <row r="601131" spans="8:8">
      <c r="H601131" s="12"/>
    </row>
    <row r="601132" spans="8:8">
      <c r="H601132" s="12"/>
    </row>
    <row r="601133" spans="8:8">
      <c r="H601133" s="12"/>
    </row>
    <row r="601134" spans="8:8">
      <c r="H601134" s="12"/>
    </row>
    <row r="601135" spans="8:8">
      <c r="H601135" s="12"/>
    </row>
    <row r="601136" spans="8:8">
      <c r="H601136" s="12"/>
    </row>
    <row r="601137" spans="8:8">
      <c r="H601137" s="12"/>
    </row>
    <row r="601138" spans="8:8">
      <c r="H601138" s="12"/>
    </row>
    <row r="601139" spans="8:8">
      <c r="H601139" s="12"/>
    </row>
    <row r="601140" spans="8:8">
      <c r="H601140" s="12"/>
    </row>
    <row r="601141" spans="8:8">
      <c r="H601141" s="12"/>
    </row>
    <row r="601142" spans="8:8">
      <c r="H601142" s="12"/>
    </row>
    <row r="601143" spans="8:8">
      <c r="H601143" s="12"/>
    </row>
    <row r="601144" spans="8:8">
      <c r="H601144" s="12"/>
    </row>
    <row r="601145" spans="8:8">
      <c r="H601145" s="12"/>
    </row>
    <row r="601146" spans="8:8">
      <c r="H601146" s="12"/>
    </row>
    <row r="601147" spans="8:8">
      <c r="H601147" s="12"/>
    </row>
    <row r="601148" spans="8:8">
      <c r="H601148" s="12"/>
    </row>
    <row r="601149" spans="8:8">
      <c r="H601149" s="12"/>
    </row>
    <row r="601150" spans="8:8">
      <c r="H601150" s="12"/>
    </row>
    <row r="601151" spans="8:8">
      <c r="H601151" s="12"/>
    </row>
    <row r="601152" spans="8:8">
      <c r="H601152" s="12"/>
    </row>
    <row r="601153" spans="8:8">
      <c r="H601153" s="12"/>
    </row>
    <row r="601154" spans="8:8">
      <c r="H601154" s="12"/>
    </row>
    <row r="601155" spans="8:8">
      <c r="H601155" s="12"/>
    </row>
    <row r="601156" spans="8:8">
      <c r="H601156" s="12"/>
    </row>
    <row r="601157" spans="8:8">
      <c r="H601157" s="12"/>
    </row>
    <row r="601158" spans="8:8">
      <c r="H601158" s="12"/>
    </row>
    <row r="601159" spans="8:8">
      <c r="H601159" s="12"/>
    </row>
    <row r="601160" spans="8:8">
      <c r="H601160" s="12"/>
    </row>
    <row r="601161" spans="8:8">
      <c r="H601161" s="12"/>
    </row>
    <row r="601162" spans="8:8">
      <c r="H601162" s="12"/>
    </row>
    <row r="601163" spans="8:8">
      <c r="H601163" s="12"/>
    </row>
    <row r="601164" spans="8:8">
      <c r="H601164" s="12"/>
    </row>
    <row r="601165" spans="8:8">
      <c r="H601165" s="12"/>
    </row>
    <row r="601166" spans="8:8">
      <c r="H601166" s="12"/>
    </row>
    <row r="601167" spans="8:8">
      <c r="H601167" s="12"/>
    </row>
    <row r="601168" spans="8:8">
      <c r="H601168" s="12"/>
    </row>
    <row r="601169" spans="8:8">
      <c r="H601169" s="12"/>
    </row>
    <row r="601170" spans="8:8">
      <c r="H601170" s="12"/>
    </row>
    <row r="601171" spans="8:8">
      <c r="H601171" s="12"/>
    </row>
    <row r="601172" spans="8:8">
      <c r="H601172" s="12"/>
    </row>
    <row r="601173" spans="8:8">
      <c r="H601173" s="12"/>
    </row>
    <row r="601174" spans="8:8">
      <c r="H601174" s="12"/>
    </row>
    <row r="601175" spans="8:8">
      <c r="H601175" s="12"/>
    </row>
    <row r="601176" spans="8:8">
      <c r="H601176" s="12"/>
    </row>
    <row r="601177" spans="8:8">
      <c r="H601177" s="12"/>
    </row>
    <row r="601178" spans="8:8">
      <c r="H601178" s="12"/>
    </row>
    <row r="601179" spans="8:8">
      <c r="H601179" s="12"/>
    </row>
    <row r="601180" spans="8:8">
      <c r="H601180" s="12"/>
    </row>
    <row r="601181" spans="8:8">
      <c r="H601181" s="12"/>
    </row>
    <row r="601182" spans="8:8">
      <c r="H601182" s="12"/>
    </row>
    <row r="601183" spans="8:8">
      <c r="H601183" s="12"/>
    </row>
    <row r="601184" spans="8:8">
      <c r="H601184" s="12"/>
    </row>
    <row r="601185" spans="8:8">
      <c r="H601185" s="12"/>
    </row>
    <row r="601186" spans="8:8">
      <c r="H601186" s="12"/>
    </row>
    <row r="601187" spans="8:8">
      <c r="H601187" s="12"/>
    </row>
    <row r="601188" spans="8:8">
      <c r="H601188" s="12"/>
    </row>
    <row r="601189" spans="8:8">
      <c r="H601189" s="12"/>
    </row>
    <row r="601190" spans="8:8">
      <c r="H601190" s="12"/>
    </row>
    <row r="601191" spans="8:8">
      <c r="H601191" s="12"/>
    </row>
    <row r="601192" spans="8:8">
      <c r="H601192" s="12"/>
    </row>
    <row r="601193" spans="8:8">
      <c r="H601193" s="12"/>
    </row>
    <row r="601194" spans="8:8">
      <c r="H601194" s="12"/>
    </row>
    <row r="601195" spans="8:8">
      <c r="H601195" s="12"/>
    </row>
    <row r="601196" spans="8:8">
      <c r="H601196" s="12"/>
    </row>
    <row r="601197" spans="8:8">
      <c r="H601197" s="12"/>
    </row>
    <row r="601198" spans="8:8">
      <c r="H601198" s="12"/>
    </row>
    <row r="601199" spans="8:8">
      <c r="H601199" s="12"/>
    </row>
    <row r="601200" spans="8:8">
      <c r="H601200" s="12"/>
    </row>
    <row r="601201" spans="8:8">
      <c r="H601201" s="12"/>
    </row>
    <row r="601202" spans="8:8">
      <c r="H601202" s="12"/>
    </row>
    <row r="601203" spans="8:8">
      <c r="H601203" s="12"/>
    </row>
    <row r="601204" spans="8:8">
      <c r="H601204" s="12"/>
    </row>
    <row r="601205" spans="8:8">
      <c r="H601205" s="12"/>
    </row>
    <row r="601206" spans="8:8">
      <c r="H601206" s="12"/>
    </row>
    <row r="601207" spans="8:8">
      <c r="H601207" s="12"/>
    </row>
    <row r="601208" spans="8:8">
      <c r="H601208" s="12"/>
    </row>
    <row r="601209" spans="8:8">
      <c r="H601209" s="12"/>
    </row>
    <row r="601210" spans="8:8">
      <c r="H601210" s="12"/>
    </row>
    <row r="601211" spans="8:8">
      <c r="H601211" s="12"/>
    </row>
    <row r="601212" spans="8:8">
      <c r="H601212" s="12"/>
    </row>
    <row r="601213" spans="8:8">
      <c r="H601213" s="12"/>
    </row>
    <row r="601214" spans="8:8">
      <c r="H601214" s="12"/>
    </row>
    <row r="601215" spans="8:8">
      <c r="H601215" s="12"/>
    </row>
    <row r="601216" spans="8:8">
      <c r="H601216" s="12"/>
    </row>
    <row r="601217" spans="8:8">
      <c r="H601217" s="12"/>
    </row>
    <row r="601218" spans="8:8">
      <c r="H601218" s="12"/>
    </row>
    <row r="601219" spans="8:8">
      <c r="H601219" s="12"/>
    </row>
    <row r="601220" spans="8:8">
      <c r="H601220" s="12"/>
    </row>
    <row r="601221" spans="8:8">
      <c r="H601221" s="12"/>
    </row>
    <row r="601222" spans="8:8">
      <c r="H601222" s="12"/>
    </row>
    <row r="601223" spans="8:8">
      <c r="H601223" s="12"/>
    </row>
    <row r="601224" spans="8:8">
      <c r="H601224" s="12"/>
    </row>
    <row r="601225" spans="8:8">
      <c r="H601225" s="12"/>
    </row>
    <row r="601226" spans="8:8">
      <c r="H601226" s="12"/>
    </row>
    <row r="601227" spans="8:8">
      <c r="H601227" s="12"/>
    </row>
    <row r="601228" spans="8:8">
      <c r="H601228" s="12"/>
    </row>
    <row r="601229" spans="8:8">
      <c r="H601229" s="12"/>
    </row>
    <row r="601230" spans="8:8">
      <c r="H601230" s="12"/>
    </row>
    <row r="601231" spans="8:8">
      <c r="H601231" s="12"/>
    </row>
    <row r="601232" spans="8:8">
      <c r="H601232" s="12"/>
    </row>
    <row r="601233" spans="8:8">
      <c r="H601233" s="12"/>
    </row>
    <row r="601234" spans="8:8">
      <c r="H601234" s="12"/>
    </row>
    <row r="601235" spans="8:8">
      <c r="H601235" s="12"/>
    </row>
    <row r="601236" spans="8:8">
      <c r="H601236" s="12"/>
    </row>
    <row r="601237" spans="8:8">
      <c r="H601237" s="12"/>
    </row>
    <row r="601238" spans="8:8">
      <c r="H601238" s="12"/>
    </row>
    <row r="601239" spans="8:8">
      <c r="H601239" s="12"/>
    </row>
    <row r="601240" spans="8:8">
      <c r="H601240" s="12"/>
    </row>
    <row r="601241" spans="8:8">
      <c r="H601241" s="12"/>
    </row>
    <row r="601242" spans="8:8">
      <c r="H601242" s="12"/>
    </row>
    <row r="601243" spans="8:8">
      <c r="H601243" s="12"/>
    </row>
    <row r="601244" spans="8:8">
      <c r="H601244" s="12"/>
    </row>
    <row r="601245" spans="8:8">
      <c r="H601245" s="12"/>
    </row>
    <row r="601246" spans="8:8">
      <c r="H601246" s="12"/>
    </row>
    <row r="601247" spans="8:8">
      <c r="H601247" s="12"/>
    </row>
    <row r="601248" spans="8:8">
      <c r="H601248" s="12"/>
    </row>
    <row r="601249" spans="8:8">
      <c r="H601249" s="12"/>
    </row>
    <row r="601250" spans="8:8">
      <c r="H601250" s="12"/>
    </row>
    <row r="601251" spans="8:8">
      <c r="H601251" s="12"/>
    </row>
    <row r="601252" spans="8:8">
      <c r="H601252" s="12"/>
    </row>
    <row r="601253" spans="8:8">
      <c r="H601253" s="12"/>
    </row>
    <row r="601254" spans="8:8">
      <c r="H601254" s="12"/>
    </row>
    <row r="601255" spans="8:8">
      <c r="H601255" s="12"/>
    </row>
    <row r="601256" spans="8:8">
      <c r="H601256" s="12"/>
    </row>
    <row r="601257" spans="8:8">
      <c r="H601257" s="12"/>
    </row>
    <row r="601258" spans="8:8">
      <c r="H601258" s="12"/>
    </row>
    <row r="601259" spans="8:8">
      <c r="H601259" s="12"/>
    </row>
    <row r="601260" spans="8:8">
      <c r="H601260" s="12"/>
    </row>
    <row r="601261" spans="8:8">
      <c r="H601261" s="12"/>
    </row>
    <row r="601262" spans="8:8">
      <c r="H601262" s="12"/>
    </row>
    <row r="601263" spans="8:8">
      <c r="H601263" s="12"/>
    </row>
    <row r="601264" spans="8:8">
      <c r="H601264" s="12"/>
    </row>
    <row r="601265" spans="8:8">
      <c r="H601265" s="12"/>
    </row>
    <row r="601266" spans="8:8">
      <c r="H601266" s="12"/>
    </row>
    <row r="601267" spans="8:8">
      <c r="H601267" s="12"/>
    </row>
    <row r="601268" spans="8:8">
      <c r="H601268" s="12"/>
    </row>
    <row r="601269" spans="8:8">
      <c r="H601269" s="12"/>
    </row>
    <row r="601270" spans="8:8">
      <c r="H601270" s="12"/>
    </row>
    <row r="601271" spans="8:8">
      <c r="H601271" s="12"/>
    </row>
    <row r="601272" spans="8:8">
      <c r="H601272" s="12"/>
    </row>
    <row r="601273" spans="8:8">
      <c r="H601273" s="12"/>
    </row>
    <row r="601274" spans="8:8">
      <c r="H601274" s="12"/>
    </row>
    <row r="601275" spans="8:8">
      <c r="H601275" s="12"/>
    </row>
    <row r="601276" spans="8:8">
      <c r="H601276" s="12"/>
    </row>
    <row r="601277" spans="8:8">
      <c r="H601277" s="12"/>
    </row>
    <row r="601278" spans="8:8">
      <c r="H601278" s="12"/>
    </row>
    <row r="601279" spans="8:8">
      <c r="H601279" s="12"/>
    </row>
    <row r="601280" spans="8:8">
      <c r="H601280" s="12"/>
    </row>
    <row r="601281" spans="8:8">
      <c r="H601281" s="12"/>
    </row>
    <row r="601282" spans="8:8">
      <c r="H601282" s="12"/>
    </row>
    <row r="601283" spans="8:8">
      <c r="H601283" s="12"/>
    </row>
    <row r="601284" spans="8:8">
      <c r="H601284" s="12"/>
    </row>
    <row r="601285" spans="8:8">
      <c r="H601285" s="12"/>
    </row>
    <row r="601286" spans="8:8">
      <c r="H601286" s="12"/>
    </row>
    <row r="601287" spans="8:8">
      <c r="H601287" s="12"/>
    </row>
    <row r="601288" spans="8:8">
      <c r="H601288" s="12"/>
    </row>
    <row r="601289" spans="8:8">
      <c r="H601289" s="12"/>
    </row>
    <row r="601290" spans="8:8">
      <c r="H601290" s="12"/>
    </row>
    <row r="601291" spans="8:8">
      <c r="H601291" s="12"/>
    </row>
    <row r="601292" spans="8:8">
      <c r="H601292" s="12"/>
    </row>
    <row r="601293" spans="8:8">
      <c r="H601293" s="12"/>
    </row>
    <row r="601294" spans="8:8">
      <c r="H601294" s="12"/>
    </row>
    <row r="601295" spans="8:8">
      <c r="H601295" s="12"/>
    </row>
    <row r="601296" spans="8:8">
      <c r="H601296" s="12"/>
    </row>
    <row r="601297" spans="8:8">
      <c r="H601297" s="12"/>
    </row>
    <row r="601298" spans="8:8">
      <c r="H601298" s="12"/>
    </row>
    <row r="601299" spans="8:8">
      <c r="H601299" s="12"/>
    </row>
    <row r="601300" spans="8:8">
      <c r="H601300" s="12"/>
    </row>
    <row r="601301" spans="8:8">
      <c r="H601301" s="12"/>
    </row>
    <row r="601302" spans="8:8">
      <c r="H601302" s="12"/>
    </row>
    <row r="601303" spans="8:8">
      <c r="H601303" s="12"/>
    </row>
    <row r="601304" spans="8:8">
      <c r="H601304" s="12"/>
    </row>
    <row r="601305" spans="8:8">
      <c r="H601305" s="12"/>
    </row>
    <row r="601306" spans="8:8">
      <c r="H601306" s="12"/>
    </row>
    <row r="601307" spans="8:8">
      <c r="H601307" s="12"/>
    </row>
    <row r="601308" spans="8:8">
      <c r="H601308" s="12"/>
    </row>
    <row r="601309" spans="8:8">
      <c r="H601309" s="12"/>
    </row>
    <row r="601310" spans="8:8">
      <c r="H601310" s="12"/>
    </row>
    <row r="601311" spans="8:8">
      <c r="H601311" s="12"/>
    </row>
    <row r="601312" spans="8:8">
      <c r="H601312" s="12"/>
    </row>
    <row r="601313" spans="8:8">
      <c r="H601313" s="12"/>
    </row>
    <row r="601314" spans="8:8">
      <c r="H601314" s="12"/>
    </row>
    <row r="601315" spans="8:8">
      <c r="H601315" s="12"/>
    </row>
    <row r="601316" spans="8:8">
      <c r="H601316" s="12"/>
    </row>
    <row r="601317" spans="8:8">
      <c r="H601317" s="12"/>
    </row>
    <row r="601318" spans="8:8">
      <c r="H601318" s="12"/>
    </row>
    <row r="601319" spans="8:8">
      <c r="H601319" s="12"/>
    </row>
    <row r="601320" spans="8:8">
      <c r="H601320" s="12"/>
    </row>
    <row r="601321" spans="8:8">
      <c r="H601321" s="12"/>
    </row>
    <row r="601322" spans="8:8">
      <c r="H601322" s="12"/>
    </row>
    <row r="601323" spans="8:8">
      <c r="H601323" s="12"/>
    </row>
    <row r="601324" spans="8:8">
      <c r="H601324" s="12"/>
    </row>
    <row r="601325" spans="8:8">
      <c r="H601325" s="12"/>
    </row>
    <row r="601326" spans="8:8">
      <c r="H601326" s="12"/>
    </row>
    <row r="601327" spans="8:8">
      <c r="H601327" s="12"/>
    </row>
    <row r="601328" spans="8:8">
      <c r="H601328" s="12"/>
    </row>
    <row r="601329" spans="8:8">
      <c r="H601329" s="12"/>
    </row>
    <row r="601330" spans="8:8">
      <c r="H601330" s="12"/>
    </row>
    <row r="601331" spans="8:8">
      <c r="H601331" s="12"/>
    </row>
    <row r="601332" spans="8:8">
      <c r="H601332" s="12"/>
    </row>
    <row r="601333" spans="8:8">
      <c r="H601333" s="12"/>
    </row>
    <row r="601334" spans="8:8">
      <c r="H601334" s="12"/>
    </row>
    <row r="601335" spans="8:8">
      <c r="H601335" s="12"/>
    </row>
    <row r="601336" spans="8:8">
      <c r="H601336" s="12"/>
    </row>
    <row r="601337" spans="8:8">
      <c r="H601337" s="12"/>
    </row>
    <row r="601338" spans="8:8">
      <c r="H601338" s="12"/>
    </row>
    <row r="601339" spans="8:8">
      <c r="H601339" s="12"/>
    </row>
    <row r="601340" spans="8:8">
      <c r="H601340" s="12"/>
    </row>
    <row r="601341" spans="8:8">
      <c r="H601341" s="12"/>
    </row>
    <row r="601342" spans="8:8">
      <c r="H601342" s="12"/>
    </row>
    <row r="601343" spans="8:8">
      <c r="H601343" s="12"/>
    </row>
    <row r="601344" spans="8:8">
      <c r="H601344" s="12"/>
    </row>
    <row r="601345" spans="8:8">
      <c r="H601345" s="12"/>
    </row>
    <row r="601346" spans="8:8">
      <c r="H601346" s="12"/>
    </row>
    <row r="601347" spans="8:8">
      <c r="H601347" s="12"/>
    </row>
    <row r="601348" spans="8:8">
      <c r="H601348" s="12"/>
    </row>
    <row r="601349" spans="8:8">
      <c r="H601349" s="12"/>
    </row>
    <row r="601350" spans="8:8">
      <c r="H601350" s="12"/>
    </row>
    <row r="601351" spans="8:8">
      <c r="H601351" s="12"/>
    </row>
    <row r="601352" spans="8:8">
      <c r="H601352" s="12"/>
    </row>
    <row r="601353" spans="8:8">
      <c r="H601353" s="12"/>
    </row>
    <row r="601354" spans="8:8">
      <c r="H601354" s="12"/>
    </row>
    <row r="601355" spans="8:8">
      <c r="H601355" s="12"/>
    </row>
    <row r="601356" spans="8:8">
      <c r="H601356" s="12"/>
    </row>
    <row r="601357" spans="8:8">
      <c r="H601357" s="12"/>
    </row>
    <row r="601358" spans="8:8">
      <c r="H601358" s="12"/>
    </row>
    <row r="601359" spans="8:8">
      <c r="H601359" s="12"/>
    </row>
    <row r="601360" spans="8:8">
      <c r="H601360" s="12"/>
    </row>
    <row r="601361" spans="8:8">
      <c r="H601361" s="12"/>
    </row>
    <row r="601362" spans="8:8">
      <c r="H601362" s="12"/>
    </row>
    <row r="601363" spans="8:8">
      <c r="H601363" s="12"/>
    </row>
    <row r="601364" spans="8:8">
      <c r="H601364" s="12"/>
    </row>
    <row r="601365" spans="8:8">
      <c r="H601365" s="12"/>
    </row>
    <row r="601366" spans="8:8">
      <c r="H601366" s="12"/>
    </row>
    <row r="601367" spans="8:8">
      <c r="H601367" s="12"/>
    </row>
    <row r="601368" spans="8:8">
      <c r="H601368" s="12"/>
    </row>
    <row r="601369" spans="8:8">
      <c r="H601369" s="12"/>
    </row>
    <row r="601370" spans="8:8">
      <c r="H601370" s="12"/>
    </row>
    <row r="601371" spans="8:8">
      <c r="H601371" s="12"/>
    </row>
    <row r="601372" spans="8:8">
      <c r="H601372" s="12"/>
    </row>
    <row r="601373" spans="8:8">
      <c r="H601373" s="12"/>
    </row>
    <row r="601374" spans="8:8">
      <c r="H601374" s="12"/>
    </row>
    <row r="601375" spans="8:8">
      <c r="H601375" s="12"/>
    </row>
    <row r="601376" spans="8:8">
      <c r="H601376" s="12"/>
    </row>
    <row r="601377" spans="8:8">
      <c r="H601377" s="12"/>
    </row>
    <row r="601378" spans="8:8">
      <c r="H601378" s="12"/>
    </row>
    <row r="601379" spans="8:8">
      <c r="H601379" s="12"/>
    </row>
    <row r="601380" spans="8:8">
      <c r="H601380" s="12"/>
    </row>
    <row r="601381" spans="8:8">
      <c r="H601381" s="12"/>
    </row>
    <row r="601382" spans="8:8">
      <c r="H601382" s="12"/>
    </row>
    <row r="601383" spans="8:8">
      <c r="H601383" s="12"/>
    </row>
    <row r="601384" spans="8:8">
      <c r="H601384" s="12"/>
    </row>
    <row r="601385" spans="8:8">
      <c r="H601385" s="12"/>
    </row>
    <row r="601386" spans="8:8">
      <c r="H601386" s="12"/>
    </row>
    <row r="601387" spans="8:8">
      <c r="H601387" s="12"/>
    </row>
    <row r="601388" spans="8:8">
      <c r="H601388" s="12"/>
    </row>
    <row r="601389" spans="8:8">
      <c r="H601389" s="12"/>
    </row>
    <row r="601390" spans="8:8">
      <c r="H601390" s="12"/>
    </row>
    <row r="601391" spans="8:8">
      <c r="H601391" s="12"/>
    </row>
    <row r="601392" spans="8:8">
      <c r="H601392" s="12"/>
    </row>
    <row r="601393" spans="8:8">
      <c r="H601393" s="12"/>
    </row>
    <row r="601394" spans="8:8">
      <c r="H601394" s="12"/>
    </row>
    <row r="601395" spans="8:8">
      <c r="H601395" s="12"/>
    </row>
    <row r="601396" spans="8:8">
      <c r="H601396" s="12"/>
    </row>
    <row r="601397" spans="8:8">
      <c r="H601397" s="12"/>
    </row>
    <row r="601398" spans="8:8">
      <c r="H601398" s="12"/>
    </row>
    <row r="601399" spans="8:8">
      <c r="H601399" s="12"/>
    </row>
    <row r="601400" spans="8:8">
      <c r="H601400" s="12"/>
    </row>
    <row r="601401" spans="8:8">
      <c r="H601401" s="12"/>
    </row>
    <row r="601402" spans="8:8">
      <c r="H601402" s="12"/>
    </row>
    <row r="601403" spans="8:8">
      <c r="H601403" s="12"/>
    </row>
    <row r="601404" spans="8:8">
      <c r="H601404" s="12"/>
    </row>
    <row r="601405" spans="8:8">
      <c r="H601405" s="12"/>
    </row>
    <row r="601406" spans="8:8">
      <c r="H601406" s="12"/>
    </row>
    <row r="601407" spans="8:8">
      <c r="H601407" s="12"/>
    </row>
    <row r="601408" spans="8:8">
      <c r="H601408" s="12"/>
    </row>
    <row r="601409" spans="8:8">
      <c r="H601409" s="12"/>
    </row>
    <row r="601410" spans="8:8">
      <c r="H601410" s="12"/>
    </row>
    <row r="601411" spans="8:8">
      <c r="H601411" s="12"/>
    </row>
    <row r="601412" spans="8:8">
      <c r="H601412" s="12"/>
    </row>
    <row r="601413" spans="8:8">
      <c r="H601413" s="12"/>
    </row>
    <row r="601414" spans="8:8">
      <c r="H601414" s="12"/>
    </row>
    <row r="601415" spans="8:8">
      <c r="H601415" s="12"/>
    </row>
    <row r="601416" spans="8:8">
      <c r="H601416" s="12"/>
    </row>
    <row r="601417" spans="8:8">
      <c r="H601417" s="12"/>
    </row>
    <row r="601418" spans="8:8">
      <c r="H601418" s="12"/>
    </row>
    <row r="601419" spans="8:8">
      <c r="H601419" s="12"/>
    </row>
    <row r="601420" spans="8:8">
      <c r="H601420" s="12"/>
    </row>
    <row r="601421" spans="8:8">
      <c r="H601421" s="12"/>
    </row>
    <row r="601422" spans="8:8">
      <c r="H601422" s="12"/>
    </row>
    <row r="601423" spans="8:8">
      <c r="H601423" s="12"/>
    </row>
    <row r="601424" spans="8:8">
      <c r="H601424" s="12"/>
    </row>
    <row r="601425" spans="8:8">
      <c r="H601425" s="12"/>
    </row>
    <row r="601426" spans="8:8">
      <c r="H601426" s="12"/>
    </row>
    <row r="601427" spans="8:8">
      <c r="H601427" s="12"/>
    </row>
    <row r="601428" spans="8:8">
      <c r="H601428" s="12"/>
    </row>
    <row r="601429" spans="8:8">
      <c r="H601429" s="12"/>
    </row>
    <row r="601430" spans="8:8">
      <c r="H601430" s="12"/>
    </row>
    <row r="601431" spans="8:8">
      <c r="H601431" s="12"/>
    </row>
    <row r="601432" spans="8:8">
      <c r="H601432" s="12"/>
    </row>
    <row r="601433" spans="8:8">
      <c r="H601433" s="12"/>
    </row>
    <row r="601434" spans="8:8">
      <c r="H601434" s="12"/>
    </row>
    <row r="601435" spans="8:8">
      <c r="H601435" s="12"/>
    </row>
    <row r="601436" spans="8:8">
      <c r="H601436" s="12"/>
    </row>
    <row r="601437" spans="8:8">
      <c r="H601437" s="12"/>
    </row>
    <row r="601438" spans="8:8">
      <c r="H601438" s="12"/>
    </row>
    <row r="601439" spans="8:8">
      <c r="H601439" s="12"/>
    </row>
    <row r="601440" spans="8:8">
      <c r="H601440" s="12"/>
    </row>
    <row r="601441" spans="8:8">
      <c r="H601441" s="12"/>
    </row>
    <row r="601442" spans="8:8">
      <c r="H601442" s="12"/>
    </row>
    <row r="601443" spans="8:8">
      <c r="H601443" s="12"/>
    </row>
    <row r="601444" spans="8:8">
      <c r="H601444" s="12"/>
    </row>
    <row r="601445" spans="8:8">
      <c r="H601445" s="12"/>
    </row>
    <row r="601446" spans="8:8">
      <c r="H601446" s="12"/>
    </row>
    <row r="601447" spans="8:8">
      <c r="H601447" s="12"/>
    </row>
    <row r="601448" spans="8:8">
      <c r="H601448" s="12"/>
    </row>
    <row r="601449" spans="8:8">
      <c r="H601449" s="12"/>
    </row>
    <row r="601450" spans="8:8">
      <c r="H601450" s="12"/>
    </row>
    <row r="601451" spans="8:8">
      <c r="H601451" s="12"/>
    </row>
    <row r="601452" spans="8:8">
      <c r="H601452" s="12"/>
    </row>
    <row r="601453" spans="8:8">
      <c r="H601453" s="12"/>
    </row>
    <row r="601454" spans="8:8">
      <c r="H601454" s="12"/>
    </row>
    <row r="601455" spans="8:8">
      <c r="H601455" s="12"/>
    </row>
    <row r="601456" spans="8:8">
      <c r="H601456" s="12"/>
    </row>
    <row r="601457" spans="8:8">
      <c r="H601457" s="12"/>
    </row>
    <row r="601458" spans="8:8">
      <c r="H601458" s="12"/>
    </row>
    <row r="601459" spans="8:8">
      <c r="H601459" s="12"/>
    </row>
    <row r="601460" spans="8:8">
      <c r="H601460" s="12"/>
    </row>
    <row r="601461" spans="8:8">
      <c r="H601461" s="12"/>
    </row>
    <row r="601462" spans="8:8">
      <c r="H601462" s="12"/>
    </row>
    <row r="601463" spans="8:8">
      <c r="H601463" s="12"/>
    </row>
    <row r="601464" spans="8:8">
      <c r="H601464" s="12"/>
    </row>
    <row r="601465" spans="8:8">
      <c r="H601465" s="12"/>
    </row>
    <row r="601466" spans="8:8">
      <c r="H601466" s="12"/>
    </row>
    <row r="601467" spans="8:8">
      <c r="H601467" s="12"/>
    </row>
    <row r="601468" spans="8:8">
      <c r="H601468" s="12"/>
    </row>
    <row r="601469" spans="8:8">
      <c r="H601469" s="12"/>
    </row>
    <row r="601470" spans="8:8">
      <c r="H601470" s="12"/>
    </row>
    <row r="601471" spans="8:8">
      <c r="H601471" s="12"/>
    </row>
    <row r="601472" spans="8:8">
      <c r="H601472" s="12"/>
    </row>
    <row r="601473" spans="8:8">
      <c r="H601473" s="12"/>
    </row>
    <row r="601474" spans="8:8">
      <c r="H601474" s="12"/>
    </row>
    <row r="601475" spans="8:8">
      <c r="H601475" s="12"/>
    </row>
    <row r="601476" spans="8:8">
      <c r="H601476" s="12"/>
    </row>
    <row r="601477" spans="8:8">
      <c r="H601477" s="12"/>
    </row>
    <row r="601478" spans="8:8">
      <c r="H601478" s="12"/>
    </row>
    <row r="601479" spans="8:8">
      <c r="H601479" s="12"/>
    </row>
    <row r="601480" spans="8:8">
      <c r="H601480" s="12"/>
    </row>
    <row r="601481" spans="8:8">
      <c r="H601481" s="12"/>
    </row>
    <row r="601482" spans="8:8">
      <c r="H601482" s="12"/>
    </row>
    <row r="601483" spans="8:8">
      <c r="H601483" s="12"/>
    </row>
    <row r="601484" spans="8:8">
      <c r="H601484" s="12"/>
    </row>
    <row r="601485" spans="8:8">
      <c r="H601485" s="12"/>
    </row>
    <row r="601486" spans="8:8">
      <c r="H601486" s="12"/>
    </row>
    <row r="601487" spans="8:8">
      <c r="H601487" s="12"/>
    </row>
    <row r="601488" spans="8:8">
      <c r="H601488" s="12"/>
    </row>
    <row r="601489" spans="8:8">
      <c r="H601489" s="12"/>
    </row>
    <row r="601490" spans="8:8">
      <c r="H601490" s="12"/>
    </row>
    <row r="601491" spans="8:8">
      <c r="H601491" s="12"/>
    </row>
    <row r="601492" spans="8:8">
      <c r="H601492" s="12"/>
    </row>
    <row r="601493" spans="8:8">
      <c r="H601493" s="12"/>
    </row>
    <row r="601494" spans="8:8">
      <c r="H601494" s="12"/>
    </row>
    <row r="601495" spans="8:8">
      <c r="H601495" s="12"/>
    </row>
    <row r="601496" spans="8:8">
      <c r="H601496" s="12"/>
    </row>
    <row r="601497" spans="8:8">
      <c r="H601497" s="12"/>
    </row>
    <row r="601498" spans="8:8">
      <c r="H601498" s="12"/>
    </row>
    <row r="601499" spans="8:8">
      <c r="H601499" s="12"/>
    </row>
    <row r="601500" spans="8:8">
      <c r="H601500" s="12"/>
    </row>
    <row r="601501" spans="8:8">
      <c r="H601501" s="12"/>
    </row>
    <row r="601502" spans="8:8">
      <c r="H601502" s="12"/>
    </row>
    <row r="601503" spans="8:8">
      <c r="H601503" s="12"/>
    </row>
    <row r="601504" spans="8:8">
      <c r="H601504" s="12"/>
    </row>
    <row r="601505" spans="8:8">
      <c r="H601505" s="12"/>
    </row>
    <row r="601506" spans="8:8">
      <c r="H601506" s="12"/>
    </row>
    <row r="601507" spans="8:8">
      <c r="H601507" s="12"/>
    </row>
    <row r="601508" spans="8:8">
      <c r="H601508" s="12"/>
    </row>
    <row r="601509" spans="8:8">
      <c r="H601509" s="12"/>
    </row>
    <row r="601510" spans="8:8">
      <c r="H601510" s="12"/>
    </row>
    <row r="601511" spans="8:8">
      <c r="H601511" s="12"/>
    </row>
    <row r="601512" spans="8:8">
      <c r="H601512" s="12"/>
    </row>
    <row r="601513" spans="8:8">
      <c r="H601513" s="12"/>
    </row>
    <row r="601514" spans="8:8">
      <c r="H601514" s="12"/>
    </row>
    <row r="601515" spans="8:8">
      <c r="H601515" s="12"/>
    </row>
    <row r="601516" spans="8:8">
      <c r="H601516" s="12"/>
    </row>
    <row r="601517" spans="8:8">
      <c r="H601517" s="12"/>
    </row>
    <row r="601518" spans="8:8">
      <c r="H601518" s="12"/>
    </row>
    <row r="601519" spans="8:8">
      <c r="H601519" s="12"/>
    </row>
    <row r="601520" spans="8:8">
      <c r="H601520" s="12"/>
    </row>
    <row r="601521" spans="8:8">
      <c r="H601521" s="12"/>
    </row>
    <row r="601522" spans="8:8">
      <c r="H601522" s="12"/>
    </row>
    <row r="601523" spans="8:8">
      <c r="H601523" s="12"/>
    </row>
    <row r="601524" spans="8:8">
      <c r="H601524" s="12"/>
    </row>
    <row r="601525" spans="8:8">
      <c r="H601525" s="12"/>
    </row>
    <row r="601526" spans="8:8">
      <c r="H601526" s="12"/>
    </row>
    <row r="601527" spans="8:8">
      <c r="H601527" s="12"/>
    </row>
    <row r="601528" spans="8:8">
      <c r="H601528" s="12"/>
    </row>
    <row r="601529" spans="8:8">
      <c r="H601529" s="12"/>
    </row>
    <row r="601530" spans="8:8">
      <c r="H601530" s="12"/>
    </row>
    <row r="601531" spans="8:8">
      <c r="H601531" s="12"/>
    </row>
    <row r="601532" spans="8:8">
      <c r="H601532" s="12"/>
    </row>
    <row r="601533" spans="8:8">
      <c r="H601533" s="12"/>
    </row>
    <row r="601534" spans="8:8">
      <c r="H601534" s="12"/>
    </row>
    <row r="601535" spans="8:8">
      <c r="H601535" s="12"/>
    </row>
    <row r="601536" spans="8:8">
      <c r="H601536" s="12"/>
    </row>
    <row r="601537" spans="8:8">
      <c r="H601537" s="12"/>
    </row>
    <row r="601538" spans="8:8">
      <c r="H601538" s="12"/>
    </row>
    <row r="601539" spans="8:8">
      <c r="H601539" s="12"/>
    </row>
    <row r="601540" spans="8:8">
      <c r="H601540" s="12"/>
    </row>
    <row r="601541" spans="8:8">
      <c r="H601541" s="12"/>
    </row>
    <row r="601542" spans="8:8">
      <c r="H601542" s="12"/>
    </row>
    <row r="601543" spans="8:8">
      <c r="H601543" s="12"/>
    </row>
    <row r="601544" spans="8:8">
      <c r="H601544" s="12"/>
    </row>
    <row r="601545" spans="8:8">
      <c r="H601545" s="12"/>
    </row>
    <row r="601546" spans="8:8">
      <c r="H601546" s="12"/>
    </row>
    <row r="601547" spans="8:8">
      <c r="H601547" s="12"/>
    </row>
    <row r="601548" spans="8:8">
      <c r="H601548" s="12"/>
    </row>
    <row r="601549" spans="8:8">
      <c r="H601549" s="12"/>
    </row>
    <row r="601550" spans="8:8">
      <c r="H601550" s="12"/>
    </row>
    <row r="601551" spans="8:8">
      <c r="H601551" s="12"/>
    </row>
    <row r="601552" spans="8:8">
      <c r="H601552" s="12"/>
    </row>
    <row r="601553" spans="8:8">
      <c r="H601553" s="12"/>
    </row>
    <row r="601554" spans="8:8">
      <c r="H601554" s="12"/>
    </row>
    <row r="601555" spans="8:8">
      <c r="H601555" s="12"/>
    </row>
    <row r="601556" spans="8:8">
      <c r="H601556" s="12"/>
    </row>
    <row r="601557" spans="8:8">
      <c r="H601557" s="12"/>
    </row>
    <row r="601558" spans="8:8">
      <c r="H601558" s="12"/>
    </row>
    <row r="601559" spans="8:8">
      <c r="H601559" s="12"/>
    </row>
    <row r="601560" spans="8:8">
      <c r="H601560" s="12"/>
    </row>
    <row r="601561" spans="8:8">
      <c r="H601561" s="12"/>
    </row>
    <row r="601562" spans="8:8">
      <c r="H601562" s="12"/>
    </row>
    <row r="601563" spans="8:8">
      <c r="H601563" s="12"/>
    </row>
    <row r="601564" spans="8:8">
      <c r="H601564" s="12"/>
    </row>
    <row r="601565" spans="8:8">
      <c r="H601565" s="12"/>
    </row>
    <row r="601566" spans="8:8">
      <c r="H601566" s="12"/>
    </row>
    <row r="601567" spans="8:8">
      <c r="H601567" s="12"/>
    </row>
    <row r="601568" spans="8:8">
      <c r="H601568" s="12"/>
    </row>
    <row r="601569" spans="8:8">
      <c r="H601569" s="12"/>
    </row>
    <row r="601570" spans="8:8">
      <c r="H601570" s="12"/>
    </row>
    <row r="601571" spans="8:8">
      <c r="H601571" s="12"/>
    </row>
    <row r="601572" spans="8:8">
      <c r="H601572" s="12"/>
    </row>
    <row r="601573" spans="8:8">
      <c r="H601573" s="12"/>
    </row>
    <row r="601574" spans="8:8">
      <c r="H601574" s="12"/>
    </row>
    <row r="601575" spans="8:8">
      <c r="H601575" s="12"/>
    </row>
    <row r="601576" spans="8:8">
      <c r="H601576" s="12"/>
    </row>
    <row r="601577" spans="8:8">
      <c r="H601577" s="12"/>
    </row>
    <row r="601578" spans="8:8">
      <c r="H601578" s="12"/>
    </row>
    <row r="601579" spans="8:8">
      <c r="H601579" s="12"/>
    </row>
    <row r="601580" spans="8:8">
      <c r="H601580" s="12"/>
    </row>
    <row r="601581" spans="8:8">
      <c r="H601581" s="12"/>
    </row>
    <row r="601582" spans="8:8">
      <c r="H601582" s="12"/>
    </row>
    <row r="601583" spans="8:8">
      <c r="H601583" s="12"/>
    </row>
    <row r="601584" spans="8:8">
      <c r="H601584" s="12"/>
    </row>
    <row r="601585" spans="8:8">
      <c r="H601585" s="12"/>
    </row>
    <row r="601586" spans="8:8">
      <c r="H601586" s="12"/>
    </row>
    <row r="601587" spans="8:8">
      <c r="H601587" s="12"/>
    </row>
    <row r="601588" spans="8:8">
      <c r="H601588" s="12"/>
    </row>
    <row r="601589" spans="8:8">
      <c r="H601589" s="12"/>
    </row>
    <row r="601590" spans="8:8">
      <c r="H601590" s="12"/>
    </row>
    <row r="601591" spans="8:8">
      <c r="H601591" s="12"/>
    </row>
    <row r="601592" spans="8:8">
      <c r="H601592" s="12"/>
    </row>
    <row r="601593" spans="8:8">
      <c r="H601593" s="12"/>
    </row>
    <row r="601594" spans="8:8">
      <c r="H601594" s="12"/>
    </row>
    <row r="601595" spans="8:8">
      <c r="H601595" s="12"/>
    </row>
    <row r="601596" spans="8:8">
      <c r="H601596" s="12"/>
    </row>
    <row r="601597" spans="8:8">
      <c r="H601597" s="12"/>
    </row>
    <row r="601598" spans="8:8">
      <c r="H601598" s="12"/>
    </row>
    <row r="601599" spans="8:8">
      <c r="H601599" s="12"/>
    </row>
    <row r="601600" spans="8:8">
      <c r="H601600" s="12"/>
    </row>
    <row r="601601" spans="8:8">
      <c r="H601601" s="12"/>
    </row>
    <row r="601602" spans="8:8">
      <c r="H601602" s="12"/>
    </row>
    <row r="601603" spans="8:8">
      <c r="H601603" s="12"/>
    </row>
    <row r="601604" spans="8:8">
      <c r="H601604" s="12"/>
    </row>
    <row r="601605" spans="8:8">
      <c r="H601605" s="12"/>
    </row>
    <row r="601606" spans="8:8">
      <c r="H601606" s="12"/>
    </row>
    <row r="601607" spans="8:8">
      <c r="H601607" s="12"/>
    </row>
    <row r="601608" spans="8:8">
      <c r="H601608" s="12"/>
    </row>
    <row r="601609" spans="8:8">
      <c r="H601609" s="12"/>
    </row>
    <row r="601610" spans="8:8">
      <c r="H601610" s="12"/>
    </row>
    <row r="601611" spans="8:8">
      <c r="H601611" s="12"/>
    </row>
    <row r="601612" spans="8:8">
      <c r="H601612" s="12"/>
    </row>
    <row r="601613" spans="8:8">
      <c r="H601613" s="12"/>
    </row>
    <row r="601614" spans="8:8">
      <c r="H601614" s="12"/>
    </row>
    <row r="601615" spans="8:8">
      <c r="H601615" s="12"/>
    </row>
    <row r="601616" spans="8:8">
      <c r="H601616" s="12"/>
    </row>
    <row r="601617" spans="8:8">
      <c r="H601617" s="12"/>
    </row>
    <row r="601618" spans="8:8">
      <c r="H601618" s="12"/>
    </row>
    <row r="601619" spans="8:8">
      <c r="H601619" s="12"/>
    </row>
    <row r="601620" spans="8:8">
      <c r="H601620" s="12"/>
    </row>
    <row r="601621" spans="8:8">
      <c r="H601621" s="12"/>
    </row>
    <row r="601622" spans="8:8">
      <c r="H601622" s="12"/>
    </row>
    <row r="601623" spans="8:8">
      <c r="H601623" s="12"/>
    </row>
    <row r="601624" spans="8:8">
      <c r="H601624" s="12"/>
    </row>
    <row r="601625" spans="8:8">
      <c r="H601625" s="12"/>
    </row>
    <row r="601626" spans="8:8">
      <c r="H601626" s="12"/>
    </row>
    <row r="601627" spans="8:8">
      <c r="H601627" s="12"/>
    </row>
    <row r="601628" spans="8:8">
      <c r="H601628" s="12"/>
    </row>
    <row r="601629" spans="8:8">
      <c r="H601629" s="12"/>
    </row>
    <row r="601630" spans="8:8">
      <c r="H601630" s="12"/>
    </row>
    <row r="601631" spans="8:8">
      <c r="H601631" s="12"/>
    </row>
    <row r="601632" spans="8:8">
      <c r="H601632" s="12"/>
    </row>
    <row r="601633" spans="8:8">
      <c r="H601633" s="12"/>
    </row>
    <row r="601634" spans="8:8">
      <c r="H601634" s="12"/>
    </row>
    <row r="601635" spans="8:8">
      <c r="H601635" s="12"/>
    </row>
    <row r="601636" spans="8:8">
      <c r="H601636" s="12"/>
    </row>
    <row r="601637" spans="8:8">
      <c r="H601637" s="12"/>
    </row>
    <row r="601638" spans="8:8">
      <c r="H601638" s="12"/>
    </row>
    <row r="601639" spans="8:8">
      <c r="H601639" s="12"/>
    </row>
    <row r="601640" spans="8:8">
      <c r="H601640" s="12"/>
    </row>
    <row r="601641" spans="8:8">
      <c r="H601641" s="12"/>
    </row>
    <row r="601642" spans="8:8">
      <c r="H601642" s="12"/>
    </row>
    <row r="601643" spans="8:8">
      <c r="H601643" s="12"/>
    </row>
    <row r="601644" spans="8:8">
      <c r="H601644" s="12"/>
    </row>
    <row r="601645" spans="8:8">
      <c r="H601645" s="12"/>
    </row>
    <row r="601646" spans="8:8">
      <c r="H601646" s="12"/>
    </row>
    <row r="601647" spans="8:8">
      <c r="H601647" s="12"/>
    </row>
    <row r="601648" spans="8:8">
      <c r="H601648" s="12"/>
    </row>
    <row r="601649" spans="8:8">
      <c r="H601649" s="12"/>
    </row>
    <row r="601650" spans="8:8">
      <c r="H601650" s="12"/>
    </row>
    <row r="601651" spans="8:8">
      <c r="H601651" s="12"/>
    </row>
    <row r="601652" spans="8:8">
      <c r="H601652" s="12"/>
    </row>
    <row r="601653" spans="8:8">
      <c r="H601653" s="12"/>
    </row>
    <row r="601654" spans="8:8">
      <c r="H601654" s="12"/>
    </row>
    <row r="601655" spans="8:8">
      <c r="H601655" s="12"/>
    </row>
    <row r="601656" spans="8:8">
      <c r="H601656" s="12"/>
    </row>
    <row r="601657" spans="8:8">
      <c r="H601657" s="12"/>
    </row>
    <row r="601658" spans="8:8">
      <c r="H601658" s="12"/>
    </row>
    <row r="601659" spans="8:8">
      <c r="H601659" s="12"/>
    </row>
    <row r="601660" spans="8:8">
      <c r="H601660" s="12"/>
    </row>
    <row r="601661" spans="8:8">
      <c r="H601661" s="12"/>
    </row>
    <row r="601662" spans="8:8">
      <c r="H601662" s="12"/>
    </row>
    <row r="601663" spans="8:8">
      <c r="H601663" s="12"/>
    </row>
    <row r="601664" spans="8:8">
      <c r="H601664" s="12"/>
    </row>
    <row r="601665" spans="8:8">
      <c r="H601665" s="12"/>
    </row>
    <row r="601666" spans="8:8">
      <c r="H601666" s="12"/>
    </row>
    <row r="601667" spans="8:8">
      <c r="H601667" s="12"/>
    </row>
    <row r="601668" spans="8:8">
      <c r="H601668" s="12"/>
    </row>
    <row r="601669" spans="8:8">
      <c r="H601669" s="12"/>
    </row>
    <row r="601670" spans="8:8">
      <c r="H601670" s="12"/>
    </row>
    <row r="601671" spans="8:8">
      <c r="H601671" s="12"/>
    </row>
    <row r="601672" spans="8:8">
      <c r="H601672" s="12"/>
    </row>
    <row r="601673" spans="8:8">
      <c r="H601673" s="12"/>
    </row>
    <row r="601674" spans="8:8">
      <c r="H601674" s="12"/>
    </row>
    <row r="601675" spans="8:8">
      <c r="H601675" s="12"/>
    </row>
    <row r="601676" spans="8:8">
      <c r="H601676" s="12"/>
    </row>
    <row r="601677" spans="8:8">
      <c r="H601677" s="12"/>
    </row>
    <row r="601678" spans="8:8">
      <c r="H601678" s="12"/>
    </row>
    <row r="601679" spans="8:8">
      <c r="H601679" s="12"/>
    </row>
    <row r="601680" spans="8:8">
      <c r="H601680" s="12"/>
    </row>
    <row r="601681" spans="8:8">
      <c r="H601681" s="12"/>
    </row>
    <row r="601682" spans="8:8">
      <c r="H601682" s="12"/>
    </row>
    <row r="601683" spans="8:8">
      <c r="H601683" s="12"/>
    </row>
    <row r="601684" spans="8:8">
      <c r="H601684" s="12"/>
    </row>
    <row r="601685" spans="8:8">
      <c r="H601685" s="12"/>
    </row>
    <row r="601686" spans="8:8">
      <c r="H601686" s="12"/>
    </row>
    <row r="601687" spans="8:8">
      <c r="H601687" s="12"/>
    </row>
    <row r="601688" spans="8:8">
      <c r="H601688" s="12"/>
    </row>
    <row r="601689" spans="8:8">
      <c r="H601689" s="12"/>
    </row>
    <row r="601690" spans="8:8">
      <c r="H601690" s="12"/>
    </row>
    <row r="601691" spans="8:8">
      <c r="H601691" s="12"/>
    </row>
    <row r="601692" spans="8:8">
      <c r="H601692" s="12"/>
    </row>
    <row r="601693" spans="8:8">
      <c r="H601693" s="12"/>
    </row>
    <row r="601694" spans="8:8">
      <c r="H601694" s="12"/>
    </row>
    <row r="601695" spans="8:8">
      <c r="H601695" s="12"/>
    </row>
    <row r="601696" spans="8:8">
      <c r="H601696" s="12"/>
    </row>
    <row r="601697" spans="8:8">
      <c r="H601697" s="12"/>
    </row>
    <row r="601698" spans="8:8">
      <c r="H601698" s="12"/>
    </row>
    <row r="601699" spans="8:8">
      <c r="H601699" s="12"/>
    </row>
    <row r="601700" spans="8:8">
      <c r="H601700" s="12"/>
    </row>
    <row r="601701" spans="8:8">
      <c r="H601701" s="12"/>
    </row>
    <row r="601702" spans="8:8">
      <c r="H601702" s="12"/>
    </row>
    <row r="601703" spans="8:8">
      <c r="H601703" s="12"/>
    </row>
    <row r="601704" spans="8:8">
      <c r="H601704" s="12"/>
    </row>
    <row r="601705" spans="8:8">
      <c r="H601705" s="12"/>
    </row>
    <row r="601706" spans="8:8">
      <c r="H601706" s="12"/>
    </row>
    <row r="601707" spans="8:8">
      <c r="H601707" s="12"/>
    </row>
    <row r="601708" spans="8:8">
      <c r="H601708" s="12"/>
    </row>
    <row r="601709" spans="8:8">
      <c r="H601709" s="12"/>
    </row>
    <row r="601710" spans="8:8">
      <c r="H601710" s="12"/>
    </row>
    <row r="601711" spans="8:8">
      <c r="H601711" s="12"/>
    </row>
    <row r="601712" spans="8:8">
      <c r="H601712" s="12"/>
    </row>
    <row r="601713" spans="8:8">
      <c r="H601713" s="12"/>
    </row>
    <row r="601714" spans="8:8">
      <c r="H601714" s="12"/>
    </row>
    <row r="601715" spans="8:8">
      <c r="H601715" s="12"/>
    </row>
    <row r="601716" spans="8:8">
      <c r="H601716" s="12"/>
    </row>
    <row r="601717" spans="8:8">
      <c r="H601717" s="12"/>
    </row>
    <row r="601718" spans="8:8">
      <c r="H601718" s="12"/>
    </row>
    <row r="601719" spans="8:8">
      <c r="H601719" s="12"/>
    </row>
    <row r="601720" spans="8:8">
      <c r="H601720" s="12"/>
    </row>
    <row r="601721" spans="8:8">
      <c r="H601721" s="12"/>
    </row>
    <row r="601722" spans="8:8">
      <c r="H601722" s="12"/>
    </row>
    <row r="601723" spans="8:8">
      <c r="H601723" s="12"/>
    </row>
    <row r="601724" spans="8:8">
      <c r="H601724" s="12"/>
    </row>
    <row r="601725" spans="8:8">
      <c r="H601725" s="12"/>
    </row>
    <row r="601726" spans="8:8">
      <c r="H601726" s="12"/>
    </row>
    <row r="601727" spans="8:8">
      <c r="H601727" s="12"/>
    </row>
    <row r="601728" spans="8:8">
      <c r="H601728" s="12"/>
    </row>
    <row r="601729" spans="8:8">
      <c r="H601729" s="12"/>
    </row>
    <row r="601730" spans="8:8">
      <c r="H601730" s="12"/>
    </row>
    <row r="601731" spans="8:8">
      <c r="H601731" s="12"/>
    </row>
    <row r="601732" spans="8:8">
      <c r="H601732" s="12"/>
    </row>
    <row r="601733" spans="8:8">
      <c r="H601733" s="12"/>
    </row>
    <row r="601734" spans="8:8">
      <c r="H601734" s="12"/>
    </row>
    <row r="601735" spans="8:8">
      <c r="H601735" s="12"/>
    </row>
    <row r="601736" spans="8:8">
      <c r="H601736" s="12"/>
    </row>
    <row r="601737" spans="8:8">
      <c r="H601737" s="12"/>
    </row>
    <row r="601738" spans="8:8">
      <c r="H601738" s="12"/>
    </row>
    <row r="601739" spans="8:8">
      <c r="H601739" s="12"/>
    </row>
    <row r="601740" spans="8:8">
      <c r="H601740" s="12"/>
    </row>
    <row r="601741" spans="8:8">
      <c r="H601741" s="12"/>
    </row>
    <row r="601742" spans="8:8">
      <c r="H601742" s="12"/>
    </row>
    <row r="601743" spans="8:8">
      <c r="H601743" s="12"/>
    </row>
    <row r="601744" spans="8:8">
      <c r="H601744" s="12"/>
    </row>
    <row r="601745" spans="8:8">
      <c r="H601745" s="12"/>
    </row>
    <row r="601746" spans="8:8">
      <c r="H601746" s="12"/>
    </row>
    <row r="601747" spans="8:8">
      <c r="H601747" s="12"/>
    </row>
    <row r="601748" spans="8:8">
      <c r="H601748" s="12"/>
    </row>
    <row r="601749" spans="8:8">
      <c r="H601749" s="12"/>
    </row>
    <row r="601750" spans="8:8">
      <c r="H601750" s="12"/>
    </row>
    <row r="601751" spans="8:8">
      <c r="H601751" s="12"/>
    </row>
    <row r="601752" spans="8:8">
      <c r="H601752" s="12"/>
    </row>
    <row r="601753" spans="8:8">
      <c r="H601753" s="12"/>
    </row>
    <row r="601754" spans="8:8">
      <c r="H601754" s="12"/>
    </row>
    <row r="601755" spans="8:8">
      <c r="H601755" s="12"/>
    </row>
    <row r="601756" spans="8:8">
      <c r="H601756" s="12"/>
    </row>
    <row r="601757" spans="8:8">
      <c r="H601757" s="12"/>
    </row>
    <row r="601758" spans="8:8">
      <c r="H601758" s="12"/>
    </row>
    <row r="601759" spans="8:8">
      <c r="H601759" s="12"/>
    </row>
    <row r="601760" spans="8:8">
      <c r="H601760" s="12"/>
    </row>
    <row r="601761" spans="8:8">
      <c r="H601761" s="12"/>
    </row>
    <row r="601762" spans="8:8">
      <c r="H601762" s="12"/>
    </row>
    <row r="601763" spans="8:8">
      <c r="H601763" s="12"/>
    </row>
    <row r="601764" spans="8:8">
      <c r="H601764" s="12"/>
    </row>
    <row r="601765" spans="8:8">
      <c r="H601765" s="12"/>
    </row>
    <row r="601766" spans="8:8">
      <c r="H601766" s="12"/>
    </row>
    <row r="601767" spans="8:8">
      <c r="H601767" s="12"/>
    </row>
    <row r="601768" spans="8:8">
      <c r="H601768" s="12"/>
    </row>
    <row r="601769" spans="8:8">
      <c r="H601769" s="12"/>
    </row>
    <row r="601770" spans="8:8">
      <c r="H601770" s="12"/>
    </row>
    <row r="601771" spans="8:8">
      <c r="H601771" s="12"/>
    </row>
    <row r="601772" spans="8:8">
      <c r="H601772" s="12"/>
    </row>
    <row r="601773" spans="8:8">
      <c r="H601773" s="12"/>
    </row>
    <row r="601774" spans="8:8">
      <c r="H601774" s="12"/>
    </row>
    <row r="601775" spans="8:8">
      <c r="H601775" s="12"/>
    </row>
    <row r="601776" spans="8:8">
      <c r="H601776" s="12"/>
    </row>
    <row r="601777" spans="8:8">
      <c r="H601777" s="12"/>
    </row>
    <row r="601778" spans="8:8">
      <c r="H601778" s="12"/>
    </row>
    <row r="601779" spans="8:8">
      <c r="H601779" s="12"/>
    </row>
    <row r="601780" spans="8:8">
      <c r="H601780" s="12"/>
    </row>
    <row r="601781" spans="8:8">
      <c r="H601781" s="12"/>
    </row>
    <row r="601782" spans="8:8">
      <c r="H601782" s="12"/>
    </row>
    <row r="601783" spans="8:8">
      <c r="H601783" s="12"/>
    </row>
    <row r="601784" spans="8:8">
      <c r="H601784" s="12"/>
    </row>
    <row r="601785" spans="8:8">
      <c r="H601785" s="12"/>
    </row>
    <row r="601786" spans="8:8">
      <c r="H601786" s="12"/>
    </row>
    <row r="601787" spans="8:8">
      <c r="H601787" s="12"/>
    </row>
    <row r="601788" spans="8:8">
      <c r="H601788" s="12"/>
    </row>
    <row r="601789" spans="8:8">
      <c r="H601789" s="12"/>
    </row>
    <row r="601790" spans="8:8">
      <c r="H601790" s="12"/>
    </row>
    <row r="601791" spans="8:8">
      <c r="H601791" s="12"/>
    </row>
    <row r="601792" spans="8:8">
      <c r="H601792" s="12"/>
    </row>
    <row r="601793" spans="8:8">
      <c r="H601793" s="12"/>
    </row>
    <row r="601794" spans="8:8">
      <c r="H601794" s="12"/>
    </row>
    <row r="601795" spans="8:8">
      <c r="H601795" s="12"/>
    </row>
    <row r="601796" spans="8:8">
      <c r="H601796" s="12"/>
    </row>
    <row r="601797" spans="8:8">
      <c r="H601797" s="12"/>
    </row>
    <row r="601798" spans="8:8">
      <c r="H601798" s="12"/>
    </row>
    <row r="601799" spans="8:8">
      <c r="H601799" s="12"/>
    </row>
    <row r="601800" spans="8:8">
      <c r="H601800" s="12"/>
    </row>
    <row r="601801" spans="8:8">
      <c r="H601801" s="12"/>
    </row>
    <row r="601802" spans="8:8">
      <c r="H601802" s="12"/>
    </row>
    <row r="601803" spans="8:8">
      <c r="H601803" s="12"/>
    </row>
    <row r="601804" spans="8:8">
      <c r="H601804" s="12"/>
    </row>
    <row r="601805" spans="8:8">
      <c r="H601805" s="12"/>
    </row>
    <row r="601806" spans="8:8">
      <c r="H601806" s="12"/>
    </row>
    <row r="601807" spans="8:8">
      <c r="H601807" s="12"/>
    </row>
    <row r="601808" spans="8:8">
      <c r="H601808" s="12"/>
    </row>
    <row r="601809" spans="8:8">
      <c r="H601809" s="12"/>
    </row>
    <row r="601810" spans="8:8">
      <c r="H601810" s="12"/>
    </row>
    <row r="601811" spans="8:8">
      <c r="H601811" s="12"/>
    </row>
    <row r="601812" spans="8:8">
      <c r="H601812" s="12"/>
    </row>
    <row r="601813" spans="8:8">
      <c r="H601813" s="12"/>
    </row>
    <row r="601814" spans="8:8">
      <c r="H601814" s="12"/>
    </row>
    <row r="601815" spans="8:8">
      <c r="H601815" s="12"/>
    </row>
    <row r="601816" spans="8:8">
      <c r="H601816" s="12"/>
    </row>
    <row r="601817" spans="8:8">
      <c r="H601817" s="12"/>
    </row>
    <row r="601818" spans="8:8">
      <c r="H601818" s="12"/>
    </row>
    <row r="601819" spans="8:8">
      <c r="H601819" s="12"/>
    </row>
    <row r="601820" spans="8:8">
      <c r="H601820" s="12"/>
    </row>
    <row r="601821" spans="8:8">
      <c r="H601821" s="12"/>
    </row>
    <row r="601822" spans="8:8">
      <c r="H601822" s="12"/>
    </row>
    <row r="601823" spans="8:8">
      <c r="H601823" s="12"/>
    </row>
    <row r="601824" spans="8:8">
      <c r="H601824" s="12"/>
    </row>
    <row r="601825" spans="8:8">
      <c r="H601825" s="12"/>
    </row>
    <row r="601826" spans="8:8">
      <c r="H601826" s="12"/>
    </row>
    <row r="601827" spans="8:8">
      <c r="H601827" s="12"/>
    </row>
    <row r="601828" spans="8:8">
      <c r="H601828" s="12"/>
    </row>
    <row r="601829" spans="8:8">
      <c r="H601829" s="12"/>
    </row>
    <row r="601830" spans="8:8">
      <c r="H601830" s="12"/>
    </row>
    <row r="601831" spans="8:8">
      <c r="H601831" s="12"/>
    </row>
    <row r="601832" spans="8:8">
      <c r="H601832" s="12"/>
    </row>
    <row r="601833" spans="8:8">
      <c r="H601833" s="12"/>
    </row>
    <row r="601834" spans="8:8">
      <c r="H601834" s="12"/>
    </row>
    <row r="601835" spans="8:8">
      <c r="H601835" s="12"/>
    </row>
    <row r="601836" spans="8:8">
      <c r="H601836" s="12"/>
    </row>
    <row r="601837" spans="8:8">
      <c r="H601837" s="12"/>
    </row>
    <row r="601838" spans="8:8">
      <c r="H601838" s="12"/>
    </row>
    <row r="601839" spans="8:8">
      <c r="H601839" s="12"/>
    </row>
    <row r="601840" spans="8:8">
      <c r="H601840" s="12"/>
    </row>
    <row r="601841" spans="8:8">
      <c r="H601841" s="12"/>
    </row>
    <row r="601842" spans="8:8">
      <c r="H601842" s="12"/>
    </row>
    <row r="601843" spans="8:8">
      <c r="H601843" s="12"/>
    </row>
    <row r="601844" spans="8:8">
      <c r="H601844" s="12"/>
    </row>
    <row r="601845" spans="8:8">
      <c r="H601845" s="12"/>
    </row>
    <row r="601846" spans="8:8">
      <c r="H601846" s="12"/>
    </row>
    <row r="601847" spans="8:8">
      <c r="H601847" s="12"/>
    </row>
    <row r="601848" spans="8:8">
      <c r="H601848" s="12"/>
    </row>
    <row r="601849" spans="8:8">
      <c r="H601849" s="12"/>
    </row>
    <row r="601850" spans="8:8">
      <c r="H601850" s="12"/>
    </row>
    <row r="601851" spans="8:8">
      <c r="H601851" s="12"/>
    </row>
    <row r="601852" spans="8:8">
      <c r="H601852" s="12"/>
    </row>
    <row r="601853" spans="8:8">
      <c r="H601853" s="12"/>
    </row>
    <row r="601854" spans="8:8">
      <c r="H601854" s="12"/>
    </row>
    <row r="601855" spans="8:8">
      <c r="H601855" s="12"/>
    </row>
    <row r="601856" spans="8:8">
      <c r="H601856" s="12"/>
    </row>
    <row r="601857" spans="8:8">
      <c r="H601857" s="12"/>
    </row>
    <row r="601858" spans="8:8">
      <c r="H601858" s="12"/>
    </row>
    <row r="601859" spans="8:8">
      <c r="H601859" s="12"/>
    </row>
    <row r="601860" spans="8:8">
      <c r="H601860" s="12"/>
    </row>
    <row r="601861" spans="8:8">
      <c r="H601861" s="12"/>
    </row>
    <row r="601862" spans="8:8">
      <c r="H601862" s="12"/>
    </row>
    <row r="601863" spans="8:8">
      <c r="H601863" s="12"/>
    </row>
    <row r="601864" spans="8:8">
      <c r="H601864" s="12"/>
    </row>
    <row r="601865" spans="8:8">
      <c r="H601865" s="12"/>
    </row>
    <row r="601866" spans="8:8">
      <c r="H601866" s="12"/>
    </row>
    <row r="601867" spans="8:8">
      <c r="H601867" s="12"/>
    </row>
    <row r="601868" spans="8:8">
      <c r="H601868" s="12"/>
    </row>
    <row r="601869" spans="8:8">
      <c r="H601869" s="12"/>
    </row>
    <row r="601870" spans="8:8">
      <c r="H601870" s="12"/>
    </row>
    <row r="601871" spans="8:8">
      <c r="H601871" s="12"/>
    </row>
    <row r="601872" spans="8:8">
      <c r="H601872" s="12"/>
    </row>
    <row r="601873" spans="8:8">
      <c r="H601873" s="12"/>
    </row>
    <row r="601874" spans="8:8">
      <c r="H601874" s="12"/>
    </row>
    <row r="601875" spans="8:8">
      <c r="H601875" s="12"/>
    </row>
    <row r="601876" spans="8:8">
      <c r="H601876" s="12"/>
    </row>
    <row r="601877" spans="8:8">
      <c r="H601877" s="12"/>
    </row>
    <row r="601878" spans="8:8">
      <c r="H601878" s="12"/>
    </row>
    <row r="601879" spans="8:8">
      <c r="H601879" s="12"/>
    </row>
    <row r="601880" spans="8:8">
      <c r="H601880" s="12"/>
    </row>
    <row r="601881" spans="8:8">
      <c r="H601881" s="12"/>
    </row>
    <row r="601882" spans="8:8">
      <c r="H601882" s="12"/>
    </row>
    <row r="601883" spans="8:8">
      <c r="H601883" s="12"/>
    </row>
    <row r="601884" spans="8:8">
      <c r="H601884" s="12"/>
    </row>
    <row r="601885" spans="8:8">
      <c r="H601885" s="12"/>
    </row>
    <row r="601886" spans="8:8">
      <c r="H601886" s="12"/>
    </row>
    <row r="601887" spans="8:8">
      <c r="H601887" s="12"/>
    </row>
    <row r="601888" spans="8:8">
      <c r="H601888" s="12"/>
    </row>
    <row r="601889" spans="8:8">
      <c r="H601889" s="12"/>
    </row>
    <row r="601890" spans="8:8">
      <c r="H601890" s="12"/>
    </row>
    <row r="601891" spans="8:8">
      <c r="H601891" s="12"/>
    </row>
    <row r="601892" spans="8:8">
      <c r="H601892" s="12"/>
    </row>
    <row r="601893" spans="8:8">
      <c r="H601893" s="12"/>
    </row>
    <row r="601894" spans="8:8">
      <c r="H601894" s="12"/>
    </row>
    <row r="601895" spans="8:8">
      <c r="H601895" s="12"/>
    </row>
    <row r="601896" spans="8:8">
      <c r="H601896" s="12"/>
    </row>
    <row r="601897" spans="8:8">
      <c r="H601897" s="12"/>
    </row>
    <row r="601898" spans="8:8">
      <c r="H601898" s="12"/>
    </row>
    <row r="601899" spans="8:8">
      <c r="H601899" s="12"/>
    </row>
    <row r="601900" spans="8:8">
      <c r="H601900" s="12"/>
    </row>
    <row r="601901" spans="8:8">
      <c r="H601901" s="12"/>
    </row>
    <row r="601902" spans="8:8">
      <c r="H601902" s="12"/>
    </row>
    <row r="601903" spans="8:8">
      <c r="H601903" s="12"/>
    </row>
    <row r="601904" spans="8:8">
      <c r="H601904" s="12"/>
    </row>
    <row r="601905" spans="8:8">
      <c r="H601905" s="12"/>
    </row>
    <row r="601906" spans="8:8">
      <c r="H601906" s="12"/>
    </row>
    <row r="601907" spans="8:8">
      <c r="H601907" s="12"/>
    </row>
    <row r="601908" spans="8:8">
      <c r="H601908" s="12"/>
    </row>
    <row r="601909" spans="8:8">
      <c r="H601909" s="12"/>
    </row>
    <row r="601910" spans="8:8">
      <c r="H601910" s="12"/>
    </row>
    <row r="601911" spans="8:8">
      <c r="H601911" s="12"/>
    </row>
    <row r="601912" spans="8:8">
      <c r="H601912" s="12"/>
    </row>
    <row r="601913" spans="8:8">
      <c r="H601913" s="12"/>
    </row>
    <row r="601914" spans="8:8">
      <c r="H601914" s="12"/>
    </row>
    <row r="601915" spans="8:8">
      <c r="H601915" s="12"/>
    </row>
    <row r="601916" spans="8:8">
      <c r="H601916" s="12"/>
    </row>
    <row r="601917" spans="8:8">
      <c r="H601917" s="12"/>
    </row>
    <row r="601918" spans="8:8">
      <c r="H601918" s="12"/>
    </row>
    <row r="601919" spans="8:8">
      <c r="H601919" s="12"/>
    </row>
    <row r="601920" spans="8:8">
      <c r="H601920" s="12"/>
    </row>
    <row r="601921" spans="8:8">
      <c r="H601921" s="12"/>
    </row>
    <row r="601922" spans="8:8">
      <c r="H601922" s="12"/>
    </row>
    <row r="601923" spans="8:8">
      <c r="H601923" s="12"/>
    </row>
    <row r="601924" spans="8:8">
      <c r="H601924" s="12"/>
    </row>
    <row r="601925" spans="8:8">
      <c r="H601925" s="12"/>
    </row>
    <row r="601926" spans="8:8">
      <c r="H601926" s="12"/>
    </row>
    <row r="601927" spans="8:8">
      <c r="H601927" s="12"/>
    </row>
    <row r="601928" spans="8:8">
      <c r="H601928" s="12"/>
    </row>
    <row r="601929" spans="8:8">
      <c r="H601929" s="12"/>
    </row>
    <row r="601930" spans="8:8">
      <c r="H601930" s="12"/>
    </row>
    <row r="601931" spans="8:8">
      <c r="H601931" s="12"/>
    </row>
    <row r="601932" spans="8:8">
      <c r="H601932" s="12"/>
    </row>
    <row r="601933" spans="8:8">
      <c r="H601933" s="12"/>
    </row>
    <row r="601934" spans="8:8">
      <c r="H601934" s="12"/>
    </row>
    <row r="601935" spans="8:8">
      <c r="H601935" s="12"/>
    </row>
    <row r="601936" spans="8:8">
      <c r="H601936" s="12"/>
    </row>
    <row r="601937" spans="8:8">
      <c r="H601937" s="12"/>
    </row>
    <row r="601938" spans="8:8">
      <c r="H601938" s="12"/>
    </row>
    <row r="601939" spans="8:8">
      <c r="H601939" s="12"/>
    </row>
    <row r="601940" spans="8:8">
      <c r="H601940" s="12"/>
    </row>
    <row r="601941" spans="8:8">
      <c r="H601941" s="12"/>
    </row>
    <row r="601942" spans="8:8">
      <c r="H601942" s="12"/>
    </row>
    <row r="601943" spans="8:8">
      <c r="H601943" s="12"/>
    </row>
    <row r="601944" spans="8:8">
      <c r="H601944" s="12"/>
    </row>
    <row r="601945" spans="8:8">
      <c r="H601945" s="12"/>
    </row>
    <row r="601946" spans="8:8">
      <c r="H601946" s="12"/>
    </row>
    <row r="601947" spans="8:8">
      <c r="H601947" s="12"/>
    </row>
    <row r="601948" spans="8:8">
      <c r="H601948" s="12"/>
    </row>
    <row r="601949" spans="8:8">
      <c r="H601949" s="12"/>
    </row>
    <row r="601950" spans="8:8">
      <c r="H601950" s="12"/>
    </row>
    <row r="601951" spans="8:8">
      <c r="H601951" s="12"/>
    </row>
    <row r="601952" spans="8:8">
      <c r="H601952" s="12"/>
    </row>
    <row r="601953" spans="8:8">
      <c r="H601953" s="12"/>
    </row>
    <row r="601954" spans="8:8">
      <c r="H601954" s="12"/>
    </row>
    <row r="601955" spans="8:8">
      <c r="H601955" s="12"/>
    </row>
    <row r="601956" spans="8:8">
      <c r="H601956" s="12"/>
    </row>
    <row r="601957" spans="8:8">
      <c r="H601957" s="12"/>
    </row>
    <row r="601958" spans="8:8">
      <c r="H601958" s="12"/>
    </row>
    <row r="601959" spans="8:8">
      <c r="H601959" s="12"/>
    </row>
    <row r="601960" spans="8:8">
      <c r="H601960" s="12"/>
    </row>
    <row r="601961" spans="8:8">
      <c r="H601961" s="12"/>
    </row>
    <row r="601962" spans="8:8">
      <c r="H601962" s="12"/>
    </row>
    <row r="601963" spans="8:8">
      <c r="H601963" s="12"/>
    </row>
    <row r="601964" spans="8:8">
      <c r="H601964" s="12"/>
    </row>
    <row r="601965" spans="8:8">
      <c r="H601965" s="12"/>
    </row>
    <row r="601966" spans="8:8">
      <c r="H601966" s="12"/>
    </row>
    <row r="601967" spans="8:8">
      <c r="H601967" s="12"/>
    </row>
    <row r="601968" spans="8:8">
      <c r="H601968" s="12"/>
    </row>
    <row r="601969" spans="8:8">
      <c r="H601969" s="12"/>
    </row>
    <row r="601970" spans="8:8">
      <c r="H601970" s="12"/>
    </row>
    <row r="601971" spans="8:8">
      <c r="H601971" s="12"/>
    </row>
    <row r="601972" spans="8:8">
      <c r="H601972" s="12"/>
    </row>
    <row r="601973" spans="8:8">
      <c r="H601973" s="12"/>
    </row>
    <row r="601974" spans="8:8">
      <c r="H601974" s="12"/>
    </row>
    <row r="601975" spans="8:8">
      <c r="H601975" s="12"/>
    </row>
    <row r="601976" spans="8:8">
      <c r="H601976" s="12"/>
    </row>
    <row r="601977" spans="8:8">
      <c r="H601977" s="12"/>
    </row>
    <row r="601978" spans="8:8">
      <c r="H601978" s="12"/>
    </row>
    <row r="601979" spans="8:8">
      <c r="H601979" s="12"/>
    </row>
    <row r="601980" spans="8:8">
      <c r="H601980" s="12"/>
    </row>
    <row r="601981" spans="8:8">
      <c r="H601981" s="12"/>
    </row>
    <row r="601982" spans="8:8">
      <c r="H601982" s="12"/>
    </row>
    <row r="601983" spans="8:8">
      <c r="H601983" s="12"/>
    </row>
    <row r="601984" spans="8:8">
      <c r="H601984" s="12"/>
    </row>
    <row r="601985" spans="8:8">
      <c r="H601985" s="12"/>
    </row>
    <row r="601986" spans="8:8">
      <c r="H601986" s="12"/>
    </row>
    <row r="601987" spans="8:8">
      <c r="H601987" s="12"/>
    </row>
    <row r="601988" spans="8:8">
      <c r="H601988" s="12"/>
    </row>
    <row r="601989" spans="8:8">
      <c r="H601989" s="12"/>
    </row>
    <row r="601990" spans="8:8">
      <c r="H601990" s="12"/>
    </row>
    <row r="601991" spans="8:8">
      <c r="H601991" s="12"/>
    </row>
    <row r="601992" spans="8:8">
      <c r="H601992" s="12"/>
    </row>
    <row r="601993" spans="8:8">
      <c r="H601993" s="12"/>
    </row>
    <row r="601994" spans="8:8">
      <c r="H601994" s="12"/>
    </row>
    <row r="601995" spans="8:8">
      <c r="H601995" s="12"/>
    </row>
    <row r="601996" spans="8:8">
      <c r="H601996" s="12"/>
    </row>
    <row r="601997" spans="8:8">
      <c r="H601997" s="12"/>
    </row>
    <row r="601998" spans="8:8">
      <c r="H601998" s="12"/>
    </row>
    <row r="601999" spans="8:8">
      <c r="H601999" s="12"/>
    </row>
    <row r="602000" spans="8:8">
      <c r="H602000" s="12"/>
    </row>
    <row r="602001" spans="8:8">
      <c r="H602001" s="12"/>
    </row>
    <row r="602002" spans="8:8">
      <c r="H602002" s="12"/>
    </row>
    <row r="602003" spans="8:8">
      <c r="H602003" s="12"/>
    </row>
    <row r="602004" spans="8:8">
      <c r="H602004" s="12"/>
    </row>
    <row r="602005" spans="8:8">
      <c r="H602005" s="12"/>
    </row>
    <row r="602006" spans="8:8">
      <c r="H602006" s="12"/>
    </row>
    <row r="602007" spans="8:8">
      <c r="H602007" s="12"/>
    </row>
    <row r="602008" spans="8:8">
      <c r="H602008" s="12"/>
    </row>
    <row r="602009" spans="8:8">
      <c r="H602009" s="12"/>
    </row>
    <row r="602010" spans="8:8">
      <c r="H602010" s="12"/>
    </row>
    <row r="602011" spans="8:8">
      <c r="H602011" s="12"/>
    </row>
    <row r="602012" spans="8:8">
      <c r="H602012" s="12"/>
    </row>
    <row r="602013" spans="8:8">
      <c r="H602013" s="12"/>
    </row>
    <row r="602014" spans="8:8">
      <c r="H602014" s="12"/>
    </row>
    <row r="602015" spans="8:8">
      <c r="H602015" s="12"/>
    </row>
    <row r="602016" spans="8:8">
      <c r="H602016" s="12"/>
    </row>
    <row r="602017" spans="8:8">
      <c r="H602017" s="12"/>
    </row>
    <row r="602018" spans="8:8">
      <c r="H602018" s="12"/>
    </row>
    <row r="602019" spans="8:8">
      <c r="H602019" s="12"/>
    </row>
    <row r="602020" spans="8:8">
      <c r="H602020" s="12"/>
    </row>
    <row r="602021" spans="8:8">
      <c r="H602021" s="12"/>
    </row>
    <row r="602022" spans="8:8">
      <c r="H602022" s="12"/>
    </row>
    <row r="602023" spans="8:8">
      <c r="H602023" s="12"/>
    </row>
    <row r="602024" spans="8:8">
      <c r="H602024" s="12"/>
    </row>
    <row r="602025" spans="8:8">
      <c r="H602025" s="12"/>
    </row>
    <row r="602026" spans="8:8">
      <c r="H602026" s="12"/>
    </row>
    <row r="602027" spans="8:8">
      <c r="H602027" s="12"/>
    </row>
    <row r="602028" spans="8:8">
      <c r="H602028" s="12"/>
    </row>
    <row r="602029" spans="8:8">
      <c r="H602029" s="12"/>
    </row>
    <row r="602030" spans="8:8">
      <c r="H602030" s="12"/>
    </row>
    <row r="602031" spans="8:8">
      <c r="H602031" s="12"/>
    </row>
    <row r="602032" spans="8:8">
      <c r="H602032" s="12"/>
    </row>
    <row r="602033" spans="8:8">
      <c r="H602033" s="12"/>
    </row>
    <row r="602034" spans="8:8">
      <c r="H602034" s="12"/>
    </row>
    <row r="602035" spans="8:8">
      <c r="H602035" s="12"/>
    </row>
    <row r="602036" spans="8:8">
      <c r="H602036" s="12"/>
    </row>
    <row r="602037" spans="8:8">
      <c r="H602037" s="12"/>
    </row>
    <row r="602038" spans="8:8">
      <c r="H602038" s="12"/>
    </row>
    <row r="602039" spans="8:8">
      <c r="H602039" s="12"/>
    </row>
    <row r="602040" spans="8:8">
      <c r="H602040" s="12"/>
    </row>
    <row r="602041" spans="8:8">
      <c r="H602041" s="12"/>
    </row>
    <row r="602042" spans="8:8">
      <c r="H602042" s="12"/>
    </row>
    <row r="602043" spans="8:8">
      <c r="H602043" s="12"/>
    </row>
    <row r="602044" spans="8:8">
      <c r="H602044" s="12"/>
    </row>
    <row r="602045" spans="8:8">
      <c r="H602045" s="12"/>
    </row>
    <row r="602046" spans="8:8">
      <c r="H602046" s="12"/>
    </row>
    <row r="602047" spans="8:8">
      <c r="H602047" s="12"/>
    </row>
    <row r="602048" spans="8:8">
      <c r="H602048" s="12"/>
    </row>
    <row r="602049" spans="8:8">
      <c r="H602049" s="12"/>
    </row>
    <row r="602050" spans="8:8">
      <c r="H602050" s="12"/>
    </row>
    <row r="602051" spans="8:8">
      <c r="H602051" s="12"/>
    </row>
    <row r="602052" spans="8:8">
      <c r="H602052" s="12"/>
    </row>
    <row r="602053" spans="8:8">
      <c r="H602053" s="12"/>
    </row>
    <row r="602054" spans="8:8">
      <c r="H602054" s="12"/>
    </row>
    <row r="602055" spans="8:8">
      <c r="H602055" s="12"/>
    </row>
    <row r="602056" spans="8:8">
      <c r="H602056" s="12"/>
    </row>
    <row r="602057" spans="8:8">
      <c r="H602057" s="12"/>
    </row>
    <row r="602058" spans="8:8">
      <c r="H602058" s="12"/>
    </row>
    <row r="602059" spans="8:8">
      <c r="H602059" s="12"/>
    </row>
    <row r="602060" spans="8:8">
      <c r="H602060" s="12"/>
    </row>
    <row r="602061" spans="8:8">
      <c r="H602061" s="12"/>
    </row>
    <row r="602062" spans="8:8">
      <c r="H602062" s="12"/>
    </row>
    <row r="602063" spans="8:8">
      <c r="H602063" s="12"/>
    </row>
    <row r="602064" spans="8:8">
      <c r="H602064" s="12"/>
    </row>
    <row r="602065" spans="8:8">
      <c r="H602065" s="12"/>
    </row>
    <row r="602066" spans="8:8">
      <c r="H602066" s="12"/>
    </row>
    <row r="602067" spans="8:8">
      <c r="H602067" s="12"/>
    </row>
    <row r="602068" spans="8:8">
      <c r="H602068" s="12"/>
    </row>
    <row r="602069" spans="8:8">
      <c r="H602069" s="12"/>
    </row>
    <row r="602070" spans="8:8">
      <c r="H602070" s="12"/>
    </row>
    <row r="602071" spans="8:8">
      <c r="H602071" s="12"/>
    </row>
    <row r="602072" spans="8:8">
      <c r="H602072" s="12"/>
    </row>
    <row r="602073" spans="8:8">
      <c r="H602073" s="12"/>
    </row>
    <row r="602074" spans="8:8">
      <c r="H602074" s="12"/>
    </row>
    <row r="602075" spans="8:8">
      <c r="H602075" s="12"/>
    </row>
    <row r="602076" spans="8:8">
      <c r="H602076" s="12"/>
    </row>
    <row r="602077" spans="8:8">
      <c r="H602077" s="12"/>
    </row>
    <row r="602078" spans="8:8">
      <c r="H602078" s="12"/>
    </row>
    <row r="602079" spans="8:8">
      <c r="H602079" s="12"/>
    </row>
    <row r="602080" spans="8:8">
      <c r="H602080" s="12"/>
    </row>
    <row r="602081" spans="8:8">
      <c r="H602081" s="12"/>
    </row>
    <row r="602082" spans="8:8">
      <c r="H602082" s="12"/>
    </row>
    <row r="602083" spans="8:8">
      <c r="H602083" s="12"/>
    </row>
    <row r="602084" spans="8:8">
      <c r="H602084" s="12"/>
    </row>
    <row r="602085" spans="8:8">
      <c r="H602085" s="12"/>
    </row>
    <row r="602086" spans="8:8">
      <c r="H602086" s="12"/>
    </row>
    <row r="602087" spans="8:8">
      <c r="H602087" s="12"/>
    </row>
    <row r="602088" spans="8:8">
      <c r="H602088" s="12"/>
    </row>
    <row r="602089" spans="8:8">
      <c r="H602089" s="12"/>
    </row>
    <row r="602090" spans="8:8">
      <c r="H602090" s="12"/>
    </row>
    <row r="602091" spans="8:8">
      <c r="H602091" s="12"/>
    </row>
    <row r="602092" spans="8:8">
      <c r="H602092" s="12"/>
    </row>
    <row r="602093" spans="8:8">
      <c r="H602093" s="12"/>
    </row>
    <row r="602094" spans="8:8">
      <c r="H602094" s="12"/>
    </row>
    <row r="602095" spans="8:8">
      <c r="H602095" s="12"/>
    </row>
    <row r="602096" spans="8:8">
      <c r="H602096" s="12"/>
    </row>
    <row r="602097" spans="8:8">
      <c r="H602097" s="12"/>
    </row>
    <row r="602098" spans="8:8">
      <c r="H602098" s="12"/>
    </row>
    <row r="602099" spans="8:8">
      <c r="H602099" s="12"/>
    </row>
    <row r="602100" spans="8:8">
      <c r="H602100" s="12"/>
    </row>
    <row r="602101" spans="8:8">
      <c r="H602101" s="12"/>
    </row>
    <row r="602102" spans="8:8">
      <c r="H602102" s="12"/>
    </row>
    <row r="602103" spans="8:8">
      <c r="H602103" s="12"/>
    </row>
    <row r="602104" spans="8:8">
      <c r="H602104" s="12"/>
    </row>
    <row r="602105" spans="8:8">
      <c r="H602105" s="12"/>
    </row>
    <row r="602106" spans="8:8">
      <c r="H602106" s="12"/>
    </row>
    <row r="602107" spans="8:8">
      <c r="H602107" s="12"/>
    </row>
    <row r="602108" spans="8:8">
      <c r="H602108" s="12"/>
    </row>
    <row r="602109" spans="8:8">
      <c r="H602109" s="12"/>
    </row>
    <row r="602110" spans="8:8">
      <c r="H602110" s="12"/>
    </row>
    <row r="602111" spans="8:8">
      <c r="H602111" s="12"/>
    </row>
    <row r="602112" spans="8:8">
      <c r="H602112" s="12"/>
    </row>
    <row r="602113" spans="8:8">
      <c r="H602113" s="12"/>
    </row>
    <row r="602114" spans="8:8">
      <c r="H602114" s="12"/>
    </row>
    <row r="602115" spans="8:8">
      <c r="H602115" s="12"/>
    </row>
    <row r="602116" spans="8:8">
      <c r="H602116" s="12"/>
    </row>
    <row r="602117" spans="8:8">
      <c r="H602117" s="12"/>
    </row>
    <row r="602118" spans="8:8">
      <c r="H602118" s="12"/>
    </row>
    <row r="602119" spans="8:8">
      <c r="H602119" s="12"/>
    </row>
    <row r="602120" spans="8:8">
      <c r="H602120" s="12"/>
    </row>
    <row r="602121" spans="8:8">
      <c r="H602121" s="12"/>
    </row>
    <row r="602122" spans="8:8">
      <c r="H602122" s="12"/>
    </row>
    <row r="602123" spans="8:8">
      <c r="H602123" s="12"/>
    </row>
    <row r="602124" spans="8:8">
      <c r="H602124" s="12"/>
    </row>
    <row r="602125" spans="8:8">
      <c r="H602125" s="12"/>
    </row>
    <row r="602126" spans="8:8">
      <c r="H602126" s="12"/>
    </row>
    <row r="602127" spans="8:8">
      <c r="H602127" s="12"/>
    </row>
    <row r="602128" spans="8:8">
      <c r="H602128" s="12"/>
    </row>
    <row r="602129" spans="8:8">
      <c r="H602129" s="12"/>
    </row>
    <row r="602130" spans="8:8">
      <c r="H602130" s="12"/>
    </row>
    <row r="602131" spans="8:8">
      <c r="H602131" s="12"/>
    </row>
    <row r="602132" spans="8:8">
      <c r="H602132" s="12"/>
    </row>
    <row r="602133" spans="8:8">
      <c r="H602133" s="12"/>
    </row>
    <row r="602134" spans="8:8">
      <c r="H602134" s="12"/>
    </row>
    <row r="602135" spans="8:8">
      <c r="H602135" s="12"/>
    </row>
    <row r="602136" spans="8:8">
      <c r="H602136" s="12"/>
    </row>
    <row r="602137" spans="8:8">
      <c r="H602137" s="12"/>
    </row>
    <row r="602138" spans="8:8">
      <c r="H602138" s="12"/>
    </row>
    <row r="602139" spans="8:8">
      <c r="H602139" s="12"/>
    </row>
    <row r="602140" spans="8:8">
      <c r="H602140" s="12"/>
    </row>
    <row r="602141" spans="8:8">
      <c r="H602141" s="12"/>
    </row>
    <row r="602142" spans="8:8">
      <c r="H602142" s="12"/>
    </row>
    <row r="602143" spans="8:8">
      <c r="H602143" s="12"/>
    </row>
    <row r="602144" spans="8:8">
      <c r="H602144" s="12"/>
    </row>
    <row r="602145" spans="8:8">
      <c r="H602145" s="12"/>
    </row>
    <row r="602146" spans="8:8">
      <c r="H602146" s="12"/>
    </row>
    <row r="602147" spans="8:8">
      <c r="H602147" s="12"/>
    </row>
    <row r="602148" spans="8:8">
      <c r="H602148" s="12"/>
    </row>
    <row r="602149" spans="8:8">
      <c r="H602149" s="12"/>
    </row>
    <row r="602150" spans="8:8">
      <c r="H602150" s="12"/>
    </row>
    <row r="602151" spans="8:8">
      <c r="H602151" s="12"/>
    </row>
    <row r="602152" spans="8:8">
      <c r="H602152" s="12"/>
    </row>
    <row r="602153" spans="8:8">
      <c r="H602153" s="12"/>
    </row>
    <row r="602154" spans="8:8">
      <c r="H602154" s="12"/>
    </row>
    <row r="602155" spans="8:8">
      <c r="H602155" s="12"/>
    </row>
    <row r="602156" spans="8:8">
      <c r="H602156" s="12"/>
    </row>
    <row r="602157" spans="8:8">
      <c r="H602157" s="12"/>
    </row>
    <row r="602158" spans="8:8">
      <c r="H602158" s="12"/>
    </row>
    <row r="602159" spans="8:8">
      <c r="H602159" s="12"/>
    </row>
    <row r="602160" spans="8:8">
      <c r="H602160" s="12"/>
    </row>
    <row r="602161" spans="8:8">
      <c r="H602161" s="12"/>
    </row>
    <row r="602162" spans="8:8">
      <c r="H602162" s="12"/>
    </row>
    <row r="602163" spans="8:8">
      <c r="H602163" s="12"/>
    </row>
    <row r="602164" spans="8:8">
      <c r="H602164" s="12"/>
    </row>
    <row r="602165" spans="8:8">
      <c r="H602165" s="12"/>
    </row>
    <row r="602166" spans="8:8">
      <c r="H602166" s="12"/>
    </row>
    <row r="602167" spans="8:8">
      <c r="H602167" s="12"/>
    </row>
    <row r="602168" spans="8:8">
      <c r="H602168" s="12"/>
    </row>
    <row r="602169" spans="8:8">
      <c r="H602169" s="12"/>
    </row>
    <row r="602170" spans="8:8">
      <c r="H602170" s="12"/>
    </row>
    <row r="602171" spans="8:8">
      <c r="H602171" s="12"/>
    </row>
    <row r="602172" spans="8:8">
      <c r="H602172" s="12"/>
    </row>
    <row r="602173" spans="8:8">
      <c r="H602173" s="12"/>
    </row>
    <row r="602174" spans="8:8">
      <c r="H602174" s="12"/>
    </row>
    <row r="602175" spans="8:8">
      <c r="H602175" s="12"/>
    </row>
    <row r="602176" spans="8:8">
      <c r="H602176" s="12"/>
    </row>
    <row r="602177" spans="8:8">
      <c r="H602177" s="12"/>
    </row>
    <row r="602178" spans="8:8">
      <c r="H602178" s="12"/>
    </row>
    <row r="602179" spans="8:8">
      <c r="H602179" s="12"/>
    </row>
    <row r="602180" spans="8:8">
      <c r="H602180" s="12"/>
    </row>
    <row r="602181" spans="8:8">
      <c r="H602181" s="12"/>
    </row>
    <row r="602182" spans="8:8">
      <c r="H602182" s="12"/>
    </row>
    <row r="602183" spans="8:8">
      <c r="H602183" s="12"/>
    </row>
    <row r="602184" spans="8:8">
      <c r="H602184" s="12"/>
    </row>
    <row r="602185" spans="8:8">
      <c r="H602185" s="12"/>
    </row>
    <row r="602186" spans="8:8">
      <c r="H602186" s="12"/>
    </row>
    <row r="602187" spans="8:8">
      <c r="H602187" s="12"/>
    </row>
    <row r="602188" spans="8:8">
      <c r="H602188" s="12"/>
    </row>
    <row r="602189" spans="8:8">
      <c r="H602189" s="12"/>
    </row>
    <row r="602190" spans="8:8">
      <c r="H602190" s="12"/>
    </row>
    <row r="602191" spans="8:8">
      <c r="H602191" s="12"/>
    </row>
    <row r="602192" spans="8:8">
      <c r="H602192" s="12"/>
    </row>
    <row r="602193" spans="8:8">
      <c r="H602193" s="12"/>
    </row>
    <row r="602194" spans="8:8">
      <c r="H602194" s="12"/>
    </row>
    <row r="602195" spans="8:8">
      <c r="H602195" s="12"/>
    </row>
    <row r="602196" spans="8:8">
      <c r="H602196" s="12"/>
    </row>
    <row r="602197" spans="8:8">
      <c r="H602197" s="12"/>
    </row>
    <row r="602198" spans="8:8">
      <c r="H602198" s="12"/>
    </row>
    <row r="602199" spans="8:8">
      <c r="H602199" s="12"/>
    </row>
    <row r="602200" spans="8:8">
      <c r="H602200" s="12"/>
    </row>
    <row r="602201" spans="8:8">
      <c r="H602201" s="12"/>
    </row>
    <row r="602202" spans="8:8">
      <c r="H602202" s="12"/>
    </row>
    <row r="602203" spans="8:8">
      <c r="H602203" s="12"/>
    </row>
    <row r="602204" spans="8:8">
      <c r="H602204" s="12"/>
    </row>
    <row r="602205" spans="8:8">
      <c r="H602205" s="12"/>
    </row>
    <row r="602206" spans="8:8">
      <c r="H602206" s="12"/>
    </row>
    <row r="602207" spans="8:8">
      <c r="H602207" s="12"/>
    </row>
    <row r="602208" spans="8:8">
      <c r="H602208" s="12"/>
    </row>
    <row r="602209" spans="8:8">
      <c r="H602209" s="12"/>
    </row>
    <row r="602210" spans="8:8">
      <c r="H602210" s="12"/>
    </row>
    <row r="602211" spans="8:8">
      <c r="H602211" s="12"/>
    </row>
    <row r="602212" spans="8:8">
      <c r="H602212" s="12"/>
    </row>
    <row r="602213" spans="8:8">
      <c r="H602213" s="12"/>
    </row>
    <row r="602214" spans="8:8">
      <c r="H602214" s="12"/>
    </row>
    <row r="602215" spans="8:8">
      <c r="H602215" s="12"/>
    </row>
    <row r="602216" spans="8:8">
      <c r="H602216" s="12"/>
    </row>
    <row r="602217" spans="8:8">
      <c r="H602217" s="12"/>
    </row>
    <row r="602218" spans="8:8">
      <c r="H602218" s="12"/>
    </row>
    <row r="602219" spans="8:8">
      <c r="H602219" s="12"/>
    </row>
    <row r="602220" spans="8:8">
      <c r="H602220" s="12"/>
    </row>
    <row r="602221" spans="8:8">
      <c r="H602221" s="12"/>
    </row>
    <row r="602222" spans="8:8">
      <c r="H602222" s="12"/>
    </row>
    <row r="602223" spans="8:8">
      <c r="H602223" s="12"/>
    </row>
    <row r="602224" spans="8:8">
      <c r="H602224" s="12"/>
    </row>
    <row r="602225" spans="8:8">
      <c r="H602225" s="12"/>
    </row>
    <row r="602226" spans="8:8">
      <c r="H602226" s="12"/>
    </row>
    <row r="602227" spans="8:8">
      <c r="H602227" s="12"/>
    </row>
    <row r="602228" spans="8:8">
      <c r="H602228" s="12"/>
    </row>
    <row r="602229" spans="8:8">
      <c r="H602229" s="12"/>
    </row>
    <row r="602230" spans="8:8">
      <c r="H602230" s="12"/>
    </row>
    <row r="602231" spans="8:8">
      <c r="H602231" s="12"/>
    </row>
    <row r="602232" spans="8:8">
      <c r="H602232" s="12"/>
    </row>
    <row r="602233" spans="8:8">
      <c r="H602233" s="12"/>
    </row>
    <row r="602234" spans="8:8">
      <c r="H602234" s="12"/>
    </row>
    <row r="602235" spans="8:8">
      <c r="H602235" s="12"/>
    </row>
    <row r="602236" spans="8:8">
      <c r="H602236" s="12"/>
    </row>
    <row r="602237" spans="8:8">
      <c r="H602237" s="12"/>
    </row>
    <row r="602238" spans="8:8">
      <c r="H602238" s="12"/>
    </row>
    <row r="602239" spans="8:8">
      <c r="H602239" s="12"/>
    </row>
    <row r="602240" spans="8:8">
      <c r="H602240" s="12"/>
    </row>
    <row r="602241" spans="8:8">
      <c r="H602241" s="12"/>
    </row>
    <row r="602242" spans="8:8">
      <c r="H602242" s="12"/>
    </row>
    <row r="602243" spans="8:8">
      <c r="H602243" s="12"/>
    </row>
    <row r="602244" spans="8:8">
      <c r="H602244" s="12"/>
    </row>
    <row r="602245" spans="8:8">
      <c r="H602245" s="12"/>
    </row>
    <row r="602246" spans="8:8">
      <c r="H602246" s="12"/>
    </row>
    <row r="602247" spans="8:8">
      <c r="H602247" s="12"/>
    </row>
    <row r="602248" spans="8:8">
      <c r="H602248" s="12"/>
    </row>
    <row r="602249" spans="8:8">
      <c r="H602249" s="12"/>
    </row>
    <row r="602250" spans="8:8">
      <c r="H602250" s="12"/>
    </row>
    <row r="602251" spans="8:8">
      <c r="H602251" s="12"/>
    </row>
    <row r="602252" spans="8:8">
      <c r="H602252" s="12"/>
    </row>
    <row r="602253" spans="8:8">
      <c r="H602253" s="12"/>
    </row>
    <row r="602254" spans="8:8">
      <c r="H602254" s="12"/>
    </row>
    <row r="602255" spans="8:8">
      <c r="H602255" s="12"/>
    </row>
    <row r="602256" spans="8:8">
      <c r="H602256" s="12"/>
    </row>
    <row r="602257" spans="8:8">
      <c r="H602257" s="12"/>
    </row>
    <row r="602258" spans="8:8">
      <c r="H602258" s="12"/>
    </row>
    <row r="602259" spans="8:8">
      <c r="H602259" s="12"/>
    </row>
    <row r="602260" spans="8:8">
      <c r="H602260" s="12"/>
    </row>
    <row r="602261" spans="8:8">
      <c r="H602261" s="12"/>
    </row>
    <row r="602262" spans="8:8">
      <c r="H602262" s="12"/>
    </row>
    <row r="602263" spans="8:8">
      <c r="H602263" s="12"/>
    </row>
    <row r="602264" spans="8:8">
      <c r="H602264" s="12"/>
    </row>
    <row r="602265" spans="8:8">
      <c r="H602265" s="12"/>
    </row>
    <row r="602266" spans="8:8">
      <c r="H602266" s="12"/>
    </row>
    <row r="602267" spans="8:8">
      <c r="H602267" s="12"/>
    </row>
    <row r="602268" spans="8:8">
      <c r="H602268" s="12"/>
    </row>
    <row r="602269" spans="8:8">
      <c r="H602269" s="12"/>
    </row>
    <row r="602270" spans="8:8">
      <c r="H602270" s="12"/>
    </row>
    <row r="602271" spans="8:8">
      <c r="H602271" s="12"/>
    </row>
    <row r="602272" spans="8:8">
      <c r="H602272" s="12"/>
    </row>
    <row r="602273" spans="8:8">
      <c r="H602273" s="12"/>
    </row>
    <row r="602274" spans="8:8">
      <c r="H602274" s="12"/>
    </row>
    <row r="602275" spans="8:8">
      <c r="H602275" s="12"/>
    </row>
    <row r="602276" spans="8:8">
      <c r="H602276" s="12"/>
    </row>
    <row r="602277" spans="8:8">
      <c r="H602277" s="12"/>
    </row>
    <row r="602278" spans="8:8">
      <c r="H602278" s="12"/>
    </row>
    <row r="602279" spans="8:8">
      <c r="H602279" s="12"/>
    </row>
    <row r="602280" spans="8:8">
      <c r="H602280" s="12"/>
    </row>
    <row r="602281" spans="8:8">
      <c r="H602281" s="12"/>
    </row>
    <row r="602282" spans="8:8">
      <c r="H602282" s="12"/>
    </row>
    <row r="602283" spans="8:8">
      <c r="H602283" s="12"/>
    </row>
    <row r="602284" spans="8:8">
      <c r="H602284" s="12"/>
    </row>
    <row r="602285" spans="8:8">
      <c r="H602285" s="12"/>
    </row>
    <row r="602286" spans="8:8">
      <c r="H602286" s="12"/>
    </row>
    <row r="602287" spans="8:8">
      <c r="H602287" s="12"/>
    </row>
    <row r="602288" spans="8:8">
      <c r="H602288" s="12"/>
    </row>
    <row r="602289" spans="8:8">
      <c r="H602289" s="12"/>
    </row>
    <row r="602290" spans="8:8">
      <c r="H602290" s="12"/>
    </row>
    <row r="602291" spans="8:8">
      <c r="H602291" s="12"/>
    </row>
    <row r="602292" spans="8:8">
      <c r="H602292" s="12"/>
    </row>
    <row r="602293" spans="8:8">
      <c r="H602293" s="12"/>
    </row>
    <row r="602294" spans="8:8">
      <c r="H602294" s="12"/>
    </row>
    <row r="602295" spans="8:8">
      <c r="H602295" s="12"/>
    </row>
    <row r="602296" spans="8:8">
      <c r="H602296" s="12"/>
    </row>
    <row r="602297" spans="8:8">
      <c r="H602297" s="12"/>
    </row>
    <row r="602298" spans="8:8">
      <c r="H602298" s="12"/>
    </row>
    <row r="602299" spans="8:8">
      <c r="H602299" s="12"/>
    </row>
    <row r="602300" spans="8:8">
      <c r="H602300" s="12"/>
    </row>
    <row r="602301" spans="8:8">
      <c r="H602301" s="12"/>
    </row>
    <row r="602302" spans="8:8">
      <c r="H602302" s="12"/>
    </row>
    <row r="602303" spans="8:8">
      <c r="H602303" s="12"/>
    </row>
    <row r="602304" spans="8:8">
      <c r="H602304" s="12"/>
    </row>
    <row r="602305" spans="8:8">
      <c r="H602305" s="12"/>
    </row>
    <row r="602306" spans="8:8">
      <c r="H602306" s="12"/>
    </row>
    <row r="602307" spans="8:8">
      <c r="H602307" s="12"/>
    </row>
    <row r="602308" spans="8:8">
      <c r="H602308" s="12"/>
    </row>
    <row r="602309" spans="8:8">
      <c r="H602309" s="12"/>
    </row>
    <row r="602310" spans="8:8">
      <c r="H602310" s="12"/>
    </row>
    <row r="602311" spans="8:8">
      <c r="H602311" s="12"/>
    </row>
    <row r="602312" spans="8:8">
      <c r="H602312" s="12"/>
    </row>
    <row r="602313" spans="8:8">
      <c r="H602313" s="12"/>
    </row>
    <row r="602314" spans="8:8">
      <c r="H602314" s="12"/>
    </row>
    <row r="602315" spans="8:8">
      <c r="H602315" s="12"/>
    </row>
    <row r="602316" spans="8:8">
      <c r="H602316" s="12"/>
    </row>
    <row r="602317" spans="8:8">
      <c r="H602317" s="12"/>
    </row>
    <row r="602318" spans="8:8">
      <c r="H602318" s="12"/>
    </row>
    <row r="602319" spans="8:8">
      <c r="H602319" s="12"/>
    </row>
    <row r="602320" spans="8:8">
      <c r="H602320" s="12"/>
    </row>
    <row r="602321" spans="8:8">
      <c r="H602321" s="12"/>
    </row>
    <row r="602322" spans="8:8">
      <c r="H602322" s="12"/>
    </row>
    <row r="602323" spans="8:8">
      <c r="H602323" s="12"/>
    </row>
    <row r="602324" spans="8:8">
      <c r="H602324" s="12"/>
    </row>
    <row r="602325" spans="8:8">
      <c r="H602325" s="12"/>
    </row>
    <row r="602326" spans="8:8">
      <c r="H602326" s="12"/>
    </row>
    <row r="602327" spans="8:8">
      <c r="H602327" s="12"/>
    </row>
    <row r="602328" spans="8:8">
      <c r="H602328" s="12"/>
    </row>
    <row r="602329" spans="8:8">
      <c r="H602329" s="12"/>
    </row>
    <row r="602330" spans="8:8">
      <c r="H602330" s="12"/>
    </row>
    <row r="602331" spans="8:8">
      <c r="H602331" s="12"/>
    </row>
    <row r="602332" spans="8:8">
      <c r="H602332" s="12"/>
    </row>
    <row r="602333" spans="8:8">
      <c r="H602333" s="12"/>
    </row>
    <row r="602334" spans="8:8">
      <c r="H602334" s="12"/>
    </row>
    <row r="602335" spans="8:8">
      <c r="H602335" s="12"/>
    </row>
    <row r="602336" spans="8:8">
      <c r="H602336" s="12"/>
    </row>
    <row r="602337" spans="8:8">
      <c r="H602337" s="12"/>
    </row>
    <row r="602338" spans="8:8">
      <c r="H602338" s="12"/>
    </row>
    <row r="602339" spans="8:8">
      <c r="H602339" s="12"/>
    </row>
    <row r="602340" spans="8:8">
      <c r="H602340" s="12"/>
    </row>
    <row r="602341" spans="8:8">
      <c r="H602341" s="12"/>
    </row>
    <row r="602342" spans="8:8">
      <c r="H602342" s="12"/>
    </row>
    <row r="602343" spans="8:8">
      <c r="H602343" s="12"/>
    </row>
    <row r="602344" spans="8:8">
      <c r="H602344" s="12"/>
    </row>
    <row r="602345" spans="8:8">
      <c r="H602345" s="12"/>
    </row>
    <row r="602346" spans="8:8">
      <c r="H602346" s="12"/>
    </row>
    <row r="602347" spans="8:8">
      <c r="H602347" s="12"/>
    </row>
    <row r="602348" spans="8:8">
      <c r="H602348" s="12"/>
    </row>
    <row r="602349" spans="8:8">
      <c r="H602349" s="12"/>
    </row>
    <row r="602350" spans="8:8">
      <c r="H602350" s="12"/>
    </row>
    <row r="602351" spans="8:8">
      <c r="H602351" s="12"/>
    </row>
    <row r="602352" spans="8:8">
      <c r="H602352" s="12"/>
    </row>
    <row r="602353" spans="8:8">
      <c r="H602353" s="12"/>
    </row>
    <row r="602354" spans="8:8">
      <c r="H602354" s="12"/>
    </row>
    <row r="602355" spans="8:8">
      <c r="H602355" s="12"/>
    </row>
    <row r="602356" spans="8:8">
      <c r="H602356" s="12"/>
    </row>
    <row r="602357" spans="8:8">
      <c r="H602357" s="12"/>
    </row>
    <row r="602358" spans="8:8">
      <c r="H602358" s="12"/>
    </row>
    <row r="602359" spans="8:8">
      <c r="H602359" s="12"/>
    </row>
    <row r="602360" spans="8:8">
      <c r="H602360" s="12"/>
    </row>
    <row r="602361" spans="8:8">
      <c r="H602361" s="12"/>
    </row>
    <row r="602362" spans="8:8">
      <c r="H602362" s="12"/>
    </row>
    <row r="602363" spans="8:8">
      <c r="H602363" s="12"/>
    </row>
    <row r="602364" spans="8:8">
      <c r="H602364" s="12"/>
    </row>
    <row r="602365" spans="8:8">
      <c r="H602365" s="12"/>
    </row>
    <row r="602366" spans="8:8">
      <c r="H602366" s="12"/>
    </row>
    <row r="602367" spans="8:8">
      <c r="H602367" s="12"/>
    </row>
    <row r="602368" spans="8:8">
      <c r="H602368" s="12"/>
    </row>
    <row r="602369" spans="8:8">
      <c r="H602369" s="12"/>
    </row>
    <row r="602370" spans="8:8">
      <c r="H602370" s="12"/>
    </row>
    <row r="602371" spans="8:8">
      <c r="H602371" s="12"/>
    </row>
    <row r="602372" spans="8:8">
      <c r="H602372" s="12"/>
    </row>
    <row r="602373" spans="8:8">
      <c r="H602373" s="12"/>
    </row>
    <row r="602374" spans="8:8">
      <c r="H602374" s="12"/>
    </row>
    <row r="602375" spans="8:8">
      <c r="H602375" s="12"/>
    </row>
    <row r="602376" spans="8:8">
      <c r="H602376" s="12"/>
    </row>
    <row r="602377" spans="8:8">
      <c r="H602377" s="12"/>
    </row>
    <row r="602378" spans="8:8">
      <c r="H602378" s="12"/>
    </row>
    <row r="602379" spans="8:8">
      <c r="H602379" s="12"/>
    </row>
    <row r="602380" spans="8:8">
      <c r="H602380" s="12"/>
    </row>
    <row r="602381" spans="8:8">
      <c r="H602381" s="12"/>
    </row>
    <row r="602382" spans="8:8">
      <c r="H602382" s="12"/>
    </row>
    <row r="602383" spans="8:8">
      <c r="H602383" s="12"/>
    </row>
    <row r="602384" spans="8:8">
      <c r="H602384" s="12"/>
    </row>
    <row r="602385" spans="8:8">
      <c r="H602385" s="12"/>
    </row>
    <row r="602386" spans="8:8">
      <c r="H602386" s="12"/>
    </row>
    <row r="602387" spans="8:8">
      <c r="H602387" s="12"/>
    </row>
    <row r="602388" spans="8:8">
      <c r="H602388" s="12"/>
    </row>
    <row r="602389" spans="8:8">
      <c r="H602389" s="12"/>
    </row>
    <row r="602390" spans="8:8">
      <c r="H602390" s="12"/>
    </row>
    <row r="602391" spans="8:8">
      <c r="H602391" s="12"/>
    </row>
    <row r="602392" spans="8:8">
      <c r="H602392" s="12"/>
    </row>
    <row r="602393" spans="8:8">
      <c r="H602393" s="12"/>
    </row>
    <row r="602394" spans="8:8">
      <c r="H602394" s="12"/>
    </row>
    <row r="602395" spans="8:8">
      <c r="H602395" s="12"/>
    </row>
    <row r="602396" spans="8:8">
      <c r="H602396" s="12"/>
    </row>
    <row r="602397" spans="8:8">
      <c r="H602397" s="12"/>
    </row>
    <row r="602398" spans="8:8">
      <c r="H602398" s="12"/>
    </row>
    <row r="602399" spans="8:8">
      <c r="H602399" s="12"/>
    </row>
    <row r="602400" spans="8:8">
      <c r="H602400" s="12"/>
    </row>
    <row r="602401" spans="8:8">
      <c r="H602401" s="12"/>
    </row>
    <row r="602402" spans="8:8">
      <c r="H602402" s="12"/>
    </row>
    <row r="602403" spans="8:8">
      <c r="H602403" s="12"/>
    </row>
    <row r="602404" spans="8:8">
      <c r="H602404" s="12"/>
    </row>
    <row r="602405" spans="8:8">
      <c r="H602405" s="12"/>
    </row>
    <row r="602406" spans="8:8">
      <c r="H602406" s="12"/>
    </row>
    <row r="602407" spans="8:8">
      <c r="H602407" s="12"/>
    </row>
    <row r="602408" spans="8:8">
      <c r="H602408" s="12"/>
    </row>
    <row r="602409" spans="8:8">
      <c r="H602409" s="12"/>
    </row>
    <row r="602410" spans="8:8">
      <c r="H602410" s="12"/>
    </row>
    <row r="602411" spans="8:8">
      <c r="H602411" s="12"/>
    </row>
    <row r="602412" spans="8:8">
      <c r="H602412" s="12"/>
    </row>
    <row r="602413" spans="8:8">
      <c r="H602413" s="12"/>
    </row>
    <row r="602414" spans="8:8">
      <c r="H602414" s="12"/>
    </row>
    <row r="602415" spans="8:8">
      <c r="H602415" s="12"/>
    </row>
    <row r="602416" spans="8:8">
      <c r="H602416" s="12"/>
    </row>
    <row r="602417" spans="8:8">
      <c r="H602417" s="12"/>
    </row>
    <row r="602418" spans="8:8">
      <c r="H602418" s="12"/>
    </row>
    <row r="602419" spans="8:8">
      <c r="H602419" s="12"/>
    </row>
    <row r="602420" spans="8:8">
      <c r="H602420" s="12"/>
    </row>
    <row r="602421" spans="8:8">
      <c r="H602421" s="12"/>
    </row>
    <row r="602422" spans="8:8">
      <c r="H602422" s="12"/>
    </row>
    <row r="602423" spans="8:8">
      <c r="H602423" s="12"/>
    </row>
    <row r="602424" spans="8:8">
      <c r="H602424" s="12"/>
    </row>
    <row r="602425" spans="8:8">
      <c r="H602425" s="12"/>
    </row>
    <row r="602426" spans="8:8">
      <c r="H602426" s="12"/>
    </row>
    <row r="602427" spans="8:8">
      <c r="H602427" s="12"/>
    </row>
    <row r="602428" spans="8:8">
      <c r="H602428" s="12"/>
    </row>
    <row r="602429" spans="8:8">
      <c r="H602429" s="12"/>
    </row>
    <row r="602430" spans="8:8">
      <c r="H602430" s="12"/>
    </row>
    <row r="602431" spans="8:8">
      <c r="H602431" s="12"/>
    </row>
    <row r="602432" spans="8:8">
      <c r="H602432" s="12"/>
    </row>
    <row r="602433" spans="8:8">
      <c r="H602433" s="12"/>
    </row>
    <row r="602434" spans="8:8">
      <c r="H602434" s="12"/>
    </row>
    <row r="602435" spans="8:8">
      <c r="H602435" s="12"/>
    </row>
    <row r="602436" spans="8:8">
      <c r="H602436" s="12"/>
    </row>
    <row r="602437" spans="8:8">
      <c r="H602437" s="12"/>
    </row>
    <row r="602438" spans="8:8">
      <c r="H602438" s="12"/>
    </row>
    <row r="602439" spans="8:8">
      <c r="H602439" s="12"/>
    </row>
    <row r="602440" spans="8:8">
      <c r="H602440" s="12"/>
    </row>
    <row r="602441" spans="8:8">
      <c r="H602441" s="12"/>
    </row>
    <row r="602442" spans="8:8">
      <c r="H602442" s="12"/>
    </row>
    <row r="602443" spans="8:8">
      <c r="H602443" s="12"/>
    </row>
    <row r="602444" spans="8:8">
      <c r="H602444" s="12"/>
    </row>
    <row r="602445" spans="8:8">
      <c r="H602445" s="12"/>
    </row>
    <row r="602446" spans="8:8">
      <c r="H602446" s="12"/>
    </row>
    <row r="602447" spans="8:8">
      <c r="H602447" s="12"/>
    </row>
    <row r="602448" spans="8:8">
      <c r="H602448" s="12"/>
    </row>
    <row r="602449" spans="8:8">
      <c r="H602449" s="12"/>
    </row>
    <row r="602450" spans="8:8">
      <c r="H602450" s="12"/>
    </row>
    <row r="602451" spans="8:8">
      <c r="H602451" s="12"/>
    </row>
    <row r="602452" spans="8:8">
      <c r="H602452" s="12"/>
    </row>
    <row r="602453" spans="8:8">
      <c r="H602453" s="12"/>
    </row>
    <row r="602454" spans="8:8">
      <c r="H602454" s="12"/>
    </row>
    <row r="602455" spans="8:8">
      <c r="H602455" s="12"/>
    </row>
    <row r="602456" spans="8:8">
      <c r="H602456" s="12"/>
    </row>
    <row r="602457" spans="8:8">
      <c r="H602457" s="12"/>
    </row>
    <row r="602458" spans="8:8">
      <c r="H602458" s="12"/>
    </row>
    <row r="602459" spans="8:8">
      <c r="H602459" s="12"/>
    </row>
    <row r="602460" spans="8:8">
      <c r="H602460" s="12"/>
    </row>
    <row r="602461" spans="8:8">
      <c r="H602461" s="12"/>
    </row>
    <row r="602462" spans="8:8">
      <c r="H602462" s="12"/>
    </row>
    <row r="602463" spans="8:8">
      <c r="H602463" s="12"/>
    </row>
    <row r="602464" spans="8:8">
      <c r="H602464" s="12"/>
    </row>
    <row r="602465" spans="8:8">
      <c r="H602465" s="12"/>
    </row>
    <row r="602466" spans="8:8">
      <c r="H602466" s="12"/>
    </row>
    <row r="602467" spans="8:8">
      <c r="H602467" s="12"/>
    </row>
    <row r="602468" spans="8:8">
      <c r="H602468" s="12"/>
    </row>
    <row r="602469" spans="8:8">
      <c r="H602469" s="12"/>
    </row>
    <row r="602470" spans="8:8">
      <c r="H602470" s="12"/>
    </row>
    <row r="602471" spans="8:8">
      <c r="H602471" s="12"/>
    </row>
    <row r="602472" spans="8:8">
      <c r="H602472" s="12"/>
    </row>
    <row r="602473" spans="8:8">
      <c r="H602473" s="12"/>
    </row>
    <row r="602474" spans="8:8">
      <c r="H602474" s="12"/>
    </row>
    <row r="602475" spans="8:8">
      <c r="H602475" s="12"/>
    </row>
    <row r="602476" spans="8:8">
      <c r="H602476" s="12"/>
    </row>
    <row r="602477" spans="8:8">
      <c r="H602477" s="12"/>
    </row>
    <row r="602478" spans="8:8">
      <c r="H602478" s="12"/>
    </row>
    <row r="602479" spans="8:8">
      <c r="H602479" s="12"/>
    </row>
    <row r="602480" spans="8:8">
      <c r="H602480" s="12"/>
    </row>
    <row r="602481" spans="8:8">
      <c r="H602481" s="12"/>
    </row>
    <row r="602482" spans="8:8">
      <c r="H602482" s="12"/>
    </row>
    <row r="602483" spans="8:8">
      <c r="H602483" s="12"/>
    </row>
    <row r="602484" spans="8:8">
      <c r="H602484" s="12"/>
    </row>
    <row r="602485" spans="8:8">
      <c r="H602485" s="12"/>
    </row>
    <row r="602486" spans="8:8">
      <c r="H602486" s="12"/>
    </row>
    <row r="602487" spans="8:8">
      <c r="H602487" s="12"/>
    </row>
    <row r="602488" spans="8:8">
      <c r="H602488" s="12"/>
    </row>
    <row r="602489" spans="8:8">
      <c r="H602489" s="12"/>
    </row>
    <row r="602490" spans="8:8">
      <c r="H602490" s="12"/>
    </row>
    <row r="602491" spans="8:8">
      <c r="H602491" s="12"/>
    </row>
    <row r="602492" spans="8:8">
      <c r="H602492" s="12"/>
    </row>
    <row r="602493" spans="8:8">
      <c r="H602493" s="12"/>
    </row>
    <row r="602494" spans="8:8">
      <c r="H602494" s="12"/>
    </row>
    <row r="602495" spans="8:8">
      <c r="H602495" s="12"/>
    </row>
    <row r="602496" spans="8:8">
      <c r="H602496" s="12"/>
    </row>
    <row r="602497" spans="8:8">
      <c r="H602497" s="12"/>
    </row>
    <row r="602498" spans="8:8">
      <c r="H602498" s="12"/>
    </row>
    <row r="602499" spans="8:8">
      <c r="H602499" s="12"/>
    </row>
    <row r="602500" spans="8:8">
      <c r="H602500" s="12"/>
    </row>
    <row r="602501" spans="8:8">
      <c r="H602501" s="12"/>
    </row>
    <row r="602502" spans="8:8">
      <c r="H602502" s="12"/>
    </row>
    <row r="602503" spans="8:8">
      <c r="H602503" s="12"/>
    </row>
    <row r="602504" spans="8:8">
      <c r="H602504" s="12"/>
    </row>
    <row r="602505" spans="8:8">
      <c r="H602505" s="12"/>
    </row>
    <row r="602506" spans="8:8">
      <c r="H602506" s="12"/>
    </row>
    <row r="602507" spans="8:8">
      <c r="H602507" s="12"/>
    </row>
    <row r="602508" spans="8:8">
      <c r="H602508" s="12"/>
    </row>
    <row r="602509" spans="8:8">
      <c r="H602509" s="12"/>
    </row>
    <row r="602510" spans="8:8">
      <c r="H602510" s="12"/>
    </row>
    <row r="602511" spans="8:8">
      <c r="H602511" s="12"/>
    </row>
    <row r="602512" spans="8:8">
      <c r="H602512" s="12"/>
    </row>
    <row r="602513" spans="8:8">
      <c r="H602513" s="12"/>
    </row>
    <row r="602514" spans="8:8">
      <c r="H602514" s="12"/>
    </row>
    <row r="602515" spans="8:8">
      <c r="H602515" s="12"/>
    </row>
    <row r="602516" spans="8:8">
      <c r="H602516" s="12"/>
    </row>
    <row r="602517" spans="8:8">
      <c r="H602517" s="12"/>
    </row>
    <row r="602518" spans="8:8">
      <c r="H602518" s="12"/>
    </row>
    <row r="602519" spans="8:8">
      <c r="H602519" s="12"/>
    </row>
    <row r="602520" spans="8:8">
      <c r="H602520" s="12"/>
    </row>
    <row r="602521" spans="8:8">
      <c r="H602521" s="12"/>
    </row>
    <row r="602522" spans="8:8">
      <c r="H602522" s="12"/>
    </row>
    <row r="602523" spans="8:8">
      <c r="H602523" s="12"/>
    </row>
    <row r="602524" spans="8:8">
      <c r="H602524" s="12"/>
    </row>
    <row r="602525" spans="8:8">
      <c r="H602525" s="12"/>
    </row>
    <row r="602526" spans="8:8">
      <c r="H602526" s="12"/>
    </row>
    <row r="602527" spans="8:8">
      <c r="H602527" s="12"/>
    </row>
    <row r="602528" spans="8:8">
      <c r="H602528" s="12"/>
    </row>
    <row r="602529" spans="8:8">
      <c r="H602529" s="12"/>
    </row>
    <row r="602530" spans="8:8">
      <c r="H602530" s="12"/>
    </row>
    <row r="602531" spans="8:8">
      <c r="H602531" s="12"/>
    </row>
    <row r="602532" spans="8:8">
      <c r="H602532" s="12"/>
    </row>
    <row r="602533" spans="8:8">
      <c r="H602533" s="12"/>
    </row>
    <row r="602534" spans="8:8">
      <c r="H602534" s="12"/>
    </row>
    <row r="602535" spans="8:8">
      <c r="H602535" s="12"/>
    </row>
    <row r="602536" spans="8:8">
      <c r="H602536" s="12"/>
    </row>
    <row r="602537" spans="8:8">
      <c r="H602537" s="12"/>
    </row>
    <row r="602538" spans="8:8">
      <c r="H602538" s="12"/>
    </row>
    <row r="602539" spans="8:8">
      <c r="H602539" s="12"/>
    </row>
    <row r="602540" spans="8:8">
      <c r="H602540" s="12"/>
    </row>
    <row r="602541" spans="8:8">
      <c r="H602541" s="12"/>
    </row>
    <row r="602542" spans="8:8">
      <c r="H602542" s="12"/>
    </row>
    <row r="602543" spans="8:8">
      <c r="H602543" s="12"/>
    </row>
    <row r="602544" spans="8:8">
      <c r="H602544" s="12"/>
    </row>
    <row r="602545" spans="8:8">
      <c r="H602545" s="12"/>
    </row>
    <row r="602546" spans="8:8">
      <c r="H602546" s="12"/>
    </row>
    <row r="602547" spans="8:8">
      <c r="H602547" s="12"/>
    </row>
    <row r="602548" spans="8:8">
      <c r="H602548" s="12"/>
    </row>
    <row r="602549" spans="8:8">
      <c r="H602549" s="12"/>
    </row>
    <row r="602550" spans="8:8">
      <c r="H602550" s="12"/>
    </row>
    <row r="602551" spans="8:8">
      <c r="H602551" s="12"/>
    </row>
    <row r="602552" spans="8:8">
      <c r="H602552" s="12"/>
    </row>
    <row r="602553" spans="8:8">
      <c r="H602553" s="12"/>
    </row>
    <row r="602554" spans="8:8">
      <c r="H602554" s="12"/>
    </row>
    <row r="602555" spans="8:8">
      <c r="H602555" s="12"/>
    </row>
    <row r="602556" spans="8:8">
      <c r="H602556" s="12"/>
    </row>
    <row r="602557" spans="8:8">
      <c r="H602557" s="12"/>
    </row>
    <row r="602558" spans="8:8">
      <c r="H602558" s="12"/>
    </row>
    <row r="602559" spans="8:8">
      <c r="H602559" s="12"/>
    </row>
    <row r="602560" spans="8:8">
      <c r="H602560" s="12"/>
    </row>
    <row r="602561" spans="8:8">
      <c r="H602561" s="12"/>
    </row>
    <row r="602562" spans="8:8">
      <c r="H602562" s="12"/>
    </row>
    <row r="602563" spans="8:8">
      <c r="H602563" s="12"/>
    </row>
    <row r="602564" spans="8:8">
      <c r="H602564" s="12"/>
    </row>
    <row r="602565" spans="8:8">
      <c r="H602565" s="12"/>
    </row>
    <row r="602566" spans="8:8">
      <c r="H602566" s="12"/>
    </row>
    <row r="602567" spans="8:8">
      <c r="H602567" s="12"/>
    </row>
    <row r="602568" spans="8:8">
      <c r="H602568" s="12"/>
    </row>
    <row r="602569" spans="8:8">
      <c r="H602569" s="12"/>
    </row>
    <row r="602570" spans="8:8">
      <c r="H602570" s="12"/>
    </row>
    <row r="602571" spans="8:8">
      <c r="H602571" s="12"/>
    </row>
    <row r="602572" spans="8:8">
      <c r="H602572" s="12"/>
    </row>
    <row r="602573" spans="8:8">
      <c r="H602573" s="12"/>
    </row>
    <row r="602574" spans="8:8">
      <c r="H602574" s="12"/>
    </row>
    <row r="602575" spans="8:8">
      <c r="H602575" s="12"/>
    </row>
    <row r="602576" spans="8:8">
      <c r="H602576" s="12"/>
    </row>
    <row r="602577" spans="8:8">
      <c r="H602577" s="12"/>
    </row>
    <row r="602578" spans="8:8">
      <c r="H602578" s="12"/>
    </row>
    <row r="602579" spans="8:8">
      <c r="H602579" s="12"/>
    </row>
    <row r="602580" spans="8:8">
      <c r="H602580" s="12"/>
    </row>
    <row r="602581" spans="8:8">
      <c r="H602581" s="12"/>
    </row>
    <row r="602582" spans="8:8">
      <c r="H602582" s="12"/>
    </row>
    <row r="602583" spans="8:8">
      <c r="H602583" s="12"/>
    </row>
    <row r="602584" spans="8:8">
      <c r="H602584" s="12"/>
    </row>
    <row r="602585" spans="8:8">
      <c r="H602585" s="12"/>
    </row>
    <row r="602586" spans="8:8">
      <c r="H602586" s="12"/>
    </row>
    <row r="602587" spans="8:8">
      <c r="H602587" s="12"/>
    </row>
    <row r="602588" spans="8:8">
      <c r="H602588" s="12"/>
    </row>
    <row r="602589" spans="8:8">
      <c r="H602589" s="12"/>
    </row>
    <row r="602590" spans="8:8">
      <c r="H602590" s="12"/>
    </row>
    <row r="602591" spans="8:8">
      <c r="H602591" s="12"/>
    </row>
    <row r="602592" spans="8:8">
      <c r="H602592" s="12"/>
    </row>
    <row r="602593" spans="8:8">
      <c r="H602593" s="12"/>
    </row>
    <row r="602594" spans="8:8">
      <c r="H602594" s="12"/>
    </row>
    <row r="602595" spans="8:8">
      <c r="H602595" s="12"/>
    </row>
    <row r="602596" spans="8:8">
      <c r="H602596" s="12"/>
    </row>
    <row r="602597" spans="8:8">
      <c r="H602597" s="12"/>
    </row>
    <row r="602598" spans="8:8">
      <c r="H602598" s="12"/>
    </row>
    <row r="602599" spans="8:8">
      <c r="H602599" s="12"/>
    </row>
    <row r="602600" spans="8:8">
      <c r="H602600" s="12"/>
    </row>
    <row r="602601" spans="8:8">
      <c r="H602601" s="12"/>
    </row>
    <row r="602602" spans="8:8">
      <c r="H602602" s="12"/>
    </row>
    <row r="602603" spans="8:8">
      <c r="H602603" s="12"/>
    </row>
    <row r="602604" spans="8:8">
      <c r="H602604" s="12"/>
    </row>
    <row r="602605" spans="8:8">
      <c r="H602605" s="12"/>
    </row>
    <row r="602606" spans="8:8">
      <c r="H602606" s="12"/>
    </row>
    <row r="602607" spans="8:8">
      <c r="H602607" s="12"/>
    </row>
    <row r="602608" spans="8:8">
      <c r="H602608" s="12"/>
    </row>
    <row r="602609" spans="8:8">
      <c r="H602609" s="12"/>
    </row>
    <row r="602610" spans="8:8">
      <c r="H602610" s="12"/>
    </row>
    <row r="602611" spans="8:8">
      <c r="H602611" s="12"/>
    </row>
    <row r="602612" spans="8:8">
      <c r="H602612" s="12"/>
    </row>
    <row r="602613" spans="8:8">
      <c r="H602613" s="12"/>
    </row>
    <row r="602614" spans="8:8">
      <c r="H602614" s="12"/>
    </row>
    <row r="602615" spans="8:8">
      <c r="H602615" s="12"/>
    </row>
    <row r="602616" spans="8:8">
      <c r="H602616" s="12"/>
    </row>
    <row r="602617" spans="8:8">
      <c r="H602617" s="12"/>
    </row>
    <row r="602618" spans="8:8">
      <c r="H602618" s="12"/>
    </row>
    <row r="602619" spans="8:8">
      <c r="H602619" s="12"/>
    </row>
    <row r="602620" spans="8:8">
      <c r="H602620" s="12"/>
    </row>
    <row r="602621" spans="8:8">
      <c r="H602621" s="12"/>
    </row>
    <row r="602622" spans="8:8">
      <c r="H602622" s="12"/>
    </row>
    <row r="602623" spans="8:8">
      <c r="H602623" s="12"/>
    </row>
    <row r="602624" spans="8:8">
      <c r="H602624" s="12"/>
    </row>
    <row r="602625" spans="8:8">
      <c r="H602625" s="12"/>
    </row>
    <row r="602626" spans="8:8">
      <c r="H602626" s="12"/>
    </row>
    <row r="602627" spans="8:8">
      <c r="H602627" s="12"/>
    </row>
    <row r="602628" spans="8:8">
      <c r="H602628" s="12"/>
    </row>
    <row r="602629" spans="8:8">
      <c r="H602629" s="12"/>
    </row>
    <row r="602630" spans="8:8">
      <c r="H602630" s="12"/>
    </row>
    <row r="602631" spans="8:8">
      <c r="H602631" s="12"/>
    </row>
    <row r="602632" spans="8:8">
      <c r="H602632" s="12"/>
    </row>
    <row r="602633" spans="8:8">
      <c r="H602633" s="12"/>
    </row>
    <row r="602634" spans="8:8">
      <c r="H602634" s="12"/>
    </row>
    <row r="602635" spans="8:8">
      <c r="H602635" s="12"/>
    </row>
    <row r="602636" spans="8:8">
      <c r="H602636" s="12"/>
    </row>
    <row r="602637" spans="8:8">
      <c r="H602637" s="12"/>
    </row>
    <row r="602638" spans="8:8">
      <c r="H602638" s="12"/>
    </row>
    <row r="602639" spans="8:8">
      <c r="H602639" s="12"/>
    </row>
    <row r="602640" spans="8:8">
      <c r="H602640" s="12"/>
    </row>
    <row r="602641" spans="8:8">
      <c r="H602641" s="12"/>
    </row>
    <row r="602642" spans="8:8">
      <c r="H602642" s="12"/>
    </row>
    <row r="602643" spans="8:8">
      <c r="H602643" s="12"/>
    </row>
    <row r="602644" spans="8:8">
      <c r="H602644" s="12"/>
    </row>
    <row r="602645" spans="8:8">
      <c r="H602645" s="12"/>
    </row>
    <row r="602646" spans="8:8">
      <c r="H602646" s="12"/>
    </row>
    <row r="602647" spans="8:8">
      <c r="H602647" s="12"/>
    </row>
    <row r="602648" spans="8:8">
      <c r="H602648" s="12"/>
    </row>
    <row r="602649" spans="8:8">
      <c r="H602649" s="12"/>
    </row>
    <row r="602650" spans="8:8">
      <c r="H602650" s="12"/>
    </row>
    <row r="602651" spans="8:8">
      <c r="H602651" s="12"/>
    </row>
    <row r="602652" spans="8:8">
      <c r="H602652" s="12"/>
    </row>
    <row r="602653" spans="8:8">
      <c r="H602653" s="12"/>
    </row>
    <row r="602654" spans="8:8">
      <c r="H602654" s="12"/>
    </row>
    <row r="602655" spans="8:8">
      <c r="H602655" s="12"/>
    </row>
    <row r="602656" spans="8:8">
      <c r="H602656" s="12"/>
    </row>
    <row r="602657" spans="8:8">
      <c r="H602657" s="12"/>
    </row>
    <row r="602658" spans="8:8">
      <c r="H602658" s="12"/>
    </row>
    <row r="602659" spans="8:8">
      <c r="H602659" s="12"/>
    </row>
    <row r="602660" spans="8:8">
      <c r="H602660" s="12"/>
    </row>
    <row r="602661" spans="8:8">
      <c r="H602661" s="12"/>
    </row>
    <row r="602662" spans="8:8">
      <c r="H602662" s="12"/>
    </row>
    <row r="602663" spans="8:8">
      <c r="H602663" s="12"/>
    </row>
    <row r="602664" spans="8:8">
      <c r="H602664" s="12"/>
    </row>
    <row r="602665" spans="8:8">
      <c r="H602665" s="12"/>
    </row>
    <row r="602666" spans="8:8">
      <c r="H602666" s="12"/>
    </row>
    <row r="602667" spans="8:8">
      <c r="H602667" s="12"/>
    </row>
    <row r="602668" spans="8:8">
      <c r="H602668" s="12"/>
    </row>
    <row r="602669" spans="8:8">
      <c r="H602669" s="12"/>
    </row>
    <row r="602670" spans="8:8">
      <c r="H602670" s="12"/>
    </row>
    <row r="602671" spans="8:8">
      <c r="H602671" s="12"/>
    </row>
    <row r="602672" spans="8:8">
      <c r="H602672" s="12"/>
    </row>
    <row r="602673" spans="8:8">
      <c r="H602673" s="12"/>
    </row>
    <row r="602674" spans="8:8">
      <c r="H602674" s="12"/>
    </row>
    <row r="602675" spans="8:8">
      <c r="H602675" s="12"/>
    </row>
    <row r="602676" spans="8:8">
      <c r="H602676" s="12"/>
    </row>
    <row r="602677" spans="8:8">
      <c r="H602677" s="12"/>
    </row>
    <row r="602678" spans="8:8">
      <c r="H602678" s="12"/>
    </row>
    <row r="602679" spans="8:8">
      <c r="H602679" s="12"/>
    </row>
    <row r="602680" spans="8:8">
      <c r="H602680" s="12"/>
    </row>
    <row r="602681" spans="8:8">
      <c r="H602681" s="12"/>
    </row>
    <row r="602682" spans="8:8">
      <c r="H602682" s="12"/>
    </row>
    <row r="602683" spans="8:8">
      <c r="H602683" s="12"/>
    </row>
    <row r="602684" spans="8:8">
      <c r="H602684" s="12"/>
    </row>
    <row r="602685" spans="8:8">
      <c r="H602685" s="12"/>
    </row>
    <row r="602686" spans="8:8">
      <c r="H602686" s="12"/>
    </row>
    <row r="602687" spans="8:8">
      <c r="H602687" s="12"/>
    </row>
    <row r="602688" spans="8:8">
      <c r="H602688" s="12"/>
    </row>
    <row r="602689" spans="8:8">
      <c r="H602689" s="12"/>
    </row>
    <row r="602690" spans="8:8">
      <c r="H602690" s="12"/>
    </row>
    <row r="602691" spans="8:8">
      <c r="H602691" s="12"/>
    </row>
    <row r="602692" spans="8:8">
      <c r="H602692" s="12"/>
    </row>
    <row r="602693" spans="8:8">
      <c r="H602693" s="12"/>
    </row>
    <row r="602694" spans="8:8">
      <c r="H602694" s="12"/>
    </row>
    <row r="602695" spans="8:8">
      <c r="H602695" s="12"/>
    </row>
    <row r="602696" spans="8:8">
      <c r="H602696" s="12"/>
    </row>
    <row r="602697" spans="8:8">
      <c r="H602697" s="12"/>
    </row>
    <row r="602698" spans="8:8">
      <c r="H602698" s="12"/>
    </row>
    <row r="602699" spans="8:8">
      <c r="H602699" s="12"/>
    </row>
    <row r="602700" spans="8:8">
      <c r="H602700" s="12"/>
    </row>
    <row r="602701" spans="8:8">
      <c r="H602701" s="12"/>
    </row>
    <row r="602702" spans="8:8">
      <c r="H602702" s="12"/>
    </row>
    <row r="602703" spans="8:8">
      <c r="H602703" s="12"/>
    </row>
    <row r="602704" spans="8:8">
      <c r="H602704" s="12"/>
    </row>
    <row r="602705" spans="8:8">
      <c r="H602705" s="12"/>
    </row>
    <row r="602706" spans="8:8">
      <c r="H602706" s="12"/>
    </row>
    <row r="602707" spans="8:8">
      <c r="H602707" s="12"/>
    </row>
    <row r="602708" spans="8:8">
      <c r="H602708" s="12"/>
    </row>
    <row r="602709" spans="8:8">
      <c r="H602709" s="12"/>
    </row>
    <row r="602710" spans="8:8">
      <c r="H602710" s="12"/>
    </row>
    <row r="602711" spans="8:8">
      <c r="H602711" s="12"/>
    </row>
    <row r="602712" spans="8:8">
      <c r="H602712" s="12"/>
    </row>
    <row r="602713" spans="8:8">
      <c r="H602713" s="12"/>
    </row>
    <row r="602714" spans="8:8">
      <c r="H602714" s="12"/>
    </row>
    <row r="602715" spans="8:8">
      <c r="H602715" s="12"/>
    </row>
    <row r="602716" spans="8:8">
      <c r="H602716" s="12"/>
    </row>
    <row r="602717" spans="8:8">
      <c r="H602717" s="12"/>
    </row>
    <row r="602718" spans="8:8">
      <c r="H602718" s="12"/>
    </row>
    <row r="602719" spans="8:8">
      <c r="H602719" s="12"/>
    </row>
    <row r="602720" spans="8:8">
      <c r="H602720" s="12"/>
    </row>
    <row r="602721" spans="8:8">
      <c r="H602721" s="12"/>
    </row>
    <row r="602722" spans="8:8">
      <c r="H602722" s="12"/>
    </row>
    <row r="602723" spans="8:8">
      <c r="H602723" s="12"/>
    </row>
    <row r="602724" spans="8:8">
      <c r="H602724" s="12"/>
    </row>
    <row r="602725" spans="8:8">
      <c r="H602725" s="12"/>
    </row>
    <row r="602726" spans="8:8">
      <c r="H602726" s="12"/>
    </row>
    <row r="602727" spans="8:8">
      <c r="H602727" s="12"/>
    </row>
    <row r="602728" spans="8:8">
      <c r="H602728" s="12"/>
    </row>
    <row r="602729" spans="8:8">
      <c r="H602729" s="12"/>
    </row>
    <row r="602730" spans="8:8">
      <c r="H602730" s="12"/>
    </row>
    <row r="602731" spans="8:8">
      <c r="H602731" s="12"/>
    </row>
    <row r="602732" spans="8:8">
      <c r="H602732" s="12"/>
    </row>
    <row r="602733" spans="8:8">
      <c r="H602733" s="12"/>
    </row>
    <row r="602734" spans="8:8">
      <c r="H602734" s="12"/>
    </row>
    <row r="602735" spans="8:8">
      <c r="H602735" s="12"/>
    </row>
    <row r="602736" spans="8:8">
      <c r="H602736" s="12"/>
    </row>
    <row r="602737" spans="8:8">
      <c r="H602737" s="12"/>
    </row>
    <row r="602738" spans="8:8">
      <c r="H602738" s="12"/>
    </row>
    <row r="602739" spans="8:8">
      <c r="H602739" s="12"/>
    </row>
    <row r="602740" spans="8:8">
      <c r="H602740" s="12"/>
    </row>
    <row r="602741" spans="8:8">
      <c r="H602741" s="12"/>
    </row>
    <row r="602742" spans="8:8">
      <c r="H602742" s="12"/>
    </row>
    <row r="602743" spans="8:8">
      <c r="H602743" s="12"/>
    </row>
    <row r="602744" spans="8:8">
      <c r="H602744" s="12"/>
    </row>
    <row r="602745" spans="8:8">
      <c r="H602745" s="12"/>
    </row>
    <row r="602746" spans="8:8">
      <c r="H602746" s="12"/>
    </row>
    <row r="602747" spans="8:8">
      <c r="H602747" s="12"/>
    </row>
    <row r="602748" spans="8:8">
      <c r="H602748" s="12"/>
    </row>
    <row r="602749" spans="8:8">
      <c r="H602749" s="12"/>
    </row>
    <row r="602750" spans="8:8">
      <c r="H602750" s="12"/>
    </row>
    <row r="602751" spans="8:8">
      <c r="H602751" s="12"/>
    </row>
    <row r="602752" spans="8:8">
      <c r="H602752" s="12"/>
    </row>
    <row r="602753" spans="8:8">
      <c r="H602753" s="12"/>
    </row>
    <row r="602754" spans="8:8">
      <c r="H602754" s="12"/>
    </row>
    <row r="602755" spans="8:8">
      <c r="H602755" s="12"/>
    </row>
    <row r="602756" spans="8:8">
      <c r="H602756" s="12"/>
    </row>
    <row r="602757" spans="8:8">
      <c r="H602757" s="12"/>
    </row>
    <row r="602758" spans="8:8">
      <c r="H602758" s="12"/>
    </row>
    <row r="602759" spans="8:8">
      <c r="H602759" s="12"/>
    </row>
    <row r="602760" spans="8:8">
      <c r="H602760" s="12"/>
    </row>
    <row r="602761" spans="8:8">
      <c r="H602761" s="12"/>
    </row>
    <row r="602762" spans="8:8">
      <c r="H602762" s="12"/>
    </row>
    <row r="602763" spans="8:8">
      <c r="H602763" s="12"/>
    </row>
    <row r="602764" spans="8:8">
      <c r="H602764" s="12"/>
    </row>
    <row r="602765" spans="8:8">
      <c r="H602765" s="12"/>
    </row>
    <row r="602766" spans="8:8">
      <c r="H602766" s="12"/>
    </row>
    <row r="602767" spans="8:8">
      <c r="H602767" s="12"/>
    </row>
    <row r="602768" spans="8:8">
      <c r="H602768" s="12"/>
    </row>
    <row r="602769" spans="8:8">
      <c r="H602769" s="12"/>
    </row>
    <row r="602770" spans="8:8">
      <c r="H602770" s="12"/>
    </row>
    <row r="602771" spans="8:8">
      <c r="H602771" s="12"/>
    </row>
    <row r="602772" spans="8:8">
      <c r="H602772" s="12"/>
    </row>
    <row r="602773" spans="8:8">
      <c r="H602773" s="12"/>
    </row>
    <row r="602774" spans="8:8">
      <c r="H602774" s="12"/>
    </row>
    <row r="602775" spans="8:8">
      <c r="H602775" s="12"/>
    </row>
    <row r="602776" spans="8:8">
      <c r="H602776" s="12"/>
    </row>
    <row r="602777" spans="8:8">
      <c r="H602777" s="12"/>
    </row>
    <row r="602778" spans="8:8">
      <c r="H602778" s="12"/>
    </row>
    <row r="602779" spans="8:8">
      <c r="H602779" s="12"/>
    </row>
    <row r="602780" spans="8:8">
      <c r="H602780" s="12"/>
    </row>
    <row r="602781" spans="8:8">
      <c r="H602781" s="12"/>
    </row>
    <row r="602782" spans="8:8">
      <c r="H602782" s="12"/>
    </row>
    <row r="602783" spans="8:8">
      <c r="H602783" s="12"/>
    </row>
    <row r="602784" spans="8:8">
      <c r="H602784" s="12"/>
    </row>
    <row r="602785" spans="8:8">
      <c r="H602785" s="12"/>
    </row>
    <row r="602786" spans="8:8">
      <c r="H602786" s="12"/>
    </row>
    <row r="602787" spans="8:8">
      <c r="H602787" s="12"/>
    </row>
    <row r="602788" spans="8:8">
      <c r="H602788" s="12"/>
    </row>
    <row r="602789" spans="8:8">
      <c r="H602789" s="12"/>
    </row>
    <row r="602790" spans="8:8">
      <c r="H602790" s="12"/>
    </row>
    <row r="602791" spans="8:8">
      <c r="H602791" s="12"/>
    </row>
    <row r="602792" spans="8:8">
      <c r="H602792" s="12"/>
    </row>
    <row r="602793" spans="8:8">
      <c r="H602793" s="12"/>
    </row>
    <row r="602794" spans="8:8">
      <c r="H602794" s="12"/>
    </row>
    <row r="602795" spans="8:8">
      <c r="H602795" s="12"/>
    </row>
    <row r="602796" spans="8:8">
      <c r="H602796" s="12"/>
    </row>
    <row r="602797" spans="8:8">
      <c r="H602797" s="12"/>
    </row>
    <row r="602798" spans="8:8">
      <c r="H602798" s="12"/>
    </row>
    <row r="602799" spans="8:8">
      <c r="H602799" s="12"/>
    </row>
    <row r="602800" spans="8:8">
      <c r="H602800" s="12"/>
    </row>
    <row r="602801" spans="8:8">
      <c r="H602801" s="12"/>
    </row>
    <row r="602802" spans="8:8">
      <c r="H602802" s="12"/>
    </row>
    <row r="602803" spans="8:8">
      <c r="H602803" s="12"/>
    </row>
    <row r="602804" spans="8:8">
      <c r="H602804" s="12"/>
    </row>
    <row r="602805" spans="8:8">
      <c r="H602805" s="12"/>
    </row>
    <row r="602806" spans="8:8">
      <c r="H602806" s="12"/>
    </row>
    <row r="602807" spans="8:8">
      <c r="H602807" s="12"/>
    </row>
    <row r="602808" spans="8:8">
      <c r="H602808" s="12"/>
    </row>
    <row r="602809" spans="8:8">
      <c r="H602809" s="12"/>
    </row>
    <row r="602810" spans="8:8">
      <c r="H602810" s="12"/>
    </row>
    <row r="602811" spans="8:8">
      <c r="H602811" s="12"/>
    </row>
    <row r="602812" spans="8:8">
      <c r="H602812" s="12"/>
    </row>
    <row r="602813" spans="8:8">
      <c r="H602813" s="12"/>
    </row>
    <row r="602814" spans="8:8">
      <c r="H602814" s="12"/>
    </row>
    <row r="602815" spans="8:8">
      <c r="H602815" s="12"/>
    </row>
    <row r="602816" spans="8:8">
      <c r="H602816" s="12"/>
    </row>
    <row r="602817" spans="8:8">
      <c r="H602817" s="12"/>
    </row>
    <row r="602818" spans="8:8">
      <c r="H602818" s="12"/>
    </row>
    <row r="602819" spans="8:8">
      <c r="H602819" s="12"/>
    </row>
    <row r="602820" spans="8:8">
      <c r="H602820" s="12"/>
    </row>
    <row r="602821" spans="8:8">
      <c r="H602821" s="12"/>
    </row>
    <row r="602822" spans="8:8">
      <c r="H602822" s="12"/>
    </row>
    <row r="602823" spans="8:8">
      <c r="H602823" s="12"/>
    </row>
    <row r="602824" spans="8:8">
      <c r="H602824" s="12"/>
    </row>
    <row r="602825" spans="8:8">
      <c r="H602825" s="12"/>
    </row>
    <row r="602826" spans="8:8">
      <c r="H602826" s="12"/>
    </row>
    <row r="602827" spans="8:8">
      <c r="H602827" s="12"/>
    </row>
    <row r="602828" spans="8:8">
      <c r="H602828" s="12"/>
    </row>
    <row r="602829" spans="8:8">
      <c r="H602829" s="12"/>
    </row>
    <row r="602830" spans="8:8">
      <c r="H602830" s="12"/>
    </row>
    <row r="602831" spans="8:8">
      <c r="H602831" s="12"/>
    </row>
    <row r="602832" spans="8:8">
      <c r="H602832" s="12"/>
    </row>
    <row r="602833" spans="8:8">
      <c r="H602833" s="12"/>
    </row>
    <row r="602834" spans="8:8">
      <c r="H602834" s="12"/>
    </row>
    <row r="602835" spans="8:8">
      <c r="H602835" s="12"/>
    </row>
    <row r="602836" spans="8:8">
      <c r="H602836" s="12"/>
    </row>
    <row r="602837" spans="8:8">
      <c r="H602837" s="12"/>
    </row>
    <row r="602838" spans="8:8">
      <c r="H602838" s="12"/>
    </row>
    <row r="602839" spans="8:8">
      <c r="H602839" s="12"/>
    </row>
    <row r="602840" spans="8:8">
      <c r="H602840" s="12"/>
    </row>
    <row r="602841" spans="8:8">
      <c r="H602841" s="12"/>
    </row>
    <row r="602842" spans="8:8">
      <c r="H602842" s="12"/>
    </row>
    <row r="602843" spans="8:8">
      <c r="H602843" s="12"/>
    </row>
    <row r="602844" spans="8:8">
      <c r="H602844" s="12"/>
    </row>
    <row r="602845" spans="8:8">
      <c r="H602845" s="12"/>
    </row>
    <row r="602846" spans="8:8">
      <c r="H602846" s="12"/>
    </row>
    <row r="602847" spans="8:8">
      <c r="H602847" s="12"/>
    </row>
    <row r="602848" spans="8:8">
      <c r="H602848" s="12"/>
    </row>
    <row r="602849" spans="8:8">
      <c r="H602849" s="12"/>
    </row>
    <row r="602850" spans="8:8">
      <c r="H602850" s="12"/>
    </row>
    <row r="602851" spans="8:8">
      <c r="H602851" s="12"/>
    </row>
    <row r="602852" spans="8:8">
      <c r="H602852" s="12"/>
    </row>
    <row r="602853" spans="8:8">
      <c r="H602853" s="12"/>
    </row>
    <row r="602854" spans="8:8">
      <c r="H602854" s="12"/>
    </row>
    <row r="602855" spans="8:8">
      <c r="H602855" s="12"/>
    </row>
    <row r="602856" spans="8:8">
      <c r="H602856" s="12"/>
    </row>
    <row r="602857" spans="8:8">
      <c r="H602857" s="12"/>
    </row>
    <row r="602858" spans="8:8">
      <c r="H602858" s="12"/>
    </row>
    <row r="602859" spans="8:8">
      <c r="H602859" s="12"/>
    </row>
    <row r="602860" spans="8:8">
      <c r="H602860" s="12"/>
    </row>
    <row r="602861" spans="8:8">
      <c r="H602861" s="12"/>
    </row>
    <row r="602862" spans="8:8">
      <c r="H602862" s="12"/>
    </row>
    <row r="602863" spans="8:8">
      <c r="H602863" s="12"/>
    </row>
    <row r="602864" spans="8:8">
      <c r="H602864" s="12"/>
    </row>
    <row r="602865" spans="8:8">
      <c r="H602865" s="12"/>
    </row>
    <row r="602866" spans="8:8">
      <c r="H602866" s="12"/>
    </row>
    <row r="602867" spans="8:8">
      <c r="H602867" s="12"/>
    </row>
    <row r="602868" spans="8:8">
      <c r="H602868" s="12"/>
    </row>
    <row r="602869" spans="8:8">
      <c r="H602869" s="12"/>
    </row>
    <row r="602870" spans="8:8">
      <c r="H602870" s="12"/>
    </row>
    <row r="602871" spans="8:8">
      <c r="H602871" s="12"/>
    </row>
    <row r="602872" spans="8:8">
      <c r="H602872" s="12"/>
    </row>
    <row r="602873" spans="8:8">
      <c r="H602873" s="12"/>
    </row>
    <row r="602874" spans="8:8">
      <c r="H602874" s="12"/>
    </row>
    <row r="602875" spans="8:8">
      <c r="H602875" s="12"/>
    </row>
    <row r="602876" spans="8:8">
      <c r="H602876" s="12"/>
    </row>
    <row r="602877" spans="8:8">
      <c r="H602877" s="12"/>
    </row>
    <row r="602878" spans="8:8">
      <c r="H602878" s="12"/>
    </row>
    <row r="602879" spans="8:8">
      <c r="H602879" s="12"/>
    </row>
    <row r="602880" spans="8:8">
      <c r="H602880" s="12"/>
    </row>
    <row r="602881" spans="8:8">
      <c r="H602881" s="12"/>
    </row>
    <row r="602882" spans="8:8">
      <c r="H602882" s="12"/>
    </row>
    <row r="602883" spans="8:8">
      <c r="H602883" s="12"/>
    </row>
    <row r="602884" spans="8:8">
      <c r="H602884" s="12"/>
    </row>
    <row r="602885" spans="8:8">
      <c r="H602885" s="12"/>
    </row>
    <row r="602886" spans="8:8">
      <c r="H602886" s="12"/>
    </row>
    <row r="602887" spans="8:8">
      <c r="H602887" s="12"/>
    </row>
    <row r="602888" spans="8:8">
      <c r="H602888" s="12"/>
    </row>
    <row r="602889" spans="8:8">
      <c r="H602889" s="12"/>
    </row>
    <row r="602890" spans="8:8">
      <c r="H602890" s="12"/>
    </row>
    <row r="602891" spans="8:8">
      <c r="H602891" s="12"/>
    </row>
    <row r="602892" spans="8:8">
      <c r="H602892" s="12"/>
    </row>
    <row r="602893" spans="8:8">
      <c r="H602893" s="12"/>
    </row>
    <row r="602894" spans="8:8">
      <c r="H602894" s="12"/>
    </row>
    <row r="602895" spans="8:8">
      <c r="H602895" s="12"/>
    </row>
    <row r="602896" spans="8:8">
      <c r="H602896" s="12"/>
    </row>
    <row r="602897" spans="8:8">
      <c r="H602897" s="12"/>
    </row>
    <row r="602898" spans="8:8">
      <c r="H602898" s="12"/>
    </row>
    <row r="602899" spans="8:8">
      <c r="H602899" s="12"/>
    </row>
    <row r="602900" spans="8:8">
      <c r="H602900" s="12"/>
    </row>
    <row r="602901" spans="8:8">
      <c r="H602901" s="12"/>
    </row>
    <row r="602902" spans="8:8">
      <c r="H602902" s="12"/>
    </row>
    <row r="602903" spans="8:8">
      <c r="H602903" s="12"/>
    </row>
    <row r="602904" spans="8:8">
      <c r="H602904" s="12"/>
    </row>
    <row r="602905" spans="8:8">
      <c r="H602905" s="12"/>
    </row>
    <row r="602906" spans="8:8">
      <c r="H602906" s="12"/>
    </row>
    <row r="602907" spans="8:8">
      <c r="H602907" s="12"/>
    </row>
    <row r="602908" spans="8:8">
      <c r="H602908" s="12"/>
    </row>
    <row r="602909" spans="8:8">
      <c r="H602909" s="12"/>
    </row>
    <row r="602910" spans="8:8">
      <c r="H602910" s="12"/>
    </row>
    <row r="602911" spans="8:8">
      <c r="H602911" s="12"/>
    </row>
    <row r="602912" spans="8:8">
      <c r="H602912" s="12"/>
    </row>
    <row r="602913" spans="8:8">
      <c r="H602913" s="12"/>
    </row>
    <row r="602914" spans="8:8">
      <c r="H602914" s="12"/>
    </row>
    <row r="602915" spans="8:8">
      <c r="H602915" s="12"/>
    </row>
    <row r="602916" spans="8:8">
      <c r="H602916" s="12"/>
    </row>
    <row r="602917" spans="8:8">
      <c r="H602917" s="12"/>
    </row>
    <row r="602918" spans="8:8">
      <c r="H602918" s="12"/>
    </row>
    <row r="602919" spans="8:8">
      <c r="H602919" s="12"/>
    </row>
    <row r="602920" spans="8:8">
      <c r="H602920" s="12"/>
    </row>
    <row r="602921" spans="8:8">
      <c r="H602921" s="12"/>
    </row>
    <row r="602922" spans="8:8">
      <c r="H602922" s="12"/>
    </row>
    <row r="602923" spans="8:8">
      <c r="H602923" s="12"/>
    </row>
    <row r="602924" spans="8:8">
      <c r="H602924" s="12"/>
    </row>
    <row r="602925" spans="8:8">
      <c r="H602925" s="12"/>
    </row>
    <row r="602926" spans="8:8">
      <c r="H602926" s="12"/>
    </row>
    <row r="602927" spans="8:8">
      <c r="H602927" s="12"/>
    </row>
    <row r="602928" spans="8:8">
      <c r="H602928" s="12"/>
    </row>
    <row r="602929" spans="8:8">
      <c r="H602929" s="12"/>
    </row>
    <row r="602930" spans="8:8">
      <c r="H602930" s="12"/>
    </row>
    <row r="602931" spans="8:8">
      <c r="H602931" s="12"/>
    </row>
    <row r="602932" spans="8:8">
      <c r="H602932" s="12"/>
    </row>
    <row r="602933" spans="8:8">
      <c r="H602933" s="12"/>
    </row>
    <row r="602934" spans="8:8">
      <c r="H602934" s="12"/>
    </row>
    <row r="602935" spans="8:8">
      <c r="H602935" s="12"/>
    </row>
    <row r="602936" spans="8:8">
      <c r="H602936" s="12"/>
    </row>
    <row r="602937" spans="8:8">
      <c r="H602937" s="12"/>
    </row>
    <row r="602938" spans="8:8">
      <c r="H602938" s="12"/>
    </row>
    <row r="602939" spans="8:8">
      <c r="H602939" s="12"/>
    </row>
    <row r="602940" spans="8:8">
      <c r="H602940" s="12"/>
    </row>
    <row r="602941" spans="8:8">
      <c r="H602941" s="12"/>
    </row>
    <row r="602942" spans="8:8">
      <c r="H602942" s="12"/>
    </row>
    <row r="602943" spans="8:8">
      <c r="H602943" s="12"/>
    </row>
    <row r="602944" spans="8:8">
      <c r="H602944" s="12"/>
    </row>
    <row r="602945" spans="8:8">
      <c r="H602945" s="12"/>
    </row>
    <row r="602946" spans="8:8">
      <c r="H602946" s="12"/>
    </row>
    <row r="602947" spans="8:8">
      <c r="H602947" s="12"/>
    </row>
    <row r="602948" spans="8:8">
      <c r="H602948" s="12"/>
    </row>
    <row r="602949" spans="8:8">
      <c r="H602949" s="12"/>
    </row>
    <row r="602950" spans="8:8">
      <c r="H602950" s="12"/>
    </row>
    <row r="602951" spans="8:8">
      <c r="H602951" s="12"/>
    </row>
    <row r="602952" spans="8:8">
      <c r="H602952" s="12"/>
    </row>
    <row r="602953" spans="8:8">
      <c r="H602953" s="12"/>
    </row>
    <row r="602954" spans="8:8">
      <c r="H602954" s="12"/>
    </row>
    <row r="602955" spans="8:8">
      <c r="H602955" s="12"/>
    </row>
    <row r="602956" spans="8:8">
      <c r="H602956" s="12"/>
    </row>
    <row r="602957" spans="8:8">
      <c r="H602957" s="12"/>
    </row>
    <row r="602958" spans="8:8">
      <c r="H602958" s="12"/>
    </row>
    <row r="602959" spans="8:8">
      <c r="H602959" s="12"/>
    </row>
    <row r="602960" spans="8:8">
      <c r="H602960" s="12"/>
    </row>
    <row r="602961" spans="8:8">
      <c r="H602961" s="12"/>
    </row>
    <row r="602962" spans="8:8">
      <c r="H602962" s="12"/>
    </row>
    <row r="602963" spans="8:8">
      <c r="H602963" s="12"/>
    </row>
    <row r="602964" spans="8:8">
      <c r="H602964" s="12"/>
    </row>
    <row r="602965" spans="8:8">
      <c r="H602965" s="12"/>
    </row>
    <row r="602966" spans="8:8">
      <c r="H602966" s="12"/>
    </row>
    <row r="602967" spans="8:8">
      <c r="H602967" s="12"/>
    </row>
    <row r="602968" spans="8:8">
      <c r="H602968" s="12"/>
    </row>
    <row r="602969" spans="8:8">
      <c r="H602969" s="12"/>
    </row>
    <row r="602970" spans="8:8">
      <c r="H602970" s="12"/>
    </row>
    <row r="602971" spans="8:8">
      <c r="H602971" s="12"/>
    </row>
    <row r="602972" spans="8:8">
      <c r="H602972" s="12"/>
    </row>
    <row r="602973" spans="8:8">
      <c r="H602973" s="12"/>
    </row>
    <row r="602974" spans="8:8">
      <c r="H602974" s="12"/>
    </row>
    <row r="602975" spans="8:8">
      <c r="H602975" s="12"/>
    </row>
    <row r="602976" spans="8:8">
      <c r="H602976" s="12"/>
    </row>
    <row r="602977" spans="8:8">
      <c r="H602977" s="12"/>
    </row>
    <row r="602978" spans="8:8">
      <c r="H602978" s="12"/>
    </row>
    <row r="602979" spans="8:8">
      <c r="H602979" s="12"/>
    </row>
    <row r="602980" spans="8:8">
      <c r="H602980" s="12"/>
    </row>
    <row r="602981" spans="8:8">
      <c r="H602981" s="12"/>
    </row>
    <row r="602982" spans="8:8">
      <c r="H602982" s="12"/>
    </row>
    <row r="602983" spans="8:8">
      <c r="H602983" s="12"/>
    </row>
    <row r="602984" spans="8:8">
      <c r="H602984" s="12"/>
    </row>
    <row r="602985" spans="8:8">
      <c r="H602985" s="12"/>
    </row>
    <row r="602986" spans="8:8">
      <c r="H602986" s="12"/>
    </row>
    <row r="602987" spans="8:8">
      <c r="H602987" s="12"/>
    </row>
    <row r="602988" spans="8:8">
      <c r="H602988" s="12"/>
    </row>
    <row r="602989" spans="8:8">
      <c r="H602989" s="12"/>
    </row>
    <row r="602990" spans="8:8">
      <c r="H602990" s="12"/>
    </row>
    <row r="602991" spans="8:8">
      <c r="H602991" s="12"/>
    </row>
    <row r="602992" spans="8:8">
      <c r="H602992" s="12"/>
    </row>
    <row r="602993" spans="8:8">
      <c r="H602993" s="12"/>
    </row>
    <row r="602994" spans="8:8">
      <c r="H602994" s="12"/>
    </row>
    <row r="602995" spans="8:8">
      <c r="H602995" s="12"/>
    </row>
    <row r="602996" spans="8:8">
      <c r="H602996" s="12"/>
    </row>
    <row r="602997" spans="8:8">
      <c r="H602997" s="12"/>
    </row>
    <row r="602998" spans="8:8">
      <c r="H602998" s="12"/>
    </row>
    <row r="602999" spans="8:8">
      <c r="H602999" s="12"/>
    </row>
    <row r="603000" spans="8:8">
      <c r="H603000" s="12"/>
    </row>
    <row r="603001" spans="8:8">
      <c r="H603001" s="12"/>
    </row>
    <row r="603002" spans="8:8">
      <c r="H603002" s="12"/>
    </row>
    <row r="603003" spans="8:8">
      <c r="H603003" s="12"/>
    </row>
    <row r="603004" spans="8:8">
      <c r="H603004" s="12"/>
    </row>
    <row r="603005" spans="8:8">
      <c r="H603005" s="12"/>
    </row>
    <row r="603006" spans="8:8">
      <c r="H603006" s="12"/>
    </row>
    <row r="603007" spans="8:8">
      <c r="H603007" s="12"/>
    </row>
    <row r="603008" spans="8:8">
      <c r="H603008" s="12"/>
    </row>
    <row r="603009" spans="8:8">
      <c r="H603009" s="12"/>
    </row>
    <row r="603010" spans="8:8">
      <c r="H603010" s="12"/>
    </row>
    <row r="603011" spans="8:8">
      <c r="H603011" s="12"/>
    </row>
    <row r="603012" spans="8:8">
      <c r="H603012" s="12"/>
    </row>
    <row r="603013" spans="8:8">
      <c r="H603013" s="12"/>
    </row>
    <row r="603014" spans="8:8">
      <c r="H603014" s="12"/>
    </row>
    <row r="603015" spans="8:8">
      <c r="H603015" s="12"/>
    </row>
    <row r="603016" spans="8:8">
      <c r="H603016" s="12"/>
    </row>
    <row r="603017" spans="8:8">
      <c r="H603017" s="12"/>
    </row>
    <row r="603018" spans="8:8">
      <c r="H603018" s="12"/>
    </row>
    <row r="603019" spans="8:8">
      <c r="H603019" s="12"/>
    </row>
    <row r="603020" spans="8:8">
      <c r="H603020" s="12"/>
    </row>
    <row r="603021" spans="8:8">
      <c r="H603021" s="12"/>
    </row>
    <row r="603022" spans="8:8">
      <c r="H603022" s="12"/>
    </row>
    <row r="603023" spans="8:8">
      <c r="H603023" s="12"/>
    </row>
    <row r="603024" spans="8:8">
      <c r="H603024" s="12"/>
    </row>
    <row r="603025" spans="8:8">
      <c r="H603025" s="12"/>
    </row>
    <row r="603026" spans="8:8">
      <c r="H603026" s="12"/>
    </row>
    <row r="603027" spans="8:8">
      <c r="H603027" s="12"/>
    </row>
    <row r="603028" spans="8:8">
      <c r="H603028" s="12"/>
    </row>
    <row r="603029" spans="8:8">
      <c r="H603029" s="12"/>
    </row>
    <row r="603030" spans="8:8">
      <c r="H603030" s="12"/>
    </row>
    <row r="603031" spans="8:8">
      <c r="H603031" s="12"/>
    </row>
    <row r="603032" spans="8:8">
      <c r="H603032" s="12"/>
    </row>
    <row r="603033" spans="8:8">
      <c r="H603033" s="12"/>
    </row>
    <row r="603034" spans="8:8">
      <c r="H603034" s="12"/>
    </row>
    <row r="603035" spans="8:8">
      <c r="H603035" s="12"/>
    </row>
    <row r="603036" spans="8:8">
      <c r="H603036" s="12"/>
    </row>
    <row r="603037" spans="8:8">
      <c r="H603037" s="12"/>
    </row>
    <row r="603038" spans="8:8">
      <c r="H603038" s="12"/>
    </row>
    <row r="603039" spans="8:8">
      <c r="H603039" s="12"/>
    </row>
    <row r="603040" spans="8:8">
      <c r="H603040" s="12"/>
    </row>
    <row r="603041" spans="8:8">
      <c r="H603041" s="12"/>
    </row>
    <row r="603042" spans="8:8">
      <c r="H603042" s="12"/>
    </row>
    <row r="603043" spans="8:8">
      <c r="H603043" s="12"/>
    </row>
    <row r="603044" spans="8:8">
      <c r="H603044" s="12"/>
    </row>
    <row r="603045" spans="8:8">
      <c r="H603045" s="12"/>
    </row>
    <row r="603046" spans="8:8">
      <c r="H603046" s="12"/>
    </row>
    <row r="603047" spans="8:8">
      <c r="H603047" s="12"/>
    </row>
    <row r="603048" spans="8:8">
      <c r="H603048" s="12"/>
    </row>
    <row r="603049" spans="8:8">
      <c r="H603049" s="12"/>
    </row>
    <row r="603050" spans="8:8">
      <c r="H603050" s="12"/>
    </row>
    <row r="603051" spans="8:8">
      <c r="H603051" s="12"/>
    </row>
    <row r="603052" spans="8:8">
      <c r="H603052" s="12"/>
    </row>
    <row r="603053" spans="8:8">
      <c r="H603053" s="12"/>
    </row>
    <row r="603054" spans="8:8">
      <c r="H603054" s="12"/>
    </row>
    <row r="603055" spans="8:8">
      <c r="H603055" s="12"/>
    </row>
    <row r="603056" spans="8:8">
      <c r="H603056" s="12"/>
    </row>
    <row r="603057" spans="8:8">
      <c r="H603057" s="12"/>
    </row>
    <row r="603058" spans="8:8">
      <c r="H603058" s="12"/>
    </row>
    <row r="603059" spans="8:8">
      <c r="H603059" s="12"/>
    </row>
    <row r="603060" spans="8:8">
      <c r="H603060" s="12"/>
    </row>
    <row r="603061" spans="8:8">
      <c r="H603061" s="12"/>
    </row>
    <row r="603062" spans="8:8">
      <c r="H603062" s="12"/>
    </row>
    <row r="603063" spans="8:8">
      <c r="H603063" s="12"/>
    </row>
    <row r="603064" spans="8:8">
      <c r="H603064" s="12"/>
    </row>
    <row r="603065" spans="8:8">
      <c r="H603065" s="12"/>
    </row>
    <row r="603066" spans="8:8">
      <c r="H603066" s="12"/>
    </row>
    <row r="603067" spans="8:8">
      <c r="H603067" s="12"/>
    </row>
    <row r="603068" spans="8:8">
      <c r="H603068" s="12"/>
    </row>
    <row r="603069" spans="8:8">
      <c r="H603069" s="12"/>
    </row>
    <row r="603070" spans="8:8">
      <c r="H603070" s="12"/>
    </row>
    <row r="603071" spans="8:8">
      <c r="H603071" s="12"/>
    </row>
    <row r="603072" spans="8:8">
      <c r="H603072" s="12"/>
    </row>
    <row r="603073" spans="8:8">
      <c r="H603073" s="12"/>
    </row>
    <row r="603074" spans="8:8">
      <c r="H603074" s="12"/>
    </row>
    <row r="603075" spans="8:8">
      <c r="H603075" s="12"/>
    </row>
    <row r="603076" spans="8:8">
      <c r="H603076" s="12"/>
    </row>
    <row r="603077" spans="8:8">
      <c r="H603077" s="12"/>
    </row>
    <row r="603078" spans="8:8">
      <c r="H603078" s="12"/>
    </row>
    <row r="603079" spans="8:8">
      <c r="H603079" s="12"/>
    </row>
    <row r="603080" spans="8:8">
      <c r="H603080" s="12"/>
    </row>
    <row r="603081" spans="8:8">
      <c r="H603081" s="12"/>
    </row>
    <row r="603082" spans="8:8">
      <c r="H603082" s="12"/>
    </row>
    <row r="603083" spans="8:8">
      <c r="H603083" s="12"/>
    </row>
    <row r="603084" spans="8:8">
      <c r="H603084" s="12"/>
    </row>
    <row r="603085" spans="8:8">
      <c r="H603085" s="12"/>
    </row>
    <row r="603086" spans="8:8">
      <c r="H603086" s="12"/>
    </row>
    <row r="603087" spans="8:8">
      <c r="H603087" s="12"/>
    </row>
    <row r="603088" spans="8:8">
      <c r="H603088" s="12"/>
    </row>
    <row r="603089" spans="8:8">
      <c r="H603089" s="12"/>
    </row>
    <row r="603090" spans="8:8">
      <c r="H603090" s="12"/>
    </row>
    <row r="603091" spans="8:8">
      <c r="H603091" s="12"/>
    </row>
    <row r="603092" spans="8:8">
      <c r="H603092" s="12"/>
    </row>
    <row r="603093" spans="8:8">
      <c r="H603093" s="12"/>
    </row>
    <row r="603094" spans="8:8">
      <c r="H603094" s="12"/>
    </row>
    <row r="603095" spans="8:8">
      <c r="H603095" s="12"/>
    </row>
    <row r="603096" spans="8:8">
      <c r="H603096" s="12"/>
    </row>
    <row r="603097" spans="8:8">
      <c r="H603097" s="12"/>
    </row>
    <row r="603098" spans="8:8">
      <c r="H603098" s="12"/>
    </row>
    <row r="603099" spans="8:8">
      <c r="H603099" s="12"/>
    </row>
    <row r="603100" spans="8:8">
      <c r="H603100" s="12"/>
    </row>
    <row r="603101" spans="8:8">
      <c r="H603101" s="12"/>
    </row>
    <row r="603102" spans="8:8">
      <c r="H603102" s="12"/>
    </row>
    <row r="603103" spans="8:8">
      <c r="H603103" s="12"/>
    </row>
    <row r="603104" spans="8:8">
      <c r="H603104" s="12"/>
    </row>
    <row r="603105" spans="8:8">
      <c r="H603105" s="12"/>
    </row>
    <row r="603106" spans="8:8">
      <c r="H603106" s="12"/>
    </row>
    <row r="603107" spans="8:8">
      <c r="H603107" s="12"/>
    </row>
    <row r="603108" spans="8:8">
      <c r="H603108" s="12"/>
    </row>
    <row r="603109" spans="8:8">
      <c r="H603109" s="12"/>
    </row>
    <row r="603110" spans="8:8">
      <c r="H603110" s="12"/>
    </row>
    <row r="603111" spans="8:8">
      <c r="H603111" s="12"/>
    </row>
    <row r="603112" spans="8:8">
      <c r="H603112" s="12"/>
    </row>
    <row r="603113" spans="8:8">
      <c r="H603113" s="12"/>
    </row>
    <row r="603114" spans="8:8">
      <c r="H603114" s="12"/>
    </row>
    <row r="603115" spans="8:8">
      <c r="H603115" s="12"/>
    </row>
    <row r="603116" spans="8:8">
      <c r="H603116" s="12"/>
    </row>
    <row r="603117" spans="8:8">
      <c r="H603117" s="12"/>
    </row>
    <row r="603118" spans="8:8">
      <c r="H603118" s="12"/>
    </row>
    <row r="603119" spans="8:8">
      <c r="H603119" s="12"/>
    </row>
    <row r="603120" spans="8:8">
      <c r="H603120" s="12"/>
    </row>
    <row r="603121" spans="8:8">
      <c r="H603121" s="12"/>
    </row>
    <row r="603122" spans="8:8">
      <c r="H603122" s="12"/>
    </row>
    <row r="603123" spans="8:8">
      <c r="H603123" s="12"/>
    </row>
    <row r="603124" spans="8:8">
      <c r="H603124" s="12"/>
    </row>
    <row r="603125" spans="8:8">
      <c r="H603125" s="12"/>
    </row>
    <row r="603126" spans="8:8">
      <c r="H603126" s="12"/>
    </row>
    <row r="603127" spans="8:8">
      <c r="H603127" s="12"/>
    </row>
    <row r="603128" spans="8:8">
      <c r="H603128" s="12"/>
    </row>
    <row r="603129" spans="8:8">
      <c r="H603129" s="12"/>
    </row>
    <row r="603130" spans="8:8">
      <c r="H603130" s="12"/>
    </row>
    <row r="603131" spans="8:8">
      <c r="H603131" s="12"/>
    </row>
    <row r="603132" spans="8:8">
      <c r="H603132" s="12"/>
    </row>
    <row r="603133" spans="8:8">
      <c r="H603133" s="12"/>
    </row>
    <row r="603134" spans="8:8">
      <c r="H603134" s="12"/>
    </row>
    <row r="603135" spans="8:8">
      <c r="H603135" s="12"/>
    </row>
    <row r="603136" spans="8:8">
      <c r="H603136" s="12"/>
    </row>
    <row r="603137" spans="8:8">
      <c r="H603137" s="12"/>
    </row>
    <row r="603138" spans="8:8">
      <c r="H603138" s="12"/>
    </row>
    <row r="603139" spans="8:8">
      <c r="H603139" s="12"/>
    </row>
    <row r="603140" spans="8:8">
      <c r="H603140" s="12"/>
    </row>
    <row r="603141" spans="8:8">
      <c r="H603141" s="12"/>
    </row>
    <row r="603142" spans="8:8">
      <c r="H603142" s="12"/>
    </row>
    <row r="603143" spans="8:8">
      <c r="H603143" s="12"/>
    </row>
    <row r="603144" spans="8:8">
      <c r="H603144" s="12"/>
    </row>
    <row r="603145" spans="8:8">
      <c r="H603145" s="12"/>
    </row>
    <row r="603146" spans="8:8">
      <c r="H603146" s="12"/>
    </row>
    <row r="603147" spans="8:8">
      <c r="H603147" s="12"/>
    </row>
    <row r="603148" spans="8:8">
      <c r="H603148" s="12"/>
    </row>
    <row r="603149" spans="8:8">
      <c r="H603149" s="12"/>
    </row>
    <row r="603150" spans="8:8">
      <c r="H603150" s="12"/>
    </row>
    <row r="603151" spans="8:8">
      <c r="H603151" s="12"/>
    </row>
    <row r="603152" spans="8:8">
      <c r="H603152" s="12"/>
    </row>
    <row r="603153" spans="8:8">
      <c r="H603153" s="12"/>
    </row>
    <row r="603154" spans="8:8">
      <c r="H603154" s="12"/>
    </row>
    <row r="603155" spans="8:8">
      <c r="H603155" s="12"/>
    </row>
    <row r="603156" spans="8:8">
      <c r="H603156" s="12"/>
    </row>
    <row r="603157" spans="8:8">
      <c r="H603157" s="12"/>
    </row>
    <row r="603158" spans="8:8">
      <c r="H603158" s="12"/>
    </row>
    <row r="603159" spans="8:8">
      <c r="H603159" s="12"/>
    </row>
    <row r="603160" spans="8:8">
      <c r="H603160" s="12"/>
    </row>
    <row r="603161" spans="8:8">
      <c r="H603161" s="12"/>
    </row>
    <row r="603162" spans="8:8">
      <c r="H603162" s="12"/>
    </row>
    <row r="603163" spans="8:8">
      <c r="H603163" s="12"/>
    </row>
    <row r="603164" spans="8:8">
      <c r="H603164" s="12"/>
    </row>
    <row r="603165" spans="8:8">
      <c r="H603165" s="12"/>
    </row>
    <row r="603166" spans="8:8">
      <c r="H603166" s="12"/>
    </row>
    <row r="603167" spans="8:8">
      <c r="H603167" s="12"/>
    </row>
    <row r="603168" spans="8:8">
      <c r="H603168" s="12"/>
    </row>
    <row r="603169" spans="8:8">
      <c r="H603169" s="12"/>
    </row>
    <row r="603170" spans="8:8">
      <c r="H603170" s="12"/>
    </row>
    <row r="603171" spans="8:8">
      <c r="H603171" s="12"/>
    </row>
    <row r="603172" spans="8:8">
      <c r="H603172" s="12"/>
    </row>
    <row r="603173" spans="8:8">
      <c r="H603173" s="12"/>
    </row>
    <row r="603174" spans="8:8">
      <c r="H603174" s="12"/>
    </row>
    <row r="603175" spans="8:8">
      <c r="H603175" s="12"/>
    </row>
    <row r="603176" spans="8:8">
      <c r="H603176" s="12"/>
    </row>
    <row r="603177" spans="8:8">
      <c r="H603177" s="12"/>
    </row>
    <row r="603178" spans="8:8">
      <c r="H603178" s="12"/>
    </row>
    <row r="603179" spans="8:8">
      <c r="H603179" s="12"/>
    </row>
    <row r="603180" spans="8:8">
      <c r="H603180" s="12"/>
    </row>
    <row r="603181" spans="8:8">
      <c r="H603181" s="12"/>
    </row>
    <row r="603182" spans="8:8">
      <c r="H603182" s="12"/>
    </row>
    <row r="603183" spans="8:8">
      <c r="H603183" s="12"/>
    </row>
    <row r="603184" spans="8:8">
      <c r="H603184" s="12"/>
    </row>
    <row r="603185" spans="8:8">
      <c r="H603185" s="12"/>
    </row>
    <row r="603186" spans="8:8">
      <c r="H603186" s="12"/>
    </row>
    <row r="603187" spans="8:8">
      <c r="H603187" s="12"/>
    </row>
    <row r="603188" spans="8:8">
      <c r="H603188" s="12"/>
    </row>
    <row r="603189" spans="8:8">
      <c r="H603189" s="12"/>
    </row>
    <row r="603190" spans="8:8">
      <c r="H603190" s="12"/>
    </row>
    <row r="603191" spans="8:8">
      <c r="H603191" s="12"/>
    </row>
    <row r="603192" spans="8:8">
      <c r="H603192" s="12"/>
    </row>
    <row r="603193" spans="8:8">
      <c r="H603193" s="12"/>
    </row>
    <row r="603194" spans="8:8">
      <c r="H603194" s="12"/>
    </row>
    <row r="603195" spans="8:8">
      <c r="H603195" s="12"/>
    </row>
    <row r="603196" spans="8:8">
      <c r="H603196" s="12"/>
    </row>
    <row r="603197" spans="8:8">
      <c r="H603197" s="12"/>
    </row>
    <row r="603198" spans="8:8">
      <c r="H603198" s="12"/>
    </row>
    <row r="603199" spans="8:8">
      <c r="H603199" s="12"/>
    </row>
    <row r="603200" spans="8:8">
      <c r="H603200" s="12"/>
    </row>
    <row r="603201" spans="8:8">
      <c r="H603201" s="12"/>
    </row>
    <row r="603202" spans="8:8">
      <c r="H603202" s="12"/>
    </row>
    <row r="603203" spans="8:8">
      <c r="H603203" s="12"/>
    </row>
    <row r="603204" spans="8:8">
      <c r="H603204" s="12"/>
    </row>
    <row r="603205" spans="8:8">
      <c r="H603205" s="12"/>
    </row>
    <row r="603206" spans="8:8">
      <c r="H603206" s="12"/>
    </row>
    <row r="603207" spans="8:8">
      <c r="H603207" s="12"/>
    </row>
    <row r="603208" spans="8:8">
      <c r="H603208" s="12"/>
    </row>
    <row r="603209" spans="8:8">
      <c r="H603209" s="12"/>
    </row>
    <row r="603210" spans="8:8">
      <c r="H603210" s="12"/>
    </row>
    <row r="603211" spans="8:8">
      <c r="H603211" s="12"/>
    </row>
    <row r="603212" spans="8:8">
      <c r="H603212" s="12"/>
    </row>
    <row r="603213" spans="8:8">
      <c r="H603213" s="12"/>
    </row>
    <row r="603214" spans="8:8">
      <c r="H603214" s="12"/>
    </row>
    <row r="603215" spans="8:8">
      <c r="H603215" s="12"/>
    </row>
    <row r="603216" spans="8:8">
      <c r="H603216" s="12"/>
    </row>
    <row r="603217" spans="8:8">
      <c r="H603217" s="12"/>
    </row>
    <row r="603218" spans="8:8">
      <c r="H603218" s="12"/>
    </row>
    <row r="603219" spans="8:8">
      <c r="H603219" s="12"/>
    </row>
    <row r="603220" spans="8:8">
      <c r="H603220" s="12"/>
    </row>
    <row r="603221" spans="8:8">
      <c r="H603221" s="12"/>
    </row>
    <row r="603222" spans="8:8">
      <c r="H603222" s="12"/>
    </row>
    <row r="603223" spans="8:8">
      <c r="H603223" s="12"/>
    </row>
    <row r="603224" spans="8:8">
      <c r="H603224" s="12"/>
    </row>
    <row r="603225" spans="8:8">
      <c r="H603225" s="12"/>
    </row>
    <row r="603226" spans="8:8">
      <c r="H603226" s="12"/>
    </row>
    <row r="603227" spans="8:8">
      <c r="H603227" s="12"/>
    </row>
    <row r="603228" spans="8:8">
      <c r="H603228" s="12"/>
    </row>
    <row r="603229" spans="8:8">
      <c r="H603229" s="12"/>
    </row>
    <row r="603230" spans="8:8">
      <c r="H603230" s="12"/>
    </row>
    <row r="603231" spans="8:8">
      <c r="H603231" s="12"/>
    </row>
    <row r="603232" spans="8:8">
      <c r="H603232" s="12"/>
    </row>
    <row r="603233" spans="8:8">
      <c r="H603233" s="12"/>
    </row>
    <row r="603234" spans="8:8">
      <c r="H603234" s="12"/>
    </row>
    <row r="603235" spans="8:8">
      <c r="H603235" s="12"/>
    </row>
    <row r="603236" spans="8:8">
      <c r="H603236" s="12"/>
    </row>
    <row r="603237" spans="8:8">
      <c r="H603237" s="12"/>
    </row>
    <row r="603238" spans="8:8">
      <c r="H603238" s="12"/>
    </row>
    <row r="603239" spans="8:8">
      <c r="H603239" s="12"/>
    </row>
    <row r="603240" spans="8:8">
      <c r="H603240" s="12"/>
    </row>
    <row r="603241" spans="8:8">
      <c r="H603241" s="12"/>
    </row>
    <row r="603242" spans="8:8">
      <c r="H603242" s="12"/>
    </row>
    <row r="603243" spans="8:8">
      <c r="H603243" s="12"/>
    </row>
    <row r="603244" spans="8:8">
      <c r="H603244" s="12"/>
    </row>
    <row r="603245" spans="8:8">
      <c r="H603245" s="12"/>
    </row>
    <row r="603246" spans="8:8">
      <c r="H603246" s="12"/>
    </row>
    <row r="603247" spans="8:8">
      <c r="H603247" s="12"/>
    </row>
    <row r="603248" spans="8:8">
      <c r="H603248" s="12"/>
    </row>
    <row r="603249" spans="8:8">
      <c r="H603249" s="12"/>
    </row>
    <row r="603250" spans="8:8">
      <c r="H603250" s="12"/>
    </row>
    <row r="603251" spans="8:8">
      <c r="H603251" s="12"/>
    </row>
    <row r="603252" spans="8:8">
      <c r="H603252" s="12"/>
    </row>
    <row r="603253" spans="8:8">
      <c r="H603253" s="12"/>
    </row>
    <row r="603254" spans="8:8">
      <c r="H603254" s="12"/>
    </row>
    <row r="603255" spans="8:8">
      <c r="H603255" s="12"/>
    </row>
    <row r="603256" spans="8:8">
      <c r="H603256" s="12"/>
    </row>
    <row r="603257" spans="8:8">
      <c r="H603257" s="12"/>
    </row>
    <row r="603258" spans="8:8">
      <c r="H603258" s="12"/>
    </row>
    <row r="603259" spans="8:8">
      <c r="H603259" s="12"/>
    </row>
    <row r="603260" spans="8:8">
      <c r="H603260" s="12"/>
    </row>
    <row r="603261" spans="8:8">
      <c r="H603261" s="12"/>
    </row>
    <row r="603262" spans="8:8">
      <c r="H603262" s="12"/>
    </row>
    <row r="603263" spans="8:8">
      <c r="H603263" s="12"/>
    </row>
    <row r="603264" spans="8:8">
      <c r="H603264" s="12"/>
    </row>
    <row r="603265" spans="8:8">
      <c r="H603265" s="12"/>
    </row>
    <row r="603266" spans="8:8">
      <c r="H603266" s="12"/>
    </row>
    <row r="603267" spans="8:8">
      <c r="H603267" s="12"/>
    </row>
    <row r="603268" spans="8:8">
      <c r="H603268" s="12"/>
    </row>
    <row r="603269" spans="8:8">
      <c r="H603269" s="12"/>
    </row>
    <row r="603270" spans="8:8">
      <c r="H603270" s="12"/>
    </row>
    <row r="603271" spans="8:8">
      <c r="H603271" s="12"/>
    </row>
    <row r="603272" spans="8:8">
      <c r="H603272" s="12"/>
    </row>
    <row r="603273" spans="8:8">
      <c r="H603273" s="12"/>
    </row>
    <row r="603274" spans="8:8">
      <c r="H603274" s="12"/>
    </row>
    <row r="603275" spans="8:8">
      <c r="H603275" s="12"/>
    </row>
    <row r="603276" spans="8:8">
      <c r="H603276" s="12"/>
    </row>
    <row r="603277" spans="8:8">
      <c r="H603277" s="12"/>
    </row>
    <row r="603278" spans="8:8">
      <c r="H603278" s="12"/>
    </row>
    <row r="603279" spans="8:8">
      <c r="H603279" s="12"/>
    </row>
    <row r="603280" spans="8:8">
      <c r="H603280" s="12"/>
    </row>
    <row r="603281" spans="8:8">
      <c r="H603281" s="12"/>
    </row>
    <row r="603282" spans="8:8">
      <c r="H603282" s="12"/>
    </row>
    <row r="603283" spans="8:8">
      <c r="H603283" s="12"/>
    </row>
    <row r="603284" spans="8:8">
      <c r="H603284" s="12"/>
    </row>
    <row r="603285" spans="8:8">
      <c r="H603285" s="12"/>
    </row>
    <row r="603286" spans="8:8">
      <c r="H603286" s="12"/>
    </row>
    <row r="603287" spans="8:8">
      <c r="H603287" s="12"/>
    </row>
    <row r="603288" spans="8:8">
      <c r="H603288" s="12"/>
    </row>
    <row r="603289" spans="8:8">
      <c r="H603289" s="12"/>
    </row>
    <row r="603290" spans="8:8">
      <c r="H603290" s="12"/>
    </row>
    <row r="603291" spans="8:8">
      <c r="H603291" s="12"/>
    </row>
    <row r="603292" spans="8:8">
      <c r="H603292" s="12"/>
    </row>
    <row r="603293" spans="8:8">
      <c r="H603293" s="12"/>
    </row>
    <row r="603294" spans="8:8">
      <c r="H603294" s="12"/>
    </row>
    <row r="603295" spans="8:8">
      <c r="H603295" s="12"/>
    </row>
    <row r="603296" spans="8:8">
      <c r="H603296" s="12"/>
    </row>
    <row r="603297" spans="8:8">
      <c r="H603297" s="12"/>
    </row>
    <row r="603298" spans="8:8">
      <c r="H603298" s="12"/>
    </row>
    <row r="603299" spans="8:8">
      <c r="H603299" s="12"/>
    </row>
    <row r="603300" spans="8:8">
      <c r="H603300" s="12"/>
    </row>
    <row r="603301" spans="8:8">
      <c r="H603301" s="12"/>
    </row>
    <row r="603302" spans="8:8">
      <c r="H603302" s="12"/>
    </row>
    <row r="603303" spans="8:8">
      <c r="H603303" s="12"/>
    </row>
    <row r="603304" spans="8:8">
      <c r="H603304" s="12"/>
    </row>
    <row r="603305" spans="8:8">
      <c r="H603305" s="12"/>
    </row>
    <row r="603306" spans="8:8">
      <c r="H603306" s="12"/>
    </row>
    <row r="603307" spans="8:8">
      <c r="H603307" s="12"/>
    </row>
    <row r="603308" spans="8:8">
      <c r="H603308" s="12"/>
    </row>
    <row r="603309" spans="8:8">
      <c r="H603309" s="12"/>
    </row>
    <row r="603310" spans="8:8">
      <c r="H603310" s="12"/>
    </row>
    <row r="603311" spans="8:8">
      <c r="H603311" s="12"/>
    </row>
    <row r="603312" spans="8:8">
      <c r="H603312" s="12"/>
    </row>
    <row r="603313" spans="8:8">
      <c r="H603313" s="12"/>
    </row>
    <row r="603314" spans="8:8">
      <c r="H603314" s="12"/>
    </row>
    <row r="603315" spans="8:8">
      <c r="H603315" s="12"/>
    </row>
    <row r="603316" spans="8:8">
      <c r="H603316" s="12"/>
    </row>
    <row r="603317" spans="8:8">
      <c r="H603317" s="12"/>
    </row>
    <row r="603318" spans="8:8">
      <c r="H603318" s="12"/>
    </row>
    <row r="603319" spans="8:8">
      <c r="H603319" s="12"/>
    </row>
    <row r="603320" spans="8:8">
      <c r="H603320" s="12"/>
    </row>
    <row r="603321" spans="8:8">
      <c r="H603321" s="12"/>
    </row>
    <row r="603322" spans="8:8">
      <c r="H603322" s="12"/>
    </row>
    <row r="603323" spans="8:8">
      <c r="H603323" s="12"/>
    </row>
    <row r="603324" spans="8:8">
      <c r="H603324" s="12"/>
    </row>
    <row r="603325" spans="8:8">
      <c r="H603325" s="12"/>
    </row>
    <row r="603326" spans="8:8">
      <c r="H603326" s="12"/>
    </row>
    <row r="603327" spans="8:8">
      <c r="H603327" s="12"/>
    </row>
    <row r="603328" spans="8:8">
      <c r="H603328" s="12"/>
    </row>
    <row r="603329" spans="8:8">
      <c r="H603329" s="12"/>
    </row>
    <row r="603330" spans="8:8">
      <c r="H603330" s="12"/>
    </row>
    <row r="603331" spans="8:8">
      <c r="H603331" s="12"/>
    </row>
    <row r="603332" spans="8:8">
      <c r="H603332" s="12"/>
    </row>
    <row r="603333" spans="8:8">
      <c r="H603333" s="12"/>
    </row>
    <row r="603334" spans="8:8">
      <c r="H603334" s="12"/>
    </row>
    <row r="603335" spans="8:8">
      <c r="H603335" s="12"/>
    </row>
    <row r="603336" spans="8:8">
      <c r="H603336" s="12"/>
    </row>
    <row r="603337" spans="8:8">
      <c r="H603337" s="12"/>
    </row>
    <row r="603338" spans="8:8">
      <c r="H603338" s="12"/>
    </row>
    <row r="603339" spans="8:8">
      <c r="H603339" s="12"/>
    </row>
    <row r="603340" spans="8:8">
      <c r="H603340" s="12"/>
    </row>
    <row r="603341" spans="8:8">
      <c r="H603341" s="12"/>
    </row>
    <row r="603342" spans="8:8">
      <c r="H603342" s="12"/>
    </row>
    <row r="603343" spans="8:8">
      <c r="H603343" s="12"/>
    </row>
    <row r="603344" spans="8:8">
      <c r="H603344" s="12"/>
    </row>
    <row r="603345" spans="8:8">
      <c r="H603345" s="12"/>
    </row>
    <row r="603346" spans="8:8">
      <c r="H603346" s="12"/>
    </row>
    <row r="603347" spans="8:8">
      <c r="H603347" s="12"/>
    </row>
    <row r="603348" spans="8:8">
      <c r="H603348" s="12"/>
    </row>
    <row r="603349" spans="8:8">
      <c r="H603349" s="12"/>
    </row>
    <row r="603350" spans="8:8">
      <c r="H603350" s="12"/>
    </row>
    <row r="603351" spans="8:8">
      <c r="H603351" s="12"/>
    </row>
    <row r="603352" spans="8:8">
      <c r="H603352" s="12"/>
    </row>
    <row r="603353" spans="8:8">
      <c r="H603353" s="12"/>
    </row>
    <row r="603354" spans="8:8">
      <c r="H603354" s="12"/>
    </row>
    <row r="603355" spans="8:8">
      <c r="H603355" s="12"/>
    </row>
    <row r="603356" spans="8:8">
      <c r="H603356" s="12"/>
    </row>
    <row r="603357" spans="8:8">
      <c r="H603357" s="12"/>
    </row>
    <row r="603358" spans="8:8">
      <c r="H603358" s="12"/>
    </row>
    <row r="603359" spans="8:8">
      <c r="H603359" s="12"/>
    </row>
    <row r="603360" spans="8:8">
      <c r="H603360" s="12"/>
    </row>
    <row r="603361" spans="8:8">
      <c r="H603361" s="12"/>
    </row>
    <row r="603362" spans="8:8">
      <c r="H603362" s="12"/>
    </row>
    <row r="603363" spans="8:8">
      <c r="H603363" s="12"/>
    </row>
    <row r="603364" spans="8:8">
      <c r="H603364" s="12"/>
    </row>
    <row r="603365" spans="8:8">
      <c r="H603365" s="12"/>
    </row>
    <row r="603366" spans="8:8">
      <c r="H603366" s="12"/>
    </row>
    <row r="603367" spans="8:8">
      <c r="H603367" s="12"/>
    </row>
    <row r="603368" spans="8:8">
      <c r="H603368" s="12"/>
    </row>
    <row r="603369" spans="8:8">
      <c r="H603369" s="12"/>
    </row>
    <row r="603370" spans="8:8">
      <c r="H603370" s="12"/>
    </row>
    <row r="603371" spans="8:8">
      <c r="H603371" s="12"/>
    </row>
    <row r="603372" spans="8:8">
      <c r="H603372" s="12"/>
    </row>
    <row r="603373" spans="8:8">
      <c r="H603373" s="12"/>
    </row>
    <row r="603374" spans="8:8">
      <c r="H603374" s="12"/>
    </row>
    <row r="603375" spans="8:8">
      <c r="H603375" s="12"/>
    </row>
    <row r="603376" spans="8:8">
      <c r="H603376" s="12"/>
    </row>
    <row r="603377" spans="8:8">
      <c r="H603377" s="12"/>
    </row>
    <row r="603378" spans="8:8">
      <c r="H603378" s="12"/>
    </row>
    <row r="603379" spans="8:8">
      <c r="H603379" s="12"/>
    </row>
    <row r="603380" spans="8:8">
      <c r="H603380" s="12"/>
    </row>
    <row r="603381" spans="8:8">
      <c r="H603381" s="12"/>
    </row>
    <row r="603382" spans="8:8">
      <c r="H603382" s="12"/>
    </row>
    <row r="603383" spans="8:8">
      <c r="H603383" s="12"/>
    </row>
    <row r="603384" spans="8:8">
      <c r="H603384" s="12"/>
    </row>
    <row r="603385" spans="8:8">
      <c r="H603385" s="12"/>
    </row>
    <row r="603386" spans="8:8">
      <c r="H603386" s="12"/>
    </row>
    <row r="603387" spans="8:8">
      <c r="H603387" s="12"/>
    </row>
    <row r="603388" spans="8:8">
      <c r="H603388" s="12"/>
    </row>
    <row r="603389" spans="8:8">
      <c r="H603389" s="12"/>
    </row>
    <row r="603390" spans="8:8">
      <c r="H603390" s="12"/>
    </row>
    <row r="603391" spans="8:8">
      <c r="H603391" s="12"/>
    </row>
    <row r="603392" spans="8:8">
      <c r="H603392" s="12"/>
    </row>
    <row r="603393" spans="8:8">
      <c r="H603393" s="12"/>
    </row>
    <row r="603394" spans="8:8">
      <c r="H603394" s="12"/>
    </row>
    <row r="603395" spans="8:8">
      <c r="H603395" s="12"/>
    </row>
    <row r="603396" spans="8:8">
      <c r="H603396" s="12"/>
    </row>
    <row r="603397" spans="8:8">
      <c r="H603397" s="12"/>
    </row>
    <row r="603398" spans="8:8">
      <c r="H603398" s="12"/>
    </row>
    <row r="603399" spans="8:8">
      <c r="H603399" s="12"/>
    </row>
    <row r="603400" spans="8:8">
      <c r="H603400" s="12"/>
    </row>
    <row r="603401" spans="8:8">
      <c r="H603401" s="12"/>
    </row>
    <row r="603402" spans="8:8">
      <c r="H603402" s="12"/>
    </row>
    <row r="603403" spans="8:8">
      <c r="H603403" s="12"/>
    </row>
    <row r="603404" spans="8:8">
      <c r="H603404" s="12"/>
    </row>
    <row r="603405" spans="8:8">
      <c r="H603405" s="12"/>
    </row>
    <row r="603406" spans="8:8">
      <c r="H603406" s="12"/>
    </row>
    <row r="603407" spans="8:8">
      <c r="H603407" s="12"/>
    </row>
    <row r="603408" spans="8:8">
      <c r="H603408" s="12"/>
    </row>
    <row r="603409" spans="8:8">
      <c r="H603409" s="12"/>
    </row>
    <row r="603410" spans="8:8">
      <c r="H603410" s="12"/>
    </row>
    <row r="603411" spans="8:8">
      <c r="H603411" s="12"/>
    </row>
    <row r="603412" spans="8:8">
      <c r="H603412" s="12"/>
    </row>
    <row r="603413" spans="8:8">
      <c r="H603413" s="12"/>
    </row>
    <row r="603414" spans="8:8">
      <c r="H603414" s="12"/>
    </row>
    <row r="603415" spans="8:8">
      <c r="H603415" s="12"/>
    </row>
    <row r="603416" spans="8:8">
      <c r="H603416" s="12"/>
    </row>
    <row r="603417" spans="8:8">
      <c r="H603417" s="12"/>
    </row>
    <row r="603418" spans="8:8">
      <c r="H603418" s="12"/>
    </row>
    <row r="603419" spans="8:8">
      <c r="H603419" s="12"/>
    </row>
    <row r="603420" spans="8:8">
      <c r="H603420" s="12"/>
    </row>
    <row r="603421" spans="8:8">
      <c r="H603421" s="12"/>
    </row>
    <row r="603422" spans="8:8">
      <c r="H603422" s="12"/>
    </row>
    <row r="603423" spans="8:8">
      <c r="H603423" s="12"/>
    </row>
    <row r="603424" spans="8:8">
      <c r="H603424" s="12"/>
    </row>
    <row r="603425" spans="8:8">
      <c r="H603425" s="12"/>
    </row>
    <row r="603426" spans="8:8">
      <c r="H603426" s="12"/>
    </row>
    <row r="603427" spans="8:8">
      <c r="H603427" s="12"/>
    </row>
    <row r="603428" spans="8:8">
      <c r="H603428" s="12"/>
    </row>
    <row r="603429" spans="8:8">
      <c r="H603429" s="12"/>
    </row>
    <row r="603430" spans="8:8">
      <c r="H603430" s="12"/>
    </row>
    <row r="603431" spans="8:8">
      <c r="H603431" s="12"/>
    </row>
    <row r="603432" spans="8:8">
      <c r="H603432" s="12"/>
    </row>
    <row r="603433" spans="8:8">
      <c r="H603433" s="12"/>
    </row>
    <row r="603434" spans="8:8">
      <c r="H603434" s="12"/>
    </row>
    <row r="603435" spans="8:8">
      <c r="H603435" s="12"/>
    </row>
    <row r="603436" spans="8:8">
      <c r="H603436" s="12"/>
    </row>
    <row r="603437" spans="8:8">
      <c r="H603437" s="12"/>
    </row>
    <row r="603438" spans="8:8">
      <c r="H603438" s="12"/>
    </row>
    <row r="603439" spans="8:8">
      <c r="H603439" s="12"/>
    </row>
    <row r="603440" spans="8:8">
      <c r="H603440" s="12"/>
    </row>
    <row r="603441" spans="8:8">
      <c r="H603441" s="12"/>
    </row>
    <row r="603442" spans="8:8">
      <c r="H603442" s="12"/>
    </row>
    <row r="603443" spans="8:8">
      <c r="H603443" s="12"/>
    </row>
    <row r="603444" spans="8:8">
      <c r="H603444" s="12"/>
    </row>
    <row r="603445" spans="8:8">
      <c r="H603445" s="12"/>
    </row>
    <row r="603446" spans="8:8">
      <c r="H603446" s="12"/>
    </row>
    <row r="603447" spans="8:8">
      <c r="H603447" s="12"/>
    </row>
    <row r="603448" spans="8:8">
      <c r="H603448" s="12"/>
    </row>
    <row r="603449" spans="8:8">
      <c r="H603449" s="12"/>
    </row>
    <row r="603450" spans="8:8">
      <c r="H603450" s="12"/>
    </row>
    <row r="603451" spans="8:8">
      <c r="H603451" s="12"/>
    </row>
    <row r="603452" spans="8:8">
      <c r="H603452" s="12"/>
    </row>
    <row r="603453" spans="8:8">
      <c r="H603453" s="12"/>
    </row>
    <row r="603454" spans="8:8">
      <c r="H603454" s="12"/>
    </row>
    <row r="603455" spans="8:8">
      <c r="H603455" s="12"/>
    </row>
    <row r="603456" spans="8:8">
      <c r="H603456" s="12"/>
    </row>
    <row r="603457" spans="8:8">
      <c r="H603457" s="12"/>
    </row>
    <row r="603458" spans="8:8">
      <c r="H603458" s="12"/>
    </row>
    <row r="603459" spans="8:8">
      <c r="H603459" s="12"/>
    </row>
    <row r="603460" spans="8:8">
      <c r="H603460" s="12"/>
    </row>
    <row r="603461" spans="8:8">
      <c r="H603461" s="12"/>
    </row>
    <row r="603462" spans="8:8">
      <c r="H603462" s="12"/>
    </row>
    <row r="603463" spans="8:8">
      <c r="H603463" s="12"/>
    </row>
    <row r="603464" spans="8:8">
      <c r="H603464" s="12"/>
    </row>
    <row r="603465" spans="8:8">
      <c r="H603465" s="12"/>
    </row>
    <row r="603466" spans="8:8">
      <c r="H603466" s="12"/>
    </row>
    <row r="603467" spans="8:8">
      <c r="H603467" s="12"/>
    </row>
    <row r="603468" spans="8:8">
      <c r="H603468" s="12"/>
    </row>
    <row r="603469" spans="8:8">
      <c r="H603469" s="12"/>
    </row>
    <row r="603470" spans="8:8">
      <c r="H603470" s="12"/>
    </row>
    <row r="603471" spans="8:8">
      <c r="H603471" s="12"/>
    </row>
    <row r="603472" spans="8:8">
      <c r="H603472" s="12"/>
    </row>
    <row r="603473" spans="8:8">
      <c r="H603473" s="12"/>
    </row>
    <row r="603474" spans="8:8">
      <c r="H603474" s="12"/>
    </row>
    <row r="603475" spans="8:8">
      <c r="H603475" s="12"/>
    </row>
    <row r="603476" spans="8:8">
      <c r="H603476" s="12"/>
    </row>
    <row r="603477" spans="8:8">
      <c r="H603477" s="12"/>
    </row>
    <row r="603478" spans="8:8">
      <c r="H603478" s="12"/>
    </row>
    <row r="603479" spans="8:8">
      <c r="H603479" s="12"/>
    </row>
    <row r="603480" spans="8:8">
      <c r="H603480" s="12"/>
    </row>
    <row r="603481" spans="8:8">
      <c r="H603481" s="12"/>
    </row>
    <row r="603482" spans="8:8">
      <c r="H603482" s="12"/>
    </row>
    <row r="603483" spans="8:8">
      <c r="H603483" s="12"/>
    </row>
    <row r="603484" spans="8:8">
      <c r="H603484" s="12"/>
    </row>
    <row r="603485" spans="8:8">
      <c r="H603485" s="12"/>
    </row>
    <row r="603486" spans="8:8">
      <c r="H603486" s="12"/>
    </row>
    <row r="603487" spans="8:8">
      <c r="H603487" s="12"/>
    </row>
    <row r="603488" spans="8:8">
      <c r="H603488" s="12"/>
    </row>
    <row r="603489" spans="8:8">
      <c r="H603489" s="12"/>
    </row>
    <row r="603490" spans="8:8">
      <c r="H603490" s="12"/>
    </row>
    <row r="603491" spans="8:8">
      <c r="H603491" s="12"/>
    </row>
    <row r="603492" spans="8:8">
      <c r="H603492" s="12"/>
    </row>
    <row r="603493" spans="8:8">
      <c r="H603493" s="12"/>
    </row>
    <row r="603494" spans="8:8">
      <c r="H603494" s="12"/>
    </row>
    <row r="603495" spans="8:8">
      <c r="H603495" s="12"/>
    </row>
    <row r="603496" spans="8:8">
      <c r="H603496" s="12"/>
    </row>
    <row r="603497" spans="8:8">
      <c r="H603497" s="12"/>
    </row>
    <row r="603498" spans="8:8">
      <c r="H603498" s="12"/>
    </row>
    <row r="603499" spans="8:8">
      <c r="H603499" s="12"/>
    </row>
    <row r="603500" spans="8:8">
      <c r="H603500" s="12"/>
    </row>
    <row r="603501" spans="8:8">
      <c r="H603501" s="12"/>
    </row>
    <row r="603502" spans="8:8">
      <c r="H603502" s="12"/>
    </row>
    <row r="603503" spans="8:8">
      <c r="H603503" s="12"/>
    </row>
    <row r="603504" spans="8:8">
      <c r="H603504" s="12"/>
    </row>
    <row r="603505" spans="8:8">
      <c r="H603505" s="12"/>
    </row>
    <row r="603506" spans="8:8">
      <c r="H603506" s="12"/>
    </row>
    <row r="603507" spans="8:8">
      <c r="H603507" s="12"/>
    </row>
    <row r="603508" spans="8:8">
      <c r="H603508" s="12"/>
    </row>
    <row r="603509" spans="8:8">
      <c r="H603509" s="12"/>
    </row>
    <row r="603510" spans="8:8">
      <c r="H603510" s="12"/>
    </row>
    <row r="603511" spans="8:8">
      <c r="H603511" s="12"/>
    </row>
    <row r="603512" spans="8:8">
      <c r="H603512" s="12"/>
    </row>
    <row r="603513" spans="8:8">
      <c r="H603513" s="12"/>
    </row>
    <row r="603514" spans="8:8">
      <c r="H603514" s="12"/>
    </row>
    <row r="603515" spans="8:8">
      <c r="H603515" s="12"/>
    </row>
    <row r="603516" spans="8:8">
      <c r="H603516" s="12"/>
    </row>
    <row r="603517" spans="8:8">
      <c r="H603517" s="12"/>
    </row>
    <row r="603518" spans="8:8">
      <c r="H603518" s="12"/>
    </row>
    <row r="603519" spans="8:8">
      <c r="H603519" s="12"/>
    </row>
    <row r="603520" spans="8:8">
      <c r="H603520" s="12"/>
    </row>
    <row r="603521" spans="8:8">
      <c r="H603521" s="12"/>
    </row>
    <row r="603522" spans="8:8">
      <c r="H603522" s="12"/>
    </row>
    <row r="603523" spans="8:8">
      <c r="H603523" s="12"/>
    </row>
    <row r="603524" spans="8:8">
      <c r="H603524" s="12"/>
    </row>
    <row r="603525" spans="8:8">
      <c r="H603525" s="12"/>
    </row>
    <row r="603526" spans="8:8">
      <c r="H603526" s="12"/>
    </row>
    <row r="603527" spans="8:8">
      <c r="H603527" s="12"/>
    </row>
    <row r="603528" spans="8:8">
      <c r="H603528" s="12"/>
    </row>
    <row r="603529" spans="8:8">
      <c r="H603529" s="12"/>
    </row>
    <row r="603530" spans="8:8">
      <c r="H603530" s="12"/>
    </row>
    <row r="603531" spans="8:8">
      <c r="H603531" s="12"/>
    </row>
    <row r="603532" spans="8:8">
      <c r="H603532" s="12"/>
    </row>
    <row r="603533" spans="8:8">
      <c r="H603533" s="12"/>
    </row>
    <row r="603534" spans="8:8">
      <c r="H603534" s="12"/>
    </row>
    <row r="603535" spans="8:8">
      <c r="H603535" s="12"/>
    </row>
    <row r="603536" spans="8:8">
      <c r="H603536" s="12"/>
    </row>
    <row r="603537" spans="8:8">
      <c r="H603537" s="12"/>
    </row>
    <row r="603538" spans="8:8">
      <c r="H603538" s="12"/>
    </row>
    <row r="603539" spans="8:8">
      <c r="H603539" s="12"/>
    </row>
    <row r="603540" spans="8:8">
      <c r="H603540" s="12"/>
    </row>
    <row r="603541" spans="8:8">
      <c r="H603541" s="12"/>
    </row>
    <row r="603542" spans="8:8">
      <c r="H603542" s="12"/>
    </row>
    <row r="603543" spans="8:8">
      <c r="H603543" s="12"/>
    </row>
    <row r="603544" spans="8:8">
      <c r="H603544" s="12"/>
    </row>
    <row r="603545" spans="8:8">
      <c r="H603545" s="12"/>
    </row>
    <row r="603546" spans="8:8">
      <c r="H603546" s="12"/>
    </row>
    <row r="603547" spans="8:8">
      <c r="H603547" s="12"/>
    </row>
    <row r="603548" spans="8:8">
      <c r="H603548" s="12"/>
    </row>
    <row r="603549" spans="8:8">
      <c r="H603549" s="12"/>
    </row>
    <row r="603550" spans="8:8">
      <c r="H603550" s="12"/>
    </row>
    <row r="603551" spans="8:8">
      <c r="H603551" s="12"/>
    </row>
    <row r="603552" spans="8:8">
      <c r="H603552" s="12"/>
    </row>
    <row r="603553" spans="8:8">
      <c r="H603553" s="12"/>
    </row>
    <row r="603554" spans="8:8">
      <c r="H603554" s="12"/>
    </row>
    <row r="603555" spans="8:8">
      <c r="H603555" s="12"/>
    </row>
    <row r="603556" spans="8:8">
      <c r="H603556" s="12"/>
    </row>
    <row r="603557" spans="8:8">
      <c r="H603557" s="12"/>
    </row>
    <row r="603558" spans="8:8">
      <c r="H603558" s="12"/>
    </row>
    <row r="603559" spans="8:8">
      <c r="H603559" s="12"/>
    </row>
    <row r="603560" spans="8:8">
      <c r="H603560" s="12"/>
    </row>
    <row r="603561" spans="8:8">
      <c r="H603561" s="12"/>
    </row>
    <row r="603562" spans="8:8">
      <c r="H603562" s="12"/>
    </row>
    <row r="603563" spans="8:8">
      <c r="H603563" s="12"/>
    </row>
    <row r="603564" spans="8:8">
      <c r="H603564" s="12"/>
    </row>
    <row r="603565" spans="8:8">
      <c r="H603565" s="12"/>
    </row>
    <row r="603566" spans="8:8">
      <c r="H603566" s="12"/>
    </row>
    <row r="603567" spans="8:8">
      <c r="H603567" s="12"/>
    </row>
    <row r="603568" spans="8:8">
      <c r="H603568" s="12"/>
    </row>
    <row r="603569" spans="8:8">
      <c r="H603569" s="12"/>
    </row>
    <row r="603570" spans="8:8">
      <c r="H603570" s="12"/>
    </row>
    <row r="603571" spans="8:8">
      <c r="H603571" s="12"/>
    </row>
    <row r="603572" spans="8:8">
      <c r="H603572" s="12"/>
    </row>
    <row r="603573" spans="8:8">
      <c r="H603573" s="12"/>
    </row>
    <row r="603574" spans="8:8">
      <c r="H603574" s="12"/>
    </row>
    <row r="603575" spans="8:8">
      <c r="H603575" s="12"/>
    </row>
    <row r="603576" spans="8:8">
      <c r="H603576" s="12"/>
    </row>
    <row r="603577" spans="8:8">
      <c r="H603577" s="12"/>
    </row>
    <row r="603578" spans="8:8">
      <c r="H603578" s="12"/>
    </row>
    <row r="603579" spans="8:8">
      <c r="H603579" s="12"/>
    </row>
    <row r="603580" spans="8:8">
      <c r="H603580" s="12"/>
    </row>
    <row r="603581" spans="8:8">
      <c r="H603581" s="12"/>
    </row>
    <row r="603582" spans="8:8">
      <c r="H603582" s="12"/>
    </row>
    <row r="603583" spans="8:8">
      <c r="H603583" s="12"/>
    </row>
    <row r="603584" spans="8:8">
      <c r="H603584" s="12"/>
    </row>
    <row r="603585" spans="8:8">
      <c r="H603585" s="12"/>
    </row>
    <row r="603586" spans="8:8">
      <c r="H603586" s="12"/>
    </row>
    <row r="603587" spans="8:8">
      <c r="H603587" s="12"/>
    </row>
    <row r="603588" spans="8:8">
      <c r="H603588" s="12"/>
    </row>
    <row r="603589" spans="8:8">
      <c r="H603589" s="12"/>
    </row>
    <row r="603590" spans="8:8">
      <c r="H603590" s="12"/>
    </row>
    <row r="603591" spans="8:8">
      <c r="H603591" s="12"/>
    </row>
    <row r="603592" spans="8:8">
      <c r="H603592" s="12"/>
    </row>
    <row r="603593" spans="8:8">
      <c r="H603593" s="12"/>
    </row>
    <row r="603594" spans="8:8">
      <c r="H603594" s="12"/>
    </row>
    <row r="603595" spans="8:8">
      <c r="H603595" s="12"/>
    </row>
    <row r="603596" spans="8:8">
      <c r="H603596" s="12"/>
    </row>
    <row r="603597" spans="8:8">
      <c r="H603597" s="12"/>
    </row>
    <row r="603598" spans="8:8">
      <c r="H603598" s="12"/>
    </row>
    <row r="603599" spans="8:8">
      <c r="H603599" s="12"/>
    </row>
    <row r="603600" spans="8:8">
      <c r="H603600" s="12"/>
    </row>
    <row r="603601" spans="8:8">
      <c r="H603601" s="12"/>
    </row>
    <row r="603602" spans="8:8">
      <c r="H603602" s="12"/>
    </row>
    <row r="603603" spans="8:8">
      <c r="H603603" s="12"/>
    </row>
    <row r="603604" spans="8:8">
      <c r="H603604" s="12"/>
    </row>
    <row r="603605" spans="8:8">
      <c r="H603605" s="12"/>
    </row>
    <row r="603606" spans="8:8">
      <c r="H603606" s="12"/>
    </row>
    <row r="603607" spans="8:8">
      <c r="H603607" s="12"/>
    </row>
    <row r="603608" spans="8:8">
      <c r="H603608" s="12"/>
    </row>
    <row r="603609" spans="8:8">
      <c r="H603609" s="12"/>
    </row>
    <row r="603610" spans="8:8">
      <c r="H603610" s="12"/>
    </row>
    <row r="603611" spans="8:8">
      <c r="H603611" s="12"/>
    </row>
    <row r="603612" spans="8:8">
      <c r="H603612" s="12"/>
    </row>
    <row r="603613" spans="8:8">
      <c r="H603613" s="12"/>
    </row>
    <row r="603614" spans="8:8">
      <c r="H603614" s="12"/>
    </row>
    <row r="603615" spans="8:8">
      <c r="H603615" s="12"/>
    </row>
    <row r="603616" spans="8:8">
      <c r="H603616" s="12"/>
    </row>
    <row r="603617" spans="8:8">
      <c r="H603617" s="12"/>
    </row>
    <row r="603618" spans="8:8">
      <c r="H603618" s="12"/>
    </row>
    <row r="603619" spans="8:8">
      <c r="H603619" s="12"/>
    </row>
    <row r="603620" spans="8:8">
      <c r="H603620" s="12"/>
    </row>
    <row r="603621" spans="8:8">
      <c r="H603621" s="12"/>
    </row>
    <row r="603622" spans="8:8">
      <c r="H603622" s="12"/>
    </row>
    <row r="603623" spans="8:8">
      <c r="H603623" s="12"/>
    </row>
    <row r="603624" spans="8:8">
      <c r="H603624" s="12"/>
    </row>
    <row r="603625" spans="8:8">
      <c r="H603625" s="12"/>
    </row>
    <row r="603626" spans="8:8">
      <c r="H603626" s="12"/>
    </row>
    <row r="603627" spans="8:8">
      <c r="H603627" s="12"/>
    </row>
    <row r="603628" spans="8:8">
      <c r="H603628" s="12"/>
    </row>
    <row r="603629" spans="8:8">
      <c r="H603629" s="12"/>
    </row>
    <row r="603630" spans="8:8">
      <c r="H603630" s="12"/>
    </row>
    <row r="603631" spans="8:8">
      <c r="H603631" s="12"/>
    </row>
    <row r="603632" spans="8:8">
      <c r="H603632" s="12"/>
    </row>
    <row r="603633" spans="8:8">
      <c r="H603633" s="12"/>
    </row>
    <row r="603634" spans="8:8">
      <c r="H603634" s="12"/>
    </row>
    <row r="603635" spans="8:8">
      <c r="H603635" s="12"/>
    </row>
    <row r="603636" spans="8:8">
      <c r="H603636" s="12"/>
    </row>
    <row r="603637" spans="8:8">
      <c r="H603637" s="12"/>
    </row>
    <row r="603638" spans="8:8">
      <c r="H603638" s="12"/>
    </row>
    <row r="603639" spans="8:8">
      <c r="H603639" s="12"/>
    </row>
    <row r="603640" spans="8:8">
      <c r="H603640" s="12"/>
    </row>
    <row r="603641" spans="8:8">
      <c r="H603641" s="12"/>
    </row>
    <row r="603642" spans="8:8">
      <c r="H603642" s="12"/>
    </row>
    <row r="603643" spans="8:8">
      <c r="H603643" s="12"/>
    </row>
    <row r="603644" spans="8:8">
      <c r="H603644" s="12"/>
    </row>
    <row r="603645" spans="8:8">
      <c r="H603645" s="12"/>
    </row>
    <row r="603646" spans="8:8">
      <c r="H603646" s="12"/>
    </row>
    <row r="603647" spans="8:8">
      <c r="H603647" s="12"/>
    </row>
    <row r="603648" spans="8:8">
      <c r="H603648" s="12"/>
    </row>
    <row r="603649" spans="8:8">
      <c r="H603649" s="12"/>
    </row>
    <row r="603650" spans="8:8">
      <c r="H603650" s="12"/>
    </row>
    <row r="603651" spans="8:8">
      <c r="H603651" s="12"/>
    </row>
    <row r="603652" spans="8:8">
      <c r="H603652" s="12"/>
    </row>
    <row r="603653" spans="8:8">
      <c r="H603653" s="12"/>
    </row>
    <row r="603654" spans="8:8">
      <c r="H603654" s="12"/>
    </row>
    <row r="603655" spans="8:8">
      <c r="H603655" s="12"/>
    </row>
    <row r="603656" spans="8:8">
      <c r="H603656" s="12"/>
    </row>
    <row r="603657" spans="8:8">
      <c r="H603657" s="12"/>
    </row>
    <row r="603658" spans="8:8">
      <c r="H603658" s="12"/>
    </row>
    <row r="603659" spans="8:8">
      <c r="H603659" s="12"/>
    </row>
    <row r="603660" spans="8:8">
      <c r="H603660" s="12"/>
    </row>
    <row r="603661" spans="8:8">
      <c r="H603661" s="12"/>
    </row>
    <row r="603662" spans="8:8">
      <c r="H603662" s="12"/>
    </row>
    <row r="603663" spans="8:8">
      <c r="H603663" s="12"/>
    </row>
    <row r="603664" spans="8:8">
      <c r="H603664" s="12"/>
    </row>
    <row r="603665" spans="8:8">
      <c r="H603665" s="12"/>
    </row>
    <row r="603666" spans="8:8">
      <c r="H603666" s="12"/>
    </row>
    <row r="603667" spans="8:8">
      <c r="H603667" s="12"/>
    </row>
    <row r="603668" spans="8:8">
      <c r="H603668" s="12"/>
    </row>
    <row r="603669" spans="8:8">
      <c r="H603669" s="12"/>
    </row>
    <row r="603670" spans="8:8">
      <c r="H603670" s="12"/>
    </row>
    <row r="603671" spans="8:8">
      <c r="H603671" s="12"/>
    </row>
    <row r="603672" spans="8:8">
      <c r="H603672" s="12"/>
    </row>
    <row r="603673" spans="8:8">
      <c r="H603673" s="12"/>
    </row>
    <row r="603674" spans="8:8">
      <c r="H603674" s="12"/>
    </row>
    <row r="603675" spans="8:8">
      <c r="H603675" s="12"/>
    </row>
    <row r="603676" spans="8:8">
      <c r="H603676" s="12"/>
    </row>
    <row r="603677" spans="8:8">
      <c r="H603677" s="12"/>
    </row>
    <row r="603678" spans="8:8">
      <c r="H603678" s="12"/>
    </row>
    <row r="603679" spans="8:8">
      <c r="H603679" s="12"/>
    </row>
    <row r="603680" spans="8:8">
      <c r="H603680" s="12"/>
    </row>
    <row r="603681" spans="8:8">
      <c r="H603681" s="12"/>
    </row>
    <row r="603682" spans="8:8">
      <c r="H603682" s="12"/>
    </row>
    <row r="603683" spans="8:8">
      <c r="H603683" s="12"/>
    </row>
    <row r="603684" spans="8:8">
      <c r="H603684" s="12"/>
    </row>
    <row r="603685" spans="8:8">
      <c r="H603685" s="12"/>
    </row>
    <row r="603686" spans="8:8">
      <c r="H603686" s="12"/>
    </row>
    <row r="603687" spans="8:8">
      <c r="H603687" s="12"/>
    </row>
    <row r="603688" spans="8:8">
      <c r="H603688" s="12"/>
    </row>
    <row r="603689" spans="8:8">
      <c r="H603689" s="12"/>
    </row>
    <row r="603690" spans="8:8">
      <c r="H603690" s="12"/>
    </row>
    <row r="603691" spans="8:8">
      <c r="H603691" s="12"/>
    </row>
    <row r="603692" spans="8:8">
      <c r="H603692" s="12"/>
    </row>
    <row r="603693" spans="8:8">
      <c r="H603693" s="12"/>
    </row>
    <row r="603694" spans="8:8">
      <c r="H603694" s="12"/>
    </row>
    <row r="603695" spans="8:8">
      <c r="H603695" s="12"/>
    </row>
    <row r="603696" spans="8:8">
      <c r="H603696" s="12"/>
    </row>
    <row r="603697" spans="8:8">
      <c r="H603697" s="12"/>
    </row>
    <row r="603698" spans="8:8">
      <c r="H603698" s="12"/>
    </row>
    <row r="603699" spans="8:8">
      <c r="H603699" s="12"/>
    </row>
    <row r="603700" spans="8:8">
      <c r="H603700" s="12"/>
    </row>
    <row r="603701" spans="8:8">
      <c r="H603701" s="12"/>
    </row>
    <row r="603702" spans="8:8">
      <c r="H603702" s="12"/>
    </row>
    <row r="603703" spans="8:8">
      <c r="H603703" s="12"/>
    </row>
    <row r="603704" spans="8:8">
      <c r="H603704" s="12"/>
    </row>
    <row r="603705" spans="8:8">
      <c r="H603705" s="12"/>
    </row>
    <row r="603706" spans="8:8">
      <c r="H603706" s="12"/>
    </row>
    <row r="603707" spans="8:8">
      <c r="H603707" s="12"/>
    </row>
    <row r="603708" spans="8:8">
      <c r="H603708" s="12"/>
    </row>
    <row r="603709" spans="8:8">
      <c r="H603709" s="12"/>
    </row>
    <row r="603710" spans="8:8">
      <c r="H603710" s="12"/>
    </row>
    <row r="603711" spans="8:8">
      <c r="H603711" s="12"/>
    </row>
    <row r="603712" spans="8:8">
      <c r="H603712" s="12"/>
    </row>
    <row r="603713" spans="8:8">
      <c r="H603713" s="12"/>
    </row>
    <row r="603714" spans="8:8">
      <c r="H603714" s="12"/>
    </row>
    <row r="603715" spans="8:8">
      <c r="H603715" s="12"/>
    </row>
    <row r="603716" spans="8:8">
      <c r="H603716" s="12"/>
    </row>
    <row r="603717" spans="8:8">
      <c r="H603717" s="12"/>
    </row>
    <row r="603718" spans="8:8">
      <c r="H603718" s="12"/>
    </row>
    <row r="603719" spans="8:8">
      <c r="H603719" s="12"/>
    </row>
    <row r="603720" spans="8:8">
      <c r="H603720" s="12"/>
    </row>
    <row r="603721" spans="8:8">
      <c r="H603721" s="12"/>
    </row>
    <row r="603722" spans="8:8">
      <c r="H603722" s="12"/>
    </row>
    <row r="603723" spans="8:8">
      <c r="H603723" s="12"/>
    </row>
    <row r="603724" spans="8:8">
      <c r="H603724" s="12"/>
    </row>
    <row r="603725" spans="8:8">
      <c r="H603725" s="12"/>
    </row>
    <row r="603726" spans="8:8">
      <c r="H603726" s="12"/>
    </row>
    <row r="603727" spans="8:8">
      <c r="H603727" s="12"/>
    </row>
    <row r="603728" spans="8:8">
      <c r="H603728" s="12"/>
    </row>
    <row r="603729" spans="8:8">
      <c r="H603729" s="12"/>
    </row>
    <row r="603730" spans="8:8">
      <c r="H603730" s="12"/>
    </row>
    <row r="603731" spans="8:8">
      <c r="H603731" s="12"/>
    </row>
    <row r="603732" spans="8:8">
      <c r="H603732" s="12"/>
    </row>
    <row r="603733" spans="8:8">
      <c r="H603733" s="12"/>
    </row>
    <row r="603734" spans="8:8">
      <c r="H603734" s="12"/>
    </row>
    <row r="603735" spans="8:8">
      <c r="H603735" s="12"/>
    </row>
    <row r="603736" spans="8:8">
      <c r="H603736" s="12"/>
    </row>
    <row r="603737" spans="8:8">
      <c r="H603737" s="12"/>
    </row>
    <row r="603738" spans="8:8">
      <c r="H603738" s="12"/>
    </row>
    <row r="603739" spans="8:8">
      <c r="H603739" s="12"/>
    </row>
    <row r="603740" spans="8:8">
      <c r="H603740" s="12"/>
    </row>
    <row r="603741" spans="8:8">
      <c r="H603741" s="12"/>
    </row>
    <row r="603742" spans="8:8">
      <c r="H603742" s="12"/>
    </row>
    <row r="603743" spans="8:8">
      <c r="H603743" s="12"/>
    </row>
    <row r="603744" spans="8:8">
      <c r="H603744" s="12"/>
    </row>
    <row r="603745" spans="8:8">
      <c r="H603745" s="12"/>
    </row>
    <row r="603746" spans="8:8">
      <c r="H603746" s="12"/>
    </row>
    <row r="603747" spans="8:8">
      <c r="H603747" s="12"/>
    </row>
    <row r="603748" spans="8:8">
      <c r="H603748" s="12"/>
    </row>
    <row r="603749" spans="8:8">
      <c r="H603749" s="12"/>
    </row>
    <row r="603750" spans="8:8">
      <c r="H603750" s="12"/>
    </row>
    <row r="603751" spans="8:8">
      <c r="H603751" s="12"/>
    </row>
    <row r="603752" spans="8:8">
      <c r="H603752" s="12"/>
    </row>
    <row r="603753" spans="8:8">
      <c r="H603753" s="12"/>
    </row>
    <row r="603754" spans="8:8">
      <c r="H603754" s="12"/>
    </row>
    <row r="603755" spans="8:8">
      <c r="H603755" s="12"/>
    </row>
    <row r="603756" spans="8:8">
      <c r="H603756" s="12"/>
    </row>
    <row r="603757" spans="8:8">
      <c r="H603757" s="12"/>
    </row>
    <row r="603758" spans="8:8">
      <c r="H603758" s="12"/>
    </row>
    <row r="603759" spans="8:8">
      <c r="H603759" s="12"/>
    </row>
    <row r="603760" spans="8:8">
      <c r="H603760" s="12"/>
    </row>
    <row r="603761" spans="8:8">
      <c r="H603761" s="12"/>
    </row>
    <row r="603762" spans="8:8">
      <c r="H603762" s="12"/>
    </row>
    <row r="603763" spans="8:8">
      <c r="H603763" s="12"/>
    </row>
    <row r="603764" spans="8:8">
      <c r="H603764" s="12"/>
    </row>
    <row r="603765" spans="8:8">
      <c r="H603765" s="12"/>
    </row>
    <row r="603766" spans="8:8">
      <c r="H603766" s="12"/>
    </row>
    <row r="603767" spans="8:8">
      <c r="H603767" s="12"/>
    </row>
    <row r="603768" spans="8:8">
      <c r="H603768" s="12"/>
    </row>
    <row r="603769" spans="8:8">
      <c r="H603769" s="12"/>
    </row>
    <row r="603770" spans="8:8">
      <c r="H603770" s="12"/>
    </row>
    <row r="603771" spans="8:8">
      <c r="H603771" s="12"/>
    </row>
    <row r="603772" spans="8:8">
      <c r="H603772" s="12"/>
    </row>
    <row r="603773" spans="8:8">
      <c r="H603773" s="12"/>
    </row>
    <row r="603774" spans="8:8">
      <c r="H603774" s="12"/>
    </row>
    <row r="603775" spans="8:8">
      <c r="H603775" s="12"/>
    </row>
    <row r="603776" spans="8:8">
      <c r="H603776" s="12"/>
    </row>
    <row r="603777" spans="8:8">
      <c r="H603777" s="12"/>
    </row>
    <row r="603778" spans="8:8">
      <c r="H603778" s="12"/>
    </row>
    <row r="603779" spans="8:8">
      <c r="H603779" s="12"/>
    </row>
    <row r="603780" spans="8:8">
      <c r="H603780" s="12"/>
    </row>
    <row r="603781" spans="8:8">
      <c r="H603781" s="12"/>
    </row>
    <row r="603782" spans="8:8">
      <c r="H603782" s="12"/>
    </row>
    <row r="603783" spans="8:8">
      <c r="H603783" s="12"/>
    </row>
    <row r="603784" spans="8:8">
      <c r="H603784" s="12"/>
    </row>
    <row r="603785" spans="8:8">
      <c r="H603785" s="12"/>
    </row>
    <row r="603786" spans="8:8">
      <c r="H603786" s="12"/>
    </row>
    <row r="603787" spans="8:8">
      <c r="H603787" s="12"/>
    </row>
    <row r="603788" spans="8:8">
      <c r="H603788" s="12"/>
    </row>
    <row r="603789" spans="8:8">
      <c r="H603789" s="12"/>
    </row>
    <row r="603790" spans="8:8">
      <c r="H603790" s="12"/>
    </row>
    <row r="603791" spans="8:8">
      <c r="H603791" s="12"/>
    </row>
    <row r="603792" spans="8:8">
      <c r="H603792" s="12"/>
    </row>
    <row r="603793" spans="8:8">
      <c r="H603793" s="12"/>
    </row>
    <row r="603794" spans="8:8">
      <c r="H603794" s="12"/>
    </row>
    <row r="603795" spans="8:8">
      <c r="H603795" s="12"/>
    </row>
    <row r="603796" spans="8:8">
      <c r="H603796" s="12"/>
    </row>
    <row r="603797" spans="8:8">
      <c r="H603797" s="12"/>
    </row>
    <row r="603798" spans="8:8">
      <c r="H603798" s="12"/>
    </row>
    <row r="603799" spans="8:8">
      <c r="H603799" s="12"/>
    </row>
    <row r="603800" spans="8:8">
      <c r="H603800" s="12"/>
    </row>
    <row r="603801" spans="8:8">
      <c r="H603801" s="12"/>
    </row>
    <row r="603802" spans="8:8">
      <c r="H603802" s="12"/>
    </row>
    <row r="603803" spans="8:8">
      <c r="H603803" s="12"/>
    </row>
    <row r="603804" spans="8:8">
      <c r="H603804" s="12"/>
    </row>
    <row r="603805" spans="8:8">
      <c r="H603805" s="12"/>
    </row>
    <row r="603806" spans="8:8">
      <c r="H603806" s="12"/>
    </row>
    <row r="603807" spans="8:8">
      <c r="H603807" s="12"/>
    </row>
    <row r="603808" spans="8:8">
      <c r="H603808" s="12"/>
    </row>
    <row r="603809" spans="8:8">
      <c r="H603809" s="12"/>
    </row>
    <row r="603810" spans="8:8">
      <c r="H603810" s="12"/>
    </row>
    <row r="603811" spans="8:8">
      <c r="H603811" s="12"/>
    </row>
    <row r="603812" spans="8:8">
      <c r="H603812" s="12"/>
    </row>
    <row r="603813" spans="8:8">
      <c r="H603813" s="12"/>
    </row>
    <row r="603814" spans="8:8">
      <c r="H603814" s="12"/>
    </row>
    <row r="603815" spans="8:8">
      <c r="H603815" s="12"/>
    </row>
    <row r="603816" spans="8:8">
      <c r="H603816" s="12"/>
    </row>
    <row r="603817" spans="8:8">
      <c r="H603817" s="12"/>
    </row>
    <row r="603818" spans="8:8">
      <c r="H603818" s="12"/>
    </row>
    <row r="603819" spans="8:8">
      <c r="H603819" s="12"/>
    </row>
    <row r="603820" spans="8:8">
      <c r="H603820" s="12"/>
    </row>
    <row r="603821" spans="8:8">
      <c r="H603821" s="12"/>
    </row>
    <row r="603822" spans="8:8">
      <c r="H603822" s="12"/>
    </row>
    <row r="603823" spans="8:8">
      <c r="H603823" s="12"/>
    </row>
    <row r="603824" spans="8:8">
      <c r="H603824" s="12"/>
    </row>
    <row r="603825" spans="8:8">
      <c r="H603825" s="12"/>
    </row>
    <row r="603826" spans="8:8">
      <c r="H603826" s="12"/>
    </row>
    <row r="603827" spans="8:8">
      <c r="H603827" s="12"/>
    </row>
    <row r="603828" spans="8:8">
      <c r="H603828" s="12"/>
    </row>
    <row r="603829" spans="8:8">
      <c r="H603829" s="12"/>
    </row>
    <row r="603830" spans="8:8">
      <c r="H603830" s="12"/>
    </row>
    <row r="603831" spans="8:8">
      <c r="H603831" s="12"/>
    </row>
    <row r="603832" spans="8:8">
      <c r="H603832" s="12"/>
    </row>
    <row r="603833" spans="8:8">
      <c r="H603833" s="12"/>
    </row>
    <row r="603834" spans="8:8">
      <c r="H603834" s="12"/>
    </row>
    <row r="603835" spans="8:8">
      <c r="H603835" s="12"/>
    </row>
    <row r="603836" spans="8:8">
      <c r="H603836" s="12"/>
    </row>
    <row r="603837" spans="8:8">
      <c r="H603837" s="12"/>
    </row>
    <row r="603838" spans="8:8">
      <c r="H603838" s="12"/>
    </row>
    <row r="603839" spans="8:8">
      <c r="H603839" s="12"/>
    </row>
    <row r="603840" spans="8:8">
      <c r="H603840" s="12"/>
    </row>
    <row r="603841" spans="8:8">
      <c r="H603841" s="12"/>
    </row>
    <row r="603842" spans="8:8">
      <c r="H603842" s="12"/>
    </row>
    <row r="603843" spans="8:8">
      <c r="H603843" s="12"/>
    </row>
    <row r="603844" spans="8:8">
      <c r="H603844" s="12"/>
    </row>
    <row r="603845" spans="8:8">
      <c r="H603845" s="12"/>
    </row>
    <row r="603846" spans="8:8">
      <c r="H603846" s="12"/>
    </row>
    <row r="603847" spans="8:8">
      <c r="H603847" s="12"/>
    </row>
    <row r="603848" spans="8:8">
      <c r="H603848" s="12"/>
    </row>
    <row r="603849" spans="8:8">
      <c r="H603849" s="12"/>
    </row>
    <row r="603850" spans="8:8">
      <c r="H603850" s="12"/>
    </row>
    <row r="603851" spans="8:8">
      <c r="H603851" s="12"/>
    </row>
    <row r="603852" spans="8:8">
      <c r="H603852" s="12"/>
    </row>
    <row r="603853" spans="8:8">
      <c r="H603853" s="12"/>
    </row>
    <row r="603854" spans="8:8">
      <c r="H603854" s="12"/>
    </row>
    <row r="603855" spans="8:8">
      <c r="H603855" s="12"/>
    </row>
    <row r="603856" spans="8:8">
      <c r="H603856" s="12"/>
    </row>
    <row r="603857" spans="8:8">
      <c r="H603857" s="12"/>
    </row>
    <row r="603858" spans="8:8">
      <c r="H603858" s="12"/>
    </row>
    <row r="603859" spans="8:8">
      <c r="H603859" s="12"/>
    </row>
    <row r="603860" spans="8:8">
      <c r="H603860" s="12"/>
    </row>
    <row r="603861" spans="8:8">
      <c r="H603861" s="12"/>
    </row>
    <row r="603862" spans="8:8">
      <c r="H603862" s="12"/>
    </row>
    <row r="603863" spans="8:8">
      <c r="H603863" s="12"/>
    </row>
    <row r="603864" spans="8:8">
      <c r="H603864" s="12"/>
    </row>
    <row r="603865" spans="8:8">
      <c r="H603865" s="12"/>
    </row>
    <row r="603866" spans="8:8">
      <c r="H603866" s="12"/>
    </row>
    <row r="603867" spans="8:8">
      <c r="H603867" s="12"/>
    </row>
    <row r="603868" spans="8:8">
      <c r="H603868" s="12"/>
    </row>
    <row r="603869" spans="8:8">
      <c r="H603869" s="12"/>
    </row>
    <row r="603870" spans="8:8">
      <c r="H603870" s="12"/>
    </row>
    <row r="603871" spans="8:8">
      <c r="H603871" s="12"/>
    </row>
    <row r="603872" spans="8:8">
      <c r="H603872" s="12"/>
    </row>
    <row r="603873" spans="8:8">
      <c r="H603873" s="12"/>
    </row>
    <row r="603874" spans="8:8">
      <c r="H603874" s="12"/>
    </row>
    <row r="603875" spans="8:8">
      <c r="H603875" s="12"/>
    </row>
    <row r="603876" spans="8:8">
      <c r="H603876" s="12"/>
    </row>
    <row r="603877" spans="8:8">
      <c r="H603877" s="12"/>
    </row>
    <row r="603878" spans="8:8">
      <c r="H603878" s="12"/>
    </row>
    <row r="603879" spans="8:8">
      <c r="H603879" s="12"/>
    </row>
    <row r="603880" spans="8:8">
      <c r="H603880" s="12"/>
    </row>
    <row r="603881" spans="8:8">
      <c r="H603881" s="12"/>
    </row>
    <row r="603882" spans="8:8">
      <c r="H603882" s="12"/>
    </row>
    <row r="603883" spans="8:8">
      <c r="H603883" s="12"/>
    </row>
    <row r="603884" spans="8:8">
      <c r="H603884" s="12"/>
    </row>
    <row r="603885" spans="8:8">
      <c r="H603885" s="12"/>
    </row>
    <row r="603886" spans="8:8">
      <c r="H603886" s="12"/>
    </row>
    <row r="603887" spans="8:8">
      <c r="H603887" s="12"/>
    </row>
    <row r="603888" spans="8:8">
      <c r="H603888" s="12"/>
    </row>
    <row r="603889" spans="8:8">
      <c r="H603889" s="12"/>
    </row>
    <row r="603890" spans="8:8">
      <c r="H603890" s="12"/>
    </row>
    <row r="603891" spans="8:8">
      <c r="H603891" s="12"/>
    </row>
    <row r="603892" spans="8:8">
      <c r="H603892" s="12"/>
    </row>
    <row r="603893" spans="8:8">
      <c r="H603893" s="12"/>
    </row>
    <row r="603894" spans="8:8">
      <c r="H603894" s="12"/>
    </row>
    <row r="603895" spans="8:8">
      <c r="H603895" s="12"/>
    </row>
    <row r="603896" spans="8:8">
      <c r="H603896" s="12"/>
    </row>
    <row r="603897" spans="8:8">
      <c r="H603897" s="12"/>
    </row>
    <row r="603898" spans="8:8">
      <c r="H603898" s="12"/>
    </row>
    <row r="603899" spans="8:8">
      <c r="H603899" s="12"/>
    </row>
    <row r="603900" spans="8:8">
      <c r="H603900" s="12"/>
    </row>
    <row r="603901" spans="8:8">
      <c r="H603901" s="12"/>
    </row>
    <row r="603902" spans="8:8">
      <c r="H603902" s="12"/>
    </row>
    <row r="603903" spans="8:8">
      <c r="H603903" s="12"/>
    </row>
    <row r="603904" spans="8:8">
      <c r="H603904" s="12"/>
    </row>
    <row r="603905" spans="8:8">
      <c r="H603905" s="12"/>
    </row>
    <row r="603906" spans="8:8">
      <c r="H603906" s="12"/>
    </row>
    <row r="603907" spans="8:8">
      <c r="H603907" s="12"/>
    </row>
    <row r="603908" spans="8:8">
      <c r="H603908" s="12"/>
    </row>
    <row r="603909" spans="8:8">
      <c r="H603909" s="12"/>
    </row>
    <row r="603910" spans="8:8">
      <c r="H603910" s="12"/>
    </row>
    <row r="603911" spans="8:8">
      <c r="H603911" s="12"/>
    </row>
    <row r="603912" spans="8:8">
      <c r="H603912" s="12"/>
    </row>
    <row r="603913" spans="8:8">
      <c r="H603913" s="12"/>
    </row>
    <row r="603914" spans="8:8">
      <c r="H603914" s="12"/>
    </row>
    <row r="603915" spans="8:8">
      <c r="H603915" s="12"/>
    </row>
    <row r="603916" spans="8:8">
      <c r="H603916" s="12"/>
    </row>
    <row r="603917" spans="8:8">
      <c r="H603917" s="12"/>
    </row>
    <row r="603918" spans="8:8">
      <c r="H603918" s="12"/>
    </row>
    <row r="603919" spans="8:8">
      <c r="H603919" s="12"/>
    </row>
    <row r="603920" spans="8:8">
      <c r="H603920" s="12"/>
    </row>
    <row r="603921" spans="8:8">
      <c r="H603921" s="12"/>
    </row>
    <row r="603922" spans="8:8">
      <c r="H603922" s="12"/>
    </row>
    <row r="603923" spans="8:8">
      <c r="H603923" s="12"/>
    </row>
    <row r="603924" spans="8:8">
      <c r="H603924" s="12"/>
    </row>
    <row r="603925" spans="8:8">
      <c r="H603925" s="12"/>
    </row>
    <row r="603926" spans="8:8">
      <c r="H603926" s="12"/>
    </row>
    <row r="603927" spans="8:8">
      <c r="H603927" s="12"/>
    </row>
    <row r="603928" spans="8:8">
      <c r="H603928" s="12"/>
    </row>
    <row r="603929" spans="8:8">
      <c r="H603929" s="12"/>
    </row>
    <row r="603930" spans="8:8">
      <c r="H603930" s="12"/>
    </row>
    <row r="603931" spans="8:8">
      <c r="H603931" s="12"/>
    </row>
    <row r="603932" spans="8:8">
      <c r="H603932" s="12"/>
    </row>
    <row r="603933" spans="8:8">
      <c r="H603933" s="12"/>
    </row>
    <row r="603934" spans="8:8">
      <c r="H603934" s="12"/>
    </row>
    <row r="603935" spans="8:8">
      <c r="H603935" s="12"/>
    </row>
    <row r="603936" spans="8:8">
      <c r="H603936" s="12"/>
    </row>
    <row r="603937" spans="8:8">
      <c r="H603937" s="12"/>
    </row>
    <row r="603938" spans="8:8">
      <c r="H603938" s="12"/>
    </row>
    <row r="603939" spans="8:8">
      <c r="H603939" s="12"/>
    </row>
    <row r="603940" spans="8:8">
      <c r="H603940" s="12"/>
    </row>
    <row r="603941" spans="8:8">
      <c r="H603941" s="12"/>
    </row>
    <row r="603942" spans="8:8">
      <c r="H603942" s="12"/>
    </row>
    <row r="603943" spans="8:8">
      <c r="H603943" s="12"/>
    </row>
    <row r="603944" spans="8:8">
      <c r="H603944" s="12"/>
    </row>
    <row r="603945" spans="8:8">
      <c r="H603945" s="12"/>
    </row>
    <row r="603946" spans="8:8">
      <c r="H603946" s="12"/>
    </row>
    <row r="603947" spans="8:8">
      <c r="H603947" s="12"/>
    </row>
    <row r="603948" spans="8:8">
      <c r="H603948" s="12"/>
    </row>
    <row r="603949" spans="8:8">
      <c r="H603949" s="12"/>
    </row>
    <row r="603950" spans="8:8">
      <c r="H603950" s="12"/>
    </row>
    <row r="603951" spans="8:8">
      <c r="H603951" s="12"/>
    </row>
    <row r="603952" spans="8:8">
      <c r="H603952" s="12"/>
    </row>
    <row r="603953" spans="8:8">
      <c r="H603953" s="12"/>
    </row>
    <row r="603954" spans="8:8">
      <c r="H603954" s="12"/>
    </row>
    <row r="603955" spans="8:8">
      <c r="H603955" s="12"/>
    </row>
    <row r="603956" spans="8:8">
      <c r="H603956" s="12"/>
    </row>
    <row r="603957" spans="8:8">
      <c r="H603957" s="12"/>
    </row>
    <row r="603958" spans="8:8">
      <c r="H603958" s="12"/>
    </row>
    <row r="603959" spans="8:8">
      <c r="H603959" s="12"/>
    </row>
    <row r="603960" spans="8:8">
      <c r="H603960" s="12"/>
    </row>
    <row r="603961" spans="8:8">
      <c r="H603961" s="12"/>
    </row>
    <row r="603962" spans="8:8">
      <c r="H603962" s="12"/>
    </row>
    <row r="603963" spans="8:8">
      <c r="H603963" s="12"/>
    </row>
    <row r="603964" spans="8:8">
      <c r="H603964" s="12"/>
    </row>
    <row r="603965" spans="8:8">
      <c r="H603965" s="12"/>
    </row>
    <row r="603966" spans="8:8">
      <c r="H603966" s="12"/>
    </row>
    <row r="603967" spans="8:8">
      <c r="H603967" s="12"/>
    </row>
    <row r="603968" spans="8:8">
      <c r="H603968" s="12"/>
    </row>
    <row r="603969" spans="8:8">
      <c r="H603969" s="12"/>
    </row>
    <row r="603970" spans="8:8">
      <c r="H603970" s="12"/>
    </row>
    <row r="603971" spans="8:8">
      <c r="H603971" s="12"/>
    </row>
    <row r="603972" spans="8:8">
      <c r="H603972" s="12"/>
    </row>
    <row r="603973" spans="8:8">
      <c r="H603973" s="12"/>
    </row>
    <row r="603974" spans="8:8">
      <c r="H603974" s="12"/>
    </row>
    <row r="603975" spans="8:8">
      <c r="H603975" s="12"/>
    </row>
    <row r="603976" spans="8:8">
      <c r="H603976" s="12"/>
    </row>
    <row r="603977" spans="8:8">
      <c r="H603977" s="12"/>
    </row>
    <row r="603978" spans="8:8">
      <c r="H603978" s="12"/>
    </row>
    <row r="603979" spans="8:8">
      <c r="H603979" s="12"/>
    </row>
    <row r="603980" spans="8:8">
      <c r="H603980" s="12"/>
    </row>
    <row r="603981" spans="8:8">
      <c r="H603981" s="12"/>
    </row>
    <row r="603982" spans="8:8">
      <c r="H603982" s="12"/>
    </row>
    <row r="603983" spans="8:8">
      <c r="H603983" s="12"/>
    </row>
    <row r="603984" spans="8:8">
      <c r="H603984" s="12"/>
    </row>
    <row r="603985" spans="8:8">
      <c r="H603985" s="12"/>
    </row>
    <row r="603986" spans="8:8">
      <c r="H603986" s="12"/>
    </row>
    <row r="603987" spans="8:8">
      <c r="H603987" s="12"/>
    </row>
    <row r="603988" spans="8:8">
      <c r="H603988" s="12"/>
    </row>
    <row r="603989" spans="8:8">
      <c r="H603989" s="12"/>
    </row>
    <row r="603990" spans="8:8">
      <c r="H603990" s="12"/>
    </row>
    <row r="603991" spans="8:8">
      <c r="H603991" s="12"/>
    </row>
    <row r="603992" spans="8:8">
      <c r="H603992" s="12"/>
    </row>
    <row r="603993" spans="8:8">
      <c r="H603993" s="12"/>
    </row>
    <row r="603994" spans="8:8">
      <c r="H603994" s="12"/>
    </row>
    <row r="603995" spans="8:8">
      <c r="H603995" s="12"/>
    </row>
    <row r="603996" spans="8:8">
      <c r="H603996" s="12"/>
    </row>
    <row r="603997" spans="8:8">
      <c r="H603997" s="12"/>
    </row>
    <row r="603998" spans="8:8">
      <c r="H603998" s="12"/>
    </row>
    <row r="603999" spans="8:8">
      <c r="H603999" s="12"/>
    </row>
    <row r="604000" spans="8:8">
      <c r="H604000" s="12"/>
    </row>
    <row r="604001" spans="8:8">
      <c r="H604001" s="12"/>
    </row>
    <row r="604002" spans="8:8">
      <c r="H604002" s="12"/>
    </row>
    <row r="604003" spans="8:8">
      <c r="H604003" s="12"/>
    </row>
    <row r="604004" spans="8:8">
      <c r="H604004" s="12"/>
    </row>
    <row r="604005" spans="8:8">
      <c r="H604005" s="12"/>
    </row>
    <row r="604006" spans="8:8">
      <c r="H604006" s="12"/>
    </row>
    <row r="604007" spans="8:8">
      <c r="H604007" s="12"/>
    </row>
    <row r="604008" spans="8:8">
      <c r="H604008" s="12"/>
    </row>
    <row r="604009" spans="8:8">
      <c r="H604009" s="12"/>
    </row>
    <row r="604010" spans="8:8">
      <c r="H604010" s="12"/>
    </row>
    <row r="604011" spans="8:8">
      <c r="H604011" s="12"/>
    </row>
    <row r="604012" spans="8:8">
      <c r="H604012" s="12"/>
    </row>
    <row r="604013" spans="8:8">
      <c r="H604013" s="12"/>
    </row>
    <row r="604014" spans="8:8">
      <c r="H604014" s="12"/>
    </row>
    <row r="604015" spans="8:8">
      <c r="H604015" s="12"/>
    </row>
    <row r="604016" spans="8:8">
      <c r="H604016" s="12"/>
    </row>
    <row r="604017" spans="8:8">
      <c r="H604017" s="12"/>
    </row>
    <row r="604018" spans="8:8">
      <c r="H604018" s="12"/>
    </row>
    <row r="604019" spans="8:8">
      <c r="H604019" s="12"/>
    </row>
    <row r="604020" spans="8:8">
      <c r="H604020" s="12"/>
    </row>
    <row r="604021" spans="8:8">
      <c r="H604021" s="12"/>
    </row>
    <row r="604022" spans="8:8">
      <c r="H604022" s="12"/>
    </row>
    <row r="604023" spans="8:8">
      <c r="H604023" s="12"/>
    </row>
    <row r="604024" spans="8:8">
      <c r="H604024" s="12"/>
    </row>
    <row r="604025" spans="8:8">
      <c r="H604025" s="12"/>
    </row>
    <row r="604026" spans="8:8">
      <c r="H604026" s="12"/>
    </row>
    <row r="604027" spans="8:8">
      <c r="H604027" s="12"/>
    </row>
    <row r="604028" spans="8:8">
      <c r="H604028" s="12"/>
    </row>
    <row r="604029" spans="8:8">
      <c r="H604029" s="12"/>
    </row>
    <row r="604030" spans="8:8">
      <c r="H604030" s="12"/>
    </row>
    <row r="604031" spans="8:8">
      <c r="H604031" s="12"/>
    </row>
    <row r="604032" spans="8:8">
      <c r="H604032" s="12"/>
    </row>
    <row r="604033" spans="8:8">
      <c r="H604033" s="12"/>
    </row>
    <row r="604034" spans="8:8">
      <c r="H604034" s="12"/>
    </row>
    <row r="604035" spans="8:8">
      <c r="H604035" s="12"/>
    </row>
    <row r="604036" spans="8:8">
      <c r="H604036" s="12"/>
    </row>
    <row r="604037" spans="8:8">
      <c r="H604037" s="12"/>
    </row>
    <row r="604038" spans="8:8">
      <c r="H604038" s="12"/>
    </row>
    <row r="604039" spans="8:8">
      <c r="H604039" s="12"/>
    </row>
    <row r="604040" spans="8:8">
      <c r="H604040" s="12"/>
    </row>
    <row r="604041" spans="8:8">
      <c r="H604041" s="12"/>
    </row>
    <row r="604042" spans="8:8">
      <c r="H604042" s="12"/>
    </row>
    <row r="604043" spans="8:8">
      <c r="H604043" s="12"/>
    </row>
    <row r="604044" spans="8:8">
      <c r="H604044" s="12"/>
    </row>
    <row r="604045" spans="8:8">
      <c r="H604045" s="12"/>
    </row>
    <row r="604046" spans="8:8">
      <c r="H604046" s="12"/>
    </row>
    <row r="604047" spans="8:8">
      <c r="H604047" s="12"/>
    </row>
    <row r="604048" spans="8:8">
      <c r="H604048" s="12"/>
    </row>
    <row r="604049" spans="8:8">
      <c r="H604049" s="12"/>
    </row>
    <row r="604050" spans="8:8">
      <c r="H604050" s="12"/>
    </row>
    <row r="604051" spans="8:8">
      <c r="H604051" s="12"/>
    </row>
    <row r="604052" spans="8:8">
      <c r="H604052" s="12"/>
    </row>
    <row r="604053" spans="8:8">
      <c r="H604053" s="12"/>
    </row>
    <row r="604054" spans="8:8">
      <c r="H604054" s="12"/>
    </row>
    <row r="604055" spans="8:8">
      <c r="H604055" s="12"/>
    </row>
    <row r="604056" spans="8:8">
      <c r="H604056" s="12"/>
    </row>
    <row r="604057" spans="8:8">
      <c r="H604057" s="12"/>
    </row>
    <row r="604058" spans="8:8">
      <c r="H604058" s="12"/>
    </row>
    <row r="604059" spans="8:8">
      <c r="H604059" s="12"/>
    </row>
    <row r="604060" spans="8:8">
      <c r="H604060" s="12"/>
    </row>
    <row r="604061" spans="8:8">
      <c r="H604061" s="12"/>
    </row>
    <row r="604062" spans="8:8">
      <c r="H604062" s="12"/>
    </row>
    <row r="604063" spans="8:8">
      <c r="H604063" s="12"/>
    </row>
    <row r="604064" spans="8:8">
      <c r="H604064" s="12"/>
    </row>
    <row r="604065" spans="8:8">
      <c r="H604065" s="12"/>
    </row>
    <row r="604066" spans="8:8">
      <c r="H604066" s="12"/>
    </row>
    <row r="604067" spans="8:8">
      <c r="H604067" s="12"/>
    </row>
    <row r="604068" spans="8:8">
      <c r="H604068" s="12"/>
    </row>
    <row r="604069" spans="8:8">
      <c r="H604069" s="12"/>
    </row>
    <row r="604070" spans="8:8">
      <c r="H604070" s="12"/>
    </row>
    <row r="604071" spans="8:8">
      <c r="H604071" s="12"/>
    </row>
    <row r="604072" spans="8:8">
      <c r="H604072" s="12"/>
    </row>
    <row r="604073" spans="8:8">
      <c r="H604073" s="12"/>
    </row>
    <row r="604074" spans="8:8">
      <c r="H604074" s="12"/>
    </row>
    <row r="604075" spans="8:8">
      <c r="H604075" s="12"/>
    </row>
    <row r="604076" spans="8:8">
      <c r="H604076" s="12"/>
    </row>
    <row r="604077" spans="8:8">
      <c r="H604077" s="12"/>
    </row>
    <row r="604078" spans="8:8">
      <c r="H604078" s="12"/>
    </row>
    <row r="604079" spans="8:8">
      <c r="H604079" s="12"/>
    </row>
    <row r="604080" spans="8:8">
      <c r="H604080" s="12"/>
    </row>
    <row r="604081" spans="8:8">
      <c r="H604081" s="12"/>
    </row>
    <row r="604082" spans="8:8">
      <c r="H604082" s="12"/>
    </row>
    <row r="604083" spans="8:8">
      <c r="H604083" s="12"/>
    </row>
    <row r="604084" spans="8:8">
      <c r="H604084" s="12"/>
    </row>
    <row r="604085" spans="8:8">
      <c r="H604085" s="12"/>
    </row>
    <row r="604086" spans="8:8">
      <c r="H604086" s="12"/>
    </row>
    <row r="604087" spans="8:8">
      <c r="H604087" s="12"/>
    </row>
    <row r="604088" spans="8:8">
      <c r="H604088" s="12"/>
    </row>
    <row r="604089" spans="8:8">
      <c r="H604089" s="12"/>
    </row>
    <row r="604090" spans="8:8">
      <c r="H604090" s="12"/>
    </row>
    <row r="604091" spans="8:8">
      <c r="H604091" s="12"/>
    </row>
    <row r="604092" spans="8:8">
      <c r="H604092" s="12"/>
    </row>
    <row r="604093" spans="8:8">
      <c r="H604093" s="12"/>
    </row>
    <row r="604094" spans="8:8">
      <c r="H604094" s="12"/>
    </row>
    <row r="604095" spans="8:8">
      <c r="H604095" s="12"/>
    </row>
    <row r="604096" spans="8:8">
      <c r="H604096" s="12"/>
    </row>
    <row r="604097" spans="8:8">
      <c r="H604097" s="12"/>
    </row>
    <row r="604098" spans="8:8">
      <c r="H604098" s="12"/>
    </row>
    <row r="604099" spans="8:8">
      <c r="H604099" s="12"/>
    </row>
    <row r="604100" spans="8:8">
      <c r="H604100" s="12"/>
    </row>
    <row r="604101" spans="8:8">
      <c r="H604101" s="12"/>
    </row>
    <row r="604102" spans="8:8">
      <c r="H604102" s="12"/>
    </row>
    <row r="604103" spans="8:8">
      <c r="H604103" s="12"/>
    </row>
    <row r="604104" spans="8:8">
      <c r="H604104" s="12"/>
    </row>
    <row r="604105" spans="8:8">
      <c r="H604105" s="12"/>
    </row>
    <row r="604106" spans="8:8">
      <c r="H604106" s="12"/>
    </row>
    <row r="604107" spans="8:8">
      <c r="H604107" s="12"/>
    </row>
    <row r="604108" spans="8:8">
      <c r="H604108" s="12"/>
    </row>
    <row r="604109" spans="8:8">
      <c r="H604109" s="12"/>
    </row>
    <row r="604110" spans="8:8">
      <c r="H604110" s="12"/>
    </row>
    <row r="604111" spans="8:8">
      <c r="H604111" s="12"/>
    </row>
    <row r="604112" spans="8:8">
      <c r="H604112" s="12"/>
    </row>
    <row r="604113" spans="8:8">
      <c r="H604113" s="12"/>
    </row>
    <row r="604114" spans="8:8">
      <c r="H604114" s="12"/>
    </row>
    <row r="604115" spans="8:8">
      <c r="H604115" s="12"/>
    </row>
    <row r="604116" spans="8:8">
      <c r="H604116" s="12"/>
    </row>
    <row r="604117" spans="8:8">
      <c r="H604117" s="12"/>
    </row>
    <row r="604118" spans="8:8">
      <c r="H604118" s="12"/>
    </row>
    <row r="604119" spans="8:8">
      <c r="H604119" s="12"/>
    </row>
    <row r="604120" spans="8:8">
      <c r="H604120" s="12"/>
    </row>
    <row r="604121" spans="8:8">
      <c r="H604121" s="12"/>
    </row>
    <row r="604122" spans="8:8">
      <c r="H604122" s="12"/>
    </row>
    <row r="604123" spans="8:8">
      <c r="H604123" s="12"/>
    </row>
    <row r="604124" spans="8:8">
      <c r="H604124" s="12"/>
    </row>
    <row r="604125" spans="8:8">
      <c r="H604125" s="12"/>
    </row>
    <row r="604126" spans="8:8">
      <c r="H604126" s="12"/>
    </row>
    <row r="604127" spans="8:8">
      <c r="H604127" s="12"/>
    </row>
    <row r="604128" spans="8:8">
      <c r="H604128" s="12"/>
    </row>
    <row r="604129" spans="8:8">
      <c r="H604129" s="12"/>
    </row>
    <row r="604130" spans="8:8">
      <c r="H604130" s="12"/>
    </row>
    <row r="604131" spans="8:8">
      <c r="H604131" s="12"/>
    </row>
    <row r="604132" spans="8:8">
      <c r="H604132" s="12"/>
    </row>
    <row r="604133" spans="8:8">
      <c r="H604133" s="12"/>
    </row>
    <row r="604134" spans="8:8">
      <c r="H604134" s="12"/>
    </row>
    <row r="604135" spans="8:8">
      <c r="H604135" s="12"/>
    </row>
    <row r="604136" spans="8:8">
      <c r="H604136" s="12"/>
    </row>
    <row r="604137" spans="8:8">
      <c r="H604137" s="12"/>
    </row>
    <row r="604138" spans="8:8">
      <c r="H604138" s="12"/>
    </row>
    <row r="604139" spans="8:8">
      <c r="H604139" s="12"/>
    </row>
    <row r="604140" spans="8:8">
      <c r="H604140" s="12"/>
    </row>
    <row r="604141" spans="8:8">
      <c r="H604141" s="12"/>
    </row>
    <row r="604142" spans="8:8">
      <c r="H604142" s="12"/>
    </row>
    <row r="604143" spans="8:8">
      <c r="H604143" s="12"/>
    </row>
    <row r="604144" spans="8:8">
      <c r="H604144" s="12"/>
    </row>
    <row r="604145" spans="8:8">
      <c r="H604145" s="12"/>
    </row>
    <row r="604146" spans="8:8">
      <c r="H604146" s="12"/>
    </row>
    <row r="604147" spans="8:8">
      <c r="H604147" s="12"/>
    </row>
    <row r="604148" spans="8:8">
      <c r="H604148" s="12"/>
    </row>
    <row r="604149" spans="8:8">
      <c r="H604149" s="12"/>
    </row>
    <row r="604150" spans="8:8">
      <c r="H604150" s="12"/>
    </row>
    <row r="604151" spans="8:8">
      <c r="H604151" s="12"/>
    </row>
    <row r="604152" spans="8:8">
      <c r="H604152" s="12"/>
    </row>
    <row r="604153" spans="8:8">
      <c r="H604153" s="12"/>
    </row>
    <row r="604154" spans="8:8">
      <c r="H604154" s="12"/>
    </row>
    <row r="604155" spans="8:8">
      <c r="H604155" s="12"/>
    </row>
    <row r="604156" spans="8:8">
      <c r="H604156" s="12"/>
    </row>
    <row r="604157" spans="8:8">
      <c r="H604157" s="12"/>
    </row>
    <row r="604158" spans="8:8">
      <c r="H604158" s="12"/>
    </row>
    <row r="604159" spans="8:8">
      <c r="H604159" s="12"/>
    </row>
    <row r="604160" spans="8:8">
      <c r="H604160" s="12"/>
    </row>
    <row r="604161" spans="8:8">
      <c r="H604161" s="12"/>
    </row>
    <row r="604162" spans="8:8">
      <c r="H604162" s="12"/>
    </row>
    <row r="604163" spans="8:8">
      <c r="H604163" s="12"/>
    </row>
    <row r="604164" spans="8:8">
      <c r="H604164" s="12"/>
    </row>
    <row r="604165" spans="8:8">
      <c r="H604165" s="12"/>
    </row>
    <row r="604166" spans="8:8">
      <c r="H604166" s="12"/>
    </row>
    <row r="604167" spans="8:8">
      <c r="H604167" s="12"/>
    </row>
    <row r="604168" spans="8:8">
      <c r="H604168" s="12"/>
    </row>
    <row r="604169" spans="8:8">
      <c r="H604169" s="12"/>
    </row>
    <row r="604170" spans="8:8">
      <c r="H604170" s="12"/>
    </row>
    <row r="604171" spans="8:8">
      <c r="H604171" s="12"/>
    </row>
    <row r="604172" spans="8:8">
      <c r="H604172" s="12"/>
    </row>
    <row r="604173" spans="8:8">
      <c r="H604173" s="12"/>
    </row>
    <row r="604174" spans="8:8">
      <c r="H604174" s="12"/>
    </row>
    <row r="604175" spans="8:8">
      <c r="H604175" s="12"/>
    </row>
    <row r="604176" spans="8:8">
      <c r="H604176" s="12"/>
    </row>
    <row r="604177" spans="8:8">
      <c r="H604177" s="12"/>
    </row>
    <row r="604178" spans="8:8">
      <c r="H604178" s="12"/>
    </row>
    <row r="604179" spans="8:8">
      <c r="H604179" s="12"/>
    </row>
    <row r="604180" spans="8:8">
      <c r="H604180" s="12"/>
    </row>
    <row r="604181" spans="8:8">
      <c r="H604181" s="12"/>
    </row>
    <row r="604182" spans="8:8">
      <c r="H604182" s="12"/>
    </row>
    <row r="604183" spans="8:8">
      <c r="H604183" s="12"/>
    </row>
    <row r="604184" spans="8:8">
      <c r="H604184" s="12"/>
    </row>
    <row r="604185" spans="8:8">
      <c r="H604185" s="12"/>
    </row>
    <row r="604186" spans="8:8">
      <c r="H604186" s="12"/>
    </row>
    <row r="604187" spans="8:8">
      <c r="H604187" s="12"/>
    </row>
    <row r="604188" spans="8:8">
      <c r="H604188" s="12"/>
    </row>
    <row r="604189" spans="8:8">
      <c r="H604189" s="12"/>
    </row>
    <row r="604190" spans="8:8">
      <c r="H604190" s="12"/>
    </row>
    <row r="604191" spans="8:8">
      <c r="H604191" s="12"/>
    </row>
    <row r="604192" spans="8:8">
      <c r="H604192" s="12"/>
    </row>
    <row r="604193" spans="8:8">
      <c r="H604193" s="12"/>
    </row>
    <row r="604194" spans="8:8">
      <c r="H604194" s="12"/>
    </row>
    <row r="604195" spans="8:8">
      <c r="H604195" s="12"/>
    </row>
    <row r="604196" spans="8:8">
      <c r="H604196" s="12"/>
    </row>
    <row r="604197" spans="8:8">
      <c r="H604197" s="12"/>
    </row>
    <row r="604198" spans="8:8">
      <c r="H604198" s="12"/>
    </row>
    <row r="604199" spans="8:8">
      <c r="H604199" s="12"/>
    </row>
    <row r="604200" spans="8:8">
      <c r="H604200" s="12"/>
    </row>
    <row r="604201" spans="8:8">
      <c r="H604201" s="12"/>
    </row>
    <row r="604202" spans="8:8">
      <c r="H604202" s="12"/>
    </row>
    <row r="604203" spans="8:8">
      <c r="H604203" s="12"/>
    </row>
    <row r="604204" spans="8:8">
      <c r="H604204" s="12"/>
    </row>
    <row r="604205" spans="8:8">
      <c r="H604205" s="12"/>
    </row>
    <row r="604206" spans="8:8">
      <c r="H604206" s="12"/>
    </row>
    <row r="604207" spans="8:8">
      <c r="H604207" s="12"/>
    </row>
    <row r="604208" spans="8:8">
      <c r="H604208" s="12"/>
    </row>
    <row r="604209" spans="8:8">
      <c r="H604209" s="12"/>
    </row>
    <row r="604210" spans="8:8">
      <c r="H604210" s="12"/>
    </row>
    <row r="604211" spans="8:8">
      <c r="H604211" s="12"/>
    </row>
    <row r="604212" spans="8:8">
      <c r="H604212" s="12"/>
    </row>
    <row r="604213" spans="8:8">
      <c r="H604213" s="12"/>
    </row>
    <row r="604214" spans="8:8">
      <c r="H604214" s="12"/>
    </row>
    <row r="604215" spans="8:8">
      <c r="H604215" s="12"/>
    </row>
    <row r="604216" spans="8:8">
      <c r="H604216" s="12"/>
    </row>
    <row r="604217" spans="8:8">
      <c r="H604217" s="12"/>
    </row>
    <row r="604218" spans="8:8">
      <c r="H604218" s="12"/>
    </row>
    <row r="604219" spans="8:8">
      <c r="H604219" s="12"/>
    </row>
    <row r="604220" spans="8:8">
      <c r="H604220" s="12"/>
    </row>
    <row r="604221" spans="8:8">
      <c r="H604221" s="12"/>
    </row>
    <row r="604222" spans="8:8">
      <c r="H604222" s="12"/>
    </row>
    <row r="604223" spans="8:8">
      <c r="H604223" s="12"/>
    </row>
    <row r="604224" spans="8:8">
      <c r="H604224" s="12"/>
    </row>
    <row r="604225" spans="8:8">
      <c r="H604225" s="12"/>
    </row>
    <row r="604226" spans="8:8">
      <c r="H604226" s="12"/>
    </row>
    <row r="604227" spans="8:8">
      <c r="H604227" s="12"/>
    </row>
    <row r="604228" spans="8:8">
      <c r="H604228" s="12"/>
    </row>
    <row r="604229" spans="8:8">
      <c r="H604229" s="12"/>
    </row>
    <row r="604230" spans="8:8">
      <c r="H604230" s="12"/>
    </row>
    <row r="604231" spans="8:8">
      <c r="H604231" s="12"/>
    </row>
    <row r="604232" spans="8:8">
      <c r="H604232" s="12"/>
    </row>
    <row r="604233" spans="8:8">
      <c r="H604233" s="12"/>
    </row>
    <row r="604234" spans="8:8">
      <c r="H604234" s="12"/>
    </row>
    <row r="604235" spans="8:8">
      <c r="H604235" s="12"/>
    </row>
    <row r="604236" spans="8:8">
      <c r="H604236" s="12"/>
    </row>
    <row r="604237" spans="8:8">
      <c r="H604237" s="12"/>
    </row>
    <row r="604238" spans="8:8">
      <c r="H604238" s="12"/>
    </row>
    <row r="604239" spans="8:8">
      <c r="H604239" s="12"/>
    </row>
    <row r="604240" spans="8:8">
      <c r="H604240" s="12"/>
    </row>
    <row r="604241" spans="8:8">
      <c r="H604241" s="12"/>
    </row>
    <row r="604242" spans="8:8">
      <c r="H604242" s="12"/>
    </row>
    <row r="604243" spans="8:8">
      <c r="H604243" s="12"/>
    </row>
    <row r="604244" spans="8:8">
      <c r="H604244" s="12"/>
    </row>
    <row r="604245" spans="8:8">
      <c r="H604245" s="12"/>
    </row>
    <row r="604246" spans="8:8">
      <c r="H604246" s="12"/>
    </row>
    <row r="604247" spans="8:8">
      <c r="H604247" s="12"/>
    </row>
    <row r="604248" spans="8:8">
      <c r="H604248" s="12"/>
    </row>
    <row r="604249" spans="8:8">
      <c r="H604249" s="12"/>
    </row>
    <row r="604250" spans="8:8">
      <c r="H604250" s="12"/>
    </row>
    <row r="604251" spans="8:8">
      <c r="H604251" s="12"/>
    </row>
    <row r="604252" spans="8:8">
      <c r="H604252" s="12"/>
    </row>
    <row r="604253" spans="8:8">
      <c r="H604253" s="12"/>
    </row>
    <row r="604254" spans="8:8">
      <c r="H604254" s="12"/>
    </row>
    <row r="604255" spans="8:8">
      <c r="H604255" s="12"/>
    </row>
    <row r="604256" spans="8:8">
      <c r="H604256" s="12"/>
    </row>
    <row r="604257" spans="8:8">
      <c r="H604257" s="12"/>
    </row>
    <row r="604258" spans="8:8">
      <c r="H604258" s="12"/>
    </row>
    <row r="604259" spans="8:8">
      <c r="H604259" s="12"/>
    </row>
    <row r="604260" spans="8:8">
      <c r="H604260" s="12"/>
    </row>
    <row r="604261" spans="8:8">
      <c r="H604261" s="12"/>
    </row>
    <row r="604262" spans="8:8">
      <c r="H604262" s="12"/>
    </row>
    <row r="604263" spans="8:8">
      <c r="H604263" s="12"/>
    </row>
    <row r="604264" spans="8:8">
      <c r="H604264" s="12"/>
    </row>
    <row r="604265" spans="8:8">
      <c r="H604265" s="12"/>
    </row>
    <row r="604266" spans="8:8">
      <c r="H604266" s="12"/>
    </row>
    <row r="604267" spans="8:8">
      <c r="H604267" s="12"/>
    </row>
    <row r="604268" spans="8:8">
      <c r="H604268" s="12"/>
    </row>
    <row r="604269" spans="8:8">
      <c r="H604269" s="12"/>
    </row>
    <row r="604270" spans="8:8">
      <c r="H604270" s="12"/>
    </row>
    <row r="604271" spans="8:8">
      <c r="H604271" s="12"/>
    </row>
    <row r="604272" spans="8:8">
      <c r="H604272" s="12"/>
    </row>
    <row r="604273" spans="8:8">
      <c r="H604273" s="12"/>
    </row>
    <row r="604274" spans="8:8">
      <c r="H604274" s="12"/>
    </row>
    <row r="604275" spans="8:8">
      <c r="H604275" s="12"/>
    </row>
    <row r="604276" spans="8:8">
      <c r="H604276" s="12"/>
    </row>
    <row r="604277" spans="8:8">
      <c r="H604277" s="12"/>
    </row>
    <row r="604278" spans="8:8">
      <c r="H604278" s="12"/>
    </row>
    <row r="604279" spans="8:8">
      <c r="H604279" s="12"/>
    </row>
    <row r="604280" spans="8:8">
      <c r="H604280" s="12"/>
    </row>
    <row r="604281" spans="8:8">
      <c r="H604281" s="12"/>
    </row>
    <row r="604282" spans="8:8">
      <c r="H604282" s="12"/>
    </row>
    <row r="604283" spans="8:8">
      <c r="H604283" s="12"/>
    </row>
    <row r="604284" spans="8:8">
      <c r="H604284" s="12"/>
    </row>
    <row r="604285" spans="8:8">
      <c r="H604285" s="12"/>
    </row>
    <row r="604286" spans="8:8">
      <c r="H604286" s="12"/>
    </row>
    <row r="604287" spans="8:8">
      <c r="H604287" s="12"/>
    </row>
    <row r="604288" spans="8:8">
      <c r="H604288" s="12"/>
    </row>
    <row r="604289" spans="8:8">
      <c r="H604289" s="12"/>
    </row>
    <row r="604290" spans="8:8">
      <c r="H604290" s="12"/>
    </row>
    <row r="604291" spans="8:8">
      <c r="H604291" s="12"/>
    </row>
    <row r="604292" spans="8:8">
      <c r="H604292" s="12"/>
    </row>
    <row r="604293" spans="8:8">
      <c r="H604293" s="12"/>
    </row>
    <row r="604294" spans="8:8">
      <c r="H604294" s="12"/>
    </row>
    <row r="604295" spans="8:8">
      <c r="H604295" s="12"/>
    </row>
    <row r="604296" spans="8:8">
      <c r="H604296" s="12"/>
    </row>
    <row r="604297" spans="8:8">
      <c r="H604297" s="12"/>
    </row>
    <row r="604298" spans="8:8">
      <c r="H604298" s="12"/>
    </row>
    <row r="604299" spans="8:8">
      <c r="H604299" s="12"/>
    </row>
    <row r="604300" spans="8:8">
      <c r="H604300" s="12"/>
    </row>
    <row r="604301" spans="8:8">
      <c r="H604301" s="12"/>
    </row>
    <row r="604302" spans="8:8">
      <c r="H604302" s="12"/>
    </row>
    <row r="604303" spans="8:8">
      <c r="H604303" s="12"/>
    </row>
    <row r="604304" spans="8:8">
      <c r="H604304" s="12"/>
    </row>
    <row r="604305" spans="8:8">
      <c r="H604305" s="12"/>
    </row>
    <row r="604306" spans="8:8">
      <c r="H604306" s="12"/>
    </row>
    <row r="604307" spans="8:8">
      <c r="H604307" s="12"/>
    </row>
    <row r="604308" spans="8:8">
      <c r="H604308" s="12"/>
    </row>
    <row r="604309" spans="8:8">
      <c r="H604309" s="12"/>
    </row>
    <row r="604310" spans="8:8">
      <c r="H604310" s="12"/>
    </row>
    <row r="604311" spans="8:8">
      <c r="H604311" s="12"/>
    </row>
    <row r="604312" spans="8:8">
      <c r="H604312" s="12"/>
    </row>
    <row r="604313" spans="8:8">
      <c r="H604313" s="12"/>
    </row>
    <row r="604314" spans="8:8">
      <c r="H604314" s="12"/>
    </row>
    <row r="604315" spans="8:8">
      <c r="H604315" s="12"/>
    </row>
    <row r="604316" spans="8:8">
      <c r="H604316" s="12"/>
    </row>
    <row r="604317" spans="8:8">
      <c r="H604317" s="12"/>
    </row>
    <row r="604318" spans="8:8">
      <c r="H604318" s="12"/>
    </row>
    <row r="604319" spans="8:8">
      <c r="H604319" s="12"/>
    </row>
    <row r="604320" spans="8:8">
      <c r="H604320" s="12"/>
    </row>
    <row r="604321" spans="8:8">
      <c r="H604321" s="12"/>
    </row>
    <row r="604322" spans="8:8">
      <c r="H604322" s="12"/>
    </row>
    <row r="604323" spans="8:8">
      <c r="H604323" s="12"/>
    </row>
    <row r="604324" spans="8:8">
      <c r="H604324" s="12"/>
    </row>
    <row r="604325" spans="8:8">
      <c r="H604325" s="12"/>
    </row>
    <row r="604326" spans="8:8">
      <c r="H604326" s="12"/>
    </row>
    <row r="604327" spans="8:8">
      <c r="H604327" s="12"/>
    </row>
    <row r="604328" spans="8:8">
      <c r="H604328" s="12"/>
    </row>
    <row r="604329" spans="8:8">
      <c r="H604329" s="12"/>
    </row>
    <row r="604330" spans="8:8">
      <c r="H604330" s="12"/>
    </row>
    <row r="604331" spans="8:8">
      <c r="H604331" s="12"/>
    </row>
    <row r="604332" spans="8:8">
      <c r="H604332" s="12"/>
    </row>
    <row r="604333" spans="8:8">
      <c r="H604333" s="12"/>
    </row>
    <row r="604334" spans="8:8">
      <c r="H604334" s="12"/>
    </row>
    <row r="604335" spans="8:8">
      <c r="H604335" s="12"/>
    </row>
    <row r="604336" spans="8:8">
      <c r="H604336" s="12"/>
    </row>
    <row r="604337" spans="8:8">
      <c r="H604337" s="12"/>
    </row>
    <row r="604338" spans="8:8">
      <c r="H604338" s="12"/>
    </row>
    <row r="604339" spans="8:8">
      <c r="H604339" s="12"/>
    </row>
    <row r="604340" spans="8:8">
      <c r="H604340" s="12"/>
    </row>
    <row r="604341" spans="8:8">
      <c r="H604341" s="12"/>
    </row>
    <row r="604342" spans="8:8">
      <c r="H604342" s="12"/>
    </row>
    <row r="604343" spans="8:8">
      <c r="H604343" s="12"/>
    </row>
    <row r="604344" spans="8:8">
      <c r="H604344" s="12"/>
    </row>
    <row r="604345" spans="8:8">
      <c r="H604345" s="12"/>
    </row>
    <row r="604346" spans="8:8">
      <c r="H604346" s="12"/>
    </row>
    <row r="604347" spans="8:8">
      <c r="H604347" s="12"/>
    </row>
    <row r="604348" spans="8:8">
      <c r="H604348" s="12"/>
    </row>
    <row r="604349" spans="8:8">
      <c r="H604349" s="12"/>
    </row>
    <row r="604350" spans="8:8">
      <c r="H604350" s="12"/>
    </row>
    <row r="604351" spans="8:8">
      <c r="H604351" s="12"/>
    </row>
    <row r="604352" spans="8:8">
      <c r="H604352" s="12"/>
    </row>
    <row r="604353" spans="8:8">
      <c r="H604353" s="12"/>
    </row>
    <row r="604354" spans="8:8">
      <c r="H604354" s="12"/>
    </row>
    <row r="604355" spans="8:8">
      <c r="H604355" s="12"/>
    </row>
    <row r="604356" spans="8:8">
      <c r="H604356" s="12"/>
    </row>
    <row r="604357" spans="8:8">
      <c r="H604357" s="12"/>
    </row>
    <row r="604358" spans="8:8">
      <c r="H604358" s="12"/>
    </row>
    <row r="604359" spans="8:8">
      <c r="H604359" s="12"/>
    </row>
    <row r="604360" spans="8:8">
      <c r="H604360" s="12"/>
    </row>
    <row r="604361" spans="8:8">
      <c r="H604361" s="12"/>
    </row>
    <row r="604362" spans="8:8">
      <c r="H604362" s="12"/>
    </row>
    <row r="604363" spans="8:8">
      <c r="H604363" s="12"/>
    </row>
    <row r="604364" spans="8:8">
      <c r="H604364" s="12"/>
    </row>
    <row r="604365" spans="8:8">
      <c r="H604365" s="12"/>
    </row>
    <row r="604366" spans="8:8">
      <c r="H604366" s="12"/>
    </row>
    <row r="604367" spans="8:8">
      <c r="H604367" s="12"/>
    </row>
    <row r="604368" spans="8:8">
      <c r="H604368" s="12"/>
    </row>
    <row r="604369" spans="8:8">
      <c r="H604369" s="12"/>
    </row>
    <row r="604370" spans="8:8">
      <c r="H604370" s="12"/>
    </row>
    <row r="604371" spans="8:8">
      <c r="H604371" s="12"/>
    </row>
    <row r="604372" spans="8:8">
      <c r="H604372" s="12"/>
    </row>
    <row r="604373" spans="8:8">
      <c r="H604373" s="12"/>
    </row>
    <row r="604374" spans="8:8">
      <c r="H604374" s="12"/>
    </row>
    <row r="604375" spans="8:8">
      <c r="H604375" s="12"/>
    </row>
    <row r="604376" spans="8:8">
      <c r="H604376" s="12"/>
    </row>
    <row r="604377" spans="8:8">
      <c r="H604377" s="12"/>
    </row>
    <row r="604378" spans="8:8">
      <c r="H604378" s="12"/>
    </row>
    <row r="604379" spans="8:8">
      <c r="H604379" s="12"/>
    </row>
    <row r="604380" spans="8:8">
      <c r="H604380" s="12"/>
    </row>
    <row r="604381" spans="8:8">
      <c r="H604381" s="12"/>
    </row>
    <row r="604382" spans="8:8">
      <c r="H604382" s="12"/>
    </row>
    <row r="604383" spans="8:8">
      <c r="H604383" s="12"/>
    </row>
    <row r="604384" spans="8:8">
      <c r="H604384" s="12"/>
    </row>
    <row r="604385" spans="8:8">
      <c r="H604385" s="12"/>
    </row>
    <row r="604386" spans="8:8">
      <c r="H604386" s="12"/>
    </row>
    <row r="604387" spans="8:8">
      <c r="H604387" s="12"/>
    </row>
    <row r="604388" spans="8:8">
      <c r="H604388" s="12"/>
    </row>
    <row r="604389" spans="8:8">
      <c r="H604389" s="12"/>
    </row>
    <row r="604390" spans="8:8">
      <c r="H604390" s="12"/>
    </row>
    <row r="604391" spans="8:8">
      <c r="H604391" s="12"/>
    </row>
    <row r="604392" spans="8:8">
      <c r="H604392" s="12"/>
    </row>
    <row r="604393" spans="8:8">
      <c r="H604393" s="12"/>
    </row>
    <row r="604394" spans="8:8">
      <c r="H604394" s="12"/>
    </row>
    <row r="604395" spans="8:8">
      <c r="H604395" s="12"/>
    </row>
    <row r="604396" spans="8:8">
      <c r="H604396" s="12"/>
    </row>
    <row r="604397" spans="8:8">
      <c r="H604397" s="12"/>
    </row>
    <row r="604398" spans="8:8">
      <c r="H604398" s="12"/>
    </row>
    <row r="604399" spans="8:8">
      <c r="H604399" s="12"/>
    </row>
    <row r="604400" spans="8:8">
      <c r="H604400" s="12"/>
    </row>
    <row r="604401" spans="8:8">
      <c r="H604401" s="12"/>
    </row>
    <row r="604402" spans="8:8">
      <c r="H604402" s="12"/>
    </row>
    <row r="604403" spans="8:8">
      <c r="H604403" s="12"/>
    </row>
    <row r="604404" spans="8:8">
      <c r="H604404" s="12"/>
    </row>
    <row r="604405" spans="8:8">
      <c r="H604405" s="12"/>
    </row>
    <row r="604406" spans="8:8">
      <c r="H604406" s="12"/>
    </row>
    <row r="604407" spans="8:8">
      <c r="H604407" s="12"/>
    </row>
    <row r="604408" spans="8:8">
      <c r="H604408" s="12"/>
    </row>
    <row r="604409" spans="8:8">
      <c r="H604409" s="12"/>
    </row>
    <row r="604410" spans="8:8">
      <c r="H604410" s="12"/>
    </row>
    <row r="604411" spans="8:8">
      <c r="H604411" s="12"/>
    </row>
    <row r="604412" spans="8:8">
      <c r="H604412" s="12"/>
    </row>
    <row r="604413" spans="8:8">
      <c r="H604413" s="12"/>
    </row>
    <row r="604414" spans="8:8">
      <c r="H604414" s="12"/>
    </row>
    <row r="604415" spans="8:8">
      <c r="H604415" s="12"/>
    </row>
    <row r="604416" spans="8:8">
      <c r="H604416" s="12"/>
    </row>
    <row r="604417" spans="8:8">
      <c r="H604417" s="12"/>
    </row>
    <row r="604418" spans="8:8">
      <c r="H604418" s="12"/>
    </row>
    <row r="604419" spans="8:8">
      <c r="H604419" s="12"/>
    </row>
    <row r="604420" spans="8:8">
      <c r="H604420" s="12"/>
    </row>
    <row r="604421" spans="8:8">
      <c r="H604421" s="12"/>
    </row>
    <row r="604422" spans="8:8">
      <c r="H604422" s="12"/>
    </row>
    <row r="604423" spans="8:8">
      <c r="H604423" s="12"/>
    </row>
    <row r="604424" spans="8:8">
      <c r="H604424" s="12"/>
    </row>
    <row r="604425" spans="8:8">
      <c r="H604425" s="12"/>
    </row>
    <row r="604426" spans="8:8">
      <c r="H604426" s="12"/>
    </row>
    <row r="604427" spans="8:8">
      <c r="H604427" s="12"/>
    </row>
    <row r="604428" spans="8:8">
      <c r="H604428" s="12"/>
    </row>
    <row r="604429" spans="8:8">
      <c r="H604429" s="12"/>
    </row>
    <row r="604430" spans="8:8">
      <c r="H604430" s="12"/>
    </row>
    <row r="604431" spans="8:8">
      <c r="H604431" s="12"/>
    </row>
    <row r="604432" spans="8:8">
      <c r="H604432" s="12"/>
    </row>
    <row r="604433" spans="8:8">
      <c r="H604433" s="12"/>
    </row>
    <row r="604434" spans="8:8">
      <c r="H604434" s="12"/>
    </row>
    <row r="604435" spans="8:8">
      <c r="H604435" s="12"/>
    </row>
    <row r="604436" spans="8:8">
      <c r="H604436" s="12"/>
    </row>
    <row r="604437" spans="8:8">
      <c r="H604437" s="12"/>
    </row>
    <row r="604438" spans="8:8">
      <c r="H604438" s="12"/>
    </row>
    <row r="604439" spans="8:8">
      <c r="H604439" s="12"/>
    </row>
    <row r="604440" spans="8:8">
      <c r="H604440" s="12"/>
    </row>
    <row r="604441" spans="8:8">
      <c r="H604441" s="12"/>
    </row>
    <row r="604442" spans="8:8">
      <c r="H604442" s="12"/>
    </row>
    <row r="604443" spans="8:8">
      <c r="H604443" s="12"/>
    </row>
    <row r="604444" spans="8:8">
      <c r="H604444" s="12"/>
    </row>
    <row r="604445" spans="8:8">
      <c r="H604445" s="12"/>
    </row>
    <row r="604446" spans="8:8">
      <c r="H604446" s="12"/>
    </row>
    <row r="604447" spans="8:8">
      <c r="H604447" s="12"/>
    </row>
    <row r="604448" spans="8:8">
      <c r="H604448" s="12"/>
    </row>
    <row r="604449" spans="8:8">
      <c r="H604449" s="12"/>
    </row>
    <row r="604450" spans="8:8">
      <c r="H604450" s="12"/>
    </row>
    <row r="604451" spans="8:8">
      <c r="H604451" s="12"/>
    </row>
    <row r="604452" spans="8:8">
      <c r="H604452" s="12"/>
    </row>
    <row r="604453" spans="8:8">
      <c r="H604453" s="12"/>
    </row>
    <row r="604454" spans="8:8">
      <c r="H604454" s="12"/>
    </row>
    <row r="604455" spans="8:8">
      <c r="H604455" s="12"/>
    </row>
    <row r="604456" spans="8:8">
      <c r="H604456" s="12"/>
    </row>
    <row r="604457" spans="8:8">
      <c r="H604457" s="12"/>
    </row>
    <row r="604458" spans="8:8">
      <c r="H604458" s="12"/>
    </row>
    <row r="604459" spans="8:8">
      <c r="H604459" s="12"/>
    </row>
    <row r="604460" spans="8:8">
      <c r="H604460" s="12"/>
    </row>
    <row r="604461" spans="8:8">
      <c r="H604461" s="12"/>
    </row>
    <row r="604462" spans="8:8">
      <c r="H604462" s="12"/>
    </row>
    <row r="604463" spans="8:8">
      <c r="H604463" s="12"/>
    </row>
    <row r="604464" spans="8:8">
      <c r="H604464" s="12"/>
    </row>
    <row r="604465" spans="8:8">
      <c r="H604465" s="12"/>
    </row>
    <row r="604466" spans="8:8">
      <c r="H604466" s="12"/>
    </row>
    <row r="604467" spans="8:8">
      <c r="H604467" s="12"/>
    </row>
    <row r="604468" spans="8:8">
      <c r="H604468" s="12"/>
    </row>
    <row r="604469" spans="8:8">
      <c r="H604469" s="12"/>
    </row>
    <row r="604470" spans="8:8">
      <c r="H604470" s="12"/>
    </row>
    <row r="604471" spans="8:8">
      <c r="H604471" s="12"/>
    </row>
    <row r="604472" spans="8:8">
      <c r="H604472" s="12"/>
    </row>
    <row r="604473" spans="8:8">
      <c r="H604473" s="12"/>
    </row>
    <row r="604474" spans="8:8">
      <c r="H604474" s="12"/>
    </row>
    <row r="604475" spans="8:8">
      <c r="H604475" s="12"/>
    </row>
    <row r="604476" spans="8:8">
      <c r="H604476" s="12"/>
    </row>
    <row r="604477" spans="8:8">
      <c r="H604477" s="12"/>
    </row>
    <row r="604478" spans="8:8">
      <c r="H604478" s="12"/>
    </row>
    <row r="604479" spans="8:8">
      <c r="H604479" s="12"/>
    </row>
    <row r="604480" spans="8:8">
      <c r="H604480" s="12"/>
    </row>
    <row r="604481" spans="8:8">
      <c r="H604481" s="12"/>
    </row>
    <row r="604482" spans="8:8">
      <c r="H604482" s="12"/>
    </row>
    <row r="604483" spans="8:8">
      <c r="H604483" s="12"/>
    </row>
    <row r="604484" spans="8:8">
      <c r="H604484" s="12"/>
    </row>
    <row r="604485" spans="8:8">
      <c r="H604485" s="12"/>
    </row>
    <row r="604486" spans="8:8">
      <c r="H604486" s="12"/>
    </row>
    <row r="604487" spans="8:8">
      <c r="H604487" s="12"/>
    </row>
    <row r="604488" spans="8:8">
      <c r="H604488" s="12"/>
    </row>
    <row r="604489" spans="8:8">
      <c r="H604489" s="12"/>
    </row>
    <row r="604490" spans="8:8">
      <c r="H604490" s="12"/>
    </row>
    <row r="604491" spans="8:8">
      <c r="H604491" s="12"/>
    </row>
    <row r="604492" spans="8:8">
      <c r="H604492" s="12"/>
    </row>
    <row r="604493" spans="8:8">
      <c r="H604493" s="12"/>
    </row>
    <row r="604494" spans="8:8">
      <c r="H604494" s="12"/>
    </row>
    <row r="604495" spans="8:8">
      <c r="H604495" s="12"/>
    </row>
    <row r="604496" spans="8:8">
      <c r="H604496" s="12"/>
    </row>
    <row r="604497" spans="8:8">
      <c r="H604497" s="12"/>
    </row>
    <row r="604498" spans="8:8">
      <c r="H604498" s="12"/>
    </row>
    <row r="604499" spans="8:8">
      <c r="H604499" s="12"/>
    </row>
    <row r="604500" spans="8:8">
      <c r="H604500" s="12"/>
    </row>
    <row r="604501" spans="8:8">
      <c r="H604501" s="12"/>
    </row>
    <row r="604502" spans="8:8">
      <c r="H604502" s="12"/>
    </row>
    <row r="604503" spans="8:8">
      <c r="H604503" s="12"/>
    </row>
    <row r="604504" spans="8:8">
      <c r="H604504" s="12"/>
    </row>
    <row r="604505" spans="8:8">
      <c r="H604505" s="12"/>
    </row>
    <row r="604506" spans="8:8">
      <c r="H604506" s="12"/>
    </row>
    <row r="604507" spans="8:8">
      <c r="H604507" s="12"/>
    </row>
    <row r="604508" spans="8:8">
      <c r="H604508" s="12"/>
    </row>
    <row r="604509" spans="8:8">
      <c r="H604509" s="12"/>
    </row>
    <row r="604510" spans="8:8">
      <c r="H604510" s="12"/>
    </row>
    <row r="604511" spans="8:8">
      <c r="H604511" s="12"/>
    </row>
    <row r="604512" spans="8:8">
      <c r="H604512" s="12"/>
    </row>
    <row r="604513" spans="8:8">
      <c r="H604513" s="12"/>
    </row>
    <row r="604514" spans="8:8">
      <c r="H604514" s="12"/>
    </row>
    <row r="604515" spans="8:8">
      <c r="H604515" s="12"/>
    </row>
    <row r="604516" spans="8:8">
      <c r="H604516" s="12"/>
    </row>
    <row r="604517" spans="8:8">
      <c r="H604517" s="12"/>
    </row>
    <row r="604518" spans="8:8">
      <c r="H604518" s="12"/>
    </row>
    <row r="604519" spans="8:8">
      <c r="H604519" s="12"/>
    </row>
    <row r="604520" spans="8:8">
      <c r="H604520" s="12"/>
    </row>
    <row r="604521" spans="8:8">
      <c r="H604521" s="12"/>
    </row>
    <row r="604522" spans="8:8">
      <c r="H604522" s="12"/>
    </row>
    <row r="604523" spans="8:8">
      <c r="H604523" s="12"/>
    </row>
    <row r="604524" spans="8:8">
      <c r="H604524" s="12"/>
    </row>
    <row r="604525" spans="8:8">
      <c r="H604525" s="12"/>
    </row>
    <row r="604526" spans="8:8">
      <c r="H604526" s="12"/>
    </row>
    <row r="604527" spans="8:8">
      <c r="H604527" s="12"/>
    </row>
    <row r="604528" spans="8:8">
      <c r="H604528" s="12"/>
    </row>
    <row r="604529" spans="8:8">
      <c r="H604529" s="12"/>
    </row>
    <row r="604530" spans="8:8">
      <c r="H604530" s="12"/>
    </row>
    <row r="604531" spans="8:8">
      <c r="H604531" s="12"/>
    </row>
    <row r="604532" spans="8:8">
      <c r="H604532" s="12"/>
    </row>
    <row r="604533" spans="8:8">
      <c r="H604533" s="12"/>
    </row>
    <row r="604534" spans="8:8">
      <c r="H604534" s="12"/>
    </row>
    <row r="604535" spans="8:8">
      <c r="H604535" s="12"/>
    </row>
    <row r="604536" spans="8:8">
      <c r="H604536" s="12"/>
    </row>
    <row r="604537" spans="8:8">
      <c r="H604537" s="12"/>
    </row>
    <row r="604538" spans="8:8">
      <c r="H604538" s="12"/>
    </row>
    <row r="604539" spans="8:8">
      <c r="H604539" s="12"/>
    </row>
    <row r="604540" spans="8:8">
      <c r="H604540" s="12"/>
    </row>
    <row r="604541" spans="8:8">
      <c r="H604541" s="12"/>
    </row>
    <row r="604542" spans="8:8">
      <c r="H604542" s="12"/>
    </row>
    <row r="604543" spans="8:8">
      <c r="H604543" s="12"/>
    </row>
    <row r="604544" spans="8:8">
      <c r="H604544" s="12"/>
    </row>
    <row r="604545" spans="8:8">
      <c r="H604545" s="12"/>
    </row>
    <row r="604546" spans="8:8">
      <c r="H604546" s="12"/>
    </row>
    <row r="604547" spans="8:8">
      <c r="H604547" s="12"/>
    </row>
    <row r="604548" spans="8:8">
      <c r="H604548" s="12"/>
    </row>
    <row r="604549" spans="8:8">
      <c r="H604549" s="12"/>
    </row>
    <row r="604550" spans="8:8">
      <c r="H604550" s="12"/>
    </row>
    <row r="604551" spans="8:8">
      <c r="H604551" s="12"/>
    </row>
    <row r="604552" spans="8:8">
      <c r="H604552" s="12"/>
    </row>
    <row r="604553" spans="8:8">
      <c r="H604553" s="12"/>
    </row>
    <row r="604554" spans="8:8">
      <c r="H604554" s="12"/>
    </row>
    <row r="604555" spans="8:8">
      <c r="H604555" s="12"/>
    </row>
    <row r="604556" spans="8:8">
      <c r="H604556" s="12"/>
    </row>
    <row r="604557" spans="8:8">
      <c r="H604557" s="12"/>
    </row>
    <row r="604558" spans="8:8">
      <c r="H604558" s="12"/>
    </row>
    <row r="604559" spans="8:8">
      <c r="H604559" s="12"/>
    </row>
    <row r="604560" spans="8:8">
      <c r="H604560" s="12"/>
    </row>
    <row r="604561" spans="8:8">
      <c r="H604561" s="12"/>
    </row>
    <row r="604562" spans="8:8">
      <c r="H604562" s="12"/>
    </row>
    <row r="604563" spans="8:8">
      <c r="H604563" s="12"/>
    </row>
    <row r="604564" spans="8:8">
      <c r="H604564" s="12"/>
    </row>
    <row r="604565" spans="8:8">
      <c r="H604565" s="12"/>
    </row>
    <row r="604566" spans="8:8">
      <c r="H604566" s="12"/>
    </row>
    <row r="604567" spans="8:8">
      <c r="H604567" s="12"/>
    </row>
    <row r="604568" spans="8:8">
      <c r="H604568" s="12"/>
    </row>
    <row r="604569" spans="8:8">
      <c r="H604569" s="12"/>
    </row>
    <row r="604570" spans="8:8">
      <c r="H604570" s="12"/>
    </row>
    <row r="604571" spans="8:8">
      <c r="H604571" s="12"/>
    </row>
    <row r="604572" spans="8:8">
      <c r="H604572" s="12"/>
    </row>
    <row r="604573" spans="8:8">
      <c r="H604573" s="12"/>
    </row>
    <row r="604574" spans="8:8">
      <c r="H604574" s="12"/>
    </row>
    <row r="604575" spans="8:8">
      <c r="H604575" s="12"/>
    </row>
    <row r="604576" spans="8:8">
      <c r="H604576" s="12"/>
    </row>
    <row r="604577" spans="8:8">
      <c r="H604577" s="12"/>
    </row>
    <row r="604578" spans="8:8">
      <c r="H604578" s="12"/>
    </row>
    <row r="604579" spans="8:8">
      <c r="H604579" s="12"/>
    </row>
    <row r="604580" spans="8:8">
      <c r="H604580" s="12"/>
    </row>
    <row r="604581" spans="8:8">
      <c r="H604581" s="12"/>
    </row>
    <row r="604582" spans="8:8">
      <c r="H604582" s="12"/>
    </row>
    <row r="604583" spans="8:8">
      <c r="H604583" s="12"/>
    </row>
    <row r="604584" spans="8:8">
      <c r="H604584" s="12"/>
    </row>
    <row r="604585" spans="8:8">
      <c r="H604585" s="12"/>
    </row>
    <row r="604586" spans="8:8">
      <c r="H604586" s="12"/>
    </row>
    <row r="604587" spans="8:8">
      <c r="H604587" s="12"/>
    </row>
    <row r="604588" spans="8:8">
      <c r="H604588" s="12"/>
    </row>
    <row r="604589" spans="8:8">
      <c r="H604589" s="12"/>
    </row>
    <row r="604590" spans="8:8">
      <c r="H604590" s="12"/>
    </row>
    <row r="604591" spans="8:8">
      <c r="H604591" s="12"/>
    </row>
    <row r="604592" spans="8:8">
      <c r="H604592" s="12"/>
    </row>
    <row r="604593" spans="8:8">
      <c r="H604593" s="12"/>
    </row>
    <row r="604594" spans="8:8">
      <c r="H604594" s="12"/>
    </row>
    <row r="604595" spans="8:8">
      <c r="H604595" s="12"/>
    </row>
    <row r="604596" spans="8:8">
      <c r="H604596" s="12"/>
    </row>
    <row r="604597" spans="8:8">
      <c r="H604597" s="12"/>
    </row>
    <row r="604598" spans="8:8">
      <c r="H604598" s="12"/>
    </row>
    <row r="604599" spans="8:8">
      <c r="H604599" s="12"/>
    </row>
    <row r="604600" spans="8:8">
      <c r="H604600" s="12"/>
    </row>
    <row r="604601" spans="8:8">
      <c r="H604601" s="12"/>
    </row>
    <row r="604602" spans="8:8">
      <c r="H604602" s="12"/>
    </row>
    <row r="604603" spans="8:8">
      <c r="H604603" s="12"/>
    </row>
    <row r="604604" spans="8:8">
      <c r="H604604" s="12"/>
    </row>
    <row r="604605" spans="8:8">
      <c r="H604605" s="12"/>
    </row>
    <row r="604606" spans="8:8">
      <c r="H604606" s="12"/>
    </row>
    <row r="604607" spans="8:8">
      <c r="H604607" s="12"/>
    </row>
    <row r="604608" spans="8:8">
      <c r="H604608" s="12"/>
    </row>
    <row r="604609" spans="8:8">
      <c r="H604609" s="12"/>
    </row>
    <row r="604610" spans="8:8">
      <c r="H604610" s="12"/>
    </row>
    <row r="604611" spans="8:8">
      <c r="H604611" s="12"/>
    </row>
    <row r="604612" spans="8:8">
      <c r="H604612" s="12"/>
    </row>
    <row r="604613" spans="8:8">
      <c r="H604613" s="12"/>
    </row>
    <row r="604614" spans="8:8">
      <c r="H604614" s="12"/>
    </row>
    <row r="604615" spans="8:8">
      <c r="H604615" s="12"/>
    </row>
    <row r="604616" spans="8:8">
      <c r="H604616" s="12"/>
    </row>
    <row r="604617" spans="8:8">
      <c r="H604617" s="12"/>
    </row>
    <row r="604618" spans="8:8">
      <c r="H604618" s="12"/>
    </row>
    <row r="604619" spans="8:8">
      <c r="H604619" s="12"/>
    </row>
    <row r="604620" spans="8:8">
      <c r="H604620" s="12"/>
    </row>
    <row r="604621" spans="8:8">
      <c r="H604621" s="12"/>
    </row>
    <row r="604622" spans="8:8">
      <c r="H604622" s="12"/>
    </row>
    <row r="604623" spans="8:8">
      <c r="H604623" s="12"/>
    </row>
    <row r="604624" spans="8:8">
      <c r="H604624" s="12"/>
    </row>
    <row r="604625" spans="8:8">
      <c r="H604625" s="12"/>
    </row>
    <row r="604626" spans="8:8">
      <c r="H604626" s="12"/>
    </row>
    <row r="604627" spans="8:8">
      <c r="H604627" s="12"/>
    </row>
    <row r="604628" spans="8:8">
      <c r="H604628" s="12"/>
    </row>
    <row r="604629" spans="8:8">
      <c r="H604629" s="12"/>
    </row>
    <row r="604630" spans="8:8">
      <c r="H604630" s="12"/>
    </row>
    <row r="604631" spans="8:8">
      <c r="H604631" s="12"/>
    </row>
    <row r="604632" spans="8:8">
      <c r="H604632" s="12"/>
    </row>
    <row r="604633" spans="8:8">
      <c r="H604633" s="12"/>
    </row>
    <row r="604634" spans="8:8">
      <c r="H604634" s="12"/>
    </row>
    <row r="604635" spans="8:8">
      <c r="H604635" s="12"/>
    </row>
    <row r="604636" spans="8:8">
      <c r="H604636" s="12"/>
    </row>
    <row r="604637" spans="8:8">
      <c r="H604637" s="12"/>
    </row>
    <row r="604638" spans="8:8">
      <c r="H604638" s="12"/>
    </row>
    <row r="604639" spans="8:8">
      <c r="H604639" s="12"/>
    </row>
    <row r="604640" spans="8:8">
      <c r="H604640" s="12"/>
    </row>
    <row r="604641" spans="8:8">
      <c r="H604641" s="12"/>
    </row>
    <row r="604642" spans="8:8">
      <c r="H604642" s="12"/>
    </row>
    <row r="604643" spans="8:8">
      <c r="H604643" s="12"/>
    </row>
    <row r="604644" spans="8:8">
      <c r="H604644" s="12"/>
    </row>
    <row r="604645" spans="8:8">
      <c r="H604645" s="12"/>
    </row>
    <row r="604646" spans="8:8">
      <c r="H604646" s="12"/>
    </row>
    <row r="604647" spans="8:8">
      <c r="H604647" s="12"/>
    </row>
    <row r="604648" spans="8:8">
      <c r="H604648" s="12"/>
    </row>
    <row r="604649" spans="8:8">
      <c r="H604649" s="12"/>
    </row>
    <row r="604650" spans="8:8">
      <c r="H604650" s="12"/>
    </row>
    <row r="604651" spans="8:8">
      <c r="H604651" s="12"/>
    </row>
    <row r="604652" spans="8:8">
      <c r="H604652" s="12"/>
    </row>
    <row r="604653" spans="8:8">
      <c r="H604653" s="12"/>
    </row>
    <row r="604654" spans="8:8">
      <c r="H604654" s="12"/>
    </row>
    <row r="604655" spans="8:8">
      <c r="H604655" s="12"/>
    </row>
    <row r="604656" spans="8:8">
      <c r="H604656" s="12"/>
    </row>
    <row r="604657" spans="8:8">
      <c r="H604657" s="12"/>
    </row>
    <row r="604658" spans="8:8">
      <c r="H604658" s="12"/>
    </row>
    <row r="604659" spans="8:8">
      <c r="H604659" s="12"/>
    </row>
    <row r="604660" spans="8:8">
      <c r="H604660" s="12"/>
    </row>
    <row r="604661" spans="8:8">
      <c r="H604661" s="12"/>
    </row>
    <row r="604662" spans="8:8">
      <c r="H604662" s="12"/>
    </row>
    <row r="604663" spans="8:8">
      <c r="H604663" s="12"/>
    </row>
    <row r="604664" spans="8:8">
      <c r="H604664" s="12"/>
    </row>
    <row r="604665" spans="8:8">
      <c r="H604665" s="12"/>
    </row>
    <row r="604666" spans="8:8">
      <c r="H604666" s="12"/>
    </row>
    <row r="604667" spans="8:8">
      <c r="H604667" s="12"/>
    </row>
    <row r="604668" spans="8:8">
      <c r="H604668" s="12"/>
    </row>
    <row r="604669" spans="8:8">
      <c r="H604669" s="12"/>
    </row>
    <row r="604670" spans="8:8">
      <c r="H604670" s="12"/>
    </row>
    <row r="604671" spans="8:8">
      <c r="H604671" s="12"/>
    </row>
    <row r="604672" spans="8:8">
      <c r="H604672" s="12"/>
    </row>
    <row r="604673" spans="8:8">
      <c r="H604673" s="12"/>
    </row>
    <row r="604674" spans="8:8">
      <c r="H604674" s="12"/>
    </row>
    <row r="604675" spans="8:8">
      <c r="H604675" s="12"/>
    </row>
    <row r="604676" spans="8:8">
      <c r="H604676" s="12"/>
    </row>
    <row r="604677" spans="8:8">
      <c r="H604677" s="12"/>
    </row>
    <row r="604678" spans="8:8">
      <c r="H604678" s="12"/>
    </row>
    <row r="604679" spans="8:8">
      <c r="H604679" s="12"/>
    </row>
    <row r="604680" spans="8:8">
      <c r="H604680" s="12"/>
    </row>
    <row r="604681" spans="8:8">
      <c r="H604681" s="12"/>
    </row>
    <row r="604682" spans="8:8">
      <c r="H604682" s="12"/>
    </row>
    <row r="604683" spans="8:8">
      <c r="H604683" s="12"/>
    </row>
    <row r="604684" spans="8:8">
      <c r="H604684" s="12"/>
    </row>
    <row r="604685" spans="8:8">
      <c r="H604685" s="12"/>
    </row>
    <row r="604686" spans="8:8">
      <c r="H604686" s="12"/>
    </row>
    <row r="604687" spans="8:8">
      <c r="H604687" s="12"/>
    </row>
    <row r="604688" spans="8:8">
      <c r="H604688" s="12"/>
    </row>
    <row r="604689" spans="8:8">
      <c r="H604689" s="12"/>
    </row>
    <row r="604690" spans="8:8">
      <c r="H604690" s="12"/>
    </row>
    <row r="604691" spans="8:8">
      <c r="H604691" s="12"/>
    </row>
    <row r="604692" spans="8:8">
      <c r="H604692" s="12"/>
    </row>
    <row r="604693" spans="8:8">
      <c r="H604693" s="12"/>
    </row>
    <row r="604694" spans="8:8">
      <c r="H604694" s="12"/>
    </row>
    <row r="604695" spans="8:8">
      <c r="H604695" s="12"/>
    </row>
    <row r="604696" spans="8:8">
      <c r="H604696" s="12"/>
    </row>
    <row r="604697" spans="8:8">
      <c r="H604697" s="12"/>
    </row>
    <row r="604698" spans="8:8">
      <c r="H604698" s="12"/>
    </row>
    <row r="604699" spans="8:8">
      <c r="H604699" s="12"/>
    </row>
    <row r="604700" spans="8:8">
      <c r="H604700" s="12"/>
    </row>
    <row r="604701" spans="8:8">
      <c r="H604701" s="12"/>
    </row>
    <row r="604702" spans="8:8">
      <c r="H604702" s="12"/>
    </row>
    <row r="604703" spans="8:8">
      <c r="H604703" s="12"/>
    </row>
    <row r="604704" spans="8:8">
      <c r="H604704" s="12"/>
    </row>
    <row r="604705" spans="8:8">
      <c r="H604705" s="12"/>
    </row>
    <row r="604706" spans="8:8">
      <c r="H604706" s="12"/>
    </row>
    <row r="604707" spans="8:8">
      <c r="H604707" s="12"/>
    </row>
    <row r="604708" spans="8:8">
      <c r="H604708" s="12"/>
    </row>
    <row r="604709" spans="8:8">
      <c r="H604709" s="12"/>
    </row>
    <row r="604710" spans="8:8">
      <c r="H604710" s="12"/>
    </row>
    <row r="604711" spans="8:8">
      <c r="H604711" s="12"/>
    </row>
    <row r="604712" spans="8:8">
      <c r="H604712" s="12"/>
    </row>
    <row r="604713" spans="8:8">
      <c r="H604713" s="12"/>
    </row>
    <row r="604714" spans="8:8">
      <c r="H604714" s="12"/>
    </row>
    <row r="604715" spans="8:8">
      <c r="H604715" s="12"/>
    </row>
    <row r="604716" spans="8:8">
      <c r="H604716" s="12"/>
    </row>
    <row r="604717" spans="8:8">
      <c r="H604717" s="12"/>
    </row>
    <row r="604718" spans="8:8">
      <c r="H604718" s="12"/>
    </row>
    <row r="604719" spans="8:8">
      <c r="H604719" s="12"/>
    </row>
    <row r="604720" spans="8:8">
      <c r="H604720" s="12"/>
    </row>
    <row r="604721" spans="8:8">
      <c r="H604721" s="12"/>
    </row>
    <row r="604722" spans="8:8">
      <c r="H604722" s="12"/>
    </row>
    <row r="604723" spans="8:8">
      <c r="H604723" s="12"/>
    </row>
    <row r="604724" spans="8:8">
      <c r="H604724" s="12"/>
    </row>
    <row r="604725" spans="8:8">
      <c r="H604725" s="12"/>
    </row>
    <row r="604726" spans="8:8">
      <c r="H604726" s="12"/>
    </row>
    <row r="604727" spans="8:8">
      <c r="H604727" s="12"/>
    </row>
    <row r="604728" spans="8:8">
      <c r="H604728" s="12"/>
    </row>
    <row r="604729" spans="8:8">
      <c r="H604729" s="12"/>
    </row>
    <row r="604730" spans="8:8">
      <c r="H604730" s="12"/>
    </row>
    <row r="604731" spans="8:8">
      <c r="H604731" s="12"/>
    </row>
    <row r="604732" spans="8:8">
      <c r="H604732" s="12"/>
    </row>
    <row r="604733" spans="8:8">
      <c r="H604733" s="12"/>
    </row>
    <row r="604734" spans="8:8">
      <c r="H604734" s="12"/>
    </row>
    <row r="604735" spans="8:8">
      <c r="H604735" s="12"/>
    </row>
    <row r="604736" spans="8:8">
      <c r="H604736" s="12"/>
    </row>
    <row r="604737" spans="8:8">
      <c r="H604737" s="12"/>
    </row>
    <row r="604738" spans="8:8">
      <c r="H604738" s="12"/>
    </row>
    <row r="604739" spans="8:8">
      <c r="H604739" s="12"/>
    </row>
    <row r="604740" spans="8:8">
      <c r="H604740" s="12"/>
    </row>
    <row r="604741" spans="8:8">
      <c r="H604741" s="12"/>
    </row>
    <row r="604742" spans="8:8">
      <c r="H604742" s="12"/>
    </row>
    <row r="604743" spans="8:8">
      <c r="H604743" s="12"/>
    </row>
    <row r="604744" spans="8:8">
      <c r="H604744" s="12"/>
    </row>
    <row r="604745" spans="8:8">
      <c r="H604745" s="12"/>
    </row>
    <row r="604746" spans="8:8">
      <c r="H604746" s="12"/>
    </row>
    <row r="604747" spans="8:8">
      <c r="H604747" s="12"/>
    </row>
    <row r="604748" spans="8:8">
      <c r="H604748" s="12"/>
    </row>
    <row r="604749" spans="8:8">
      <c r="H604749" s="12"/>
    </row>
    <row r="604750" spans="8:8">
      <c r="H604750" s="12"/>
    </row>
    <row r="604751" spans="8:8">
      <c r="H604751" s="12"/>
    </row>
    <row r="604752" spans="8:8">
      <c r="H604752" s="12"/>
    </row>
    <row r="604753" spans="8:8">
      <c r="H604753" s="12"/>
    </row>
    <row r="604754" spans="8:8">
      <c r="H604754" s="12"/>
    </row>
    <row r="604755" spans="8:8">
      <c r="H604755" s="12"/>
    </row>
    <row r="604756" spans="8:8">
      <c r="H604756" s="12"/>
    </row>
    <row r="604757" spans="8:8">
      <c r="H604757" s="12"/>
    </row>
    <row r="604758" spans="8:8">
      <c r="H604758" s="12"/>
    </row>
    <row r="604759" spans="8:8">
      <c r="H604759" s="12"/>
    </row>
    <row r="604760" spans="8:8">
      <c r="H604760" s="12"/>
    </row>
    <row r="604761" spans="8:8">
      <c r="H604761" s="12"/>
    </row>
    <row r="604762" spans="8:8">
      <c r="H604762" s="12"/>
    </row>
    <row r="604763" spans="8:8">
      <c r="H604763" s="12"/>
    </row>
    <row r="604764" spans="8:8">
      <c r="H604764" s="12"/>
    </row>
    <row r="604765" spans="8:8">
      <c r="H604765" s="12"/>
    </row>
    <row r="604766" spans="8:8">
      <c r="H604766" s="12"/>
    </row>
    <row r="604767" spans="8:8">
      <c r="H604767" s="12"/>
    </row>
    <row r="604768" spans="8:8">
      <c r="H604768" s="12"/>
    </row>
    <row r="604769" spans="8:8">
      <c r="H604769" s="12"/>
    </row>
    <row r="604770" spans="8:8">
      <c r="H604770" s="12"/>
    </row>
    <row r="604771" spans="8:8">
      <c r="H604771" s="12"/>
    </row>
    <row r="604772" spans="8:8">
      <c r="H604772" s="12"/>
    </row>
    <row r="604773" spans="8:8">
      <c r="H604773" s="12"/>
    </row>
    <row r="604774" spans="8:8">
      <c r="H604774" s="12"/>
    </row>
    <row r="604775" spans="8:8">
      <c r="H604775" s="12"/>
    </row>
    <row r="604776" spans="8:8">
      <c r="H604776" s="12"/>
    </row>
    <row r="604777" spans="8:8">
      <c r="H604777" s="12"/>
    </row>
    <row r="604778" spans="8:8">
      <c r="H604778" s="12"/>
    </row>
    <row r="604779" spans="8:8">
      <c r="H604779" s="12"/>
    </row>
    <row r="604780" spans="8:8">
      <c r="H604780" s="12"/>
    </row>
    <row r="604781" spans="8:8">
      <c r="H604781" s="12"/>
    </row>
    <row r="604782" spans="8:8">
      <c r="H604782" s="12"/>
    </row>
    <row r="604783" spans="8:8">
      <c r="H604783" s="12"/>
    </row>
    <row r="604784" spans="8:8">
      <c r="H604784" s="12"/>
    </row>
    <row r="604785" spans="8:8">
      <c r="H604785" s="12"/>
    </row>
    <row r="604786" spans="8:8">
      <c r="H604786" s="12"/>
    </row>
    <row r="604787" spans="8:8">
      <c r="H604787" s="12"/>
    </row>
    <row r="604788" spans="8:8">
      <c r="H604788" s="12"/>
    </row>
    <row r="604789" spans="8:8">
      <c r="H604789" s="12"/>
    </row>
    <row r="604790" spans="8:8">
      <c r="H604790" s="12"/>
    </row>
    <row r="604791" spans="8:8">
      <c r="H604791" s="12"/>
    </row>
    <row r="604792" spans="8:8">
      <c r="H604792" s="12"/>
    </row>
    <row r="604793" spans="8:8">
      <c r="H604793" s="12"/>
    </row>
    <row r="604794" spans="8:8">
      <c r="H604794" s="12"/>
    </row>
    <row r="604795" spans="8:8">
      <c r="H604795" s="12"/>
    </row>
    <row r="604796" spans="8:8">
      <c r="H604796" s="12"/>
    </row>
    <row r="604797" spans="8:8">
      <c r="H604797" s="12"/>
    </row>
    <row r="604798" spans="8:8">
      <c r="H604798" s="12"/>
    </row>
    <row r="604799" spans="8:8">
      <c r="H604799" s="12"/>
    </row>
    <row r="604800" spans="8:8">
      <c r="H604800" s="12"/>
    </row>
    <row r="604801" spans="8:8">
      <c r="H604801" s="12"/>
    </row>
    <row r="604802" spans="8:8">
      <c r="H604802" s="12"/>
    </row>
    <row r="604803" spans="8:8">
      <c r="H604803" s="12"/>
    </row>
    <row r="604804" spans="8:8">
      <c r="H604804" s="12"/>
    </row>
    <row r="604805" spans="8:8">
      <c r="H604805" s="12"/>
    </row>
    <row r="604806" spans="8:8">
      <c r="H604806" s="12"/>
    </row>
    <row r="604807" spans="8:8">
      <c r="H604807" s="12"/>
    </row>
    <row r="604808" spans="8:8">
      <c r="H604808" s="12"/>
    </row>
    <row r="604809" spans="8:8">
      <c r="H604809" s="12"/>
    </row>
    <row r="604810" spans="8:8">
      <c r="H604810" s="12"/>
    </row>
    <row r="604811" spans="8:8">
      <c r="H604811" s="12"/>
    </row>
    <row r="604812" spans="8:8">
      <c r="H604812" s="12"/>
    </row>
    <row r="604813" spans="8:8">
      <c r="H604813" s="12"/>
    </row>
    <row r="604814" spans="8:8">
      <c r="H604814" s="12"/>
    </row>
    <row r="604815" spans="8:8">
      <c r="H604815" s="12"/>
    </row>
    <row r="604816" spans="8:8">
      <c r="H604816" s="12"/>
    </row>
    <row r="604817" spans="8:8">
      <c r="H604817" s="12"/>
    </row>
    <row r="604818" spans="8:8">
      <c r="H604818" s="12"/>
    </row>
    <row r="604819" spans="8:8">
      <c r="H604819" s="12"/>
    </row>
    <row r="604820" spans="8:8">
      <c r="H604820" s="12"/>
    </row>
    <row r="604821" spans="8:8">
      <c r="H604821" s="12"/>
    </row>
    <row r="604822" spans="8:8">
      <c r="H604822" s="12"/>
    </row>
    <row r="604823" spans="8:8">
      <c r="H604823" s="12"/>
    </row>
    <row r="604824" spans="8:8">
      <c r="H604824" s="12"/>
    </row>
    <row r="604825" spans="8:8">
      <c r="H604825" s="12"/>
    </row>
    <row r="604826" spans="8:8">
      <c r="H604826" s="12"/>
    </row>
    <row r="604827" spans="8:8">
      <c r="H604827" s="12"/>
    </row>
    <row r="604828" spans="8:8">
      <c r="H604828" s="12"/>
    </row>
    <row r="604829" spans="8:8">
      <c r="H604829" s="12"/>
    </row>
    <row r="604830" spans="8:8">
      <c r="H604830" s="12"/>
    </row>
    <row r="604831" spans="8:8">
      <c r="H604831" s="12"/>
    </row>
    <row r="604832" spans="8:8">
      <c r="H604832" s="12"/>
    </row>
    <row r="604833" spans="8:8">
      <c r="H604833" s="12"/>
    </row>
    <row r="604834" spans="8:8">
      <c r="H604834" s="12"/>
    </row>
    <row r="604835" spans="8:8">
      <c r="H604835" s="12"/>
    </row>
    <row r="604836" spans="8:8">
      <c r="H604836" s="12"/>
    </row>
    <row r="604837" spans="8:8">
      <c r="H604837" s="12"/>
    </row>
    <row r="604838" spans="8:8">
      <c r="H604838" s="12"/>
    </row>
    <row r="604839" spans="8:8">
      <c r="H604839" s="12"/>
    </row>
    <row r="604840" spans="8:8">
      <c r="H604840" s="12"/>
    </row>
    <row r="604841" spans="8:8">
      <c r="H604841" s="12"/>
    </row>
    <row r="604842" spans="8:8">
      <c r="H604842" s="12"/>
    </row>
    <row r="604843" spans="8:8">
      <c r="H604843" s="12"/>
    </row>
    <row r="604844" spans="8:8">
      <c r="H604844" s="12"/>
    </row>
    <row r="604845" spans="8:8">
      <c r="H604845" s="12"/>
    </row>
    <row r="604846" spans="8:8">
      <c r="H604846" s="12"/>
    </row>
    <row r="604847" spans="8:8">
      <c r="H604847" s="12"/>
    </row>
    <row r="604848" spans="8:8">
      <c r="H604848" s="12"/>
    </row>
    <row r="604849" spans="8:8">
      <c r="H604849" s="12"/>
    </row>
    <row r="604850" spans="8:8">
      <c r="H604850" s="12"/>
    </row>
    <row r="604851" spans="8:8">
      <c r="H604851" s="12"/>
    </row>
    <row r="604852" spans="8:8">
      <c r="H604852" s="12"/>
    </row>
    <row r="604853" spans="8:8">
      <c r="H604853" s="12"/>
    </row>
    <row r="604854" spans="8:8">
      <c r="H604854" s="12"/>
    </row>
    <row r="604855" spans="8:8">
      <c r="H604855" s="12"/>
    </row>
    <row r="604856" spans="8:8">
      <c r="H604856" s="12"/>
    </row>
    <row r="604857" spans="8:8">
      <c r="H604857" s="12"/>
    </row>
    <row r="604858" spans="8:8">
      <c r="H604858" s="12"/>
    </row>
    <row r="604859" spans="8:8">
      <c r="H604859" s="12"/>
    </row>
    <row r="604860" spans="8:8">
      <c r="H604860" s="12"/>
    </row>
    <row r="604861" spans="8:8">
      <c r="H604861" s="12"/>
    </row>
    <row r="604862" spans="8:8">
      <c r="H604862" s="12"/>
    </row>
    <row r="604863" spans="8:8">
      <c r="H604863" s="12"/>
    </row>
    <row r="604864" spans="8:8">
      <c r="H604864" s="12"/>
    </row>
    <row r="604865" spans="8:8">
      <c r="H604865" s="12"/>
    </row>
    <row r="604866" spans="8:8">
      <c r="H604866" s="12"/>
    </row>
    <row r="604867" spans="8:8">
      <c r="H604867" s="12"/>
    </row>
    <row r="604868" spans="8:8">
      <c r="H604868" s="12"/>
    </row>
    <row r="604869" spans="8:8">
      <c r="H604869" s="12"/>
    </row>
    <row r="604870" spans="8:8">
      <c r="H604870" s="12"/>
    </row>
    <row r="604871" spans="8:8">
      <c r="H604871" s="12"/>
    </row>
    <row r="604872" spans="8:8">
      <c r="H604872" s="12"/>
    </row>
    <row r="604873" spans="8:8">
      <c r="H604873" s="12"/>
    </row>
    <row r="604874" spans="8:8">
      <c r="H604874" s="12"/>
    </row>
    <row r="604875" spans="8:8">
      <c r="H604875" s="12"/>
    </row>
    <row r="604876" spans="8:8">
      <c r="H604876" s="12"/>
    </row>
    <row r="604877" spans="8:8">
      <c r="H604877" s="12"/>
    </row>
    <row r="604878" spans="8:8">
      <c r="H604878" s="12"/>
    </row>
    <row r="604879" spans="8:8">
      <c r="H604879" s="12"/>
    </row>
    <row r="604880" spans="8:8">
      <c r="H604880" s="12"/>
    </row>
    <row r="604881" spans="8:8">
      <c r="H604881" s="12"/>
    </row>
    <row r="604882" spans="8:8">
      <c r="H604882" s="12"/>
    </row>
    <row r="604883" spans="8:8">
      <c r="H604883" s="12"/>
    </row>
    <row r="604884" spans="8:8">
      <c r="H604884" s="12"/>
    </row>
    <row r="604885" spans="8:8">
      <c r="H604885" s="12"/>
    </row>
    <row r="604886" spans="8:8">
      <c r="H604886" s="12"/>
    </row>
    <row r="604887" spans="8:8">
      <c r="H604887" s="12"/>
    </row>
    <row r="604888" spans="8:8">
      <c r="H604888" s="12"/>
    </row>
    <row r="604889" spans="8:8">
      <c r="H604889" s="12"/>
    </row>
    <row r="604890" spans="8:8">
      <c r="H604890" s="12"/>
    </row>
    <row r="604891" spans="8:8">
      <c r="H604891" s="12"/>
    </row>
    <row r="604892" spans="8:8">
      <c r="H604892" s="12"/>
    </row>
    <row r="604893" spans="8:8">
      <c r="H604893" s="12"/>
    </row>
    <row r="604894" spans="8:8">
      <c r="H604894" s="12"/>
    </row>
    <row r="604895" spans="8:8">
      <c r="H604895" s="12"/>
    </row>
    <row r="604896" spans="8:8">
      <c r="H604896" s="12"/>
    </row>
    <row r="604897" spans="8:8">
      <c r="H604897" s="12"/>
    </row>
    <row r="604898" spans="8:8">
      <c r="H604898" s="12"/>
    </row>
    <row r="604899" spans="8:8">
      <c r="H604899" s="12"/>
    </row>
    <row r="604900" spans="8:8">
      <c r="H604900" s="12"/>
    </row>
    <row r="604901" spans="8:8">
      <c r="H604901" s="12"/>
    </row>
    <row r="604902" spans="8:8">
      <c r="H604902" s="12"/>
    </row>
    <row r="604903" spans="8:8">
      <c r="H604903" s="12"/>
    </row>
    <row r="604904" spans="8:8">
      <c r="H604904" s="12"/>
    </row>
    <row r="604905" spans="8:8">
      <c r="H604905" s="12"/>
    </row>
    <row r="604906" spans="8:8">
      <c r="H604906" s="12"/>
    </row>
    <row r="604907" spans="8:8">
      <c r="H604907" s="12"/>
    </row>
    <row r="604908" spans="8:8">
      <c r="H604908" s="12"/>
    </row>
    <row r="604909" spans="8:8">
      <c r="H604909" s="12"/>
    </row>
    <row r="604910" spans="8:8">
      <c r="H604910" s="12"/>
    </row>
    <row r="604911" spans="8:8">
      <c r="H604911" s="12"/>
    </row>
    <row r="604912" spans="8:8">
      <c r="H604912" s="12"/>
    </row>
    <row r="604913" spans="8:8">
      <c r="H604913" s="12"/>
    </row>
    <row r="604914" spans="8:8">
      <c r="H604914" s="12"/>
    </row>
    <row r="604915" spans="8:8">
      <c r="H604915" s="12"/>
    </row>
    <row r="604916" spans="8:8">
      <c r="H604916" s="12"/>
    </row>
    <row r="604917" spans="8:8">
      <c r="H604917" s="12"/>
    </row>
    <row r="604918" spans="8:8">
      <c r="H604918" s="12"/>
    </row>
    <row r="604919" spans="8:8">
      <c r="H604919" s="12"/>
    </row>
    <row r="604920" spans="8:8">
      <c r="H604920" s="12"/>
    </row>
    <row r="604921" spans="8:8">
      <c r="H604921" s="12"/>
    </row>
    <row r="604922" spans="8:8">
      <c r="H604922" s="12"/>
    </row>
    <row r="604923" spans="8:8">
      <c r="H604923" s="12"/>
    </row>
    <row r="604924" spans="8:8">
      <c r="H604924" s="12"/>
    </row>
    <row r="604925" spans="8:8">
      <c r="H604925" s="12"/>
    </row>
    <row r="604926" spans="8:8">
      <c r="H604926" s="12"/>
    </row>
    <row r="604927" spans="8:8">
      <c r="H604927" s="12"/>
    </row>
    <row r="604928" spans="8:8">
      <c r="H604928" s="12"/>
    </row>
    <row r="604929" spans="8:8">
      <c r="H604929" s="12"/>
    </row>
    <row r="604930" spans="8:8">
      <c r="H604930" s="12"/>
    </row>
    <row r="604931" spans="8:8">
      <c r="H604931" s="12"/>
    </row>
    <row r="604932" spans="8:8">
      <c r="H604932" s="12"/>
    </row>
    <row r="604933" spans="8:8">
      <c r="H604933" s="12"/>
    </row>
    <row r="604934" spans="8:8">
      <c r="H604934" s="12"/>
    </row>
    <row r="604935" spans="8:8">
      <c r="H604935" s="12"/>
    </row>
    <row r="604936" spans="8:8">
      <c r="H604936" s="12"/>
    </row>
    <row r="604937" spans="8:8">
      <c r="H604937" s="12"/>
    </row>
    <row r="604938" spans="8:8">
      <c r="H604938" s="12"/>
    </row>
    <row r="604939" spans="8:8">
      <c r="H604939" s="12"/>
    </row>
    <row r="604940" spans="8:8">
      <c r="H604940" s="12"/>
    </row>
    <row r="604941" spans="8:8">
      <c r="H604941" s="12"/>
    </row>
    <row r="604942" spans="8:8">
      <c r="H604942" s="12"/>
    </row>
    <row r="604943" spans="8:8">
      <c r="H604943" s="12"/>
    </row>
    <row r="604944" spans="8:8">
      <c r="H604944" s="12"/>
    </row>
    <row r="604945" spans="8:8">
      <c r="H604945" s="12"/>
    </row>
    <row r="604946" spans="8:8">
      <c r="H604946" s="12"/>
    </row>
    <row r="604947" spans="8:8">
      <c r="H604947" s="12"/>
    </row>
    <row r="604948" spans="8:8">
      <c r="H604948" s="12"/>
    </row>
    <row r="604949" spans="8:8">
      <c r="H604949" s="12"/>
    </row>
    <row r="604950" spans="8:8">
      <c r="H604950" s="12"/>
    </row>
    <row r="604951" spans="8:8">
      <c r="H604951" s="12"/>
    </row>
    <row r="604952" spans="8:8">
      <c r="H604952" s="12"/>
    </row>
    <row r="604953" spans="8:8">
      <c r="H604953" s="12"/>
    </row>
    <row r="604954" spans="8:8">
      <c r="H604954" s="12"/>
    </row>
    <row r="604955" spans="8:8">
      <c r="H604955" s="12"/>
    </row>
    <row r="604956" spans="8:8">
      <c r="H604956" s="12"/>
    </row>
    <row r="604957" spans="8:8">
      <c r="H604957" s="12"/>
    </row>
    <row r="604958" spans="8:8">
      <c r="H604958" s="12"/>
    </row>
    <row r="604959" spans="8:8">
      <c r="H604959" s="12"/>
    </row>
    <row r="604960" spans="8:8">
      <c r="H604960" s="12"/>
    </row>
    <row r="604961" spans="8:8">
      <c r="H604961" s="12"/>
    </row>
    <row r="604962" spans="8:8">
      <c r="H604962" s="12"/>
    </row>
    <row r="604963" spans="8:8">
      <c r="H604963" s="12"/>
    </row>
    <row r="604964" spans="8:8">
      <c r="H604964" s="12"/>
    </row>
    <row r="604965" spans="8:8">
      <c r="H604965" s="12"/>
    </row>
    <row r="604966" spans="8:8">
      <c r="H604966" s="12"/>
    </row>
    <row r="604967" spans="8:8">
      <c r="H604967" s="12"/>
    </row>
    <row r="604968" spans="8:8">
      <c r="H604968" s="12"/>
    </row>
    <row r="604969" spans="8:8">
      <c r="H604969" s="12"/>
    </row>
    <row r="604970" spans="8:8">
      <c r="H604970" s="12"/>
    </row>
    <row r="604971" spans="8:8">
      <c r="H604971" s="12"/>
    </row>
    <row r="604972" spans="8:8">
      <c r="H604972" s="12"/>
    </row>
    <row r="604973" spans="8:8">
      <c r="H604973" s="12"/>
    </row>
    <row r="604974" spans="8:8">
      <c r="H604974" s="12"/>
    </row>
    <row r="604975" spans="8:8">
      <c r="H604975" s="12"/>
    </row>
    <row r="604976" spans="8:8">
      <c r="H604976" s="12"/>
    </row>
    <row r="604977" spans="8:8">
      <c r="H604977" s="12"/>
    </row>
    <row r="604978" spans="8:8">
      <c r="H604978" s="12"/>
    </row>
    <row r="604979" spans="8:8">
      <c r="H604979" s="12"/>
    </row>
    <row r="604980" spans="8:8">
      <c r="H604980" s="12"/>
    </row>
    <row r="604981" spans="8:8">
      <c r="H604981" s="12"/>
    </row>
    <row r="604982" spans="8:8">
      <c r="H604982" s="12"/>
    </row>
    <row r="604983" spans="8:8">
      <c r="H604983" s="12"/>
    </row>
    <row r="604984" spans="8:8">
      <c r="H604984" s="12"/>
    </row>
    <row r="604985" spans="8:8">
      <c r="H604985" s="12"/>
    </row>
    <row r="604986" spans="8:8">
      <c r="H604986" s="12"/>
    </row>
    <row r="604987" spans="8:8">
      <c r="H604987" s="12"/>
    </row>
    <row r="604988" spans="8:8">
      <c r="H604988" s="12"/>
    </row>
    <row r="604989" spans="8:8">
      <c r="H604989" s="12"/>
    </row>
    <row r="604990" spans="8:8">
      <c r="H604990" s="12"/>
    </row>
    <row r="604991" spans="8:8">
      <c r="H604991" s="12"/>
    </row>
    <row r="604992" spans="8:8">
      <c r="H604992" s="12"/>
    </row>
    <row r="604993" spans="8:8">
      <c r="H604993" s="12"/>
    </row>
    <row r="604994" spans="8:8">
      <c r="H604994" s="12"/>
    </row>
    <row r="604995" spans="8:8">
      <c r="H604995" s="12"/>
    </row>
    <row r="604996" spans="8:8">
      <c r="H604996" s="12"/>
    </row>
    <row r="604997" spans="8:8">
      <c r="H604997" s="12"/>
    </row>
    <row r="604998" spans="8:8">
      <c r="H604998" s="12"/>
    </row>
    <row r="604999" spans="8:8">
      <c r="H604999" s="12"/>
    </row>
    <row r="605000" spans="8:8">
      <c r="H605000" s="12"/>
    </row>
    <row r="605001" spans="8:8">
      <c r="H605001" s="12"/>
    </row>
    <row r="605002" spans="8:8">
      <c r="H605002" s="12"/>
    </row>
    <row r="605003" spans="8:8">
      <c r="H605003" s="12"/>
    </row>
    <row r="605004" spans="8:8">
      <c r="H605004" s="12"/>
    </row>
    <row r="605005" spans="8:8">
      <c r="H605005" s="12"/>
    </row>
    <row r="605006" spans="8:8">
      <c r="H605006" s="12"/>
    </row>
    <row r="605007" spans="8:8">
      <c r="H605007" s="12"/>
    </row>
    <row r="605008" spans="8:8">
      <c r="H605008" s="12"/>
    </row>
    <row r="605009" spans="8:8">
      <c r="H605009" s="12"/>
    </row>
    <row r="605010" spans="8:8">
      <c r="H605010" s="12"/>
    </row>
    <row r="605011" spans="8:8">
      <c r="H605011" s="12"/>
    </row>
    <row r="605012" spans="8:8">
      <c r="H605012" s="12"/>
    </row>
    <row r="605013" spans="8:8">
      <c r="H605013" s="12"/>
    </row>
    <row r="605014" spans="8:8">
      <c r="H605014" s="12"/>
    </row>
    <row r="605015" spans="8:8">
      <c r="H605015" s="12"/>
    </row>
    <row r="605016" spans="8:8">
      <c r="H605016" s="12"/>
    </row>
    <row r="605017" spans="8:8">
      <c r="H605017" s="12"/>
    </row>
    <row r="605018" spans="8:8">
      <c r="H605018" s="12"/>
    </row>
    <row r="605019" spans="8:8">
      <c r="H605019" s="12"/>
    </row>
    <row r="605020" spans="8:8">
      <c r="H605020" s="12"/>
    </row>
    <row r="605021" spans="8:8">
      <c r="H605021" s="12"/>
    </row>
    <row r="605022" spans="8:8">
      <c r="H605022" s="12"/>
    </row>
    <row r="605023" spans="8:8">
      <c r="H605023" s="12"/>
    </row>
    <row r="605024" spans="8:8">
      <c r="H605024" s="12"/>
    </row>
    <row r="605025" spans="8:8">
      <c r="H605025" s="12"/>
    </row>
    <row r="605026" spans="8:8">
      <c r="H605026" s="12"/>
    </row>
    <row r="605027" spans="8:8">
      <c r="H605027" s="12"/>
    </row>
    <row r="605028" spans="8:8">
      <c r="H605028" s="12"/>
    </row>
    <row r="605029" spans="8:8">
      <c r="H605029" s="12"/>
    </row>
    <row r="605030" spans="8:8">
      <c r="H605030" s="12"/>
    </row>
    <row r="605031" spans="8:8">
      <c r="H605031" s="12"/>
    </row>
    <row r="605032" spans="8:8">
      <c r="H605032" s="12"/>
    </row>
    <row r="605033" spans="8:8">
      <c r="H605033" s="12"/>
    </row>
    <row r="605034" spans="8:8">
      <c r="H605034" s="12"/>
    </row>
    <row r="605035" spans="8:8">
      <c r="H605035" s="12"/>
    </row>
    <row r="605036" spans="8:8">
      <c r="H605036" s="12"/>
    </row>
    <row r="605037" spans="8:8">
      <c r="H605037" s="12"/>
    </row>
    <row r="605038" spans="8:8">
      <c r="H605038" s="12"/>
    </row>
    <row r="605039" spans="8:8">
      <c r="H605039" s="12"/>
    </row>
    <row r="605040" spans="8:8">
      <c r="H605040" s="12"/>
    </row>
    <row r="605041" spans="8:8">
      <c r="H605041" s="12"/>
    </row>
    <row r="605042" spans="8:8">
      <c r="H605042" s="12"/>
    </row>
    <row r="605043" spans="8:8">
      <c r="H605043" s="12"/>
    </row>
    <row r="605044" spans="8:8">
      <c r="H605044" s="12"/>
    </row>
    <row r="605045" spans="8:8">
      <c r="H605045" s="12"/>
    </row>
    <row r="605046" spans="8:8">
      <c r="H605046" s="12"/>
    </row>
    <row r="605047" spans="8:8">
      <c r="H605047" s="12"/>
    </row>
    <row r="605048" spans="8:8">
      <c r="H605048" s="12"/>
    </row>
    <row r="605049" spans="8:8">
      <c r="H605049" s="12"/>
    </row>
    <row r="605050" spans="8:8">
      <c r="H605050" s="12"/>
    </row>
    <row r="605051" spans="8:8">
      <c r="H605051" s="12"/>
    </row>
    <row r="605052" spans="8:8">
      <c r="H605052" s="12"/>
    </row>
    <row r="605053" spans="8:8">
      <c r="H605053" s="12"/>
    </row>
    <row r="605054" spans="8:8">
      <c r="H605054" s="12"/>
    </row>
    <row r="605055" spans="8:8">
      <c r="H605055" s="12"/>
    </row>
    <row r="605056" spans="8:8">
      <c r="H605056" s="12"/>
    </row>
    <row r="605057" spans="8:8">
      <c r="H605057" s="12"/>
    </row>
    <row r="605058" spans="8:8">
      <c r="H605058" s="12"/>
    </row>
    <row r="605059" spans="8:8">
      <c r="H605059" s="12"/>
    </row>
    <row r="605060" spans="8:8">
      <c r="H605060" s="12"/>
    </row>
    <row r="605061" spans="8:8">
      <c r="H605061" s="12"/>
    </row>
    <row r="605062" spans="8:8">
      <c r="H605062" s="12"/>
    </row>
    <row r="605063" spans="8:8">
      <c r="H605063" s="12"/>
    </row>
    <row r="605064" spans="8:8">
      <c r="H605064" s="12"/>
    </row>
    <row r="605065" spans="8:8">
      <c r="H605065" s="12"/>
    </row>
    <row r="605066" spans="8:8">
      <c r="H605066" s="12"/>
    </row>
    <row r="605067" spans="8:8">
      <c r="H605067" s="12"/>
    </row>
    <row r="605068" spans="8:8">
      <c r="H605068" s="12"/>
    </row>
    <row r="605069" spans="8:8">
      <c r="H605069" s="12"/>
    </row>
    <row r="605070" spans="8:8">
      <c r="H605070" s="12"/>
    </row>
    <row r="605071" spans="8:8">
      <c r="H605071" s="12"/>
    </row>
    <row r="605072" spans="8:8">
      <c r="H605072" s="12"/>
    </row>
    <row r="605073" spans="8:8">
      <c r="H605073" s="12"/>
    </row>
    <row r="605074" spans="8:8">
      <c r="H605074" s="12"/>
    </row>
    <row r="605075" spans="8:8">
      <c r="H605075" s="12"/>
    </row>
    <row r="605076" spans="8:8">
      <c r="H605076" s="12"/>
    </row>
    <row r="605077" spans="8:8">
      <c r="H605077" s="12"/>
    </row>
    <row r="605078" spans="8:8">
      <c r="H605078" s="12"/>
    </row>
    <row r="605079" spans="8:8">
      <c r="H605079" s="12"/>
    </row>
    <row r="605080" spans="8:8">
      <c r="H605080" s="12"/>
    </row>
    <row r="605081" spans="8:8">
      <c r="H605081" s="12"/>
    </row>
    <row r="605082" spans="8:8">
      <c r="H605082" s="12"/>
    </row>
    <row r="605083" spans="8:8">
      <c r="H605083" s="12"/>
    </row>
    <row r="605084" spans="8:8">
      <c r="H605084" s="12"/>
    </row>
    <row r="605085" spans="8:8">
      <c r="H605085" s="12"/>
    </row>
    <row r="605086" spans="8:8">
      <c r="H605086" s="12"/>
    </row>
    <row r="605087" spans="8:8">
      <c r="H605087" s="12"/>
    </row>
    <row r="605088" spans="8:8">
      <c r="H605088" s="12"/>
    </row>
    <row r="605089" spans="8:8">
      <c r="H605089" s="12"/>
    </row>
    <row r="605090" spans="8:8">
      <c r="H605090" s="12"/>
    </row>
    <row r="605091" spans="8:8">
      <c r="H605091" s="12"/>
    </row>
    <row r="605092" spans="8:8">
      <c r="H605092" s="12"/>
    </row>
    <row r="605093" spans="8:8">
      <c r="H605093" s="12"/>
    </row>
    <row r="605094" spans="8:8">
      <c r="H605094" s="12"/>
    </row>
    <row r="605095" spans="8:8">
      <c r="H605095" s="12"/>
    </row>
    <row r="605096" spans="8:8">
      <c r="H605096" s="12"/>
    </row>
    <row r="605097" spans="8:8">
      <c r="H605097" s="12"/>
    </row>
    <row r="605098" spans="8:8">
      <c r="H605098" s="12"/>
    </row>
    <row r="605099" spans="8:8">
      <c r="H605099" s="12"/>
    </row>
    <row r="605100" spans="8:8">
      <c r="H605100" s="12"/>
    </row>
    <row r="605101" spans="8:8">
      <c r="H605101" s="12"/>
    </row>
    <row r="605102" spans="8:8">
      <c r="H605102" s="12"/>
    </row>
    <row r="605103" spans="8:8">
      <c r="H605103" s="12"/>
    </row>
    <row r="605104" spans="8:8">
      <c r="H605104" s="12"/>
    </row>
    <row r="605105" spans="8:8">
      <c r="H605105" s="12"/>
    </row>
    <row r="605106" spans="8:8">
      <c r="H605106" s="12"/>
    </row>
    <row r="605107" spans="8:8">
      <c r="H605107" s="12"/>
    </row>
    <row r="605108" spans="8:8">
      <c r="H605108" s="12"/>
    </row>
    <row r="605109" spans="8:8">
      <c r="H605109" s="12"/>
    </row>
    <row r="605110" spans="8:8">
      <c r="H605110" s="12"/>
    </row>
    <row r="605111" spans="8:8">
      <c r="H605111" s="12"/>
    </row>
    <row r="605112" spans="8:8">
      <c r="H605112" s="12"/>
    </row>
    <row r="605113" spans="8:8">
      <c r="H605113" s="12"/>
    </row>
    <row r="605114" spans="8:8">
      <c r="H605114" s="12"/>
    </row>
    <row r="605115" spans="8:8">
      <c r="H605115" s="12"/>
    </row>
    <row r="605116" spans="8:8">
      <c r="H605116" s="12"/>
    </row>
    <row r="605117" spans="8:8">
      <c r="H605117" s="12"/>
    </row>
    <row r="605118" spans="8:8">
      <c r="H605118" s="12"/>
    </row>
    <row r="605119" spans="8:8">
      <c r="H605119" s="12"/>
    </row>
    <row r="605120" spans="8:8">
      <c r="H605120" s="12"/>
    </row>
    <row r="605121" spans="8:8">
      <c r="H605121" s="12"/>
    </row>
    <row r="605122" spans="8:8">
      <c r="H605122" s="12"/>
    </row>
    <row r="605123" spans="8:8">
      <c r="H605123" s="12"/>
    </row>
    <row r="605124" spans="8:8">
      <c r="H605124" s="12"/>
    </row>
    <row r="605125" spans="8:8">
      <c r="H605125" s="12"/>
    </row>
    <row r="605126" spans="8:8">
      <c r="H605126" s="12"/>
    </row>
    <row r="605127" spans="8:8">
      <c r="H605127" s="12"/>
    </row>
    <row r="605128" spans="8:8">
      <c r="H605128" s="12"/>
    </row>
    <row r="605129" spans="8:8">
      <c r="H605129" s="12"/>
    </row>
    <row r="605130" spans="8:8">
      <c r="H605130" s="12"/>
    </row>
    <row r="605131" spans="8:8">
      <c r="H605131" s="12"/>
    </row>
    <row r="605132" spans="8:8">
      <c r="H605132" s="12"/>
    </row>
    <row r="605133" spans="8:8">
      <c r="H605133" s="12"/>
    </row>
    <row r="605134" spans="8:8">
      <c r="H605134" s="12"/>
    </row>
    <row r="605135" spans="8:8">
      <c r="H605135" s="12"/>
    </row>
    <row r="605136" spans="8:8">
      <c r="H605136" s="12"/>
    </row>
    <row r="605137" spans="8:8">
      <c r="H605137" s="12"/>
    </row>
    <row r="605138" spans="8:8">
      <c r="H605138" s="12"/>
    </row>
    <row r="605139" spans="8:8">
      <c r="H605139" s="12"/>
    </row>
    <row r="605140" spans="8:8">
      <c r="H605140" s="12"/>
    </row>
    <row r="605141" spans="8:8">
      <c r="H605141" s="12"/>
    </row>
    <row r="605142" spans="8:8">
      <c r="H605142" s="12"/>
    </row>
    <row r="605143" spans="8:8">
      <c r="H605143" s="12"/>
    </row>
    <row r="605144" spans="8:8">
      <c r="H605144" s="12"/>
    </row>
    <row r="605145" spans="8:8">
      <c r="H605145" s="12"/>
    </row>
    <row r="605146" spans="8:8">
      <c r="H605146" s="12"/>
    </row>
    <row r="605147" spans="8:8">
      <c r="H605147" s="12"/>
    </row>
    <row r="605148" spans="8:8">
      <c r="H605148" s="12"/>
    </row>
    <row r="605149" spans="8:8">
      <c r="H605149" s="12"/>
    </row>
    <row r="605150" spans="8:8">
      <c r="H605150" s="12"/>
    </row>
    <row r="605151" spans="8:8">
      <c r="H605151" s="12"/>
    </row>
    <row r="605152" spans="8:8">
      <c r="H605152" s="12"/>
    </row>
    <row r="605153" spans="8:8">
      <c r="H605153" s="12"/>
    </row>
    <row r="605154" spans="8:8">
      <c r="H605154" s="12"/>
    </row>
    <row r="605155" spans="8:8">
      <c r="H605155" s="12"/>
    </row>
    <row r="605156" spans="8:8">
      <c r="H605156" s="12"/>
    </row>
    <row r="605157" spans="8:8">
      <c r="H605157" s="12"/>
    </row>
    <row r="605158" spans="8:8">
      <c r="H605158" s="12"/>
    </row>
    <row r="605159" spans="8:8">
      <c r="H605159" s="12"/>
    </row>
    <row r="605160" spans="8:8">
      <c r="H605160" s="12"/>
    </row>
    <row r="605161" spans="8:8">
      <c r="H605161" s="12"/>
    </row>
    <row r="605162" spans="8:8">
      <c r="H605162" s="12"/>
    </row>
    <row r="605163" spans="8:8">
      <c r="H605163" s="12"/>
    </row>
    <row r="605164" spans="8:8">
      <c r="H605164" s="12"/>
    </row>
    <row r="605165" spans="8:8">
      <c r="H605165" s="12"/>
    </row>
    <row r="605166" spans="8:8">
      <c r="H605166" s="12"/>
    </row>
    <row r="605167" spans="8:8">
      <c r="H605167" s="12"/>
    </row>
    <row r="605168" spans="8:8">
      <c r="H605168" s="12"/>
    </row>
    <row r="605169" spans="8:8">
      <c r="H605169" s="12"/>
    </row>
    <row r="605170" spans="8:8">
      <c r="H605170" s="12"/>
    </row>
    <row r="605171" spans="8:8">
      <c r="H605171" s="12"/>
    </row>
    <row r="605172" spans="8:8">
      <c r="H605172" s="12"/>
    </row>
    <row r="605173" spans="8:8">
      <c r="H605173" s="12"/>
    </row>
    <row r="605174" spans="8:8">
      <c r="H605174" s="12"/>
    </row>
    <row r="605175" spans="8:8">
      <c r="H605175" s="12"/>
    </row>
    <row r="605176" spans="8:8">
      <c r="H605176" s="12"/>
    </row>
    <row r="605177" spans="8:8">
      <c r="H605177" s="12"/>
    </row>
    <row r="605178" spans="8:8">
      <c r="H605178" s="12"/>
    </row>
    <row r="605179" spans="8:8">
      <c r="H605179" s="12"/>
    </row>
    <row r="605180" spans="8:8">
      <c r="H605180" s="12"/>
    </row>
    <row r="605181" spans="8:8">
      <c r="H605181" s="12"/>
    </row>
    <row r="605182" spans="8:8">
      <c r="H605182" s="12"/>
    </row>
    <row r="605183" spans="8:8">
      <c r="H605183" s="12"/>
    </row>
    <row r="605184" spans="8:8">
      <c r="H605184" s="12"/>
    </row>
    <row r="605185" spans="8:8">
      <c r="H605185" s="12"/>
    </row>
    <row r="605186" spans="8:8">
      <c r="H605186" s="12"/>
    </row>
    <row r="605187" spans="8:8">
      <c r="H605187" s="12"/>
    </row>
    <row r="605188" spans="8:8">
      <c r="H605188" s="12"/>
    </row>
    <row r="605189" spans="8:8">
      <c r="H605189" s="12"/>
    </row>
    <row r="605190" spans="8:8">
      <c r="H605190" s="12"/>
    </row>
    <row r="605191" spans="8:8">
      <c r="H605191" s="12"/>
    </row>
    <row r="605192" spans="8:8">
      <c r="H605192" s="12"/>
    </row>
    <row r="605193" spans="8:8">
      <c r="H605193" s="12"/>
    </row>
    <row r="605194" spans="8:8">
      <c r="H605194" s="12"/>
    </row>
    <row r="605195" spans="8:8">
      <c r="H605195" s="12"/>
    </row>
    <row r="605196" spans="8:8">
      <c r="H605196" s="12"/>
    </row>
    <row r="605197" spans="8:8">
      <c r="H605197" s="12"/>
    </row>
    <row r="605198" spans="8:8">
      <c r="H605198" s="12"/>
    </row>
    <row r="605199" spans="8:8">
      <c r="H605199" s="12"/>
    </row>
    <row r="605200" spans="8:8">
      <c r="H605200" s="12"/>
    </row>
    <row r="605201" spans="8:8">
      <c r="H605201" s="12"/>
    </row>
    <row r="605202" spans="8:8">
      <c r="H605202" s="12"/>
    </row>
    <row r="605203" spans="8:8">
      <c r="H605203" s="12"/>
    </row>
    <row r="605204" spans="8:8">
      <c r="H605204" s="12"/>
    </row>
    <row r="605205" spans="8:8">
      <c r="H605205" s="12"/>
    </row>
    <row r="605206" spans="8:8">
      <c r="H605206" s="12"/>
    </row>
    <row r="605207" spans="8:8">
      <c r="H605207" s="12"/>
    </row>
    <row r="605208" spans="8:8">
      <c r="H605208" s="12"/>
    </row>
    <row r="605209" spans="8:8">
      <c r="H605209" s="12"/>
    </row>
    <row r="605210" spans="8:8">
      <c r="H605210" s="12"/>
    </row>
    <row r="605211" spans="8:8">
      <c r="H605211" s="12"/>
    </row>
    <row r="605212" spans="8:8">
      <c r="H605212" s="12"/>
    </row>
    <row r="605213" spans="8:8">
      <c r="H605213" s="12"/>
    </row>
    <row r="605214" spans="8:8">
      <c r="H605214" s="12"/>
    </row>
    <row r="605215" spans="8:8">
      <c r="H605215" s="12"/>
    </row>
    <row r="605216" spans="8:8">
      <c r="H605216" s="12"/>
    </row>
    <row r="605217" spans="8:8">
      <c r="H605217" s="12"/>
    </row>
    <row r="605218" spans="8:8">
      <c r="H605218" s="12"/>
    </row>
    <row r="605219" spans="8:8">
      <c r="H605219" s="12"/>
    </row>
    <row r="605220" spans="8:8">
      <c r="H605220" s="12"/>
    </row>
    <row r="605221" spans="8:8">
      <c r="H605221" s="12"/>
    </row>
    <row r="605222" spans="8:8">
      <c r="H605222" s="12"/>
    </row>
    <row r="605223" spans="8:8">
      <c r="H605223" s="12"/>
    </row>
    <row r="605224" spans="8:8">
      <c r="H605224" s="12"/>
    </row>
    <row r="605225" spans="8:8">
      <c r="H605225" s="12"/>
    </row>
    <row r="605226" spans="8:8">
      <c r="H605226" s="12"/>
    </row>
    <row r="605227" spans="8:8">
      <c r="H605227" s="12"/>
    </row>
    <row r="605228" spans="8:8">
      <c r="H605228" s="12"/>
    </row>
    <row r="605229" spans="8:8">
      <c r="H605229" s="12"/>
    </row>
    <row r="605230" spans="8:8">
      <c r="H605230" s="12"/>
    </row>
    <row r="605231" spans="8:8">
      <c r="H605231" s="12"/>
    </row>
    <row r="605232" spans="8:8">
      <c r="H605232" s="12"/>
    </row>
    <row r="605233" spans="8:8">
      <c r="H605233" s="12"/>
    </row>
    <row r="605234" spans="8:8">
      <c r="H605234" s="12"/>
    </row>
    <row r="605235" spans="8:8">
      <c r="H605235" s="12"/>
    </row>
    <row r="605236" spans="8:8">
      <c r="H605236" s="12"/>
    </row>
    <row r="605237" spans="8:8">
      <c r="H605237" s="12"/>
    </row>
    <row r="605238" spans="8:8">
      <c r="H605238" s="12"/>
    </row>
    <row r="605239" spans="8:8">
      <c r="H605239" s="12"/>
    </row>
    <row r="605240" spans="8:8">
      <c r="H605240" s="12"/>
    </row>
    <row r="605241" spans="8:8">
      <c r="H605241" s="12"/>
    </row>
    <row r="605242" spans="8:8">
      <c r="H605242" s="12"/>
    </row>
    <row r="605243" spans="8:8">
      <c r="H605243" s="12"/>
    </row>
    <row r="605244" spans="8:8">
      <c r="H605244" s="12"/>
    </row>
    <row r="605245" spans="8:8">
      <c r="H605245" s="12"/>
    </row>
    <row r="605246" spans="8:8">
      <c r="H605246" s="12"/>
    </row>
    <row r="605247" spans="8:8">
      <c r="H605247" s="12"/>
    </row>
    <row r="605248" spans="8:8">
      <c r="H605248" s="12"/>
    </row>
    <row r="605249" spans="8:8">
      <c r="H605249" s="12"/>
    </row>
    <row r="605250" spans="8:8">
      <c r="H605250" s="12"/>
    </row>
    <row r="605251" spans="8:8">
      <c r="H605251" s="12"/>
    </row>
    <row r="605252" spans="8:8">
      <c r="H605252" s="12"/>
    </row>
    <row r="605253" spans="8:8">
      <c r="H605253" s="12"/>
    </row>
    <row r="605254" spans="8:8">
      <c r="H605254" s="12"/>
    </row>
    <row r="605255" spans="8:8">
      <c r="H605255" s="12"/>
    </row>
    <row r="605256" spans="8:8">
      <c r="H605256" s="12"/>
    </row>
    <row r="605257" spans="8:8">
      <c r="H605257" s="12"/>
    </row>
    <row r="605258" spans="8:8">
      <c r="H605258" s="12"/>
    </row>
    <row r="605259" spans="8:8">
      <c r="H605259" s="12"/>
    </row>
    <row r="605260" spans="8:8">
      <c r="H605260" s="12"/>
    </row>
    <row r="605261" spans="8:8">
      <c r="H605261" s="12"/>
    </row>
    <row r="605262" spans="8:8">
      <c r="H605262" s="12"/>
    </row>
    <row r="605263" spans="8:8">
      <c r="H605263" s="12"/>
    </row>
    <row r="605264" spans="8:8">
      <c r="H605264" s="12"/>
    </row>
    <row r="605265" spans="8:8">
      <c r="H605265" s="12"/>
    </row>
    <row r="605266" spans="8:8">
      <c r="H605266" s="12"/>
    </row>
    <row r="605267" spans="8:8">
      <c r="H605267" s="12"/>
    </row>
    <row r="605268" spans="8:8">
      <c r="H605268" s="12"/>
    </row>
    <row r="605269" spans="8:8">
      <c r="H605269" s="12"/>
    </row>
    <row r="605270" spans="8:8">
      <c r="H605270" s="12"/>
    </row>
    <row r="605271" spans="8:8">
      <c r="H605271" s="12"/>
    </row>
    <row r="605272" spans="8:8">
      <c r="H605272" s="12"/>
    </row>
    <row r="605273" spans="8:8">
      <c r="H605273" s="12"/>
    </row>
    <row r="605274" spans="8:8">
      <c r="H605274" s="12"/>
    </row>
    <row r="605275" spans="8:8">
      <c r="H605275" s="12"/>
    </row>
    <row r="605276" spans="8:8">
      <c r="H605276" s="12"/>
    </row>
    <row r="605277" spans="8:8">
      <c r="H605277" s="12"/>
    </row>
    <row r="605278" spans="8:8">
      <c r="H605278" s="12"/>
    </row>
    <row r="605279" spans="8:8">
      <c r="H605279" s="12"/>
    </row>
    <row r="605280" spans="8:8">
      <c r="H605280" s="12"/>
    </row>
    <row r="605281" spans="8:8">
      <c r="H605281" s="12"/>
    </row>
    <row r="605282" spans="8:8">
      <c r="H605282" s="12"/>
    </row>
    <row r="605283" spans="8:8">
      <c r="H605283" s="12"/>
    </row>
    <row r="605284" spans="8:8">
      <c r="H605284" s="12"/>
    </row>
    <row r="605285" spans="8:8">
      <c r="H605285" s="12"/>
    </row>
    <row r="605286" spans="8:8">
      <c r="H605286" s="12"/>
    </row>
    <row r="605287" spans="8:8">
      <c r="H605287" s="12"/>
    </row>
    <row r="605288" spans="8:8">
      <c r="H605288" s="12"/>
    </row>
    <row r="605289" spans="8:8">
      <c r="H605289" s="12"/>
    </row>
    <row r="605290" spans="8:8">
      <c r="H605290" s="12"/>
    </row>
    <row r="605291" spans="8:8">
      <c r="H605291" s="12"/>
    </row>
    <row r="605292" spans="8:8">
      <c r="H605292" s="12"/>
    </row>
    <row r="605293" spans="8:8">
      <c r="H605293" s="12"/>
    </row>
    <row r="605294" spans="8:8">
      <c r="H605294" s="12"/>
    </row>
    <row r="605295" spans="8:8">
      <c r="H605295" s="12"/>
    </row>
    <row r="605296" spans="8:8">
      <c r="H605296" s="12"/>
    </row>
    <row r="605297" spans="8:8">
      <c r="H605297" s="12"/>
    </row>
    <row r="605298" spans="8:8">
      <c r="H605298" s="12"/>
    </row>
    <row r="605299" spans="8:8">
      <c r="H605299" s="12"/>
    </row>
    <row r="605300" spans="8:8">
      <c r="H605300" s="12"/>
    </row>
    <row r="605301" spans="8:8">
      <c r="H605301" s="12"/>
    </row>
    <row r="605302" spans="8:8">
      <c r="H605302" s="12"/>
    </row>
    <row r="605303" spans="8:8">
      <c r="H605303" s="12"/>
    </row>
    <row r="605304" spans="8:8">
      <c r="H605304" s="12"/>
    </row>
    <row r="605305" spans="8:8">
      <c r="H605305" s="12"/>
    </row>
    <row r="605306" spans="8:8">
      <c r="H605306" s="12"/>
    </row>
    <row r="605307" spans="8:8">
      <c r="H605307" s="12"/>
    </row>
    <row r="605308" spans="8:8">
      <c r="H605308" s="12"/>
    </row>
    <row r="605309" spans="8:8">
      <c r="H605309" s="12"/>
    </row>
    <row r="605310" spans="8:8">
      <c r="H605310" s="12"/>
    </row>
    <row r="605311" spans="8:8">
      <c r="H605311" s="12"/>
    </row>
    <row r="605312" spans="8:8">
      <c r="H605312" s="12"/>
    </row>
    <row r="605313" spans="8:8">
      <c r="H605313" s="12"/>
    </row>
    <row r="605314" spans="8:8">
      <c r="H605314" s="12"/>
    </row>
    <row r="605315" spans="8:8">
      <c r="H605315" s="12"/>
    </row>
    <row r="605316" spans="8:8">
      <c r="H605316" s="12"/>
    </row>
    <row r="605317" spans="8:8">
      <c r="H605317" s="12"/>
    </row>
    <row r="605318" spans="8:8">
      <c r="H605318" s="12"/>
    </row>
    <row r="605319" spans="8:8">
      <c r="H605319" s="12"/>
    </row>
    <row r="605320" spans="8:8">
      <c r="H605320" s="12"/>
    </row>
    <row r="605321" spans="8:8">
      <c r="H605321" s="12"/>
    </row>
    <row r="605322" spans="8:8">
      <c r="H605322" s="12"/>
    </row>
    <row r="605323" spans="8:8">
      <c r="H605323" s="12"/>
    </row>
    <row r="605324" spans="8:8">
      <c r="H605324" s="12"/>
    </row>
    <row r="605325" spans="8:8">
      <c r="H605325" s="12"/>
    </row>
    <row r="605326" spans="8:8">
      <c r="H605326" s="12"/>
    </row>
    <row r="605327" spans="8:8">
      <c r="H605327" s="12"/>
    </row>
    <row r="605328" spans="8:8">
      <c r="H605328" s="12"/>
    </row>
    <row r="605329" spans="8:8">
      <c r="H605329" s="12"/>
    </row>
    <row r="605330" spans="8:8">
      <c r="H605330" s="12"/>
    </row>
    <row r="605331" spans="8:8">
      <c r="H605331" s="12"/>
    </row>
    <row r="605332" spans="8:8">
      <c r="H605332" s="12"/>
    </row>
    <row r="605333" spans="8:8">
      <c r="H605333" s="12"/>
    </row>
    <row r="605334" spans="8:8">
      <c r="H605334" s="12"/>
    </row>
    <row r="605335" spans="8:8">
      <c r="H605335" s="12"/>
    </row>
    <row r="605336" spans="8:8">
      <c r="H605336" s="12"/>
    </row>
    <row r="605337" spans="8:8">
      <c r="H605337" s="12"/>
    </row>
    <row r="605338" spans="8:8">
      <c r="H605338" s="12"/>
    </row>
    <row r="605339" spans="8:8">
      <c r="H605339" s="12"/>
    </row>
    <row r="605340" spans="8:8">
      <c r="H605340" s="12"/>
    </row>
    <row r="605341" spans="8:8">
      <c r="H605341" s="12"/>
    </row>
    <row r="605342" spans="8:8">
      <c r="H605342" s="12"/>
    </row>
    <row r="605343" spans="8:8">
      <c r="H605343" s="12"/>
    </row>
    <row r="605344" spans="8:8">
      <c r="H605344" s="12"/>
    </row>
    <row r="605345" spans="8:8">
      <c r="H605345" s="12"/>
    </row>
    <row r="605346" spans="8:8">
      <c r="H605346" s="12"/>
    </row>
    <row r="605347" spans="8:8">
      <c r="H605347" s="12"/>
    </row>
    <row r="605348" spans="8:8">
      <c r="H605348" s="12"/>
    </row>
    <row r="605349" spans="8:8">
      <c r="H605349" s="12"/>
    </row>
    <row r="605350" spans="8:8">
      <c r="H605350" s="12"/>
    </row>
    <row r="605351" spans="8:8">
      <c r="H605351" s="12"/>
    </row>
    <row r="605352" spans="8:8">
      <c r="H605352" s="12"/>
    </row>
    <row r="605353" spans="8:8">
      <c r="H605353" s="12"/>
    </row>
    <row r="605354" spans="8:8">
      <c r="H605354" s="12"/>
    </row>
    <row r="605355" spans="8:8">
      <c r="H605355" s="12"/>
    </row>
    <row r="605356" spans="8:8">
      <c r="H605356" s="12"/>
    </row>
    <row r="605357" spans="8:8">
      <c r="H605357" s="12"/>
    </row>
    <row r="605358" spans="8:8">
      <c r="H605358" s="12"/>
    </row>
    <row r="605359" spans="8:8">
      <c r="H605359" s="12"/>
    </row>
    <row r="605360" spans="8:8">
      <c r="H605360" s="12"/>
    </row>
    <row r="605361" spans="8:8">
      <c r="H605361" s="12"/>
    </row>
    <row r="605362" spans="8:8">
      <c r="H605362" s="12"/>
    </row>
    <row r="605363" spans="8:8">
      <c r="H605363" s="12"/>
    </row>
    <row r="605364" spans="8:8">
      <c r="H605364" s="12"/>
    </row>
    <row r="605365" spans="8:8">
      <c r="H605365" s="12"/>
    </row>
    <row r="605366" spans="8:8">
      <c r="H605366" s="12"/>
    </row>
    <row r="605367" spans="8:8">
      <c r="H605367" s="12"/>
    </row>
    <row r="605368" spans="8:8">
      <c r="H605368" s="12"/>
    </row>
    <row r="605369" spans="8:8">
      <c r="H605369" s="12"/>
    </row>
    <row r="605370" spans="8:8">
      <c r="H605370" s="12"/>
    </row>
    <row r="605371" spans="8:8">
      <c r="H605371" s="12"/>
    </row>
    <row r="605372" spans="8:8">
      <c r="H605372" s="12"/>
    </row>
    <row r="605373" spans="8:8">
      <c r="H605373" s="12"/>
    </row>
    <row r="605374" spans="8:8">
      <c r="H605374" s="12"/>
    </row>
    <row r="605375" spans="8:8">
      <c r="H605375" s="12"/>
    </row>
    <row r="605376" spans="8:8">
      <c r="H605376" s="12"/>
    </row>
    <row r="605377" spans="8:8">
      <c r="H605377" s="12"/>
    </row>
    <row r="605378" spans="8:8">
      <c r="H605378" s="12"/>
    </row>
    <row r="605379" spans="8:8">
      <c r="H605379" s="12"/>
    </row>
    <row r="605380" spans="8:8">
      <c r="H605380" s="12"/>
    </row>
    <row r="605381" spans="8:8">
      <c r="H605381" s="12"/>
    </row>
    <row r="605382" spans="8:8">
      <c r="H605382" s="12"/>
    </row>
    <row r="605383" spans="8:8">
      <c r="H605383" s="12"/>
    </row>
    <row r="605384" spans="8:8">
      <c r="H605384" s="12"/>
    </row>
    <row r="605385" spans="8:8">
      <c r="H605385" s="12"/>
    </row>
    <row r="605386" spans="8:8">
      <c r="H605386" s="12"/>
    </row>
    <row r="605387" spans="8:8">
      <c r="H605387" s="12"/>
    </row>
    <row r="605388" spans="8:8">
      <c r="H605388" s="12"/>
    </row>
    <row r="605389" spans="8:8">
      <c r="H605389" s="12"/>
    </row>
    <row r="605390" spans="8:8">
      <c r="H605390" s="12"/>
    </row>
    <row r="605391" spans="8:8">
      <c r="H605391" s="12"/>
    </row>
    <row r="605392" spans="8:8">
      <c r="H605392" s="12"/>
    </row>
    <row r="605393" spans="8:8">
      <c r="H605393" s="12"/>
    </row>
    <row r="605394" spans="8:8">
      <c r="H605394" s="12"/>
    </row>
    <row r="605395" spans="8:8">
      <c r="H605395" s="12"/>
    </row>
    <row r="605396" spans="8:8">
      <c r="H605396" s="12"/>
    </row>
    <row r="605397" spans="8:8">
      <c r="H605397" s="12"/>
    </row>
    <row r="605398" spans="8:8">
      <c r="H605398" s="12"/>
    </row>
    <row r="605399" spans="8:8">
      <c r="H605399" s="12"/>
    </row>
    <row r="605400" spans="8:8">
      <c r="H605400" s="12"/>
    </row>
    <row r="605401" spans="8:8">
      <c r="H605401" s="12"/>
    </row>
    <row r="605402" spans="8:8">
      <c r="H605402" s="12"/>
    </row>
    <row r="605403" spans="8:8">
      <c r="H605403" s="12"/>
    </row>
    <row r="605404" spans="8:8">
      <c r="H605404" s="12"/>
    </row>
    <row r="605405" spans="8:8">
      <c r="H605405" s="12"/>
    </row>
    <row r="605406" spans="8:8">
      <c r="H605406" s="12"/>
    </row>
    <row r="605407" spans="8:8">
      <c r="H605407" s="12"/>
    </row>
    <row r="605408" spans="8:8">
      <c r="H605408" s="12"/>
    </row>
    <row r="605409" spans="8:8">
      <c r="H605409" s="12"/>
    </row>
    <row r="605410" spans="8:8">
      <c r="H605410" s="12"/>
    </row>
    <row r="605411" spans="8:8">
      <c r="H605411" s="12"/>
    </row>
    <row r="605412" spans="8:8">
      <c r="H605412" s="12"/>
    </row>
    <row r="605413" spans="8:8">
      <c r="H605413" s="12"/>
    </row>
    <row r="605414" spans="8:8">
      <c r="H605414" s="12"/>
    </row>
    <row r="605415" spans="8:8">
      <c r="H605415" s="12"/>
    </row>
    <row r="605416" spans="8:8">
      <c r="H605416" s="12"/>
    </row>
    <row r="605417" spans="8:8">
      <c r="H605417" s="12"/>
    </row>
    <row r="605418" spans="8:8">
      <c r="H605418" s="12"/>
    </row>
    <row r="605419" spans="8:8">
      <c r="H605419" s="12"/>
    </row>
    <row r="605420" spans="8:8">
      <c r="H605420" s="12"/>
    </row>
    <row r="605421" spans="8:8">
      <c r="H605421" s="12"/>
    </row>
    <row r="605422" spans="8:8">
      <c r="H605422" s="12"/>
    </row>
    <row r="605423" spans="8:8">
      <c r="H605423" s="12"/>
    </row>
    <row r="605424" spans="8:8">
      <c r="H605424" s="12"/>
    </row>
    <row r="605425" spans="8:8">
      <c r="H605425" s="12"/>
    </row>
    <row r="605426" spans="8:8">
      <c r="H605426" s="12"/>
    </row>
    <row r="605427" spans="8:8">
      <c r="H605427" s="12"/>
    </row>
    <row r="605428" spans="8:8">
      <c r="H605428" s="12"/>
    </row>
    <row r="605429" spans="8:8">
      <c r="H605429" s="12"/>
    </row>
    <row r="605430" spans="8:8">
      <c r="H605430" s="12"/>
    </row>
    <row r="605431" spans="8:8">
      <c r="H605431" s="12"/>
    </row>
    <row r="605432" spans="8:8">
      <c r="H605432" s="12"/>
    </row>
    <row r="605433" spans="8:8">
      <c r="H605433" s="12"/>
    </row>
    <row r="605434" spans="8:8">
      <c r="H605434" s="12"/>
    </row>
    <row r="605435" spans="8:8">
      <c r="H605435" s="12"/>
    </row>
    <row r="605436" spans="8:8">
      <c r="H605436" s="12"/>
    </row>
    <row r="605437" spans="8:8">
      <c r="H605437" s="12"/>
    </row>
    <row r="605438" spans="8:8">
      <c r="H605438" s="12"/>
    </row>
    <row r="605439" spans="8:8">
      <c r="H605439" s="12"/>
    </row>
    <row r="605440" spans="8:8">
      <c r="H605440" s="12"/>
    </row>
    <row r="605441" spans="8:8">
      <c r="H605441" s="12"/>
    </row>
    <row r="605442" spans="8:8">
      <c r="H605442" s="12"/>
    </row>
    <row r="605443" spans="8:8">
      <c r="H605443" s="12"/>
    </row>
    <row r="605444" spans="8:8">
      <c r="H605444" s="12"/>
    </row>
    <row r="605445" spans="8:8">
      <c r="H605445" s="12"/>
    </row>
    <row r="605446" spans="8:8">
      <c r="H605446" s="12"/>
    </row>
    <row r="605447" spans="8:8">
      <c r="H605447" s="12"/>
    </row>
    <row r="605448" spans="8:8">
      <c r="H605448" s="12"/>
    </row>
    <row r="605449" spans="8:8">
      <c r="H605449" s="12"/>
    </row>
    <row r="605450" spans="8:8">
      <c r="H605450" s="12"/>
    </row>
    <row r="605451" spans="8:8">
      <c r="H605451" s="12"/>
    </row>
    <row r="605452" spans="8:8">
      <c r="H605452" s="12"/>
    </row>
    <row r="605453" spans="8:8">
      <c r="H605453" s="12"/>
    </row>
    <row r="605454" spans="8:8">
      <c r="H605454" s="12"/>
    </row>
    <row r="605455" spans="8:8">
      <c r="H605455" s="12"/>
    </row>
    <row r="605456" spans="8:8">
      <c r="H605456" s="12"/>
    </row>
    <row r="605457" spans="8:8">
      <c r="H605457" s="12"/>
    </row>
    <row r="605458" spans="8:8">
      <c r="H605458" s="12"/>
    </row>
    <row r="605459" spans="8:8">
      <c r="H605459" s="12"/>
    </row>
    <row r="605460" spans="8:8">
      <c r="H605460" s="12"/>
    </row>
    <row r="605461" spans="8:8">
      <c r="H605461" s="12"/>
    </row>
    <row r="605462" spans="8:8">
      <c r="H605462" s="12"/>
    </row>
    <row r="605463" spans="8:8">
      <c r="H605463" s="12"/>
    </row>
    <row r="605464" spans="8:8">
      <c r="H605464" s="12"/>
    </row>
    <row r="605465" spans="8:8">
      <c r="H605465" s="12"/>
    </row>
    <row r="605466" spans="8:8">
      <c r="H605466" s="12"/>
    </row>
    <row r="605467" spans="8:8">
      <c r="H605467" s="12"/>
    </row>
    <row r="605468" spans="8:8">
      <c r="H605468" s="12"/>
    </row>
    <row r="605469" spans="8:8">
      <c r="H605469" s="12"/>
    </row>
    <row r="605470" spans="8:8">
      <c r="H605470" s="12"/>
    </row>
    <row r="605471" spans="8:8">
      <c r="H605471" s="12"/>
    </row>
    <row r="605472" spans="8:8">
      <c r="H605472" s="12"/>
    </row>
    <row r="605473" spans="8:8">
      <c r="H605473" s="12"/>
    </row>
    <row r="605474" spans="8:8">
      <c r="H605474" s="12"/>
    </row>
    <row r="605475" spans="8:8">
      <c r="H605475" s="12"/>
    </row>
    <row r="605476" spans="8:8">
      <c r="H605476" s="12"/>
    </row>
    <row r="605477" spans="8:8">
      <c r="H605477" s="12"/>
    </row>
    <row r="605478" spans="8:8">
      <c r="H605478" s="12"/>
    </row>
    <row r="605479" spans="8:8">
      <c r="H605479" s="12"/>
    </row>
    <row r="605480" spans="8:8">
      <c r="H605480" s="12"/>
    </row>
    <row r="605481" spans="8:8">
      <c r="H605481" s="12"/>
    </row>
    <row r="605482" spans="8:8">
      <c r="H605482" s="12"/>
    </row>
    <row r="605483" spans="8:8">
      <c r="H605483" s="12"/>
    </row>
    <row r="605484" spans="8:8">
      <c r="H605484" s="12"/>
    </row>
    <row r="605485" spans="8:8">
      <c r="H605485" s="12"/>
    </row>
    <row r="605486" spans="8:8">
      <c r="H605486" s="12"/>
    </row>
    <row r="605487" spans="8:8">
      <c r="H605487" s="12"/>
    </row>
    <row r="605488" spans="8:8">
      <c r="H605488" s="12"/>
    </row>
    <row r="605489" spans="8:8">
      <c r="H605489" s="12"/>
    </row>
    <row r="605490" spans="8:8">
      <c r="H605490" s="12"/>
    </row>
    <row r="605491" spans="8:8">
      <c r="H605491" s="12"/>
    </row>
    <row r="605492" spans="8:8">
      <c r="H605492" s="12"/>
    </row>
    <row r="605493" spans="8:8">
      <c r="H605493" s="12"/>
    </row>
    <row r="605494" spans="8:8">
      <c r="H605494" s="12"/>
    </row>
    <row r="605495" spans="8:8">
      <c r="H605495" s="12"/>
    </row>
    <row r="605496" spans="8:8">
      <c r="H605496" s="12"/>
    </row>
    <row r="605497" spans="8:8">
      <c r="H605497" s="12"/>
    </row>
    <row r="605498" spans="8:8">
      <c r="H605498" s="12"/>
    </row>
    <row r="605499" spans="8:8">
      <c r="H605499" s="12"/>
    </row>
    <row r="605500" spans="8:8">
      <c r="H605500" s="12"/>
    </row>
    <row r="605501" spans="8:8">
      <c r="H605501" s="12"/>
    </row>
    <row r="605502" spans="8:8">
      <c r="H605502" s="12"/>
    </row>
    <row r="605503" spans="8:8">
      <c r="H605503" s="12"/>
    </row>
    <row r="605504" spans="8:8">
      <c r="H605504" s="12"/>
    </row>
    <row r="605505" spans="8:8">
      <c r="H605505" s="12"/>
    </row>
    <row r="605506" spans="8:8">
      <c r="H605506" s="12"/>
    </row>
    <row r="605507" spans="8:8">
      <c r="H605507" s="12"/>
    </row>
    <row r="605508" spans="8:8">
      <c r="H605508" s="12"/>
    </row>
    <row r="605509" spans="8:8">
      <c r="H605509" s="12"/>
    </row>
    <row r="605510" spans="8:8">
      <c r="H605510" s="12"/>
    </row>
    <row r="605511" spans="8:8">
      <c r="H605511" s="12"/>
    </row>
    <row r="605512" spans="8:8">
      <c r="H605512" s="12"/>
    </row>
    <row r="605513" spans="8:8">
      <c r="H605513" s="12"/>
    </row>
    <row r="605514" spans="8:8">
      <c r="H605514" s="12"/>
    </row>
    <row r="605515" spans="8:8">
      <c r="H605515" s="12"/>
    </row>
    <row r="605516" spans="8:8">
      <c r="H605516" s="12"/>
    </row>
    <row r="605517" spans="8:8">
      <c r="H605517" s="12"/>
    </row>
    <row r="605518" spans="8:8">
      <c r="H605518" s="12"/>
    </row>
    <row r="605519" spans="8:8">
      <c r="H605519" s="12"/>
    </row>
    <row r="605520" spans="8:8">
      <c r="H605520" s="12"/>
    </row>
    <row r="605521" spans="8:8">
      <c r="H605521" s="12"/>
    </row>
    <row r="605522" spans="8:8">
      <c r="H605522" s="12"/>
    </row>
    <row r="605523" spans="8:8">
      <c r="H605523" s="12"/>
    </row>
    <row r="605524" spans="8:8">
      <c r="H605524" s="12"/>
    </row>
    <row r="605525" spans="8:8">
      <c r="H605525" s="12"/>
    </row>
    <row r="605526" spans="8:8">
      <c r="H605526" s="12"/>
    </row>
    <row r="605527" spans="8:8">
      <c r="H605527" s="12"/>
    </row>
    <row r="605528" spans="8:8">
      <c r="H605528" s="12"/>
    </row>
    <row r="605529" spans="8:8">
      <c r="H605529" s="12"/>
    </row>
    <row r="605530" spans="8:8">
      <c r="H605530" s="12"/>
    </row>
    <row r="605531" spans="8:8">
      <c r="H605531" s="12"/>
    </row>
    <row r="605532" spans="8:8">
      <c r="H605532" s="12"/>
    </row>
    <row r="605533" spans="8:8">
      <c r="H605533" s="12"/>
    </row>
    <row r="605534" spans="8:8">
      <c r="H605534" s="12"/>
    </row>
    <row r="605535" spans="8:8">
      <c r="H605535" s="12"/>
    </row>
    <row r="605536" spans="8:8">
      <c r="H605536" s="12"/>
    </row>
    <row r="605537" spans="8:8">
      <c r="H605537" s="12"/>
    </row>
    <row r="605538" spans="8:8">
      <c r="H605538" s="12"/>
    </row>
    <row r="605539" spans="8:8">
      <c r="H605539" s="12"/>
    </row>
    <row r="605540" spans="8:8">
      <c r="H605540" s="12"/>
    </row>
    <row r="605541" spans="8:8">
      <c r="H605541" s="12"/>
    </row>
    <row r="605542" spans="8:8">
      <c r="H605542" s="12"/>
    </row>
    <row r="605543" spans="8:8">
      <c r="H605543" s="12"/>
    </row>
    <row r="605544" spans="8:8">
      <c r="H605544" s="12"/>
    </row>
    <row r="605545" spans="8:8">
      <c r="H605545" s="12"/>
    </row>
    <row r="605546" spans="8:8">
      <c r="H605546" s="12"/>
    </row>
    <row r="605547" spans="8:8">
      <c r="H605547" s="12"/>
    </row>
    <row r="605548" spans="8:8">
      <c r="H605548" s="12"/>
    </row>
    <row r="605549" spans="8:8">
      <c r="H605549" s="12"/>
    </row>
    <row r="605550" spans="8:8">
      <c r="H605550" s="12"/>
    </row>
    <row r="605551" spans="8:8">
      <c r="H605551" s="12"/>
    </row>
    <row r="605552" spans="8:8">
      <c r="H605552" s="12"/>
    </row>
    <row r="605553" spans="8:8">
      <c r="H605553" s="12"/>
    </row>
    <row r="605554" spans="8:8">
      <c r="H605554" s="12"/>
    </row>
    <row r="605555" spans="8:8">
      <c r="H605555" s="12"/>
    </row>
    <row r="605556" spans="8:8">
      <c r="H605556" s="12"/>
    </row>
    <row r="605557" spans="8:8">
      <c r="H605557" s="12"/>
    </row>
    <row r="605558" spans="8:8">
      <c r="H605558" s="12"/>
    </row>
    <row r="605559" spans="8:8">
      <c r="H605559" s="12"/>
    </row>
    <row r="605560" spans="8:8">
      <c r="H605560" s="12"/>
    </row>
    <row r="605561" spans="8:8">
      <c r="H605561" s="12"/>
    </row>
    <row r="605562" spans="8:8">
      <c r="H605562" s="12"/>
    </row>
    <row r="605563" spans="8:8">
      <c r="H605563" s="12"/>
    </row>
    <row r="605564" spans="8:8">
      <c r="H605564" s="12"/>
    </row>
    <row r="605565" spans="8:8">
      <c r="H605565" s="12"/>
    </row>
    <row r="605566" spans="8:8">
      <c r="H605566" s="12"/>
    </row>
    <row r="605567" spans="8:8">
      <c r="H605567" s="12"/>
    </row>
    <row r="605568" spans="8:8">
      <c r="H605568" s="12"/>
    </row>
    <row r="605569" spans="8:8">
      <c r="H605569" s="12"/>
    </row>
    <row r="605570" spans="8:8">
      <c r="H605570" s="12"/>
    </row>
    <row r="605571" spans="8:8">
      <c r="H605571" s="12"/>
    </row>
    <row r="605572" spans="8:8">
      <c r="H605572" s="12"/>
    </row>
    <row r="605573" spans="8:8">
      <c r="H605573" s="12"/>
    </row>
    <row r="605574" spans="8:8">
      <c r="H605574" s="12"/>
    </row>
    <row r="605575" spans="8:8">
      <c r="H605575" s="12"/>
    </row>
    <row r="605576" spans="8:8">
      <c r="H605576" s="12"/>
    </row>
    <row r="605577" spans="8:8">
      <c r="H605577" s="12"/>
    </row>
    <row r="605578" spans="8:8">
      <c r="H605578" s="12"/>
    </row>
    <row r="605579" spans="8:8">
      <c r="H605579" s="12"/>
    </row>
    <row r="605580" spans="8:8">
      <c r="H605580" s="12"/>
    </row>
    <row r="605581" spans="8:8">
      <c r="H605581" s="12"/>
    </row>
    <row r="605582" spans="8:8">
      <c r="H605582" s="12"/>
    </row>
    <row r="605583" spans="8:8">
      <c r="H605583" s="12"/>
    </row>
    <row r="605584" spans="8:8">
      <c r="H605584" s="12"/>
    </row>
    <row r="605585" spans="8:8">
      <c r="H605585" s="12"/>
    </row>
    <row r="605586" spans="8:8">
      <c r="H605586" s="12"/>
    </row>
    <row r="605587" spans="8:8">
      <c r="H605587" s="12"/>
    </row>
    <row r="605588" spans="8:8">
      <c r="H605588" s="12"/>
    </row>
    <row r="605589" spans="8:8">
      <c r="H605589" s="12"/>
    </row>
    <row r="605590" spans="8:8">
      <c r="H605590" s="12"/>
    </row>
    <row r="605591" spans="8:8">
      <c r="H605591" s="12"/>
    </row>
    <row r="605592" spans="8:8">
      <c r="H605592" s="12"/>
    </row>
    <row r="605593" spans="8:8">
      <c r="H605593" s="12"/>
    </row>
    <row r="605594" spans="8:8">
      <c r="H605594" s="12"/>
    </row>
    <row r="605595" spans="8:8">
      <c r="H605595" s="12"/>
    </row>
    <row r="605596" spans="8:8">
      <c r="H605596" s="12"/>
    </row>
    <row r="605597" spans="8:8">
      <c r="H605597" s="12"/>
    </row>
    <row r="605598" spans="8:8">
      <c r="H605598" s="12"/>
    </row>
    <row r="605599" spans="8:8">
      <c r="H605599" s="12"/>
    </row>
    <row r="605600" spans="8:8">
      <c r="H605600" s="12"/>
    </row>
    <row r="605601" spans="8:8">
      <c r="H605601" s="12"/>
    </row>
    <row r="605602" spans="8:8">
      <c r="H605602" s="12"/>
    </row>
    <row r="605603" spans="8:8">
      <c r="H605603" s="12"/>
    </row>
    <row r="605604" spans="8:8">
      <c r="H605604" s="12"/>
    </row>
    <row r="605605" spans="8:8">
      <c r="H605605" s="12"/>
    </row>
    <row r="605606" spans="8:8">
      <c r="H605606" s="12"/>
    </row>
    <row r="605607" spans="8:8">
      <c r="H605607" s="12"/>
    </row>
    <row r="605608" spans="8:8">
      <c r="H605608" s="12"/>
    </row>
    <row r="605609" spans="8:8">
      <c r="H605609" s="12"/>
    </row>
    <row r="605610" spans="8:8">
      <c r="H605610" s="12"/>
    </row>
    <row r="605611" spans="8:8">
      <c r="H605611" s="12"/>
    </row>
    <row r="605612" spans="8:8">
      <c r="H605612" s="12"/>
    </row>
    <row r="605613" spans="8:8">
      <c r="H605613" s="12"/>
    </row>
    <row r="605614" spans="8:8">
      <c r="H605614" s="12"/>
    </row>
    <row r="605615" spans="8:8">
      <c r="H605615" s="12"/>
    </row>
    <row r="605616" spans="8:8">
      <c r="H605616" s="12"/>
    </row>
    <row r="605617" spans="8:8">
      <c r="H605617" s="12"/>
    </row>
    <row r="605618" spans="8:8">
      <c r="H605618" s="12"/>
    </row>
    <row r="605619" spans="8:8">
      <c r="H605619" s="12"/>
    </row>
    <row r="605620" spans="8:8">
      <c r="H605620" s="12"/>
    </row>
    <row r="605621" spans="8:8">
      <c r="H605621" s="12"/>
    </row>
    <row r="605622" spans="8:8">
      <c r="H605622" s="12"/>
    </row>
    <row r="605623" spans="8:8">
      <c r="H605623" s="12"/>
    </row>
    <row r="605624" spans="8:8">
      <c r="H605624" s="12"/>
    </row>
    <row r="605625" spans="8:8">
      <c r="H605625" s="12"/>
    </row>
    <row r="605626" spans="8:8">
      <c r="H605626" s="12"/>
    </row>
    <row r="605627" spans="8:8">
      <c r="H605627" s="12"/>
    </row>
    <row r="605628" spans="8:8">
      <c r="H605628" s="12"/>
    </row>
    <row r="605629" spans="8:8">
      <c r="H605629" s="12"/>
    </row>
    <row r="605630" spans="8:8">
      <c r="H605630" s="12"/>
    </row>
    <row r="605631" spans="8:8">
      <c r="H605631" s="12"/>
    </row>
    <row r="605632" spans="8:8">
      <c r="H605632" s="12"/>
    </row>
    <row r="605633" spans="8:8">
      <c r="H605633" s="12"/>
    </row>
    <row r="605634" spans="8:8">
      <c r="H605634" s="12"/>
    </row>
    <row r="605635" spans="8:8">
      <c r="H605635" s="12"/>
    </row>
    <row r="605636" spans="8:8">
      <c r="H605636" s="12"/>
    </row>
    <row r="605637" spans="8:8">
      <c r="H605637" s="12"/>
    </row>
    <row r="605638" spans="8:8">
      <c r="H605638" s="12"/>
    </row>
    <row r="605639" spans="8:8">
      <c r="H605639" s="12"/>
    </row>
    <row r="605640" spans="8:8">
      <c r="H605640" s="12"/>
    </row>
    <row r="605641" spans="8:8">
      <c r="H605641" s="12"/>
    </row>
    <row r="605642" spans="8:8">
      <c r="H605642" s="12"/>
    </row>
    <row r="605643" spans="8:8">
      <c r="H605643" s="12"/>
    </row>
    <row r="605644" spans="8:8">
      <c r="H605644" s="12"/>
    </row>
    <row r="605645" spans="8:8">
      <c r="H605645" s="12"/>
    </row>
    <row r="605646" spans="8:8">
      <c r="H605646" s="12"/>
    </row>
    <row r="605647" spans="8:8">
      <c r="H605647" s="12"/>
    </row>
    <row r="605648" spans="8:8">
      <c r="H605648" s="12"/>
    </row>
    <row r="605649" spans="8:8">
      <c r="H605649" s="12"/>
    </row>
    <row r="605650" spans="8:8">
      <c r="H605650" s="12"/>
    </row>
    <row r="605651" spans="8:8">
      <c r="H605651" s="12"/>
    </row>
    <row r="605652" spans="8:8">
      <c r="H605652" s="12"/>
    </row>
    <row r="605653" spans="8:8">
      <c r="H605653" s="12"/>
    </row>
    <row r="605654" spans="8:8">
      <c r="H605654" s="12"/>
    </row>
    <row r="605655" spans="8:8">
      <c r="H605655" s="12"/>
    </row>
    <row r="605656" spans="8:8">
      <c r="H605656" s="12"/>
    </row>
    <row r="605657" spans="8:8">
      <c r="H605657" s="12"/>
    </row>
    <row r="605658" spans="8:8">
      <c r="H605658" s="12"/>
    </row>
    <row r="605659" spans="8:8">
      <c r="H605659" s="12"/>
    </row>
    <row r="605660" spans="8:8">
      <c r="H605660" s="12"/>
    </row>
    <row r="605661" spans="8:8">
      <c r="H605661" s="12"/>
    </row>
    <row r="605662" spans="8:8">
      <c r="H605662" s="12"/>
    </row>
    <row r="605663" spans="8:8">
      <c r="H605663" s="12"/>
    </row>
    <row r="605664" spans="8:8">
      <c r="H605664" s="12"/>
    </row>
    <row r="605665" spans="8:8">
      <c r="H605665" s="12"/>
    </row>
    <row r="605666" spans="8:8">
      <c r="H605666" s="12"/>
    </row>
    <row r="605667" spans="8:8">
      <c r="H605667" s="12"/>
    </row>
    <row r="605668" spans="8:8">
      <c r="H605668" s="12"/>
    </row>
    <row r="605669" spans="8:8">
      <c r="H605669" s="12"/>
    </row>
    <row r="605670" spans="8:8">
      <c r="H605670" s="12"/>
    </row>
    <row r="605671" spans="8:8">
      <c r="H605671" s="12"/>
    </row>
    <row r="605672" spans="8:8">
      <c r="H605672" s="12"/>
    </row>
    <row r="605673" spans="8:8">
      <c r="H605673" s="12"/>
    </row>
    <row r="605674" spans="8:8">
      <c r="H605674" s="12"/>
    </row>
    <row r="605675" spans="8:8">
      <c r="H605675" s="12"/>
    </row>
    <row r="605676" spans="8:8">
      <c r="H605676" s="12"/>
    </row>
    <row r="605677" spans="8:8">
      <c r="H605677" s="12"/>
    </row>
    <row r="605678" spans="8:8">
      <c r="H605678" s="12"/>
    </row>
    <row r="605679" spans="8:8">
      <c r="H605679" s="12"/>
    </row>
    <row r="605680" spans="8:8">
      <c r="H605680" s="12"/>
    </row>
    <row r="605681" spans="8:8">
      <c r="H605681" s="12"/>
    </row>
    <row r="605682" spans="8:8">
      <c r="H605682" s="12"/>
    </row>
    <row r="605683" spans="8:8">
      <c r="H605683" s="12"/>
    </row>
    <row r="605684" spans="8:8">
      <c r="H605684" s="12"/>
    </row>
    <row r="605685" spans="8:8">
      <c r="H605685" s="12"/>
    </row>
    <row r="605686" spans="8:8">
      <c r="H605686" s="12"/>
    </row>
    <row r="605687" spans="8:8">
      <c r="H605687" s="12"/>
    </row>
    <row r="605688" spans="8:8">
      <c r="H605688" s="12"/>
    </row>
    <row r="605689" spans="8:8">
      <c r="H605689" s="12"/>
    </row>
    <row r="605690" spans="8:8">
      <c r="H605690" s="12"/>
    </row>
    <row r="605691" spans="8:8">
      <c r="H605691" s="12"/>
    </row>
    <row r="605692" spans="8:8">
      <c r="H605692" s="12"/>
    </row>
    <row r="605693" spans="8:8">
      <c r="H605693" s="12"/>
    </row>
    <row r="605694" spans="8:8">
      <c r="H605694" s="12"/>
    </row>
    <row r="605695" spans="8:8">
      <c r="H605695" s="12"/>
    </row>
    <row r="605696" spans="8:8">
      <c r="H605696" s="12"/>
    </row>
    <row r="605697" spans="8:8">
      <c r="H605697" s="12"/>
    </row>
    <row r="605698" spans="8:8">
      <c r="H605698" s="12"/>
    </row>
    <row r="605699" spans="8:8">
      <c r="H605699" s="12"/>
    </row>
    <row r="605700" spans="8:8">
      <c r="H605700" s="12"/>
    </row>
    <row r="605701" spans="8:8">
      <c r="H605701" s="12"/>
    </row>
    <row r="605702" spans="8:8">
      <c r="H605702" s="12"/>
    </row>
    <row r="605703" spans="8:8">
      <c r="H605703" s="12"/>
    </row>
    <row r="605704" spans="8:8">
      <c r="H605704" s="12"/>
    </row>
    <row r="605705" spans="8:8">
      <c r="H605705" s="12"/>
    </row>
    <row r="605706" spans="8:8">
      <c r="H605706" s="12"/>
    </row>
    <row r="605707" spans="8:8">
      <c r="H605707" s="12"/>
    </row>
    <row r="605708" spans="8:8">
      <c r="H605708" s="12"/>
    </row>
    <row r="605709" spans="8:8">
      <c r="H605709" s="12"/>
    </row>
    <row r="605710" spans="8:8">
      <c r="H605710" s="12"/>
    </row>
    <row r="605711" spans="8:8">
      <c r="H605711" s="12"/>
    </row>
    <row r="605712" spans="8:8">
      <c r="H605712" s="12"/>
    </row>
    <row r="605713" spans="8:8">
      <c r="H605713" s="12"/>
    </row>
    <row r="605714" spans="8:8">
      <c r="H605714" s="12"/>
    </row>
    <row r="605715" spans="8:8">
      <c r="H605715" s="12"/>
    </row>
    <row r="605716" spans="8:8">
      <c r="H605716" s="12"/>
    </row>
    <row r="605717" spans="8:8">
      <c r="H605717" s="12"/>
    </row>
    <row r="605718" spans="8:8">
      <c r="H605718" s="12"/>
    </row>
    <row r="605719" spans="8:8">
      <c r="H605719" s="12"/>
    </row>
    <row r="605720" spans="8:8">
      <c r="H605720" s="12"/>
    </row>
    <row r="605721" spans="8:8">
      <c r="H605721" s="12"/>
    </row>
    <row r="605722" spans="8:8">
      <c r="H605722" s="12"/>
    </row>
    <row r="605723" spans="8:8">
      <c r="H605723" s="12"/>
    </row>
    <row r="605724" spans="8:8">
      <c r="H605724" s="12"/>
    </row>
    <row r="605725" spans="8:8">
      <c r="H605725" s="12"/>
    </row>
    <row r="605726" spans="8:8">
      <c r="H605726" s="12"/>
    </row>
    <row r="605727" spans="8:8">
      <c r="H605727" s="12"/>
    </row>
    <row r="605728" spans="8:8">
      <c r="H605728" s="12"/>
    </row>
    <row r="605729" spans="8:8">
      <c r="H605729" s="12"/>
    </row>
    <row r="605730" spans="8:8">
      <c r="H605730" s="12"/>
    </row>
    <row r="605731" spans="8:8">
      <c r="H605731" s="12"/>
    </row>
    <row r="605732" spans="8:8">
      <c r="H605732" s="12"/>
    </row>
    <row r="605733" spans="8:8">
      <c r="H605733" s="12"/>
    </row>
    <row r="605734" spans="8:8">
      <c r="H605734" s="12"/>
    </row>
    <row r="605735" spans="8:8">
      <c r="H605735" s="12"/>
    </row>
    <row r="605736" spans="8:8">
      <c r="H605736" s="12"/>
    </row>
    <row r="605737" spans="8:8">
      <c r="H605737" s="12"/>
    </row>
    <row r="605738" spans="8:8">
      <c r="H605738" s="12"/>
    </row>
    <row r="605739" spans="8:8">
      <c r="H605739" s="12"/>
    </row>
    <row r="605740" spans="8:8">
      <c r="H605740" s="12"/>
    </row>
    <row r="605741" spans="8:8">
      <c r="H605741" s="12"/>
    </row>
    <row r="605742" spans="8:8">
      <c r="H605742" s="12"/>
    </row>
    <row r="605743" spans="8:8">
      <c r="H605743" s="12"/>
    </row>
    <row r="605744" spans="8:8">
      <c r="H605744" s="12"/>
    </row>
    <row r="605745" spans="8:8">
      <c r="H605745" s="12"/>
    </row>
    <row r="605746" spans="8:8">
      <c r="H605746" s="12"/>
    </row>
    <row r="605747" spans="8:8">
      <c r="H605747" s="12"/>
    </row>
    <row r="605748" spans="8:8">
      <c r="H605748" s="12"/>
    </row>
    <row r="605749" spans="8:8">
      <c r="H605749" s="12"/>
    </row>
    <row r="605750" spans="8:8">
      <c r="H605750" s="12"/>
    </row>
    <row r="605751" spans="8:8">
      <c r="H605751" s="12"/>
    </row>
    <row r="605752" spans="8:8">
      <c r="H605752" s="12"/>
    </row>
    <row r="605753" spans="8:8">
      <c r="H605753" s="12"/>
    </row>
    <row r="605754" spans="8:8">
      <c r="H605754" s="12"/>
    </row>
    <row r="605755" spans="8:8">
      <c r="H605755" s="12"/>
    </row>
    <row r="605756" spans="8:8">
      <c r="H605756" s="12"/>
    </row>
    <row r="605757" spans="8:8">
      <c r="H605757" s="12"/>
    </row>
    <row r="605758" spans="8:8">
      <c r="H605758" s="12"/>
    </row>
    <row r="605759" spans="8:8">
      <c r="H605759" s="12"/>
    </row>
    <row r="605760" spans="8:8">
      <c r="H605760" s="12"/>
    </row>
    <row r="605761" spans="8:8">
      <c r="H605761" s="12"/>
    </row>
    <row r="605762" spans="8:8">
      <c r="H605762" s="12"/>
    </row>
    <row r="605763" spans="8:8">
      <c r="H605763" s="12"/>
    </row>
    <row r="605764" spans="8:8">
      <c r="H605764" s="12"/>
    </row>
    <row r="605765" spans="8:8">
      <c r="H605765" s="12"/>
    </row>
    <row r="605766" spans="8:8">
      <c r="H605766" s="12"/>
    </row>
    <row r="605767" spans="8:8">
      <c r="H605767" s="12"/>
    </row>
    <row r="605768" spans="8:8">
      <c r="H605768" s="12"/>
    </row>
    <row r="605769" spans="8:8">
      <c r="H605769" s="12"/>
    </row>
    <row r="605770" spans="8:8">
      <c r="H605770" s="12"/>
    </row>
    <row r="605771" spans="8:8">
      <c r="H605771" s="12"/>
    </row>
    <row r="605772" spans="8:8">
      <c r="H605772" s="12"/>
    </row>
    <row r="605773" spans="8:8">
      <c r="H605773" s="12"/>
    </row>
    <row r="605774" spans="8:8">
      <c r="H605774" s="12"/>
    </row>
    <row r="605775" spans="8:8">
      <c r="H605775" s="12"/>
    </row>
    <row r="605776" spans="8:8">
      <c r="H605776" s="12"/>
    </row>
    <row r="605777" spans="8:8">
      <c r="H605777" s="12"/>
    </row>
    <row r="605778" spans="8:8">
      <c r="H605778" s="12"/>
    </row>
    <row r="605779" spans="8:8">
      <c r="H605779" s="12"/>
    </row>
    <row r="605780" spans="8:8">
      <c r="H605780" s="12"/>
    </row>
    <row r="605781" spans="8:8">
      <c r="H605781" s="12"/>
    </row>
    <row r="605782" spans="8:8">
      <c r="H605782" s="12"/>
    </row>
    <row r="605783" spans="8:8">
      <c r="H605783" s="12"/>
    </row>
    <row r="605784" spans="8:8">
      <c r="H605784" s="12"/>
    </row>
    <row r="605785" spans="8:8">
      <c r="H605785" s="12"/>
    </row>
    <row r="605786" spans="8:8">
      <c r="H605786" s="12"/>
    </row>
    <row r="605787" spans="8:8">
      <c r="H605787" s="12"/>
    </row>
    <row r="605788" spans="8:8">
      <c r="H605788" s="12"/>
    </row>
    <row r="605789" spans="8:8">
      <c r="H605789" s="12"/>
    </row>
    <row r="605790" spans="8:8">
      <c r="H605790" s="12"/>
    </row>
    <row r="605791" spans="8:8">
      <c r="H605791" s="12"/>
    </row>
    <row r="605792" spans="8:8">
      <c r="H605792" s="12"/>
    </row>
    <row r="605793" spans="8:8">
      <c r="H605793" s="12"/>
    </row>
    <row r="605794" spans="8:8">
      <c r="H605794" s="12"/>
    </row>
    <row r="605795" spans="8:8">
      <c r="H605795" s="12"/>
    </row>
    <row r="605796" spans="8:8">
      <c r="H605796" s="12"/>
    </row>
    <row r="605797" spans="8:8">
      <c r="H605797" s="12"/>
    </row>
    <row r="605798" spans="8:8">
      <c r="H605798" s="12"/>
    </row>
    <row r="605799" spans="8:8">
      <c r="H605799" s="12"/>
    </row>
    <row r="605800" spans="8:8">
      <c r="H605800" s="12"/>
    </row>
    <row r="605801" spans="8:8">
      <c r="H605801" s="12"/>
    </row>
    <row r="605802" spans="8:8">
      <c r="H605802" s="12"/>
    </row>
    <row r="605803" spans="8:8">
      <c r="H605803" s="12"/>
    </row>
    <row r="605804" spans="8:8">
      <c r="H605804" s="12"/>
    </row>
    <row r="605805" spans="8:8">
      <c r="H605805" s="12"/>
    </row>
    <row r="605806" spans="8:8">
      <c r="H605806" s="12"/>
    </row>
    <row r="605807" spans="8:8">
      <c r="H605807" s="12"/>
    </row>
    <row r="605808" spans="8:8">
      <c r="H605808" s="12"/>
    </row>
    <row r="605809" spans="8:8">
      <c r="H605809" s="12"/>
    </row>
    <row r="605810" spans="8:8">
      <c r="H605810" s="12"/>
    </row>
    <row r="605811" spans="8:8">
      <c r="H605811" s="12"/>
    </row>
    <row r="605812" spans="8:8">
      <c r="H605812" s="12"/>
    </row>
    <row r="605813" spans="8:8">
      <c r="H605813" s="12"/>
    </row>
    <row r="605814" spans="8:8">
      <c r="H605814" s="12"/>
    </row>
    <row r="605815" spans="8:8">
      <c r="H605815" s="12"/>
    </row>
    <row r="605816" spans="8:8">
      <c r="H605816" s="12"/>
    </row>
    <row r="605817" spans="8:8">
      <c r="H605817" s="12"/>
    </row>
    <row r="605818" spans="8:8">
      <c r="H605818" s="12"/>
    </row>
    <row r="605819" spans="8:8">
      <c r="H605819" s="12"/>
    </row>
    <row r="605820" spans="8:8">
      <c r="H605820" s="12"/>
    </row>
    <row r="605821" spans="8:8">
      <c r="H605821" s="12"/>
    </row>
    <row r="605822" spans="8:8">
      <c r="H605822" s="12"/>
    </row>
    <row r="605823" spans="8:8">
      <c r="H605823" s="12"/>
    </row>
    <row r="605824" spans="8:8">
      <c r="H605824" s="12"/>
    </row>
    <row r="605825" spans="8:8">
      <c r="H605825" s="12"/>
    </row>
    <row r="605826" spans="8:8">
      <c r="H605826" s="12"/>
    </row>
    <row r="605827" spans="8:8">
      <c r="H605827" s="12"/>
    </row>
    <row r="605828" spans="8:8">
      <c r="H605828" s="12"/>
    </row>
    <row r="605829" spans="8:8">
      <c r="H605829" s="12"/>
    </row>
    <row r="605830" spans="8:8">
      <c r="H605830" s="12"/>
    </row>
    <row r="605831" spans="8:8">
      <c r="H605831" s="12"/>
    </row>
    <row r="605832" spans="8:8">
      <c r="H605832" s="12"/>
    </row>
    <row r="605833" spans="8:8">
      <c r="H605833" s="12"/>
    </row>
    <row r="605834" spans="8:8">
      <c r="H605834" s="12"/>
    </row>
    <row r="605835" spans="8:8">
      <c r="H605835" s="12"/>
    </row>
    <row r="605836" spans="8:8">
      <c r="H605836" s="12"/>
    </row>
    <row r="605837" spans="8:8">
      <c r="H605837" s="12"/>
    </row>
    <row r="605838" spans="8:8">
      <c r="H605838" s="12"/>
    </row>
    <row r="605839" spans="8:8">
      <c r="H605839" s="12"/>
    </row>
    <row r="605840" spans="8:8">
      <c r="H605840" s="12"/>
    </row>
    <row r="605841" spans="8:8">
      <c r="H605841" s="12"/>
    </row>
    <row r="605842" spans="8:8">
      <c r="H605842" s="12"/>
    </row>
    <row r="605843" spans="8:8">
      <c r="H605843" s="12"/>
    </row>
    <row r="605844" spans="8:8">
      <c r="H605844" s="12"/>
    </row>
    <row r="605845" spans="8:8">
      <c r="H605845" s="12"/>
    </row>
    <row r="605846" spans="8:8">
      <c r="H605846" s="12"/>
    </row>
    <row r="605847" spans="8:8">
      <c r="H605847" s="12"/>
    </row>
    <row r="605848" spans="8:8">
      <c r="H605848" s="12"/>
    </row>
    <row r="605849" spans="8:8">
      <c r="H605849" s="12"/>
    </row>
    <row r="605850" spans="8:8">
      <c r="H605850" s="12"/>
    </row>
    <row r="605851" spans="8:8">
      <c r="H605851" s="12"/>
    </row>
    <row r="605852" spans="8:8">
      <c r="H605852" s="12"/>
    </row>
    <row r="605853" spans="8:8">
      <c r="H605853" s="12"/>
    </row>
    <row r="605854" spans="8:8">
      <c r="H605854" s="12"/>
    </row>
    <row r="605855" spans="8:8">
      <c r="H605855" s="12"/>
    </row>
    <row r="605856" spans="8:8">
      <c r="H605856" s="12"/>
    </row>
    <row r="605857" spans="8:8">
      <c r="H605857" s="12"/>
    </row>
    <row r="605858" spans="8:8">
      <c r="H605858" s="12"/>
    </row>
    <row r="605859" spans="8:8">
      <c r="H605859" s="12"/>
    </row>
    <row r="605860" spans="8:8">
      <c r="H605860" s="12"/>
    </row>
    <row r="605861" spans="8:8">
      <c r="H605861" s="12"/>
    </row>
    <row r="605862" spans="8:8">
      <c r="H605862" s="12"/>
    </row>
    <row r="605863" spans="8:8">
      <c r="H605863" s="12"/>
    </row>
    <row r="605864" spans="8:8">
      <c r="H605864" s="12"/>
    </row>
    <row r="605865" spans="8:8">
      <c r="H605865" s="12"/>
    </row>
    <row r="605866" spans="8:8">
      <c r="H605866" s="12"/>
    </row>
    <row r="605867" spans="8:8">
      <c r="H605867" s="12"/>
    </row>
    <row r="605868" spans="8:8">
      <c r="H605868" s="12"/>
    </row>
    <row r="605869" spans="8:8">
      <c r="H605869" s="12"/>
    </row>
    <row r="605870" spans="8:8">
      <c r="H605870" s="12"/>
    </row>
    <row r="605871" spans="8:8">
      <c r="H605871" s="12"/>
    </row>
    <row r="605872" spans="8:8">
      <c r="H605872" s="12"/>
    </row>
    <row r="605873" spans="8:8">
      <c r="H605873" s="12"/>
    </row>
    <row r="605874" spans="8:8">
      <c r="H605874" s="12"/>
    </row>
    <row r="605875" spans="8:8">
      <c r="H605875" s="12"/>
    </row>
    <row r="605876" spans="8:8">
      <c r="H605876" s="12"/>
    </row>
    <row r="605877" spans="8:8">
      <c r="H605877" s="12"/>
    </row>
    <row r="605878" spans="8:8">
      <c r="H605878" s="12"/>
    </row>
    <row r="605879" spans="8:8">
      <c r="H605879" s="12"/>
    </row>
    <row r="605880" spans="8:8">
      <c r="H605880" s="12"/>
    </row>
    <row r="605881" spans="8:8">
      <c r="H605881" s="12"/>
    </row>
    <row r="605882" spans="8:8">
      <c r="H605882" s="12"/>
    </row>
    <row r="605883" spans="8:8">
      <c r="H605883" s="12"/>
    </row>
    <row r="605884" spans="8:8">
      <c r="H605884" s="12"/>
    </row>
    <row r="605885" spans="8:8">
      <c r="H605885" s="12"/>
    </row>
    <row r="605886" spans="8:8">
      <c r="H605886" s="12"/>
    </row>
    <row r="605887" spans="8:8">
      <c r="H605887" s="12"/>
    </row>
    <row r="605888" spans="8:8">
      <c r="H605888" s="12"/>
    </row>
    <row r="605889" spans="8:8">
      <c r="H605889" s="12"/>
    </row>
    <row r="605890" spans="8:8">
      <c r="H605890" s="12"/>
    </row>
    <row r="605891" spans="8:8">
      <c r="H605891" s="12"/>
    </row>
    <row r="605892" spans="8:8">
      <c r="H605892" s="12"/>
    </row>
    <row r="605893" spans="8:8">
      <c r="H605893" s="12"/>
    </row>
    <row r="605894" spans="8:8">
      <c r="H605894" s="12"/>
    </row>
    <row r="605895" spans="8:8">
      <c r="H605895" s="12"/>
    </row>
    <row r="605896" spans="8:8">
      <c r="H605896" s="12"/>
    </row>
    <row r="605897" spans="8:8">
      <c r="H605897" s="12"/>
    </row>
    <row r="605898" spans="8:8">
      <c r="H605898" s="12"/>
    </row>
    <row r="605899" spans="8:8">
      <c r="H605899" s="12"/>
    </row>
    <row r="605900" spans="8:8">
      <c r="H605900" s="12"/>
    </row>
    <row r="605901" spans="8:8">
      <c r="H605901" s="12"/>
    </row>
    <row r="605902" spans="8:8">
      <c r="H605902" s="12"/>
    </row>
    <row r="605903" spans="8:8">
      <c r="H605903" s="12"/>
    </row>
    <row r="605904" spans="8:8">
      <c r="H605904" s="12"/>
    </row>
    <row r="605905" spans="8:8">
      <c r="H605905" s="12"/>
    </row>
    <row r="605906" spans="8:8">
      <c r="H605906" s="12"/>
    </row>
    <row r="605907" spans="8:8">
      <c r="H605907" s="12"/>
    </row>
    <row r="605908" spans="8:8">
      <c r="H605908" s="12"/>
    </row>
    <row r="605909" spans="8:8">
      <c r="H605909" s="12"/>
    </row>
    <row r="605910" spans="8:8">
      <c r="H605910" s="12"/>
    </row>
    <row r="605911" spans="8:8">
      <c r="H605911" s="12"/>
    </row>
    <row r="605912" spans="8:8">
      <c r="H605912" s="12"/>
    </row>
    <row r="605913" spans="8:8">
      <c r="H605913" s="12"/>
    </row>
    <row r="605914" spans="8:8">
      <c r="H605914" s="12"/>
    </row>
    <row r="605915" spans="8:8">
      <c r="H605915" s="12"/>
    </row>
    <row r="605916" spans="8:8">
      <c r="H605916" s="12"/>
    </row>
    <row r="605917" spans="8:8">
      <c r="H605917" s="12"/>
    </row>
    <row r="605918" spans="8:8">
      <c r="H605918" s="12"/>
    </row>
    <row r="605919" spans="8:8">
      <c r="H605919" s="12"/>
    </row>
    <row r="605920" spans="8:8">
      <c r="H605920" s="12"/>
    </row>
    <row r="605921" spans="8:8">
      <c r="H605921" s="12"/>
    </row>
    <row r="605922" spans="8:8">
      <c r="H605922" s="12"/>
    </row>
    <row r="605923" spans="8:8">
      <c r="H605923" s="12"/>
    </row>
    <row r="605924" spans="8:8">
      <c r="H605924" s="12"/>
    </row>
    <row r="605925" spans="8:8">
      <c r="H605925" s="12"/>
    </row>
    <row r="605926" spans="8:8">
      <c r="H605926" s="12"/>
    </row>
    <row r="605927" spans="8:8">
      <c r="H605927" s="12"/>
    </row>
    <row r="605928" spans="8:8">
      <c r="H605928" s="12"/>
    </row>
    <row r="605929" spans="8:8">
      <c r="H605929" s="12"/>
    </row>
    <row r="605930" spans="8:8">
      <c r="H605930" s="12"/>
    </row>
    <row r="605931" spans="8:8">
      <c r="H605931" s="12"/>
    </row>
    <row r="605932" spans="8:8">
      <c r="H605932" s="12"/>
    </row>
    <row r="605933" spans="8:8">
      <c r="H605933" s="12"/>
    </row>
    <row r="605934" spans="8:8">
      <c r="H605934" s="12"/>
    </row>
    <row r="605935" spans="8:8">
      <c r="H605935" s="12"/>
    </row>
    <row r="605936" spans="8:8">
      <c r="H605936" s="12"/>
    </row>
    <row r="605937" spans="8:8">
      <c r="H605937" s="12"/>
    </row>
    <row r="605938" spans="8:8">
      <c r="H605938" s="12"/>
    </row>
    <row r="605939" spans="8:8">
      <c r="H605939" s="12"/>
    </row>
    <row r="605940" spans="8:8">
      <c r="H605940" s="12"/>
    </row>
    <row r="605941" spans="8:8">
      <c r="H605941" s="12"/>
    </row>
    <row r="605942" spans="8:8">
      <c r="H605942" s="12"/>
    </row>
    <row r="605943" spans="8:8">
      <c r="H605943" s="12"/>
    </row>
    <row r="605944" spans="8:8">
      <c r="H605944" s="12"/>
    </row>
    <row r="605945" spans="8:8">
      <c r="H605945" s="12"/>
    </row>
    <row r="605946" spans="8:8">
      <c r="H605946" s="12"/>
    </row>
    <row r="605947" spans="8:8">
      <c r="H605947" s="12"/>
    </row>
    <row r="605948" spans="8:8">
      <c r="H605948" s="12"/>
    </row>
    <row r="605949" spans="8:8">
      <c r="H605949" s="12"/>
    </row>
    <row r="605950" spans="8:8">
      <c r="H605950" s="12"/>
    </row>
    <row r="605951" spans="8:8">
      <c r="H605951" s="12"/>
    </row>
    <row r="605952" spans="8:8">
      <c r="H605952" s="12"/>
    </row>
    <row r="605953" spans="8:8">
      <c r="H605953" s="12"/>
    </row>
    <row r="605954" spans="8:8">
      <c r="H605954" s="12"/>
    </row>
    <row r="605955" spans="8:8">
      <c r="H605955" s="12"/>
    </row>
    <row r="605956" spans="8:8">
      <c r="H605956" s="12"/>
    </row>
    <row r="605957" spans="8:8">
      <c r="H605957" s="12"/>
    </row>
    <row r="605958" spans="8:8">
      <c r="H605958" s="12"/>
    </row>
    <row r="605959" spans="8:8">
      <c r="H605959" s="12"/>
    </row>
    <row r="605960" spans="8:8">
      <c r="H605960" s="12"/>
    </row>
    <row r="605961" spans="8:8">
      <c r="H605961" s="12"/>
    </row>
    <row r="605962" spans="8:8">
      <c r="H605962" s="12"/>
    </row>
    <row r="605963" spans="8:8">
      <c r="H605963" s="12"/>
    </row>
    <row r="605964" spans="8:8">
      <c r="H605964" s="12"/>
    </row>
    <row r="605965" spans="8:8">
      <c r="H605965" s="12"/>
    </row>
    <row r="605966" spans="8:8">
      <c r="H605966" s="12"/>
    </row>
    <row r="605967" spans="8:8">
      <c r="H605967" s="12"/>
    </row>
    <row r="605968" spans="8:8">
      <c r="H605968" s="12"/>
    </row>
    <row r="605969" spans="8:8">
      <c r="H605969" s="12"/>
    </row>
    <row r="605970" spans="8:8">
      <c r="H605970" s="12"/>
    </row>
    <row r="605971" spans="8:8">
      <c r="H605971" s="12"/>
    </row>
    <row r="605972" spans="8:8">
      <c r="H605972" s="12"/>
    </row>
    <row r="605973" spans="8:8">
      <c r="H605973" s="12"/>
    </row>
    <row r="605974" spans="8:8">
      <c r="H605974" s="12"/>
    </row>
    <row r="605975" spans="8:8">
      <c r="H605975" s="12"/>
    </row>
    <row r="605976" spans="8:8">
      <c r="H605976" s="12"/>
    </row>
    <row r="605977" spans="8:8">
      <c r="H605977" s="12"/>
    </row>
    <row r="605978" spans="8:8">
      <c r="H605978" s="12"/>
    </row>
    <row r="605979" spans="8:8">
      <c r="H605979" s="12"/>
    </row>
    <row r="605980" spans="8:8">
      <c r="H605980" s="12"/>
    </row>
    <row r="605981" spans="8:8">
      <c r="H605981" s="12"/>
    </row>
    <row r="605982" spans="8:8">
      <c r="H605982" s="12"/>
    </row>
    <row r="605983" spans="8:8">
      <c r="H605983" s="12"/>
    </row>
    <row r="605984" spans="8:8">
      <c r="H605984" s="12"/>
    </row>
    <row r="605985" spans="8:8">
      <c r="H605985" s="12"/>
    </row>
    <row r="605986" spans="8:8">
      <c r="H605986" s="12"/>
    </row>
    <row r="605987" spans="8:8">
      <c r="H605987" s="12"/>
    </row>
    <row r="605988" spans="8:8">
      <c r="H605988" s="12"/>
    </row>
    <row r="605989" spans="8:8">
      <c r="H605989" s="12"/>
    </row>
    <row r="605990" spans="8:8">
      <c r="H605990" s="12"/>
    </row>
    <row r="605991" spans="8:8">
      <c r="H605991" s="12"/>
    </row>
    <row r="605992" spans="8:8">
      <c r="H605992" s="12"/>
    </row>
    <row r="605993" spans="8:8">
      <c r="H605993" s="12"/>
    </row>
    <row r="605994" spans="8:8">
      <c r="H605994" s="12"/>
    </row>
    <row r="605995" spans="8:8">
      <c r="H605995" s="12"/>
    </row>
    <row r="605996" spans="8:8">
      <c r="H605996" s="12"/>
    </row>
    <row r="605997" spans="8:8">
      <c r="H605997" s="12"/>
    </row>
    <row r="605998" spans="8:8">
      <c r="H605998" s="12"/>
    </row>
    <row r="605999" spans="8:8">
      <c r="H605999" s="12"/>
    </row>
    <row r="606000" spans="8:8">
      <c r="H606000" s="12"/>
    </row>
    <row r="606001" spans="8:8">
      <c r="H606001" s="12"/>
    </row>
    <row r="606002" spans="8:8">
      <c r="H606002" s="12"/>
    </row>
    <row r="606003" spans="8:8">
      <c r="H606003" s="12"/>
    </row>
    <row r="606004" spans="8:8">
      <c r="H606004" s="12"/>
    </row>
    <row r="606005" spans="8:8">
      <c r="H606005" s="12"/>
    </row>
    <row r="606006" spans="8:8">
      <c r="H606006" s="12"/>
    </row>
    <row r="606007" spans="8:8">
      <c r="H606007" s="12"/>
    </row>
    <row r="606008" spans="8:8">
      <c r="H606008" s="12"/>
    </row>
    <row r="606009" spans="8:8">
      <c r="H606009" s="12"/>
    </row>
    <row r="606010" spans="8:8">
      <c r="H606010" s="12"/>
    </row>
    <row r="606011" spans="8:8">
      <c r="H606011" s="12"/>
    </row>
    <row r="606012" spans="8:8">
      <c r="H606012" s="12"/>
    </row>
    <row r="606013" spans="8:8">
      <c r="H606013" s="12"/>
    </row>
    <row r="606014" spans="8:8">
      <c r="H606014" s="12"/>
    </row>
    <row r="606015" spans="8:8">
      <c r="H606015" s="12"/>
    </row>
    <row r="606016" spans="8:8">
      <c r="H606016" s="12"/>
    </row>
    <row r="606017" spans="8:8">
      <c r="H606017" s="12"/>
    </row>
    <row r="606018" spans="8:8">
      <c r="H606018" s="12"/>
    </row>
    <row r="606019" spans="8:8">
      <c r="H606019" s="12"/>
    </row>
    <row r="606020" spans="8:8">
      <c r="H606020" s="12"/>
    </row>
    <row r="606021" spans="8:8">
      <c r="H606021" s="12"/>
    </row>
    <row r="606022" spans="8:8">
      <c r="H606022" s="12"/>
    </row>
    <row r="606023" spans="8:8">
      <c r="H606023" s="12"/>
    </row>
    <row r="606024" spans="8:8">
      <c r="H606024" s="12"/>
    </row>
    <row r="606025" spans="8:8">
      <c r="H606025" s="12"/>
    </row>
    <row r="606026" spans="8:8">
      <c r="H606026" s="12"/>
    </row>
    <row r="606027" spans="8:8">
      <c r="H606027" s="12"/>
    </row>
    <row r="606028" spans="8:8">
      <c r="H606028" s="12"/>
    </row>
    <row r="606029" spans="8:8">
      <c r="H606029" s="12"/>
    </row>
    <row r="606030" spans="8:8">
      <c r="H606030" s="12"/>
    </row>
    <row r="606031" spans="8:8">
      <c r="H606031" s="12"/>
    </row>
    <row r="606032" spans="8:8">
      <c r="H606032" s="12"/>
    </row>
    <row r="606033" spans="8:8">
      <c r="H606033" s="12"/>
    </row>
    <row r="606034" spans="8:8">
      <c r="H606034" s="12"/>
    </row>
    <row r="606035" spans="8:8">
      <c r="H606035" s="12"/>
    </row>
    <row r="606036" spans="8:8">
      <c r="H606036" s="12"/>
    </row>
    <row r="606037" spans="8:8">
      <c r="H606037" s="12"/>
    </row>
    <row r="606038" spans="8:8">
      <c r="H606038" s="12"/>
    </row>
    <row r="606039" spans="8:8">
      <c r="H606039" s="12"/>
    </row>
    <row r="606040" spans="8:8">
      <c r="H606040" s="12"/>
    </row>
    <row r="606041" spans="8:8">
      <c r="H606041" s="12"/>
    </row>
    <row r="606042" spans="8:8">
      <c r="H606042" s="12"/>
    </row>
    <row r="606043" spans="8:8">
      <c r="H606043" s="12"/>
    </row>
    <row r="606044" spans="8:8">
      <c r="H606044" s="12"/>
    </row>
    <row r="606045" spans="8:8">
      <c r="H606045" s="12"/>
    </row>
    <row r="606046" spans="8:8">
      <c r="H606046" s="12"/>
    </row>
    <row r="606047" spans="8:8">
      <c r="H606047" s="12"/>
    </row>
    <row r="606048" spans="8:8">
      <c r="H606048" s="12"/>
    </row>
    <row r="606049" spans="8:8">
      <c r="H606049" s="12"/>
    </row>
    <row r="606050" spans="8:8">
      <c r="H606050" s="12"/>
    </row>
    <row r="606051" spans="8:8">
      <c r="H606051" s="12"/>
    </row>
    <row r="606052" spans="8:8">
      <c r="H606052" s="12"/>
    </row>
    <row r="606053" spans="8:8">
      <c r="H606053" s="12"/>
    </row>
    <row r="606054" spans="8:8">
      <c r="H606054" s="12"/>
    </row>
    <row r="606055" spans="8:8">
      <c r="H606055" s="12"/>
    </row>
    <row r="606056" spans="8:8">
      <c r="H606056" s="12"/>
    </row>
    <row r="606057" spans="8:8">
      <c r="H606057" s="12"/>
    </row>
    <row r="606058" spans="8:8">
      <c r="H606058" s="12"/>
    </row>
    <row r="606059" spans="8:8">
      <c r="H606059" s="12"/>
    </row>
    <row r="606060" spans="8:8">
      <c r="H606060" s="12"/>
    </row>
    <row r="606061" spans="8:8">
      <c r="H606061" s="12"/>
    </row>
    <row r="606062" spans="8:8">
      <c r="H606062" s="12"/>
    </row>
    <row r="606063" spans="8:8">
      <c r="H606063" s="12"/>
    </row>
    <row r="606064" spans="8:8">
      <c r="H606064" s="12"/>
    </row>
    <row r="606065" spans="8:8">
      <c r="H606065" s="12"/>
    </row>
    <row r="606066" spans="8:8">
      <c r="H606066" s="12"/>
    </row>
    <row r="606067" spans="8:8">
      <c r="H606067" s="12"/>
    </row>
    <row r="606068" spans="8:8">
      <c r="H606068" s="12"/>
    </row>
    <row r="606069" spans="8:8">
      <c r="H606069" s="12"/>
    </row>
    <row r="606070" spans="8:8">
      <c r="H606070" s="12"/>
    </row>
    <row r="606071" spans="8:8">
      <c r="H606071" s="12"/>
    </row>
    <row r="606072" spans="8:8">
      <c r="H606072" s="12"/>
    </row>
    <row r="606073" spans="8:8">
      <c r="H606073" s="12"/>
    </row>
    <row r="606074" spans="8:8">
      <c r="H606074" s="12"/>
    </row>
    <row r="606075" spans="8:8">
      <c r="H606075" s="12"/>
    </row>
    <row r="606076" spans="8:8">
      <c r="H606076" s="12"/>
    </row>
    <row r="606077" spans="8:8">
      <c r="H606077" s="12"/>
    </row>
    <row r="606078" spans="8:8">
      <c r="H606078" s="12"/>
    </row>
    <row r="606079" spans="8:8">
      <c r="H606079" s="12"/>
    </row>
    <row r="606080" spans="8:8">
      <c r="H606080" s="12"/>
    </row>
    <row r="606081" spans="8:8">
      <c r="H606081" s="12"/>
    </row>
    <row r="606082" spans="8:8">
      <c r="H606082" s="12"/>
    </row>
    <row r="606083" spans="8:8">
      <c r="H606083" s="12"/>
    </row>
    <row r="606084" spans="8:8">
      <c r="H606084" s="12"/>
    </row>
    <row r="606085" spans="8:8">
      <c r="H606085" s="12"/>
    </row>
    <row r="606086" spans="8:8">
      <c r="H606086" s="12"/>
    </row>
    <row r="606087" spans="8:8">
      <c r="H606087" s="12"/>
    </row>
    <row r="606088" spans="8:8">
      <c r="H606088" s="12"/>
    </row>
    <row r="606089" spans="8:8">
      <c r="H606089" s="12"/>
    </row>
    <row r="606090" spans="8:8">
      <c r="H606090" s="12"/>
    </row>
    <row r="606091" spans="8:8">
      <c r="H606091" s="12"/>
    </row>
    <row r="606092" spans="8:8">
      <c r="H606092" s="12"/>
    </row>
    <row r="606093" spans="8:8">
      <c r="H606093" s="12"/>
    </row>
    <row r="606094" spans="8:8">
      <c r="H606094" s="12"/>
    </row>
    <row r="606095" spans="8:8">
      <c r="H606095" s="12"/>
    </row>
    <row r="606096" spans="8:8">
      <c r="H606096" s="12"/>
    </row>
    <row r="606097" spans="8:8">
      <c r="H606097" s="12"/>
    </row>
    <row r="606098" spans="8:8">
      <c r="H606098" s="12"/>
    </row>
    <row r="606099" spans="8:8">
      <c r="H606099" s="12"/>
    </row>
    <row r="606100" spans="8:8">
      <c r="H606100" s="12"/>
    </row>
    <row r="606101" spans="8:8">
      <c r="H606101" s="12"/>
    </row>
    <row r="606102" spans="8:8">
      <c r="H606102" s="12"/>
    </row>
    <row r="606103" spans="8:8">
      <c r="H606103" s="12"/>
    </row>
    <row r="606104" spans="8:8">
      <c r="H606104" s="12"/>
    </row>
    <row r="606105" spans="8:8">
      <c r="H606105" s="12"/>
    </row>
    <row r="606106" spans="8:8">
      <c r="H606106" s="12"/>
    </row>
    <row r="606107" spans="8:8">
      <c r="H606107" s="12"/>
    </row>
    <row r="606108" spans="8:8">
      <c r="H606108" s="12"/>
    </row>
    <row r="606109" spans="8:8">
      <c r="H606109" s="12"/>
    </row>
    <row r="606110" spans="8:8">
      <c r="H606110" s="12"/>
    </row>
    <row r="606111" spans="8:8">
      <c r="H606111" s="12"/>
    </row>
    <row r="606112" spans="8:8">
      <c r="H606112" s="12"/>
    </row>
    <row r="606113" spans="8:8">
      <c r="H606113" s="12"/>
    </row>
    <row r="606114" spans="8:8">
      <c r="H606114" s="12"/>
    </row>
    <row r="606115" spans="8:8">
      <c r="H606115" s="12"/>
    </row>
    <row r="606116" spans="8:8">
      <c r="H606116" s="12"/>
    </row>
    <row r="606117" spans="8:8">
      <c r="H606117" s="12"/>
    </row>
    <row r="606118" spans="8:8">
      <c r="H606118" s="12"/>
    </row>
    <row r="606119" spans="8:8">
      <c r="H606119" s="12"/>
    </row>
    <row r="606120" spans="8:8">
      <c r="H606120" s="12"/>
    </row>
    <row r="606121" spans="8:8">
      <c r="H606121" s="12"/>
    </row>
    <row r="606122" spans="8:8">
      <c r="H606122" s="12"/>
    </row>
    <row r="606123" spans="8:8">
      <c r="H606123" s="12"/>
    </row>
    <row r="606124" spans="8:8">
      <c r="H606124" s="12"/>
    </row>
    <row r="606125" spans="8:8">
      <c r="H606125" s="12"/>
    </row>
    <row r="606126" spans="8:8">
      <c r="H606126" s="12"/>
    </row>
    <row r="606127" spans="8:8">
      <c r="H606127" s="12"/>
    </row>
    <row r="606128" spans="8:8">
      <c r="H606128" s="12"/>
    </row>
    <row r="606129" spans="8:8">
      <c r="H606129" s="12"/>
    </row>
    <row r="606130" spans="8:8">
      <c r="H606130" s="12"/>
    </row>
    <row r="606131" spans="8:8">
      <c r="H606131" s="12"/>
    </row>
    <row r="606132" spans="8:8">
      <c r="H606132" s="12"/>
    </row>
    <row r="606133" spans="8:8">
      <c r="H606133" s="12"/>
    </row>
    <row r="606134" spans="8:8">
      <c r="H606134" s="12"/>
    </row>
    <row r="606135" spans="8:8">
      <c r="H606135" s="12"/>
    </row>
    <row r="606136" spans="8:8">
      <c r="H606136" s="12"/>
    </row>
    <row r="606137" spans="8:8">
      <c r="H606137" s="12"/>
    </row>
    <row r="606138" spans="8:8">
      <c r="H606138" s="12"/>
    </row>
    <row r="606139" spans="8:8">
      <c r="H606139" s="12"/>
    </row>
    <row r="606140" spans="8:8">
      <c r="H606140" s="12"/>
    </row>
    <row r="606141" spans="8:8">
      <c r="H606141" s="12"/>
    </row>
    <row r="606142" spans="8:8">
      <c r="H606142" s="12"/>
    </row>
    <row r="606143" spans="8:8">
      <c r="H606143" s="12"/>
    </row>
    <row r="606144" spans="8:8">
      <c r="H606144" s="12"/>
    </row>
    <row r="606145" spans="8:8">
      <c r="H606145" s="12"/>
    </row>
    <row r="606146" spans="8:8">
      <c r="H606146" s="12"/>
    </row>
    <row r="606147" spans="8:8">
      <c r="H606147" s="12"/>
    </row>
    <row r="606148" spans="8:8">
      <c r="H606148" s="12"/>
    </row>
    <row r="606149" spans="8:8">
      <c r="H606149" s="12"/>
    </row>
    <row r="606150" spans="8:8">
      <c r="H606150" s="12"/>
    </row>
    <row r="606151" spans="8:8">
      <c r="H606151" s="12"/>
    </row>
    <row r="606152" spans="8:8">
      <c r="H606152" s="12"/>
    </row>
    <row r="606153" spans="8:8">
      <c r="H606153" s="12"/>
    </row>
    <row r="606154" spans="8:8">
      <c r="H606154" s="12"/>
    </row>
    <row r="606155" spans="8:8">
      <c r="H606155" s="12"/>
    </row>
    <row r="606156" spans="8:8">
      <c r="H606156" s="12"/>
    </row>
    <row r="606157" spans="8:8">
      <c r="H606157" s="12"/>
    </row>
    <row r="606158" spans="8:8">
      <c r="H606158" s="12"/>
    </row>
    <row r="606159" spans="8:8">
      <c r="H606159" s="12"/>
    </row>
    <row r="606160" spans="8:8">
      <c r="H606160" s="12"/>
    </row>
    <row r="606161" spans="8:8">
      <c r="H606161" s="12"/>
    </row>
    <row r="606162" spans="8:8">
      <c r="H606162" s="12"/>
    </row>
    <row r="606163" spans="8:8">
      <c r="H606163" s="12"/>
    </row>
    <row r="606164" spans="8:8">
      <c r="H606164" s="12"/>
    </row>
    <row r="606165" spans="8:8">
      <c r="H606165" s="12"/>
    </row>
    <row r="606166" spans="8:8">
      <c r="H606166" s="12"/>
    </row>
    <row r="606167" spans="8:8">
      <c r="H606167" s="12"/>
    </row>
    <row r="606168" spans="8:8">
      <c r="H606168" s="12"/>
    </row>
    <row r="606169" spans="8:8">
      <c r="H606169" s="12"/>
    </row>
    <row r="606170" spans="8:8">
      <c r="H606170" s="12"/>
    </row>
    <row r="606171" spans="8:8">
      <c r="H606171" s="12"/>
    </row>
    <row r="606172" spans="8:8">
      <c r="H606172" s="12"/>
    </row>
    <row r="606173" spans="8:8">
      <c r="H606173" s="12"/>
    </row>
    <row r="606174" spans="8:8">
      <c r="H606174" s="12"/>
    </row>
    <row r="606175" spans="8:8">
      <c r="H606175" s="12"/>
    </row>
    <row r="606176" spans="8:8">
      <c r="H606176" s="12"/>
    </row>
    <row r="606177" spans="8:8">
      <c r="H606177" s="12"/>
    </row>
    <row r="606178" spans="8:8">
      <c r="H606178" s="12"/>
    </row>
    <row r="606179" spans="8:8">
      <c r="H606179" s="12"/>
    </row>
    <row r="606180" spans="8:8">
      <c r="H606180" s="12"/>
    </row>
    <row r="606181" spans="8:8">
      <c r="H606181" s="12"/>
    </row>
    <row r="606182" spans="8:8">
      <c r="H606182" s="12"/>
    </row>
    <row r="606183" spans="8:8">
      <c r="H606183" s="12"/>
    </row>
    <row r="606184" spans="8:8">
      <c r="H606184" s="12"/>
    </row>
    <row r="606185" spans="8:8">
      <c r="H606185" s="12"/>
    </row>
    <row r="606186" spans="8:8">
      <c r="H606186" s="12"/>
    </row>
    <row r="606187" spans="8:8">
      <c r="H606187" s="12"/>
    </row>
    <row r="606188" spans="8:8">
      <c r="H606188" s="12"/>
    </row>
    <row r="606189" spans="8:8">
      <c r="H606189" s="12"/>
    </row>
    <row r="606190" spans="8:8">
      <c r="H606190" s="12"/>
    </row>
    <row r="606191" spans="8:8">
      <c r="H606191" s="12"/>
    </row>
    <row r="606192" spans="8:8">
      <c r="H606192" s="12"/>
    </row>
    <row r="606193" spans="8:8">
      <c r="H606193" s="12"/>
    </row>
    <row r="606194" spans="8:8">
      <c r="H606194" s="12"/>
    </row>
    <row r="606195" spans="8:8">
      <c r="H606195" s="12"/>
    </row>
    <row r="606196" spans="8:8">
      <c r="H606196" s="12"/>
    </row>
    <row r="606197" spans="8:8">
      <c r="H606197" s="12"/>
    </row>
    <row r="606198" spans="8:8">
      <c r="H606198" s="12"/>
    </row>
    <row r="606199" spans="8:8">
      <c r="H606199" s="12"/>
    </row>
    <row r="606200" spans="8:8">
      <c r="H606200" s="12"/>
    </row>
    <row r="606201" spans="8:8">
      <c r="H606201" s="12"/>
    </row>
    <row r="606202" spans="8:8">
      <c r="H606202" s="12"/>
    </row>
    <row r="606203" spans="8:8">
      <c r="H606203" s="12"/>
    </row>
    <row r="606204" spans="8:8">
      <c r="H606204" s="12"/>
    </row>
    <row r="606205" spans="8:8">
      <c r="H606205" s="12"/>
    </row>
    <row r="606206" spans="8:8">
      <c r="H606206" s="12"/>
    </row>
    <row r="606207" spans="8:8">
      <c r="H606207" s="12"/>
    </row>
    <row r="606208" spans="8:8">
      <c r="H606208" s="12"/>
    </row>
    <row r="606209" spans="8:8">
      <c r="H606209" s="12"/>
    </row>
    <row r="606210" spans="8:8">
      <c r="H606210" s="12"/>
    </row>
    <row r="606211" spans="8:8">
      <c r="H606211" s="12"/>
    </row>
    <row r="606212" spans="8:8">
      <c r="H606212" s="12"/>
    </row>
    <row r="606213" spans="8:8">
      <c r="H606213" s="12"/>
    </row>
    <row r="606214" spans="8:8">
      <c r="H606214" s="12"/>
    </row>
    <row r="606215" spans="8:8">
      <c r="H606215" s="12"/>
    </row>
    <row r="606216" spans="8:8">
      <c r="H606216" s="12"/>
    </row>
    <row r="606217" spans="8:8">
      <c r="H606217" s="12"/>
    </row>
    <row r="606218" spans="8:8">
      <c r="H606218" s="12"/>
    </row>
    <row r="606219" spans="8:8">
      <c r="H606219" s="12"/>
    </row>
    <row r="606220" spans="8:8">
      <c r="H606220" s="12"/>
    </row>
    <row r="606221" spans="8:8">
      <c r="H606221" s="12"/>
    </row>
    <row r="606222" spans="8:8">
      <c r="H606222" s="12"/>
    </row>
    <row r="606223" spans="8:8">
      <c r="H606223" s="12"/>
    </row>
    <row r="606224" spans="8:8">
      <c r="H606224" s="12"/>
    </row>
    <row r="606225" spans="8:8">
      <c r="H606225" s="12"/>
    </row>
    <row r="606226" spans="8:8">
      <c r="H606226" s="12"/>
    </row>
    <row r="606227" spans="8:8">
      <c r="H606227" s="12"/>
    </row>
    <row r="606228" spans="8:8">
      <c r="H606228" s="12"/>
    </row>
    <row r="606229" spans="8:8">
      <c r="H606229" s="12"/>
    </row>
    <row r="606230" spans="8:8">
      <c r="H606230" s="12"/>
    </row>
    <row r="606231" spans="8:8">
      <c r="H606231" s="12"/>
    </row>
    <row r="606232" spans="8:8">
      <c r="H606232" s="12"/>
    </row>
    <row r="606233" spans="8:8">
      <c r="H606233" s="12"/>
    </row>
    <row r="606234" spans="8:8">
      <c r="H606234" s="12"/>
    </row>
    <row r="606235" spans="8:8">
      <c r="H606235" s="12"/>
    </row>
    <row r="606236" spans="8:8">
      <c r="H606236" s="12"/>
    </row>
    <row r="606237" spans="8:8">
      <c r="H606237" s="12"/>
    </row>
    <row r="606238" spans="8:8">
      <c r="H606238" s="12"/>
    </row>
    <row r="606239" spans="8:8">
      <c r="H606239" s="12"/>
    </row>
    <row r="606240" spans="8:8">
      <c r="H606240" s="12"/>
    </row>
    <row r="606241" spans="8:8">
      <c r="H606241" s="12"/>
    </row>
    <row r="606242" spans="8:8">
      <c r="H606242" s="12"/>
    </row>
    <row r="606243" spans="8:8">
      <c r="H606243" s="12"/>
    </row>
    <row r="606244" spans="8:8">
      <c r="H606244" s="12"/>
    </row>
    <row r="606245" spans="8:8">
      <c r="H606245" s="12"/>
    </row>
    <row r="606246" spans="8:8">
      <c r="H606246" s="12"/>
    </row>
    <row r="606247" spans="8:8">
      <c r="H606247" s="12"/>
    </row>
    <row r="606248" spans="8:8">
      <c r="H606248" s="12"/>
    </row>
    <row r="606249" spans="8:8">
      <c r="H606249" s="12"/>
    </row>
    <row r="606250" spans="8:8">
      <c r="H606250" s="12"/>
    </row>
    <row r="606251" spans="8:8">
      <c r="H606251" s="12"/>
    </row>
    <row r="606252" spans="8:8">
      <c r="H606252" s="12"/>
    </row>
    <row r="606253" spans="8:8">
      <c r="H606253" s="12"/>
    </row>
    <row r="606254" spans="8:8">
      <c r="H606254" s="12"/>
    </row>
    <row r="606255" spans="8:8">
      <c r="H606255" s="12"/>
    </row>
    <row r="606256" spans="8:8">
      <c r="H606256" s="12"/>
    </row>
    <row r="606257" spans="8:8">
      <c r="H606257" s="12"/>
    </row>
    <row r="606258" spans="8:8">
      <c r="H606258" s="12"/>
    </row>
    <row r="606259" spans="8:8">
      <c r="H606259" s="12"/>
    </row>
    <row r="606260" spans="8:8">
      <c r="H606260" s="12"/>
    </row>
    <row r="606261" spans="8:8">
      <c r="H606261" s="12"/>
    </row>
    <row r="606262" spans="8:8">
      <c r="H606262" s="12"/>
    </row>
    <row r="606263" spans="8:8">
      <c r="H606263" s="12"/>
    </row>
    <row r="606264" spans="8:8">
      <c r="H606264" s="12"/>
    </row>
    <row r="606265" spans="8:8">
      <c r="H606265" s="12"/>
    </row>
    <row r="606266" spans="8:8">
      <c r="H606266" s="12"/>
    </row>
    <row r="606267" spans="8:8">
      <c r="H606267" s="12"/>
    </row>
    <row r="606268" spans="8:8">
      <c r="H606268" s="12"/>
    </row>
    <row r="606269" spans="8:8">
      <c r="H606269" s="12"/>
    </row>
    <row r="606270" spans="8:8">
      <c r="H606270" s="12"/>
    </row>
    <row r="606271" spans="8:8">
      <c r="H606271" s="12"/>
    </row>
    <row r="606272" spans="8:8">
      <c r="H606272" s="12"/>
    </row>
    <row r="606273" spans="8:8">
      <c r="H606273" s="12"/>
    </row>
    <row r="606274" spans="8:8">
      <c r="H606274" s="12"/>
    </row>
    <row r="606275" spans="8:8">
      <c r="H606275" s="12"/>
    </row>
    <row r="606276" spans="8:8">
      <c r="H606276" s="12"/>
    </row>
    <row r="606277" spans="8:8">
      <c r="H606277" s="12"/>
    </row>
    <row r="606278" spans="8:8">
      <c r="H606278" s="12"/>
    </row>
    <row r="606279" spans="8:8">
      <c r="H606279" s="12"/>
    </row>
    <row r="606280" spans="8:8">
      <c r="H606280" s="12"/>
    </row>
    <row r="606281" spans="8:8">
      <c r="H606281" s="12"/>
    </row>
    <row r="606282" spans="8:8">
      <c r="H606282" s="12"/>
    </row>
    <row r="606283" spans="8:8">
      <c r="H606283" s="12"/>
    </row>
    <row r="606284" spans="8:8">
      <c r="H606284" s="12"/>
    </row>
    <row r="606285" spans="8:8">
      <c r="H606285" s="12"/>
    </row>
    <row r="606286" spans="8:8">
      <c r="H606286" s="12"/>
    </row>
    <row r="606287" spans="8:8">
      <c r="H606287" s="12"/>
    </row>
    <row r="606288" spans="8:8">
      <c r="H606288" s="12"/>
    </row>
    <row r="606289" spans="8:8">
      <c r="H606289" s="12"/>
    </row>
    <row r="606290" spans="8:8">
      <c r="H606290" s="12"/>
    </row>
    <row r="606291" spans="8:8">
      <c r="H606291" s="12"/>
    </row>
    <row r="606292" spans="8:8">
      <c r="H606292" s="12"/>
    </row>
    <row r="606293" spans="8:8">
      <c r="H606293" s="12"/>
    </row>
    <row r="606294" spans="8:8">
      <c r="H606294" s="12"/>
    </row>
    <row r="606295" spans="8:8">
      <c r="H606295" s="12"/>
    </row>
    <row r="606296" spans="8:8">
      <c r="H606296" s="12"/>
    </row>
    <row r="606297" spans="8:8">
      <c r="H606297" s="12"/>
    </row>
    <row r="606298" spans="8:8">
      <c r="H606298" s="12"/>
    </row>
    <row r="606299" spans="8:8">
      <c r="H606299" s="12"/>
    </row>
    <row r="606300" spans="8:8">
      <c r="H606300" s="12"/>
    </row>
    <row r="606301" spans="8:8">
      <c r="H606301" s="12"/>
    </row>
    <row r="606302" spans="8:8">
      <c r="H606302" s="12"/>
    </row>
    <row r="606303" spans="8:8">
      <c r="H606303" s="12"/>
    </row>
    <row r="606304" spans="8:8">
      <c r="H606304" s="12"/>
    </row>
    <row r="606305" spans="8:8">
      <c r="H606305" s="12"/>
    </row>
    <row r="606306" spans="8:8">
      <c r="H606306" s="12"/>
    </row>
    <row r="606307" spans="8:8">
      <c r="H606307" s="12"/>
    </row>
    <row r="606308" spans="8:8">
      <c r="H606308" s="12"/>
    </row>
    <row r="606309" spans="8:8">
      <c r="H606309" s="12"/>
    </row>
    <row r="606310" spans="8:8">
      <c r="H606310" s="12"/>
    </row>
    <row r="606311" spans="8:8">
      <c r="H606311" s="12"/>
    </row>
    <row r="606312" spans="8:8">
      <c r="H606312" s="12"/>
    </row>
    <row r="606313" spans="8:8">
      <c r="H606313" s="12"/>
    </row>
    <row r="606314" spans="8:8">
      <c r="H606314" s="12"/>
    </row>
    <row r="606315" spans="8:8">
      <c r="H606315" s="12"/>
    </row>
    <row r="606316" spans="8:8">
      <c r="H606316" s="12"/>
    </row>
    <row r="606317" spans="8:8">
      <c r="H606317" s="12"/>
    </row>
    <row r="606318" spans="8:8">
      <c r="H606318" s="12"/>
    </row>
    <row r="606319" spans="8:8">
      <c r="H606319" s="12"/>
    </row>
    <row r="606320" spans="8:8">
      <c r="H606320" s="12"/>
    </row>
    <row r="606321" spans="8:8">
      <c r="H606321" s="12"/>
    </row>
    <row r="606322" spans="8:8">
      <c r="H606322" s="12"/>
    </row>
    <row r="606323" spans="8:8">
      <c r="H606323" s="12"/>
    </row>
    <row r="606324" spans="8:8">
      <c r="H606324" s="12"/>
    </row>
    <row r="606325" spans="8:8">
      <c r="H606325" s="12"/>
    </row>
    <row r="606326" spans="8:8">
      <c r="H606326" s="12"/>
    </row>
    <row r="606327" spans="8:8">
      <c r="H606327" s="12"/>
    </row>
    <row r="606328" spans="8:8">
      <c r="H606328" s="12"/>
    </row>
    <row r="606329" spans="8:8">
      <c r="H606329" s="12"/>
    </row>
    <row r="606330" spans="8:8">
      <c r="H606330" s="12"/>
    </row>
    <row r="606331" spans="8:8">
      <c r="H606331" s="12"/>
    </row>
    <row r="606332" spans="8:8">
      <c r="H606332" s="12"/>
    </row>
    <row r="606333" spans="8:8">
      <c r="H606333" s="12"/>
    </row>
    <row r="606334" spans="8:8">
      <c r="H606334" s="12"/>
    </row>
    <row r="606335" spans="8:8">
      <c r="H606335" s="12"/>
    </row>
    <row r="606336" spans="8:8">
      <c r="H606336" s="12"/>
    </row>
    <row r="606337" spans="8:8">
      <c r="H606337" s="12"/>
    </row>
    <row r="606338" spans="8:8">
      <c r="H606338" s="12"/>
    </row>
    <row r="606339" spans="8:8">
      <c r="H606339" s="12"/>
    </row>
    <row r="606340" spans="8:8">
      <c r="H606340" s="12"/>
    </row>
    <row r="606341" spans="8:8">
      <c r="H606341" s="12"/>
    </row>
    <row r="606342" spans="8:8">
      <c r="H606342" s="12"/>
    </row>
    <row r="606343" spans="8:8">
      <c r="H606343" s="12"/>
    </row>
    <row r="606344" spans="8:8">
      <c r="H606344" s="12"/>
    </row>
    <row r="606345" spans="8:8">
      <c r="H606345" s="12"/>
    </row>
    <row r="606346" spans="8:8">
      <c r="H606346" s="12"/>
    </row>
    <row r="606347" spans="8:8">
      <c r="H606347" s="12"/>
    </row>
    <row r="606348" spans="8:8">
      <c r="H606348" s="12"/>
    </row>
    <row r="606349" spans="8:8">
      <c r="H606349" s="12"/>
    </row>
    <row r="606350" spans="8:8">
      <c r="H606350" s="12"/>
    </row>
    <row r="606351" spans="8:8">
      <c r="H606351" s="12"/>
    </row>
    <row r="606352" spans="8:8">
      <c r="H606352" s="12"/>
    </row>
    <row r="606353" spans="8:8">
      <c r="H606353" s="12"/>
    </row>
    <row r="606354" spans="8:8">
      <c r="H606354" s="12"/>
    </row>
    <row r="606355" spans="8:8">
      <c r="H606355" s="12"/>
    </row>
    <row r="606356" spans="8:8">
      <c r="H606356" s="12"/>
    </row>
    <row r="606357" spans="8:8">
      <c r="H606357" s="12"/>
    </row>
    <row r="606358" spans="8:8">
      <c r="H606358" s="12"/>
    </row>
    <row r="606359" spans="8:8">
      <c r="H606359" s="12"/>
    </row>
    <row r="606360" spans="8:8">
      <c r="H606360" s="12"/>
    </row>
    <row r="606361" spans="8:8">
      <c r="H606361" s="12"/>
    </row>
    <row r="606362" spans="8:8">
      <c r="H606362" s="12"/>
    </row>
    <row r="606363" spans="8:8">
      <c r="H606363" s="12"/>
    </row>
    <row r="606364" spans="8:8">
      <c r="H606364" s="12"/>
    </row>
    <row r="606365" spans="8:8">
      <c r="H606365" s="12"/>
    </row>
    <row r="606366" spans="8:8">
      <c r="H606366" s="12"/>
    </row>
    <row r="606367" spans="8:8">
      <c r="H606367" s="12"/>
    </row>
    <row r="606368" spans="8:8">
      <c r="H606368" s="12"/>
    </row>
    <row r="606369" spans="8:8">
      <c r="H606369" s="12"/>
    </row>
    <row r="606370" spans="8:8">
      <c r="H606370" s="12"/>
    </row>
    <row r="606371" spans="8:8">
      <c r="H606371" s="12"/>
    </row>
    <row r="606372" spans="8:8">
      <c r="H606372" s="12"/>
    </row>
    <row r="606373" spans="8:8">
      <c r="H606373" s="12"/>
    </row>
    <row r="606374" spans="8:8">
      <c r="H606374" s="12"/>
    </row>
    <row r="606375" spans="8:8">
      <c r="H606375" s="12"/>
    </row>
    <row r="606376" spans="8:8">
      <c r="H606376" s="12"/>
    </row>
    <row r="606377" spans="8:8">
      <c r="H606377" s="12"/>
    </row>
    <row r="606378" spans="8:8">
      <c r="H606378" s="12"/>
    </row>
    <row r="606379" spans="8:8">
      <c r="H606379" s="12"/>
    </row>
    <row r="606380" spans="8:8">
      <c r="H606380" s="12"/>
    </row>
    <row r="606381" spans="8:8">
      <c r="H606381" s="12"/>
    </row>
    <row r="606382" spans="8:8">
      <c r="H606382" s="12"/>
    </row>
    <row r="606383" spans="8:8">
      <c r="H606383" s="12"/>
    </row>
    <row r="606384" spans="8:8">
      <c r="H606384" s="12"/>
    </row>
    <row r="606385" spans="8:8">
      <c r="H606385" s="12"/>
    </row>
    <row r="606386" spans="8:8">
      <c r="H606386" s="12"/>
    </row>
    <row r="606387" spans="8:8">
      <c r="H606387" s="12"/>
    </row>
    <row r="606388" spans="8:8">
      <c r="H606388" s="12"/>
    </row>
    <row r="606389" spans="8:8">
      <c r="H606389" s="12"/>
    </row>
    <row r="606390" spans="8:8">
      <c r="H606390" s="12"/>
    </row>
    <row r="606391" spans="8:8">
      <c r="H606391" s="12"/>
    </row>
    <row r="606392" spans="8:8">
      <c r="H606392" s="12"/>
    </row>
    <row r="606393" spans="8:8">
      <c r="H606393" s="12"/>
    </row>
    <row r="606394" spans="8:8">
      <c r="H606394" s="12"/>
    </row>
    <row r="606395" spans="8:8">
      <c r="H606395" s="12"/>
    </row>
    <row r="606396" spans="8:8">
      <c r="H606396" s="12"/>
    </row>
    <row r="606397" spans="8:8">
      <c r="H606397" s="12"/>
    </row>
    <row r="606398" spans="8:8">
      <c r="H606398" s="12"/>
    </row>
    <row r="606399" spans="8:8">
      <c r="H606399" s="12"/>
    </row>
    <row r="606400" spans="8:8">
      <c r="H606400" s="12"/>
    </row>
    <row r="606401" spans="8:8">
      <c r="H606401" s="12"/>
    </row>
    <row r="606402" spans="8:8">
      <c r="H606402" s="12"/>
    </row>
    <row r="606403" spans="8:8">
      <c r="H606403" s="12"/>
    </row>
    <row r="606404" spans="8:8">
      <c r="H606404" s="12"/>
    </row>
    <row r="606405" spans="8:8">
      <c r="H606405" s="12"/>
    </row>
    <row r="606406" spans="8:8">
      <c r="H606406" s="12"/>
    </row>
    <row r="606407" spans="8:8">
      <c r="H606407" s="12"/>
    </row>
    <row r="606408" spans="8:8">
      <c r="H606408" s="12"/>
    </row>
    <row r="606409" spans="8:8">
      <c r="H606409" s="12"/>
    </row>
    <row r="606410" spans="8:8">
      <c r="H606410" s="12"/>
    </row>
    <row r="606411" spans="8:8">
      <c r="H606411" s="12"/>
    </row>
    <row r="606412" spans="8:8">
      <c r="H606412" s="12"/>
    </row>
    <row r="606413" spans="8:8">
      <c r="H606413" s="12"/>
    </row>
    <row r="606414" spans="8:8">
      <c r="H606414" s="12"/>
    </row>
    <row r="606415" spans="8:8">
      <c r="H606415" s="12"/>
    </row>
    <row r="606416" spans="8:8">
      <c r="H606416" s="12"/>
    </row>
    <row r="606417" spans="8:8">
      <c r="H606417" s="12"/>
    </row>
    <row r="606418" spans="8:8">
      <c r="H606418" s="12"/>
    </row>
    <row r="606419" spans="8:8">
      <c r="H606419" s="12"/>
    </row>
    <row r="606420" spans="8:8">
      <c r="H606420" s="12"/>
    </row>
    <row r="606421" spans="8:8">
      <c r="H606421" s="12"/>
    </row>
    <row r="606422" spans="8:8">
      <c r="H606422" s="12"/>
    </row>
    <row r="606423" spans="8:8">
      <c r="H606423" s="12"/>
    </row>
    <row r="606424" spans="8:8">
      <c r="H606424" s="12"/>
    </row>
    <row r="606425" spans="8:8">
      <c r="H606425" s="12"/>
    </row>
    <row r="606426" spans="8:8">
      <c r="H606426" s="12"/>
    </row>
    <row r="606427" spans="8:8">
      <c r="H606427" s="12"/>
    </row>
    <row r="606428" spans="8:8">
      <c r="H606428" s="12"/>
    </row>
    <row r="606429" spans="8:8">
      <c r="H606429" s="12"/>
    </row>
    <row r="606430" spans="8:8">
      <c r="H606430" s="12"/>
    </row>
    <row r="606431" spans="8:8">
      <c r="H606431" s="12"/>
    </row>
    <row r="606432" spans="8:8">
      <c r="H606432" s="12"/>
    </row>
    <row r="606433" spans="8:8">
      <c r="H606433" s="12"/>
    </row>
    <row r="606434" spans="8:8">
      <c r="H606434" s="12"/>
    </row>
    <row r="606435" spans="8:8">
      <c r="H606435" s="12"/>
    </row>
    <row r="606436" spans="8:8">
      <c r="H606436" s="12"/>
    </row>
    <row r="606437" spans="8:8">
      <c r="H606437" s="12"/>
    </row>
    <row r="606438" spans="8:8">
      <c r="H606438" s="12"/>
    </row>
    <row r="606439" spans="8:8">
      <c r="H606439" s="12"/>
    </row>
    <row r="606440" spans="8:8">
      <c r="H606440" s="12"/>
    </row>
    <row r="606441" spans="8:8">
      <c r="H606441" s="12"/>
    </row>
    <row r="606442" spans="8:8">
      <c r="H606442" s="12"/>
    </row>
    <row r="606443" spans="8:8">
      <c r="H606443" s="12"/>
    </row>
    <row r="606444" spans="8:8">
      <c r="H606444" s="12"/>
    </row>
    <row r="606445" spans="8:8">
      <c r="H606445" s="12"/>
    </row>
    <row r="606446" spans="8:8">
      <c r="H606446" s="12"/>
    </row>
    <row r="606447" spans="8:8">
      <c r="H606447" s="12"/>
    </row>
    <row r="606448" spans="8:8">
      <c r="H606448" s="12"/>
    </row>
    <row r="606449" spans="8:8">
      <c r="H606449" s="12"/>
    </row>
    <row r="606450" spans="8:8">
      <c r="H606450" s="12"/>
    </row>
    <row r="606451" spans="8:8">
      <c r="H606451" s="12"/>
    </row>
    <row r="606452" spans="8:8">
      <c r="H606452" s="12"/>
    </row>
    <row r="606453" spans="8:8">
      <c r="H606453" s="12"/>
    </row>
    <row r="606454" spans="8:8">
      <c r="H606454" s="12"/>
    </row>
    <row r="606455" spans="8:8">
      <c r="H606455" s="12"/>
    </row>
    <row r="606456" spans="8:8">
      <c r="H606456" s="12"/>
    </row>
    <row r="606457" spans="8:8">
      <c r="H606457" s="12"/>
    </row>
    <row r="606458" spans="8:8">
      <c r="H606458" s="12"/>
    </row>
    <row r="606459" spans="8:8">
      <c r="H606459" s="12"/>
    </row>
    <row r="606460" spans="8:8">
      <c r="H606460" s="12"/>
    </row>
    <row r="606461" spans="8:8">
      <c r="H606461" s="12"/>
    </row>
    <row r="606462" spans="8:8">
      <c r="H606462" s="12"/>
    </row>
    <row r="606463" spans="8:8">
      <c r="H606463" s="12"/>
    </row>
    <row r="606464" spans="8:8">
      <c r="H606464" s="12"/>
    </row>
    <row r="606465" spans="8:8">
      <c r="H606465" s="12"/>
    </row>
    <row r="606466" spans="8:8">
      <c r="H606466" s="12"/>
    </row>
    <row r="606467" spans="8:8">
      <c r="H606467" s="12"/>
    </row>
    <row r="606468" spans="8:8">
      <c r="H606468" s="12"/>
    </row>
    <row r="606469" spans="8:8">
      <c r="H606469" s="12"/>
    </row>
    <row r="606470" spans="8:8">
      <c r="H606470" s="12"/>
    </row>
    <row r="606471" spans="8:8">
      <c r="H606471" s="12"/>
    </row>
    <row r="606472" spans="8:8">
      <c r="H606472" s="12"/>
    </row>
    <row r="606473" spans="8:8">
      <c r="H606473" s="12"/>
    </row>
    <row r="606474" spans="8:8">
      <c r="H606474" s="12"/>
    </row>
    <row r="606475" spans="8:8">
      <c r="H606475" s="12"/>
    </row>
    <row r="606476" spans="8:8">
      <c r="H606476" s="12"/>
    </row>
    <row r="606477" spans="8:8">
      <c r="H606477" s="12"/>
    </row>
    <row r="606478" spans="8:8">
      <c r="H606478" s="12"/>
    </row>
    <row r="606479" spans="8:8">
      <c r="H606479" s="12"/>
    </row>
    <row r="606480" spans="8:8">
      <c r="H606480" s="12"/>
    </row>
    <row r="606481" spans="8:8">
      <c r="H606481" s="12"/>
    </row>
    <row r="606482" spans="8:8">
      <c r="H606482" s="12"/>
    </row>
    <row r="606483" spans="8:8">
      <c r="H606483" s="12"/>
    </row>
    <row r="606484" spans="8:8">
      <c r="H606484" s="12"/>
    </row>
    <row r="606485" spans="8:8">
      <c r="H606485" s="12"/>
    </row>
    <row r="606486" spans="8:8">
      <c r="H606486" s="12"/>
    </row>
    <row r="606487" spans="8:8">
      <c r="H606487" s="12"/>
    </row>
    <row r="606488" spans="8:8">
      <c r="H606488" s="12"/>
    </row>
    <row r="606489" spans="8:8">
      <c r="H606489" s="12"/>
    </row>
    <row r="606490" spans="8:8">
      <c r="H606490" s="12"/>
    </row>
    <row r="606491" spans="8:8">
      <c r="H606491" s="12"/>
    </row>
    <row r="606492" spans="8:8">
      <c r="H606492" s="12"/>
    </row>
    <row r="606493" spans="8:8">
      <c r="H606493" s="12"/>
    </row>
    <row r="606494" spans="8:8">
      <c r="H606494" s="12"/>
    </row>
    <row r="606495" spans="8:8">
      <c r="H606495" s="12"/>
    </row>
    <row r="606496" spans="8:8">
      <c r="H606496" s="12"/>
    </row>
    <row r="606497" spans="8:8">
      <c r="H606497" s="12"/>
    </row>
    <row r="606498" spans="8:8">
      <c r="H606498" s="12"/>
    </row>
    <row r="606499" spans="8:8">
      <c r="H606499" s="12"/>
    </row>
    <row r="606500" spans="8:8">
      <c r="H606500" s="12"/>
    </row>
    <row r="606501" spans="8:8">
      <c r="H606501" s="12"/>
    </row>
    <row r="606502" spans="8:8">
      <c r="H606502" s="12"/>
    </row>
    <row r="606503" spans="8:8">
      <c r="H606503" s="12"/>
    </row>
    <row r="606504" spans="8:8">
      <c r="H606504" s="12"/>
    </row>
    <row r="606505" spans="8:8">
      <c r="H606505" s="12"/>
    </row>
    <row r="606506" spans="8:8">
      <c r="H606506" s="12"/>
    </row>
    <row r="606507" spans="8:8">
      <c r="H606507" s="12"/>
    </row>
    <row r="606508" spans="8:8">
      <c r="H606508" s="12"/>
    </row>
    <row r="606509" spans="8:8">
      <c r="H606509" s="12"/>
    </row>
    <row r="606510" spans="8:8">
      <c r="H606510" s="12"/>
    </row>
    <row r="606511" spans="8:8">
      <c r="H606511" s="12"/>
    </row>
    <row r="606512" spans="8:8">
      <c r="H606512" s="12"/>
    </row>
    <row r="606513" spans="8:8">
      <c r="H606513" s="12"/>
    </row>
    <row r="606514" spans="8:8">
      <c r="H606514" s="12"/>
    </row>
    <row r="606515" spans="8:8">
      <c r="H606515" s="12"/>
    </row>
    <row r="606516" spans="8:8">
      <c r="H606516" s="12"/>
    </row>
    <row r="606517" spans="8:8">
      <c r="H606517" s="12"/>
    </row>
    <row r="606518" spans="8:8">
      <c r="H606518" s="12"/>
    </row>
    <row r="606519" spans="8:8">
      <c r="H606519" s="12"/>
    </row>
    <row r="606520" spans="8:8">
      <c r="H606520" s="12"/>
    </row>
    <row r="606521" spans="8:8">
      <c r="H606521" s="12"/>
    </row>
    <row r="606522" spans="8:8">
      <c r="H606522" s="12"/>
    </row>
    <row r="606523" spans="8:8">
      <c r="H606523" s="12"/>
    </row>
    <row r="606524" spans="8:8">
      <c r="H606524" s="12"/>
    </row>
    <row r="606525" spans="8:8">
      <c r="H606525" s="12"/>
    </row>
    <row r="606526" spans="8:8">
      <c r="H606526" s="12"/>
    </row>
    <row r="606527" spans="8:8">
      <c r="H606527" s="12"/>
    </row>
    <row r="606528" spans="8:8">
      <c r="H606528" s="12"/>
    </row>
    <row r="606529" spans="8:8">
      <c r="H606529" s="12"/>
    </row>
    <row r="606530" spans="8:8">
      <c r="H606530" s="12"/>
    </row>
    <row r="606531" spans="8:8">
      <c r="H606531" s="12"/>
    </row>
    <row r="606532" spans="8:8">
      <c r="H606532" s="12"/>
    </row>
    <row r="606533" spans="8:8">
      <c r="H606533" s="12"/>
    </row>
    <row r="606534" spans="8:8">
      <c r="H606534" s="12"/>
    </row>
    <row r="606535" spans="8:8">
      <c r="H606535" s="12"/>
    </row>
    <row r="606536" spans="8:8">
      <c r="H606536" s="12"/>
    </row>
    <row r="606537" spans="8:8">
      <c r="H606537" s="12"/>
    </row>
    <row r="606538" spans="8:8">
      <c r="H606538" s="12"/>
    </row>
    <row r="606539" spans="8:8">
      <c r="H606539" s="12"/>
    </row>
    <row r="606540" spans="8:8">
      <c r="H606540" s="12"/>
    </row>
    <row r="606541" spans="8:8">
      <c r="H606541" s="12"/>
    </row>
    <row r="606542" spans="8:8">
      <c r="H606542" s="12"/>
    </row>
    <row r="606543" spans="8:8">
      <c r="H606543" s="12"/>
    </row>
    <row r="606544" spans="8:8">
      <c r="H606544" s="12"/>
    </row>
    <row r="606545" spans="8:8">
      <c r="H606545" s="12"/>
    </row>
    <row r="606546" spans="8:8">
      <c r="H606546" s="12"/>
    </row>
    <row r="606547" spans="8:8">
      <c r="H606547" s="12"/>
    </row>
    <row r="606548" spans="8:8">
      <c r="H606548" s="12"/>
    </row>
    <row r="606549" spans="8:8">
      <c r="H606549" s="12"/>
    </row>
    <row r="606550" spans="8:8">
      <c r="H606550" s="12"/>
    </row>
    <row r="606551" spans="8:8">
      <c r="H606551" s="12"/>
    </row>
    <row r="606552" spans="8:8">
      <c r="H606552" s="12"/>
    </row>
    <row r="606553" spans="8:8">
      <c r="H606553" s="12"/>
    </row>
    <row r="606554" spans="8:8">
      <c r="H606554" s="12"/>
    </row>
    <row r="606555" spans="8:8">
      <c r="H606555" s="12"/>
    </row>
    <row r="606556" spans="8:8">
      <c r="H606556" s="12"/>
    </row>
    <row r="606557" spans="8:8">
      <c r="H606557" s="12"/>
    </row>
    <row r="606558" spans="8:8">
      <c r="H606558" s="12"/>
    </row>
    <row r="606559" spans="8:8">
      <c r="H606559" s="12"/>
    </row>
    <row r="606560" spans="8:8">
      <c r="H606560" s="12"/>
    </row>
    <row r="606561" spans="8:8">
      <c r="H606561" s="12"/>
    </row>
    <row r="606562" spans="8:8">
      <c r="H606562" s="12"/>
    </row>
    <row r="606563" spans="8:8">
      <c r="H606563" s="12"/>
    </row>
    <row r="606564" spans="8:8">
      <c r="H606564" s="12"/>
    </row>
    <row r="606565" spans="8:8">
      <c r="H606565" s="12"/>
    </row>
    <row r="606566" spans="8:8">
      <c r="H606566" s="12"/>
    </row>
    <row r="606567" spans="8:8">
      <c r="H606567" s="12"/>
    </row>
    <row r="606568" spans="8:8">
      <c r="H606568" s="12"/>
    </row>
    <row r="606569" spans="8:8">
      <c r="H606569" s="12"/>
    </row>
    <row r="606570" spans="8:8">
      <c r="H606570" s="12"/>
    </row>
    <row r="606571" spans="8:8">
      <c r="H606571" s="12"/>
    </row>
    <row r="606572" spans="8:8">
      <c r="H606572" s="12"/>
    </row>
    <row r="606573" spans="8:8">
      <c r="H606573" s="12"/>
    </row>
    <row r="606574" spans="8:8">
      <c r="H606574" s="12"/>
    </row>
    <row r="606575" spans="8:8">
      <c r="H606575" s="12"/>
    </row>
    <row r="606576" spans="8:8">
      <c r="H606576" s="12"/>
    </row>
    <row r="606577" spans="8:8">
      <c r="H606577" s="12"/>
    </row>
    <row r="606578" spans="8:8">
      <c r="H606578" s="12"/>
    </row>
    <row r="606579" spans="8:8">
      <c r="H606579" s="12"/>
    </row>
    <row r="606580" spans="8:8">
      <c r="H606580" s="12"/>
    </row>
    <row r="606581" spans="8:8">
      <c r="H606581" s="12"/>
    </row>
    <row r="606582" spans="8:8">
      <c r="H606582" s="12"/>
    </row>
    <row r="606583" spans="8:8">
      <c r="H606583" s="12"/>
    </row>
    <row r="606584" spans="8:8">
      <c r="H606584" s="12"/>
    </row>
    <row r="606585" spans="8:8">
      <c r="H606585" s="12"/>
    </row>
    <row r="606586" spans="8:8">
      <c r="H606586" s="12"/>
    </row>
    <row r="606587" spans="8:8">
      <c r="H606587" s="12"/>
    </row>
    <row r="606588" spans="8:8">
      <c r="H606588" s="12"/>
    </row>
    <row r="606589" spans="8:8">
      <c r="H606589" s="12"/>
    </row>
    <row r="606590" spans="8:8">
      <c r="H606590" s="12"/>
    </row>
    <row r="606591" spans="8:8">
      <c r="H606591" s="12"/>
    </row>
    <row r="606592" spans="8:8">
      <c r="H606592" s="12"/>
    </row>
    <row r="606593" spans="8:8">
      <c r="H606593" s="12"/>
    </row>
    <row r="606594" spans="8:8">
      <c r="H606594" s="12"/>
    </row>
    <row r="606595" spans="8:8">
      <c r="H606595" s="12"/>
    </row>
    <row r="606596" spans="8:8">
      <c r="H606596" s="12"/>
    </row>
    <row r="606597" spans="8:8">
      <c r="H606597" s="12"/>
    </row>
    <row r="606598" spans="8:8">
      <c r="H606598" s="12"/>
    </row>
    <row r="606599" spans="8:8">
      <c r="H606599" s="12"/>
    </row>
    <row r="606600" spans="8:8">
      <c r="H606600" s="12"/>
    </row>
    <row r="606601" spans="8:8">
      <c r="H606601" s="12"/>
    </row>
    <row r="606602" spans="8:8">
      <c r="H606602" s="12"/>
    </row>
    <row r="606603" spans="8:8">
      <c r="H606603" s="12"/>
    </row>
    <row r="606604" spans="8:8">
      <c r="H606604" s="12"/>
    </row>
    <row r="606605" spans="8:8">
      <c r="H606605" s="12"/>
    </row>
    <row r="606606" spans="8:8">
      <c r="H606606" s="12"/>
    </row>
    <row r="606607" spans="8:8">
      <c r="H606607" s="12"/>
    </row>
    <row r="606608" spans="8:8">
      <c r="H606608" s="12"/>
    </row>
    <row r="606609" spans="8:8">
      <c r="H606609" s="12"/>
    </row>
    <row r="606610" spans="8:8">
      <c r="H606610" s="12"/>
    </row>
    <row r="606611" spans="8:8">
      <c r="H606611" s="12"/>
    </row>
    <row r="606612" spans="8:8">
      <c r="H606612" s="12"/>
    </row>
    <row r="606613" spans="8:8">
      <c r="H606613" s="12"/>
    </row>
    <row r="606614" spans="8:8">
      <c r="H606614" s="12"/>
    </row>
    <row r="606615" spans="8:8">
      <c r="H606615" s="12"/>
    </row>
    <row r="606616" spans="8:8">
      <c r="H606616" s="12"/>
    </row>
    <row r="606617" spans="8:8">
      <c r="H606617" s="12"/>
    </row>
    <row r="606618" spans="8:8">
      <c r="H606618" s="12"/>
    </row>
    <row r="606619" spans="8:8">
      <c r="H606619" s="12"/>
    </row>
    <row r="606620" spans="8:8">
      <c r="H606620" s="12"/>
    </row>
    <row r="606621" spans="8:8">
      <c r="H606621" s="12"/>
    </row>
    <row r="606622" spans="8:8">
      <c r="H606622" s="12"/>
    </row>
    <row r="606623" spans="8:8">
      <c r="H606623" s="12"/>
    </row>
    <row r="606624" spans="8:8">
      <c r="H606624" s="12"/>
    </row>
    <row r="606625" spans="8:8">
      <c r="H606625" s="12"/>
    </row>
    <row r="606626" spans="8:8">
      <c r="H606626" s="12"/>
    </row>
    <row r="606627" spans="8:8">
      <c r="H606627" s="12"/>
    </row>
    <row r="606628" spans="8:8">
      <c r="H606628" s="12"/>
    </row>
    <row r="606629" spans="8:8">
      <c r="H606629" s="12"/>
    </row>
    <row r="606630" spans="8:8">
      <c r="H606630" s="12"/>
    </row>
    <row r="606631" spans="8:8">
      <c r="H606631" s="12"/>
    </row>
    <row r="606632" spans="8:8">
      <c r="H606632" s="12"/>
    </row>
    <row r="606633" spans="8:8">
      <c r="H606633" s="12"/>
    </row>
    <row r="606634" spans="8:8">
      <c r="H606634" s="12"/>
    </row>
    <row r="606635" spans="8:8">
      <c r="H606635" s="12"/>
    </row>
    <row r="606636" spans="8:8">
      <c r="H606636" s="12"/>
    </row>
    <row r="606637" spans="8:8">
      <c r="H606637" s="12"/>
    </row>
    <row r="606638" spans="8:8">
      <c r="H606638" s="12"/>
    </row>
    <row r="606639" spans="8:8">
      <c r="H606639" s="12"/>
    </row>
    <row r="606640" spans="8:8">
      <c r="H606640" s="12"/>
    </row>
    <row r="606641" spans="8:8">
      <c r="H606641" s="12"/>
    </row>
    <row r="606642" spans="8:8">
      <c r="H606642" s="12"/>
    </row>
    <row r="606643" spans="8:8">
      <c r="H606643" s="12"/>
    </row>
    <row r="606644" spans="8:8">
      <c r="H606644" s="12"/>
    </row>
    <row r="606645" spans="8:8">
      <c r="H606645" s="12"/>
    </row>
    <row r="606646" spans="8:8">
      <c r="H606646" s="12"/>
    </row>
    <row r="606647" spans="8:8">
      <c r="H606647" s="12"/>
    </row>
    <row r="606648" spans="8:8">
      <c r="H606648" s="12"/>
    </row>
    <row r="606649" spans="8:8">
      <c r="H606649" s="12"/>
    </row>
    <row r="606650" spans="8:8">
      <c r="H606650" s="12"/>
    </row>
    <row r="606651" spans="8:8">
      <c r="H606651" s="12"/>
    </row>
    <row r="606652" spans="8:8">
      <c r="H606652" s="12"/>
    </row>
    <row r="606653" spans="8:8">
      <c r="H606653" s="12"/>
    </row>
    <row r="606654" spans="8:8">
      <c r="H606654" s="12"/>
    </row>
    <row r="606655" spans="8:8">
      <c r="H606655" s="12"/>
    </row>
    <row r="606656" spans="8:8">
      <c r="H606656" s="12"/>
    </row>
    <row r="606657" spans="8:8">
      <c r="H606657" s="12"/>
    </row>
    <row r="606658" spans="8:8">
      <c r="H606658" s="12"/>
    </row>
    <row r="606659" spans="8:8">
      <c r="H606659" s="12"/>
    </row>
    <row r="606660" spans="8:8">
      <c r="H606660" s="12"/>
    </row>
    <row r="606661" spans="8:8">
      <c r="H606661" s="12"/>
    </row>
    <row r="606662" spans="8:8">
      <c r="H606662" s="12"/>
    </row>
    <row r="606663" spans="8:8">
      <c r="H606663" s="12"/>
    </row>
    <row r="606664" spans="8:8">
      <c r="H606664" s="12"/>
    </row>
    <row r="606665" spans="8:8">
      <c r="H606665" s="12"/>
    </row>
    <row r="606666" spans="8:8">
      <c r="H606666" s="12"/>
    </row>
    <row r="606667" spans="8:8">
      <c r="H606667" s="12"/>
    </row>
    <row r="606668" spans="8:8">
      <c r="H606668" s="12"/>
    </row>
    <row r="606669" spans="8:8">
      <c r="H606669" s="12"/>
    </row>
    <row r="606670" spans="8:8">
      <c r="H606670" s="12"/>
    </row>
    <row r="606671" spans="8:8">
      <c r="H606671" s="12"/>
    </row>
    <row r="606672" spans="8:8">
      <c r="H606672" s="12"/>
    </row>
    <row r="606673" spans="8:8">
      <c r="H606673" s="12"/>
    </row>
    <row r="606674" spans="8:8">
      <c r="H606674" s="12"/>
    </row>
    <row r="606675" spans="8:8">
      <c r="H606675" s="12"/>
    </row>
    <row r="606676" spans="8:8">
      <c r="H606676" s="12"/>
    </row>
    <row r="606677" spans="8:8">
      <c r="H606677" s="12"/>
    </row>
    <row r="606678" spans="8:8">
      <c r="H606678" s="12"/>
    </row>
    <row r="606679" spans="8:8">
      <c r="H606679" s="12"/>
    </row>
    <row r="606680" spans="8:8">
      <c r="H606680" s="12"/>
    </row>
    <row r="606681" spans="8:8">
      <c r="H606681" s="12"/>
    </row>
    <row r="606682" spans="8:8">
      <c r="H606682" s="12"/>
    </row>
    <row r="606683" spans="8:8">
      <c r="H606683" s="12"/>
    </row>
    <row r="606684" spans="8:8">
      <c r="H606684" s="12"/>
    </row>
    <row r="606685" spans="8:8">
      <c r="H606685" s="12"/>
    </row>
    <row r="606686" spans="8:8">
      <c r="H606686" s="12"/>
    </row>
    <row r="606687" spans="8:8">
      <c r="H606687" s="12"/>
    </row>
    <row r="606688" spans="8:8">
      <c r="H606688" s="12"/>
    </row>
    <row r="606689" spans="8:8">
      <c r="H606689" s="12"/>
    </row>
    <row r="606690" spans="8:8">
      <c r="H606690" s="12"/>
    </row>
    <row r="606691" spans="8:8">
      <c r="H606691" s="12"/>
    </row>
    <row r="606692" spans="8:8">
      <c r="H606692" s="12"/>
    </row>
    <row r="606693" spans="8:8">
      <c r="H606693" s="12"/>
    </row>
    <row r="606694" spans="8:8">
      <c r="H606694" s="12"/>
    </row>
    <row r="606695" spans="8:8">
      <c r="H606695" s="12"/>
    </row>
    <row r="606696" spans="8:8">
      <c r="H606696" s="12"/>
    </row>
    <row r="606697" spans="8:8">
      <c r="H606697" s="12"/>
    </row>
    <row r="606698" spans="8:8">
      <c r="H606698" s="12"/>
    </row>
    <row r="606699" spans="8:8">
      <c r="H606699" s="12"/>
    </row>
    <row r="606700" spans="8:8">
      <c r="H606700" s="12"/>
    </row>
    <row r="606701" spans="8:8">
      <c r="H606701" s="12"/>
    </row>
    <row r="606702" spans="8:8">
      <c r="H606702" s="12"/>
    </row>
    <row r="606703" spans="8:8">
      <c r="H606703" s="12"/>
    </row>
    <row r="606704" spans="8:8">
      <c r="H606704" s="12"/>
    </row>
    <row r="606705" spans="8:8">
      <c r="H606705" s="12"/>
    </row>
    <row r="606706" spans="8:8">
      <c r="H606706" s="12"/>
    </row>
    <row r="606707" spans="8:8">
      <c r="H606707" s="12"/>
    </row>
    <row r="606708" spans="8:8">
      <c r="H606708" s="12"/>
    </row>
    <row r="606709" spans="8:8">
      <c r="H606709" s="12"/>
    </row>
    <row r="606710" spans="8:8">
      <c r="H606710" s="12"/>
    </row>
    <row r="606711" spans="8:8">
      <c r="H606711" s="12"/>
    </row>
    <row r="606712" spans="8:8">
      <c r="H606712" s="12"/>
    </row>
    <row r="606713" spans="8:8">
      <c r="H606713" s="12"/>
    </row>
    <row r="606714" spans="8:8">
      <c r="H606714" s="12"/>
    </row>
    <row r="606715" spans="8:8">
      <c r="H606715" s="12"/>
    </row>
    <row r="606716" spans="8:8">
      <c r="H606716" s="12"/>
    </row>
    <row r="606717" spans="8:8">
      <c r="H606717" s="12"/>
    </row>
    <row r="606718" spans="8:8">
      <c r="H606718" s="12"/>
    </row>
    <row r="606719" spans="8:8">
      <c r="H606719" s="12"/>
    </row>
    <row r="606720" spans="8:8">
      <c r="H606720" s="12"/>
    </row>
    <row r="606721" spans="8:8">
      <c r="H606721" s="12"/>
    </row>
    <row r="606722" spans="8:8">
      <c r="H606722" s="12"/>
    </row>
    <row r="606723" spans="8:8">
      <c r="H606723" s="12"/>
    </row>
    <row r="606724" spans="8:8">
      <c r="H606724" s="12"/>
    </row>
    <row r="606725" spans="8:8">
      <c r="H606725" s="12"/>
    </row>
    <row r="606726" spans="8:8">
      <c r="H606726" s="12"/>
    </row>
    <row r="606727" spans="8:8">
      <c r="H606727" s="12"/>
    </row>
    <row r="606728" spans="8:8">
      <c r="H606728" s="12"/>
    </row>
    <row r="606729" spans="8:8">
      <c r="H606729" s="12"/>
    </row>
    <row r="606730" spans="8:8">
      <c r="H606730" s="12"/>
    </row>
    <row r="606731" spans="8:8">
      <c r="H606731" s="12"/>
    </row>
    <row r="606732" spans="8:8">
      <c r="H606732" s="12"/>
    </row>
    <row r="606733" spans="8:8">
      <c r="H606733" s="12"/>
    </row>
    <row r="606734" spans="8:8">
      <c r="H606734" s="12"/>
    </row>
    <row r="606735" spans="8:8">
      <c r="H606735" s="12"/>
    </row>
    <row r="606736" spans="8:8">
      <c r="H606736" s="12"/>
    </row>
    <row r="606737" spans="8:8">
      <c r="H606737" s="12"/>
    </row>
    <row r="606738" spans="8:8">
      <c r="H606738" s="12"/>
    </row>
    <row r="606739" spans="8:8">
      <c r="H606739" s="12"/>
    </row>
    <row r="606740" spans="8:8">
      <c r="H606740" s="12"/>
    </row>
    <row r="606741" spans="8:8">
      <c r="H606741" s="12"/>
    </row>
    <row r="606742" spans="8:8">
      <c r="H606742" s="12"/>
    </row>
    <row r="606743" spans="8:8">
      <c r="H606743" s="12"/>
    </row>
    <row r="606744" spans="8:8">
      <c r="H606744" s="12"/>
    </row>
    <row r="606745" spans="8:8">
      <c r="H606745" s="12"/>
    </row>
    <row r="606746" spans="8:8">
      <c r="H606746" s="12"/>
    </row>
    <row r="606747" spans="8:8">
      <c r="H606747" s="12"/>
    </row>
    <row r="606748" spans="8:8">
      <c r="H606748" s="12"/>
    </row>
    <row r="606749" spans="8:8">
      <c r="H606749" s="12"/>
    </row>
    <row r="606750" spans="8:8">
      <c r="H606750" s="12"/>
    </row>
    <row r="606751" spans="8:8">
      <c r="H606751" s="12"/>
    </row>
    <row r="606752" spans="8:8">
      <c r="H606752" s="12"/>
    </row>
    <row r="606753" spans="8:8">
      <c r="H606753" s="12"/>
    </row>
    <row r="606754" spans="8:8">
      <c r="H606754" s="12"/>
    </row>
    <row r="606755" spans="8:8">
      <c r="H606755" s="12"/>
    </row>
    <row r="606756" spans="8:8">
      <c r="H606756" s="12"/>
    </row>
    <row r="606757" spans="8:8">
      <c r="H606757" s="12"/>
    </row>
    <row r="606758" spans="8:8">
      <c r="H606758" s="12"/>
    </row>
    <row r="606759" spans="8:8">
      <c r="H606759" s="12"/>
    </row>
    <row r="606760" spans="8:8">
      <c r="H606760" s="12"/>
    </row>
    <row r="606761" spans="8:8">
      <c r="H606761" s="12"/>
    </row>
    <row r="606762" spans="8:8">
      <c r="H606762" s="12"/>
    </row>
    <row r="606763" spans="8:8">
      <c r="H606763" s="12"/>
    </row>
    <row r="606764" spans="8:8">
      <c r="H606764" s="12"/>
    </row>
    <row r="606765" spans="8:8">
      <c r="H606765" s="12"/>
    </row>
    <row r="606766" spans="8:8">
      <c r="H606766" s="12"/>
    </row>
    <row r="606767" spans="8:8">
      <c r="H606767" s="12"/>
    </row>
    <row r="606768" spans="8:8">
      <c r="H606768" s="12"/>
    </row>
    <row r="606769" spans="8:8">
      <c r="H606769" s="12"/>
    </row>
    <row r="606770" spans="8:8">
      <c r="H606770" s="12"/>
    </row>
    <row r="606771" spans="8:8">
      <c r="H606771" s="12"/>
    </row>
    <row r="606772" spans="8:8">
      <c r="H606772" s="12"/>
    </row>
    <row r="606773" spans="8:8">
      <c r="H606773" s="12"/>
    </row>
    <row r="606774" spans="8:8">
      <c r="H606774" s="12"/>
    </row>
    <row r="606775" spans="8:8">
      <c r="H606775" s="12"/>
    </row>
    <row r="606776" spans="8:8">
      <c r="H606776" s="12"/>
    </row>
    <row r="606777" spans="8:8">
      <c r="H606777" s="12"/>
    </row>
    <row r="606778" spans="8:8">
      <c r="H606778" s="12"/>
    </row>
    <row r="606779" spans="8:8">
      <c r="H606779" s="12"/>
    </row>
    <row r="606780" spans="8:8">
      <c r="H606780" s="12"/>
    </row>
    <row r="606781" spans="8:8">
      <c r="H606781" s="12"/>
    </row>
    <row r="606782" spans="8:8">
      <c r="H606782" s="12"/>
    </row>
    <row r="606783" spans="8:8">
      <c r="H606783" s="12"/>
    </row>
    <row r="606784" spans="8:8">
      <c r="H606784" s="12"/>
    </row>
    <row r="606785" spans="8:8">
      <c r="H606785" s="12"/>
    </row>
    <row r="606786" spans="8:8">
      <c r="H606786" s="12"/>
    </row>
    <row r="606787" spans="8:8">
      <c r="H606787" s="12"/>
    </row>
    <row r="606788" spans="8:8">
      <c r="H606788" s="12"/>
    </row>
    <row r="606789" spans="8:8">
      <c r="H606789" s="12"/>
    </row>
    <row r="606790" spans="8:8">
      <c r="H606790" s="12"/>
    </row>
    <row r="606791" spans="8:8">
      <c r="H606791" s="12"/>
    </row>
    <row r="606792" spans="8:8">
      <c r="H606792" s="12"/>
    </row>
    <row r="606793" spans="8:8">
      <c r="H606793" s="12"/>
    </row>
    <row r="606794" spans="8:8">
      <c r="H606794" s="12"/>
    </row>
    <row r="606795" spans="8:8">
      <c r="H606795" s="12"/>
    </row>
    <row r="606796" spans="8:8">
      <c r="H606796" s="12"/>
    </row>
    <row r="606797" spans="8:8">
      <c r="H606797" s="12"/>
    </row>
    <row r="606798" spans="8:8">
      <c r="H606798" s="12"/>
    </row>
    <row r="606799" spans="8:8">
      <c r="H606799" s="12"/>
    </row>
    <row r="606800" spans="8:8">
      <c r="H606800" s="12"/>
    </row>
    <row r="606801" spans="8:8">
      <c r="H606801" s="12"/>
    </row>
    <row r="606802" spans="8:8">
      <c r="H606802" s="12"/>
    </row>
    <row r="606803" spans="8:8">
      <c r="H606803" s="12"/>
    </row>
    <row r="606804" spans="8:8">
      <c r="H606804" s="12"/>
    </row>
    <row r="606805" spans="8:8">
      <c r="H606805" s="12"/>
    </row>
    <row r="606806" spans="8:8">
      <c r="H606806" s="12"/>
    </row>
    <row r="606807" spans="8:8">
      <c r="H606807" s="12"/>
    </row>
    <row r="606808" spans="8:8">
      <c r="H606808" s="12"/>
    </row>
    <row r="606809" spans="8:8">
      <c r="H606809" s="12"/>
    </row>
    <row r="606810" spans="8:8">
      <c r="H606810" s="12"/>
    </row>
    <row r="606811" spans="8:8">
      <c r="H606811" s="12"/>
    </row>
    <row r="606812" spans="8:8">
      <c r="H606812" s="12"/>
    </row>
    <row r="606813" spans="8:8">
      <c r="H606813" s="12"/>
    </row>
    <row r="606814" spans="8:8">
      <c r="H606814" s="12"/>
    </row>
    <row r="606815" spans="8:8">
      <c r="H606815" s="12"/>
    </row>
    <row r="606816" spans="8:8">
      <c r="H606816" s="12"/>
    </row>
    <row r="606817" spans="8:8">
      <c r="H606817" s="12"/>
    </row>
    <row r="606818" spans="8:8">
      <c r="H606818" s="12"/>
    </row>
    <row r="606819" spans="8:8">
      <c r="H606819" s="12"/>
    </row>
    <row r="606820" spans="8:8">
      <c r="H606820" s="12"/>
    </row>
    <row r="606821" spans="8:8">
      <c r="H606821" s="12"/>
    </row>
    <row r="606822" spans="8:8">
      <c r="H606822" s="12"/>
    </row>
    <row r="606823" spans="8:8">
      <c r="H606823" s="12"/>
    </row>
    <row r="606824" spans="8:8">
      <c r="H606824" s="12"/>
    </row>
    <row r="606825" spans="8:8">
      <c r="H606825" s="12"/>
    </row>
    <row r="606826" spans="8:8">
      <c r="H606826" s="12"/>
    </row>
    <row r="606827" spans="8:8">
      <c r="H606827" s="12"/>
    </row>
    <row r="606828" spans="8:8">
      <c r="H606828" s="12"/>
    </row>
    <row r="606829" spans="8:8">
      <c r="H606829" s="12"/>
    </row>
    <row r="606830" spans="8:8">
      <c r="H606830" s="12"/>
    </row>
    <row r="606831" spans="8:8">
      <c r="H606831" s="12"/>
    </row>
    <row r="606832" spans="8:8">
      <c r="H606832" s="12"/>
    </row>
    <row r="606833" spans="8:8">
      <c r="H606833" s="12"/>
    </row>
    <row r="606834" spans="8:8">
      <c r="H606834" s="12"/>
    </row>
    <row r="606835" spans="8:8">
      <c r="H606835" s="12"/>
    </row>
    <row r="606836" spans="8:8">
      <c r="H606836" s="12"/>
    </row>
    <row r="606837" spans="8:8">
      <c r="H606837" s="12"/>
    </row>
    <row r="606838" spans="8:8">
      <c r="H606838" s="12"/>
    </row>
    <row r="606839" spans="8:8">
      <c r="H606839" s="12"/>
    </row>
    <row r="606840" spans="8:8">
      <c r="H606840" s="12"/>
    </row>
    <row r="606841" spans="8:8">
      <c r="H606841" s="12"/>
    </row>
    <row r="606842" spans="8:8">
      <c r="H606842" s="12"/>
    </row>
    <row r="606843" spans="8:8">
      <c r="H606843" s="12"/>
    </row>
    <row r="606844" spans="8:8">
      <c r="H606844" s="12"/>
    </row>
    <row r="606845" spans="8:8">
      <c r="H606845" s="12"/>
    </row>
    <row r="606846" spans="8:8">
      <c r="H606846" s="12"/>
    </row>
    <row r="606847" spans="8:8">
      <c r="H606847" s="12"/>
    </row>
    <row r="606848" spans="8:8">
      <c r="H606848" s="12"/>
    </row>
    <row r="606849" spans="8:8">
      <c r="H606849" s="12"/>
    </row>
    <row r="606850" spans="8:8">
      <c r="H606850" s="12"/>
    </row>
    <row r="606851" spans="8:8">
      <c r="H606851" s="12"/>
    </row>
    <row r="606852" spans="8:8">
      <c r="H606852" s="12"/>
    </row>
    <row r="606853" spans="8:8">
      <c r="H606853" s="12"/>
    </row>
    <row r="606854" spans="8:8">
      <c r="H606854" s="12"/>
    </row>
    <row r="606855" spans="8:8">
      <c r="H606855" s="12"/>
    </row>
    <row r="606856" spans="8:8">
      <c r="H606856" s="12"/>
    </row>
    <row r="606857" spans="8:8">
      <c r="H606857" s="12"/>
    </row>
    <row r="606858" spans="8:8">
      <c r="H606858" s="12"/>
    </row>
    <row r="606859" spans="8:8">
      <c r="H606859" s="12"/>
    </row>
    <row r="606860" spans="8:8">
      <c r="H606860" s="12"/>
    </row>
    <row r="606861" spans="8:8">
      <c r="H606861" s="12"/>
    </row>
    <row r="606862" spans="8:8">
      <c r="H606862" s="12"/>
    </row>
    <row r="606863" spans="8:8">
      <c r="H606863" s="12"/>
    </row>
    <row r="606864" spans="8:8">
      <c r="H606864" s="12"/>
    </row>
    <row r="606865" spans="8:8">
      <c r="H606865" s="12"/>
    </row>
    <row r="606866" spans="8:8">
      <c r="H606866" s="12"/>
    </row>
    <row r="606867" spans="8:8">
      <c r="H606867" s="12"/>
    </row>
    <row r="606868" spans="8:8">
      <c r="H606868" s="12"/>
    </row>
    <row r="606869" spans="8:8">
      <c r="H606869" s="12"/>
    </row>
    <row r="606870" spans="8:8">
      <c r="H606870" s="12"/>
    </row>
    <row r="606871" spans="8:8">
      <c r="H606871" s="12"/>
    </row>
    <row r="606872" spans="8:8">
      <c r="H606872" s="12"/>
    </row>
    <row r="606873" spans="8:8">
      <c r="H606873" s="12"/>
    </row>
    <row r="606874" spans="8:8">
      <c r="H606874" s="12"/>
    </row>
    <row r="606875" spans="8:8">
      <c r="H606875" s="12"/>
    </row>
    <row r="606876" spans="8:8">
      <c r="H606876" s="12"/>
    </row>
    <row r="606877" spans="8:8">
      <c r="H606877" s="12"/>
    </row>
    <row r="606878" spans="8:8">
      <c r="H606878" s="12"/>
    </row>
    <row r="606879" spans="8:8">
      <c r="H606879" s="12"/>
    </row>
    <row r="606880" spans="8:8">
      <c r="H606880" s="12"/>
    </row>
    <row r="606881" spans="8:8">
      <c r="H606881" s="12"/>
    </row>
    <row r="606882" spans="8:8">
      <c r="H606882" s="12"/>
    </row>
    <row r="606883" spans="8:8">
      <c r="H606883" s="12"/>
    </row>
    <row r="606884" spans="8:8">
      <c r="H606884" s="12"/>
    </row>
    <row r="606885" spans="8:8">
      <c r="H606885" s="12"/>
    </row>
    <row r="606886" spans="8:8">
      <c r="H606886" s="12"/>
    </row>
    <row r="606887" spans="8:8">
      <c r="H606887" s="12"/>
    </row>
    <row r="606888" spans="8:8">
      <c r="H606888" s="12"/>
    </row>
    <row r="606889" spans="8:8">
      <c r="H606889" s="12"/>
    </row>
    <row r="606890" spans="8:8">
      <c r="H606890" s="12"/>
    </row>
    <row r="606891" spans="8:8">
      <c r="H606891" s="12"/>
    </row>
    <row r="606892" spans="8:8">
      <c r="H606892" s="12"/>
    </row>
    <row r="606893" spans="8:8">
      <c r="H606893" s="12"/>
    </row>
    <row r="606894" spans="8:8">
      <c r="H606894" s="12"/>
    </row>
    <row r="606895" spans="8:8">
      <c r="H606895" s="12"/>
    </row>
    <row r="606896" spans="8:8">
      <c r="H606896" s="12"/>
    </row>
    <row r="606897" spans="8:8">
      <c r="H606897" s="12"/>
    </row>
    <row r="606898" spans="8:8">
      <c r="H606898" s="12"/>
    </row>
    <row r="606899" spans="8:8">
      <c r="H606899" s="12"/>
    </row>
    <row r="606900" spans="8:8">
      <c r="H606900" s="12"/>
    </row>
    <row r="606901" spans="8:8">
      <c r="H606901" s="12"/>
    </row>
    <row r="606902" spans="8:8">
      <c r="H606902" s="12"/>
    </row>
    <row r="606903" spans="8:8">
      <c r="H606903" s="12"/>
    </row>
    <row r="606904" spans="8:8">
      <c r="H606904" s="12"/>
    </row>
    <row r="606905" spans="8:8">
      <c r="H606905" s="12"/>
    </row>
    <row r="606906" spans="8:8">
      <c r="H606906" s="12"/>
    </row>
    <row r="606907" spans="8:8">
      <c r="H606907" s="12"/>
    </row>
    <row r="606908" spans="8:8">
      <c r="H606908" s="12"/>
    </row>
    <row r="606909" spans="8:8">
      <c r="H606909" s="12"/>
    </row>
    <row r="606910" spans="8:8">
      <c r="H606910" s="12"/>
    </row>
    <row r="606911" spans="8:8">
      <c r="H606911" s="12"/>
    </row>
    <row r="606912" spans="8:8">
      <c r="H606912" s="12"/>
    </row>
    <row r="606913" spans="8:8">
      <c r="H606913" s="12"/>
    </row>
    <row r="606914" spans="8:8">
      <c r="H606914" s="12"/>
    </row>
    <row r="606915" spans="8:8">
      <c r="H606915" s="12"/>
    </row>
    <row r="606916" spans="8:8">
      <c r="H606916" s="12"/>
    </row>
    <row r="606917" spans="8:8">
      <c r="H606917" s="12"/>
    </row>
    <row r="606918" spans="8:8">
      <c r="H606918" s="12"/>
    </row>
    <row r="606919" spans="8:8">
      <c r="H606919" s="12"/>
    </row>
    <row r="606920" spans="8:8">
      <c r="H606920" s="12"/>
    </row>
    <row r="606921" spans="8:8">
      <c r="H606921" s="12"/>
    </row>
    <row r="606922" spans="8:8">
      <c r="H606922" s="12"/>
    </row>
    <row r="606923" spans="8:8">
      <c r="H606923" s="12"/>
    </row>
    <row r="606924" spans="8:8">
      <c r="H606924" s="12"/>
    </row>
    <row r="606925" spans="8:8">
      <c r="H606925" s="12"/>
    </row>
    <row r="606926" spans="8:8">
      <c r="H606926" s="12"/>
    </row>
    <row r="606927" spans="8:8">
      <c r="H606927" s="12"/>
    </row>
    <row r="606928" spans="8:8">
      <c r="H606928" s="12"/>
    </row>
    <row r="606929" spans="8:8">
      <c r="H606929" s="12"/>
    </row>
    <row r="606930" spans="8:8">
      <c r="H606930" s="12"/>
    </row>
    <row r="606931" spans="8:8">
      <c r="H606931" s="12"/>
    </row>
    <row r="606932" spans="8:8">
      <c r="H606932" s="12"/>
    </row>
    <row r="606933" spans="8:8">
      <c r="H606933" s="12"/>
    </row>
    <row r="606934" spans="8:8">
      <c r="H606934" s="12"/>
    </row>
    <row r="606935" spans="8:8">
      <c r="H606935" s="12"/>
    </row>
    <row r="606936" spans="8:8">
      <c r="H606936" s="12"/>
    </row>
    <row r="606937" spans="8:8">
      <c r="H606937" s="12"/>
    </row>
    <row r="606938" spans="8:8">
      <c r="H606938" s="12"/>
    </row>
    <row r="606939" spans="8:8">
      <c r="H606939" s="12"/>
    </row>
    <row r="606940" spans="8:8">
      <c r="H606940" s="12"/>
    </row>
    <row r="606941" spans="8:8">
      <c r="H606941" s="12"/>
    </row>
    <row r="606942" spans="8:8">
      <c r="H606942" s="12"/>
    </row>
    <row r="606943" spans="8:8">
      <c r="H606943" s="12"/>
    </row>
    <row r="606944" spans="8:8">
      <c r="H606944" s="12"/>
    </row>
    <row r="606945" spans="8:8">
      <c r="H606945" s="12"/>
    </row>
    <row r="606946" spans="8:8">
      <c r="H606946" s="12"/>
    </row>
    <row r="606947" spans="8:8">
      <c r="H606947" s="12"/>
    </row>
    <row r="606948" spans="8:8">
      <c r="H606948" s="12"/>
    </row>
    <row r="606949" spans="8:8">
      <c r="H606949" s="12"/>
    </row>
    <row r="606950" spans="8:8">
      <c r="H606950" s="12"/>
    </row>
    <row r="606951" spans="8:8">
      <c r="H606951" s="12"/>
    </row>
    <row r="606952" spans="8:8">
      <c r="H606952" s="12"/>
    </row>
    <row r="606953" spans="8:8">
      <c r="H606953" s="12"/>
    </row>
    <row r="606954" spans="8:8">
      <c r="H606954" s="12"/>
    </row>
    <row r="606955" spans="8:8">
      <c r="H606955" s="12"/>
    </row>
    <row r="606956" spans="8:8">
      <c r="H606956" s="12"/>
    </row>
    <row r="606957" spans="8:8">
      <c r="H606957" s="12"/>
    </row>
    <row r="606958" spans="8:8">
      <c r="H606958" s="12"/>
    </row>
    <row r="606959" spans="8:8">
      <c r="H606959" s="12"/>
    </row>
    <row r="606960" spans="8:8">
      <c r="H606960" s="12"/>
    </row>
    <row r="606961" spans="8:8">
      <c r="H606961" s="12"/>
    </row>
    <row r="606962" spans="8:8">
      <c r="H606962" s="12"/>
    </row>
    <row r="606963" spans="8:8">
      <c r="H606963" s="12"/>
    </row>
    <row r="606964" spans="8:8">
      <c r="H606964" s="12"/>
    </row>
    <row r="606965" spans="8:8">
      <c r="H606965" s="12"/>
    </row>
    <row r="606966" spans="8:8">
      <c r="H606966" s="12"/>
    </row>
    <row r="606967" spans="8:8">
      <c r="H606967" s="12"/>
    </row>
    <row r="606968" spans="8:8">
      <c r="H606968" s="12"/>
    </row>
    <row r="606969" spans="8:8">
      <c r="H606969" s="12"/>
    </row>
    <row r="606970" spans="8:8">
      <c r="H606970" s="12"/>
    </row>
    <row r="606971" spans="8:8">
      <c r="H606971" s="12"/>
    </row>
    <row r="606972" spans="8:8">
      <c r="H606972" s="12"/>
    </row>
    <row r="606973" spans="8:8">
      <c r="H606973" s="12"/>
    </row>
    <row r="606974" spans="8:8">
      <c r="H606974" s="12"/>
    </row>
    <row r="606975" spans="8:8">
      <c r="H606975" s="12"/>
    </row>
    <row r="606976" spans="8:8">
      <c r="H606976" s="12"/>
    </row>
    <row r="606977" spans="8:8">
      <c r="H606977" s="12"/>
    </row>
    <row r="606978" spans="8:8">
      <c r="H606978" s="12"/>
    </row>
    <row r="606979" spans="8:8">
      <c r="H606979" s="12"/>
    </row>
    <row r="606980" spans="8:8">
      <c r="H606980" s="12"/>
    </row>
    <row r="606981" spans="8:8">
      <c r="H606981" s="12"/>
    </row>
    <row r="606982" spans="8:8">
      <c r="H606982" s="12"/>
    </row>
    <row r="606983" spans="8:8">
      <c r="H606983" s="12"/>
    </row>
    <row r="606984" spans="8:8">
      <c r="H606984" s="12"/>
    </row>
    <row r="606985" spans="8:8">
      <c r="H606985" s="12"/>
    </row>
    <row r="606986" spans="8:8">
      <c r="H606986" s="12"/>
    </row>
    <row r="606987" spans="8:8">
      <c r="H606987" s="12"/>
    </row>
    <row r="606988" spans="8:8">
      <c r="H606988" s="12"/>
    </row>
    <row r="606989" spans="8:8">
      <c r="H606989" s="12"/>
    </row>
    <row r="606990" spans="8:8">
      <c r="H606990" s="12"/>
    </row>
    <row r="606991" spans="8:8">
      <c r="H606991" s="12"/>
    </row>
    <row r="606992" spans="8:8">
      <c r="H606992" s="12"/>
    </row>
    <row r="606993" spans="8:8">
      <c r="H606993" s="12"/>
    </row>
    <row r="606994" spans="8:8">
      <c r="H606994" s="12"/>
    </row>
    <row r="606995" spans="8:8">
      <c r="H606995" s="12"/>
    </row>
    <row r="606996" spans="8:8">
      <c r="H606996" s="12"/>
    </row>
    <row r="606997" spans="8:8">
      <c r="H606997" s="12"/>
    </row>
    <row r="606998" spans="8:8">
      <c r="H606998" s="12"/>
    </row>
    <row r="606999" spans="8:8">
      <c r="H606999" s="12"/>
    </row>
    <row r="607000" spans="8:8">
      <c r="H607000" s="12"/>
    </row>
    <row r="607001" spans="8:8">
      <c r="H607001" s="12"/>
    </row>
    <row r="607002" spans="8:8">
      <c r="H607002" s="12"/>
    </row>
    <row r="607003" spans="8:8">
      <c r="H607003" s="12"/>
    </row>
    <row r="607004" spans="8:8">
      <c r="H607004" s="12"/>
    </row>
    <row r="607005" spans="8:8">
      <c r="H607005" s="12"/>
    </row>
    <row r="607006" spans="8:8">
      <c r="H607006" s="12"/>
    </row>
    <row r="607007" spans="8:8">
      <c r="H607007" s="12"/>
    </row>
    <row r="607008" spans="8:8">
      <c r="H607008" s="12"/>
    </row>
    <row r="607009" spans="8:8">
      <c r="H607009" s="12"/>
    </row>
    <row r="607010" spans="8:8">
      <c r="H607010" s="12"/>
    </row>
    <row r="607011" spans="8:8">
      <c r="H607011" s="12"/>
    </row>
    <row r="607012" spans="8:8">
      <c r="H607012" s="12"/>
    </row>
    <row r="607013" spans="8:8">
      <c r="H607013" s="12"/>
    </row>
    <row r="607014" spans="8:8">
      <c r="H607014" s="12"/>
    </row>
    <row r="607015" spans="8:8">
      <c r="H607015" s="12"/>
    </row>
    <row r="607016" spans="8:8">
      <c r="H607016" s="12"/>
    </row>
    <row r="607017" spans="8:8">
      <c r="H607017" s="12"/>
    </row>
    <row r="607018" spans="8:8">
      <c r="H607018" s="12"/>
    </row>
    <row r="607019" spans="8:8">
      <c r="H607019" s="12"/>
    </row>
    <row r="607020" spans="8:8">
      <c r="H607020" s="12"/>
    </row>
    <row r="607021" spans="8:8">
      <c r="H607021" s="12"/>
    </row>
    <row r="607022" spans="8:8">
      <c r="H607022" s="12"/>
    </row>
    <row r="607023" spans="8:8">
      <c r="H607023" s="12"/>
    </row>
    <row r="607024" spans="8:8">
      <c r="H607024" s="12"/>
    </row>
    <row r="607025" spans="8:8">
      <c r="H607025" s="12"/>
    </row>
    <row r="607026" spans="8:8">
      <c r="H607026" s="12"/>
    </row>
    <row r="607027" spans="8:8">
      <c r="H607027" s="12"/>
    </row>
    <row r="607028" spans="8:8">
      <c r="H607028" s="12"/>
    </row>
    <row r="607029" spans="8:8">
      <c r="H607029" s="12"/>
    </row>
    <row r="607030" spans="8:8">
      <c r="H607030" s="12"/>
    </row>
    <row r="607031" spans="8:8">
      <c r="H607031" s="12"/>
    </row>
    <row r="607032" spans="8:8">
      <c r="H607032" s="12"/>
    </row>
    <row r="607033" spans="8:8">
      <c r="H607033" s="12"/>
    </row>
    <row r="607034" spans="8:8">
      <c r="H607034" s="12"/>
    </row>
    <row r="607035" spans="8:8">
      <c r="H607035" s="12"/>
    </row>
    <row r="607036" spans="8:8">
      <c r="H607036" s="12"/>
    </row>
    <row r="607037" spans="8:8">
      <c r="H607037" s="12"/>
    </row>
    <row r="607038" spans="8:8">
      <c r="H607038" s="12"/>
    </row>
    <row r="607039" spans="8:8">
      <c r="H607039" s="12"/>
    </row>
    <row r="607040" spans="8:8">
      <c r="H607040" s="12"/>
    </row>
    <row r="607041" spans="8:8">
      <c r="H607041" s="12"/>
    </row>
    <row r="607042" spans="8:8">
      <c r="H607042" s="12"/>
    </row>
    <row r="607043" spans="8:8">
      <c r="H607043" s="12"/>
    </row>
    <row r="607044" spans="8:8">
      <c r="H607044" s="12"/>
    </row>
    <row r="607045" spans="8:8">
      <c r="H607045" s="12"/>
    </row>
    <row r="607046" spans="8:8">
      <c r="H607046" s="12"/>
    </row>
    <row r="607047" spans="8:8">
      <c r="H607047" s="12"/>
    </row>
    <row r="607048" spans="8:8">
      <c r="H607048" s="12"/>
    </row>
    <row r="607049" spans="8:8">
      <c r="H607049" s="12"/>
    </row>
    <row r="607050" spans="8:8">
      <c r="H607050" s="12"/>
    </row>
    <row r="607051" spans="8:8">
      <c r="H607051" s="12"/>
    </row>
    <row r="607052" spans="8:8">
      <c r="H607052" s="12"/>
    </row>
    <row r="607053" spans="8:8">
      <c r="H607053" s="12"/>
    </row>
    <row r="607054" spans="8:8">
      <c r="H607054" s="12"/>
    </row>
    <row r="607055" spans="8:8">
      <c r="H607055" s="12"/>
    </row>
    <row r="607056" spans="8:8">
      <c r="H607056" s="12"/>
    </row>
    <row r="607057" spans="8:8">
      <c r="H607057" s="12"/>
    </row>
    <row r="607058" spans="8:8">
      <c r="H607058" s="12"/>
    </row>
    <row r="607059" spans="8:8">
      <c r="H607059" s="12"/>
    </row>
    <row r="607060" spans="8:8">
      <c r="H607060" s="12"/>
    </row>
    <row r="607061" spans="8:8">
      <c r="H607061" s="12"/>
    </row>
    <row r="607062" spans="8:8">
      <c r="H607062" s="12"/>
    </row>
    <row r="607063" spans="8:8">
      <c r="H607063" s="12"/>
    </row>
    <row r="607064" spans="8:8">
      <c r="H607064" s="12"/>
    </row>
    <row r="607065" spans="8:8">
      <c r="H607065" s="12"/>
    </row>
    <row r="607066" spans="8:8">
      <c r="H607066" s="12"/>
    </row>
    <row r="607067" spans="8:8">
      <c r="H607067" s="12"/>
    </row>
    <row r="607068" spans="8:8">
      <c r="H607068" s="12"/>
    </row>
    <row r="607069" spans="8:8">
      <c r="H607069" s="12"/>
    </row>
    <row r="607070" spans="8:8">
      <c r="H607070" s="12"/>
    </row>
    <row r="607071" spans="8:8">
      <c r="H607071" s="12"/>
    </row>
    <row r="607072" spans="8:8">
      <c r="H607072" s="12"/>
    </row>
    <row r="607073" spans="8:8">
      <c r="H607073" s="12"/>
    </row>
    <row r="607074" spans="8:8">
      <c r="H607074" s="12"/>
    </row>
    <row r="607075" spans="8:8">
      <c r="H607075" s="12"/>
    </row>
    <row r="607076" spans="8:8">
      <c r="H607076" s="12"/>
    </row>
    <row r="607077" spans="8:8">
      <c r="H607077" s="12"/>
    </row>
    <row r="607078" spans="8:8">
      <c r="H607078" s="12"/>
    </row>
    <row r="607079" spans="8:8">
      <c r="H607079" s="12"/>
    </row>
    <row r="607080" spans="8:8">
      <c r="H607080" s="12"/>
    </row>
    <row r="607081" spans="8:8">
      <c r="H607081" s="12"/>
    </row>
    <row r="607082" spans="8:8">
      <c r="H607082" s="12"/>
    </row>
    <row r="607083" spans="8:8">
      <c r="H607083" s="12"/>
    </row>
    <row r="607084" spans="8:8">
      <c r="H607084" s="12"/>
    </row>
    <row r="607085" spans="8:8">
      <c r="H607085" s="12"/>
    </row>
    <row r="607086" spans="8:8">
      <c r="H607086" s="12"/>
    </row>
    <row r="607087" spans="8:8">
      <c r="H607087" s="12"/>
    </row>
    <row r="607088" spans="8:8">
      <c r="H607088" s="12"/>
    </row>
    <row r="607089" spans="8:8">
      <c r="H607089" s="12"/>
    </row>
    <row r="607090" spans="8:8">
      <c r="H607090" s="12"/>
    </row>
    <row r="607091" spans="8:8">
      <c r="H607091" s="12"/>
    </row>
    <row r="607092" spans="8:8">
      <c r="H607092" s="12"/>
    </row>
    <row r="607093" spans="8:8">
      <c r="H607093" s="12"/>
    </row>
    <row r="607094" spans="8:8">
      <c r="H607094" s="12"/>
    </row>
    <row r="607095" spans="8:8">
      <c r="H607095" s="12"/>
    </row>
    <row r="607096" spans="8:8">
      <c r="H607096" s="12"/>
    </row>
    <row r="607097" spans="8:8">
      <c r="H607097" s="12"/>
    </row>
    <row r="607098" spans="8:8">
      <c r="H607098" s="12"/>
    </row>
    <row r="607099" spans="8:8">
      <c r="H607099" s="12"/>
    </row>
    <row r="607100" spans="8:8">
      <c r="H607100" s="12"/>
    </row>
    <row r="607101" spans="8:8">
      <c r="H607101" s="12"/>
    </row>
    <row r="607102" spans="8:8">
      <c r="H607102" s="12"/>
    </row>
    <row r="607103" spans="8:8">
      <c r="H607103" s="12"/>
    </row>
    <row r="607104" spans="8:8">
      <c r="H607104" s="12"/>
    </row>
    <row r="607105" spans="8:8">
      <c r="H607105" s="12"/>
    </row>
    <row r="607106" spans="8:8">
      <c r="H607106" s="12"/>
    </row>
    <row r="607107" spans="8:8">
      <c r="H607107" s="12"/>
    </row>
    <row r="607108" spans="8:8">
      <c r="H607108" s="12"/>
    </row>
    <row r="607109" spans="8:8">
      <c r="H607109" s="12"/>
    </row>
    <row r="607110" spans="8:8">
      <c r="H607110" s="12"/>
    </row>
    <row r="607111" spans="8:8">
      <c r="H607111" s="12"/>
    </row>
    <row r="607112" spans="8:8">
      <c r="H607112" s="12"/>
    </row>
    <row r="607113" spans="8:8">
      <c r="H607113" s="12"/>
    </row>
    <row r="607114" spans="8:8">
      <c r="H607114" s="12"/>
    </row>
    <row r="607115" spans="8:8">
      <c r="H607115" s="12"/>
    </row>
    <row r="607116" spans="8:8">
      <c r="H607116" s="12"/>
    </row>
    <row r="607117" spans="8:8">
      <c r="H607117" s="12"/>
    </row>
    <row r="607118" spans="8:8">
      <c r="H607118" s="12"/>
    </row>
    <row r="607119" spans="8:8">
      <c r="H607119" s="12"/>
    </row>
    <row r="607120" spans="8:8">
      <c r="H607120" s="12"/>
    </row>
    <row r="607121" spans="8:8">
      <c r="H607121" s="12"/>
    </row>
    <row r="607122" spans="8:8">
      <c r="H607122" s="12"/>
    </row>
    <row r="607123" spans="8:8">
      <c r="H607123" s="12"/>
    </row>
    <row r="607124" spans="8:8">
      <c r="H607124" s="12"/>
    </row>
    <row r="607125" spans="8:8">
      <c r="H607125" s="12"/>
    </row>
    <row r="607126" spans="8:8">
      <c r="H607126" s="12"/>
    </row>
    <row r="607127" spans="8:8">
      <c r="H607127" s="12"/>
    </row>
    <row r="607128" spans="8:8">
      <c r="H607128" s="12"/>
    </row>
    <row r="607129" spans="8:8">
      <c r="H607129" s="12"/>
    </row>
    <row r="607130" spans="8:8">
      <c r="H607130" s="12"/>
    </row>
    <row r="607131" spans="8:8">
      <c r="H607131" s="12"/>
    </row>
    <row r="607132" spans="8:8">
      <c r="H607132" s="12"/>
    </row>
    <row r="607133" spans="8:8">
      <c r="H607133" s="12"/>
    </row>
    <row r="607134" spans="8:8">
      <c r="H607134" s="12"/>
    </row>
    <row r="607135" spans="8:8">
      <c r="H607135" s="12"/>
    </row>
    <row r="607136" spans="8:8">
      <c r="H607136" s="12"/>
    </row>
    <row r="607137" spans="8:8">
      <c r="H607137" s="12"/>
    </row>
    <row r="607138" spans="8:8">
      <c r="H607138" s="12"/>
    </row>
    <row r="607139" spans="8:8">
      <c r="H607139" s="12"/>
    </row>
    <row r="607140" spans="8:8">
      <c r="H607140" s="12"/>
    </row>
    <row r="607141" spans="8:8">
      <c r="H607141" s="12"/>
    </row>
    <row r="607142" spans="8:8">
      <c r="H607142" s="12"/>
    </row>
    <row r="607143" spans="8:8">
      <c r="H607143" s="12"/>
    </row>
    <row r="607144" spans="8:8">
      <c r="H607144" s="12"/>
    </row>
    <row r="607145" spans="8:8">
      <c r="H607145" s="12"/>
    </row>
    <row r="607146" spans="8:8">
      <c r="H607146" s="12"/>
    </row>
    <row r="607147" spans="8:8">
      <c r="H607147" s="12"/>
    </row>
    <row r="607148" spans="8:8">
      <c r="H607148" s="12"/>
    </row>
    <row r="607149" spans="8:8">
      <c r="H607149" s="12"/>
    </row>
    <row r="607150" spans="8:8">
      <c r="H607150" s="12"/>
    </row>
    <row r="607151" spans="8:8">
      <c r="H607151" s="12"/>
    </row>
    <row r="607152" spans="8:8">
      <c r="H607152" s="12"/>
    </row>
    <row r="607153" spans="8:8">
      <c r="H607153" s="12"/>
    </row>
    <row r="607154" spans="8:8">
      <c r="H607154" s="12"/>
    </row>
    <row r="607155" spans="8:8">
      <c r="H607155" s="12"/>
    </row>
    <row r="607156" spans="8:8">
      <c r="H607156" s="12"/>
    </row>
    <row r="607157" spans="8:8">
      <c r="H607157" s="12"/>
    </row>
    <row r="607158" spans="8:8">
      <c r="H607158" s="12"/>
    </row>
    <row r="607159" spans="8:8">
      <c r="H607159" s="12"/>
    </row>
    <row r="607160" spans="8:8">
      <c r="H607160" s="12"/>
    </row>
    <row r="607161" spans="8:8">
      <c r="H607161" s="12"/>
    </row>
    <row r="607162" spans="8:8">
      <c r="H607162" s="12"/>
    </row>
    <row r="607163" spans="8:8">
      <c r="H607163" s="12"/>
    </row>
    <row r="607164" spans="8:8">
      <c r="H607164" s="12"/>
    </row>
    <row r="607165" spans="8:8">
      <c r="H607165" s="12"/>
    </row>
    <row r="607166" spans="8:8">
      <c r="H607166" s="12"/>
    </row>
    <row r="607167" spans="8:8">
      <c r="H607167" s="12"/>
    </row>
    <row r="607168" spans="8:8">
      <c r="H607168" s="12"/>
    </row>
    <row r="607169" spans="8:8">
      <c r="H607169" s="12"/>
    </row>
    <row r="607170" spans="8:8">
      <c r="H607170" s="12"/>
    </row>
    <row r="607171" spans="8:8">
      <c r="H607171" s="12"/>
    </row>
    <row r="607172" spans="8:8">
      <c r="H607172" s="12"/>
    </row>
    <row r="607173" spans="8:8">
      <c r="H607173" s="12"/>
    </row>
    <row r="607174" spans="8:8">
      <c r="H607174" s="12"/>
    </row>
    <row r="607175" spans="8:8">
      <c r="H607175" s="12"/>
    </row>
    <row r="607176" spans="8:8">
      <c r="H607176" s="12"/>
    </row>
    <row r="607177" spans="8:8">
      <c r="H607177" s="12"/>
    </row>
    <row r="607178" spans="8:8">
      <c r="H607178" s="12"/>
    </row>
    <row r="607179" spans="8:8">
      <c r="H607179" s="12"/>
    </row>
    <row r="607180" spans="8:8">
      <c r="H607180" s="12"/>
    </row>
    <row r="607181" spans="8:8">
      <c r="H607181" s="12"/>
    </row>
    <row r="607182" spans="8:8">
      <c r="H607182" s="12"/>
    </row>
    <row r="607183" spans="8:8">
      <c r="H607183" s="12"/>
    </row>
    <row r="607184" spans="8:8">
      <c r="H607184" s="12"/>
    </row>
    <row r="607185" spans="8:8">
      <c r="H607185" s="12"/>
    </row>
    <row r="607186" spans="8:8">
      <c r="H607186" s="12"/>
    </row>
    <row r="607187" spans="8:8">
      <c r="H607187" s="12"/>
    </row>
    <row r="607188" spans="8:8">
      <c r="H607188" s="12"/>
    </row>
    <row r="607189" spans="8:8">
      <c r="H607189" s="12"/>
    </row>
    <row r="607190" spans="8:8">
      <c r="H607190" s="12"/>
    </row>
    <row r="607191" spans="8:8">
      <c r="H607191" s="12"/>
    </row>
    <row r="607192" spans="8:8">
      <c r="H607192" s="12"/>
    </row>
    <row r="607193" spans="8:8">
      <c r="H607193" s="12"/>
    </row>
    <row r="607194" spans="8:8">
      <c r="H607194" s="12"/>
    </row>
    <row r="607195" spans="8:8">
      <c r="H607195" s="12"/>
    </row>
    <row r="607196" spans="8:8">
      <c r="H607196" s="12"/>
    </row>
    <row r="607197" spans="8:8">
      <c r="H607197" s="12"/>
    </row>
    <row r="607198" spans="8:8">
      <c r="H607198" s="12"/>
    </row>
    <row r="607199" spans="8:8">
      <c r="H607199" s="12"/>
    </row>
    <row r="607200" spans="8:8">
      <c r="H607200" s="12"/>
    </row>
    <row r="607201" spans="8:8">
      <c r="H607201" s="12"/>
    </row>
    <row r="607202" spans="8:8">
      <c r="H607202" s="12"/>
    </row>
    <row r="607203" spans="8:8">
      <c r="H607203" s="12"/>
    </row>
    <row r="607204" spans="8:8">
      <c r="H607204" s="12"/>
    </row>
    <row r="607205" spans="8:8">
      <c r="H607205" s="12"/>
    </row>
    <row r="607206" spans="8:8">
      <c r="H607206" s="12"/>
    </row>
    <row r="607207" spans="8:8">
      <c r="H607207" s="12"/>
    </row>
    <row r="607208" spans="8:8">
      <c r="H607208" s="12"/>
    </row>
    <row r="607209" spans="8:8">
      <c r="H607209" s="12"/>
    </row>
    <row r="607210" spans="8:8">
      <c r="H607210" s="12"/>
    </row>
    <row r="607211" spans="8:8">
      <c r="H607211" s="12"/>
    </row>
    <row r="607212" spans="8:8">
      <c r="H607212" s="12"/>
    </row>
    <row r="607213" spans="8:8">
      <c r="H607213" s="12"/>
    </row>
    <row r="607214" spans="8:8">
      <c r="H607214" s="12"/>
    </row>
    <row r="607215" spans="8:8">
      <c r="H607215" s="12"/>
    </row>
    <row r="607216" spans="8:8">
      <c r="H607216" s="12"/>
    </row>
    <row r="607217" spans="8:8">
      <c r="H607217" s="12"/>
    </row>
    <row r="607218" spans="8:8">
      <c r="H607218" s="12"/>
    </row>
    <row r="607219" spans="8:8">
      <c r="H607219" s="12"/>
    </row>
    <row r="607220" spans="8:8">
      <c r="H607220" s="12"/>
    </row>
    <row r="607221" spans="8:8">
      <c r="H607221" s="12"/>
    </row>
    <row r="607222" spans="8:8">
      <c r="H607222" s="12"/>
    </row>
    <row r="607223" spans="8:8">
      <c r="H607223" s="12"/>
    </row>
    <row r="607224" spans="8:8">
      <c r="H607224" s="12"/>
    </row>
    <row r="607225" spans="8:8">
      <c r="H607225" s="12"/>
    </row>
    <row r="607226" spans="8:8">
      <c r="H607226" s="12"/>
    </row>
    <row r="607227" spans="8:8">
      <c r="H607227" s="12"/>
    </row>
    <row r="607228" spans="8:8">
      <c r="H607228" s="12"/>
    </row>
    <row r="607229" spans="8:8">
      <c r="H607229" s="12"/>
    </row>
    <row r="607230" spans="8:8">
      <c r="H607230" s="12"/>
    </row>
    <row r="607231" spans="8:8">
      <c r="H607231" s="12"/>
    </row>
    <row r="607232" spans="8:8">
      <c r="H607232" s="12"/>
    </row>
    <row r="607233" spans="8:8">
      <c r="H607233" s="12"/>
    </row>
    <row r="607234" spans="8:8">
      <c r="H607234" s="12"/>
    </row>
    <row r="607235" spans="8:8">
      <c r="H607235" s="12"/>
    </row>
    <row r="607236" spans="8:8">
      <c r="H607236" s="12"/>
    </row>
    <row r="607237" spans="8:8">
      <c r="H607237" s="12"/>
    </row>
    <row r="607238" spans="8:8">
      <c r="H607238" s="12"/>
    </row>
    <row r="607239" spans="8:8">
      <c r="H607239" s="12"/>
    </row>
    <row r="607240" spans="8:8">
      <c r="H607240" s="12"/>
    </row>
    <row r="607241" spans="8:8">
      <c r="H607241" s="12"/>
    </row>
    <row r="607242" spans="8:8">
      <c r="H607242" s="12"/>
    </row>
    <row r="607243" spans="8:8">
      <c r="H607243" s="12"/>
    </row>
    <row r="607244" spans="8:8">
      <c r="H607244" s="12"/>
    </row>
    <row r="607245" spans="8:8">
      <c r="H607245" s="12"/>
    </row>
    <row r="607246" spans="8:8">
      <c r="H607246" s="12"/>
    </row>
    <row r="607247" spans="8:8">
      <c r="H607247" s="12"/>
    </row>
    <row r="607248" spans="8:8">
      <c r="H607248" s="12"/>
    </row>
    <row r="607249" spans="8:8">
      <c r="H607249" s="12"/>
    </row>
    <row r="607250" spans="8:8">
      <c r="H607250" s="12"/>
    </row>
    <row r="607251" spans="8:8">
      <c r="H607251" s="12"/>
    </row>
    <row r="607252" spans="8:8">
      <c r="H607252" s="12"/>
    </row>
    <row r="607253" spans="8:8">
      <c r="H607253" s="12"/>
    </row>
    <row r="607254" spans="8:8">
      <c r="H607254" s="12"/>
    </row>
    <row r="607255" spans="8:8">
      <c r="H607255" s="12"/>
    </row>
    <row r="607256" spans="8:8">
      <c r="H607256" s="12"/>
    </row>
    <row r="607257" spans="8:8">
      <c r="H607257" s="12"/>
    </row>
    <row r="607258" spans="8:8">
      <c r="H607258" s="12"/>
    </row>
    <row r="607259" spans="8:8">
      <c r="H607259" s="12"/>
    </row>
    <row r="607260" spans="8:8">
      <c r="H607260" s="12"/>
    </row>
    <row r="607261" spans="8:8">
      <c r="H607261" s="12"/>
    </row>
    <row r="607262" spans="8:8">
      <c r="H607262" s="12"/>
    </row>
    <row r="607263" spans="8:8">
      <c r="H607263" s="12"/>
    </row>
    <row r="607264" spans="8:8">
      <c r="H607264" s="12"/>
    </row>
    <row r="607265" spans="8:8">
      <c r="H607265" s="12"/>
    </row>
    <row r="607266" spans="8:8">
      <c r="H607266" s="12"/>
    </row>
    <row r="607267" spans="8:8">
      <c r="H607267" s="12"/>
    </row>
    <row r="607268" spans="8:8">
      <c r="H607268" s="12"/>
    </row>
    <row r="607269" spans="8:8">
      <c r="H607269" s="12"/>
    </row>
    <row r="607270" spans="8:8">
      <c r="H607270" s="12"/>
    </row>
    <row r="607271" spans="8:8">
      <c r="H607271" s="12"/>
    </row>
    <row r="607272" spans="8:8">
      <c r="H607272" s="12"/>
    </row>
    <row r="607273" spans="8:8">
      <c r="H607273" s="12"/>
    </row>
    <row r="607274" spans="8:8">
      <c r="H607274" s="12"/>
    </row>
    <row r="607275" spans="8:8">
      <c r="H607275" s="12"/>
    </row>
    <row r="607276" spans="8:8">
      <c r="H607276" s="12"/>
    </row>
    <row r="607277" spans="8:8">
      <c r="H607277" s="12"/>
    </row>
    <row r="607278" spans="8:8">
      <c r="H607278" s="12"/>
    </row>
    <row r="607279" spans="8:8">
      <c r="H607279" s="12"/>
    </row>
    <row r="607280" spans="8:8">
      <c r="H607280" s="12"/>
    </row>
    <row r="607281" spans="8:8">
      <c r="H607281" s="12"/>
    </row>
    <row r="607282" spans="8:8">
      <c r="H607282" s="12"/>
    </row>
    <row r="607283" spans="8:8">
      <c r="H607283" s="12"/>
    </row>
    <row r="607284" spans="8:8">
      <c r="H607284" s="12"/>
    </row>
    <row r="607285" spans="8:8">
      <c r="H607285" s="12"/>
    </row>
    <row r="607286" spans="8:8">
      <c r="H607286" s="12"/>
    </row>
    <row r="607287" spans="8:8">
      <c r="H607287" s="12"/>
    </row>
    <row r="607288" spans="8:8">
      <c r="H607288" s="12"/>
    </row>
    <row r="607289" spans="8:8">
      <c r="H607289" s="12"/>
    </row>
    <row r="607290" spans="8:8">
      <c r="H607290" s="12"/>
    </row>
    <row r="607291" spans="8:8">
      <c r="H607291" s="12"/>
    </row>
    <row r="607292" spans="8:8">
      <c r="H607292" s="12"/>
    </row>
    <row r="607293" spans="8:8">
      <c r="H607293" s="12"/>
    </row>
    <row r="607294" spans="8:8">
      <c r="H607294" s="12"/>
    </row>
    <row r="607295" spans="8:8">
      <c r="H607295" s="12"/>
    </row>
    <row r="607296" spans="8:8">
      <c r="H607296" s="12"/>
    </row>
    <row r="607297" spans="8:8">
      <c r="H607297" s="12"/>
    </row>
    <row r="607298" spans="8:8">
      <c r="H607298" s="12"/>
    </row>
    <row r="607299" spans="8:8">
      <c r="H607299" s="12"/>
    </row>
    <row r="607300" spans="8:8">
      <c r="H607300" s="12"/>
    </row>
    <row r="607301" spans="8:8">
      <c r="H607301" s="12"/>
    </row>
    <row r="607302" spans="8:8">
      <c r="H607302" s="12"/>
    </row>
    <row r="607303" spans="8:8">
      <c r="H607303" s="12"/>
    </row>
    <row r="607304" spans="8:8">
      <c r="H607304" s="12"/>
    </row>
    <row r="607305" spans="8:8">
      <c r="H607305" s="12"/>
    </row>
    <row r="607306" spans="8:8">
      <c r="H607306" s="12"/>
    </row>
    <row r="607307" spans="8:8">
      <c r="H607307" s="12"/>
    </row>
    <row r="607308" spans="8:8">
      <c r="H607308" s="12"/>
    </row>
    <row r="607309" spans="8:8">
      <c r="H607309" s="12"/>
    </row>
    <row r="607310" spans="8:8">
      <c r="H607310" s="12"/>
    </row>
    <row r="607311" spans="8:8">
      <c r="H607311" s="12"/>
    </row>
    <row r="607312" spans="8:8">
      <c r="H607312" s="12"/>
    </row>
    <row r="607313" spans="8:8">
      <c r="H607313" s="12"/>
    </row>
    <row r="607314" spans="8:8">
      <c r="H607314" s="12"/>
    </row>
    <row r="607315" spans="8:8">
      <c r="H607315" s="12"/>
    </row>
    <row r="607316" spans="8:8">
      <c r="H607316" s="12"/>
    </row>
    <row r="607317" spans="8:8">
      <c r="H607317" s="12"/>
    </row>
    <row r="607318" spans="8:8">
      <c r="H607318" s="12"/>
    </row>
    <row r="607319" spans="8:8">
      <c r="H607319" s="12"/>
    </row>
    <row r="607320" spans="8:8">
      <c r="H607320" s="12"/>
    </row>
    <row r="607321" spans="8:8">
      <c r="H607321" s="12"/>
    </row>
    <row r="607322" spans="8:8">
      <c r="H607322" s="12"/>
    </row>
    <row r="607323" spans="8:8">
      <c r="H607323" s="12"/>
    </row>
    <row r="607324" spans="8:8">
      <c r="H607324" s="12"/>
    </row>
    <row r="607325" spans="8:8">
      <c r="H607325" s="12"/>
    </row>
    <row r="607326" spans="8:8">
      <c r="H607326" s="12"/>
    </row>
    <row r="607327" spans="8:8">
      <c r="H607327" s="12"/>
    </row>
    <row r="607328" spans="8:8">
      <c r="H607328" s="12"/>
    </row>
    <row r="607329" spans="8:8">
      <c r="H607329" s="12"/>
    </row>
    <row r="607330" spans="8:8">
      <c r="H607330" s="12"/>
    </row>
    <row r="607331" spans="8:8">
      <c r="H607331" s="12"/>
    </row>
    <row r="607332" spans="8:8">
      <c r="H607332" s="12"/>
    </row>
    <row r="607333" spans="8:8">
      <c r="H607333" s="12"/>
    </row>
    <row r="607334" spans="8:8">
      <c r="H607334" s="12"/>
    </row>
    <row r="607335" spans="8:8">
      <c r="H607335" s="12"/>
    </row>
    <row r="607336" spans="8:8">
      <c r="H607336" s="12"/>
    </row>
    <row r="607337" spans="8:8">
      <c r="H607337" s="12"/>
    </row>
    <row r="607338" spans="8:8">
      <c r="H607338" s="12"/>
    </row>
    <row r="607339" spans="8:8">
      <c r="H607339" s="12"/>
    </row>
    <row r="607340" spans="8:8">
      <c r="H607340" s="12"/>
    </row>
    <row r="607341" spans="8:8">
      <c r="H607341" s="12"/>
    </row>
    <row r="607342" spans="8:8">
      <c r="H607342" s="12"/>
    </row>
    <row r="607343" spans="8:8">
      <c r="H607343" s="12"/>
    </row>
    <row r="607344" spans="8:8">
      <c r="H607344" s="12"/>
    </row>
    <row r="607345" spans="8:8">
      <c r="H607345" s="12"/>
    </row>
    <row r="607346" spans="8:8">
      <c r="H607346" s="12"/>
    </row>
    <row r="607347" spans="8:8">
      <c r="H607347" s="12"/>
    </row>
    <row r="607348" spans="8:8">
      <c r="H607348" s="12"/>
    </row>
    <row r="607349" spans="8:8">
      <c r="H607349" s="12"/>
    </row>
    <row r="607350" spans="8:8">
      <c r="H607350" s="12"/>
    </row>
    <row r="607351" spans="8:8">
      <c r="H607351" s="12"/>
    </row>
    <row r="607352" spans="8:8">
      <c r="H607352" s="12"/>
    </row>
    <row r="607353" spans="8:8">
      <c r="H607353" s="12"/>
    </row>
    <row r="607354" spans="8:8">
      <c r="H607354" s="12"/>
    </row>
    <row r="607355" spans="8:8">
      <c r="H607355" s="12"/>
    </row>
    <row r="607356" spans="8:8">
      <c r="H607356" s="12"/>
    </row>
    <row r="607357" spans="8:8">
      <c r="H607357" s="12"/>
    </row>
    <row r="607358" spans="8:8">
      <c r="H607358" s="12"/>
    </row>
    <row r="607359" spans="8:8">
      <c r="H607359" s="12"/>
    </row>
    <row r="607360" spans="8:8">
      <c r="H607360" s="12"/>
    </row>
    <row r="607361" spans="8:8">
      <c r="H607361" s="12"/>
    </row>
    <row r="607362" spans="8:8">
      <c r="H607362" s="12"/>
    </row>
    <row r="607363" spans="8:8">
      <c r="H607363" s="12"/>
    </row>
    <row r="607364" spans="8:8">
      <c r="H607364" s="12"/>
    </row>
    <row r="607365" spans="8:8">
      <c r="H607365" s="12"/>
    </row>
    <row r="607366" spans="8:8">
      <c r="H607366" s="12"/>
    </row>
    <row r="607367" spans="8:8">
      <c r="H607367" s="12"/>
    </row>
    <row r="607368" spans="8:8">
      <c r="H607368" s="12"/>
    </row>
    <row r="607369" spans="8:8">
      <c r="H607369" s="12"/>
    </row>
    <row r="607370" spans="8:8">
      <c r="H607370" s="12"/>
    </row>
    <row r="607371" spans="8:8">
      <c r="H607371" s="12"/>
    </row>
    <row r="607372" spans="8:8">
      <c r="H607372" s="12"/>
    </row>
    <row r="607373" spans="8:8">
      <c r="H607373" s="12"/>
    </row>
    <row r="607374" spans="8:8">
      <c r="H607374" s="12"/>
    </row>
    <row r="607375" spans="8:8">
      <c r="H607375" s="12"/>
    </row>
    <row r="607376" spans="8:8">
      <c r="H607376" s="12"/>
    </row>
    <row r="607377" spans="8:8">
      <c r="H607377" s="12"/>
    </row>
    <row r="607378" spans="8:8">
      <c r="H607378" s="12"/>
    </row>
    <row r="607379" spans="8:8">
      <c r="H607379" s="12"/>
    </row>
    <row r="607380" spans="8:8">
      <c r="H607380" s="12"/>
    </row>
    <row r="607381" spans="8:8">
      <c r="H607381" s="12"/>
    </row>
    <row r="607382" spans="8:8">
      <c r="H607382" s="12"/>
    </row>
    <row r="607383" spans="8:8">
      <c r="H607383" s="12"/>
    </row>
    <row r="607384" spans="8:8">
      <c r="H607384" s="12"/>
    </row>
    <row r="607385" spans="8:8">
      <c r="H607385" s="12"/>
    </row>
    <row r="607386" spans="8:8">
      <c r="H607386" s="12"/>
    </row>
    <row r="607387" spans="8:8">
      <c r="H607387" s="12"/>
    </row>
    <row r="607388" spans="8:8">
      <c r="H607388" s="12"/>
    </row>
    <row r="607389" spans="8:8">
      <c r="H607389" s="12"/>
    </row>
    <row r="607390" spans="8:8">
      <c r="H607390" s="12"/>
    </row>
    <row r="607391" spans="8:8">
      <c r="H607391" s="12"/>
    </row>
    <row r="607392" spans="8:8">
      <c r="H607392" s="12"/>
    </row>
    <row r="607393" spans="8:8">
      <c r="H607393" s="12"/>
    </row>
    <row r="607394" spans="8:8">
      <c r="H607394" s="12"/>
    </row>
    <row r="607395" spans="8:8">
      <c r="H607395" s="12"/>
    </row>
    <row r="607396" spans="8:8">
      <c r="H607396" s="12"/>
    </row>
    <row r="607397" spans="8:8">
      <c r="H607397" s="12"/>
    </row>
    <row r="607398" spans="8:8">
      <c r="H607398" s="12"/>
    </row>
    <row r="607399" spans="8:8">
      <c r="H607399" s="12"/>
    </row>
    <row r="607400" spans="8:8">
      <c r="H607400" s="12"/>
    </row>
    <row r="607401" spans="8:8">
      <c r="H607401" s="12"/>
    </row>
    <row r="607402" spans="8:8">
      <c r="H607402" s="12"/>
    </row>
    <row r="607403" spans="8:8">
      <c r="H607403" s="12"/>
    </row>
    <row r="607404" spans="8:8">
      <c r="H607404" s="12"/>
    </row>
    <row r="607405" spans="8:8">
      <c r="H607405" s="12"/>
    </row>
    <row r="607406" spans="8:8">
      <c r="H607406" s="12"/>
    </row>
    <row r="607407" spans="8:8">
      <c r="H607407" s="12"/>
    </row>
    <row r="607408" spans="8:8">
      <c r="H607408" s="12"/>
    </row>
    <row r="607409" spans="8:8">
      <c r="H607409" s="12"/>
    </row>
    <row r="607410" spans="8:8">
      <c r="H607410" s="12"/>
    </row>
    <row r="607411" spans="8:8">
      <c r="H607411" s="12"/>
    </row>
    <row r="607412" spans="8:8">
      <c r="H607412" s="12"/>
    </row>
    <row r="607413" spans="8:8">
      <c r="H607413" s="12"/>
    </row>
    <row r="607414" spans="8:8">
      <c r="H607414" s="12"/>
    </row>
    <row r="607415" spans="8:8">
      <c r="H607415" s="12"/>
    </row>
    <row r="607416" spans="8:8">
      <c r="H607416" s="12"/>
    </row>
    <row r="607417" spans="8:8">
      <c r="H607417" s="12"/>
    </row>
    <row r="607418" spans="8:8">
      <c r="H607418" s="12"/>
    </row>
    <row r="607419" spans="8:8">
      <c r="H607419" s="12"/>
    </row>
    <row r="607420" spans="8:8">
      <c r="H607420" s="12"/>
    </row>
    <row r="607421" spans="8:8">
      <c r="H607421" s="12"/>
    </row>
    <row r="607422" spans="8:8">
      <c r="H607422" s="12"/>
    </row>
    <row r="607423" spans="8:8">
      <c r="H607423" s="12"/>
    </row>
    <row r="607424" spans="8:8">
      <c r="H607424" s="12"/>
    </row>
    <row r="607425" spans="8:8">
      <c r="H607425" s="12"/>
    </row>
    <row r="607426" spans="8:8">
      <c r="H607426" s="12"/>
    </row>
    <row r="607427" spans="8:8">
      <c r="H607427" s="12"/>
    </row>
    <row r="607428" spans="8:8">
      <c r="H607428" s="12"/>
    </row>
    <row r="607429" spans="8:8">
      <c r="H607429" s="12"/>
    </row>
    <row r="607430" spans="8:8">
      <c r="H607430" s="12"/>
    </row>
    <row r="607431" spans="8:8">
      <c r="H607431" s="12"/>
    </row>
    <row r="607432" spans="8:8">
      <c r="H607432" s="12"/>
    </row>
    <row r="607433" spans="8:8">
      <c r="H607433" s="12"/>
    </row>
    <row r="607434" spans="8:8">
      <c r="H607434" s="12"/>
    </row>
    <row r="607435" spans="8:8">
      <c r="H607435" s="12"/>
    </row>
    <row r="607436" spans="8:8">
      <c r="H607436" s="12"/>
    </row>
    <row r="607437" spans="8:8">
      <c r="H607437" s="12"/>
    </row>
    <row r="607438" spans="8:8">
      <c r="H607438" s="12"/>
    </row>
    <row r="607439" spans="8:8">
      <c r="H607439" s="12"/>
    </row>
    <row r="607440" spans="8:8">
      <c r="H607440" s="12"/>
    </row>
    <row r="607441" spans="8:8">
      <c r="H607441" s="12"/>
    </row>
    <row r="607442" spans="8:8">
      <c r="H607442" s="12"/>
    </row>
    <row r="607443" spans="8:8">
      <c r="H607443" s="12"/>
    </row>
    <row r="607444" spans="8:8">
      <c r="H607444" s="12"/>
    </row>
    <row r="607445" spans="8:8">
      <c r="H607445" s="12"/>
    </row>
    <row r="607446" spans="8:8">
      <c r="H607446" s="12"/>
    </row>
    <row r="607447" spans="8:8">
      <c r="H607447" s="12"/>
    </row>
    <row r="607448" spans="8:8">
      <c r="H607448" s="12"/>
    </row>
    <row r="607449" spans="8:8">
      <c r="H607449" s="12"/>
    </row>
    <row r="607450" spans="8:8">
      <c r="H607450" s="12"/>
    </row>
    <row r="607451" spans="8:8">
      <c r="H607451" s="12"/>
    </row>
    <row r="607452" spans="8:8">
      <c r="H607452" s="12"/>
    </row>
    <row r="607453" spans="8:8">
      <c r="H607453" s="12"/>
    </row>
    <row r="607454" spans="8:8">
      <c r="H607454" s="12"/>
    </row>
    <row r="607455" spans="8:8">
      <c r="H607455" s="12"/>
    </row>
    <row r="607456" spans="8:8">
      <c r="H607456" s="12"/>
    </row>
    <row r="607457" spans="8:8">
      <c r="H607457" s="12"/>
    </row>
    <row r="607458" spans="8:8">
      <c r="H607458" s="12"/>
    </row>
    <row r="607459" spans="8:8">
      <c r="H607459" s="12"/>
    </row>
    <row r="607460" spans="8:8">
      <c r="H607460" s="12"/>
    </row>
    <row r="607461" spans="8:8">
      <c r="H607461" s="12"/>
    </row>
    <row r="607462" spans="8:8">
      <c r="H607462" s="12"/>
    </row>
    <row r="607463" spans="8:8">
      <c r="H607463" s="12"/>
    </row>
    <row r="607464" spans="8:8">
      <c r="H607464" s="12"/>
    </row>
    <row r="607465" spans="8:8">
      <c r="H607465" s="12"/>
    </row>
    <row r="607466" spans="8:8">
      <c r="H607466" s="12"/>
    </row>
    <row r="607467" spans="8:8">
      <c r="H607467" s="12"/>
    </row>
    <row r="607468" spans="8:8">
      <c r="H607468" s="12"/>
    </row>
    <row r="607469" spans="8:8">
      <c r="H607469" s="12"/>
    </row>
    <row r="607470" spans="8:8">
      <c r="H607470" s="12"/>
    </row>
    <row r="607471" spans="8:8">
      <c r="H607471" s="12"/>
    </row>
    <row r="607472" spans="8:8">
      <c r="H607472" s="12"/>
    </row>
    <row r="607473" spans="8:8">
      <c r="H607473" s="12"/>
    </row>
    <row r="607474" spans="8:8">
      <c r="H607474" s="12"/>
    </row>
    <row r="607475" spans="8:8">
      <c r="H607475" s="12"/>
    </row>
    <row r="607476" spans="8:8">
      <c r="H607476" s="12"/>
    </row>
    <row r="607477" spans="8:8">
      <c r="H607477" s="12"/>
    </row>
    <row r="607478" spans="8:8">
      <c r="H607478" s="12"/>
    </row>
    <row r="607479" spans="8:8">
      <c r="H607479" s="12"/>
    </row>
    <row r="607480" spans="8:8">
      <c r="H607480" s="12"/>
    </row>
    <row r="607481" spans="8:8">
      <c r="H607481" s="12"/>
    </row>
    <row r="607482" spans="8:8">
      <c r="H607482" s="12"/>
    </row>
    <row r="607483" spans="8:8">
      <c r="H607483" s="12"/>
    </row>
    <row r="607484" spans="8:8">
      <c r="H607484" s="12"/>
    </row>
    <row r="607485" spans="8:8">
      <c r="H607485" s="12"/>
    </row>
    <row r="607486" spans="8:8">
      <c r="H607486" s="12"/>
    </row>
    <row r="607487" spans="8:8">
      <c r="H607487" s="12"/>
    </row>
    <row r="607488" spans="8:8">
      <c r="H607488" s="12"/>
    </row>
    <row r="607489" spans="8:8">
      <c r="H607489" s="12"/>
    </row>
    <row r="607490" spans="8:8">
      <c r="H607490" s="12"/>
    </row>
    <row r="607491" spans="8:8">
      <c r="H607491" s="12"/>
    </row>
    <row r="607492" spans="8:8">
      <c r="H607492" s="12"/>
    </row>
    <row r="607493" spans="8:8">
      <c r="H607493" s="12"/>
    </row>
    <row r="607494" spans="8:8">
      <c r="H607494" s="12"/>
    </row>
    <row r="607495" spans="8:8">
      <c r="H607495" s="12"/>
    </row>
    <row r="607496" spans="8:8">
      <c r="H607496" s="12"/>
    </row>
    <row r="607497" spans="8:8">
      <c r="H607497" s="12"/>
    </row>
    <row r="607498" spans="8:8">
      <c r="H607498" s="12"/>
    </row>
    <row r="607499" spans="8:8">
      <c r="H607499" s="12"/>
    </row>
    <row r="607500" spans="8:8">
      <c r="H607500" s="12"/>
    </row>
    <row r="607501" spans="8:8">
      <c r="H607501" s="12"/>
    </row>
    <row r="607502" spans="8:8">
      <c r="H607502" s="12"/>
    </row>
    <row r="607503" spans="8:8">
      <c r="H607503" s="12"/>
    </row>
    <row r="607504" spans="8:8">
      <c r="H607504" s="12"/>
    </row>
    <row r="607505" spans="8:8">
      <c r="H607505" s="12"/>
    </row>
    <row r="607506" spans="8:8">
      <c r="H607506" s="12"/>
    </row>
    <row r="607507" spans="8:8">
      <c r="H607507" s="12"/>
    </row>
    <row r="607508" spans="8:8">
      <c r="H607508" s="12"/>
    </row>
    <row r="607509" spans="8:8">
      <c r="H607509" s="12"/>
    </row>
    <row r="607510" spans="8:8">
      <c r="H607510" s="12"/>
    </row>
    <row r="607511" spans="8:8">
      <c r="H607511" s="12"/>
    </row>
    <row r="607512" spans="8:8">
      <c r="H607512" s="12"/>
    </row>
    <row r="607513" spans="8:8">
      <c r="H607513" s="12"/>
    </row>
    <row r="607514" spans="8:8">
      <c r="H607514" s="12"/>
    </row>
    <row r="607515" spans="8:8">
      <c r="H607515" s="12"/>
    </row>
    <row r="607516" spans="8:8">
      <c r="H607516" s="12"/>
    </row>
    <row r="607517" spans="8:8">
      <c r="H607517" s="12"/>
    </row>
    <row r="607518" spans="8:8">
      <c r="H607518" s="12"/>
    </row>
    <row r="607519" spans="8:8">
      <c r="H607519" s="12"/>
    </row>
    <row r="607520" spans="8:8">
      <c r="H607520" s="12"/>
    </row>
    <row r="607521" spans="8:8">
      <c r="H607521" s="12"/>
    </row>
    <row r="607522" spans="8:8">
      <c r="H607522" s="12"/>
    </row>
    <row r="607523" spans="8:8">
      <c r="H607523" s="12"/>
    </row>
    <row r="607524" spans="8:8">
      <c r="H607524" s="12"/>
    </row>
    <row r="607525" spans="8:8">
      <c r="H607525" s="12"/>
    </row>
    <row r="607526" spans="8:8">
      <c r="H607526" s="12"/>
    </row>
    <row r="607527" spans="8:8">
      <c r="H607527" s="12"/>
    </row>
    <row r="607528" spans="8:8">
      <c r="H607528" s="12"/>
    </row>
    <row r="607529" spans="8:8">
      <c r="H607529" s="12"/>
    </row>
    <row r="607530" spans="8:8">
      <c r="H607530" s="12"/>
    </row>
    <row r="607531" spans="8:8">
      <c r="H607531" s="12"/>
    </row>
    <row r="607532" spans="8:8">
      <c r="H607532" s="12"/>
    </row>
    <row r="607533" spans="8:8">
      <c r="H607533" s="12"/>
    </row>
    <row r="607534" spans="8:8">
      <c r="H607534" s="12"/>
    </row>
    <row r="607535" spans="8:8">
      <c r="H607535" s="12"/>
    </row>
    <row r="607536" spans="8:8">
      <c r="H607536" s="12"/>
    </row>
    <row r="607537" spans="8:8">
      <c r="H607537" s="12"/>
    </row>
    <row r="607538" spans="8:8">
      <c r="H607538" s="12"/>
    </row>
    <row r="607539" spans="8:8">
      <c r="H607539" s="12"/>
    </row>
    <row r="607540" spans="8:8">
      <c r="H607540" s="12"/>
    </row>
    <row r="607541" spans="8:8">
      <c r="H607541" s="12"/>
    </row>
    <row r="607542" spans="8:8">
      <c r="H607542" s="12"/>
    </row>
    <row r="607543" spans="8:8">
      <c r="H607543" s="12"/>
    </row>
    <row r="607544" spans="8:8">
      <c r="H607544" s="12"/>
    </row>
    <row r="607545" spans="8:8">
      <c r="H607545" s="12"/>
    </row>
    <row r="607546" spans="8:8">
      <c r="H607546" s="12"/>
    </row>
    <row r="607547" spans="8:8">
      <c r="H607547" s="12"/>
    </row>
    <row r="607548" spans="8:8">
      <c r="H607548" s="12"/>
    </row>
    <row r="607549" spans="8:8">
      <c r="H607549" s="12"/>
    </row>
    <row r="607550" spans="8:8">
      <c r="H607550" s="12"/>
    </row>
    <row r="607551" spans="8:8">
      <c r="H607551" s="12"/>
    </row>
    <row r="607552" spans="8:8">
      <c r="H607552" s="12"/>
    </row>
    <row r="607553" spans="8:8">
      <c r="H607553" s="12"/>
    </row>
    <row r="607554" spans="8:8">
      <c r="H607554" s="12"/>
    </row>
    <row r="607555" spans="8:8">
      <c r="H607555" s="12"/>
    </row>
    <row r="607556" spans="8:8">
      <c r="H607556" s="12"/>
    </row>
    <row r="607557" spans="8:8">
      <c r="H607557" s="12"/>
    </row>
    <row r="607558" spans="8:8">
      <c r="H607558" s="12"/>
    </row>
    <row r="607559" spans="8:8">
      <c r="H607559" s="12"/>
    </row>
    <row r="607560" spans="8:8">
      <c r="H607560" s="12"/>
    </row>
    <row r="607561" spans="8:8">
      <c r="H607561" s="12"/>
    </row>
    <row r="607562" spans="8:8">
      <c r="H607562" s="12"/>
    </row>
    <row r="607563" spans="8:8">
      <c r="H607563" s="12"/>
    </row>
    <row r="607564" spans="8:8">
      <c r="H607564" s="12"/>
    </row>
    <row r="607565" spans="8:8">
      <c r="H607565" s="12"/>
    </row>
    <row r="607566" spans="8:8">
      <c r="H607566" s="12"/>
    </row>
    <row r="607567" spans="8:8">
      <c r="H607567" s="12"/>
    </row>
    <row r="607568" spans="8:8">
      <c r="H607568" s="12"/>
    </row>
    <row r="607569" spans="8:8">
      <c r="H607569" s="12"/>
    </row>
    <row r="607570" spans="8:8">
      <c r="H607570" s="12"/>
    </row>
    <row r="607571" spans="8:8">
      <c r="H607571" s="12"/>
    </row>
    <row r="607572" spans="8:8">
      <c r="H607572" s="12"/>
    </row>
    <row r="607573" spans="8:8">
      <c r="H607573" s="12"/>
    </row>
    <row r="607574" spans="8:8">
      <c r="H607574" s="12"/>
    </row>
    <row r="607575" spans="8:8">
      <c r="H607575" s="12"/>
    </row>
    <row r="607576" spans="8:8">
      <c r="H607576" s="12"/>
    </row>
    <row r="607577" spans="8:8">
      <c r="H607577" s="12"/>
    </row>
    <row r="607578" spans="8:8">
      <c r="H607578" s="12"/>
    </row>
    <row r="607579" spans="8:8">
      <c r="H607579" s="12"/>
    </row>
    <row r="607580" spans="8:8">
      <c r="H607580" s="12"/>
    </row>
    <row r="607581" spans="8:8">
      <c r="H607581" s="12"/>
    </row>
    <row r="607582" spans="8:8">
      <c r="H607582" s="12"/>
    </row>
    <row r="607583" spans="8:8">
      <c r="H607583" s="12"/>
    </row>
    <row r="607584" spans="8:8">
      <c r="H607584" s="12"/>
    </row>
    <row r="607585" spans="8:8">
      <c r="H607585" s="12"/>
    </row>
    <row r="607586" spans="8:8">
      <c r="H607586" s="12"/>
    </row>
    <row r="607587" spans="8:8">
      <c r="H607587" s="12"/>
    </row>
    <row r="607588" spans="8:8">
      <c r="H607588" s="12"/>
    </row>
    <row r="607589" spans="8:8">
      <c r="H607589" s="12"/>
    </row>
    <row r="607590" spans="8:8">
      <c r="H607590" s="12"/>
    </row>
    <row r="607591" spans="8:8">
      <c r="H607591" s="12"/>
    </row>
    <row r="607592" spans="8:8">
      <c r="H607592" s="12"/>
    </row>
    <row r="607593" spans="8:8">
      <c r="H607593" s="12"/>
    </row>
    <row r="607594" spans="8:8">
      <c r="H607594" s="12"/>
    </row>
    <row r="607595" spans="8:8">
      <c r="H607595" s="12"/>
    </row>
    <row r="607596" spans="8:8">
      <c r="H607596" s="12"/>
    </row>
    <row r="607597" spans="8:8">
      <c r="H607597" s="12"/>
    </row>
    <row r="607598" spans="8:8">
      <c r="H607598" s="12"/>
    </row>
    <row r="607599" spans="8:8">
      <c r="H607599" s="12"/>
    </row>
    <row r="607600" spans="8:8">
      <c r="H607600" s="12"/>
    </row>
    <row r="607601" spans="8:8">
      <c r="H607601" s="12"/>
    </row>
    <row r="607602" spans="8:8">
      <c r="H607602" s="12"/>
    </row>
    <row r="607603" spans="8:8">
      <c r="H607603" s="12"/>
    </row>
    <row r="607604" spans="8:8">
      <c r="H607604" s="12"/>
    </row>
    <row r="607605" spans="8:8">
      <c r="H607605" s="12"/>
    </row>
    <row r="607606" spans="8:8">
      <c r="H607606" s="12"/>
    </row>
    <row r="607607" spans="8:8">
      <c r="H607607" s="12"/>
    </row>
    <row r="607608" spans="8:8">
      <c r="H607608" s="12"/>
    </row>
    <row r="607609" spans="8:8">
      <c r="H607609" s="12"/>
    </row>
    <row r="607610" spans="8:8">
      <c r="H607610" s="12"/>
    </row>
    <row r="607611" spans="8:8">
      <c r="H607611" s="12"/>
    </row>
    <row r="607612" spans="8:8">
      <c r="H607612" s="12"/>
    </row>
    <row r="607613" spans="8:8">
      <c r="H607613" s="12"/>
    </row>
    <row r="607614" spans="8:8">
      <c r="H607614" s="12"/>
    </row>
    <row r="607615" spans="8:8">
      <c r="H607615" s="12"/>
    </row>
    <row r="607616" spans="8:8">
      <c r="H607616" s="12"/>
    </row>
    <row r="607617" spans="8:8">
      <c r="H607617" s="12"/>
    </row>
    <row r="607618" spans="8:8">
      <c r="H607618" s="12"/>
    </row>
    <row r="607619" spans="8:8">
      <c r="H607619" s="12"/>
    </row>
    <row r="607620" spans="8:8">
      <c r="H607620" s="12"/>
    </row>
    <row r="607621" spans="8:8">
      <c r="H607621" s="12"/>
    </row>
    <row r="607622" spans="8:8">
      <c r="H607622" s="12"/>
    </row>
    <row r="607623" spans="8:8">
      <c r="H607623" s="12"/>
    </row>
    <row r="607624" spans="8:8">
      <c r="H607624" s="12"/>
    </row>
    <row r="607625" spans="8:8">
      <c r="H607625" s="12"/>
    </row>
    <row r="607626" spans="8:8">
      <c r="H607626" s="12"/>
    </row>
    <row r="607627" spans="8:8">
      <c r="H607627" s="12"/>
    </row>
    <row r="607628" spans="8:8">
      <c r="H607628" s="12"/>
    </row>
    <row r="607629" spans="8:8">
      <c r="H607629" s="12"/>
    </row>
    <row r="607630" spans="8:8">
      <c r="H607630" s="12"/>
    </row>
    <row r="607631" spans="8:8">
      <c r="H607631" s="12"/>
    </row>
    <row r="607632" spans="8:8">
      <c r="H607632" s="12"/>
    </row>
    <row r="607633" spans="8:8">
      <c r="H607633" s="12"/>
    </row>
    <row r="607634" spans="8:8">
      <c r="H607634" s="12"/>
    </row>
    <row r="607635" spans="8:8">
      <c r="H607635" s="12"/>
    </row>
    <row r="607636" spans="8:8">
      <c r="H607636" s="12"/>
    </row>
    <row r="607637" spans="8:8">
      <c r="H607637" s="12"/>
    </row>
    <row r="607638" spans="8:8">
      <c r="H607638" s="12"/>
    </row>
    <row r="607639" spans="8:8">
      <c r="H607639" s="12"/>
    </row>
    <row r="607640" spans="8:8">
      <c r="H607640" s="12"/>
    </row>
    <row r="607641" spans="8:8">
      <c r="H607641" s="12"/>
    </row>
    <row r="607642" spans="8:8">
      <c r="H607642" s="12"/>
    </row>
    <row r="607643" spans="8:8">
      <c r="H607643" s="12"/>
    </row>
    <row r="607644" spans="8:8">
      <c r="H607644" s="12"/>
    </row>
    <row r="607645" spans="8:8">
      <c r="H607645" s="12"/>
    </row>
    <row r="607646" spans="8:8">
      <c r="H607646" s="12"/>
    </row>
    <row r="607647" spans="8:8">
      <c r="H607647" s="12"/>
    </row>
    <row r="607648" spans="8:8">
      <c r="H607648" s="12"/>
    </row>
    <row r="607649" spans="8:8">
      <c r="H607649" s="12"/>
    </row>
    <row r="607650" spans="8:8">
      <c r="H607650" s="12"/>
    </row>
    <row r="607651" spans="8:8">
      <c r="H607651" s="12"/>
    </row>
    <row r="607652" spans="8:8">
      <c r="H607652" s="12"/>
    </row>
    <row r="607653" spans="8:8">
      <c r="H607653" s="12"/>
    </row>
    <row r="607654" spans="8:8">
      <c r="H607654" s="12"/>
    </row>
    <row r="607655" spans="8:8">
      <c r="H607655" s="12"/>
    </row>
    <row r="607656" spans="8:8">
      <c r="H607656" s="12"/>
    </row>
    <row r="607657" spans="8:8">
      <c r="H607657" s="12"/>
    </row>
    <row r="607658" spans="8:8">
      <c r="H607658" s="12"/>
    </row>
    <row r="607659" spans="8:8">
      <c r="H607659" s="12"/>
    </row>
    <row r="607660" spans="8:8">
      <c r="H607660" s="12"/>
    </row>
    <row r="607661" spans="8:8">
      <c r="H607661" s="12"/>
    </row>
    <row r="607662" spans="8:8">
      <c r="H607662" s="12"/>
    </row>
    <row r="607663" spans="8:8">
      <c r="H607663" s="12"/>
    </row>
    <row r="607664" spans="8:8">
      <c r="H607664" s="12"/>
    </row>
    <row r="607665" spans="8:8">
      <c r="H607665" s="12"/>
    </row>
    <row r="607666" spans="8:8">
      <c r="H607666" s="12"/>
    </row>
    <row r="607667" spans="8:8">
      <c r="H607667" s="12"/>
    </row>
    <row r="607668" spans="8:8">
      <c r="H607668" s="12"/>
    </row>
    <row r="607669" spans="8:8">
      <c r="H607669" s="12"/>
    </row>
    <row r="607670" spans="8:8">
      <c r="H607670" s="12"/>
    </row>
    <row r="607671" spans="8:8">
      <c r="H607671" s="12"/>
    </row>
    <row r="607672" spans="8:8">
      <c r="H607672" s="12"/>
    </row>
    <row r="607673" spans="8:8">
      <c r="H607673" s="12"/>
    </row>
    <row r="607674" spans="8:8">
      <c r="H607674" s="12"/>
    </row>
    <row r="607675" spans="8:8">
      <c r="H607675" s="12"/>
    </row>
    <row r="607676" spans="8:8">
      <c r="H607676" s="12"/>
    </row>
    <row r="607677" spans="8:8">
      <c r="H607677" s="12"/>
    </row>
    <row r="607678" spans="8:8">
      <c r="H607678" s="12"/>
    </row>
    <row r="607679" spans="8:8">
      <c r="H607679" s="12"/>
    </row>
    <row r="607680" spans="8:8">
      <c r="H607680" s="12"/>
    </row>
    <row r="607681" spans="8:8">
      <c r="H607681" s="12"/>
    </row>
    <row r="607682" spans="8:8">
      <c r="H607682" s="12"/>
    </row>
    <row r="607683" spans="8:8">
      <c r="H607683" s="12"/>
    </row>
    <row r="607684" spans="8:8">
      <c r="H607684" s="12"/>
    </row>
    <row r="607685" spans="8:8">
      <c r="H607685" s="12"/>
    </row>
    <row r="607686" spans="8:8">
      <c r="H607686" s="12"/>
    </row>
    <row r="607687" spans="8:8">
      <c r="H607687" s="12"/>
    </row>
    <row r="607688" spans="8:8">
      <c r="H607688" s="12"/>
    </row>
    <row r="607689" spans="8:8">
      <c r="H607689" s="12"/>
    </row>
    <row r="607690" spans="8:8">
      <c r="H607690" s="12"/>
    </row>
    <row r="607691" spans="8:8">
      <c r="H607691" s="12"/>
    </row>
    <row r="607692" spans="8:8">
      <c r="H607692" s="12"/>
    </row>
    <row r="607693" spans="8:8">
      <c r="H607693" s="12"/>
    </row>
    <row r="607694" spans="8:8">
      <c r="H607694" s="12"/>
    </row>
    <row r="607695" spans="8:8">
      <c r="H607695" s="12"/>
    </row>
    <row r="607696" spans="8:8">
      <c r="H607696" s="12"/>
    </row>
    <row r="607697" spans="8:8">
      <c r="H607697" s="12"/>
    </row>
    <row r="607698" spans="8:8">
      <c r="H607698" s="12"/>
    </row>
    <row r="607699" spans="8:8">
      <c r="H607699" s="12"/>
    </row>
    <row r="607700" spans="8:8">
      <c r="H607700" s="12"/>
    </row>
    <row r="607701" spans="8:8">
      <c r="H607701" s="12"/>
    </row>
    <row r="607702" spans="8:8">
      <c r="H607702" s="12"/>
    </row>
    <row r="607703" spans="8:8">
      <c r="H607703" s="12"/>
    </row>
    <row r="607704" spans="8:8">
      <c r="H607704" s="12"/>
    </row>
    <row r="607705" spans="8:8">
      <c r="H607705" s="12"/>
    </row>
    <row r="607706" spans="8:8">
      <c r="H607706" s="12"/>
    </row>
    <row r="607707" spans="8:8">
      <c r="H607707" s="12"/>
    </row>
    <row r="607708" spans="8:8">
      <c r="H607708" s="12"/>
    </row>
    <row r="607709" spans="8:8">
      <c r="H607709" s="12"/>
    </row>
    <row r="607710" spans="8:8">
      <c r="H607710" s="12"/>
    </row>
    <row r="607711" spans="8:8">
      <c r="H607711" s="12"/>
    </row>
    <row r="607712" spans="8:8">
      <c r="H607712" s="12"/>
    </row>
    <row r="607713" spans="8:8">
      <c r="H607713" s="12"/>
    </row>
    <row r="607714" spans="8:8">
      <c r="H607714" s="12"/>
    </row>
    <row r="607715" spans="8:8">
      <c r="H607715" s="12"/>
    </row>
    <row r="607716" spans="8:8">
      <c r="H607716" s="12"/>
    </row>
    <row r="607717" spans="8:8">
      <c r="H607717" s="12"/>
    </row>
    <row r="607718" spans="8:8">
      <c r="H607718" s="12"/>
    </row>
    <row r="607719" spans="8:8">
      <c r="H607719" s="12"/>
    </row>
    <row r="607720" spans="8:8">
      <c r="H607720" s="12"/>
    </row>
    <row r="607721" spans="8:8">
      <c r="H607721" s="12"/>
    </row>
    <row r="607722" spans="8:8">
      <c r="H607722" s="12"/>
    </row>
    <row r="607723" spans="8:8">
      <c r="H607723" s="12"/>
    </row>
    <row r="607724" spans="8:8">
      <c r="H607724" s="12"/>
    </row>
    <row r="607725" spans="8:8">
      <c r="H607725" s="12"/>
    </row>
    <row r="607726" spans="8:8">
      <c r="H607726" s="12"/>
    </row>
    <row r="607727" spans="8:8">
      <c r="H607727" s="12"/>
    </row>
    <row r="607728" spans="8:8">
      <c r="H607728" s="12"/>
    </row>
    <row r="607729" spans="8:8">
      <c r="H607729" s="12"/>
    </row>
    <row r="607730" spans="8:8">
      <c r="H607730" s="12"/>
    </row>
    <row r="607731" spans="8:8">
      <c r="H607731" s="12"/>
    </row>
    <row r="607732" spans="8:8">
      <c r="H607732" s="12"/>
    </row>
    <row r="607733" spans="8:8">
      <c r="H607733" s="12"/>
    </row>
    <row r="607734" spans="8:8">
      <c r="H607734" s="12"/>
    </row>
    <row r="607735" spans="8:8">
      <c r="H607735" s="12"/>
    </row>
    <row r="607736" spans="8:8">
      <c r="H607736" s="12"/>
    </row>
    <row r="607737" spans="8:8">
      <c r="H607737" s="12"/>
    </row>
    <row r="607738" spans="8:8">
      <c r="H607738" s="12"/>
    </row>
    <row r="607739" spans="8:8">
      <c r="H607739" s="12"/>
    </row>
    <row r="607740" spans="8:8">
      <c r="H607740" s="12"/>
    </row>
    <row r="607741" spans="8:8">
      <c r="H607741" s="12"/>
    </row>
    <row r="607742" spans="8:8">
      <c r="H607742" s="12"/>
    </row>
    <row r="607743" spans="8:8">
      <c r="H607743" s="12"/>
    </row>
    <row r="607744" spans="8:8">
      <c r="H607744" s="12"/>
    </row>
    <row r="607745" spans="8:8">
      <c r="H607745" s="12"/>
    </row>
    <row r="607746" spans="8:8">
      <c r="H607746" s="12"/>
    </row>
    <row r="607747" spans="8:8">
      <c r="H607747" s="12"/>
    </row>
    <row r="607748" spans="8:8">
      <c r="H607748" s="12"/>
    </row>
    <row r="607749" spans="8:8">
      <c r="H607749" s="12"/>
    </row>
    <row r="607750" spans="8:8">
      <c r="H607750" s="12"/>
    </row>
    <row r="607751" spans="8:8">
      <c r="H607751" s="12"/>
    </row>
    <row r="607752" spans="8:8">
      <c r="H607752" s="12"/>
    </row>
    <row r="607753" spans="8:8">
      <c r="H607753" s="12"/>
    </row>
    <row r="607754" spans="8:8">
      <c r="H607754" s="12"/>
    </row>
    <row r="607755" spans="8:8">
      <c r="H607755" s="12"/>
    </row>
    <row r="607756" spans="8:8">
      <c r="H607756" s="12"/>
    </row>
    <row r="607757" spans="8:8">
      <c r="H607757" s="12"/>
    </row>
    <row r="607758" spans="8:8">
      <c r="H607758" s="12"/>
    </row>
    <row r="607759" spans="8:8">
      <c r="H607759" s="12"/>
    </row>
    <row r="607760" spans="8:8">
      <c r="H607760" s="12"/>
    </row>
    <row r="607761" spans="8:8">
      <c r="H607761" s="12"/>
    </row>
    <row r="607762" spans="8:8">
      <c r="H607762" s="12"/>
    </row>
    <row r="607763" spans="8:8">
      <c r="H607763" s="12"/>
    </row>
    <row r="607764" spans="8:8">
      <c r="H607764" s="12"/>
    </row>
    <row r="607765" spans="8:8">
      <c r="H607765" s="12"/>
    </row>
    <row r="607766" spans="8:8">
      <c r="H607766" s="12"/>
    </row>
    <row r="607767" spans="8:8">
      <c r="H607767" s="12"/>
    </row>
    <row r="607768" spans="8:8">
      <c r="H607768" s="12"/>
    </row>
    <row r="607769" spans="8:8">
      <c r="H607769" s="12"/>
    </row>
    <row r="607770" spans="8:8">
      <c r="H607770" s="12"/>
    </row>
    <row r="607771" spans="8:8">
      <c r="H607771" s="12"/>
    </row>
    <row r="607772" spans="8:8">
      <c r="H607772" s="12"/>
    </row>
    <row r="607773" spans="8:8">
      <c r="H607773" s="12"/>
    </row>
    <row r="607774" spans="8:8">
      <c r="H607774" s="12"/>
    </row>
    <row r="607775" spans="8:8">
      <c r="H607775" s="12"/>
    </row>
    <row r="607776" spans="8:8">
      <c r="H607776" s="12"/>
    </row>
    <row r="607777" spans="8:8">
      <c r="H607777" s="12"/>
    </row>
    <row r="607778" spans="8:8">
      <c r="H607778" s="12"/>
    </row>
    <row r="607779" spans="8:8">
      <c r="H607779" s="12"/>
    </row>
    <row r="607780" spans="8:8">
      <c r="H607780" s="12"/>
    </row>
    <row r="607781" spans="8:8">
      <c r="H607781" s="12"/>
    </row>
    <row r="607782" spans="8:8">
      <c r="H607782" s="12"/>
    </row>
    <row r="607783" spans="8:8">
      <c r="H607783" s="12"/>
    </row>
    <row r="607784" spans="8:8">
      <c r="H607784" s="12"/>
    </row>
    <row r="607785" spans="8:8">
      <c r="H607785" s="12"/>
    </row>
    <row r="607786" spans="8:8">
      <c r="H607786" s="12"/>
    </row>
    <row r="607787" spans="8:8">
      <c r="H607787" s="12"/>
    </row>
    <row r="607788" spans="8:8">
      <c r="H607788" s="12"/>
    </row>
    <row r="607789" spans="8:8">
      <c r="H607789" s="12"/>
    </row>
    <row r="607790" spans="8:8">
      <c r="H607790" s="12"/>
    </row>
    <row r="607791" spans="8:8">
      <c r="H607791" s="12"/>
    </row>
    <row r="607792" spans="8:8">
      <c r="H607792" s="12"/>
    </row>
    <row r="607793" spans="8:8">
      <c r="H607793" s="12"/>
    </row>
    <row r="607794" spans="8:8">
      <c r="H607794" s="12"/>
    </row>
    <row r="607795" spans="8:8">
      <c r="H607795" s="12"/>
    </row>
    <row r="607796" spans="8:8">
      <c r="H607796" s="12"/>
    </row>
    <row r="607797" spans="8:8">
      <c r="H607797" s="12"/>
    </row>
    <row r="607798" spans="8:8">
      <c r="H607798" s="12"/>
    </row>
    <row r="607799" spans="8:8">
      <c r="H607799" s="12"/>
    </row>
    <row r="607800" spans="8:8">
      <c r="H607800" s="12"/>
    </row>
    <row r="607801" spans="8:8">
      <c r="H607801" s="12"/>
    </row>
    <row r="607802" spans="8:8">
      <c r="H607802" s="12"/>
    </row>
    <row r="607803" spans="8:8">
      <c r="H607803" s="12"/>
    </row>
    <row r="607804" spans="8:8">
      <c r="H607804" s="12"/>
    </row>
    <row r="607805" spans="8:8">
      <c r="H607805" s="12"/>
    </row>
    <row r="607806" spans="8:8">
      <c r="H607806" s="12"/>
    </row>
    <row r="607807" spans="8:8">
      <c r="H607807" s="12"/>
    </row>
    <row r="607808" spans="8:8">
      <c r="H607808" s="12"/>
    </row>
    <row r="607809" spans="8:8">
      <c r="H607809" s="12"/>
    </row>
    <row r="607810" spans="8:8">
      <c r="H607810" s="12"/>
    </row>
    <row r="607811" spans="8:8">
      <c r="H607811" s="12"/>
    </row>
    <row r="607812" spans="8:8">
      <c r="H607812" s="12"/>
    </row>
    <row r="607813" spans="8:8">
      <c r="H607813" s="12"/>
    </row>
    <row r="607814" spans="8:8">
      <c r="H607814" s="12"/>
    </row>
    <row r="607815" spans="8:8">
      <c r="H607815" s="12"/>
    </row>
    <row r="607816" spans="8:8">
      <c r="H607816" s="12"/>
    </row>
    <row r="607817" spans="8:8">
      <c r="H607817" s="12"/>
    </row>
    <row r="607818" spans="8:8">
      <c r="H607818" s="12"/>
    </row>
    <row r="607819" spans="8:8">
      <c r="H607819" s="12"/>
    </row>
    <row r="607820" spans="8:8">
      <c r="H607820" s="12"/>
    </row>
    <row r="607821" spans="8:8">
      <c r="H607821" s="12"/>
    </row>
    <row r="607822" spans="8:8">
      <c r="H607822" s="12"/>
    </row>
    <row r="607823" spans="8:8">
      <c r="H607823" s="12"/>
    </row>
    <row r="607824" spans="8:8">
      <c r="H607824" s="12"/>
    </row>
    <row r="607825" spans="8:8">
      <c r="H607825" s="12"/>
    </row>
    <row r="607826" spans="8:8">
      <c r="H607826" s="12"/>
    </row>
    <row r="607827" spans="8:8">
      <c r="H607827" s="12"/>
    </row>
    <row r="607828" spans="8:8">
      <c r="H607828" s="12"/>
    </row>
    <row r="607829" spans="8:8">
      <c r="H607829" s="12"/>
    </row>
    <row r="607830" spans="8:8">
      <c r="H607830" s="12"/>
    </row>
    <row r="607831" spans="8:8">
      <c r="H607831" s="12"/>
    </row>
    <row r="607832" spans="8:8">
      <c r="H607832" s="12"/>
    </row>
    <row r="607833" spans="8:8">
      <c r="H607833" s="12"/>
    </row>
    <row r="607834" spans="8:8">
      <c r="H607834" s="12"/>
    </row>
    <row r="607835" spans="8:8">
      <c r="H607835" s="12"/>
    </row>
    <row r="607836" spans="8:8">
      <c r="H607836" s="12"/>
    </row>
    <row r="607837" spans="8:8">
      <c r="H607837" s="12"/>
    </row>
    <row r="607838" spans="8:8">
      <c r="H607838" s="12"/>
    </row>
    <row r="607839" spans="8:8">
      <c r="H607839" s="12"/>
    </row>
    <row r="607840" spans="8:8">
      <c r="H607840" s="12"/>
    </row>
    <row r="607841" spans="8:8">
      <c r="H607841" s="12"/>
    </row>
    <row r="607842" spans="8:8">
      <c r="H607842" s="12"/>
    </row>
    <row r="607843" spans="8:8">
      <c r="H607843" s="12"/>
    </row>
    <row r="607844" spans="8:8">
      <c r="H607844" s="12"/>
    </row>
    <row r="607845" spans="8:8">
      <c r="H607845" s="12"/>
    </row>
    <row r="607846" spans="8:8">
      <c r="H607846" s="12"/>
    </row>
    <row r="607847" spans="8:8">
      <c r="H607847" s="12"/>
    </row>
    <row r="607848" spans="8:8">
      <c r="H607848" s="12"/>
    </row>
    <row r="607849" spans="8:8">
      <c r="H607849" s="12"/>
    </row>
    <row r="607850" spans="8:8">
      <c r="H607850" s="12"/>
    </row>
    <row r="607851" spans="8:8">
      <c r="H607851" s="12"/>
    </row>
    <row r="607852" spans="8:8">
      <c r="H607852" s="12"/>
    </row>
    <row r="607853" spans="8:8">
      <c r="H607853" s="12"/>
    </row>
    <row r="607854" spans="8:8">
      <c r="H607854" s="12"/>
    </row>
    <row r="607855" spans="8:8">
      <c r="H607855" s="12"/>
    </row>
    <row r="607856" spans="8:8">
      <c r="H607856" s="12"/>
    </row>
    <row r="607857" spans="8:8">
      <c r="H607857" s="12"/>
    </row>
    <row r="607858" spans="8:8">
      <c r="H607858" s="12"/>
    </row>
    <row r="607859" spans="8:8">
      <c r="H607859" s="12"/>
    </row>
    <row r="607860" spans="8:8">
      <c r="H607860" s="12"/>
    </row>
    <row r="607861" spans="8:8">
      <c r="H607861" s="12"/>
    </row>
    <row r="607862" spans="8:8">
      <c r="H607862" s="12"/>
    </row>
    <row r="607863" spans="8:8">
      <c r="H607863" s="12"/>
    </row>
    <row r="607864" spans="8:8">
      <c r="H607864" s="12"/>
    </row>
    <row r="607865" spans="8:8">
      <c r="H607865" s="12"/>
    </row>
    <row r="607866" spans="8:8">
      <c r="H607866" s="12"/>
    </row>
    <row r="607867" spans="8:8">
      <c r="H607867" s="12"/>
    </row>
    <row r="607868" spans="8:8">
      <c r="H607868" s="12"/>
    </row>
    <row r="607869" spans="8:8">
      <c r="H607869" s="12"/>
    </row>
    <row r="607870" spans="8:8">
      <c r="H607870" s="12"/>
    </row>
    <row r="607871" spans="8:8">
      <c r="H607871" s="12"/>
    </row>
    <row r="607872" spans="8:8">
      <c r="H607872" s="12"/>
    </row>
    <row r="607873" spans="8:8">
      <c r="H607873" s="12"/>
    </row>
    <row r="607874" spans="8:8">
      <c r="H607874" s="12"/>
    </row>
    <row r="607875" spans="8:8">
      <c r="H607875" s="12"/>
    </row>
    <row r="607876" spans="8:8">
      <c r="H607876" s="12"/>
    </row>
    <row r="607877" spans="8:8">
      <c r="H607877" s="12"/>
    </row>
    <row r="607878" spans="8:8">
      <c r="H607878" s="12"/>
    </row>
    <row r="607879" spans="8:8">
      <c r="H607879" s="12"/>
    </row>
    <row r="607880" spans="8:8">
      <c r="H607880" s="12"/>
    </row>
    <row r="607881" spans="8:8">
      <c r="H607881" s="12"/>
    </row>
    <row r="607882" spans="8:8">
      <c r="H607882" s="12"/>
    </row>
    <row r="607883" spans="8:8">
      <c r="H607883" s="12"/>
    </row>
    <row r="607884" spans="8:8">
      <c r="H607884" s="12"/>
    </row>
    <row r="607885" spans="8:8">
      <c r="H607885" s="12"/>
    </row>
    <row r="607886" spans="8:8">
      <c r="H607886" s="12"/>
    </row>
    <row r="607887" spans="8:8">
      <c r="H607887" s="12"/>
    </row>
    <row r="607888" spans="8:8">
      <c r="H607888" s="12"/>
    </row>
    <row r="607889" spans="8:8">
      <c r="H607889" s="12"/>
    </row>
    <row r="607890" spans="8:8">
      <c r="H607890" s="12"/>
    </row>
    <row r="607891" spans="8:8">
      <c r="H607891" s="12"/>
    </row>
    <row r="607892" spans="8:8">
      <c r="H607892" s="12"/>
    </row>
    <row r="607893" spans="8:8">
      <c r="H607893" s="12"/>
    </row>
    <row r="607894" spans="8:8">
      <c r="H607894" s="12"/>
    </row>
    <row r="607895" spans="8:8">
      <c r="H607895" s="12"/>
    </row>
    <row r="607896" spans="8:8">
      <c r="H607896" s="12"/>
    </row>
    <row r="607897" spans="8:8">
      <c r="H607897" s="12"/>
    </row>
    <row r="607898" spans="8:8">
      <c r="H607898" s="12"/>
    </row>
    <row r="607899" spans="8:8">
      <c r="H607899" s="12"/>
    </row>
    <row r="607900" spans="8:8">
      <c r="H607900" s="12"/>
    </row>
    <row r="607901" spans="8:8">
      <c r="H607901" s="12"/>
    </row>
    <row r="607902" spans="8:8">
      <c r="H607902" s="12"/>
    </row>
    <row r="607903" spans="8:8">
      <c r="H607903" s="12"/>
    </row>
    <row r="607904" spans="8:8">
      <c r="H607904" s="12"/>
    </row>
    <row r="607905" spans="8:8">
      <c r="H607905" s="12"/>
    </row>
    <row r="607906" spans="8:8">
      <c r="H607906" s="12"/>
    </row>
    <row r="607907" spans="8:8">
      <c r="H607907" s="12"/>
    </row>
    <row r="607908" spans="8:8">
      <c r="H607908" s="12"/>
    </row>
    <row r="607909" spans="8:8">
      <c r="H607909" s="12"/>
    </row>
    <row r="607910" spans="8:8">
      <c r="H607910" s="12"/>
    </row>
    <row r="607911" spans="8:8">
      <c r="H607911" s="12"/>
    </row>
    <row r="607912" spans="8:8">
      <c r="H607912" s="12"/>
    </row>
    <row r="607913" spans="8:8">
      <c r="H607913" s="12"/>
    </row>
    <row r="607914" spans="8:8">
      <c r="H607914" s="12"/>
    </row>
    <row r="607915" spans="8:8">
      <c r="H607915" s="12"/>
    </row>
    <row r="607916" spans="8:8">
      <c r="H607916" s="12"/>
    </row>
    <row r="607917" spans="8:8">
      <c r="H607917" s="12"/>
    </row>
    <row r="607918" spans="8:8">
      <c r="H607918" s="12"/>
    </row>
    <row r="607919" spans="8:8">
      <c r="H607919" s="12"/>
    </row>
    <row r="607920" spans="8:8">
      <c r="H607920" s="12"/>
    </row>
    <row r="607921" spans="8:8">
      <c r="H607921" s="12"/>
    </row>
    <row r="607922" spans="8:8">
      <c r="H607922" s="12"/>
    </row>
    <row r="607923" spans="8:8">
      <c r="H607923" s="12"/>
    </row>
    <row r="607924" spans="8:8">
      <c r="H607924" s="12"/>
    </row>
    <row r="607925" spans="8:8">
      <c r="H607925" s="12"/>
    </row>
    <row r="607926" spans="8:8">
      <c r="H607926" s="12"/>
    </row>
    <row r="607927" spans="8:8">
      <c r="H607927" s="12"/>
    </row>
    <row r="607928" spans="8:8">
      <c r="H607928" s="12"/>
    </row>
    <row r="607929" spans="8:8">
      <c r="H607929" s="12"/>
    </row>
    <row r="607930" spans="8:8">
      <c r="H607930" s="12"/>
    </row>
    <row r="607931" spans="8:8">
      <c r="H607931" s="12"/>
    </row>
    <row r="607932" spans="8:8">
      <c r="H607932" s="12"/>
    </row>
    <row r="607933" spans="8:8">
      <c r="H607933" s="12"/>
    </row>
    <row r="607934" spans="8:8">
      <c r="H607934" s="12"/>
    </row>
    <row r="607935" spans="8:8">
      <c r="H607935" s="12"/>
    </row>
    <row r="607936" spans="8:8">
      <c r="H607936" s="12"/>
    </row>
    <row r="607937" spans="8:8">
      <c r="H607937" s="12"/>
    </row>
    <row r="607938" spans="8:8">
      <c r="H607938" s="12"/>
    </row>
    <row r="607939" spans="8:8">
      <c r="H607939" s="12"/>
    </row>
    <row r="607940" spans="8:8">
      <c r="H607940" s="12"/>
    </row>
    <row r="607941" spans="8:8">
      <c r="H607941" s="12"/>
    </row>
    <row r="607942" spans="8:8">
      <c r="H607942" s="12"/>
    </row>
    <row r="607943" spans="8:8">
      <c r="H607943" s="12"/>
    </row>
    <row r="607944" spans="8:8">
      <c r="H607944" s="12"/>
    </row>
    <row r="607945" spans="8:8">
      <c r="H607945" s="12"/>
    </row>
    <row r="607946" spans="8:8">
      <c r="H607946" s="12"/>
    </row>
    <row r="607947" spans="8:8">
      <c r="H607947" s="12"/>
    </row>
    <row r="607948" spans="8:8">
      <c r="H607948" s="12"/>
    </row>
    <row r="607949" spans="8:8">
      <c r="H607949" s="12"/>
    </row>
    <row r="607950" spans="8:8">
      <c r="H607950" s="12"/>
    </row>
    <row r="607951" spans="8:8">
      <c r="H607951" s="12"/>
    </row>
    <row r="607952" spans="8:8">
      <c r="H607952" s="12"/>
    </row>
    <row r="607953" spans="8:8">
      <c r="H607953" s="12"/>
    </row>
    <row r="607954" spans="8:8">
      <c r="H607954" s="12"/>
    </row>
    <row r="607955" spans="8:8">
      <c r="H607955" s="12"/>
    </row>
    <row r="607956" spans="8:8">
      <c r="H607956" s="12"/>
    </row>
    <row r="607957" spans="8:8">
      <c r="H607957" s="12"/>
    </row>
    <row r="607958" spans="8:8">
      <c r="H607958" s="12"/>
    </row>
    <row r="607959" spans="8:8">
      <c r="H607959" s="12"/>
    </row>
    <row r="607960" spans="8:8">
      <c r="H607960" s="12"/>
    </row>
    <row r="607961" spans="8:8">
      <c r="H607961" s="12"/>
    </row>
    <row r="607962" spans="8:8">
      <c r="H607962" s="12"/>
    </row>
    <row r="607963" spans="8:8">
      <c r="H607963" s="12"/>
    </row>
    <row r="607964" spans="8:8">
      <c r="H607964" s="12"/>
    </row>
    <row r="607965" spans="8:8">
      <c r="H607965" s="12"/>
    </row>
    <row r="607966" spans="8:8">
      <c r="H607966" s="12"/>
    </row>
    <row r="607967" spans="8:8">
      <c r="H607967" s="12"/>
    </row>
    <row r="607968" spans="8:8">
      <c r="H607968" s="12"/>
    </row>
    <row r="607969" spans="8:8">
      <c r="H607969" s="12"/>
    </row>
    <row r="607970" spans="8:8">
      <c r="H607970" s="12"/>
    </row>
    <row r="607971" spans="8:8">
      <c r="H607971" s="12"/>
    </row>
    <row r="607972" spans="8:8">
      <c r="H607972" s="12"/>
    </row>
    <row r="607973" spans="8:8">
      <c r="H607973" s="12"/>
    </row>
    <row r="607974" spans="8:8">
      <c r="H607974" s="12"/>
    </row>
    <row r="607975" spans="8:8">
      <c r="H607975" s="12"/>
    </row>
    <row r="607976" spans="8:8">
      <c r="H607976" s="12"/>
    </row>
    <row r="607977" spans="8:8">
      <c r="H607977" s="12"/>
    </row>
    <row r="607978" spans="8:8">
      <c r="H607978" s="12"/>
    </row>
    <row r="607979" spans="8:8">
      <c r="H607979" s="12"/>
    </row>
    <row r="607980" spans="8:8">
      <c r="H607980" s="12"/>
    </row>
    <row r="607981" spans="8:8">
      <c r="H607981" s="12"/>
    </row>
    <row r="607982" spans="8:8">
      <c r="H607982" s="12"/>
    </row>
    <row r="607983" spans="8:8">
      <c r="H607983" s="12"/>
    </row>
    <row r="607984" spans="8:8">
      <c r="H607984" s="12"/>
    </row>
    <row r="607985" spans="8:8">
      <c r="H607985" s="12"/>
    </row>
    <row r="607986" spans="8:8">
      <c r="H607986" s="12"/>
    </row>
    <row r="607987" spans="8:8">
      <c r="H607987" s="12"/>
    </row>
    <row r="607988" spans="8:8">
      <c r="H607988" s="12"/>
    </row>
    <row r="607989" spans="8:8">
      <c r="H607989" s="12"/>
    </row>
    <row r="607990" spans="8:8">
      <c r="H607990" s="12"/>
    </row>
    <row r="607991" spans="8:8">
      <c r="H607991" s="12"/>
    </row>
    <row r="607992" spans="8:8">
      <c r="H607992" s="12"/>
    </row>
    <row r="607993" spans="8:8">
      <c r="H607993" s="12"/>
    </row>
    <row r="607994" spans="8:8">
      <c r="H607994" s="12"/>
    </row>
    <row r="607995" spans="8:8">
      <c r="H607995" s="12"/>
    </row>
    <row r="607996" spans="8:8">
      <c r="H607996" s="12"/>
    </row>
    <row r="607997" spans="8:8">
      <c r="H607997" s="12"/>
    </row>
    <row r="607998" spans="8:8">
      <c r="H607998" s="12"/>
    </row>
    <row r="607999" spans="8:8">
      <c r="H607999" s="12"/>
    </row>
    <row r="608000" spans="8:8">
      <c r="H608000" s="12"/>
    </row>
    <row r="608001" spans="8:8">
      <c r="H608001" s="12"/>
    </row>
    <row r="608002" spans="8:8">
      <c r="H608002" s="12"/>
    </row>
    <row r="608003" spans="8:8">
      <c r="H608003" s="12"/>
    </row>
    <row r="608004" spans="8:8">
      <c r="H608004" s="12"/>
    </row>
    <row r="608005" spans="8:8">
      <c r="H608005" s="12"/>
    </row>
    <row r="608006" spans="8:8">
      <c r="H608006" s="12"/>
    </row>
    <row r="608007" spans="8:8">
      <c r="H608007" s="12"/>
    </row>
    <row r="608008" spans="8:8">
      <c r="H608008" s="12"/>
    </row>
    <row r="608009" spans="8:8">
      <c r="H608009" s="12"/>
    </row>
    <row r="608010" spans="8:8">
      <c r="H608010" s="12"/>
    </row>
    <row r="608011" spans="8:8">
      <c r="H608011" s="12"/>
    </row>
    <row r="608012" spans="8:8">
      <c r="H608012" s="12"/>
    </row>
    <row r="608013" spans="8:8">
      <c r="H608013" s="12"/>
    </row>
    <row r="608014" spans="8:8">
      <c r="H608014" s="12"/>
    </row>
    <row r="608015" spans="8:8">
      <c r="H608015" s="12"/>
    </row>
    <row r="608016" spans="8:8">
      <c r="H608016" s="12"/>
    </row>
    <row r="608017" spans="8:8">
      <c r="H608017" s="12"/>
    </row>
    <row r="608018" spans="8:8">
      <c r="H608018" s="12"/>
    </row>
    <row r="608019" spans="8:8">
      <c r="H608019" s="12"/>
    </row>
    <row r="608020" spans="8:8">
      <c r="H608020" s="12"/>
    </row>
    <row r="608021" spans="8:8">
      <c r="H608021" s="12"/>
    </row>
    <row r="608022" spans="8:8">
      <c r="H608022" s="12"/>
    </row>
    <row r="608023" spans="8:8">
      <c r="H608023" s="12"/>
    </row>
    <row r="608024" spans="8:8">
      <c r="H608024" s="12"/>
    </row>
    <row r="608025" spans="8:8">
      <c r="H608025" s="12"/>
    </row>
    <row r="608026" spans="8:8">
      <c r="H608026" s="12"/>
    </row>
    <row r="608027" spans="8:8">
      <c r="H608027" s="12"/>
    </row>
    <row r="608028" spans="8:8">
      <c r="H608028" s="12"/>
    </row>
    <row r="608029" spans="8:8">
      <c r="H608029" s="12"/>
    </row>
    <row r="608030" spans="8:8">
      <c r="H608030" s="12"/>
    </row>
    <row r="608031" spans="8:8">
      <c r="H608031" s="12"/>
    </row>
    <row r="608032" spans="8:8">
      <c r="H608032" s="12"/>
    </row>
    <row r="608033" spans="8:8">
      <c r="H608033" s="12"/>
    </row>
    <row r="608034" spans="8:8">
      <c r="H608034" s="12"/>
    </row>
    <row r="608035" spans="8:8">
      <c r="H608035" s="12"/>
    </row>
    <row r="608036" spans="8:8">
      <c r="H608036" s="12"/>
    </row>
    <row r="608037" spans="8:8">
      <c r="H608037" s="12"/>
    </row>
    <row r="608038" spans="8:8">
      <c r="H608038" s="12"/>
    </row>
    <row r="608039" spans="8:8">
      <c r="H608039" s="12"/>
    </row>
    <row r="608040" spans="8:8">
      <c r="H608040" s="12"/>
    </row>
    <row r="608041" spans="8:8">
      <c r="H608041" s="12"/>
    </row>
    <row r="608042" spans="8:8">
      <c r="H608042" s="12"/>
    </row>
    <row r="608043" spans="8:8">
      <c r="H608043" s="12"/>
    </row>
    <row r="608044" spans="8:8">
      <c r="H608044" s="12"/>
    </row>
    <row r="608045" spans="8:8">
      <c r="H608045" s="12"/>
    </row>
    <row r="608046" spans="8:8">
      <c r="H608046" s="12"/>
    </row>
    <row r="608047" spans="8:8">
      <c r="H608047" s="12"/>
    </row>
    <row r="608048" spans="8:8">
      <c r="H608048" s="12"/>
    </row>
    <row r="608049" spans="8:8">
      <c r="H608049" s="12"/>
    </row>
    <row r="608050" spans="8:8">
      <c r="H608050" s="12"/>
    </row>
    <row r="608051" spans="8:8">
      <c r="H608051" s="12"/>
    </row>
    <row r="608052" spans="8:8">
      <c r="H608052" s="12"/>
    </row>
    <row r="608053" spans="8:8">
      <c r="H608053" s="12"/>
    </row>
    <row r="608054" spans="8:8">
      <c r="H608054" s="12"/>
    </row>
    <row r="608055" spans="8:8">
      <c r="H608055" s="12"/>
    </row>
    <row r="608056" spans="8:8">
      <c r="H608056" s="12"/>
    </row>
    <row r="608057" spans="8:8">
      <c r="H608057" s="12"/>
    </row>
    <row r="608058" spans="8:8">
      <c r="H608058" s="12"/>
    </row>
    <row r="608059" spans="8:8">
      <c r="H608059" s="12"/>
    </row>
    <row r="608060" spans="8:8">
      <c r="H608060" s="12"/>
    </row>
    <row r="608061" spans="8:8">
      <c r="H608061" s="12"/>
    </row>
    <row r="608062" spans="8:8">
      <c r="H608062" s="12"/>
    </row>
    <row r="608063" spans="8:8">
      <c r="H608063" s="12"/>
    </row>
    <row r="608064" spans="8:8">
      <c r="H608064" s="12"/>
    </row>
    <row r="608065" spans="8:8">
      <c r="H608065" s="12"/>
    </row>
    <row r="608066" spans="8:8">
      <c r="H608066" s="12"/>
    </row>
    <row r="608067" spans="8:8">
      <c r="H608067" s="12"/>
    </row>
    <row r="608068" spans="8:8">
      <c r="H608068" s="12"/>
    </row>
    <row r="608069" spans="8:8">
      <c r="H608069" s="12"/>
    </row>
    <row r="608070" spans="8:8">
      <c r="H608070" s="12"/>
    </row>
    <row r="608071" spans="8:8">
      <c r="H608071" s="12"/>
    </row>
    <row r="608072" spans="8:8">
      <c r="H608072" s="12"/>
    </row>
    <row r="608073" spans="8:8">
      <c r="H608073" s="12"/>
    </row>
    <row r="608074" spans="8:8">
      <c r="H608074" s="12"/>
    </row>
    <row r="608075" spans="8:8">
      <c r="H608075" s="12"/>
    </row>
    <row r="608076" spans="8:8">
      <c r="H608076" s="12"/>
    </row>
    <row r="608077" spans="8:8">
      <c r="H608077" s="12"/>
    </row>
    <row r="608078" spans="8:8">
      <c r="H608078" s="12"/>
    </row>
    <row r="608079" spans="8:8">
      <c r="H608079" s="12"/>
    </row>
    <row r="608080" spans="8:8">
      <c r="H608080" s="12"/>
    </row>
    <row r="608081" spans="8:8">
      <c r="H608081" s="12"/>
    </row>
    <row r="608082" spans="8:8">
      <c r="H608082" s="12"/>
    </row>
    <row r="608083" spans="8:8">
      <c r="H608083" s="12"/>
    </row>
    <row r="608084" spans="8:8">
      <c r="H608084" s="12"/>
    </row>
    <row r="608085" spans="8:8">
      <c r="H608085" s="12"/>
    </row>
    <row r="608086" spans="8:8">
      <c r="H608086" s="12"/>
    </row>
    <row r="608087" spans="8:8">
      <c r="H608087" s="12"/>
    </row>
    <row r="608088" spans="8:8">
      <c r="H608088" s="12"/>
    </row>
    <row r="608089" spans="8:8">
      <c r="H608089" s="12"/>
    </row>
    <row r="608090" spans="8:8">
      <c r="H608090" s="12"/>
    </row>
    <row r="608091" spans="8:8">
      <c r="H608091" s="12"/>
    </row>
    <row r="608092" spans="8:8">
      <c r="H608092" s="12"/>
    </row>
    <row r="608093" spans="8:8">
      <c r="H608093" s="12"/>
    </row>
    <row r="608094" spans="8:8">
      <c r="H608094" s="12"/>
    </row>
    <row r="608095" spans="8:8">
      <c r="H608095" s="12"/>
    </row>
    <row r="608096" spans="8:8">
      <c r="H608096" s="12"/>
    </row>
    <row r="608097" spans="8:8">
      <c r="H608097" s="12"/>
    </row>
    <row r="608098" spans="8:8">
      <c r="H608098" s="12"/>
    </row>
    <row r="608099" spans="8:8">
      <c r="H608099" s="12"/>
    </row>
    <row r="608100" spans="8:8">
      <c r="H608100" s="12"/>
    </row>
    <row r="608101" spans="8:8">
      <c r="H608101" s="12"/>
    </row>
    <row r="608102" spans="8:8">
      <c r="H608102" s="12"/>
    </row>
    <row r="608103" spans="8:8">
      <c r="H608103" s="12"/>
    </row>
    <row r="608104" spans="8:8">
      <c r="H608104" s="12"/>
    </row>
    <row r="608105" spans="8:8">
      <c r="H608105" s="12"/>
    </row>
    <row r="608106" spans="8:8">
      <c r="H608106" s="12"/>
    </row>
    <row r="608107" spans="8:8">
      <c r="H608107" s="12"/>
    </row>
    <row r="608108" spans="8:8">
      <c r="H608108" s="12"/>
    </row>
    <row r="608109" spans="8:8">
      <c r="H608109" s="12"/>
    </row>
    <row r="608110" spans="8:8">
      <c r="H608110" s="12"/>
    </row>
    <row r="608111" spans="8:8">
      <c r="H608111" s="12"/>
    </row>
    <row r="608112" spans="8:8">
      <c r="H608112" s="12"/>
    </row>
    <row r="608113" spans="8:8">
      <c r="H608113" s="12"/>
    </row>
    <row r="608114" spans="8:8">
      <c r="H608114" s="12"/>
    </row>
    <row r="608115" spans="8:8">
      <c r="H608115" s="12"/>
    </row>
    <row r="608116" spans="8:8">
      <c r="H608116" s="12"/>
    </row>
    <row r="608117" spans="8:8">
      <c r="H608117" s="12"/>
    </row>
    <row r="608118" spans="8:8">
      <c r="H608118" s="12"/>
    </row>
    <row r="608119" spans="8:8">
      <c r="H608119" s="12"/>
    </row>
    <row r="608120" spans="8:8">
      <c r="H608120" s="12"/>
    </row>
    <row r="608121" spans="8:8">
      <c r="H608121" s="12"/>
    </row>
    <row r="608122" spans="8:8">
      <c r="H608122" s="12"/>
    </row>
    <row r="608123" spans="8:8">
      <c r="H608123" s="12"/>
    </row>
    <row r="608124" spans="8:8">
      <c r="H608124" s="12"/>
    </row>
    <row r="608125" spans="8:8">
      <c r="H608125" s="12"/>
    </row>
    <row r="608126" spans="8:8">
      <c r="H608126" s="12"/>
    </row>
    <row r="608127" spans="8:8">
      <c r="H608127" s="12"/>
    </row>
    <row r="608128" spans="8:8">
      <c r="H608128" s="12"/>
    </row>
    <row r="608129" spans="8:8">
      <c r="H608129" s="12"/>
    </row>
    <row r="608130" spans="8:8">
      <c r="H608130" s="12"/>
    </row>
    <row r="608131" spans="8:8">
      <c r="H608131" s="12"/>
    </row>
    <row r="608132" spans="8:8">
      <c r="H608132" s="12"/>
    </row>
    <row r="608133" spans="8:8">
      <c r="H608133" s="12"/>
    </row>
    <row r="608134" spans="8:8">
      <c r="H608134" s="12"/>
    </row>
    <row r="608135" spans="8:8">
      <c r="H608135" s="12"/>
    </row>
    <row r="608136" spans="8:8">
      <c r="H608136" s="12"/>
    </row>
    <row r="608137" spans="8:8">
      <c r="H608137" s="12"/>
    </row>
    <row r="608138" spans="8:8">
      <c r="H608138" s="12"/>
    </row>
    <row r="608139" spans="8:8">
      <c r="H608139" s="12"/>
    </row>
    <row r="608140" spans="8:8">
      <c r="H608140" s="12"/>
    </row>
    <row r="608141" spans="8:8">
      <c r="H608141" s="12"/>
    </row>
    <row r="608142" spans="8:8">
      <c r="H608142" s="12"/>
    </row>
    <row r="608143" spans="8:8">
      <c r="H608143" s="12"/>
    </row>
    <row r="608144" spans="8:8">
      <c r="H608144" s="12"/>
    </row>
    <row r="608145" spans="8:8">
      <c r="H608145" s="12"/>
    </row>
    <row r="608146" spans="8:8">
      <c r="H608146" s="12"/>
    </row>
    <row r="608147" spans="8:8">
      <c r="H608147" s="12"/>
    </row>
    <row r="608148" spans="8:8">
      <c r="H608148" s="12"/>
    </row>
    <row r="608149" spans="8:8">
      <c r="H608149" s="12"/>
    </row>
    <row r="608150" spans="8:8">
      <c r="H608150" s="12"/>
    </row>
    <row r="608151" spans="8:8">
      <c r="H608151" s="12"/>
    </row>
    <row r="608152" spans="8:8">
      <c r="H608152" s="12"/>
    </row>
    <row r="608153" spans="8:8">
      <c r="H608153" s="12"/>
    </row>
    <row r="608154" spans="8:8">
      <c r="H608154" s="12"/>
    </row>
    <row r="608155" spans="8:8">
      <c r="H608155" s="12"/>
    </row>
    <row r="608156" spans="8:8">
      <c r="H608156" s="12"/>
    </row>
    <row r="608157" spans="8:8">
      <c r="H608157" s="12"/>
    </row>
    <row r="608158" spans="8:8">
      <c r="H608158" s="12"/>
    </row>
    <row r="608159" spans="8:8">
      <c r="H608159" s="12"/>
    </row>
    <row r="608160" spans="8:8">
      <c r="H608160" s="12"/>
    </row>
    <row r="608161" spans="8:8">
      <c r="H608161" s="12"/>
    </row>
    <row r="608162" spans="8:8">
      <c r="H608162" s="12"/>
    </row>
    <row r="608163" spans="8:8">
      <c r="H608163" s="12"/>
    </row>
    <row r="608164" spans="8:8">
      <c r="H608164" s="12"/>
    </row>
    <row r="608165" spans="8:8">
      <c r="H608165" s="12"/>
    </row>
    <row r="608166" spans="8:8">
      <c r="H608166" s="12"/>
    </row>
    <row r="608167" spans="8:8">
      <c r="H608167" s="12"/>
    </row>
    <row r="608168" spans="8:8">
      <c r="H608168" s="12"/>
    </row>
    <row r="608169" spans="8:8">
      <c r="H608169" s="12"/>
    </row>
    <row r="608170" spans="8:8">
      <c r="H608170" s="12"/>
    </row>
    <row r="608171" spans="8:8">
      <c r="H608171" s="12"/>
    </row>
    <row r="608172" spans="8:8">
      <c r="H608172" s="12"/>
    </row>
    <row r="608173" spans="8:8">
      <c r="H608173" s="12"/>
    </row>
    <row r="608174" spans="8:8">
      <c r="H608174" s="12"/>
    </row>
    <row r="608175" spans="8:8">
      <c r="H608175" s="12"/>
    </row>
    <row r="608176" spans="8:8">
      <c r="H608176" s="12"/>
    </row>
    <row r="608177" spans="8:8">
      <c r="H608177" s="12"/>
    </row>
    <row r="608178" spans="8:8">
      <c r="H608178" s="12"/>
    </row>
    <row r="608179" spans="8:8">
      <c r="H608179" s="12"/>
    </row>
    <row r="608180" spans="8:8">
      <c r="H608180" s="12"/>
    </row>
    <row r="608181" spans="8:8">
      <c r="H608181" s="12"/>
    </row>
    <row r="608182" spans="8:8">
      <c r="H608182" s="12"/>
    </row>
    <row r="608183" spans="8:8">
      <c r="H608183" s="12"/>
    </row>
    <row r="608184" spans="8:8">
      <c r="H608184" s="12"/>
    </row>
    <row r="608185" spans="8:8">
      <c r="H608185" s="12"/>
    </row>
    <row r="608186" spans="8:8">
      <c r="H608186" s="12"/>
    </row>
    <row r="608187" spans="8:8">
      <c r="H608187" s="12"/>
    </row>
    <row r="608188" spans="8:8">
      <c r="H608188" s="12"/>
    </row>
    <row r="608189" spans="8:8">
      <c r="H608189" s="12"/>
    </row>
    <row r="608190" spans="8:8">
      <c r="H608190" s="12"/>
    </row>
    <row r="608191" spans="8:8">
      <c r="H608191" s="12"/>
    </row>
    <row r="608192" spans="8:8">
      <c r="H608192" s="12"/>
    </row>
    <row r="608193" spans="8:8">
      <c r="H608193" s="12"/>
    </row>
    <row r="608194" spans="8:8">
      <c r="H608194" s="12"/>
    </row>
    <row r="608195" spans="8:8">
      <c r="H608195" s="12"/>
    </row>
    <row r="608196" spans="8:8">
      <c r="H608196" s="12"/>
    </row>
    <row r="608197" spans="8:8">
      <c r="H608197" s="12"/>
    </row>
    <row r="608198" spans="8:8">
      <c r="H608198" s="12"/>
    </row>
    <row r="608199" spans="8:8">
      <c r="H608199" s="12"/>
    </row>
    <row r="608200" spans="8:8">
      <c r="H608200" s="12"/>
    </row>
    <row r="608201" spans="8:8">
      <c r="H608201" s="12"/>
    </row>
    <row r="608202" spans="8:8">
      <c r="H608202" s="12"/>
    </row>
    <row r="608203" spans="8:8">
      <c r="H608203" s="12"/>
    </row>
    <row r="608204" spans="8:8">
      <c r="H608204" s="12"/>
    </row>
    <row r="608205" spans="8:8">
      <c r="H608205" s="12"/>
    </row>
    <row r="608206" spans="8:8">
      <c r="H608206" s="12"/>
    </row>
    <row r="608207" spans="8:8">
      <c r="H608207" s="12"/>
    </row>
    <row r="608208" spans="8:8">
      <c r="H608208" s="12"/>
    </row>
    <row r="608209" spans="8:8">
      <c r="H608209" s="12"/>
    </row>
    <row r="608210" spans="8:8">
      <c r="H608210" s="12"/>
    </row>
    <row r="608211" spans="8:8">
      <c r="H608211" s="12"/>
    </row>
    <row r="608212" spans="8:8">
      <c r="H608212" s="12"/>
    </row>
    <row r="608213" spans="8:8">
      <c r="H608213" s="12"/>
    </row>
    <row r="608214" spans="8:8">
      <c r="H608214" s="12"/>
    </row>
    <row r="608215" spans="8:8">
      <c r="H608215" s="12"/>
    </row>
    <row r="608216" spans="8:8">
      <c r="H608216" s="12"/>
    </row>
    <row r="608217" spans="8:8">
      <c r="H608217" s="12"/>
    </row>
    <row r="608218" spans="8:8">
      <c r="H608218" s="12"/>
    </row>
    <row r="608219" spans="8:8">
      <c r="H608219" s="12"/>
    </row>
    <row r="608220" spans="8:8">
      <c r="H608220" s="12"/>
    </row>
    <row r="608221" spans="8:8">
      <c r="H608221" s="12"/>
    </row>
    <row r="608222" spans="8:8">
      <c r="H608222" s="12"/>
    </row>
    <row r="608223" spans="8:8">
      <c r="H608223" s="12"/>
    </row>
    <row r="608224" spans="8:8">
      <c r="H608224" s="12"/>
    </row>
    <row r="608225" spans="8:8">
      <c r="H608225" s="12"/>
    </row>
    <row r="608226" spans="8:8">
      <c r="H608226" s="12"/>
    </row>
    <row r="608227" spans="8:8">
      <c r="H608227" s="12"/>
    </row>
    <row r="608228" spans="8:8">
      <c r="H608228" s="12"/>
    </row>
    <row r="608229" spans="8:8">
      <c r="H608229" s="12"/>
    </row>
    <row r="608230" spans="8:8">
      <c r="H608230" s="12"/>
    </row>
    <row r="608231" spans="8:8">
      <c r="H608231" s="12"/>
    </row>
    <row r="608232" spans="8:8">
      <c r="H608232" s="12"/>
    </row>
    <row r="608233" spans="8:8">
      <c r="H608233" s="12"/>
    </row>
    <row r="608234" spans="8:8">
      <c r="H608234" s="12"/>
    </row>
    <row r="608235" spans="8:8">
      <c r="H608235" s="12"/>
    </row>
    <row r="608236" spans="8:8">
      <c r="H608236" s="12"/>
    </row>
    <row r="608237" spans="8:8">
      <c r="H608237" s="12"/>
    </row>
    <row r="608238" spans="8:8">
      <c r="H608238" s="12"/>
    </row>
    <row r="608239" spans="8:8">
      <c r="H608239" s="12"/>
    </row>
    <row r="608240" spans="8:8">
      <c r="H608240" s="12"/>
    </row>
    <row r="608241" spans="8:8">
      <c r="H608241" s="12"/>
    </row>
    <row r="608242" spans="8:8">
      <c r="H608242" s="12"/>
    </row>
    <row r="608243" spans="8:8">
      <c r="H608243" s="12"/>
    </row>
    <row r="608244" spans="8:8">
      <c r="H608244" s="12"/>
    </row>
    <row r="608245" spans="8:8">
      <c r="H608245" s="12"/>
    </row>
    <row r="608246" spans="8:8">
      <c r="H608246" s="12"/>
    </row>
    <row r="608247" spans="8:8">
      <c r="H608247" s="12"/>
    </row>
    <row r="608248" spans="8:8">
      <c r="H608248" s="12"/>
    </row>
    <row r="608249" spans="8:8">
      <c r="H608249" s="12"/>
    </row>
    <row r="608250" spans="8:8">
      <c r="H608250" s="12"/>
    </row>
    <row r="608251" spans="8:8">
      <c r="H608251" s="12"/>
    </row>
    <row r="608252" spans="8:8">
      <c r="H608252" s="12"/>
    </row>
    <row r="608253" spans="8:8">
      <c r="H608253" s="12"/>
    </row>
    <row r="608254" spans="8:8">
      <c r="H608254" s="12"/>
    </row>
    <row r="608255" spans="8:8">
      <c r="H608255" s="12"/>
    </row>
    <row r="608256" spans="8:8">
      <c r="H608256" s="12"/>
    </row>
    <row r="608257" spans="8:8">
      <c r="H608257" s="12"/>
    </row>
    <row r="608258" spans="8:8">
      <c r="H608258" s="12"/>
    </row>
    <row r="608259" spans="8:8">
      <c r="H608259" s="12"/>
    </row>
    <row r="608260" spans="8:8">
      <c r="H608260" s="12"/>
    </row>
    <row r="608261" spans="8:8">
      <c r="H608261" s="12"/>
    </row>
    <row r="608262" spans="8:8">
      <c r="H608262" s="12"/>
    </row>
    <row r="608263" spans="8:8">
      <c r="H608263" s="12"/>
    </row>
    <row r="608264" spans="8:8">
      <c r="H608264" s="12"/>
    </row>
    <row r="608265" spans="8:8">
      <c r="H608265" s="12"/>
    </row>
    <row r="608266" spans="8:8">
      <c r="H608266" s="12"/>
    </row>
    <row r="608267" spans="8:8">
      <c r="H608267" s="12"/>
    </row>
    <row r="608268" spans="8:8">
      <c r="H608268" s="12"/>
    </row>
    <row r="608269" spans="8:8">
      <c r="H608269" s="12"/>
    </row>
    <row r="608270" spans="8:8">
      <c r="H608270" s="12"/>
    </row>
    <row r="608271" spans="8:8">
      <c r="H608271" s="12"/>
    </row>
    <row r="608272" spans="8:8">
      <c r="H608272" s="12"/>
    </row>
    <row r="608273" spans="8:8">
      <c r="H608273" s="12"/>
    </row>
    <row r="608274" spans="8:8">
      <c r="H608274" s="12"/>
    </row>
    <row r="608275" spans="8:8">
      <c r="H608275" s="12"/>
    </row>
    <row r="608276" spans="8:8">
      <c r="H608276" s="12"/>
    </row>
    <row r="608277" spans="8:8">
      <c r="H608277" s="12"/>
    </row>
    <row r="608278" spans="8:8">
      <c r="H608278" s="12"/>
    </row>
    <row r="608279" spans="8:8">
      <c r="H608279" s="12"/>
    </row>
    <row r="608280" spans="8:8">
      <c r="H608280" s="12"/>
    </row>
    <row r="608281" spans="8:8">
      <c r="H608281" s="12"/>
    </row>
    <row r="608282" spans="8:8">
      <c r="H608282" s="12"/>
    </row>
    <row r="608283" spans="8:8">
      <c r="H608283" s="12"/>
    </row>
    <row r="608284" spans="8:8">
      <c r="H608284" s="12"/>
    </row>
    <row r="608285" spans="8:8">
      <c r="H608285" s="12"/>
    </row>
    <row r="608286" spans="8:8">
      <c r="H608286" s="12"/>
    </row>
    <row r="608287" spans="8:8">
      <c r="H608287" s="12"/>
    </row>
    <row r="608288" spans="8:8">
      <c r="H608288" s="12"/>
    </row>
    <row r="608289" spans="8:8">
      <c r="H608289" s="12"/>
    </row>
    <row r="608290" spans="8:8">
      <c r="H608290" s="12"/>
    </row>
    <row r="608291" spans="8:8">
      <c r="H608291" s="12"/>
    </row>
    <row r="608292" spans="8:8">
      <c r="H608292" s="12"/>
    </row>
    <row r="608293" spans="8:8">
      <c r="H608293" s="12"/>
    </row>
    <row r="608294" spans="8:8">
      <c r="H608294" s="12"/>
    </row>
    <row r="608295" spans="8:8">
      <c r="H608295" s="12"/>
    </row>
    <row r="608296" spans="8:8">
      <c r="H608296" s="12"/>
    </row>
    <row r="608297" spans="8:8">
      <c r="H608297" s="12"/>
    </row>
    <row r="608298" spans="8:8">
      <c r="H608298" s="12"/>
    </row>
    <row r="608299" spans="8:8">
      <c r="H608299" s="12"/>
    </row>
    <row r="608300" spans="8:8">
      <c r="H608300" s="12"/>
    </row>
    <row r="608301" spans="8:8">
      <c r="H608301" s="12"/>
    </row>
    <row r="608302" spans="8:8">
      <c r="H608302" s="12"/>
    </row>
    <row r="608303" spans="8:8">
      <c r="H608303" s="12"/>
    </row>
    <row r="608304" spans="8:8">
      <c r="H608304" s="12"/>
    </row>
    <row r="608305" spans="8:8">
      <c r="H608305" s="12"/>
    </row>
    <row r="608306" spans="8:8">
      <c r="H608306" s="12"/>
    </row>
    <row r="608307" spans="8:8">
      <c r="H608307" s="12"/>
    </row>
    <row r="608308" spans="8:8">
      <c r="H608308" s="12"/>
    </row>
    <row r="608309" spans="8:8">
      <c r="H608309" s="12"/>
    </row>
    <row r="608310" spans="8:8">
      <c r="H608310" s="12"/>
    </row>
    <row r="608311" spans="8:8">
      <c r="H608311" s="12"/>
    </row>
    <row r="608312" spans="8:8">
      <c r="H608312" s="12"/>
    </row>
    <row r="608313" spans="8:8">
      <c r="H608313" s="12"/>
    </row>
    <row r="608314" spans="8:8">
      <c r="H608314" s="12"/>
    </row>
    <row r="608315" spans="8:8">
      <c r="H608315" s="12"/>
    </row>
    <row r="608316" spans="8:8">
      <c r="H608316" s="12"/>
    </row>
    <row r="608317" spans="8:8">
      <c r="H608317" s="12"/>
    </row>
    <row r="608318" spans="8:8">
      <c r="H608318" s="12"/>
    </row>
    <row r="608319" spans="8:8">
      <c r="H608319" s="12"/>
    </row>
    <row r="608320" spans="8:8">
      <c r="H608320" s="12"/>
    </row>
    <row r="608321" spans="8:8">
      <c r="H608321" s="12"/>
    </row>
    <row r="608322" spans="8:8">
      <c r="H608322" s="12"/>
    </row>
    <row r="608323" spans="8:8">
      <c r="H608323" s="12"/>
    </row>
    <row r="608324" spans="8:8">
      <c r="H608324" s="12"/>
    </row>
    <row r="608325" spans="8:8">
      <c r="H608325" s="12"/>
    </row>
    <row r="608326" spans="8:8">
      <c r="H608326" s="12"/>
    </row>
    <row r="608327" spans="8:8">
      <c r="H608327" s="12"/>
    </row>
    <row r="608328" spans="8:8">
      <c r="H608328" s="12"/>
    </row>
    <row r="608329" spans="8:8">
      <c r="H608329" s="12"/>
    </row>
    <row r="608330" spans="8:8">
      <c r="H608330" s="12"/>
    </row>
    <row r="608331" spans="8:8">
      <c r="H608331" s="12"/>
    </row>
    <row r="608332" spans="8:8">
      <c r="H608332" s="12"/>
    </row>
    <row r="608333" spans="8:8">
      <c r="H608333" s="12"/>
    </row>
    <row r="608334" spans="8:8">
      <c r="H608334" s="12"/>
    </row>
    <row r="608335" spans="8:8">
      <c r="H608335" s="12"/>
    </row>
    <row r="608336" spans="8:8">
      <c r="H608336" s="12"/>
    </row>
    <row r="608337" spans="8:8">
      <c r="H608337" s="12"/>
    </row>
    <row r="608338" spans="8:8">
      <c r="H608338" s="12"/>
    </row>
    <row r="608339" spans="8:8">
      <c r="H608339" s="12"/>
    </row>
    <row r="608340" spans="8:8">
      <c r="H608340" s="12"/>
    </row>
    <row r="608341" spans="8:8">
      <c r="H608341" s="12"/>
    </row>
    <row r="608342" spans="8:8">
      <c r="H608342" s="12"/>
    </row>
    <row r="608343" spans="8:8">
      <c r="H608343" s="12"/>
    </row>
    <row r="608344" spans="8:8">
      <c r="H608344" s="12"/>
    </row>
    <row r="608345" spans="8:8">
      <c r="H608345" s="12"/>
    </row>
    <row r="608346" spans="8:8">
      <c r="H608346" s="12"/>
    </row>
    <row r="608347" spans="8:8">
      <c r="H608347" s="12"/>
    </row>
    <row r="608348" spans="8:8">
      <c r="H608348" s="12"/>
    </row>
    <row r="608349" spans="8:8">
      <c r="H608349" s="12"/>
    </row>
    <row r="608350" spans="8:8">
      <c r="H608350" s="12"/>
    </row>
    <row r="608351" spans="8:8">
      <c r="H608351" s="12"/>
    </row>
    <row r="608352" spans="8:8">
      <c r="H608352" s="12"/>
    </row>
    <row r="608353" spans="8:8">
      <c r="H608353" s="12"/>
    </row>
    <row r="608354" spans="8:8">
      <c r="H608354" s="12"/>
    </row>
    <row r="608355" spans="8:8">
      <c r="H608355" s="12"/>
    </row>
    <row r="608356" spans="8:8">
      <c r="H608356" s="12"/>
    </row>
    <row r="608357" spans="8:8">
      <c r="H608357" s="12"/>
    </row>
    <row r="608358" spans="8:8">
      <c r="H608358" s="12"/>
    </row>
    <row r="608359" spans="8:8">
      <c r="H608359" s="12"/>
    </row>
    <row r="608360" spans="8:8">
      <c r="H608360" s="12"/>
    </row>
    <row r="608361" spans="8:8">
      <c r="H608361" s="12"/>
    </row>
    <row r="608362" spans="8:8">
      <c r="H608362" s="12"/>
    </row>
    <row r="608363" spans="8:8">
      <c r="H608363" s="12"/>
    </row>
    <row r="608364" spans="8:8">
      <c r="H608364" s="12"/>
    </row>
    <row r="608365" spans="8:8">
      <c r="H608365" s="12"/>
    </row>
    <row r="608366" spans="8:8">
      <c r="H608366" s="12"/>
    </row>
    <row r="608367" spans="8:8">
      <c r="H608367" s="12"/>
    </row>
    <row r="608368" spans="8:8">
      <c r="H608368" s="12"/>
    </row>
    <row r="608369" spans="8:8">
      <c r="H608369" s="12"/>
    </row>
    <row r="608370" spans="8:8">
      <c r="H608370" s="12"/>
    </row>
    <row r="608371" spans="8:8">
      <c r="H608371" s="12"/>
    </row>
    <row r="608372" spans="8:8">
      <c r="H608372" s="12"/>
    </row>
    <row r="608373" spans="8:8">
      <c r="H608373" s="12"/>
    </row>
    <row r="608374" spans="8:8">
      <c r="H608374" s="12"/>
    </row>
    <row r="608375" spans="8:8">
      <c r="H608375" s="12"/>
    </row>
    <row r="608376" spans="8:8">
      <c r="H608376" s="12"/>
    </row>
    <row r="608377" spans="8:8">
      <c r="H608377" s="12"/>
    </row>
    <row r="608378" spans="8:8">
      <c r="H608378" s="12"/>
    </row>
    <row r="608379" spans="8:8">
      <c r="H608379" s="12"/>
    </row>
    <row r="608380" spans="8:8">
      <c r="H608380" s="12"/>
    </row>
    <row r="608381" spans="8:8">
      <c r="H608381" s="12"/>
    </row>
    <row r="608382" spans="8:8">
      <c r="H608382" s="12"/>
    </row>
    <row r="608383" spans="8:8">
      <c r="H608383" s="12"/>
    </row>
    <row r="608384" spans="8:8">
      <c r="H608384" s="12"/>
    </row>
    <row r="608385" spans="8:8">
      <c r="H608385" s="12"/>
    </row>
    <row r="608386" spans="8:8">
      <c r="H608386" s="12"/>
    </row>
    <row r="608387" spans="8:8">
      <c r="H608387" s="12"/>
    </row>
    <row r="608388" spans="8:8">
      <c r="H608388" s="12"/>
    </row>
    <row r="608389" spans="8:8">
      <c r="H608389" s="12"/>
    </row>
    <row r="608390" spans="8:8">
      <c r="H608390" s="12"/>
    </row>
    <row r="608391" spans="8:8">
      <c r="H608391" s="12"/>
    </row>
    <row r="608392" spans="8:8">
      <c r="H608392" s="12"/>
    </row>
    <row r="608393" spans="8:8">
      <c r="H608393" s="12"/>
    </row>
    <row r="608394" spans="8:8">
      <c r="H608394" s="12"/>
    </row>
    <row r="608395" spans="8:8">
      <c r="H608395" s="12"/>
    </row>
    <row r="608396" spans="8:8">
      <c r="H608396" s="12"/>
    </row>
    <row r="608397" spans="8:8">
      <c r="H608397" s="12"/>
    </row>
    <row r="608398" spans="8:8">
      <c r="H608398" s="12"/>
    </row>
    <row r="608399" spans="8:8">
      <c r="H608399" s="12"/>
    </row>
    <row r="608400" spans="8:8">
      <c r="H608400" s="12"/>
    </row>
    <row r="608401" spans="8:8">
      <c r="H608401" s="12"/>
    </row>
    <row r="608402" spans="8:8">
      <c r="H608402" s="12"/>
    </row>
    <row r="608403" spans="8:8">
      <c r="H608403" s="12"/>
    </row>
    <row r="608404" spans="8:8">
      <c r="H608404" s="12"/>
    </row>
    <row r="608405" spans="8:8">
      <c r="H608405" s="12"/>
    </row>
    <row r="608406" spans="8:8">
      <c r="H608406" s="12"/>
    </row>
    <row r="608407" spans="8:8">
      <c r="H608407" s="12"/>
    </row>
    <row r="608408" spans="8:8">
      <c r="H608408" s="12"/>
    </row>
    <row r="608409" spans="8:8">
      <c r="H608409" s="12"/>
    </row>
    <row r="608410" spans="8:8">
      <c r="H608410" s="12"/>
    </row>
    <row r="608411" spans="8:8">
      <c r="H608411" s="12"/>
    </row>
    <row r="608412" spans="8:8">
      <c r="H608412" s="12"/>
    </row>
    <row r="608413" spans="8:8">
      <c r="H608413" s="12"/>
    </row>
    <row r="608414" spans="8:8">
      <c r="H608414" s="12"/>
    </row>
    <row r="608415" spans="8:8">
      <c r="H608415" s="12"/>
    </row>
    <row r="608416" spans="8:8">
      <c r="H608416" s="12"/>
    </row>
    <row r="608417" spans="8:8">
      <c r="H608417" s="12"/>
    </row>
    <row r="608418" spans="8:8">
      <c r="H608418" s="12"/>
    </row>
    <row r="608419" spans="8:8">
      <c r="H608419" s="12"/>
    </row>
    <row r="608420" spans="8:8">
      <c r="H608420" s="12"/>
    </row>
    <row r="608421" spans="8:8">
      <c r="H608421" s="12"/>
    </row>
    <row r="608422" spans="8:8">
      <c r="H608422" s="12"/>
    </row>
    <row r="608423" spans="8:8">
      <c r="H608423" s="12"/>
    </row>
    <row r="608424" spans="8:8">
      <c r="H608424" s="12"/>
    </row>
    <row r="608425" spans="8:8">
      <c r="H608425" s="12"/>
    </row>
    <row r="608426" spans="8:8">
      <c r="H608426" s="12"/>
    </row>
    <row r="608427" spans="8:8">
      <c r="H608427" s="12"/>
    </row>
    <row r="608428" spans="8:8">
      <c r="H608428" s="12"/>
    </row>
    <row r="608429" spans="8:8">
      <c r="H608429" s="12"/>
    </row>
    <row r="608430" spans="8:8">
      <c r="H608430" s="12"/>
    </row>
    <row r="608431" spans="8:8">
      <c r="H608431" s="12"/>
    </row>
    <row r="608432" spans="8:8">
      <c r="H608432" s="12"/>
    </row>
    <row r="608433" spans="8:8">
      <c r="H608433" s="12"/>
    </row>
    <row r="608434" spans="8:8">
      <c r="H608434" s="12"/>
    </row>
    <row r="608435" spans="8:8">
      <c r="H608435" s="12"/>
    </row>
    <row r="608436" spans="8:8">
      <c r="H608436" s="12"/>
    </row>
    <row r="608437" spans="8:8">
      <c r="H608437" s="12"/>
    </row>
    <row r="608438" spans="8:8">
      <c r="H608438" s="12"/>
    </row>
    <row r="608439" spans="8:8">
      <c r="H608439" s="12"/>
    </row>
    <row r="608440" spans="8:8">
      <c r="H608440" s="12"/>
    </row>
    <row r="608441" spans="8:8">
      <c r="H608441" s="12"/>
    </row>
    <row r="608442" spans="8:8">
      <c r="H608442" s="12"/>
    </row>
    <row r="608443" spans="8:8">
      <c r="H608443" s="12"/>
    </row>
    <row r="608444" spans="8:8">
      <c r="H608444" s="12"/>
    </row>
    <row r="608445" spans="8:8">
      <c r="H608445" s="12"/>
    </row>
    <row r="608446" spans="8:8">
      <c r="H608446" s="12"/>
    </row>
    <row r="608447" spans="8:8">
      <c r="H608447" s="12"/>
    </row>
    <row r="608448" spans="8:8">
      <c r="H608448" s="12"/>
    </row>
    <row r="608449" spans="8:8">
      <c r="H608449" s="12"/>
    </row>
    <row r="608450" spans="8:8">
      <c r="H608450" s="12"/>
    </row>
    <row r="608451" spans="8:8">
      <c r="H608451" s="12"/>
    </row>
    <row r="608452" spans="8:8">
      <c r="H608452" s="12"/>
    </row>
    <row r="608453" spans="8:8">
      <c r="H608453" s="12"/>
    </row>
    <row r="608454" spans="8:8">
      <c r="H608454" s="12"/>
    </row>
    <row r="608455" spans="8:8">
      <c r="H608455" s="12"/>
    </row>
    <row r="608456" spans="8:8">
      <c r="H608456" s="12"/>
    </row>
    <row r="608457" spans="8:8">
      <c r="H608457" s="12"/>
    </row>
    <row r="608458" spans="8:8">
      <c r="H608458" s="12"/>
    </row>
    <row r="608459" spans="8:8">
      <c r="H608459" s="12"/>
    </row>
    <row r="608460" spans="8:8">
      <c r="H608460" s="12"/>
    </row>
    <row r="608461" spans="8:8">
      <c r="H608461" s="12"/>
    </row>
    <row r="608462" spans="8:8">
      <c r="H608462" s="12"/>
    </row>
    <row r="608463" spans="8:8">
      <c r="H608463" s="12"/>
    </row>
    <row r="608464" spans="8:8">
      <c r="H608464" s="12"/>
    </row>
    <row r="608465" spans="8:8">
      <c r="H608465" s="12"/>
    </row>
    <row r="608466" spans="8:8">
      <c r="H608466" s="12"/>
    </row>
    <row r="608467" spans="8:8">
      <c r="H608467" s="12"/>
    </row>
    <row r="608468" spans="8:8">
      <c r="H608468" s="12"/>
    </row>
    <row r="608469" spans="8:8">
      <c r="H608469" s="12"/>
    </row>
    <row r="608470" spans="8:8">
      <c r="H608470" s="12"/>
    </row>
    <row r="608471" spans="8:8">
      <c r="H608471" s="12"/>
    </row>
    <row r="608472" spans="8:8">
      <c r="H608472" s="12"/>
    </row>
    <row r="608473" spans="8:8">
      <c r="H608473" s="12"/>
    </row>
    <row r="608474" spans="8:8">
      <c r="H608474" s="12"/>
    </row>
    <row r="608475" spans="8:8">
      <c r="H608475" s="12"/>
    </row>
    <row r="608476" spans="8:8">
      <c r="H608476" s="12"/>
    </row>
    <row r="608477" spans="8:8">
      <c r="H608477" s="12"/>
    </row>
    <row r="608478" spans="8:8">
      <c r="H608478" s="12"/>
    </row>
    <row r="608479" spans="8:8">
      <c r="H608479" s="12"/>
    </row>
    <row r="608480" spans="8:8">
      <c r="H608480" s="12"/>
    </row>
    <row r="608481" spans="8:8">
      <c r="H608481" s="12"/>
    </row>
    <row r="608482" spans="8:8">
      <c r="H608482" s="12"/>
    </row>
    <row r="608483" spans="8:8">
      <c r="H608483" s="12"/>
    </row>
    <row r="608484" spans="8:8">
      <c r="H608484" s="12"/>
    </row>
    <row r="608485" spans="8:8">
      <c r="H608485" s="12"/>
    </row>
    <row r="608486" spans="8:8">
      <c r="H608486" s="12"/>
    </row>
    <row r="608487" spans="8:8">
      <c r="H608487" s="12"/>
    </row>
    <row r="608488" spans="8:8">
      <c r="H608488" s="12"/>
    </row>
    <row r="608489" spans="8:8">
      <c r="H608489" s="12"/>
    </row>
    <row r="608490" spans="8:8">
      <c r="H608490" s="12"/>
    </row>
    <row r="608491" spans="8:8">
      <c r="H608491" s="12"/>
    </row>
    <row r="608492" spans="8:8">
      <c r="H608492" s="12"/>
    </row>
    <row r="608493" spans="8:8">
      <c r="H608493" s="12"/>
    </row>
    <row r="608494" spans="8:8">
      <c r="H608494" s="12"/>
    </row>
    <row r="608495" spans="8:8">
      <c r="H608495" s="12"/>
    </row>
    <row r="608496" spans="8:8">
      <c r="H608496" s="12"/>
    </row>
    <row r="608497" spans="8:8">
      <c r="H608497" s="12"/>
    </row>
    <row r="608498" spans="8:8">
      <c r="H608498" s="12"/>
    </row>
    <row r="608499" spans="8:8">
      <c r="H608499" s="12"/>
    </row>
    <row r="608500" spans="8:8">
      <c r="H608500" s="12"/>
    </row>
    <row r="608501" spans="8:8">
      <c r="H608501" s="12"/>
    </row>
    <row r="608502" spans="8:8">
      <c r="H608502" s="12"/>
    </row>
    <row r="608503" spans="8:8">
      <c r="H608503" s="12"/>
    </row>
    <row r="608504" spans="8:8">
      <c r="H608504" s="12"/>
    </row>
    <row r="608505" spans="8:8">
      <c r="H608505" s="12"/>
    </row>
    <row r="608506" spans="8:8">
      <c r="H608506" s="12"/>
    </row>
    <row r="608507" spans="8:8">
      <c r="H608507" s="12"/>
    </row>
    <row r="608508" spans="8:8">
      <c r="H608508" s="12"/>
    </row>
    <row r="608509" spans="8:8">
      <c r="H608509" s="12"/>
    </row>
    <row r="608510" spans="8:8">
      <c r="H608510" s="12"/>
    </row>
    <row r="608511" spans="8:8">
      <c r="H608511" s="12"/>
    </row>
    <row r="608512" spans="8:8">
      <c r="H608512" s="12"/>
    </row>
    <row r="608513" spans="8:8">
      <c r="H608513" s="12"/>
    </row>
    <row r="608514" spans="8:8">
      <c r="H608514" s="12"/>
    </row>
    <row r="608515" spans="8:8">
      <c r="H608515" s="12"/>
    </row>
    <row r="608516" spans="8:8">
      <c r="H608516" s="12"/>
    </row>
    <row r="608517" spans="8:8">
      <c r="H608517" s="12"/>
    </row>
    <row r="608518" spans="8:8">
      <c r="H608518" s="12"/>
    </row>
    <row r="608519" spans="8:8">
      <c r="H608519" s="12"/>
    </row>
    <row r="608520" spans="8:8">
      <c r="H608520" s="12"/>
    </row>
    <row r="608521" spans="8:8">
      <c r="H608521" s="12"/>
    </row>
    <row r="608522" spans="8:8">
      <c r="H608522" s="12"/>
    </row>
    <row r="608523" spans="8:8">
      <c r="H608523" s="12"/>
    </row>
    <row r="608524" spans="8:8">
      <c r="H608524" s="12"/>
    </row>
    <row r="608525" spans="8:8">
      <c r="H608525" s="12"/>
    </row>
    <row r="608526" spans="8:8">
      <c r="H608526" s="12"/>
    </row>
    <row r="608527" spans="8:8">
      <c r="H608527" s="12"/>
    </row>
    <row r="608528" spans="8:8">
      <c r="H608528" s="12"/>
    </row>
    <row r="608529" spans="8:8">
      <c r="H608529" s="12"/>
    </row>
    <row r="608530" spans="8:8">
      <c r="H608530" s="12"/>
    </row>
    <row r="608531" spans="8:8">
      <c r="H608531" s="12"/>
    </row>
    <row r="608532" spans="8:8">
      <c r="H608532" s="12"/>
    </row>
    <row r="608533" spans="8:8">
      <c r="H608533" s="12"/>
    </row>
    <row r="608534" spans="8:8">
      <c r="H608534" s="12"/>
    </row>
    <row r="608535" spans="8:8">
      <c r="H608535" s="12"/>
    </row>
    <row r="608536" spans="8:8">
      <c r="H608536" s="12"/>
    </row>
    <row r="608537" spans="8:8">
      <c r="H608537" s="12"/>
    </row>
    <row r="608538" spans="8:8">
      <c r="H608538" s="12"/>
    </row>
    <row r="608539" spans="8:8">
      <c r="H608539" s="12"/>
    </row>
    <row r="608540" spans="8:8">
      <c r="H608540" s="12"/>
    </row>
    <row r="608541" spans="8:8">
      <c r="H608541" s="12"/>
    </row>
    <row r="608542" spans="8:8">
      <c r="H608542" s="12"/>
    </row>
    <row r="608543" spans="8:8">
      <c r="H608543" s="12"/>
    </row>
    <row r="608544" spans="8:8">
      <c r="H608544" s="12"/>
    </row>
    <row r="608545" spans="8:8">
      <c r="H608545" s="12"/>
    </row>
    <row r="608546" spans="8:8">
      <c r="H608546" s="12"/>
    </row>
    <row r="608547" spans="8:8">
      <c r="H608547" s="12"/>
    </row>
    <row r="608548" spans="8:8">
      <c r="H608548" s="12"/>
    </row>
    <row r="608549" spans="8:8">
      <c r="H608549" s="12"/>
    </row>
    <row r="608550" spans="8:8">
      <c r="H608550" s="12"/>
    </row>
    <row r="608551" spans="8:8">
      <c r="H608551" s="12"/>
    </row>
    <row r="608552" spans="8:8">
      <c r="H608552" s="12"/>
    </row>
    <row r="608553" spans="8:8">
      <c r="H608553" s="12"/>
    </row>
    <row r="608554" spans="8:8">
      <c r="H608554" s="12"/>
    </row>
    <row r="608555" spans="8:8">
      <c r="H608555" s="12"/>
    </row>
    <row r="608556" spans="8:8">
      <c r="H608556" s="12"/>
    </row>
    <row r="608557" spans="8:8">
      <c r="H608557" s="12"/>
    </row>
    <row r="608558" spans="8:8">
      <c r="H608558" s="12"/>
    </row>
    <row r="608559" spans="8:8">
      <c r="H608559" s="12"/>
    </row>
    <row r="608560" spans="8:8">
      <c r="H608560" s="12"/>
    </row>
    <row r="608561" spans="8:8">
      <c r="H608561" s="12"/>
    </row>
    <row r="608562" spans="8:8">
      <c r="H608562" s="12"/>
    </row>
    <row r="608563" spans="8:8">
      <c r="H608563" s="12"/>
    </row>
    <row r="608564" spans="8:8">
      <c r="H608564" s="12"/>
    </row>
    <row r="608565" spans="8:8">
      <c r="H608565" s="12"/>
    </row>
    <row r="608566" spans="8:8">
      <c r="H608566" s="12"/>
    </row>
    <row r="608567" spans="8:8">
      <c r="H608567" s="12"/>
    </row>
    <row r="608568" spans="8:8">
      <c r="H608568" s="12"/>
    </row>
    <row r="608569" spans="8:8">
      <c r="H608569" s="12"/>
    </row>
    <row r="608570" spans="8:8">
      <c r="H608570" s="12"/>
    </row>
    <row r="608571" spans="8:8">
      <c r="H608571" s="12"/>
    </row>
    <row r="608572" spans="8:8">
      <c r="H608572" s="12"/>
    </row>
    <row r="608573" spans="8:8">
      <c r="H608573" s="12"/>
    </row>
    <row r="608574" spans="8:8">
      <c r="H608574" s="12"/>
    </row>
    <row r="608575" spans="8:8">
      <c r="H608575" s="12"/>
    </row>
    <row r="608576" spans="8:8">
      <c r="H608576" s="12"/>
    </row>
    <row r="608577" spans="8:8">
      <c r="H608577" s="12"/>
    </row>
    <row r="608578" spans="8:8">
      <c r="H608578" s="12"/>
    </row>
    <row r="608579" spans="8:8">
      <c r="H608579" s="12"/>
    </row>
    <row r="608580" spans="8:8">
      <c r="H608580" s="12"/>
    </row>
    <row r="608581" spans="8:8">
      <c r="H608581" s="12"/>
    </row>
    <row r="608582" spans="8:8">
      <c r="H608582" s="12"/>
    </row>
    <row r="608583" spans="8:8">
      <c r="H608583" s="12"/>
    </row>
    <row r="608584" spans="8:8">
      <c r="H608584" s="12"/>
    </row>
    <row r="608585" spans="8:8">
      <c r="H608585" s="12"/>
    </row>
    <row r="608586" spans="8:8">
      <c r="H608586" s="12"/>
    </row>
    <row r="608587" spans="8:8">
      <c r="H608587" s="12"/>
    </row>
    <row r="608588" spans="8:8">
      <c r="H608588" s="12"/>
    </row>
    <row r="608589" spans="8:8">
      <c r="H608589" s="12"/>
    </row>
    <row r="608590" spans="8:8">
      <c r="H608590" s="12"/>
    </row>
    <row r="608591" spans="8:8">
      <c r="H608591" s="12"/>
    </row>
    <row r="608592" spans="8:8">
      <c r="H608592" s="12"/>
    </row>
    <row r="608593" spans="8:8">
      <c r="H608593" s="12"/>
    </row>
    <row r="608594" spans="8:8">
      <c r="H608594" s="12"/>
    </row>
    <row r="608595" spans="8:8">
      <c r="H608595" s="12"/>
    </row>
    <row r="608596" spans="8:8">
      <c r="H608596" s="12"/>
    </row>
    <row r="608597" spans="8:8">
      <c r="H608597" s="12"/>
    </row>
    <row r="608598" spans="8:8">
      <c r="H608598" s="12"/>
    </row>
    <row r="608599" spans="8:8">
      <c r="H608599" s="12"/>
    </row>
    <row r="608600" spans="8:8">
      <c r="H608600" s="12"/>
    </row>
    <row r="608601" spans="8:8">
      <c r="H608601" s="12"/>
    </row>
    <row r="608602" spans="8:8">
      <c r="H608602" s="12"/>
    </row>
    <row r="608603" spans="8:8">
      <c r="H608603" s="12"/>
    </row>
    <row r="608604" spans="8:8">
      <c r="H608604" s="12"/>
    </row>
    <row r="608605" spans="8:8">
      <c r="H608605" s="12"/>
    </row>
    <row r="608606" spans="8:8">
      <c r="H608606" s="12"/>
    </row>
    <row r="608607" spans="8:8">
      <c r="H608607" s="12"/>
    </row>
    <row r="608608" spans="8:8">
      <c r="H608608" s="12"/>
    </row>
    <row r="608609" spans="8:8">
      <c r="H608609" s="12"/>
    </row>
    <row r="608610" spans="8:8">
      <c r="H608610" s="12"/>
    </row>
    <row r="608611" spans="8:8">
      <c r="H608611" s="12"/>
    </row>
    <row r="608612" spans="8:8">
      <c r="H608612" s="12"/>
    </row>
    <row r="608613" spans="8:8">
      <c r="H608613" s="12"/>
    </row>
    <row r="608614" spans="8:8">
      <c r="H608614" s="12"/>
    </row>
    <row r="608615" spans="8:8">
      <c r="H608615" s="12"/>
    </row>
    <row r="608616" spans="8:8">
      <c r="H608616" s="12"/>
    </row>
    <row r="608617" spans="8:8">
      <c r="H608617" s="12"/>
    </row>
    <row r="608618" spans="8:8">
      <c r="H608618" s="12"/>
    </row>
    <row r="608619" spans="8:8">
      <c r="H608619" s="12"/>
    </row>
    <row r="608620" spans="8:8">
      <c r="H608620" s="12"/>
    </row>
    <row r="608621" spans="8:8">
      <c r="H608621" s="12"/>
    </row>
    <row r="608622" spans="8:8">
      <c r="H608622" s="12"/>
    </row>
    <row r="608623" spans="8:8">
      <c r="H608623" s="12"/>
    </row>
    <row r="608624" spans="8:8">
      <c r="H608624" s="12"/>
    </row>
    <row r="608625" spans="8:8">
      <c r="H608625" s="12"/>
    </row>
    <row r="608626" spans="8:8">
      <c r="H608626" s="12"/>
    </row>
    <row r="608627" spans="8:8">
      <c r="H608627" s="12"/>
    </row>
    <row r="608628" spans="8:8">
      <c r="H608628" s="12"/>
    </row>
    <row r="608629" spans="8:8">
      <c r="H608629" s="12"/>
    </row>
    <row r="608630" spans="8:8">
      <c r="H608630" s="12"/>
    </row>
    <row r="608631" spans="8:8">
      <c r="H608631" s="12"/>
    </row>
    <row r="608632" spans="8:8">
      <c r="H608632" s="12"/>
    </row>
    <row r="608633" spans="8:8">
      <c r="H608633" s="12"/>
    </row>
    <row r="608634" spans="8:8">
      <c r="H608634" s="12"/>
    </row>
    <row r="608635" spans="8:8">
      <c r="H608635" s="12"/>
    </row>
    <row r="608636" spans="8:8">
      <c r="H608636" s="12"/>
    </row>
    <row r="608637" spans="8:8">
      <c r="H608637" s="12"/>
    </row>
    <row r="608638" spans="8:8">
      <c r="H608638" s="12"/>
    </row>
    <row r="608639" spans="8:8">
      <c r="H608639" s="12"/>
    </row>
    <row r="608640" spans="8:8">
      <c r="H608640" s="12"/>
    </row>
    <row r="608641" spans="8:8">
      <c r="H608641" s="12"/>
    </row>
    <row r="608642" spans="8:8">
      <c r="H608642" s="12"/>
    </row>
    <row r="608643" spans="8:8">
      <c r="H608643" s="12"/>
    </row>
    <row r="608644" spans="8:8">
      <c r="H608644" s="12"/>
    </row>
    <row r="608645" spans="8:8">
      <c r="H608645" s="12"/>
    </row>
    <row r="608646" spans="8:8">
      <c r="H608646" s="12"/>
    </row>
    <row r="608647" spans="8:8">
      <c r="H608647" s="12"/>
    </row>
    <row r="608648" spans="8:8">
      <c r="H608648" s="12"/>
    </row>
    <row r="608649" spans="8:8">
      <c r="H608649" s="12"/>
    </row>
    <row r="608650" spans="8:8">
      <c r="H608650" s="12"/>
    </row>
    <row r="608651" spans="8:8">
      <c r="H608651" s="12"/>
    </row>
    <row r="608652" spans="8:8">
      <c r="H608652" s="12"/>
    </row>
    <row r="608653" spans="8:8">
      <c r="H608653" s="12"/>
    </row>
    <row r="608654" spans="8:8">
      <c r="H608654" s="12"/>
    </row>
    <row r="608655" spans="8:8">
      <c r="H608655" s="12"/>
    </row>
    <row r="608656" spans="8:8">
      <c r="H608656" s="12"/>
    </row>
    <row r="608657" spans="8:8">
      <c r="H608657" s="12"/>
    </row>
    <row r="608658" spans="8:8">
      <c r="H608658" s="12"/>
    </row>
    <row r="608659" spans="8:8">
      <c r="H608659" s="12"/>
    </row>
    <row r="608660" spans="8:8">
      <c r="H608660" s="12"/>
    </row>
    <row r="608661" spans="8:8">
      <c r="H608661" s="12"/>
    </row>
    <row r="608662" spans="8:8">
      <c r="H608662" s="12"/>
    </row>
    <row r="608663" spans="8:8">
      <c r="H608663" s="12"/>
    </row>
    <row r="608664" spans="8:8">
      <c r="H608664" s="12"/>
    </row>
    <row r="608665" spans="8:8">
      <c r="H608665" s="12"/>
    </row>
    <row r="608666" spans="8:8">
      <c r="H608666" s="12"/>
    </row>
    <row r="608667" spans="8:8">
      <c r="H608667" s="12"/>
    </row>
    <row r="608668" spans="8:8">
      <c r="H608668" s="12"/>
    </row>
    <row r="608669" spans="8:8">
      <c r="H608669" s="12"/>
    </row>
    <row r="608670" spans="8:8">
      <c r="H608670" s="12"/>
    </row>
    <row r="608671" spans="8:8">
      <c r="H608671" s="12"/>
    </row>
    <row r="608672" spans="8:8">
      <c r="H608672" s="12"/>
    </row>
    <row r="608673" spans="8:8">
      <c r="H608673" s="12"/>
    </row>
    <row r="608674" spans="8:8">
      <c r="H608674" s="12"/>
    </row>
    <row r="608675" spans="8:8">
      <c r="H608675" s="12"/>
    </row>
    <row r="608676" spans="8:8">
      <c r="H608676" s="12"/>
    </row>
    <row r="608677" spans="8:8">
      <c r="H608677" s="12"/>
    </row>
    <row r="608678" spans="8:8">
      <c r="H608678" s="12"/>
    </row>
    <row r="608679" spans="8:8">
      <c r="H608679" s="12"/>
    </row>
    <row r="608680" spans="8:8">
      <c r="H608680" s="12"/>
    </row>
    <row r="608681" spans="8:8">
      <c r="H608681" s="12"/>
    </row>
    <row r="608682" spans="8:8">
      <c r="H608682" s="12"/>
    </row>
    <row r="608683" spans="8:8">
      <c r="H608683" s="12"/>
    </row>
    <row r="608684" spans="8:8">
      <c r="H608684" s="12"/>
    </row>
    <row r="608685" spans="8:8">
      <c r="H608685" s="12"/>
    </row>
    <row r="608686" spans="8:8">
      <c r="H608686" s="12"/>
    </row>
    <row r="608687" spans="8:8">
      <c r="H608687" s="12"/>
    </row>
    <row r="608688" spans="8:8">
      <c r="H608688" s="12"/>
    </row>
    <row r="608689" spans="8:8">
      <c r="H608689" s="12"/>
    </row>
    <row r="608690" spans="8:8">
      <c r="H608690" s="12"/>
    </row>
    <row r="608691" spans="8:8">
      <c r="H608691" s="12"/>
    </row>
    <row r="608692" spans="8:8">
      <c r="H608692" s="12"/>
    </row>
    <row r="608693" spans="8:8">
      <c r="H608693" s="12"/>
    </row>
    <row r="608694" spans="8:8">
      <c r="H608694" s="12"/>
    </row>
    <row r="608695" spans="8:8">
      <c r="H608695" s="12"/>
    </row>
    <row r="608696" spans="8:8">
      <c r="H608696" s="12"/>
    </row>
    <row r="608697" spans="8:8">
      <c r="H608697" s="12"/>
    </row>
    <row r="608698" spans="8:8">
      <c r="H608698" s="12"/>
    </row>
    <row r="608699" spans="8:8">
      <c r="H608699" s="12"/>
    </row>
    <row r="608700" spans="8:8">
      <c r="H608700" s="12"/>
    </row>
    <row r="608701" spans="8:8">
      <c r="H608701" s="12"/>
    </row>
    <row r="608702" spans="8:8">
      <c r="H608702" s="12"/>
    </row>
    <row r="608703" spans="8:8">
      <c r="H608703" s="12"/>
    </row>
    <row r="608704" spans="8:8">
      <c r="H608704" s="12"/>
    </row>
    <row r="608705" spans="8:8">
      <c r="H608705" s="12"/>
    </row>
    <row r="608706" spans="8:8">
      <c r="H608706" s="12"/>
    </row>
    <row r="608707" spans="8:8">
      <c r="H608707" s="12"/>
    </row>
    <row r="608708" spans="8:8">
      <c r="H608708" s="12"/>
    </row>
    <row r="608709" spans="8:8">
      <c r="H608709" s="12"/>
    </row>
    <row r="608710" spans="8:8">
      <c r="H608710" s="12"/>
    </row>
    <row r="608711" spans="8:8">
      <c r="H608711" s="12"/>
    </row>
    <row r="608712" spans="8:8">
      <c r="H608712" s="12"/>
    </row>
    <row r="608713" spans="8:8">
      <c r="H608713" s="12"/>
    </row>
    <row r="608714" spans="8:8">
      <c r="H608714" s="12"/>
    </row>
    <row r="608715" spans="8:8">
      <c r="H608715" s="12"/>
    </row>
    <row r="608716" spans="8:8">
      <c r="H608716" s="12"/>
    </row>
    <row r="608717" spans="8:8">
      <c r="H608717" s="12"/>
    </row>
    <row r="608718" spans="8:8">
      <c r="H608718" s="12"/>
    </row>
    <row r="608719" spans="8:8">
      <c r="H608719" s="12"/>
    </row>
    <row r="608720" spans="8:8">
      <c r="H608720" s="12"/>
    </row>
    <row r="608721" spans="8:8">
      <c r="H608721" s="12"/>
    </row>
    <row r="608722" spans="8:8">
      <c r="H608722" s="12"/>
    </row>
    <row r="608723" spans="8:8">
      <c r="H608723" s="12"/>
    </row>
    <row r="608724" spans="8:8">
      <c r="H608724" s="12"/>
    </row>
    <row r="608725" spans="8:8">
      <c r="H608725" s="12"/>
    </row>
    <row r="608726" spans="8:8">
      <c r="H608726" s="12"/>
    </row>
    <row r="608727" spans="8:8">
      <c r="H608727" s="12"/>
    </row>
    <row r="608728" spans="8:8">
      <c r="H608728" s="12"/>
    </row>
    <row r="608729" spans="8:8">
      <c r="H608729" s="12"/>
    </row>
    <row r="608730" spans="8:8">
      <c r="H608730" s="12"/>
    </row>
    <row r="608731" spans="8:8">
      <c r="H608731" s="12"/>
    </row>
    <row r="608732" spans="8:8">
      <c r="H608732" s="12"/>
    </row>
    <row r="608733" spans="8:8">
      <c r="H608733" s="12"/>
    </row>
    <row r="608734" spans="8:8">
      <c r="H608734" s="12"/>
    </row>
    <row r="608735" spans="8:8">
      <c r="H608735" s="12"/>
    </row>
    <row r="608736" spans="8:8">
      <c r="H608736" s="12"/>
    </row>
    <row r="608737" spans="8:8">
      <c r="H608737" s="12"/>
    </row>
    <row r="608738" spans="8:8">
      <c r="H608738" s="12"/>
    </row>
    <row r="608739" spans="8:8">
      <c r="H608739" s="12"/>
    </row>
    <row r="608740" spans="8:8">
      <c r="H608740" s="12"/>
    </row>
    <row r="608741" spans="8:8">
      <c r="H608741" s="12"/>
    </row>
    <row r="608742" spans="8:8">
      <c r="H608742" s="12"/>
    </row>
    <row r="608743" spans="8:8">
      <c r="H608743" s="12"/>
    </row>
    <row r="608744" spans="8:8">
      <c r="H608744" s="12"/>
    </row>
    <row r="608745" spans="8:8">
      <c r="H608745" s="12"/>
    </row>
    <row r="608746" spans="8:8">
      <c r="H608746" s="12"/>
    </row>
    <row r="608747" spans="8:8">
      <c r="H608747" s="12"/>
    </row>
    <row r="608748" spans="8:8">
      <c r="H608748" s="12"/>
    </row>
    <row r="608749" spans="8:8">
      <c r="H608749" s="12"/>
    </row>
    <row r="608750" spans="8:8">
      <c r="H608750" s="12"/>
    </row>
    <row r="608751" spans="8:8">
      <c r="H608751" s="12"/>
    </row>
    <row r="608752" spans="8:8">
      <c r="H608752" s="12"/>
    </row>
    <row r="608753" spans="8:8">
      <c r="H608753" s="12"/>
    </row>
    <row r="608754" spans="8:8">
      <c r="H608754" s="12"/>
    </row>
    <row r="608755" spans="8:8">
      <c r="H608755" s="12"/>
    </row>
    <row r="608756" spans="8:8">
      <c r="H608756" s="12"/>
    </row>
    <row r="608757" spans="8:8">
      <c r="H608757" s="12"/>
    </row>
    <row r="608758" spans="8:8">
      <c r="H608758" s="12"/>
    </row>
    <row r="608759" spans="8:8">
      <c r="H608759" s="12"/>
    </row>
    <row r="608760" spans="8:8">
      <c r="H608760" s="12"/>
    </row>
    <row r="608761" spans="8:8">
      <c r="H608761" s="12"/>
    </row>
    <row r="608762" spans="8:8">
      <c r="H608762" s="12"/>
    </row>
    <row r="608763" spans="8:8">
      <c r="H608763" s="12"/>
    </row>
    <row r="608764" spans="8:8">
      <c r="H608764" s="12"/>
    </row>
    <row r="608765" spans="8:8">
      <c r="H608765" s="12"/>
    </row>
    <row r="608766" spans="8:8">
      <c r="H608766" s="12"/>
    </row>
    <row r="608767" spans="8:8">
      <c r="H608767" s="12"/>
    </row>
    <row r="608768" spans="8:8">
      <c r="H608768" s="12"/>
    </row>
    <row r="608769" spans="8:8">
      <c r="H608769" s="12"/>
    </row>
    <row r="608770" spans="8:8">
      <c r="H608770" s="12"/>
    </row>
    <row r="608771" spans="8:8">
      <c r="H608771" s="12"/>
    </row>
    <row r="608772" spans="8:8">
      <c r="H608772" s="12"/>
    </row>
    <row r="608773" spans="8:8">
      <c r="H608773" s="12"/>
    </row>
    <row r="608774" spans="8:8">
      <c r="H608774" s="12"/>
    </row>
    <row r="608775" spans="8:8">
      <c r="H608775" s="12"/>
    </row>
    <row r="608776" spans="8:8">
      <c r="H608776" s="12"/>
    </row>
    <row r="608777" spans="8:8">
      <c r="H608777" s="12"/>
    </row>
    <row r="608778" spans="8:8">
      <c r="H608778" s="12"/>
    </row>
    <row r="608779" spans="8:8">
      <c r="H608779" s="12"/>
    </row>
    <row r="608780" spans="8:8">
      <c r="H608780" s="12"/>
    </row>
    <row r="608781" spans="8:8">
      <c r="H608781" s="12"/>
    </row>
    <row r="608782" spans="8:8">
      <c r="H608782" s="12"/>
    </row>
    <row r="608783" spans="8:8">
      <c r="H608783" s="12"/>
    </row>
    <row r="608784" spans="8:8">
      <c r="H608784" s="12"/>
    </row>
    <row r="608785" spans="8:8">
      <c r="H608785" s="12"/>
    </row>
    <row r="608786" spans="8:8">
      <c r="H608786" s="12"/>
    </row>
    <row r="608787" spans="8:8">
      <c r="H608787" s="12"/>
    </row>
    <row r="608788" spans="8:8">
      <c r="H608788" s="12"/>
    </row>
    <row r="608789" spans="8:8">
      <c r="H608789" s="12"/>
    </row>
    <row r="608790" spans="8:8">
      <c r="H608790" s="12"/>
    </row>
    <row r="608791" spans="8:8">
      <c r="H608791" s="12"/>
    </row>
    <row r="608792" spans="8:8">
      <c r="H608792" s="12"/>
    </row>
    <row r="608793" spans="8:8">
      <c r="H608793" s="12"/>
    </row>
    <row r="608794" spans="8:8">
      <c r="H608794" s="12"/>
    </row>
    <row r="608795" spans="8:8">
      <c r="H608795" s="12"/>
    </row>
    <row r="608796" spans="8:8">
      <c r="H608796" s="12"/>
    </row>
    <row r="608797" spans="8:8">
      <c r="H608797" s="12"/>
    </row>
    <row r="608798" spans="8:8">
      <c r="H608798" s="12"/>
    </row>
    <row r="608799" spans="8:8">
      <c r="H608799" s="12"/>
    </row>
    <row r="608800" spans="8:8">
      <c r="H608800" s="12"/>
    </row>
    <row r="608801" spans="8:8">
      <c r="H608801" s="12"/>
    </row>
    <row r="608802" spans="8:8">
      <c r="H608802" s="12"/>
    </row>
    <row r="608803" spans="8:8">
      <c r="H608803" s="12"/>
    </row>
    <row r="608804" spans="8:8">
      <c r="H608804" s="12"/>
    </row>
    <row r="608805" spans="8:8">
      <c r="H608805" s="12"/>
    </row>
    <row r="608806" spans="8:8">
      <c r="H608806" s="12"/>
    </row>
    <row r="608807" spans="8:8">
      <c r="H608807" s="12"/>
    </row>
    <row r="608808" spans="8:8">
      <c r="H608808" s="12"/>
    </row>
    <row r="608809" spans="8:8">
      <c r="H608809" s="12"/>
    </row>
    <row r="608810" spans="8:8">
      <c r="H608810" s="12"/>
    </row>
    <row r="608811" spans="8:8">
      <c r="H608811" s="12"/>
    </row>
    <row r="608812" spans="8:8">
      <c r="H608812" s="12"/>
    </row>
    <row r="608813" spans="8:8">
      <c r="H608813" s="12"/>
    </row>
    <row r="608814" spans="8:8">
      <c r="H608814" s="12"/>
    </row>
    <row r="608815" spans="8:8">
      <c r="H608815" s="12"/>
    </row>
    <row r="608816" spans="8:8">
      <c r="H608816" s="12"/>
    </row>
    <row r="608817" spans="8:8">
      <c r="H608817" s="12"/>
    </row>
    <row r="608818" spans="8:8">
      <c r="H608818" s="12"/>
    </row>
    <row r="608819" spans="8:8">
      <c r="H608819" s="12"/>
    </row>
    <row r="608820" spans="8:8">
      <c r="H608820" s="12"/>
    </row>
    <row r="608821" spans="8:8">
      <c r="H608821" s="12"/>
    </row>
    <row r="608822" spans="8:8">
      <c r="H608822" s="12"/>
    </row>
    <row r="608823" spans="8:8">
      <c r="H608823" s="12"/>
    </row>
    <row r="608824" spans="8:8">
      <c r="H608824" s="12"/>
    </row>
    <row r="608825" spans="8:8">
      <c r="H608825" s="12"/>
    </row>
    <row r="608826" spans="8:8">
      <c r="H608826" s="12"/>
    </row>
    <row r="608827" spans="8:8">
      <c r="H608827" s="12"/>
    </row>
    <row r="608828" spans="8:8">
      <c r="H608828" s="12"/>
    </row>
    <row r="608829" spans="8:8">
      <c r="H608829" s="12"/>
    </row>
    <row r="608830" spans="8:8">
      <c r="H608830" s="12"/>
    </row>
    <row r="608831" spans="8:8">
      <c r="H608831" s="12"/>
    </row>
    <row r="608832" spans="8:8">
      <c r="H608832" s="12"/>
    </row>
    <row r="608833" spans="8:8">
      <c r="H608833" s="12"/>
    </row>
    <row r="608834" spans="8:8">
      <c r="H608834" s="12"/>
    </row>
    <row r="608835" spans="8:8">
      <c r="H608835" s="12"/>
    </row>
    <row r="608836" spans="8:8">
      <c r="H608836" s="12"/>
    </row>
    <row r="608837" spans="8:8">
      <c r="H608837" s="12"/>
    </row>
    <row r="608838" spans="8:8">
      <c r="H608838" s="12"/>
    </row>
    <row r="608839" spans="8:8">
      <c r="H608839" s="12"/>
    </row>
    <row r="608840" spans="8:8">
      <c r="H608840" s="12"/>
    </row>
    <row r="608841" spans="8:8">
      <c r="H608841" s="12"/>
    </row>
    <row r="608842" spans="8:8">
      <c r="H608842" s="12"/>
    </row>
    <row r="608843" spans="8:8">
      <c r="H608843" s="12"/>
    </row>
    <row r="608844" spans="8:8">
      <c r="H608844" s="12"/>
    </row>
    <row r="608845" spans="8:8">
      <c r="H608845" s="12"/>
    </row>
    <row r="608846" spans="8:8">
      <c r="H608846" s="12"/>
    </row>
    <row r="608847" spans="8:8">
      <c r="H608847" s="12"/>
    </row>
    <row r="608848" spans="8:8">
      <c r="H608848" s="12"/>
    </row>
    <row r="608849" spans="8:8">
      <c r="H608849" s="12"/>
    </row>
    <row r="608850" spans="8:8">
      <c r="H608850" s="12"/>
    </row>
    <row r="608851" spans="8:8">
      <c r="H608851" s="12"/>
    </row>
    <row r="608852" spans="8:8">
      <c r="H608852" s="12"/>
    </row>
    <row r="608853" spans="8:8">
      <c r="H608853" s="12"/>
    </row>
    <row r="608854" spans="8:8">
      <c r="H608854" s="12"/>
    </row>
    <row r="608855" spans="8:8">
      <c r="H608855" s="12"/>
    </row>
    <row r="608856" spans="8:8">
      <c r="H608856" s="12"/>
    </row>
    <row r="608857" spans="8:8">
      <c r="H608857" s="12"/>
    </row>
    <row r="608858" spans="8:8">
      <c r="H608858" s="12"/>
    </row>
    <row r="608859" spans="8:8">
      <c r="H608859" s="12"/>
    </row>
    <row r="608860" spans="8:8">
      <c r="H608860" s="12"/>
    </row>
    <row r="608861" spans="8:8">
      <c r="H608861" s="12"/>
    </row>
    <row r="608862" spans="8:8">
      <c r="H608862" s="12"/>
    </row>
    <row r="608863" spans="8:8">
      <c r="H608863" s="12"/>
    </row>
    <row r="608864" spans="8:8">
      <c r="H608864" s="12"/>
    </row>
    <row r="608865" spans="8:8">
      <c r="H608865" s="12"/>
    </row>
    <row r="608866" spans="8:8">
      <c r="H608866" s="12"/>
    </row>
    <row r="608867" spans="8:8">
      <c r="H608867" s="12"/>
    </row>
    <row r="608868" spans="8:8">
      <c r="H608868" s="12"/>
    </row>
    <row r="608869" spans="8:8">
      <c r="H608869" s="12"/>
    </row>
    <row r="608870" spans="8:8">
      <c r="H608870" s="12"/>
    </row>
    <row r="608871" spans="8:8">
      <c r="H608871" s="12"/>
    </row>
    <row r="608872" spans="8:8">
      <c r="H608872" s="12"/>
    </row>
    <row r="608873" spans="8:8">
      <c r="H608873" s="12"/>
    </row>
    <row r="608874" spans="8:8">
      <c r="H608874" s="12"/>
    </row>
    <row r="608875" spans="8:8">
      <c r="H608875" s="12"/>
    </row>
    <row r="608876" spans="8:8">
      <c r="H608876" s="12"/>
    </row>
    <row r="608877" spans="8:8">
      <c r="H608877" s="12"/>
    </row>
    <row r="608878" spans="8:8">
      <c r="H608878" s="12"/>
    </row>
    <row r="608879" spans="8:8">
      <c r="H608879" s="12"/>
    </row>
    <row r="608880" spans="8:8">
      <c r="H608880" s="12"/>
    </row>
    <row r="608881" spans="8:8">
      <c r="H608881" s="12"/>
    </row>
    <row r="608882" spans="8:8">
      <c r="H608882" s="12"/>
    </row>
    <row r="608883" spans="8:8">
      <c r="H608883" s="12"/>
    </row>
    <row r="608884" spans="8:8">
      <c r="H608884" s="12"/>
    </row>
    <row r="608885" spans="8:8">
      <c r="H608885" s="12"/>
    </row>
    <row r="608886" spans="8:8">
      <c r="H608886" s="12"/>
    </row>
    <row r="608887" spans="8:8">
      <c r="H608887" s="12"/>
    </row>
    <row r="608888" spans="8:8">
      <c r="H608888" s="12"/>
    </row>
    <row r="608889" spans="8:8">
      <c r="H608889" s="12"/>
    </row>
    <row r="608890" spans="8:8">
      <c r="H608890" s="12"/>
    </row>
    <row r="608891" spans="8:8">
      <c r="H608891" s="12"/>
    </row>
    <row r="608892" spans="8:8">
      <c r="H608892" s="12"/>
    </row>
    <row r="608893" spans="8:8">
      <c r="H608893" s="12"/>
    </row>
    <row r="608894" spans="8:8">
      <c r="H608894" s="12"/>
    </row>
    <row r="608895" spans="8:8">
      <c r="H608895" s="12"/>
    </row>
    <row r="608896" spans="8:8">
      <c r="H608896" s="12"/>
    </row>
    <row r="608897" spans="8:8">
      <c r="H608897" s="12"/>
    </row>
    <row r="608898" spans="8:8">
      <c r="H608898" s="12"/>
    </row>
    <row r="608899" spans="8:8">
      <c r="H608899" s="12"/>
    </row>
    <row r="608900" spans="8:8">
      <c r="H608900" s="12"/>
    </row>
    <row r="608901" spans="8:8">
      <c r="H608901" s="12"/>
    </row>
    <row r="608902" spans="8:8">
      <c r="H608902" s="12"/>
    </row>
    <row r="608903" spans="8:8">
      <c r="H608903" s="12"/>
    </row>
    <row r="608904" spans="8:8">
      <c r="H608904" s="12"/>
    </row>
    <row r="608905" spans="8:8">
      <c r="H608905" s="12"/>
    </row>
    <row r="608906" spans="8:8">
      <c r="H608906" s="12"/>
    </row>
    <row r="608907" spans="8:8">
      <c r="H608907" s="12"/>
    </row>
    <row r="608908" spans="8:8">
      <c r="H608908" s="12"/>
    </row>
    <row r="608909" spans="8:8">
      <c r="H608909" s="12"/>
    </row>
    <row r="608910" spans="8:8">
      <c r="H608910" s="12"/>
    </row>
    <row r="608911" spans="8:8">
      <c r="H608911" s="12"/>
    </row>
    <row r="608912" spans="8:8">
      <c r="H608912" s="12"/>
    </row>
    <row r="608913" spans="8:8">
      <c r="H608913" s="12"/>
    </row>
    <row r="608914" spans="8:8">
      <c r="H608914" s="12"/>
    </row>
    <row r="608915" spans="8:8">
      <c r="H608915" s="12"/>
    </row>
    <row r="608916" spans="8:8">
      <c r="H608916" s="12"/>
    </row>
    <row r="608917" spans="8:8">
      <c r="H608917" s="12"/>
    </row>
    <row r="608918" spans="8:8">
      <c r="H608918" s="12"/>
    </row>
    <row r="608919" spans="8:8">
      <c r="H608919" s="12"/>
    </row>
    <row r="608920" spans="8:8">
      <c r="H608920" s="12"/>
    </row>
    <row r="608921" spans="8:8">
      <c r="H608921" s="12"/>
    </row>
    <row r="608922" spans="8:8">
      <c r="H608922" s="12"/>
    </row>
    <row r="608923" spans="8:8">
      <c r="H608923" s="12"/>
    </row>
    <row r="608924" spans="8:8">
      <c r="H608924" s="12"/>
    </row>
    <row r="608925" spans="8:8">
      <c r="H608925" s="12"/>
    </row>
    <row r="608926" spans="8:8">
      <c r="H608926" s="12"/>
    </row>
    <row r="608927" spans="8:8">
      <c r="H608927" s="12"/>
    </row>
    <row r="608928" spans="8:8">
      <c r="H608928" s="12"/>
    </row>
    <row r="608929" spans="8:8">
      <c r="H608929" s="12"/>
    </row>
    <row r="608930" spans="8:8">
      <c r="H608930" s="12"/>
    </row>
    <row r="608931" spans="8:8">
      <c r="H608931" s="12"/>
    </row>
    <row r="608932" spans="8:8">
      <c r="H608932" s="12"/>
    </row>
    <row r="608933" spans="8:8">
      <c r="H608933" s="12"/>
    </row>
    <row r="608934" spans="8:8">
      <c r="H608934" s="12"/>
    </row>
    <row r="608935" spans="8:8">
      <c r="H608935" s="12"/>
    </row>
    <row r="608936" spans="8:8">
      <c r="H608936" s="12"/>
    </row>
    <row r="608937" spans="8:8">
      <c r="H608937" s="12"/>
    </row>
    <row r="608938" spans="8:8">
      <c r="H608938" s="12"/>
    </row>
    <row r="608939" spans="8:8">
      <c r="H608939" s="12"/>
    </row>
    <row r="608940" spans="8:8">
      <c r="H608940" s="12"/>
    </row>
    <row r="608941" spans="8:8">
      <c r="H608941" s="12"/>
    </row>
    <row r="608942" spans="8:8">
      <c r="H608942" s="12"/>
    </row>
    <row r="608943" spans="8:8">
      <c r="H608943" s="12"/>
    </row>
    <row r="608944" spans="8:8">
      <c r="H608944" s="12"/>
    </row>
    <row r="608945" spans="8:8">
      <c r="H608945" s="12"/>
    </row>
    <row r="608946" spans="8:8">
      <c r="H608946" s="12"/>
    </row>
    <row r="608947" spans="8:8">
      <c r="H608947" s="12"/>
    </row>
    <row r="608948" spans="8:8">
      <c r="H608948" s="12"/>
    </row>
    <row r="608949" spans="8:8">
      <c r="H608949" s="12"/>
    </row>
    <row r="608950" spans="8:8">
      <c r="H608950" s="12"/>
    </row>
    <row r="608951" spans="8:8">
      <c r="H608951" s="12"/>
    </row>
    <row r="608952" spans="8:8">
      <c r="H608952" s="12"/>
    </row>
    <row r="608953" spans="8:8">
      <c r="H608953" s="12"/>
    </row>
    <row r="608954" spans="8:8">
      <c r="H608954" s="12"/>
    </row>
    <row r="608955" spans="8:8">
      <c r="H608955" s="12"/>
    </row>
    <row r="608956" spans="8:8">
      <c r="H608956" s="12"/>
    </row>
    <row r="608957" spans="8:8">
      <c r="H608957" s="12"/>
    </row>
    <row r="608958" spans="8:8">
      <c r="H608958" s="12"/>
    </row>
    <row r="608959" spans="8:8">
      <c r="H608959" s="12"/>
    </row>
    <row r="608960" spans="8:8">
      <c r="H608960" s="12"/>
    </row>
    <row r="608961" spans="8:8">
      <c r="H608961" s="12"/>
    </row>
    <row r="608962" spans="8:8">
      <c r="H608962" s="12"/>
    </row>
    <row r="608963" spans="8:8">
      <c r="H608963" s="12"/>
    </row>
    <row r="608964" spans="8:8">
      <c r="H608964" s="12"/>
    </row>
    <row r="608965" spans="8:8">
      <c r="H608965" s="12"/>
    </row>
    <row r="608966" spans="8:8">
      <c r="H608966" s="12"/>
    </row>
    <row r="608967" spans="8:8">
      <c r="H608967" s="12"/>
    </row>
    <row r="608968" spans="8:8">
      <c r="H608968" s="12"/>
    </row>
    <row r="608969" spans="8:8">
      <c r="H608969" s="12"/>
    </row>
    <row r="608970" spans="8:8">
      <c r="H608970" s="12"/>
    </row>
    <row r="608971" spans="8:8">
      <c r="H608971" s="12"/>
    </row>
    <row r="608972" spans="8:8">
      <c r="H608972" s="12"/>
    </row>
    <row r="608973" spans="8:8">
      <c r="H608973" s="12"/>
    </row>
    <row r="608974" spans="8:8">
      <c r="H608974" s="12"/>
    </row>
    <row r="608975" spans="8:8">
      <c r="H608975" s="12"/>
    </row>
    <row r="608976" spans="8:8">
      <c r="H608976" s="12"/>
    </row>
    <row r="608977" spans="8:8">
      <c r="H608977" s="12"/>
    </row>
    <row r="608978" spans="8:8">
      <c r="H608978" s="12"/>
    </row>
    <row r="608979" spans="8:8">
      <c r="H608979" s="12"/>
    </row>
    <row r="608980" spans="8:8">
      <c r="H608980" s="12"/>
    </row>
    <row r="608981" spans="8:8">
      <c r="H608981" s="12"/>
    </row>
    <row r="608982" spans="8:8">
      <c r="H608982" s="12"/>
    </row>
    <row r="608983" spans="8:8">
      <c r="H608983" s="12"/>
    </row>
    <row r="608984" spans="8:8">
      <c r="H608984" s="12"/>
    </row>
    <row r="608985" spans="8:8">
      <c r="H608985" s="12"/>
    </row>
    <row r="608986" spans="8:8">
      <c r="H608986" s="12"/>
    </row>
    <row r="608987" spans="8:8">
      <c r="H608987" s="12"/>
    </row>
    <row r="608988" spans="8:8">
      <c r="H608988" s="12"/>
    </row>
    <row r="608989" spans="8:8">
      <c r="H608989" s="12"/>
    </row>
    <row r="608990" spans="8:8">
      <c r="H608990" s="12"/>
    </row>
    <row r="608991" spans="8:8">
      <c r="H608991" s="12"/>
    </row>
    <row r="608992" spans="8:8">
      <c r="H608992" s="12"/>
    </row>
    <row r="608993" spans="8:8">
      <c r="H608993" s="12"/>
    </row>
    <row r="608994" spans="8:8">
      <c r="H608994" s="12"/>
    </row>
    <row r="608995" spans="8:8">
      <c r="H608995" s="12"/>
    </row>
    <row r="608996" spans="8:8">
      <c r="H608996" s="12"/>
    </row>
    <row r="608997" spans="8:8">
      <c r="H608997" s="12"/>
    </row>
    <row r="608998" spans="8:8">
      <c r="H608998" s="12"/>
    </row>
    <row r="608999" spans="8:8">
      <c r="H608999" s="12"/>
    </row>
    <row r="609000" spans="8:8">
      <c r="H609000" s="12"/>
    </row>
    <row r="609001" spans="8:8">
      <c r="H609001" s="12"/>
    </row>
    <row r="609002" spans="8:8">
      <c r="H609002" s="12"/>
    </row>
    <row r="609003" spans="8:8">
      <c r="H609003" s="12"/>
    </row>
    <row r="609004" spans="8:8">
      <c r="H609004" s="12"/>
    </row>
    <row r="609005" spans="8:8">
      <c r="H609005" s="12"/>
    </row>
    <row r="609006" spans="8:8">
      <c r="H609006" s="12"/>
    </row>
    <row r="609007" spans="8:8">
      <c r="H609007" s="12"/>
    </row>
    <row r="609008" spans="8:8">
      <c r="H609008" s="12"/>
    </row>
    <row r="609009" spans="8:8">
      <c r="H609009" s="12"/>
    </row>
    <row r="609010" spans="8:8">
      <c r="H609010" s="12"/>
    </row>
    <row r="609011" spans="8:8">
      <c r="H609011" s="12"/>
    </row>
    <row r="609012" spans="8:8">
      <c r="H609012" s="12"/>
    </row>
    <row r="609013" spans="8:8">
      <c r="H609013" s="12"/>
    </row>
    <row r="609014" spans="8:8">
      <c r="H609014" s="12"/>
    </row>
    <row r="609015" spans="8:8">
      <c r="H609015" s="12"/>
    </row>
    <row r="609016" spans="8:8">
      <c r="H609016" s="12"/>
    </row>
    <row r="609017" spans="8:8">
      <c r="H609017" s="12"/>
    </row>
    <row r="609018" spans="8:8">
      <c r="H609018" s="12"/>
    </row>
    <row r="609019" spans="8:8">
      <c r="H609019" s="12"/>
    </row>
    <row r="609020" spans="8:8">
      <c r="H609020" s="12"/>
    </row>
    <row r="609021" spans="8:8">
      <c r="H609021" s="12"/>
    </row>
    <row r="609022" spans="8:8">
      <c r="H609022" s="12"/>
    </row>
    <row r="609023" spans="8:8">
      <c r="H609023" s="12"/>
    </row>
    <row r="609024" spans="8:8">
      <c r="H609024" s="12"/>
    </row>
    <row r="609025" spans="8:8">
      <c r="H609025" s="12"/>
    </row>
    <row r="609026" spans="8:8">
      <c r="H609026" s="12"/>
    </row>
    <row r="609027" spans="8:8">
      <c r="H609027" s="12"/>
    </row>
    <row r="609028" spans="8:8">
      <c r="H609028" s="12"/>
    </row>
    <row r="609029" spans="8:8">
      <c r="H609029" s="12"/>
    </row>
    <row r="609030" spans="8:8">
      <c r="H609030" s="12"/>
    </row>
    <row r="609031" spans="8:8">
      <c r="H609031" s="12"/>
    </row>
    <row r="609032" spans="8:8">
      <c r="H609032" s="12"/>
    </row>
    <row r="609033" spans="8:8">
      <c r="H609033" s="12"/>
    </row>
    <row r="609034" spans="8:8">
      <c r="H609034" s="12"/>
    </row>
    <row r="609035" spans="8:8">
      <c r="H609035" s="12"/>
    </row>
    <row r="609036" spans="8:8">
      <c r="H609036" s="12"/>
    </row>
    <row r="609037" spans="8:8">
      <c r="H609037" s="12"/>
    </row>
    <row r="609038" spans="8:8">
      <c r="H609038" s="12"/>
    </row>
    <row r="609039" spans="8:8">
      <c r="H609039" s="12"/>
    </row>
    <row r="609040" spans="8:8">
      <c r="H609040" s="12"/>
    </row>
    <row r="609041" spans="8:8">
      <c r="H609041" s="12"/>
    </row>
    <row r="609042" spans="8:8">
      <c r="H609042" s="12"/>
    </row>
    <row r="609043" spans="8:8">
      <c r="H609043" s="12"/>
    </row>
    <row r="609044" spans="8:8">
      <c r="H609044" s="12"/>
    </row>
    <row r="609045" spans="8:8">
      <c r="H609045" s="12"/>
    </row>
    <row r="609046" spans="8:8">
      <c r="H609046" s="12"/>
    </row>
    <row r="609047" spans="8:8">
      <c r="H609047" s="12"/>
    </row>
    <row r="609048" spans="8:8">
      <c r="H609048" s="12"/>
    </row>
    <row r="609049" spans="8:8">
      <c r="H609049" s="12"/>
    </row>
    <row r="609050" spans="8:8">
      <c r="H609050" s="12"/>
    </row>
    <row r="609051" spans="8:8">
      <c r="H609051" s="12"/>
    </row>
    <row r="609052" spans="8:8">
      <c r="H609052" s="12"/>
    </row>
    <row r="609053" spans="8:8">
      <c r="H609053" s="12"/>
    </row>
    <row r="609054" spans="8:8">
      <c r="H609054" s="12"/>
    </row>
    <row r="609055" spans="8:8">
      <c r="H609055" s="12"/>
    </row>
    <row r="609056" spans="8:8">
      <c r="H609056" s="12"/>
    </row>
    <row r="609057" spans="8:8">
      <c r="H609057" s="12"/>
    </row>
    <row r="609058" spans="8:8">
      <c r="H609058" s="12"/>
    </row>
    <row r="609059" spans="8:8">
      <c r="H609059" s="12"/>
    </row>
    <row r="609060" spans="8:8">
      <c r="H609060" s="12"/>
    </row>
    <row r="609061" spans="8:8">
      <c r="H609061" s="12"/>
    </row>
    <row r="609062" spans="8:8">
      <c r="H609062" s="12"/>
    </row>
    <row r="609063" spans="8:8">
      <c r="H609063" s="12"/>
    </row>
    <row r="609064" spans="8:8">
      <c r="H609064" s="12"/>
    </row>
    <row r="609065" spans="8:8">
      <c r="H609065" s="12"/>
    </row>
    <row r="609066" spans="8:8">
      <c r="H609066" s="12"/>
    </row>
    <row r="609067" spans="8:8">
      <c r="H609067" s="12"/>
    </row>
    <row r="609068" spans="8:8">
      <c r="H609068" s="12"/>
    </row>
    <row r="609069" spans="8:8">
      <c r="H609069" s="12"/>
    </row>
    <row r="609070" spans="8:8">
      <c r="H609070" s="12"/>
    </row>
    <row r="609071" spans="8:8">
      <c r="H609071" s="12"/>
    </row>
    <row r="609072" spans="8:8">
      <c r="H609072" s="12"/>
    </row>
    <row r="609073" spans="8:8">
      <c r="H609073" s="12"/>
    </row>
    <row r="609074" spans="8:8">
      <c r="H609074" s="12"/>
    </row>
    <row r="609075" spans="8:8">
      <c r="H609075" s="12"/>
    </row>
    <row r="609076" spans="8:8">
      <c r="H609076" s="12"/>
    </row>
    <row r="609077" spans="8:8">
      <c r="H609077" s="12"/>
    </row>
    <row r="609078" spans="8:8">
      <c r="H609078" s="12"/>
    </row>
    <row r="609079" spans="8:8">
      <c r="H609079" s="12"/>
    </row>
    <row r="609080" spans="8:8">
      <c r="H609080" s="12"/>
    </row>
    <row r="609081" spans="8:8">
      <c r="H609081" s="12"/>
    </row>
    <row r="609082" spans="8:8">
      <c r="H609082" s="12"/>
    </row>
    <row r="609083" spans="8:8">
      <c r="H609083" s="12"/>
    </row>
    <row r="609084" spans="8:8">
      <c r="H609084" s="12"/>
    </row>
    <row r="609085" spans="8:8">
      <c r="H609085" s="12"/>
    </row>
    <row r="609086" spans="8:8">
      <c r="H609086" s="12"/>
    </row>
    <row r="609087" spans="8:8">
      <c r="H609087" s="12"/>
    </row>
    <row r="609088" spans="8:8">
      <c r="H609088" s="12"/>
    </row>
    <row r="609089" spans="8:8">
      <c r="H609089" s="12"/>
    </row>
    <row r="609090" spans="8:8">
      <c r="H609090" s="12"/>
    </row>
    <row r="609091" spans="8:8">
      <c r="H609091" s="12"/>
    </row>
    <row r="609092" spans="8:8">
      <c r="H609092" s="12"/>
    </row>
    <row r="609093" spans="8:8">
      <c r="H609093" s="12"/>
    </row>
    <row r="609094" spans="8:8">
      <c r="H609094" s="12"/>
    </row>
    <row r="609095" spans="8:8">
      <c r="H609095" s="12"/>
    </row>
    <row r="609096" spans="8:8">
      <c r="H609096" s="12"/>
    </row>
    <row r="609097" spans="8:8">
      <c r="H609097" s="12"/>
    </row>
    <row r="609098" spans="8:8">
      <c r="H609098" s="12"/>
    </row>
    <row r="609099" spans="8:8">
      <c r="H609099" s="12"/>
    </row>
    <row r="609100" spans="8:8">
      <c r="H609100" s="12"/>
    </row>
    <row r="609101" spans="8:8">
      <c r="H609101" s="12"/>
    </row>
    <row r="609102" spans="8:8">
      <c r="H609102" s="12"/>
    </row>
    <row r="609103" spans="8:8">
      <c r="H609103" s="12"/>
    </row>
    <row r="609104" spans="8:8">
      <c r="H609104" s="12"/>
    </row>
    <row r="609105" spans="8:8">
      <c r="H609105" s="12"/>
    </row>
    <row r="609106" spans="8:8">
      <c r="H609106" s="12"/>
    </row>
    <row r="609107" spans="8:8">
      <c r="H609107" s="12"/>
    </row>
    <row r="609108" spans="8:8">
      <c r="H609108" s="12"/>
    </row>
    <row r="609109" spans="8:8">
      <c r="H609109" s="12"/>
    </row>
    <row r="609110" spans="8:8">
      <c r="H609110" s="12"/>
    </row>
    <row r="609111" spans="8:8">
      <c r="H609111" s="12"/>
    </row>
    <row r="609112" spans="8:8">
      <c r="H609112" s="12"/>
    </row>
    <row r="609113" spans="8:8">
      <c r="H609113" s="12"/>
    </row>
    <row r="609114" spans="8:8">
      <c r="H609114" s="12"/>
    </row>
    <row r="609115" spans="8:8">
      <c r="H609115" s="12"/>
    </row>
    <row r="609116" spans="8:8">
      <c r="H609116" s="12"/>
    </row>
    <row r="609117" spans="8:8">
      <c r="H609117" s="12"/>
    </row>
    <row r="609118" spans="8:8">
      <c r="H609118" s="12"/>
    </row>
    <row r="609119" spans="8:8">
      <c r="H609119" s="12"/>
    </row>
    <row r="609120" spans="8:8">
      <c r="H609120" s="12"/>
    </row>
    <row r="609121" spans="8:8">
      <c r="H609121" s="12"/>
    </row>
    <row r="609122" spans="8:8">
      <c r="H609122" s="12"/>
    </row>
    <row r="609123" spans="8:8">
      <c r="H609123" s="12"/>
    </row>
    <row r="609124" spans="8:8">
      <c r="H609124" s="12"/>
    </row>
    <row r="609125" spans="8:8">
      <c r="H609125" s="12"/>
    </row>
    <row r="609126" spans="8:8">
      <c r="H609126" s="12"/>
    </row>
    <row r="609127" spans="8:8">
      <c r="H609127" s="12"/>
    </row>
    <row r="609128" spans="8:8">
      <c r="H609128" s="12"/>
    </row>
    <row r="609129" spans="8:8">
      <c r="H609129" s="12"/>
    </row>
    <row r="609130" spans="8:8">
      <c r="H609130" s="12"/>
    </row>
    <row r="609131" spans="8:8">
      <c r="H609131" s="12"/>
    </row>
    <row r="609132" spans="8:8">
      <c r="H609132" s="12"/>
    </row>
    <row r="609133" spans="8:8">
      <c r="H609133" s="12"/>
    </row>
    <row r="609134" spans="8:8">
      <c r="H609134" s="12"/>
    </row>
    <row r="609135" spans="8:8">
      <c r="H609135" s="12"/>
    </row>
    <row r="609136" spans="8:8">
      <c r="H609136" s="12"/>
    </row>
    <row r="609137" spans="8:8">
      <c r="H609137" s="12"/>
    </row>
    <row r="609138" spans="8:8">
      <c r="H609138" s="12"/>
    </row>
    <row r="609139" spans="8:8">
      <c r="H609139" s="12"/>
    </row>
    <row r="609140" spans="8:8">
      <c r="H609140" s="12"/>
    </row>
    <row r="609141" spans="8:8">
      <c r="H609141" s="12"/>
    </row>
    <row r="609142" spans="8:8">
      <c r="H609142" s="12"/>
    </row>
    <row r="609143" spans="8:8">
      <c r="H609143" s="12"/>
    </row>
    <row r="609144" spans="8:8">
      <c r="H609144" s="12"/>
    </row>
    <row r="609145" spans="8:8">
      <c r="H609145" s="12"/>
    </row>
    <row r="609146" spans="8:8">
      <c r="H609146" s="12"/>
    </row>
    <row r="609147" spans="8:8">
      <c r="H609147" s="12"/>
    </row>
    <row r="609148" spans="8:8">
      <c r="H609148" s="12"/>
    </row>
    <row r="609149" spans="8:8">
      <c r="H609149" s="12"/>
    </row>
    <row r="609150" spans="8:8">
      <c r="H609150" s="12"/>
    </row>
    <row r="609151" spans="8:8">
      <c r="H609151" s="12"/>
    </row>
    <row r="609152" spans="8:8">
      <c r="H609152" s="12"/>
    </row>
    <row r="609153" spans="8:8">
      <c r="H609153" s="12"/>
    </row>
    <row r="609154" spans="8:8">
      <c r="H609154" s="12"/>
    </row>
    <row r="609155" spans="8:8">
      <c r="H609155" s="12"/>
    </row>
    <row r="609156" spans="8:8">
      <c r="H609156" s="12"/>
    </row>
    <row r="609157" spans="8:8">
      <c r="H609157" s="12"/>
    </row>
    <row r="609158" spans="8:8">
      <c r="H609158" s="12"/>
    </row>
    <row r="609159" spans="8:8">
      <c r="H609159" s="12"/>
    </row>
    <row r="609160" spans="8:8">
      <c r="H609160" s="12"/>
    </row>
    <row r="609161" spans="8:8">
      <c r="H609161" s="12"/>
    </row>
    <row r="609162" spans="8:8">
      <c r="H609162" s="12"/>
    </row>
    <row r="609163" spans="8:8">
      <c r="H609163" s="12"/>
    </row>
    <row r="609164" spans="8:8">
      <c r="H609164" s="12"/>
    </row>
    <row r="609165" spans="8:8">
      <c r="H609165" s="12"/>
    </row>
    <row r="609166" spans="8:8">
      <c r="H609166" s="12"/>
    </row>
    <row r="609167" spans="8:8">
      <c r="H609167" s="12"/>
    </row>
    <row r="609168" spans="8:8">
      <c r="H609168" s="12"/>
    </row>
    <row r="609169" spans="8:8">
      <c r="H609169" s="12"/>
    </row>
    <row r="609170" spans="8:8">
      <c r="H609170" s="12"/>
    </row>
    <row r="609171" spans="8:8">
      <c r="H609171" s="12"/>
    </row>
    <row r="609172" spans="8:8">
      <c r="H609172" s="12"/>
    </row>
    <row r="609173" spans="8:8">
      <c r="H609173" s="12"/>
    </row>
    <row r="609174" spans="8:8">
      <c r="H609174" s="12"/>
    </row>
    <row r="609175" spans="8:8">
      <c r="H609175" s="12"/>
    </row>
    <row r="609176" spans="8:8">
      <c r="H609176" s="12"/>
    </row>
    <row r="609177" spans="8:8">
      <c r="H609177" s="12"/>
    </row>
    <row r="609178" spans="8:8">
      <c r="H609178" s="12"/>
    </row>
    <row r="609179" spans="8:8">
      <c r="H609179" s="12"/>
    </row>
    <row r="609180" spans="8:8">
      <c r="H609180" s="12"/>
    </row>
    <row r="609181" spans="8:8">
      <c r="H609181" s="12"/>
    </row>
    <row r="609182" spans="8:8">
      <c r="H609182" s="12"/>
    </row>
    <row r="609183" spans="8:8">
      <c r="H609183" s="12"/>
    </row>
    <row r="609184" spans="8:8">
      <c r="H609184" s="12"/>
    </row>
    <row r="609185" spans="8:8">
      <c r="H609185" s="12"/>
    </row>
    <row r="609186" spans="8:8">
      <c r="H609186" s="12"/>
    </row>
    <row r="609187" spans="8:8">
      <c r="H609187" s="12"/>
    </row>
    <row r="609188" spans="8:8">
      <c r="H609188" s="12"/>
    </row>
    <row r="609189" spans="8:8">
      <c r="H609189" s="12"/>
    </row>
    <row r="609190" spans="8:8">
      <c r="H609190" s="12"/>
    </row>
    <row r="609191" spans="8:8">
      <c r="H609191" s="12"/>
    </row>
    <row r="609192" spans="8:8">
      <c r="H609192" s="12"/>
    </row>
    <row r="609193" spans="8:8">
      <c r="H609193" s="12"/>
    </row>
    <row r="609194" spans="8:8">
      <c r="H609194" s="12"/>
    </row>
    <row r="609195" spans="8:8">
      <c r="H609195" s="12"/>
    </row>
    <row r="609196" spans="8:8">
      <c r="H609196" s="12"/>
    </row>
    <row r="609197" spans="8:8">
      <c r="H609197" s="12"/>
    </row>
    <row r="609198" spans="8:8">
      <c r="H609198" s="12"/>
    </row>
    <row r="609199" spans="8:8">
      <c r="H609199" s="12"/>
    </row>
    <row r="609200" spans="8:8">
      <c r="H609200" s="12"/>
    </row>
    <row r="609201" spans="8:8">
      <c r="H609201" s="12"/>
    </row>
    <row r="609202" spans="8:8">
      <c r="H609202" s="12"/>
    </row>
    <row r="609203" spans="8:8">
      <c r="H609203" s="12"/>
    </row>
    <row r="609204" spans="8:8">
      <c r="H609204" s="12"/>
    </row>
    <row r="609205" spans="8:8">
      <c r="H609205" s="12"/>
    </row>
    <row r="609206" spans="8:8">
      <c r="H609206" s="12"/>
    </row>
    <row r="609207" spans="8:8">
      <c r="H609207" s="12"/>
    </row>
    <row r="609208" spans="8:8">
      <c r="H609208" s="12"/>
    </row>
    <row r="609209" spans="8:8">
      <c r="H609209" s="12"/>
    </row>
    <row r="609210" spans="8:8">
      <c r="H609210" s="12"/>
    </row>
    <row r="609211" spans="8:8">
      <c r="H609211" s="12"/>
    </row>
    <row r="609212" spans="8:8">
      <c r="H609212" s="12"/>
    </row>
    <row r="609213" spans="8:8">
      <c r="H609213" s="12"/>
    </row>
    <row r="609214" spans="8:8">
      <c r="H609214" s="12"/>
    </row>
    <row r="609215" spans="8:8">
      <c r="H609215" s="12"/>
    </row>
    <row r="609216" spans="8:8">
      <c r="H609216" s="12"/>
    </row>
    <row r="609217" spans="8:8">
      <c r="H609217" s="12"/>
    </row>
    <row r="609218" spans="8:8">
      <c r="H609218" s="12"/>
    </row>
    <row r="609219" spans="8:8">
      <c r="H609219" s="12"/>
    </row>
    <row r="609220" spans="8:8">
      <c r="H609220" s="12"/>
    </row>
    <row r="609221" spans="8:8">
      <c r="H609221" s="12"/>
    </row>
    <row r="609222" spans="8:8">
      <c r="H609222" s="12"/>
    </row>
    <row r="609223" spans="8:8">
      <c r="H609223" s="12"/>
    </row>
    <row r="609224" spans="8:8">
      <c r="H609224" s="12"/>
    </row>
    <row r="609225" spans="8:8">
      <c r="H609225" s="12"/>
    </row>
    <row r="609226" spans="8:8">
      <c r="H609226" s="12"/>
    </row>
    <row r="609227" spans="8:8">
      <c r="H609227" s="12"/>
    </row>
    <row r="609228" spans="8:8">
      <c r="H609228" s="12"/>
    </row>
    <row r="609229" spans="8:8">
      <c r="H609229" s="12"/>
    </row>
    <row r="609230" spans="8:8">
      <c r="H609230" s="12"/>
    </row>
    <row r="609231" spans="8:8">
      <c r="H609231" s="12"/>
    </row>
    <row r="609232" spans="8:8">
      <c r="H609232" s="12"/>
    </row>
    <row r="609233" spans="8:8">
      <c r="H609233" s="12"/>
    </row>
    <row r="609234" spans="8:8">
      <c r="H609234" s="12"/>
    </row>
    <row r="609235" spans="8:8">
      <c r="H609235" s="12"/>
    </row>
    <row r="609236" spans="8:8">
      <c r="H609236" s="12"/>
    </row>
    <row r="609237" spans="8:8">
      <c r="H609237" s="12"/>
    </row>
    <row r="609238" spans="8:8">
      <c r="H609238" s="12"/>
    </row>
    <row r="609239" spans="8:8">
      <c r="H609239" s="12"/>
    </row>
    <row r="609240" spans="8:8">
      <c r="H609240" s="12"/>
    </row>
    <row r="609241" spans="8:8">
      <c r="H609241" s="12"/>
    </row>
    <row r="609242" spans="8:8">
      <c r="H609242" s="12"/>
    </row>
    <row r="609243" spans="8:8">
      <c r="H609243" s="12"/>
    </row>
    <row r="609244" spans="8:8">
      <c r="H609244" s="12"/>
    </row>
    <row r="609245" spans="8:8">
      <c r="H609245" s="12"/>
    </row>
    <row r="609246" spans="8:8">
      <c r="H609246" s="12"/>
    </row>
    <row r="609247" spans="8:8">
      <c r="H609247" s="12"/>
    </row>
    <row r="609248" spans="8:8">
      <c r="H609248" s="12"/>
    </row>
    <row r="609249" spans="8:8">
      <c r="H609249" s="12"/>
    </row>
    <row r="609250" spans="8:8">
      <c r="H609250" s="12"/>
    </row>
    <row r="609251" spans="8:8">
      <c r="H609251" s="12"/>
    </row>
    <row r="609252" spans="8:8">
      <c r="H609252" s="12"/>
    </row>
    <row r="609253" spans="8:8">
      <c r="H609253" s="12"/>
    </row>
    <row r="609254" spans="8:8">
      <c r="H609254" s="12"/>
    </row>
    <row r="609255" spans="8:8">
      <c r="H609255" s="12"/>
    </row>
    <row r="609256" spans="8:8">
      <c r="H609256" s="12"/>
    </row>
    <row r="609257" spans="8:8">
      <c r="H609257" s="12"/>
    </row>
    <row r="609258" spans="8:8">
      <c r="H609258" s="12"/>
    </row>
    <row r="609259" spans="8:8">
      <c r="H609259" s="12"/>
    </row>
    <row r="609260" spans="8:8">
      <c r="H609260" s="12"/>
    </row>
    <row r="609261" spans="8:8">
      <c r="H609261" s="12"/>
    </row>
    <row r="609262" spans="8:8">
      <c r="H609262" s="12"/>
    </row>
    <row r="609263" spans="8:8">
      <c r="H609263" s="12"/>
    </row>
    <row r="609264" spans="8:8">
      <c r="H609264" s="12"/>
    </row>
    <row r="609265" spans="8:8">
      <c r="H609265" s="12"/>
    </row>
    <row r="609266" spans="8:8">
      <c r="H609266" s="12"/>
    </row>
    <row r="609267" spans="8:8">
      <c r="H609267" s="12"/>
    </row>
    <row r="609268" spans="8:8">
      <c r="H609268" s="12"/>
    </row>
    <row r="609269" spans="8:8">
      <c r="H609269" s="12"/>
    </row>
    <row r="609270" spans="8:8">
      <c r="H609270" s="12"/>
    </row>
    <row r="609271" spans="8:8">
      <c r="H609271" s="12"/>
    </row>
    <row r="609272" spans="8:8">
      <c r="H609272" s="12"/>
    </row>
    <row r="609273" spans="8:8">
      <c r="H609273" s="12"/>
    </row>
    <row r="609274" spans="8:8">
      <c r="H609274" s="12"/>
    </row>
    <row r="609275" spans="8:8">
      <c r="H609275" s="12"/>
    </row>
    <row r="609276" spans="8:8">
      <c r="H609276" s="12"/>
    </row>
    <row r="609277" spans="8:8">
      <c r="H609277" s="12"/>
    </row>
    <row r="609278" spans="8:8">
      <c r="H609278" s="12"/>
    </row>
    <row r="609279" spans="8:8">
      <c r="H609279" s="12"/>
    </row>
    <row r="609280" spans="8:8">
      <c r="H609280" s="12"/>
    </row>
    <row r="609281" spans="8:8">
      <c r="H609281" s="12"/>
    </row>
    <row r="609282" spans="8:8">
      <c r="H609282" s="12"/>
    </row>
    <row r="609283" spans="8:8">
      <c r="H609283" s="12"/>
    </row>
    <row r="609284" spans="8:8">
      <c r="H609284" s="12"/>
    </row>
    <row r="609285" spans="8:8">
      <c r="H609285" s="12"/>
    </row>
    <row r="609286" spans="8:8">
      <c r="H609286" s="12"/>
    </row>
    <row r="609287" spans="8:8">
      <c r="H609287" s="12"/>
    </row>
    <row r="609288" spans="8:8">
      <c r="H609288" s="12"/>
    </row>
    <row r="609289" spans="8:8">
      <c r="H609289" s="12"/>
    </row>
    <row r="609290" spans="8:8">
      <c r="H609290" s="12"/>
    </row>
    <row r="609291" spans="8:8">
      <c r="H609291" s="12"/>
    </row>
    <row r="609292" spans="8:8">
      <c r="H609292" s="12"/>
    </row>
    <row r="609293" spans="8:8">
      <c r="H609293" s="12"/>
    </row>
    <row r="609294" spans="8:8">
      <c r="H609294" s="12"/>
    </row>
    <row r="609295" spans="8:8">
      <c r="H609295" s="12"/>
    </row>
    <row r="609296" spans="8:8">
      <c r="H609296" s="12"/>
    </row>
    <row r="609297" spans="8:8">
      <c r="H609297" s="12"/>
    </row>
    <row r="609298" spans="8:8">
      <c r="H609298" s="12"/>
    </row>
    <row r="609299" spans="8:8">
      <c r="H609299" s="12"/>
    </row>
    <row r="609300" spans="8:8">
      <c r="H609300" s="12"/>
    </row>
    <row r="609301" spans="8:8">
      <c r="H609301" s="12"/>
    </row>
    <row r="609302" spans="8:8">
      <c r="H609302" s="12"/>
    </row>
    <row r="609303" spans="8:8">
      <c r="H609303" s="12"/>
    </row>
    <row r="609304" spans="8:8">
      <c r="H609304" s="12"/>
    </row>
    <row r="609305" spans="8:8">
      <c r="H609305" s="12"/>
    </row>
    <row r="609306" spans="8:8">
      <c r="H609306" s="12"/>
    </row>
    <row r="609307" spans="8:8">
      <c r="H609307" s="12"/>
    </row>
    <row r="609308" spans="8:8">
      <c r="H609308" s="12"/>
    </row>
    <row r="609309" spans="8:8">
      <c r="H609309" s="12"/>
    </row>
    <row r="609310" spans="8:8">
      <c r="H609310" s="12"/>
    </row>
    <row r="609311" spans="8:8">
      <c r="H609311" s="12"/>
    </row>
    <row r="609312" spans="8:8">
      <c r="H609312" s="12"/>
    </row>
    <row r="609313" spans="8:8">
      <c r="H609313" s="12"/>
    </row>
    <row r="609314" spans="8:8">
      <c r="H609314" s="12"/>
    </row>
    <row r="609315" spans="8:8">
      <c r="H609315" s="12"/>
    </row>
    <row r="609316" spans="8:8">
      <c r="H609316" s="12"/>
    </row>
    <row r="609317" spans="8:8">
      <c r="H609317" s="12"/>
    </row>
    <row r="609318" spans="8:8">
      <c r="H609318" s="12"/>
    </row>
    <row r="609319" spans="8:8">
      <c r="H609319" s="12"/>
    </row>
    <row r="609320" spans="8:8">
      <c r="H609320" s="12"/>
    </row>
    <row r="609321" spans="8:8">
      <c r="H609321" s="12"/>
    </row>
    <row r="609322" spans="8:8">
      <c r="H609322" s="12"/>
    </row>
    <row r="609323" spans="8:8">
      <c r="H609323" s="12"/>
    </row>
    <row r="609324" spans="8:8">
      <c r="H609324" s="12"/>
    </row>
    <row r="609325" spans="8:8">
      <c r="H609325" s="12"/>
    </row>
    <row r="609326" spans="8:8">
      <c r="H609326" s="12"/>
    </row>
    <row r="609327" spans="8:8">
      <c r="H609327" s="12"/>
    </row>
    <row r="609328" spans="8:8">
      <c r="H609328" s="12"/>
    </row>
    <row r="609329" spans="8:8">
      <c r="H609329" s="12"/>
    </row>
    <row r="609330" spans="8:8">
      <c r="H609330" s="12"/>
    </row>
    <row r="609331" spans="8:8">
      <c r="H609331" s="12"/>
    </row>
    <row r="609332" spans="8:8">
      <c r="H609332" s="12"/>
    </row>
    <row r="609333" spans="8:8">
      <c r="H609333" s="12"/>
    </row>
    <row r="609334" spans="8:8">
      <c r="H609334" s="12"/>
    </row>
    <row r="609335" spans="8:8">
      <c r="H609335" s="12"/>
    </row>
    <row r="609336" spans="8:8">
      <c r="H609336" s="12"/>
    </row>
    <row r="609337" spans="8:8">
      <c r="H609337" s="12"/>
    </row>
    <row r="609338" spans="8:8">
      <c r="H609338" s="12"/>
    </row>
    <row r="609339" spans="8:8">
      <c r="H609339" s="12"/>
    </row>
    <row r="609340" spans="8:8">
      <c r="H609340" s="12"/>
    </row>
    <row r="609341" spans="8:8">
      <c r="H609341" s="12"/>
    </row>
    <row r="609342" spans="8:8">
      <c r="H609342" s="12"/>
    </row>
    <row r="609343" spans="8:8">
      <c r="H609343" s="12"/>
    </row>
    <row r="609344" spans="8:8">
      <c r="H609344" s="12"/>
    </row>
    <row r="609345" spans="8:8">
      <c r="H609345" s="12"/>
    </row>
    <row r="609346" spans="8:8">
      <c r="H609346" s="12"/>
    </row>
    <row r="609347" spans="8:8">
      <c r="H609347" s="12"/>
    </row>
    <row r="609348" spans="8:8">
      <c r="H609348" s="12"/>
    </row>
    <row r="609349" spans="8:8">
      <c r="H609349" s="12"/>
    </row>
    <row r="609350" spans="8:8">
      <c r="H609350" s="12"/>
    </row>
    <row r="609351" spans="8:8">
      <c r="H609351" s="12"/>
    </row>
    <row r="609352" spans="8:8">
      <c r="H609352" s="12"/>
    </row>
    <row r="609353" spans="8:8">
      <c r="H609353" s="12"/>
    </row>
    <row r="609354" spans="8:8">
      <c r="H609354" s="12"/>
    </row>
    <row r="609355" spans="8:8">
      <c r="H609355" s="12"/>
    </row>
    <row r="609356" spans="8:8">
      <c r="H609356" s="12"/>
    </row>
    <row r="609357" spans="8:8">
      <c r="H609357" s="12"/>
    </row>
    <row r="609358" spans="8:8">
      <c r="H609358" s="12"/>
    </row>
    <row r="609359" spans="8:8">
      <c r="H609359" s="12"/>
    </row>
    <row r="609360" spans="8:8">
      <c r="H609360" s="12"/>
    </row>
    <row r="609361" spans="8:8">
      <c r="H609361" s="12"/>
    </row>
    <row r="609362" spans="8:8">
      <c r="H609362" s="12"/>
    </row>
    <row r="609363" spans="8:8">
      <c r="H609363" s="12"/>
    </row>
    <row r="609364" spans="8:8">
      <c r="H609364" s="12"/>
    </row>
    <row r="609365" spans="8:8">
      <c r="H609365" s="12"/>
    </row>
    <row r="609366" spans="8:8">
      <c r="H609366" s="12"/>
    </row>
    <row r="609367" spans="8:8">
      <c r="H609367" s="12"/>
    </row>
    <row r="609368" spans="8:8">
      <c r="H609368" s="12"/>
    </row>
    <row r="609369" spans="8:8">
      <c r="H609369" s="12"/>
    </row>
    <row r="609370" spans="8:8">
      <c r="H609370" s="12"/>
    </row>
    <row r="609371" spans="8:8">
      <c r="H609371" s="12"/>
    </row>
    <row r="609372" spans="8:8">
      <c r="H609372" s="12"/>
    </row>
    <row r="609373" spans="8:8">
      <c r="H609373" s="12"/>
    </row>
    <row r="609374" spans="8:8">
      <c r="H609374" s="12"/>
    </row>
    <row r="609375" spans="8:8">
      <c r="H609375" s="12"/>
    </row>
    <row r="609376" spans="8:8">
      <c r="H609376" s="12"/>
    </row>
    <row r="609377" spans="8:8">
      <c r="H609377" s="12"/>
    </row>
    <row r="609378" spans="8:8">
      <c r="H609378" s="12"/>
    </row>
    <row r="609379" spans="8:8">
      <c r="H609379" s="12"/>
    </row>
    <row r="609380" spans="8:8">
      <c r="H609380" s="12"/>
    </row>
    <row r="609381" spans="8:8">
      <c r="H609381" s="12"/>
    </row>
    <row r="609382" spans="8:8">
      <c r="H609382" s="12"/>
    </row>
    <row r="609383" spans="8:8">
      <c r="H609383" s="12"/>
    </row>
    <row r="609384" spans="8:8">
      <c r="H609384" s="12"/>
    </row>
    <row r="609385" spans="8:8">
      <c r="H609385" s="12"/>
    </row>
    <row r="609386" spans="8:8">
      <c r="H609386" s="12"/>
    </row>
    <row r="609387" spans="8:8">
      <c r="H609387" s="12"/>
    </row>
    <row r="609388" spans="8:8">
      <c r="H609388" s="12"/>
    </row>
    <row r="609389" spans="8:8">
      <c r="H609389" s="12"/>
    </row>
    <row r="609390" spans="8:8">
      <c r="H609390" s="12"/>
    </row>
    <row r="609391" spans="8:8">
      <c r="H609391" s="12"/>
    </row>
    <row r="609392" spans="8:8">
      <c r="H609392" s="12"/>
    </row>
    <row r="609393" spans="8:8">
      <c r="H609393" s="12"/>
    </row>
    <row r="609394" spans="8:8">
      <c r="H609394" s="12"/>
    </row>
    <row r="609395" spans="8:8">
      <c r="H609395" s="12"/>
    </row>
    <row r="609396" spans="8:8">
      <c r="H609396" s="12"/>
    </row>
    <row r="609397" spans="8:8">
      <c r="H609397" s="12"/>
    </row>
    <row r="609398" spans="8:8">
      <c r="H609398" s="12"/>
    </row>
    <row r="609399" spans="8:8">
      <c r="H609399" s="12"/>
    </row>
    <row r="609400" spans="8:8">
      <c r="H609400" s="12"/>
    </row>
    <row r="609401" spans="8:8">
      <c r="H609401" s="12"/>
    </row>
    <row r="609402" spans="8:8">
      <c r="H609402" s="12"/>
    </row>
    <row r="609403" spans="8:8">
      <c r="H609403" s="12"/>
    </row>
    <row r="609404" spans="8:8">
      <c r="H609404" s="12"/>
    </row>
    <row r="609405" spans="8:8">
      <c r="H609405" s="12"/>
    </row>
    <row r="609406" spans="8:8">
      <c r="H609406" s="12"/>
    </row>
    <row r="609407" spans="8:8">
      <c r="H609407" s="12"/>
    </row>
    <row r="609408" spans="8:8">
      <c r="H609408" s="12"/>
    </row>
    <row r="609409" spans="8:8">
      <c r="H609409" s="12"/>
    </row>
    <row r="609410" spans="8:8">
      <c r="H609410" s="12"/>
    </row>
    <row r="609411" spans="8:8">
      <c r="H609411" s="12"/>
    </row>
    <row r="609412" spans="8:8">
      <c r="H609412" s="12"/>
    </row>
    <row r="609413" spans="8:8">
      <c r="H609413" s="12"/>
    </row>
    <row r="609414" spans="8:8">
      <c r="H609414" s="12"/>
    </row>
    <row r="609415" spans="8:8">
      <c r="H609415" s="12"/>
    </row>
    <row r="609416" spans="8:8">
      <c r="H609416" s="12"/>
    </row>
    <row r="609417" spans="8:8">
      <c r="H609417" s="12"/>
    </row>
    <row r="609418" spans="8:8">
      <c r="H609418" s="12"/>
    </row>
    <row r="609419" spans="8:8">
      <c r="H609419" s="12"/>
    </row>
    <row r="609420" spans="8:8">
      <c r="H609420" s="12"/>
    </row>
    <row r="609421" spans="8:8">
      <c r="H609421" s="12"/>
    </row>
    <row r="609422" spans="8:8">
      <c r="H609422" s="12"/>
    </row>
    <row r="609423" spans="8:8">
      <c r="H609423" s="12"/>
    </row>
    <row r="609424" spans="8:8">
      <c r="H609424" s="12"/>
    </row>
    <row r="609425" spans="8:8">
      <c r="H609425" s="12"/>
    </row>
    <row r="609426" spans="8:8">
      <c r="H609426" s="12"/>
    </row>
    <row r="609427" spans="8:8">
      <c r="H609427" s="12"/>
    </row>
    <row r="609428" spans="8:8">
      <c r="H609428" s="12"/>
    </row>
    <row r="609429" spans="8:8">
      <c r="H609429" s="12"/>
    </row>
    <row r="609430" spans="8:8">
      <c r="H609430" s="12"/>
    </row>
    <row r="609431" spans="8:8">
      <c r="H609431" s="12"/>
    </row>
    <row r="609432" spans="8:8">
      <c r="H609432" s="12"/>
    </row>
    <row r="609433" spans="8:8">
      <c r="H609433" s="12"/>
    </row>
    <row r="609434" spans="8:8">
      <c r="H609434" s="12"/>
    </row>
    <row r="609435" spans="8:8">
      <c r="H609435" s="12"/>
    </row>
    <row r="609436" spans="8:8">
      <c r="H609436" s="12"/>
    </row>
    <row r="609437" spans="8:8">
      <c r="H609437" s="12"/>
    </row>
    <row r="609438" spans="8:8">
      <c r="H609438" s="12"/>
    </row>
    <row r="609439" spans="8:8">
      <c r="H609439" s="12"/>
    </row>
    <row r="609440" spans="8:8">
      <c r="H609440" s="12"/>
    </row>
    <row r="609441" spans="8:8">
      <c r="H609441" s="12"/>
    </row>
    <row r="609442" spans="8:8">
      <c r="H609442" s="12"/>
    </row>
    <row r="609443" spans="8:8">
      <c r="H609443" s="12"/>
    </row>
    <row r="609444" spans="8:8">
      <c r="H609444" s="12"/>
    </row>
    <row r="609445" spans="8:8">
      <c r="H609445" s="12"/>
    </row>
    <row r="609446" spans="8:8">
      <c r="H609446" s="12"/>
    </row>
    <row r="609447" spans="8:8">
      <c r="H609447" s="12"/>
    </row>
    <row r="609448" spans="8:8">
      <c r="H609448" s="12"/>
    </row>
    <row r="609449" spans="8:8">
      <c r="H609449" s="12"/>
    </row>
    <row r="609450" spans="8:8">
      <c r="H609450" s="12"/>
    </row>
    <row r="609451" spans="8:8">
      <c r="H609451" s="12"/>
    </row>
    <row r="609452" spans="8:8">
      <c r="H609452" s="12"/>
    </row>
    <row r="609453" spans="8:8">
      <c r="H609453" s="12"/>
    </row>
    <row r="609454" spans="8:8">
      <c r="H609454" s="12"/>
    </row>
    <row r="609455" spans="8:8">
      <c r="H609455" s="12"/>
    </row>
    <row r="609456" spans="8:8">
      <c r="H609456" s="12"/>
    </row>
    <row r="609457" spans="8:8">
      <c r="H609457" s="12"/>
    </row>
    <row r="609458" spans="8:8">
      <c r="H609458" s="12"/>
    </row>
    <row r="609459" spans="8:8">
      <c r="H609459" s="12"/>
    </row>
    <row r="609460" spans="8:8">
      <c r="H609460" s="12"/>
    </row>
    <row r="609461" spans="8:8">
      <c r="H609461" s="12"/>
    </row>
    <row r="609462" spans="8:8">
      <c r="H609462" s="12"/>
    </row>
    <row r="609463" spans="8:8">
      <c r="H609463" s="12"/>
    </row>
    <row r="609464" spans="8:8">
      <c r="H609464" s="12"/>
    </row>
    <row r="609465" spans="8:8">
      <c r="H609465" s="12"/>
    </row>
    <row r="609466" spans="8:8">
      <c r="H609466" s="12"/>
    </row>
    <row r="609467" spans="8:8">
      <c r="H609467" s="12"/>
    </row>
    <row r="609468" spans="8:8">
      <c r="H609468" s="12"/>
    </row>
    <row r="609469" spans="8:8">
      <c r="H609469" s="12"/>
    </row>
    <row r="609470" spans="8:8">
      <c r="H609470" s="12"/>
    </row>
    <row r="609471" spans="8:8">
      <c r="H609471" s="12"/>
    </row>
    <row r="609472" spans="8:8">
      <c r="H609472" s="12"/>
    </row>
    <row r="609473" spans="8:8">
      <c r="H609473" s="12"/>
    </row>
    <row r="609474" spans="8:8">
      <c r="H609474" s="12"/>
    </row>
    <row r="609475" spans="8:8">
      <c r="H609475" s="12"/>
    </row>
    <row r="609476" spans="8:8">
      <c r="H609476" s="12"/>
    </row>
    <row r="609477" spans="8:8">
      <c r="H609477" s="12"/>
    </row>
    <row r="609478" spans="8:8">
      <c r="H609478" s="12"/>
    </row>
    <row r="609479" spans="8:8">
      <c r="H609479" s="12"/>
    </row>
    <row r="609480" spans="8:8">
      <c r="H609480" s="12"/>
    </row>
    <row r="609481" spans="8:8">
      <c r="H609481" s="12"/>
    </row>
    <row r="609482" spans="8:8">
      <c r="H609482" s="12"/>
    </row>
    <row r="609483" spans="8:8">
      <c r="H609483" s="12"/>
    </row>
    <row r="609484" spans="8:8">
      <c r="H609484" s="12"/>
    </row>
    <row r="609485" spans="8:8">
      <c r="H609485" s="12"/>
    </row>
    <row r="609486" spans="8:8">
      <c r="H609486" s="12"/>
    </row>
    <row r="609487" spans="8:8">
      <c r="H609487" s="12"/>
    </row>
    <row r="609488" spans="8:8">
      <c r="H609488" s="12"/>
    </row>
    <row r="609489" spans="8:8">
      <c r="H609489" s="12"/>
    </row>
    <row r="609490" spans="8:8">
      <c r="H609490" s="12"/>
    </row>
    <row r="609491" spans="8:8">
      <c r="H609491" s="12"/>
    </row>
    <row r="609492" spans="8:8">
      <c r="H609492" s="12"/>
    </row>
    <row r="609493" spans="8:8">
      <c r="H609493" s="12"/>
    </row>
    <row r="609494" spans="8:8">
      <c r="H609494" s="12"/>
    </row>
    <row r="609495" spans="8:8">
      <c r="H609495" s="12"/>
    </row>
    <row r="609496" spans="8:8">
      <c r="H609496" s="12"/>
    </row>
    <row r="609497" spans="8:8">
      <c r="H609497" s="12"/>
    </row>
    <row r="609498" spans="8:8">
      <c r="H609498" s="12"/>
    </row>
    <row r="609499" spans="8:8">
      <c r="H609499" s="12"/>
    </row>
    <row r="609500" spans="8:8">
      <c r="H609500" s="12"/>
    </row>
    <row r="609501" spans="8:8">
      <c r="H609501" s="12"/>
    </row>
    <row r="609502" spans="8:8">
      <c r="H609502" s="12"/>
    </row>
    <row r="609503" spans="8:8">
      <c r="H609503" s="12"/>
    </row>
    <row r="609504" spans="8:8">
      <c r="H609504" s="12"/>
    </row>
    <row r="609505" spans="8:8">
      <c r="H609505" s="12"/>
    </row>
    <row r="609506" spans="8:8">
      <c r="H609506" s="12"/>
    </row>
    <row r="609507" spans="8:8">
      <c r="H609507" s="12"/>
    </row>
    <row r="609508" spans="8:8">
      <c r="H609508" s="12"/>
    </row>
    <row r="609509" spans="8:8">
      <c r="H609509" s="12"/>
    </row>
    <row r="609510" spans="8:8">
      <c r="H609510" s="12"/>
    </row>
    <row r="609511" spans="8:8">
      <c r="H609511" s="12"/>
    </row>
    <row r="609512" spans="8:8">
      <c r="H609512" s="12"/>
    </row>
    <row r="609513" spans="8:8">
      <c r="H609513" s="12"/>
    </row>
    <row r="609514" spans="8:8">
      <c r="H609514" s="12"/>
    </row>
    <row r="609515" spans="8:8">
      <c r="H609515" s="12"/>
    </row>
    <row r="609516" spans="8:8">
      <c r="H609516" s="12"/>
    </row>
    <row r="609517" spans="8:8">
      <c r="H609517" s="12"/>
    </row>
    <row r="609518" spans="8:8">
      <c r="H609518" s="12"/>
    </row>
    <row r="609519" spans="8:8">
      <c r="H609519" s="12"/>
    </row>
    <row r="609520" spans="8:8">
      <c r="H609520" s="12"/>
    </row>
    <row r="609521" spans="8:8">
      <c r="H609521" s="12"/>
    </row>
    <row r="609522" spans="8:8">
      <c r="H609522" s="12"/>
    </row>
    <row r="609523" spans="8:8">
      <c r="H609523" s="12"/>
    </row>
    <row r="609524" spans="8:8">
      <c r="H609524" s="12"/>
    </row>
    <row r="609525" spans="8:8">
      <c r="H609525" s="12"/>
    </row>
    <row r="609526" spans="8:8">
      <c r="H609526" s="12"/>
    </row>
    <row r="609527" spans="8:8">
      <c r="H609527" s="12"/>
    </row>
    <row r="609528" spans="8:8">
      <c r="H609528" s="12"/>
    </row>
    <row r="609529" spans="8:8">
      <c r="H609529" s="12"/>
    </row>
    <row r="609530" spans="8:8">
      <c r="H609530" s="12"/>
    </row>
    <row r="609531" spans="8:8">
      <c r="H609531" s="12"/>
    </row>
    <row r="609532" spans="8:8">
      <c r="H609532" s="12"/>
    </row>
    <row r="609533" spans="8:8">
      <c r="H609533" s="12"/>
    </row>
    <row r="609534" spans="8:8">
      <c r="H609534" s="12"/>
    </row>
    <row r="609535" spans="8:8">
      <c r="H609535" s="12"/>
    </row>
    <row r="609536" spans="8:8">
      <c r="H609536" s="12"/>
    </row>
    <row r="609537" spans="8:8">
      <c r="H609537" s="12"/>
    </row>
    <row r="609538" spans="8:8">
      <c r="H609538" s="12"/>
    </row>
    <row r="609539" spans="8:8">
      <c r="H609539" s="12"/>
    </row>
    <row r="609540" spans="8:8">
      <c r="H609540" s="12"/>
    </row>
    <row r="609541" spans="8:8">
      <c r="H609541" s="12"/>
    </row>
    <row r="609542" spans="8:8">
      <c r="H609542" s="12"/>
    </row>
    <row r="609543" spans="8:8">
      <c r="H609543" s="12"/>
    </row>
    <row r="609544" spans="8:8">
      <c r="H609544" s="12"/>
    </row>
    <row r="609545" spans="8:8">
      <c r="H609545" s="12"/>
    </row>
    <row r="609546" spans="8:8">
      <c r="H609546" s="12"/>
    </row>
    <row r="609547" spans="8:8">
      <c r="H609547" s="12"/>
    </row>
    <row r="609548" spans="8:8">
      <c r="H609548" s="12"/>
    </row>
    <row r="609549" spans="8:8">
      <c r="H609549" s="12"/>
    </row>
    <row r="609550" spans="8:8">
      <c r="H609550" s="12"/>
    </row>
    <row r="609551" spans="8:8">
      <c r="H609551" s="12"/>
    </row>
    <row r="609552" spans="8:8">
      <c r="H609552" s="12"/>
    </row>
    <row r="609553" spans="8:8">
      <c r="H609553" s="12"/>
    </row>
    <row r="609554" spans="8:8">
      <c r="H609554" s="12"/>
    </row>
    <row r="609555" spans="8:8">
      <c r="H609555" s="12"/>
    </row>
    <row r="609556" spans="8:8">
      <c r="H609556" s="12"/>
    </row>
    <row r="609557" spans="8:8">
      <c r="H609557" s="12"/>
    </row>
    <row r="609558" spans="8:8">
      <c r="H609558" s="12"/>
    </row>
    <row r="609559" spans="8:8">
      <c r="H609559" s="12"/>
    </row>
    <row r="609560" spans="8:8">
      <c r="H609560" s="12"/>
    </row>
    <row r="609561" spans="8:8">
      <c r="H609561" s="12"/>
    </row>
    <row r="609562" spans="8:8">
      <c r="H609562" s="12"/>
    </row>
    <row r="609563" spans="8:8">
      <c r="H609563" s="12"/>
    </row>
    <row r="609564" spans="8:8">
      <c r="H609564" s="12"/>
    </row>
    <row r="609565" spans="8:8">
      <c r="H609565" s="12"/>
    </row>
    <row r="609566" spans="8:8">
      <c r="H609566" s="12"/>
    </row>
    <row r="609567" spans="8:8">
      <c r="H609567" s="12"/>
    </row>
    <row r="609568" spans="8:8">
      <c r="H609568" s="12"/>
    </row>
    <row r="609569" spans="8:8">
      <c r="H609569" s="12"/>
    </row>
    <row r="609570" spans="8:8">
      <c r="H609570" s="12"/>
    </row>
    <row r="609571" spans="8:8">
      <c r="H609571" s="12"/>
    </row>
    <row r="609572" spans="8:8">
      <c r="H609572" s="12"/>
    </row>
    <row r="609573" spans="8:8">
      <c r="H609573" s="12"/>
    </row>
    <row r="609574" spans="8:8">
      <c r="H609574" s="12"/>
    </row>
    <row r="609575" spans="8:8">
      <c r="H609575" s="12"/>
    </row>
    <row r="609576" spans="8:8">
      <c r="H609576" s="12"/>
    </row>
    <row r="609577" spans="8:8">
      <c r="H609577" s="12"/>
    </row>
    <row r="609578" spans="8:8">
      <c r="H609578" s="12"/>
    </row>
    <row r="609579" spans="8:8">
      <c r="H609579" s="12"/>
    </row>
    <row r="609580" spans="8:8">
      <c r="H609580" s="12"/>
    </row>
    <row r="609581" spans="8:8">
      <c r="H609581" s="12"/>
    </row>
    <row r="609582" spans="8:8">
      <c r="H609582" s="12"/>
    </row>
    <row r="609583" spans="8:8">
      <c r="H609583" s="12"/>
    </row>
    <row r="609584" spans="8:8">
      <c r="H609584" s="12"/>
    </row>
    <row r="609585" spans="8:8">
      <c r="H609585" s="12"/>
    </row>
    <row r="609586" spans="8:8">
      <c r="H609586" s="12"/>
    </row>
    <row r="609587" spans="8:8">
      <c r="H609587" s="12"/>
    </row>
    <row r="609588" spans="8:8">
      <c r="H609588" s="12"/>
    </row>
    <row r="609589" spans="8:8">
      <c r="H609589" s="12"/>
    </row>
    <row r="609590" spans="8:8">
      <c r="H609590" s="12"/>
    </row>
    <row r="609591" spans="8:8">
      <c r="H609591" s="12"/>
    </row>
    <row r="609592" spans="8:8">
      <c r="H609592" s="12"/>
    </row>
    <row r="609593" spans="8:8">
      <c r="H609593" s="12"/>
    </row>
    <row r="609594" spans="8:8">
      <c r="H609594" s="12"/>
    </row>
    <row r="609595" spans="8:8">
      <c r="H609595" s="12"/>
    </row>
    <row r="609596" spans="8:8">
      <c r="H609596" s="12"/>
    </row>
    <row r="609597" spans="8:8">
      <c r="H609597" s="12"/>
    </row>
    <row r="609598" spans="8:8">
      <c r="H609598" s="12"/>
    </row>
    <row r="609599" spans="8:8">
      <c r="H609599" s="12"/>
    </row>
    <row r="609600" spans="8:8">
      <c r="H609600" s="12"/>
    </row>
    <row r="609601" spans="8:8">
      <c r="H609601" s="12"/>
    </row>
    <row r="609602" spans="8:8">
      <c r="H609602" s="12"/>
    </row>
    <row r="609603" spans="8:8">
      <c r="H609603" s="12"/>
    </row>
    <row r="609604" spans="8:8">
      <c r="H609604" s="12"/>
    </row>
    <row r="609605" spans="8:8">
      <c r="H609605" s="12"/>
    </row>
    <row r="609606" spans="8:8">
      <c r="H609606" s="12"/>
    </row>
    <row r="609607" spans="8:8">
      <c r="H609607" s="12"/>
    </row>
    <row r="609608" spans="8:8">
      <c r="H609608" s="12"/>
    </row>
    <row r="609609" spans="8:8">
      <c r="H609609" s="12"/>
    </row>
    <row r="609610" spans="8:8">
      <c r="H609610" s="12"/>
    </row>
    <row r="609611" spans="8:8">
      <c r="H609611" s="12"/>
    </row>
    <row r="609612" spans="8:8">
      <c r="H609612" s="12"/>
    </row>
    <row r="609613" spans="8:8">
      <c r="H609613" s="12"/>
    </row>
    <row r="609614" spans="8:8">
      <c r="H609614" s="12"/>
    </row>
    <row r="609615" spans="8:8">
      <c r="H609615" s="12"/>
    </row>
    <row r="609616" spans="8:8">
      <c r="H609616" s="12"/>
    </row>
    <row r="609617" spans="8:8">
      <c r="H609617" s="12"/>
    </row>
    <row r="609618" spans="8:8">
      <c r="H609618" s="12"/>
    </row>
    <row r="609619" spans="8:8">
      <c r="H609619" s="12"/>
    </row>
    <row r="609620" spans="8:8">
      <c r="H609620" s="12"/>
    </row>
    <row r="609621" spans="8:8">
      <c r="H609621" s="12"/>
    </row>
    <row r="609622" spans="8:8">
      <c r="H609622" s="12"/>
    </row>
    <row r="609623" spans="8:8">
      <c r="H609623" s="12"/>
    </row>
    <row r="609624" spans="8:8">
      <c r="H609624" s="12"/>
    </row>
    <row r="609625" spans="8:8">
      <c r="H609625" s="12"/>
    </row>
    <row r="609626" spans="8:8">
      <c r="H609626" s="12"/>
    </row>
    <row r="609627" spans="8:8">
      <c r="H609627" s="12"/>
    </row>
    <row r="609628" spans="8:8">
      <c r="H609628" s="12"/>
    </row>
    <row r="609629" spans="8:8">
      <c r="H609629" s="12"/>
    </row>
    <row r="609630" spans="8:8">
      <c r="H609630" s="12"/>
    </row>
    <row r="609631" spans="8:8">
      <c r="H609631" s="12"/>
    </row>
    <row r="609632" spans="8:8">
      <c r="H609632" s="12"/>
    </row>
    <row r="609633" spans="8:8">
      <c r="H609633" s="12"/>
    </row>
    <row r="609634" spans="8:8">
      <c r="H609634" s="12"/>
    </row>
    <row r="609635" spans="8:8">
      <c r="H609635" s="12"/>
    </row>
    <row r="609636" spans="8:8">
      <c r="H609636" s="12"/>
    </row>
    <row r="609637" spans="8:8">
      <c r="H609637" s="12"/>
    </row>
    <row r="609638" spans="8:8">
      <c r="H609638" s="12"/>
    </row>
    <row r="609639" spans="8:8">
      <c r="H609639" s="12"/>
    </row>
    <row r="609640" spans="8:8">
      <c r="H609640" s="12"/>
    </row>
    <row r="609641" spans="8:8">
      <c r="H609641" s="12"/>
    </row>
    <row r="609642" spans="8:8">
      <c r="H609642" s="12"/>
    </row>
    <row r="609643" spans="8:8">
      <c r="H609643" s="12"/>
    </row>
    <row r="609644" spans="8:8">
      <c r="H609644" s="12"/>
    </row>
    <row r="609645" spans="8:8">
      <c r="H609645" s="12"/>
    </row>
    <row r="609646" spans="8:8">
      <c r="H609646" s="12"/>
    </row>
    <row r="609647" spans="8:8">
      <c r="H609647" s="12"/>
    </row>
    <row r="609648" spans="8:8">
      <c r="H609648" s="12"/>
    </row>
    <row r="609649" spans="8:8">
      <c r="H609649" s="12"/>
    </row>
    <row r="609650" spans="8:8">
      <c r="H609650" s="12"/>
    </row>
    <row r="609651" spans="8:8">
      <c r="H609651" s="12"/>
    </row>
    <row r="609652" spans="8:8">
      <c r="H609652" s="12"/>
    </row>
    <row r="609653" spans="8:8">
      <c r="H609653" s="12"/>
    </row>
    <row r="609654" spans="8:8">
      <c r="H609654" s="12"/>
    </row>
    <row r="609655" spans="8:8">
      <c r="H609655" s="12"/>
    </row>
    <row r="609656" spans="8:8">
      <c r="H609656" s="12"/>
    </row>
    <row r="609657" spans="8:8">
      <c r="H609657" s="12"/>
    </row>
    <row r="609658" spans="8:8">
      <c r="H609658" s="12"/>
    </row>
    <row r="609659" spans="8:8">
      <c r="H609659" s="12"/>
    </row>
    <row r="609660" spans="8:8">
      <c r="H609660" s="12"/>
    </row>
    <row r="609661" spans="8:8">
      <c r="H609661" s="12"/>
    </row>
    <row r="609662" spans="8:8">
      <c r="H609662" s="12"/>
    </row>
    <row r="609663" spans="8:8">
      <c r="H609663" s="12"/>
    </row>
    <row r="609664" spans="8:8">
      <c r="H609664" s="12"/>
    </row>
    <row r="609665" spans="8:8">
      <c r="H609665" s="12"/>
    </row>
    <row r="609666" spans="8:8">
      <c r="H609666" s="12"/>
    </row>
    <row r="609667" spans="8:8">
      <c r="H609667" s="12"/>
    </row>
    <row r="609668" spans="8:8">
      <c r="H609668" s="12"/>
    </row>
    <row r="609669" spans="8:8">
      <c r="H609669" s="12"/>
    </row>
    <row r="609670" spans="8:8">
      <c r="H609670" s="12"/>
    </row>
    <row r="609671" spans="8:8">
      <c r="H609671" s="12"/>
    </row>
    <row r="609672" spans="8:8">
      <c r="H609672" s="12"/>
    </row>
    <row r="609673" spans="8:8">
      <c r="H609673" s="12"/>
    </row>
    <row r="609674" spans="8:8">
      <c r="H609674" s="12"/>
    </row>
    <row r="609675" spans="8:8">
      <c r="H609675" s="12"/>
    </row>
    <row r="609676" spans="8:8">
      <c r="H609676" s="12"/>
    </row>
    <row r="609677" spans="8:8">
      <c r="H609677" s="12"/>
    </row>
    <row r="609678" spans="8:8">
      <c r="H609678" s="12"/>
    </row>
    <row r="609679" spans="8:8">
      <c r="H609679" s="12"/>
    </row>
    <row r="609680" spans="8:8">
      <c r="H609680" s="12"/>
    </row>
    <row r="609681" spans="8:8">
      <c r="H609681" s="12"/>
    </row>
    <row r="609682" spans="8:8">
      <c r="H609682" s="12"/>
    </row>
    <row r="609683" spans="8:8">
      <c r="H609683" s="12"/>
    </row>
    <row r="609684" spans="8:8">
      <c r="H609684" s="12"/>
    </row>
    <row r="609685" spans="8:8">
      <c r="H609685" s="12"/>
    </row>
    <row r="609686" spans="8:8">
      <c r="H609686" s="12"/>
    </row>
    <row r="609687" spans="8:8">
      <c r="H609687" s="12"/>
    </row>
    <row r="609688" spans="8:8">
      <c r="H609688" s="12"/>
    </row>
    <row r="609689" spans="8:8">
      <c r="H609689" s="12"/>
    </row>
    <row r="609690" spans="8:8">
      <c r="H609690" s="12"/>
    </row>
    <row r="609691" spans="8:8">
      <c r="H609691" s="12"/>
    </row>
    <row r="609692" spans="8:8">
      <c r="H609692" s="12"/>
    </row>
    <row r="609693" spans="8:8">
      <c r="H609693" s="12"/>
    </row>
    <row r="609694" spans="8:8">
      <c r="H609694" s="12"/>
    </row>
    <row r="609695" spans="8:8">
      <c r="H609695" s="12"/>
    </row>
    <row r="609696" spans="8:8">
      <c r="H609696" s="12"/>
    </row>
    <row r="609697" spans="8:8">
      <c r="H609697" s="12"/>
    </row>
    <row r="609698" spans="8:8">
      <c r="H609698" s="12"/>
    </row>
    <row r="609699" spans="8:8">
      <c r="H609699" s="12"/>
    </row>
    <row r="609700" spans="8:8">
      <c r="H609700" s="12"/>
    </row>
    <row r="609701" spans="8:8">
      <c r="H609701" s="12"/>
    </row>
    <row r="609702" spans="8:8">
      <c r="H609702" s="12"/>
    </row>
    <row r="609703" spans="8:8">
      <c r="H609703" s="12"/>
    </row>
    <row r="609704" spans="8:8">
      <c r="H609704" s="12"/>
    </row>
    <row r="609705" spans="8:8">
      <c r="H609705" s="12"/>
    </row>
    <row r="609706" spans="8:8">
      <c r="H609706" s="12"/>
    </row>
    <row r="609707" spans="8:8">
      <c r="H609707" s="12"/>
    </row>
    <row r="609708" spans="8:8">
      <c r="H609708" s="12"/>
    </row>
    <row r="609709" spans="8:8">
      <c r="H609709" s="12"/>
    </row>
    <row r="609710" spans="8:8">
      <c r="H609710" s="12"/>
    </row>
    <row r="609711" spans="8:8">
      <c r="H609711" s="12"/>
    </row>
    <row r="609712" spans="8:8">
      <c r="H609712" s="12"/>
    </row>
    <row r="609713" spans="8:8">
      <c r="H609713" s="12"/>
    </row>
    <row r="609714" spans="8:8">
      <c r="H609714" s="12"/>
    </row>
    <row r="609715" spans="8:8">
      <c r="H609715" s="12"/>
    </row>
    <row r="609716" spans="8:8">
      <c r="H609716" s="12"/>
    </row>
    <row r="609717" spans="8:8">
      <c r="H609717" s="12"/>
    </row>
    <row r="609718" spans="8:8">
      <c r="H609718" s="12"/>
    </row>
    <row r="609719" spans="8:8">
      <c r="H609719" s="12"/>
    </row>
    <row r="609720" spans="8:8">
      <c r="H609720" s="12"/>
    </row>
    <row r="609721" spans="8:8">
      <c r="H609721" s="12"/>
    </row>
    <row r="609722" spans="8:8">
      <c r="H609722" s="12"/>
    </row>
    <row r="609723" spans="8:8">
      <c r="H609723" s="12"/>
    </row>
    <row r="609724" spans="8:8">
      <c r="H609724" s="12"/>
    </row>
    <row r="609725" spans="8:8">
      <c r="H609725" s="12"/>
    </row>
    <row r="609726" spans="8:8">
      <c r="H609726" s="12"/>
    </row>
    <row r="609727" spans="8:8">
      <c r="H609727" s="12"/>
    </row>
    <row r="609728" spans="8:8">
      <c r="H609728" s="12"/>
    </row>
    <row r="609729" spans="8:8">
      <c r="H609729" s="12"/>
    </row>
    <row r="609730" spans="8:8">
      <c r="H609730" s="12"/>
    </row>
    <row r="609731" spans="8:8">
      <c r="H609731" s="12"/>
    </row>
    <row r="609732" spans="8:8">
      <c r="H609732" s="12"/>
    </row>
    <row r="609733" spans="8:8">
      <c r="H609733" s="12"/>
    </row>
    <row r="609734" spans="8:8">
      <c r="H609734" s="12"/>
    </row>
    <row r="609735" spans="8:8">
      <c r="H609735" s="12"/>
    </row>
    <row r="609736" spans="8:8">
      <c r="H609736" s="12"/>
    </row>
    <row r="609737" spans="8:8">
      <c r="H609737" s="12"/>
    </row>
    <row r="609738" spans="8:8">
      <c r="H609738" s="12"/>
    </row>
    <row r="609739" spans="8:8">
      <c r="H609739" s="12"/>
    </row>
    <row r="609740" spans="8:8">
      <c r="H609740" s="12"/>
    </row>
    <row r="609741" spans="8:8">
      <c r="H609741" s="12"/>
    </row>
    <row r="609742" spans="8:8">
      <c r="H609742" s="12"/>
    </row>
    <row r="609743" spans="8:8">
      <c r="H609743" s="12"/>
    </row>
    <row r="609744" spans="8:8">
      <c r="H609744" s="12"/>
    </row>
    <row r="609745" spans="8:8">
      <c r="H609745" s="12"/>
    </row>
    <row r="609746" spans="8:8">
      <c r="H609746" s="12"/>
    </row>
    <row r="609747" spans="8:8">
      <c r="H609747" s="12"/>
    </row>
    <row r="609748" spans="8:8">
      <c r="H609748" s="12"/>
    </row>
    <row r="609749" spans="8:8">
      <c r="H609749" s="12"/>
    </row>
    <row r="609750" spans="8:8">
      <c r="H609750" s="12"/>
    </row>
    <row r="609751" spans="8:8">
      <c r="H609751" s="12"/>
    </row>
    <row r="609752" spans="8:8">
      <c r="H609752" s="12"/>
    </row>
    <row r="609753" spans="8:8">
      <c r="H609753" s="12"/>
    </row>
    <row r="609754" spans="8:8">
      <c r="H609754" s="12"/>
    </row>
    <row r="609755" spans="8:8">
      <c r="H609755" s="12"/>
    </row>
    <row r="609756" spans="8:8">
      <c r="H609756" s="12"/>
    </row>
    <row r="609757" spans="8:8">
      <c r="H609757" s="12"/>
    </row>
    <row r="609758" spans="8:8">
      <c r="H609758" s="12"/>
    </row>
    <row r="609759" spans="8:8">
      <c r="H609759" s="12"/>
    </row>
    <row r="609760" spans="8:8">
      <c r="H609760" s="12"/>
    </row>
    <row r="609761" spans="8:8">
      <c r="H609761" s="12"/>
    </row>
    <row r="609762" spans="8:8">
      <c r="H609762" s="12"/>
    </row>
    <row r="609763" spans="8:8">
      <c r="H609763" s="12"/>
    </row>
    <row r="609764" spans="8:8">
      <c r="H609764" s="12"/>
    </row>
    <row r="609765" spans="8:8">
      <c r="H609765" s="12"/>
    </row>
    <row r="609766" spans="8:8">
      <c r="H609766" s="12"/>
    </row>
    <row r="609767" spans="8:8">
      <c r="H609767" s="12"/>
    </row>
    <row r="609768" spans="8:8">
      <c r="H609768" s="12"/>
    </row>
    <row r="609769" spans="8:8">
      <c r="H609769" s="12"/>
    </row>
    <row r="609770" spans="8:8">
      <c r="H609770" s="12"/>
    </row>
    <row r="609771" spans="8:8">
      <c r="H609771" s="12"/>
    </row>
    <row r="609772" spans="8:8">
      <c r="H609772" s="12"/>
    </row>
    <row r="609773" spans="8:8">
      <c r="H609773" s="12"/>
    </row>
    <row r="609774" spans="8:8">
      <c r="H609774" s="12"/>
    </row>
    <row r="609775" spans="8:8">
      <c r="H609775" s="12"/>
    </row>
    <row r="609776" spans="8:8">
      <c r="H609776" s="12"/>
    </row>
    <row r="609777" spans="8:8">
      <c r="H609777" s="12"/>
    </row>
    <row r="609778" spans="8:8">
      <c r="H609778" s="12"/>
    </row>
    <row r="609779" spans="8:8">
      <c r="H609779" s="12"/>
    </row>
    <row r="609780" spans="8:8">
      <c r="H609780" s="12"/>
    </row>
    <row r="609781" spans="8:8">
      <c r="H609781" s="12"/>
    </row>
    <row r="609782" spans="8:8">
      <c r="H609782" s="12"/>
    </row>
    <row r="609783" spans="8:8">
      <c r="H609783" s="12"/>
    </row>
    <row r="609784" spans="8:8">
      <c r="H609784" s="12"/>
    </row>
    <row r="609785" spans="8:8">
      <c r="H609785" s="12"/>
    </row>
    <row r="609786" spans="8:8">
      <c r="H609786" s="12"/>
    </row>
    <row r="609787" spans="8:8">
      <c r="H609787" s="12"/>
    </row>
    <row r="609788" spans="8:8">
      <c r="H609788" s="12"/>
    </row>
    <row r="609789" spans="8:8">
      <c r="H609789" s="12"/>
    </row>
    <row r="609790" spans="8:8">
      <c r="H609790" s="12"/>
    </row>
    <row r="609791" spans="8:8">
      <c r="H609791" s="12"/>
    </row>
    <row r="609792" spans="8:8">
      <c r="H609792" s="12"/>
    </row>
    <row r="609793" spans="8:8">
      <c r="H609793" s="12"/>
    </row>
    <row r="609794" spans="8:8">
      <c r="H609794" s="12"/>
    </row>
    <row r="609795" spans="8:8">
      <c r="H609795" s="12"/>
    </row>
    <row r="609796" spans="8:8">
      <c r="H609796" s="12"/>
    </row>
    <row r="609797" spans="8:8">
      <c r="H609797" s="12"/>
    </row>
    <row r="609798" spans="8:8">
      <c r="H609798" s="12"/>
    </row>
    <row r="609799" spans="8:8">
      <c r="H609799" s="12"/>
    </row>
    <row r="609800" spans="8:8">
      <c r="H609800" s="12"/>
    </row>
    <row r="609801" spans="8:8">
      <c r="H609801" s="12"/>
    </row>
    <row r="609802" spans="8:8">
      <c r="H609802" s="12"/>
    </row>
    <row r="609803" spans="8:8">
      <c r="H609803" s="12"/>
    </row>
    <row r="609804" spans="8:8">
      <c r="H609804" s="12"/>
    </row>
    <row r="609805" spans="8:8">
      <c r="H609805" s="12"/>
    </row>
    <row r="609806" spans="8:8">
      <c r="H609806" s="12"/>
    </row>
    <row r="609807" spans="8:8">
      <c r="H609807" s="12"/>
    </row>
    <row r="609808" spans="8:8">
      <c r="H609808" s="12"/>
    </row>
    <row r="609809" spans="8:8">
      <c r="H609809" s="12"/>
    </row>
    <row r="609810" spans="8:8">
      <c r="H609810" s="12"/>
    </row>
    <row r="609811" spans="8:8">
      <c r="H609811" s="12"/>
    </row>
    <row r="609812" spans="8:8">
      <c r="H609812" s="12"/>
    </row>
    <row r="609813" spans="8:8">
      <c r="H609813" s="12"/>
    </row>
    <row r="609814" spans="8:8">
      <c r="H609814" s="12"/>
    </row>
    <row r="609815" spans="8:8">
      <c r="H609815" s="12"/>
    </row>
    <row r="609816" spans="8:8">
      <c r="H609816" s="12"/>
    </row>
    <row r="609817" spans="8:8">
      <c r="H609817" s="12"/>
    </row>
    <row r="609818" spans="8:8">
      <c r="H609818" s="12"/>
    </row>
    <row r="609819" spans="8:8">
      <c r="H609819" s="12"/>
    </row>
    <row r="609820" spans="8:8">
      <c r="H609820" s="12"/>
    </row>
    <row r="609821" spans="8:8">
      <c r="H609821" s="12"/>
    </row>
    <row r="609822" spans="8:8">
      <c r="H609822" s="12"/>
    </row>
    <row r="609823" spans="8:8">
      <c r="H609823" s="12"/>
    </row>
    <row r="609824" spans="8:8">
      <c r="H609824" s="12"/>
    </row>
    <row r="609825" spans="8:8">
      <c r="H609825" s="12"/>
    </row>
    <row r="609826" spans="8:8">
      <c r="H609826" s="12"/>
    </row>
    <row r="609827" spans="8:8">
      <c r="H609827" s="12"/>
    </row>
    <row r="609828" spans="8:8">
      <c r="H609828" s="12"/>
    </row>
    <row r="609829" spans="8:8">
      <c r="H609829" s="12"/>
    </row>
    <row r="609830" spans="8:8">
      <c r="H609830" s="12"/>
    </row>
    <row r="609831" spans="8:8">
      <c r="H609831" s="12"/>
    </row>
    <row r="609832" spans="8:8">
      <c r="H609832" s="12"/>
    </row>
    <row r="609833" spans="8:8">
      <c r="H609833" s="12"/>
    </row>
    <row r="609834" spans="8:8">
      <c r="H609834" s="12"/>
    </row>
    <row r="609835" spans="8:8">
      <c r="H609835" s="12"/>
    </row>
    <row r="609836" spans="8:8">
      <c r="H609836" s="12"/>
    </row>
    <row r="609837" spans="8:8">
      <c r="H609837" s="12"/>
    </row>
    <row r="609838" spans="8:8">
      <c r="H609838" s="12"/>
    </row>
    <row r="609839" spans="8:8">
      <c r="H609839" s="12"/>
    </row>
    <row r="609840" spans="8:8">
      <c r="H609840" s="12"/>
    </row>
    <row r="609841" spans="8:8">
      <c r="H609841" s="12"/>
    </row>
    <row r="609842" spans="8:8">
      <c r="H609842" s="12"/>
    </row>
    <row r="609843" spans="8:8">
      <c r="H609843" s="12"/>
    </row>
    <row r="609844" spans="8:8">
      <c r="H609844" s="12"/>
    </row>
    <row r="609845" spans="8:8">
      <c r="H609845" s="12"/>
    </row>
    <row r="609846" spans="8:8">
      <c r="H609846" s="12"/>
    </row>
    <row r="609847" spans="8:8">
      <c r="H609847" s="12"/>
    </row>
    <row r="609848" spans="8:8">
      <c r="H609848" s="12"/>
    </row>
    <row r="609849" spans="8:8">
      <c r="H609849" s="12"/>
    </row>
    <row r="609850" spans="8:8">
      <c r="H609850" s="12"/>
    </row>
    <row r="609851" spans="8:8">
      <c r="H609851" s="12"/>
    </row>
    <row r="609852" spans="8:8">
      <c r="H609852" s="12"/>
    </row>
    <row r="609853" spans="8:8">
      <c r="H609853" s="12"/>
    </row>
    <row r="609854" spans="8:8">
      <c r="H609854" s="12"/>
    </row>
    <row r="609855" spans="8:8">
      <c r="H609855" s="12"/>
    </row>
    <row r="609856" spans="8:8">
      <c r="H609856" s="12"/>
    </row>
    <row r="609857" spans="8:8">
      <c r="H609857" s="12"/>
    </row>
    <row r="609858" spans="8:8">
      <c r="H609858" s="12"/>
    </row>
    <row r="609859" spans="8:8">
      <c r="H609859" s="12"/>
    </row>
    <row r="609860" spans="8:8">
      <c r="H609860" s="12"/>
    </row>
    <row r="609861" spans="8:8">
      <c r="H609861" s="12"/>
    </row>
    <row r="609862" spans="8:8">
      <c r="H609862" s="12"/>
    </row>
    <row r="609863" spans="8:8">
      <c r="H609863" s="12"/>
    </row>
    <row r="609864" spans="8:8">
      <c r="H609864" s="12"/>
    </row>
    <row r="609865" spans="8:8">
      <c r="H609865" s="12"/>
    </row>
    <row r="609866" spans="8:8">
      <c r="H609866" s="12"/>
    </row>
    <row r="609867" spans="8:8">
      <c r="H609867" s="12"/>
    </row>
    <row r="609868" spans="8:8">
      <c r="H609868" s="12"/>
    </row>
    <row r="609869" spans="8:8">
      <c r="H609869" s="12"/>
    </row>
    <row r="609870" spans="8:8">
      <c r="H609870" s="12"/>
    </row>
    <row r="609871" spans="8:8">
      <c r="H609871" s="12"/>
    </row>
    <row r="609872" spans="8:8">
      <c r="H609872" s="12"/>
    </row>
    <row r="609873" spans="8:8">
      <c r="H609873" s="12"/>
    </row>
    <row r="609874" spans="8:8">
      <c r="H609874" s="12"/>
    </row>
    <row r="609875" spans="8:8">
      <c r="H609875" s="12"/>
    </row>
    <row r="609876" spans="8:8">
      <c r="H609876" s="12"/>
    </row>
    <row r="609877" spans="8:8">
      <c r="H609877" s="12"/>
    </row>
    <row r="609878" spans="8:8">
      <c r="H609878" s="12"/>
    </row>
    <row r="609879" spans="8:8">
      <c r="H609879" s="12"/>
    </row>
    <row r="609880" spans="8:8">
      <c r="H609880" s="12"/>
    </row>
    <row r="609881" spans="8:8">
      <c r="H609881" s="12"/>
    </row>
    <row r="609882" spans="8:8">
      <c r="H609882" s="12"/>
    </row>
    <row r="609883" spans="8:8">
      <c r="H609883" s="12"/>
    </row>
    <row r="609884" spans="8:8">
      <c r="H609884" s="12"/>
    </row>
    <row r="609885" spans="8:8">
      <c r="H609885" s="12"/>
    </row>
    <row r="609886" spans="8:8">
      <c r="H609886" s="12"/>
    </row>
    <row r="609887" spans="8:8">
      <c r="H609887" s="12"/>
    </row>
    <row r="609888" spans="8:8">
      <c r="H609888" s="12"/>
    </row>
    <row r="609889" spans="8:8">
      <c r="H609889" s="12"/>
    </row>
    <row r="609890" spans="8:8">
      <c r="H609890" s="12"/>
    </row>
    <row r="609891" spans="8:8">
      <c r="H609891" s="12"/>
    </row>
    <row r="609892" spans="8:8">
      <c r="H609892" s="12"/>
    </row>
    <row r="609893" spans="8:8">
      <c r="H609893" s="12"/>
    </row>
    <row r="609894" spans="8:8">
      <c r="H609894" s="12"/>
    </row>
    <row r="609895" spans="8:8">
      <c r="H609895" s="12"/>
    </row>
    <row r="609896" spans="8:8">
      <c r="H609896" s="12"/>
    </row>
    <row r="609897" spans="8:8">
      <c r="H609897" s="12"/>
    </row>
    <row r="609898" spans="8:8">
      <c r="H609898" s="12"/>
    </row>
    <row r="609899" spans="8:8">
      <c r="H609899" s="12"/>
    </row>
    <row r="609900" spans="8:8">
      <c r="H609900" s="12"/>
    </row>
    <row r="609901" spans="8:8">
      <c r="H609901" s="12"/>
    </row>
    <row r="609902" spans="8:8">
      <c r="H609902" s="12"/>
    </row>
    <row r="609903" spans="8:8">
      <c r="H609903" s="12"/>
    </row>
    <row r="609904" spans="8:8">
      <c r="H609904" s="12"/>
    </row>
    <row r="609905" spans="8:8">
      <c r="H609905" s="12"/>
    </row>
    <row r="609906" spans="8:8">
      <c r="H609906" s="12"/>
    </row>
    <row r="609907" spans="8:8">
      <c r="H609907" s="12"/>
    </row>
    <row r="609908" spans="8:8">
      <c r="H609908" s="12"/>
    </row>
    <row r="609909" spans="8:8">
      <c r="H609909" s="12"/>
    </row>
    <row r="609910" spans="8:8">
      <c r="H609910" s="12"/>
    </row>
    <row r="609911" spans="8:8">
      <c r="H609911" s="12"/>
    </row>
    <row r="609912" spans="8:8">
      <c r="H609912" s="12"/>
    </row>
    <row r="609913" spans="8:8">
      <c r="H609913" s="12"/>
    </row>
    <row r="609914" spans="8:8">
      <c r="H609914" s="12"/>
    </row>
    <row r="609915" spans="8:8">
      <c r="H609915" s="12"/>
    </row>
    <row r="609916" spans="8:8">
      <c r="H609916" s="12"/>
    </row>
    <row r="609917" spans="8:8">
      <c r="H609917" s="12"/>
    </row>
    <row r="609918" spans="8:8">
      <c r="H609918" s="12"/>
    </row>
    <row r="609919" spans="8:8">
      <c r="H609919" s="12"/>
    </row>
    <row r="609920" spans="8:8">
      <c r="H609920" s="12"/>
    </row>
    <row r="609921" spans="8:8">
      <c r="H609921" s="12"/>
    </row>
    <row r="609922" spans="8:8">
      <c r="H609922" s="12"/>
    </row>
    <row r="609923" spans="8:8">
      <c r="H609923" s="12"/>
    </row>
    <row r="609924" spans="8:8">
      <c r="H609924" s="12"/>
    </row>
    <row r="609925" spans="8:8">
      <c r="H609925" s="12"/>
    </row>
    <row r="609926" spans="8:8">
      <c r="H609926" s="12"/>
    </row>
    <row r="609927" spans="8:8">
      <c r="H609927" s="12"/>
    </row>
    <row r="609928" spans="8:8">
      <c r="H609928" s="12"/>
    </row>
    <row r="609929" spans="8:8">
      <c r="H609929" s="12"/>
    </row>
    <row r="609930" spans="8:8">
      <c r="H609930" s="12"/>
    </row>
    <row r="609931" spans="8:8">
      <c r="H609931" s="12"/>
    </row>
    <row r="609932" spans="8:8">
      <c r="H609932" s="12"/>
    </row>
    <row r="609933" spans="8:8">
      <c r="H609933" s="12"/>
    </row>
    <row r="609934" spans="8:8">
      <c r="H609934" s="12"/>
    </row>
    <row r="609935" spans="8:8">
      <c r="H609935" s="12"/>
    </row>
    <row r="609936" spans="8:8">
      <c r="H609936" s="12"/>
    </row>
    <row r="609937" spans="8:8">
      <c r="H609937" s="12"/>
    </row>
    <row r="609938" spans="8:8">
      <c r="H609938" s="12"/>
    </row>
    <row r="609939" spans="8:8">
      <c r="H609939" s="12"/>
    </row>
    <row r="609940" spans="8:8">
      <c r="H609940" s="12"/>
    </row>
    <row r="609941" spans="8:8">
      <c r="H609941" s="12"/>
    </row>
    <row r="609942" spans="8:8">
      <c r="H609942" s="12"/>
    </row>
    <row r="609943" spans="8:8">
      <c r="H609943" s="12"/>
    </row>
    <row r="609944" spans="8:8">
      <c r="H609944" s="12"/>
    </row>
    <row r="609945" spans="8:8">
      <c r="H609945" s="12"/>
    </row>
    <row r="609946" spans="8:8">
      <c r="H609946" s="12"/>
    </row>
    <row r="609947" spans="8:8">
      <c r="H609947" s="12"/>
    </row>
    <row r="609948" spans="8:8">
      <c r="H609948" s="12"/>
    </row>
    <row r="609949" spans="8:8">
      <c r="H609949" s="12"/>
    </row>
    <row r="609950" spans="8:8">
      <c r="H609950" s="12"/>
    </row>
    <row r="609951" spans="8:8">
      <c r="H609951" s="12"/>
    </row>
    <row r="609952" spans="8:8">
      <c r="H609952" s="12"/>
    </row>
    <row r="609953" spans="8:8">
      <c r="H609953" s="12"/>
    </row>
    <row r="609954" spans="8:8">
      <c r="H609954" s="12"/>
    </row>
    <row r="609955" spans="8:8">
      <c r="H609955" s="12"/>
    </row>
    <row r="609956" spans="8:8">
      <c r="H609956" s="12"/>
    </row>
    <row r="609957" spans="8:8">
      <c r="H609957" s="12"/>
    </row>
    <row r="609958" spans="8:8">
      <c r="H609958" s="12"/>
    </row>
    <row r="609959" spans="8:8">
      <c r="H609959" s="12"/>
    </row>
    <row r="609960" spans="8:8">
      <c r="H609960" s="12"/>
    </row>
    <row r="609961" spans="8:8">
      <c r="H609961" s="12"/>
    </row>
    <row r="609962" spans="8:8">
      <c r="H609962" s="12"/>
    </row>
    <row r="609963" spans="8:8">
      <c r="H609963" s="12"/>
    </row>
    <row r="609964" spans="8:8">
      <c r="H609964" s="12"/>
    </row>
    <row r="609965" spans="8:8">
      <c r="H609965" s="12"/>
    </row>
    <row r="609966" spans="8:8">
      <c r="H609966" s="12"/>
    </row>
    <row r="609967" spans="8:8">
      <c r="H609967" s="12"/>
    </row>
    <row r="609968" spans="8:8">
      <c r="H609968" s="12"/>
    </row>
    <row r="609969" spans="8:8">
      <c r="H609969" s="12"/>
    </row>
    <row r="609970" spans="8:8">
      <c r="H609970" s="12"/>
    </row>
    <row r="609971" spans="8:8">
      <c r="H609971" s="12"/>
    </row>
    <row r="609972" spans="8:8">
      <c r="H609972" s="12"/>
    </row>
    <row r="609973" spans="8:8">
      <c r="H609973" s="12"/>
    </row>
    <row r="609974" spans="8:8">
      <c r="H609974" s="12"/>
    </row>
    <row r="609975" spans="8:8">
      <c r="H609975" s="12"/>
    </row>
    <row r="609976" spans="8:8">
      <c r="H609976" s="12"/>
    </row>
    <row r="609977" spans="8:8">
      <c r="H609977" s="12"/>
    </row>
    <row r="609978" spans="8:8">
      <c r="H609978" s="12"/>
    </row>
    <row r="609979" spans="8:8">
      <c r="H609979" s="12"/>
    </row>
    <row r="609980" spans="8:8">
      <c r="H609980" s="12"/>
    </row>
    <row r="609981" spans="8:8">
      <c r="H609981" s="12"/>
    </row>
    <row r="609982" spans="8:8">
      <c r="H609982" s="12"/>
    </row>
    <row r="609983" spans="8:8">
      <c r="H609983" s="12"/>
    </row>
    <row r="609984" spans="8:8">
      <c r="H609984" s="12"/>
    </row>
    <row r="609985" spans="8:8">
      <c r="H609985" s="12"/>
    </row>
    <row r="609986" spans="8:8">
      <c r="H609986" s="12"/>
    </row>
    <row r="609987" spans="8:8">
      <c r="H609987" s="12"/>
    </row>
    <row r="609988" spans="8:8">
      <c r="H609988" s="12"/>
    </row>
    <row r="609989" spans="8:8">
      <c r="H609989" s="12"/>
    </row>
    <row r="609990" spans="8:8">
      <c r="H609990" s="12"/>
    </row>
    <row r="609991" spans="8:8">
      <c r="H609991" s="12"/>
    </row>
    <row r="609992" spans="8:8">
      <c r="H609992" s="12"/>
    </row>
    <row r="609993" spans="8:8">
      <c r="H609993" s="12"/>
    </row>
    <row r="609994" spans="8:8">
      <c r="H609994" s="12"/>
    </row>
    <row r="609995" spans="8:8">
      <c r="H609995" s="12"/>
    </row>
    <row r="609996" spans="8:8">
      <c r="H609996" s="12"/>
    </row>
    <row r="609997" spans="8:8">
      <c r="H609997" s="12"/>
    </row>
    <row r="609998" spans="8:8">
      <c r="H609998" s="12"/>
    </row>
    <row r="609999" spans="8:8">
      <c r="H609999" s="12"/>
    </row>
    <row r="610000" spans="8:8">
      <c r="H610000" s="12"/>
    </row>
    <row r="610001" spans="8:8">
      <c r="H610001" s="12"/>
    </row>
    <row r="610002" spans="8:8">
      <c r="H610002" s="12"/>
    </row>
    <row r="610003" spans="8:8">
      <c r="H610003" s="12"/>
    </row>
    <row r="610004" spans="8:8">
      <c r="H610004" s="12"/>
    </row>
    <row r="610005" spans="8:8">
      <c r="H610005" s="12"/>
    </row>
    <row r="610006" spans="8:8">
      <c r="H610006" s="12"/>
    </row>
    <row r="610007" spans="8:8">
      <c r="H610007" s="12"/>
    </row>
    <row r="610008" spans="8:8">
      <c r="H610008" s="12"/>
    </row>
    <row r="610009" spans="8:8">
      <c r="H610009" s="12"/>
    </row>
    <row r="610010" spans="8:8">
      <c r="H610010" s="12"/>
    </row>
    <row r="610011" spans="8:8">
      <c r="H610011" s="12"/>
    </row>
    <row r="610012" spans="8:8">
      <c r="H610012" s="12"/>
    </row>
    <row r="610013" spans="8:8">
      <c r="H610013" s="12"/>
    </row>
    <row r="610014" spans="8:8">
      <c r="H610014" s="12"/>
    </row>
    <row r="610015" spans="8:8">
      <c r="H610015" s="12"/>
    </row>
    <row r="610016" spans="8:8">
      <c r="H610016" s="12"/>
    </row>
    <row r="610017" spans="8:8">
      <c r="H610017" s="12"/>
    </row>
    <row r="610018" spans="8:8">
      <c r="H610018" s="12"/>
    </row>
    <row r="610019" spans="8:8">
      <c r="H610019" s="12"/>
    </row>
    <row r="610020" spans="8:8">
      <c r="H610020" s="12"/>
    </row>
    <row r="610021" spans="8:8">
      <c r="H610021" s="12"/>
    </row>
    <row r="610022" spans="8:8">
      <c r="H610022" s="12"/>
    </row>
    <row r="610023" spans="8:8">
      <c r="H610023" s="12"/>
    </row>
    <row r="610024" spans="8:8">
      <c r="H610024" s="12"/>
    </row>
    <row r="610025" spans="8:8">
      <c r="H610025" s="12"/>
    </row>
    <row r="610026" spans="8:8">
      <c r="H610026" s="12"/>
    </row>
    <row r="610027" spans="8:8">
      <c r="H610027" s="12"/>
    </row>
    <row r="610028" spans="8:8">
      <c r="H610028" s="12"/>
    </row>
    <row r="610029" spans="8:8">
      <c r="H610029" s="12"/>
    </row>
    <row r="610030" spans="8:8">
      <c r="H610030" s="12"/>
    </row>
    <row r="610031" spans="8:8">
      <c r="H610031" s="12"/>
    </row>
    <row r="610032" spans="8:8">
      <c r="H610032" s="12"/>
    </row>
    <row r="610033" spans="8:8">
      <c r="H610033" s="12"/>
    </row>
    <row r="610034" spans="8:8">
      <c r="H610034" s="12"/>
    </row>
    <row r="610035" spans="8:8">
      <c r="H610035" s="12"/>
    </row>
    <row r="610036" spans="8:8">
      <c r="H610036" s="12"/>
    </row>
    <row r="610037" spans="8:8">
      <c r="H610037" s="12"/>
    </row>
    <row r="610038" spans="8:8">
      <c r="H610038" s="12"/>
    </row>
    <row r="610039" spans="8:8">
      <c r="H610039" s="12"/>
    </row>
    <row r="610040" spans="8:8">
      <c r="H610040" s="12"/>
    </row>
    <row r="610041" spans="8:8">
      <c r="H610041" s="12"/>
    </row>
    <row r="610042" spans="8:8">
      <c r="H610042" s="12"/>
    </row>
    <row r="610043" spans="8:8">
      <c r="H610043" s="12"/>
    </row>
    <row r="610044" spans="8:8">
      <c r="H610044" s="12"/>
    </row>
    <row r="610045" spans="8:8">
      <c r="H610045" s="12"/>
    </row>
    <row r="610046" spans="8:8">
      <c r="H610046" s="12"/>
    </row>
    <row r="610047" spans="8:8">
      <c r="H610047" s="12"/>
    </row>
    <row r="610048" spans="8:8">
      <c r="H610048" s="12"/>
    </row>
    <row r="610049" spans="8:8">
      <c r="H610049" s="12"/>
    </row>
    <row r="610050" spans="8:8">
      <c r="H610050" s="12"/>
    </row>
    <row r="610051" spans="8:8">
      <c r="H610051" s="12"/>
    </row>
    <row r="610052" spans="8:8">
      <c r="H610052" s="12"/>
    </row>
    <row r="610053" spans="8:8">
      <c r="H610053" s="12"/>
    </row>
    <row r="610054" spans="8:8">
      <c r="H610054" s="12"/>
    </row>
    <row r="610055" spans="8:8">
      <c r="H610055" s="12"/>
    </row>
    <row r="610056" spans="8:8">
      <c r="H610056" s="12"/>
    </row>
    <row r="610057" spans="8:8">
      <c r="H610057" s="12"/>
    </row>
    <row r="610058" spans="8:8">
      <c r="H610058" s="12"/>
    </row>
    <row r="610059" spans="8:8">
      <c r="H610059" s="12"/>
    </row>
    <row r="610060" spans="8:8">
      <c r="H610060" s="12"/>
    </row>
    <row r="610061" spans="8:8">
      <c r="H610061" s="12"/>
    </row>
    <row r="610062" spans="8:8">
      <c r="H610062" s="12"/>
    </row>
    <row r="610063" spans="8:8">
      <c r="H610063" s="12"/>
    </row>
    <row r="610064" spans="8:8">
      <c r="H610064" s="12"/>
    </row>
    <row r="610065" spans="8:8">
      <c r="H610065" s="12"/>
    </row>
    <row r="610066" spans="8:8">
      <c r="H610066" s="12"/>
    </row>
    <row r="610067" spans="8:8">
      <c r="H610067" s="12"/>
    </row>
    <row r="610068" spans="8:8">
      <c r="H610068" s="12"/>
    </row>
    <row r="610069" spans="8:8">
      <c r="H610069" s="12"/>
    </row>
    <row r="610070" spans="8:8">
      <c r="H610070" s="12"/>
    </row>
    <row r="610071" spans="8:8">
      <c r="H610071" s="12"/>
    </row>
    <row r="610072" spans="8:8">
      <c r="H610072" s="12"/>
    </row>
    <row r="610073" spans="8:8">
      <c r="H610073" s="12"/>
    </row>
    <row r="610074" spans="8:8">
      <c r="H610074" s="12"/>
    </row>
    <row r="610075" spans="8:8">
      <c r="H610075" s="12"/>
    </row>
    <row r="610076" spans="8:8">
      <c r="H610076" s="12"/>
    </row>
    <row r="610077" spans="8:8">
      <c r="H610077" s="12"/>
    </row>
    <row r="610078" spans="8:8">
      <c r="H610078" s="12"/>
    </row>
    <row r="610079" spans="8:8">
      <c r="H610079" s="12"/>
    </row>
    <row r="610080" spans="8:8">
      <c r="H610080" s="12"/>
    </row>
    <row r="610081" spans="8:8">
      <c r="H610081" s="12"/>
    </row>
    <row r="610082" spans="8:8">
      <c r="H610082" s="12"/>
    </row>
    <row r="610083" spans="8:8">
      <c r="H610083" s="12"/>
    </row>
    <row r="610084" spans="8:8">
      <c r="H610084" s="12"/>
    </row>
    <row r="610085" spans="8:8">
      <c r="H610085" s="12"/>
    </row>
    <row r="610086" spans="8:8">
      <c r="H610086" s="12"/>
    </row>
    <row r="610087" spans="8:8">
      <c r="H610087" s="12"/>
    </row>
    <row r="610088" spans="8:8">
      <c r="H610088" s="12"/>
    </row>
    <row r="610089" spans="8:8">
      <c r="H610089" s="12"/>
    </row>
    <row r="610090" spans="8:8">
      <c r="H610090" s="12"/>
    </row>
    <row r="610091" spans="8:8">
      <c r="H610091" s="12"/>
    </row>
    <row r="610092" spans="8:8">
      <c r="H610092" s="12"/>
    </row>
    <row r="610093" spans="8:8">
      <c r="H610093" s="12"/>
    </row>
    <row r="610094" spans="8:8">
      <c r="H610094" s="12"/>
    </row>
    <row r="610095" spans="8:8">
      <c r="H610095" s="12"/>
    </row>
    <row r="610096" spans="8:8">
      <c r="H610096" s="12"/>
    </row>
    <row r="610097" spans="8:8">
      <c r="H610097" s="12"/>
    </row>
    <row r="610098" spans="8:8">
      <c r="H610098" s="12"/>
    </row>
    <row r="610099" spans="8:8">
      <c r="H610099" s="12"/>
    </row>
    <row r="610100" spans="8:8">
      <c r="H610100" s="12"/>
    </row>
    <row r="610101" spans="8:8">
      <c r="H610101" s="12"/>
    </row>
    <row r="610102" spans="8:8">
      <c r="H610102" s="12"/>
    </row>
    <row r="610103" spans="8:8">
      <c r="H610103" s="12"/>
    </row>
    <row r="610104" spans="8:8">
      <c r="H610104" s="12"/>
    </row>
    <row r="610105" spans="8:8">
      <c r="H610105" s="12"/>
    </row>
    <row r="610106" spans="8:8">
      <c r="H610106" s="12"/>
    </row>
    <row r="610107" spans="8:8">
      <c r="H610107" s="12"/>
    </row>
    <row r="610108" spans="8:8">
      <c r="H610108" s="12"/>
    </row>
    <row r="610109" spans="8:8">
      <c r="H610109" s="12"/>
    </row>
    <row r="610110" spans="8:8">
      <c r="H610110" s="12"/>
    </row>
    <row r="610111" spans="8:8">
      <c r="H610111" s="12"/>
    </row>
    <row r="610112" spans="8:8">
      <c r="H610112" s="12"/>
    </row>
    <row r="610113" spans="8:8">
      <c r="H610113" s="12"/>
    </row>
    <row r="610114" spans="8:8">
      <c r="H610114" s="12"/>
    </row>
    <row r="610115" spans="8:8">
      <c r="H610115" s="12"/>
    </row>
    <row r="610116" spans="8:8">
      <c r="H610116" s="12"/>
    </row>
    <row r="610117" spans="8:8">
      <c r="H610117" s="12"/>
    </row>
    <row r="610118" spans="8:8">
      <c r="H610118" s="12"/>
    </row>
    <row r="610119" spans="8:8">
      <c r="H610119" s="12"/>
    </row>
    <row r="610120" spans="8:8">
      <c r="H610120" s="12"/>
    </row>
    <row r="610121" spans="8:8">
      <c r="H610121" s="12"/>
    </row>
    <row r="610122" spans="8:8">
      <c r="H610122" s="12"/>
    </row>
    <row r="610123" spans="8:8">
      <c r="H610123" s="12"/>
    </row>
    <row r="610124" spans="8:8">
      <c r="H610124" s="12"/>
    </row>
    <row r="610125" spans="8:8">
      <c r="H610125" s="12"/>
    </row>
    <row r="610126" spans="8:8">
      <c r="H610126" s="12"/>
    </row>
    <row r="610127" spans="8:8">
      <c r="H610127" s="12"/>
    </row>
    <row r="610128" spans="8:8">
      <c r="H610128" s="12"/>
    </row>
    <row r="610129" spans="8:8">
      <c r="H610129" s="12"/>
    </row>
    <row r="610130" spans="8:8">
      <c r="H610130" s="12"/>
    </row>
    <row r="610131" spans="8:8">
      <c r="H610131" s="12"/>
    </row>
    <row r="610132" spans="8:8">
      <c r="H610132" s="12"/>
    </row>
    <row r="610133" spans="8:8">
      <c r="H610133" s="12"/>
    </row>
    <row r="610134" spans="8:8">
      <c r="H610134" s="12"/>
    </row>
    <row r="610135" spans="8:8">
      <c r="H610135" s="12"/>
    </row>
    <row r="610136" spans="8:8">
      <c r="H610136" s="12"/>
    </row>
    <row r="610137" spans="8:8">
      <c r="H610137" s="12"/>
    </row>
    <row r="610138" spans="8:8">
      <c r="H610138" s="12"/>
    </row>
    <row r="610139" spans="8:8">
      <c r="H610139" s="12"/>
    </row>
    <row r="610140" spans="8:8">
      <c r="H610140" s="12"/>
    </row>
    <row r="610141" spans="8:8">
      <c r="H610141" s="12"/>
    </row>
    <row r="610142" spans="8:8">
      <c r="H610142" s="12"/>
    </row>
    <row r="610143" spans="8:8">
      <c r="H610143" s="12"/>
    </row>
    <row r="610144" spans="8:8">
      <c r="H610144" s="12"/>
    </row>
    <row r="610145" spans="8:8">
      <c r="H610145" s="12"/>
    </row>
    <row r="610146" spans="8:8">
      <c r="H610146" s="12"/>
    </row>
    <row r="610147" spans="8:8">
      <c r="H610147" s="12"/>
    </row>
    <row r="610148" spans="8:8">
      <c r="H610148" s="12"/>
    </row>
    <row r="610149" spans="8:8">
      <c r="H610149" s="12"/>
    </row>
    <row r="610150" spans="8:8">
      <c r="H610150" s="12"/>
    </row>
    <row r="610151" spans="8:8">
      <c r="H610151" s="12"/>
    </row>
    <row r="610152" spans="8:8">
      <c r="H610152" s="12"/>
    </row>
    <row r="610153" spans="8:8">
      <c r="H610153" s="12"/>
    </row>
    <row r="610154" spans="8:8">
      <c r="H610154" s="12"/>
    </row>
    <row r="610155" spans="8:8">
      <c r="H610155" s="12"/>
    </row>
    <row r="610156" spans="8:8">
      <c r="H610156" s="12"/>
    </row>
    <row r="610157" spans="8:8">
      <c r="H610157" s="12"/>
    </row>
    <row r="610158" spans="8:8">
      <c r="H610158" s="12"/>
    </row>
    <row r="610159" spans="8:8">
      <c r="H610159" s="12"/>
    </row>
    <row r="610160" spans="8:8">
      <c r="H610160" s="12"/>
    </row>
    <row r="610161" spans="8:8">
      <c r="H610161" s="12"/>
    </row>
    <row r="610162" spans="8:8">
      <c r="H610162" s="12"/>
    </row>
    <row r="610163" spans="8:8">
      <c r="H610163" s="12"/>
    </row>
    <row r="610164" spans="8:8">
      <c r="H610164" s="12"/>
    </row>
    <row r="610165" spans="8:8">
      <c r="H610165" s="12"/>
    </row>
    <row r="610166" spans="8:8">
      <c r="H610166" s="12"/>
    </row>
    <row r="610167" spans="8:8">
      <c r="H610167" s="12"/>
    </row>
    <row r="610168" spans="8:8">
      <c r="H610168" s="12"/>
    </row>
    <row r="610169" spans="8:8">
      <c r="H610169" s="12"/>
    </row>
    <row r="610170" spans="8:8">
      <c r="H610170" s="12"/>
    </row>
    <row r="610171" spans="8:8">
      <c r="H610171" s="12"/>
    </row>
    <row r="610172" spans="8:8">
      <c r="H610172" s="12"/>
    </row>
    <row r="610173" spans="8:8">
      <c r="H610173" s="12"/>
    </row>
    <row r="610174" spans="8:8">
      <c r="H610174" s="12"/>
    </row>
    <row r="610175" spans="8:8">
      <c r="H610175" s="12"/>
    </row>
    <row r="610176" spans="8:8">
      <c r="H610176" s="12"/>
    </row>
    <row r="610177" spans="8:8">
      <c r="H610177" s="12"/>
    </row>
    <row r="610178" spans="8:8">
      <c r="H610178" s="12"/>
    </row>
    <row r="610179" spans="8:8">
      <c r="H610179" s="12"/>
    </row>
    <row r="610180" spans="8:8">
      <c r="H610180" s="12"/>
    </row>
    <row r="610181" spans="8:8">
      <c r="H610181" s="12"/>
    </row>
    <row r="610182" spans="8:8">
      <c r="H610182" s="12"/>
    </row>
    <row r="610183" spans="8:8">
      <c r="H610183" s="12"/>
    </row>
    <row r="610184" spans="8:8">
      <c r="H610184" s="12"/>
    </row>
    <row r="610185" spans="8:8">
      <c r="H610185" s="12"/>
    </row>
    <row r="610186" spans="8:8">
      <c r="H610186" s="12"/>
    </row>
    <row r="610187" spans="8:8">
      <c r="H610187" s="12"/>
    </row>
    <row r="610188" spans="8:8">
      <c r="H610188" s="12"/>
    </row>
    <row r="610189" spans="8:8">
      <c r="H610189" s="12"/>
    </row>
    <row r="610190" spans="8:8">
      <c r="H610190" s="12"/>
    </row>
    <row r="610191" spans="8:8">
      <c r="H610191" s="12"/>
    </row>
    <row r="610192" spans="8:8">
      <c r="H610192" s="12"/>
    </row>
    <row r="610193" spans="8:8">
      <c r="H610193" s="12"/>
    </row>
    <row r="610194" spans="8:8">
      <c r="H610194" s="12"/>
    </row>
    <row r="610195" spans="8:8">
      <c r="H610195" s="12"/>
    </row>
    <row r="610196" spans="8:8">
      <c r="H610196" s="12"/>
    </row>
    <row r="610197" spans="8:8">
      <c r="H610197" s="12"/>
    </row>
    <row r="610198" spans="8:8">
      <c r="H610198" s="12"/>
    </row>
    <row r="610199" spans="8:8">
      <c r="H610199" s="12"/>
    </row>
    <row r="610200" spans="8:8">
      <c r="H610200" s="12"/>
    </row>
    <row r="610201" spans="8:8">
      <c r="H610201" s="12"/>
    </row>
    <row r="610202" spans="8:8">
      <c r="H610202" s="12"/>
    </row>
    <row r="610203" spans="8:8">
      <c r="H610203" s="12"/>
    </row>
    <row r="610204" spans="8:8">
      <c r="H610204" s="12"/>
    </row>
    <row r="610205" spans="8:8">
      <c r="H610205" s="12"/>
    </row>
    <row r="610206" spans="8:8">
      <c r="H610206" s="12"/>
    </row>
    <row r="610207" spans="8:8">
      <c r="H610207" s="12"/>
    </row>
    <row r="610208" spans="8:8">
      <c r="H610208" s="12"/>
    </row>
    <row r="610209" spans="8:8">
      <c r="H610209" s="12"/>
    </row>
    <row r="610210" spans="8:8">
      <c r="H610210" s="12"/>
    </row>
    <row r="610211" spans="8:8">
      <c r="H610211" s="12"/>
    </row>
    <row r="610212" spans="8:8">
      <c r="H610212" s="12"/>
    </row>
    <row r="610213" spans="8:8">
      <c r="H610213" s="12"/>
    </row>
    <row r="610214" spans="8:8">
      <c r="H610214" s="12"/>
    </row>
    <row r="610215" spans="8:8">
      <c r="H610215" s="12"/>
    </row>
    <row r="610216" spans="8:8">
      <c r="H610216" s="12"/>
    </row>
    <row r="610217" spans="8:8">
      <c r="H610217" s="12"/>
    </row>
    <row r="610218" spans="8:8">
      <c r="H610218" s="12"/>
    </row>
    <row r="610219" spans="8:8">
      <c r="H610219" s="12"/>
    </row>
    <row r="610220" spans="8:8">
      <c r="H610220" s="12"/>
    </row>
    <row r="610221" spans="8:8">
      <c r="H610221" s="12"/>
    </row>
    <row r="610222" spans="8:8">
      <c r="H610222" s="12"/>
    </row>
    <row r="610223" spans="8:8">
      <c r="H610223" s="12"/>
    </row>
    <row r="610224" spans="8:8">
      <c r="H610224" s="12"/>
    </row>
    <row r="610225" spans="8:8">
      <c r="H610225" s="12"/>
    </row>
    <row r="610226" spans="8:8">
      <c r="H610226" s="12"/>
    </row>
    <row r="610227" spans="8:8">
      <c r="H610227" s="12"/>
    </row>
    <row r="610228" spans="8:8">
      <c r="H610228" s="12"/>
    </row>
    <row r="610229" spans="8:8">
      <c r="H610229" s="12"/>
    </row>
    <row r="610230" spans="8:8">
      <c r="H610230" s="12"/>
    </row>
    <row r="610231" spans="8:8">
      <c r="H610231" s="12"/>
    </row>
    <row r="610232" spans="8:8">
      <c r="H610232" s="12"/>
    </row>
    <row r="610233" spans="8:8">
      <c r="H610233" s="12"/>
    </row>
    <row r="610234" spans="8:8">
      <c r="H610234" s="12"/>
    </row>
    <row r="610235" spans="8:8">
      <c r="H610235" s="12"/>
    </row>
    <row r="610236" spans="8:8">
      <c r="H610236" s="12"/>
    </row>
    <row r="610237" spans="8:8">
      <c r="H610237" s="12"/>
    </row>
    <row r="610238" spans="8:8">
      <c r="H610238" s="12"/>
    </row>
    <row r="610239" spans="8:8">
      <c r="H610239" s="12"/>
    </row>
    <row r="610240" spans="8:8">
      <c r="H610240" s="12"/>
    </row>
    <row r="610241" spans="8:8">
      <c r="H610241" s="12"/>
    </row>
    <row r="610242" spans="8:8">
      <c r="H610242" s="12"/>
    </row>
    <row r="610243" spans="8:8">
      <c r="H610243" s="12"/>
    </row>
    <row r="610244" spans="8:8">
      <c r="H610244" s="12"/>
    </row>
    <row r="610245" spans="8:8">
      <c r="H610245" s="12"/>
    </row>
    <row r="610246" spans="8:8">
      <c r="H610246" s="12"/>
    </row>
    <row r="610247" spans="8:8">
      <c r="H610247" s="12"/>
    </row>
    <row r="610248" spans="8:8">
      <c r="H610248" s="12"/>
    </row>
    <row r="610249" spans="8:8">
      <c r="H610249" s="12"/>
    </row>
    <row r="610250" spans="8:8">
      <c r="H610250" s="12"/>
    </row>
    <row r="610251" spans="8:8">
      <c r="H610251" s="12"/>
    </row>
    <row r="610252" spans="8:8">
      <c r="H610252" s="12"/>
    </row>
    <row r="610253" spans="8:8">
      <c r="H610253" s="12"/>
    </row>
    <row r="610254" spans="8:8">
      <c r="H610254" s="12"/>
    </row>
    <row r="610255" spans="8:8">
      <c r="H610255" s="12"/>
    </row>
    <row r="610256" spans="8:8">
      <c r="H610256" s="12"/>
    </row>
    <row r="610257" spans="8:8">
      <c r="H610257" s="12"/>
    </row>
    <row r="610258" spans="8:8">
      <c r="H610258" s="12"/>
    </row>
    <row r="610259" spans="8:8">
      <c r="H610259" s="12"/>
    </row>
    <row r="610260" spans="8:8">
      <c r="H610260" s="12"/>
    </row>
    <row r="610261" spans="8:8">
      <c r="H610261" s="12"/>
    </row>
    <row r="610262" spans="8:8">
      <c r="H610262" s="12"/>
    </row>
    <row r="610263" spans="8:8">
      <c r="H610263" s="12"/>
    </row>
    <row r="610264" spans="8:8">
      <c r="H610264" s="12"/>
    </row>
    <row r="610265" spans="8:8">
      <c r="H610265" s="12"/>
    </row>
    <row r="610266" spans="8:8">
      <c r="H610266" s="12"/>
    </row>
    <row r="610267" spans="8:8">
      <c r="H610267" s="12"/>
    </row>
    <row r="610268" spans="8:8">
      <c r="H610268" s="12"/>
    </row>
    <row r="610269" spans="8:8">
      <c r="H610269" s="12"/>
    </row>
    <row r="610270" spans="8:8">
      <c r="H610270" s="12"/>
    </row>
    <row r="610271" spans="8:8">
      <c r="H610271" s="12"/>
    </row>
    <row r="610272" spans="8:8">
      <c r="H610272" s="12"/>
    </row>
    <row r="610273" spans="8:8">
      <c r="H610273" s="12"/>
    </row>
    <row r="610274" spans="8:8">
      <c r="H610274" s="12"/>
    </row>
    <row r="610275" spans="8:8">
      <c r="H610275" s="12"/>
    </row>
    <row r="610276" spans="8:8">
      <c r="H610276" s="12"/>
    </row>
    <row r="610277" spans="8:8">
      <c r="H610277" s="12"/>
    </row>
    <row r="610278" spans="8:8">
      <c r="H610278" s="12"/>
    </row>
    <row r="610279" spans="8:8">
      <c r="H610279" s="12"/>
    </row>
    <row r="610280" spans="8:8">
      <c r="H610280" s="12"/>
    </row>
    <row r="610281" spans="8:8">
      <c r="H610281" s="12"/>
    </row>
    <row r="610282" spans="8:8">
      <c r="H610282" s="12"/>
    </row>
    <row r="610283" spans="8:8">
      <c r="H610283" s="12"/>
    </row>
    <row r="610284" spans="8:8">
      <c r="H610284" s="12"/>
    </row>
    <row r="610285" spans="8:8">
      <c r="H610285" s="12"/>
    </row>
    <row r="610286" spans="8:8">
      <c r="H610286" s="12"/>
    </row>
    <row r="610287" spans="8:8">
      <c r="H610287" s="12"/>
    </row>
    <row r="610288" spans="8:8">
      <c r="H610288" s="12"/>
    </row>
    <row r="610289" spans="8:8">
      <c r="H610289" s="12"/>
    </row>
    <row r="610290" spans="8:8">
      <c r="H610290" s="12"/>
    </row>
    <row r="610291" spans="8:8">
      <c r="H610291" s="12"/>
    </row>
    <row r="610292" spans="8:8">
      <c r="H610292" s="12"/>
    </row>
    <row r="610293" spans="8:8">
      <c r="H610293" s="12"/>
    </row>
    <row r="610294" spans="8:8">
      <c r="H610294" s="12"/>
    </row>
    <row r="610295" spans="8:8">
      <c r="H610295" s="12"/>
    </row>
    <row r="610296" spans="8:8">
      <c r="H610296" s="12"/>
    </row>
    <row r="610297" spans="8:8">
      <c r="H610297" s="12"/>
    </row>
    <row r="610298" spans="8:8">
      <c r="H610298" s="12"/>
    </row>
    <row r="610299" spans="8:8">
      <c r="H610299" s="12"/>
    </row>
    <row r="610300" spans="8:8">
      <c r="H610300" s="12"/>
    </row>
    <row r="610301" spans="8:8">
      <c r="H610301" s="12"/>
    </row>
    <row r="610302" spans="8:8">
      <c r="H610302" s="12"/>
    </row>
    <row r="610303" spans="8:8">
      <c r="H610303" s="12"/>
    </row>
    <row r="610304" spans="8:8">
      <c r="H610304" s="12"/>
    </row>
    <row r="610305" spans="8:8">
      <c r="H610305" s="12"/>
    </row>
    <row r="610306" spans="8:8">
      <c r="H610306" s="12"/>
    </row>
    <row r="610307" spans="8:8">
      <c r="H610307" s="12"/>
    </row>
    <row r="610308" spans="8:8">
      <c r="H610308" s="12"/>
    </row>
    <row r="610309" spans="8:8">
      <c r="H610309" s="12"/>
    </row>
    <row r="610310" spans="8:8">
      <c r="H610310" s="12"/>
    </row>
    <row r="610311" spans="8:8">
      <c r="H610311" s="12"/>
    </row>
    <row r="610312" spans="8:8">
      <c r="H610312" s="12"/>
    </row>
    <row r="610313" spans="8:8">
      <c r="H610313" s="12"/>
    </row>
    <row r="610314" spans="8:8">
      <c r="H610314" s="12"/>
    </row>
    <row r="610315" spans="8:8">
      <c r="H610315" s="12"/>
    </row>
    <row r="610316" spans="8:8">
      <c r="H610316" s="12"/>
    </row>
    <row r="610317" spans="8:8">
      <c r="H610317" s="12"/>
    </row>
    <row r="610318" spans="8:8">
      <c r="H610318" s="12"/>
    </row>
    <row r="610319" spans="8:8">
      <c r="H610319" s="12"/>
    </row>
    <row r="610320" spans="8:8">
      <c r="H610320" s="12"/>
    </row>
    <row r="610321" spans="8:8">
      <c r="H610321" s="12"/>
    </row>
    <row r="610322" spans="8:8">
      <c r="H610322" s="12"/>
    </row>
    <row r="610323" spans="8:8">
      <c r="H610323" s="12"/>
    </row>
    <row r="610324" spans="8:8">
      <c r="H610324" s="12"/>
    </row>
    <row r="610325" spans="8:8">
      <c r="H610325" s="12"/>
    </row>
    <row r="610326" spans="8:8">
      <c r="H610326" s="12"/>
    </row>
    <row r="610327" spans="8:8">
      <c r="H610327" s="12"/>
    </row>
    <row r="610328" spans="8:8">
      <c r="H610328" s="12"/>
    </row>
    <row r="610329" spans="8:8">
      <c r="H610329" s="12"/>
    </row>
    <row r="610330" spans="8:8">
      <c r="H610330" s="12"/>
    </row>
    <row r="610331" spans="8:8">
      <c r="H610331" s="12"/>
    </row>
    <row r="610332" spans="8:8">
      <c r="H610332" s="12"/>
    </row>
    <row r="610333" spans="8:8">
      <c r="H610333" s="12"/>
    </row>
    <row r="610334" spans="8:8">
      <c r="H610334" s="12"/>
    </row>
    <row r="610335" spans="8:8">
      <c r="H610335" s="12"/>
    </row>
    <row r="610336" spans="8:8">
      <c r="H610336" s="12"/>
    </row>
    <row r="610337" spans="8:8">
      <c r="H610337" s="12"/>
    </row>
    <row r="610338" spans="8:8">
      <c r="H610338" s="12"/>
    </row>
    <row r="610339" spans="8:8">
      <c r="H610339" s="12"/>
    </row>
    <row r="610340" spans="8:8">
      <c r="H610340" s="12"/>
    </row>
    <row r="610341" spans="8:8">
      <c r="H610341" s="12"/>
    </row>
    <row r="610342" spans="8:8">
      <c r="H610342" s="12"/>
    </row>
    <row r="610343" spans="8:8">
      <c r="H610343" s="12"/>
    </row>
    <row r="610344" spans="8:8">
      <c r="H610344" s="12"/>
    </row>
    <row r="610345" spans="8:8">
      <c r="H610345" s="12"/>
    </row>
    <row r="610346" spans="8:8">
      <c r="H610346" s="12"/>
    </row>
    <row r="610347" spans="8:8">
      <c r="H610347" s="12"/>
    </row>
    <row r="610348" spans="8:8">
      <c r="H610348" s="12"/>
    </row>
    <row r="610349" spans="8:8">
      <c r="H610349" s="12"/>
    </row>
    <row r="610350" spans="8:8">
      <c r="H610350" s="12"/>
    </row>
    <row r="610351" spans="8:8">
      <c r="H610351" s="12"/>
    </row>
    <row r="610352" spans="8:8">
      <c r="H610352" s="12"/>
    </row>
    <row r="610353" spans="8:8">
      <c r="H610353" s="12"/>
    </row>
    <row r="610354" spans="8:8">
      <c r="H610354" s="12"/>
    </row>
    <row r="610355" spans="8:8">
      <c r="H610355" s="12"/>
    </row>
    <row r="610356" spans="8:8">
      <c r="H610356" s="12"/>
    </row>
    <row r="610357" spans="8:8">
      <c r="H610357" s="12"/>
    </row>
    <row r="610358" spans="8:8">
      <c r="H610358" s="12"/>
    </row>
    <row r="610359" spans="8:8">
      <c r="H610359" s="12"/>
    </row>
    <row r="610360" spans="8:8">
      <c r="H610360" s="12"/>
    </row>
    <row r="610361" spans="8:8">
      <c r="H610361" s="12"/>
    </row>
    <row r="610362" spans="8:8">
      <c r="H610362" s="12"/>
    </row>
    <row r="610363" spans="8:8">
      <c r="H610363" s="12"/>
    </row>
    <row r="610364" spans="8:8">
      <c r="H610364" s="12"/>
    </row>
    <row r="610365" spans="8:8">
      <c r="H610365" s="12"/>
    </row>
    <row r="610366" spans="8:8">
      <c r="H610366" s="12"/>
    </row>
    <row r="610367" spans="8:8">
      <c r="H610367" s="12"/>
    </row>
    <row r="610368" spans="8:8">
      <c r="H610368" s="12"/>
    </row>
    <row r="610369" spans="8:8">
      <c r="H610369" s="12"/>
    </row>
    <row r="610370" spans="8:8">
      <c r="H610370" s="12"/>
    </row>
    <row r="610371" spans="8:8">
      <c r="H610371" s="12"/>
    </row>
    <row r="610372" spans="8:8">
      <c r="H610372" s="12"/>
    </row>
    <row r="610373" spans="8:8">
      <c r="H610373" s="12"/>
    </row>
    <row r="610374" spans="8:8">
      <c r="H610374" s="12"/>
    </row>
    <row r="610375" spans="8:8">
      <c r="H610375" s="12"/>
    </row>
    <row r="610376" spans="8:8">
      <c r="H610376" s="12"/>
    </row>
    <row r="610377" spans="8:8">
      <c r="H610377" s="12"/>
    </row>
    <row r="610378" spans="8:8">
      <c r="H610378" s="12"/>
    </row>
    <row r="610379" spans="8:8">
      <c r="H610379" s="12"/>
    </row>
    <row r="610380" spans="8:8">
      <c r="H610380" s="12"/>
    </row>
    <row r="610381" spans="8:8">
      <c r="H610381" s="12"/>
    </row>
    <row r="610382" spans="8:8">
      <c r="H610382" s="12"/>
    </row>
    <row r="610383" spans="8:8">
      <c r="H610383" s="12"/>
    </row>
    <row r="610384" spans="8:8">
      <c r="H610384" s="12"/>
    </row>
    <row r="610385" spans="8:8">
      <c r="H610385" s="12"/>
    </row>
    <row r="610386" spans="8:8">
      <c r="H610386" s="12"/>
    </row>
    <row r="610387" spans="8:8">
      <c r="H610387" s="12"/>
    </row>
    <row r="610388" spans="8:8">
      <c r="H610388" s="12"/>
    </row>
    <row r="610389" spans="8:8">
      <c r="H610389" s="12"/>
    </row>
    <row r="610390" spans="8:8">
      <c r="H610390" s="12"/>
    </row>
    <row r="610391" spans="8:8">
      <c r="H610391" s="12"/>
    </row>
    <row r="610392" spans="8:8">
      <c r="H610392" s="12"/>
    </row>
    <row r="610393" spans="8:8">
      <c r="H610393" s="12"/>
    </row>
    <row r="610394" spans="8:8">
      <c r="H610394" s="12"/>
    </row>
    <row r="610395" spans="8:8">
      <c r="H610395" s="12"/>
    </row>
    <row r="610396" spans="8:8">
      <c r="H610396" s="12"/>
    </row>
    <row r="610397" spans="8:8">
      <c r="H610397" s="12"/>
    </row>
    <row r="610398" spans="8:8">
      <c r="H610398" s="12"/>
    </row>
    <row r="610399" spans="8:8">
      <c r="H610399" s="12"/>
    </row>
    <row r="610400" spans="8:8">
      <c r="H610400" s="12"/>
    </row>
    <row r="610401" spans="8:8">
      <c r="H610401" s="12"/>
    </row>
    <row r="610402" spans="8:8">
      <c r="H610402" s="12"/>
    </row>
    <row r="610403" spans="8:8">
      <c r="H610403" s="12"/>
    </row>
    <row r="610404" spans="8:8">
      <c r="H610404" s="12"/>
    </row>
    <row r="610405" spans="8:8">
      <c r="H610405" s="12"/>
    </row>
    <row r="610406" spans="8:8">
      <c r="H610406" s="12"/>
    </row>
    <row r="610407" spans="8:8">
      <c r="H610407" s="12"/>
    </row>
    <row r="610408" spans="8:8">
      <c r="H610408" s="12"/>
    </row>
    <row r="610409" spans="8:8">
      <c r="H610409" s="12"/>
    </row>
    <row r="610410" spans="8:8">
      <c r="H610410" s="12"/>
    </row>
    <row r="610411" spans="8:8">
      <c r="H610411" s="12"/>
    </row>
    <row r="610412" spans="8:8">
      <c r="H610412" s="12"/>
    </row>
    <row r="610413" spans="8:8">
      <c r="H610413" s="12"/>
    </row>
    <row r="610414" spans="8:8">
      <c r="H610414" s="12"/>
    </row>
    <row r="610415" spans="8:8">
      <c r="H610415" s="12"/>
    </row>
    <row r="610416" spans="8:8">
      <c r="H610416" s="12"/>
    </row>
    <row r="610417" spans="8:8">
      <c r="H610417" s="12"/>
    </row>
    <row r="610418" spans="8:8">
      <c r="H610418" s="12"/>
    </row>
    <row r="610419" spans="8:8">
      <c r="H610419" s="12"/>
    </row>
    <row r="610420" spans="8:8">
      <c r="H610420" s="12"/>
    </row>
    <row r="610421" spans="8:8">
      <c r="H610421" s="12"/>
    </row>
    <row r="610422" spans="8:8">
      <c r="H610422" s="12"/>
    </row>
    <row r="610423" spans="8:8">
      <c r="H610423" s="12"/>
    </row>
    <row r="610424" spans="8:8">
      <c r="H610424" s="12"/>
    </row>
    <row r="610425" spans="8:8">
      <c r="H610425" s="12"/>
    </row>
    <row r="610426" spans="8:8">
      <c r="H610426" s="12"/>
    </row>
    <row r="610427" spans="8:8">
      <c r="H610427" s="12"/>
    </row>
    <row r="610428" spans="8:8">
      <c r="H610428" s="12"/>
    </row>
    <row r="610429" spans="8:8">
      <c r="H610429" s="12"/>
    </row>
    <row r="610430" spans="8:8">
      <c r="H610430" s="12"/>
    </row>
    <row r="610431" spans="8:8">
      <c r="H610431" s="12"/>
    </row>
    <row r="610432" spans="8:8">
      <c r="H610432" s="12"/>
    </row>
    <row r="610433" spans="8:8">
      <c r="H610433" s="12"/>
    </row>
    <row r="610434" spans="8:8">
      <c r="H610434" s="12"/>
    </row>
    <row r="610435" spans="8:8">
      <c r="H610435" s="12"/>
    </row>
    <row r="610436" spans="8:8">
      <c r="H610436" s="12"/>
    </row>
    <row r="610437" spans="8:8">
      <c r="H610437" s="12"/>
    </row>
    <row r="610438" spans="8:8">
      <c r="H610438" s="12"/>
    </row>
    <row r="610439" spans="8:8">
      <c r="H610439" s="12"/>
    </row>
    <row r="610440" spans="8:8">
      <c r="H610440" s="12"/>
    </row>
    <row r="610441" spans="8:8">
      <c r="H610441" s="12"/>
    </row>
    <row r="610442" spans="8:8">
      <c r="H610442" s="12"/>
    </row>
    <row r="610443" spans="8:8">
      <c r="H610443" s="12"/>
    </row>
    <row r="610444" spans="8:8">
      <c r="H610444" s="12"/>
    </row>
    <row r="610445" spans="8:8">
      <c r="H610445" s="12"/>
    </row>
    <row r="610446" spans="8:8">
      <c r="H610446" s="12"/>
    </row>
    <row r="610447" spans="8:8">
      <c r="H610447" s="12"/>
    </row>
    <row r="610448" spans="8:8">
      <c r="H610448" s="12"/>
    </row>
    <row r="610449" spans="8:8">
      <c r="H610449" s="12"/>
    </row>
    <row r="610450" spans="8:8">
      <c r="H610450" s="12"/>
    </row>
    <row r="610451" spans="8:8">
      <c r="H610451" s="12"/>
    </row>
    <row r="610452" spans="8:8">
      <c r="H610452" s="12"/>
    </row>
    <row r="610453" spans="8:8">
      <c r="H610453" s="12"/>
    </row>
    <row r="610454" spans="8:8">
      <c r="H610454" s="12"/>
    </row>
    <row r="610455" spans="8:8">
      <c r="H610455" s="12"/>
    </row>
    <row r="610456" spans="8:8">
      <c r="H610456" s="12"/>
    </row>
    <row r="610457" spans="8:8">
      <c r="H610457" s="12"/>
    </row>
    <row r="610458" spans="8:8">
      <c r="H610458" s="12"/>
    </row>
    <row r="610459" spans="8:8">
      <c r="H610459" s="12"/>
    </row>
    <row r="610460" spans="8:8">
      <c r="H610460" s="12"/>
    </row>
    <row r="610461" spans="8:8">
      <c r="H610461" s="12"/>
    </row>
    <row r="610462" spans="8:8">
      <c r="H610462" s="12"/>
    </row>
    <row r="610463" spans="8:8">
      <c r="H610463" s="12"/>
    </row>
    <row r="610464" spans="8:8">
      <c r="H610464" s="12"/>
    </row>
    <row r="610465" spans="8:8">
      <c r="H610465" s="12"/>
    </row>
    <row r="610466" spans="8:8">
      <c r="H610466" s="12"/>
    </row>
    <row r="610467" spans="8:8">
      <c r="H610467" s="12"/>
    </row>
    <row r="610468" spans="8:8">
      <c r="H610468" s="12"/>
    </row>
    <row r="610469" spans="8:8">
      <c r="H610469" s="12"/>
    </row>
    <row r="610470" spans="8:8">
      <c r="H610470" s="12"/>
    </row>
    <row r="610471" spans="8:8">
      <c r="H610471" s="12"/>
    </row>
    <row r="610472" spans="8:8">
      <c r="H610472" s="12"/>
    </row>
    <row r="610473" spans="8:8">
      <c r="H610473" s="12"/>
    </row>
    <row r="610474" spans="8:8">
      <c r="H610474" s="12"/>
    </row>
    <row r="610475" spans="8:8">
      <c r="H610475" s="12"/>
    </row>
    <row r="610476" spans="8:8">
      <c r="H610476" s="12"/>
    </row>
    <row r="610477" spans="8:8">
      <c r="H610477" s="12"/>
    </row>
    <row r="610478" spans="8:8">
      <c r="H610478" s="12"/>
    </row>
    <row r="610479" spans="8:8">
      <c r="H610479" s="12"/>
    </row>
    <row r="610480" spans="8:8">
      <c r="H610480" s="12"/>
    </row>
    <row r="610481" spans="8:8">
      <c r="H610481" s="12"/>
    </row>
    <row r="610482" spans="8:8">
      <c r="H610482" s="12"/>
    </row>
    <row r="610483" spans="8:8">
      <c r="H610483" s="12"/>
    </row>
    <row r="610484" spans="8:8">
      <c r="H610484" s="12"/>
    </row>
    <row r="610485" spans="8:8">
      <c r="H610485" s="12"/>
    </row>
    <row r="610486" spans="8:8">
      <c r="H610486" s="12"/>
    </row>
    <row r="610487" spans="8:8">
      <c r="H610487" s="12"/>
    </row>
    <row r="610488" spans="8:8">
      <c r="H610488" s="12"/>
    </row>
    <row r="610489" spans="8:8">
      <c r="H610489" s="12"/>
    </row>
    <row r="610490" spans="8:8">
      <c r="H610490" s="12"/>
    </row>
    <row r="610491" spans="8:8">
      <c r="H610491" s="12"/>
    </row>
    <row r="610492" spans="8:8">
      <c r="H610492" s="12"/>
    </row>
    <row r="610493" spans="8:8">
      <c r="H610493" s="12"/>
    </row>
    <row r="610494" spans="8:8">
      <c r="H610494" s="12"/>
    </row>
    <row r="610495" spans="8:8">
      <c r="H610495" s="12"/>
    </row>
    <row r="610496" spans="8:8">
      <c r="H610496" s="12"/>
    </row>
    <row r="610497" spans="8:8">
      <c r="H610497" s="12"/>
    </row>
    <row r="610498" spans="8:8">
      <c r="H610498" s="12"/>
    </row>
    <row r="610499" spans="8:8">
      <c r="H610499" s="12"/>
    </row>
    <row r="610500" spans="8:8">
      <c r="H610500" s="12"/>
    </row>
    <row r="610501" spans="8:8">
      <c r="H610501" s="12"/>
    </row>
    <row r="610502" spans="8:8">
      <c r="H610502" s="12"/>
    </row>
    <row r="610503" spans="8:8">
      <c r="H610503" s="12"/>
    </row>
    <row r="610504" spans="8:8">
      <c r="H610504" s="12"/>
    </row>
    <row r="610505" spans="8:8">
      <c r="H610505" s="12"/>
    </row>
    <row r="610506" spans="8:8">
      <c r="H610506" s="12"/>
    </row>
    <row r="610507" spans="8:8">
      <c r="H610507" s="12"/>
    </row>
    <row r="610508" spans="8:8">
      <c r="H610508" s="12"/>
    </row>
    <row r="610509" spans="8:8">
      <c r="H610509" s="12"/>
    </row>
    <row r="610510" spans="8:8">
      <c r="H610510" s="12"/>
    </row>
    <row r="610511" spans="8:8">
      <c r="H610511" s="12"/>
    </row>
    <row r="610512" spans="8:8">
      <c r="H610512" s="12"/>
    </row>
    <row r="610513" spans="8:8">
      <c r="H610513" s="12"/>
    </row>
    <row r="610514" spans="8:8">
      <c r="H610514" s="12"/>
    </row>
    <row r="610515" spans="8:8">
      <c r="H610515" s="12"/>
    </row>
    <row r="610516" spans="8:8">
      <c r="H610516" s="12"/>
    </row>
    <row r="610517" spans="8:8">
      <c r="H610517" s="12"/>
    </row>
    <row r="610518" spans="8:8">
      <c r="H610518" s="12"/>
    </row>
    <row r="610519" spans="8:8">
      <c r="H610519" s="12"/>
    </row>
    <row r="610520" spans="8:8">
      <c r="H610520" s="12"/>
    </row>
    <row r="610521" spans="8:8">
      <c r="H610521" s="12"/>
    </row>
    <row r="610522" spans="8:8">
      <c r="H610522" s="12"/>
    </row>
    <row r="610523" spans="8:8">
      <c r="H610523" s="12"/>
    </row>
    <row r="610524" spans="8:8">
      <c r="H610524" s="12"/>
    </row>
    <row r="610525" spans="8:8">
      <c r="H610525" s="12"/>
    </row>
    <row r="610526" spans="8:8">
      <c r="H610526" s="12"/>
    </row>
    <row r="610527" spans="8:8">
      <c r="H610527" s="12"/>
    </row>
    <row r="610528" spans="8:8">
      <c r="H610528" s="12"/>
    </row>
    <row r="610529" spans="8:8">
      <c r="H610529" s="12"/>
    </row>
    <row r="610530" spans="8:8">
      <c r="H610530" s="12"/>
    </row>
    <row r="610531" spans="8:8">
      <c r="H610531" s="12"/>
    </row>
    <row r="610532" spans="8:8">
      <c r="H610532" s="12"/>
    </row>
    <row r="610533" spans="8:8">
      <c r="H610533" s="12"/>
    </row>
    <row r="610534" spans="8:8">
      <c r="H610534" s="12"/>
    </row>
    <row r="610535" spans="8:8">
      <c r="H610535" s="12"/>
    </row>
    <row r="610536" spans="8:8">
      <c r="H610536" s="12"/>
    </row>
    <row r="610537" spans="8:8">
      <c r="H610537" s="12"/>
    </row>
    <row r="610538" spans="8:8">
      <c r="H610538" s="12"/>
    </row>
    <row r="610539" spans="8:8">
      <c r="H610539" s="12"/>
    </row>
    <row r="610540" spans="8:8">
      <c r="H610540" s="12"/>
    </row>
    <row r="610541" spans="8:8">
      <c r="H610541" s="12"/>
    </row>
    <row r="610542" spans="8:8">
      <c r="H610542" s="12"/>
    </row>
    <row r="610543" spans="8:8">
      <c r="H610543" s="12"/>
    </row>
    <row r="610544" spans="8:8">
      <c r="H610544" s="12"/>
    </row>
    <row r="610545" spans="8:8">
      <c r="H610545" s="12"/>
    </row>
    <row r="610546" spans="8:8">
      <c r="H610546" s="12"/>
    </row>
    <row r="610547" spans="8:8">
      <c r="H610547" s="12"/>
    </row>
    <row r="610548" spans="8:8">
      <c r="H610548" s="12"/>
    </row>
    <row r="610549" spans="8:8">
      <c r="H610549" s="12"/>
    </row>
    <row r="610550" spans="8:8">
      <c r="H610550" s="12"/>
    </row>
    <row r="610551" spans="8:8">
      <c r="H610551" s="12"/>
    </row>
    <row r="610552" spans="8:8">
      <c r="H610552" s="12"/>
    </row>
    <row r="610553" spans="8:8">
      <c r="H610553" s="12"/>
    </row>
    <row r="610554" spans="8:8">
      <c r="H610554" s="12"/>
    </row>
    <row r="610555" spans="8:8">
      <c r="H610555" s="12"/>
    </row>
    <row r="610556" spans="8:8">
      <c r="H610556" s="12"/>
    </row>
    <row r="610557" spans="8:8">
      <c r="H610557" s="12"/>
    </row>
    <row r="610558" spans="8:8">
      <c r="H610558" s="12"/>
    </row>
    <row r="610559" spans="8:8">
      <c r="H610559" s="12"/>
    </row>
    <row r="610560" spans="8:8">
      <c r="H610560" s="12"/>
    </row>
    <row r="610561" spans="8:8">
      <c r="H610561" s="12"/>
    </row>
    <row r="610562" spans="8:8">
      <c r="H610562" s="12"/>
    </row>
    <row r="610563" spans="8:8">
      <c r="H610563" s="12"/>
    </row>
    <row r="610564" spans="8:8">
      <c r="H610564" s="12"/>
    </row>
    <row r="610565" spans="8:8">
      <c r="H610565" s="12"/>
    </row>
    <row r="610566" spans="8:8">
      <c r="H610566" s="12"/>
    </row>
    <row r="610567" spans="8:8">
      <c r="H610567" s="12"/>
    </row>
    <row r="610568" spans="8:8">
      <c r="H610568" s="12"/>
    </row>
    <row r="610569" spans="8:8">
      <c r="H610569" s="12"/>
    </row>
    <row r="610570" spans="8:8">
      <c r="H610570" s="12"/>
    </row>
    <row r="610571" spans="8:8">
      <c r="H610571" s="12"/>
    </row>
    <row r="610572" spans="8:8">
      <c r="H610572" s="12"/>
    </row>
    <row r="610573" spans="8:8">
      <c r="H610573" s="12"/>
    </row>
    <row r="610574" spans="8:8">
      <c r="H610574" s="12"/>
    </row>
    <row r="610575" spans="8:8">
      <c r="H610575" s="12"/>
    </row>
    <row r="610576" spans="8:8">
      <c r="H610576" s="12"/>
    </row>
    <row r="610577" spans="8:8">
      <c r="H610577" s="12"/>
    </row>
    <row r="610578" spans="8:8">
      <c r="H610578" s="12"/>
    </row>
    <row r="610579" spans="8:8">
      <c r="H610579" s="12"/>
    </row>
    <row r="610580" spans="8:8">
      <c r="H610580" s="12"/>
    </row>
    <row r="610581" spans="8:8">
      <c r="H610581" s="12"/>
    </row>
    <row r="610582" spans="8:8">
      <c r="H610582" s="12"/>
    </row>
    <row r="610583" spans="8:8">
      <c r="H610583" s="12"/>
    </row>
    <row r="610584" spans="8:8">
      <c r="H610584" s="12"/>
    </row>
    <row r="610585" spans="8:8">
      <c r="H610585" s="12"/>
    </row>
    <row r="610586" spans="8:8">
      <c r="H610586" s="12"/>
    </row>
    <row r="610587" spans="8:8">
      <c r="H610587" s="12"/>
    </row>
    <row r="610588" spans="8:8">
      <c r="H610588" s="12"/>
    </row>
    <row r="610589" spans="8:8">
      <c r="H610589" s="12"/>
    </row>
    <row r="610590" spans="8:8">
      <c r="H610590" s="12"/>
    </row>
    <row r="610591" spans="8:8">
      <c r="H610591" s="12"/>
    </row>
    <row r="610592" spans="8:8">
      <c r="H610592" s="12"/>
    </row>
    <row r="610593" spans="8:8">
      <c r="H610593" s="12"/>
    </row>
    <row r="610594" spans="8:8">
      <c r="H610594" s="12"/>
    </row>
    <row r="610595" spans="8:8">
      <c r="H610595" s="12"/>
    </row>
    <row r="610596" spans="8:8">
      <c r="H610596" s="12"/>
    </row>
    <row r="610597" spans="8:8">
      <c r="H610597" s="12"/>
    </row>
    <row r="610598" spans="8:8">
      <c r="H610598" s="12"/>
    </row>
    <row r="610599" spans="8:8">
      <c r="H610599" s="12"/>
    </row>
    <row r="610600" spans="8:8">
      <c r="H610600" s="12"/>
    </row>
    <row r="610601" spans="8:8">
      <c r="H610601" s="12"/>
    </row>
    <row r="610602" spans="8:8">
      <c r="H610602" s="12"/>
    </row>
    <row r="610603" spans="8:8">
      <c r="H610603" s="12"/>
    </row>
    <row r="610604" spans="8:8">
      <c r="H610604" s="12"/>
    </row>
    <row r="610605" spans="8:8">
      <c r="H610605" s="12"/>
    </row>
    <row r="610606" spans="8:8">
      <c r="H610606" s="12"/>
    </row>
    <row r="610607" spans="8:8">
      <c r="H610607" s="12"/>
    </row>
    <row r="610608" spans="8:8">
      <c r="H610608" s="12"/>
    </row>
    <row r="610609" spans="8:8">
      <c r="H610609" s="12"/>
    </row>
    <row r="610610" spans="8:8">
      <c r="H610610" s="12"/>
    </row>
    <row r="610611" spans="8:8">
      <c r="H610611" s="12"/>
    </row>
    <row r="610612" spans="8:8">
      <c r="H610612" s="12"/>
    </row>
    <row r="610613" spans="8:8">
      <c r="H610613" s="12"/>
    </row>
    <row r="610614" spans="8:8">
      <c r="H610614" s="12"/>
    </row>
    <row r="610615" spans="8:8">
      <c r="H610615" s="12"/>
    </row>
    <row r="610616" spans="8:8">
      <c r="H610616" s="12"/>
    </row>
    <row r="610617" spans="8:8">
      <c r="H610617" s="12"/>
    </row>
    <row r="610618" spans="8:8">
      <c r="H610618" s="12"/>
    </row>
    <row r="610619" spans="8:8">
      <c r="H610619" s="12"/>
    </row>
    <row r="610620" spans="8:8">
      <c r="H610620" s="12"/>
    </row>
    <row r="610621" spans="8:8">
      <c r="H610621" s="12"/>
    </row>
    <row r="610622" spans="8:8">
      <c r="H610622" s="12"/>
    </row>
    <row r="610623" spans="8:8">
      <c r="H610623" s="12"/>
    </row>
    <row r="610624" spans="8:8">
      <c r="H610624" s="12"/>
    </row>
    <row r="610625" spans="8:8">
      <c r="H610625" s="12"/>
    </row>
    <row r="610626" spans="8:8">
      <c r="H610626" s="12"/>
    </row>
    <row r="610627" spans="8:8">
      <c r="H610627" s="12"/>
    </row>
    <row r="610628" spans="8:8">
      <c r="H610628" s="12"/>
    </row>
    <row r="610629" spans="8:8">
      <c r="H610629" s="12"/>
    </row>
    <row r="610630" spans="8:8">
      <c r="H610630" s="12"/>
    </row>
    <row r="610631" spans="8:8">
      <c r="H610631" s="12"/>
    </row>
    <row r="610632" spans="8:8">
      <c r="H610632" s="12"/>
    </row>
    <row r="610633" spans="8:8">
      <c r="H610633" s="12"/>
    </row>
    <row r="610634" spans="8:8">
      <c r="H610634" s="12"/>
    </row>
    <row r="610635" spans="8:8">
      <c r="H610635" s="12"/>
    </row>
    <row r="610636" spans="8:8">
      <c r="H610636" s="12"/>
    </row>
    <row r="610637" spans="8:8">
      <c r="H610637" s="12"/>
    </row>
    <row r="610638" spans="8:8">
      <c r="H610638" s="12"/>
    </row>
    <row r="610639" spans="8:8">
      <c r="H610639" s="12"/>
    </row>
    <row r="610640" spans="8:8">
      <c r="H610640" s="12"/>
    </row>
    <row r="610641" spans="8:8">
      <c r="H610641" s="12"/>
    </row>
    <row r="610642" spans="8:8">
      <c r="H610642" s="12"/>
    </row>
    <row r="610643" spans="8:8">
      <c r="H610643" s="12"/>
    </row>
    <row r="610644" spans="8:8">
      <c r="H610644" s="12"/>
    </row>
    <row r="610645" spans="8:8">
      <c r="H610645" s="12"/>
    </row>
    <row r="610646" spans="8:8">
      <c r="H610646" s="12"/>
    </row>
    <row r="610647" spans="8:8">
      <c r="H610647" s="12"/>
    </row>
    <row r="610648" spans="8:8">
      <c r="H610648" s="12"/>
    </row>
    <row r="610649" spans="8:8">
      <c r="H610649" s="12"/>
    </row>
    <row r="610650" spans="8:8">
      <c r="H610650" s="12"/>
    </row>
    <row r="610651" spans="8:8">
      <c r="H610651" s="12"/>
    </row>
    <row r="610652" spans="8:8">
      <c r="H610652" s="12"/>
    </row>
    <row r="610653" spans="8:8">
      <c r="H610653" s="12"/>
    </row>
    <row r="610654" spans="8:8">
      <c r="H610654" s="12"/>
    </row>
    <row r="610655" spans="8:8">
      <c r="H610655" s="12"/>
    </row>
    <row r="610656" spans="8:8">
      <c r="H610656" s="12"/>
    </row>
    <row r="610657" spans="8:8">
      <c r="H610657" s="12"/>
    </row>
    <row r="610658" spans="8:8">
      <c r="H610658" s="12"/>
    </row>
    <row r="610659" spans="8:8">
      <c r="H610659" s="12"/>
    </row>
    <row r="610660" spans="8:8">
      <c r="H610660" s="12"/>
    </row>
    <row r="610661" spans="8:8">
      <c r="H610661" s="12"/>
    </row>
    <row r="610662" spans="8:8">
      <c r="H610662" s="12"/>
    </row>
    <row r="610663" spans="8:8">
      <c r="H610663" s="12"/>
    </row>
    <row r="610664" spans="8:8">
      <c r="H610664" s="12"/>
    </row>
    <row r="610665" spans="8:8">
      <c r="H610665" s="12"/>
    </row>
    <row r="610666" spans="8:8">
      <c r="H610666" s="12"/>
    </row>
    <row r="610667" spans="8:8">
      <c r="H610667" s="12"/>
    </row>
    <row r="610668" spans="8:8">
      <c r="H610668" s="12"/>
    </row>
    <row r="610669" spans="8:8">
      <c r="H610669" s="12"/>
    </row>
    <row r="610670" spans="8:8">
      <c r="H610670" s="12"/>
    </row>
    <row r="610671" spans="8:8">
      <c r="H610671" s="12"/>
    </row>
    <row r="610672" spans="8:8">
      <c r="H610672" s="12"/>
    </row>
    <row r="610673" spans="8:8">
      <c r="H610673" s="12"/>
    </row>
    <row r="610674" spans="8:8">
      <c r="H610674" s="12"/>
    </row>
    <row r="610675" spans="8:8">
      <c r="H610675" s="12"/>
    </row>
    <row r="610676" spans="8:8">
      <c r="H610676" s="12"/>
    </row>
    <row r="610677" spans="8:8">
      <c r="H610677" s="12"/>
    </row>
    <row r="610678" spans="8:8">
      <c r="H610678" s="12"/>
    </row>
    <row r="610679" spans="8:8">
      <c r="H610679" s="12"/>
    </row>
    <row r="610680" spans="8:8">
      <c r="H610680" s="12"/>
    </row>
    <row r="610681" spans="8:8">
      <c r="H610681" s="12"/>
    </row>
    <row r="610682" spans="8:8">
      <c r="H610682" s="12"/>
    </row>
    <row r="610683" spans="8:8">
      <c r="H610683" s="12"/>
    </row>
    <row r="610684" spans="8:8">
      <c r="H610684" s="12"/>
    </row>
    <row r="610685" spans="8:8">
      <c r="H610685" s="12"/>
    </row>
    <row r="610686" spans="8:8">
      <c r="H610686" s="12"/>
    </row>
    <row r="610687" spans="8:8">
      <c r="H610687" s="12"/>
    </row>
    <row r="610688" spans="8:8">
      <c r="H610688" s="12"/>
    </row>
    <row r="610689" spans="8:8">
      <c r="H610689" s="12"/>
    </row>
    <row r="610690" spans="8:8">
      <c r="H610690" s="12"/>
    </row>
    <row r="610691" spans="8:8">
      <c r="H610691" s="12"/>
    </row>
    <row r="610692" spans="8:8">
      <c r="H610692" s="12"/>
    </row>
    <row r="610693" spans="8:8">
      <c r="H610693" s="12"/>
    </row>
    <row r="610694" spans="8:8">
      <c r="H610694" s="12"/>
    </row>
    <row r="610695" spans="8:8">
      <c r="H610695" s="12"/>
    </row>
    <row r="610696" spans="8:8">
      <c r="H610696" s="12"/>
    </row>
    <row r="610697" spans="8:8">
      <c r="H610697" s="12"/>
    </row>
    <row r="610698" spans="8:8">
      <c r="H610698" s="12"/>
    </row>
    <row r="610699" spans="8:8">
      <c r="H610699" s="12"/>
    </row>
    <row r="610700" spans="8:8">
      <c r="H610700" s="12"/>
    </row>
    <row r="610701" spans="8:8">
      <c r="H610701" s="12"/>
    </row>
    <row r="610702" spans="8:8">
      <c r="H610702" s="12"/>
    </row>
    <row r="610703" spans="8:8">
      <c r="H610703" s="12"/>
    </row>
    <row r="610704" spans="8:8">
      <c r="H610704" s="12"/>
    </row>
    <row r="610705" spans="8:8">
      <c r="H610705" s="12"/>
    </row>
    <row r="610706" spans="8:8">
      <c r="H610706" s="12"/>
    </row>
    <row r="610707" spans="8:8">
      <c r="H610707" s="12"/>
    </row>
    <row r="610708" spans="8:8">
      <c r="H610708" s="12"/>
    </row>
    <row r="610709" spans="8:8">
      <c r="H610709" s="12"/>
    </row>
    <row r="610710" spans="8:8">
      <c r="H610710" s="12"/>
    </row>
    <row r="610711" spans="8:8">
      <c r="H610711" s="12"/>
    </row>
    <row r="610712" spans="8:8">
      <c r="H610712" s="12"/>
    </row>
    <row r="610713" spans="8:8">
      <c r="H610713" s="12"/>
    </row>
    <row r="610714" spans="8:8">
      <c r="H610714" s="12"/>
    </row>
    <row r="610715" spans="8:8">
      <c r="H610715" s="12"/>
    </row>
    <row r="610716" spans="8:8">
      <c r="H610716" s="12"/>
    </row>
    <row r="610717" spans="8:8">
      <c r="H610717" s="12"/>
    </row>
    <row r="610718" spans="8:8">
      <c r="H610718" s="12"/>
    </row>
    <row r="610719" spans="8:8">
      <c r="H610719" s="12"/>
    </row>
    <row r="610720" spans="8:8">
      <c r="H610720" s="12"/>
    </row>
    <row r="610721" spans="8:8">
      <c r="H610721" s="12"/>
    </row>
    <row r="610722" spans="8:8">
      <c r="H610722" s="12"/>
    </row>
    <row r="610723" spans="8:8">
      <c r="H610723" s="12"/>
    </row>
    <row r="610724" spans="8:8">
      <c r="H610724" s="12"/>
    </row>
    <row r="610725" spans="8:8">
      <c r="H610725" s="12"/>
    </row>
    <row r="610726" spans="8:8">
      <c r="H610726" s="12"/>
    </row>
    <row r="610727" spans="8:8">
      <c r="H610727" s="12"/>
    </row>
    <row r="610728" spans="8:8">
      <c r="H610728" s="12"/>
    </row>
    <row r="610729" spans="8:8">
      <c r="H610729" s="12"/>
    </row>
    <row r="610730" spans="8:8">
      <c r="H610730" s="12"/>
    </row>
    <row r="610731" spans="8:8">
      <c r="H610731" s="12"/>
    </row>
    <row r="610732" spans="8:8">
      <c r="H610732" s="12"/>
    </row>
    <row r="610733" spans="8:8">
      <c r="H610733" s="12"/>
    </row>
    <row r="610734" spans="8:8">
      <c r="H610734" s="12"/>
    </row>
    <row r="610735" spans="8:8">
      <c r="H610735" s="12"/>
    </row>
    <row r="610736" spans="8:8">
      <c r="H610736" s="12"/>
    </row>
    <row r="610737" spans="8:8">
      <c r="H610737" s="12"/>
    </row>
    <row r="610738" spans="8:8">
      <c r="H610738" s="12"/>
    </row>
    <row r="610739" spans="8:8">
      <c r="H610739" s="12"/>
    </row>
    <row r="610740" spans="8:8">
      <c r="H610740" s="12"/>
    </row>
    <row r="610741" spans="8:8">
      <c r="H610741" s="12"/>
    </row>
    <row r="610742" spans="8:8">
      <c r="H610742" s="12"/>
    </row>
    <row r="610743" spans="8:8">
      <c r="H610743" s="12"/>
    </row>
    <row r="610744" spans="8:8">
      <c r="H610744" s="12"/>
    </row>
    <row r="610745" spans="8:8">
      <c r="H610745" s="12"/>
    </row>
    <row r="610746" spans="8:8">
      <c r="H610746" s="12"/>
    </row>
    <row r="610747" spans="8:8">
      <c r="H610747" s="12"/>
    </row>
    <row r="610748" spans="8:8">
      <c r="H610748" s="12"/>
    </row>
    <row r="610749" spans="8:8">
      <c r="H610749" s="12"/>
    </row>
    <row r="610750" spans="8:8">
      <c r="H610750" s="12"/>
    </row>
    <row r="610751" spans="8:8">
      <c r="H610751" s="12"/>
    </row>
    <row r="610752" spans="8:8">
      <c r="H610752" s="12"/>
    </row>
    <row r="610753" spans="8:8">
      <c r="H610753" s="12"/>
    </row>
    <row r="610754" spans="8:8">
      <c r="H610754" s="12"/>
    </row>
    <row r="610755" spans="8:8">
      <c r="H610755" s="12"/>
    </row>
    <row r="610756" spans="8:8">
      <c r="H610756" s="12"/>
    </row>
    <row r="610757" spans="8:8">
      <c r="H610757" s="12"/>
    </row>
    <row r="610758" spans="8:8">
      <c r="H610758" s="12"/>
    </row>
    <row r="610759" spans="8:8">
      <c r="H610759" s="12"/>
    </row>
    <row r="610760" spans="8:8">
      <c r="H610760" s="12"/>
    </row>
    <row r="610761" spans="8:8">
      <c r="H610761" s="12"/>
    </row>
    <row r="610762" spans="8:8">
      <c r="H610762" s="12"/>
    </row>
    <row r="610763" spans="8:8">
      <c r="H610763" s="12"/>
    </row>
    <row r="610764" spans="8:8">
      <c r="H610764" s="12"/>
    </row>
    <row r="610765" spans="8:8">
      <c r="H610765" s="12"/>
    </row>
    <row r="610766" spans="8:8">
      <c r="H610766" s="12"/>
    </row>
    <row r="610767" spans="8:8">
      <c r="H610767" s="12"/>
    </row>
    <row r="610768" spans="8:8">
      <c r="H610768" s="12"/>
    </row>
    <row r="610769" spans="8:8">
      <c r="H610769" s="12"/>
    </row>
    <row r="610770" spans="8:8">
      <c r="H610770" s="12"/>
    </row>
    <row r="610771" spans="8:8">
      <c r="H610771" s="12"/>
    </row>
    <row r="610772" spans="8:8">
      <c r="H610772" s="12"/>
    </row>
    <row r="610773" spans="8:8">
      <c r="H610773" s="12"/>
    </row>
    <row r="610774" spans="8:8">
      <c r="H610774" s="12"/>
    </row>
    <row r="610775" spans="8:8">
      <c r="H610775" s="12"/>
    </row>
    <row r="610776" spans="8:8">
      <c r="H610776" s="12"/>
    </row>
    <row r="610777" spans="8:8">
      <c r="H610777" s="12"/>
    </row>
    <row r="610778" spans="8:8">
      <c r="H610778" s="12"/>
    </row>
    <row r="610779" spans="8:8">
      <c r="H610779" s="12"/>
    </row>
    <row r="610780" spans="8:8">
      <c r="H610780" s="12"/>
    </row>
    <row r="610781" spans="8:8">
      <c r="H610781" s="12"/>
    </row>
    <row r="610782" spans="8:8">
      <c r="H610782" s="12"/>
    </row>
    <row r="610783" spans="8:8">
      <c r="H610783" s="12"/>
    </row>
    <row r="610784" spans="8:8">
      <c r="H610784" s="12"/>
    </row>
    <row r="610785" spans="8:8">
      <c r="H610785" s="12"/>
    </row>
    <row r="610786" spans="8:8">
      <c r="H610786" s="12"/>
    </row>
    <row r="610787" spans="8:8">
      <c r="H610787" s="12"/>
    </row>
    <row r="610788" spans="8:8">
      <c r="H610788" s="12"/>
    </row>
    <row r="610789" spans="8:8">
      <c r="H610789" s="12"/>
    </row>
    <row r="610790" spans="8:8">
      <c r="H610790" s="12"/>
    </row>
    <row r="610791" spans="8:8">
      <c r="H610791" s="12"/>
    </row>
    <row r="610792" spans="8:8">
      <c r="H610792" s="12"/>
    </row>
    <row r="610793" spans="8:8">
      <c r="H610793" s="12"/>
    </row>
    <row r="610794" spans="8:8">
      <c r="H610794" s="12"/>
    </row>
    <row r="610795" spans="8:8">
      <c r="H610795" s="12"/>
    </row>
    <row r="610796" spans="8:8">
      <c r="H610796" s="12"/>
    </row>
    <row r="610797" spans="8:8">
      <c r="H610797" s="12"/>
    </row>
    <row r="610798" spans="8:8">
      <c r="H610798" s="12"/>
    </row>
    <row r="610799" spans="8:8">
      <c r="H610799" s="12"/>
    </row>
    <row r="610800" spans="8:8">
      <c r="H610800" s="12"/>
    </row>
    <row r="610801" spans="8:8">
      <c r="H610801" s="12"/>
    </row>
    <row r="610802" spans="8:8">
      <c r="H610802" s="12"/>
    </row>
    <row r="610803" spans="8:8">
      <c r="H610803" s="12"/>
    </row>
    <row r="610804" spans="8:8">
      <c r="H610804" s="12"/>
    </row>
    <row r="610805" spans="8:8">
      <c r="H610805" s="12"/>
    </row>
    <row r="610806" spans="8:8">
      <c r="H610806" s="12"/>
    </row>
    <row r="610807" spans="8:8">
      <c r="H610807" s="12"/>
    </row>
    <row r="610808" spans="8:8">
      <c r="H610808" s="12"/>
    </row>
    <row r="610809" spans="8:8">
      <c r="H610809" s="12"/>
    </row>
    <row r="610810" spans="8:8">
      <c r="H610810" s="12"/>
    </row>
    <row r="610811" spans="8:8">
      <c r="H610811" s="12"/>
    </row>
    <row r="610812" spans="8:8">
      <c r="H610812" s="12"/>
    </row>
    <row r="610813" spans="8:8">
      <c r="H610813" s="12"/>
    </row>
    <row r="610814" spans="8:8">
      <c r="H610814" s="12"/>
    </row>
    <row r="610815" spans="8:8">
      <c r="H610815" s="12"/>
    </row>
    <row r="610816" spans="8:8">
      <c r="H610816" s="12"/>
    </row>
    <row r="610817" spans="8:8">
      <c r="H610817" s="12"/>
    </row>
    <row r="610818" spans="8:8">
      <c r="H610818" s="12"/>
    </row>
    <row r="610819" spans="8:8">
      <c r="H610819" s="12"/>
    </row>
    <row r="610820" spans="8:8">
      <c r="H610820" s="12"/>
    </row>
    <row r="610821" spans="8:8">
      <c r="H610821" s="12"/>
    </row>
    <row r="610822" spans="8:8">
      <c r="H610822" s="12"/>
    </row>
    <row r="610823" spans="8:8">
      <c r="H610823" s="12"/>
    </row>
    <row r="610824" spans="8:8">
      <c r="H610824" s="12"/>
    </row>
    <row r="610825" spans="8:8">
      <c r="H610825" s="12"/>
    </row>
    <row r="610826" spans="8:8">
      <c r="H610826" s="12"/>
    </row>
    <row r="610827" spans="8:8">
      <c r="H610827" s="12"/>
    </row>
    <row r="610828" spans="8:8">
      <c r="H610828" s="12"/>
    </row>
    <row r="610829" spans="8:8">
      <c r="H610829" s="12"/>
    </row>
    <row r="610830" spans="8:8">
      <c r="H610830" s="12"/>
    </row>
    <row r="610831" spans="8:8">
      <c r="H610831" s="12"/>
    </row>
    <row r="610832" spans="8:8">
      <c r="H610832" s="12"/>
    </row>
    <row r="610833" spans="8:8">
      <c r="H610833" s="12"/>
    </row>
    <row r="610834" spans="8:8">
      <c r="H610834" s="12"/>
    </row>
    <row r="610835" spans="8:8">
      <c r="H610835" s="12"/>
    </row>
    <row r="610836" spans="8:8">
      <c r="H610836" s="12"/>
    </row>
    <row r="610837" spans="8:8">
      <c r="H610837" s="12"/>
    </row>
    <row r="610838" spans="8:8">
      <c r="H610838" s="12"/>
    </row>
    <row r="610839" spans="8:8">
      <c r="H610839" s="12"/>
    </row>
    <row r="610840" spans="8:8">
      <c r="H610840" s="12"/>
    </row>
    <row r="610841" spans="8:8">
      <c r="H610841" s="12"/>
    </row>
    <row r="610842" spans="8:8">
      <c r="H610842" s="12"/>
    </row>
    <row r="610843" spans="8:8">
      <c r="H610843" s="12"/>
    </row>
    <row r="610844" spans="8:8">
      <c r="H610844" s="12"/>
    </row>
    <row r="610845" spans="8:8">
      <c r="H610845" s="12"/>
    </row>
    <row r="610846" spans="8:8">
      <c r="H610846" s="12"/>
    </row>
    <row r="610847" spans="8:8">
      <c r="H610847" s="12"/>
    </row>
    <row r="610848" spans="8:8">
      <c r="H610848" s="12"/>
    </row>
    <row r="610849" spans="8:8">
      <c r="H610849" s="12"/>
    </row>
    <row r="610850" spans="8:8">
      <c r="H610850" s="12"/>
    </row>
    <row r="610851" spans="8:8">
      <c r="H610851" s="12"/>
    </row>
    <row r="610852" spans="8:8">
      <c r="H610852" s="12"/>
    </row>
    <row r="610853" spans="8:8">
      <c r="H610853" s="12"/>
    </row>
    <row r="610854" spans="8:8">
      <c r="H610854" s="12"/>
    </row>
    <row r="610855" spans="8:8">
      <c r="H610855" s="12"/>
    </row>
    <row r="610856" spans="8:8">
      <c r="H610856" s="12"/>
    </row>
    <row r="610857" spans="8:8">
      <c r="H610857" s="12"/>
    </row>
    <row r="610858" spans="8:8">
      <c r="H610858" s="12"/>
    </row>
    <row r="610859" spans="8:8">
      <c r="H610859" s="12"/>
    </row>
    <row r="610860" spans="8:8">
      <c r="H610860" s="12"/>
    </row>
    <row r="610861" spans="8:8">
      <c r="H610861" s="12"/>
    </row>
    <row r="610862" spans="8:8">
      <c r="H610862" s="12"/>
    </row>
    <row r="610863" spans="8:8">
      <c r="H610863" s="12"/>
    </row>
    <row r="610864" spans="8:8">
      <c r="H610864" s="12"/>
    </row>
    <row r="610865" spans="8:8">
      <c r="H610865" s="12"/>
    </row>
    <row r="610866" spans="8:8">
      <c r="H610866" s="12"/>
    </row>
    <row r="610867" spans="8:8">
      <c r="H610867" s="12"/>
    </row>
    <row r="610868" spans="8:8">
      <c r="H610868" s="12"/>
    </row>
    <row r="610869" spans="8:8">
      <c r="H610869" s="12"/>
    </row>
    <row r="610870" spans="8:8">
      <c r="H610870" s="12"/>
    </row>
    <row r="610871" spans="8:8">
      <c r="H610871" s="12"/>
    </row>
    <row r="610872" spans="8:8">
      <c r="H610872" s="12"/>
    </row>
    <row r="610873" spans="8:8">
      <c r="H610873" s="12"/>
    </row>
    <row r="610874" spans="8:8">
      <c r="H610874" s="12"/>
    </row>
    <row r="610875" spans="8:8">
      <c r="H610875" s="12"/>
    </row>
    <row r="610876" spans="8:8">
      <c r="H610876" s="12"/>
    </row>
    <row r="610877" spans="8:8">
      <c r="H610877" s="12"/>
    </row>
    <row r="610878" spans="8:8">
      <c r="H610878" s="12"/>
    </row>
    <row r="610879" spans="8:8">
      <c r="H610879" s="12"/>
    </row>
    <row r="610880" spans="8:8">
      <c r="H610880" s="12"/>
    </row>
    <row r="610881" spans="8:8">
      <c r="H610881" s="12"/>
    </row>
    <row r="610882" spans="8:8">
      <c r="H610882" s="12"/>
    </row>
    <row r="610883" spans="8:8">
      <c r="H610883" s="12"/>
    </row>
    <row r="610884" spans="8:8">
      <c r="H610884" s="12"/>
    </row>
    <row r="610885" spans="8:8">
      <c r="H610885" s="12"/>
    </row>
    <row r="610886" spans="8:8">
      <c r="H610886" s="12"/>
    </row>
    <row r="610887" spans="8:8">
      <c r="H610887" s="12"/>
    </row>
    <row r="610888" spans="8:8">
      <c r="H610888" s="12"/>
    </row>
    <row r="610889" spans="8:8">
      <c r="H610889" s="12"/>
    </row>
    <row r="610890" spans="8:8">
      <c r="H610890" s="12"/>
    </row>
    <row r="610891" spans="8:8">
      <c r="H610891" s="12"/>
    </row>
    <row r="610892" spans="8:8">
      <c r="H610892" s="12"/>
    </row>
    <row r="610893" spans="8:8">
      <c r="H610893" s="12"/>
    </row>
    <row r="610894" spans="8:8">
      <c r="H610894" s="12"/>
    </row>
    <row r="610895" spans="8:8">
      <c r="H610895" s="12"/>
    </row>
    <row r="610896" spans="8:8">
      <c r="H610896" s="12"/>
    </row>
    <row r="610897" spans="8:8">
      <c r="H610897" s="12"/>
    </row>
    <row r="610898" spans="8:8">
      <c r="H610898" s="12"/>
    </row>
    <row r="610899" spans="8:8">
      <c r="H610899" s="12"/>
    </row>
    <row r="610900" spans="8:8">
      <c r="H610900" s="12"/>
    </row>
    <row r="610901" spans="8:8">
      <c r="H610901" s="12"/>
    </row>
    <row r="610902" spans="8:8">
      <c r="H610902" s="12"/>
    </row>
    <row r="610903" spans="8:8">
      <c r="H610903" s="12"/>
    </row>
    <row r="610904" spans="8:8">
      <c r="H610904" s="12"/>
    </row>
    <row r="610905" spans="8:8">
      <c r="H610905" s="12"/>
    </row>
    <row r="610906" spans="8:8">
      <c r="H610906" s="12"/>
    </row>
    <row r="610907" spans="8:8">
      <c r="H610907" s="12"/>
    </row>
    <row r="610908" spans="8:8">
      <c r="H610908" s="12"/>
    </row>
    <row r="610909" spans="8:8">
      <c r="H610909" s="12"/>
    </row>
    <row r="610910" spans="8:8">
      <c r="H610910" s="12"/>
    </row>
    <row r="610911" spans="8:8">
      <c r="H610911" s="12"/>
    </row>
    <row r="610912" spans="8:8">
      <c r="H610912" s="12"/>
    </row>
    <row r="610913" spans="8:8">
      <c r="H610913" s="12"/>
    </row>
    <row r="610914" spans="8:8">
      <c r="H610914" s="12"/>
    </row>
    <row r="610915" spans="8:8">
      <c r="H610915" s="12"/>
    </row>
    <row r="610916" spans="8:8">
      <c r="H610916" s="12"/>
    </row>
    <row r="610917" spans="8:8">
      <c r="H610917" s="12"/>
    </row>
    <row r="610918" spans="8:8">
      <c r="H610918" s="12"/>
    </row>
    <row r="610919" spans="8:8">
      <c r="H610919" s="12"/>
    </row>
    <row r="610920" spans="8:8">
      <c r="H610920" s="12"/>
    </row>
    <row r="610921" spans="8:8">
      <c r="H610921" s="12"/>
    </row>
    <row r="610922" spans="8:8">
      <c r="H610922" s="12"/>
    </row>
    <row r="610923" spans="8:8">
      <c r="H610923" s="12"/>
    </row>
    <row r="610924" spans="8:8">
      <c r="H610924" s="12"/>
    </row>
    <row r="610925" spans="8:8">
      <c r="H610925" s="12"/>
    </row>
    <row r="610926" spans="8:8">
      <c r="H610926" s="12"/>
    </row>
    <row r="610927" spans="8:8">
      <c r="H610927" s="12"/>
    </row>
    <row r="610928" spans="8:8">
      <c r="H610928" s="12"/>
    </row>
    <row r="610929" spans="8:8">
      <c r="H610929" s="12"/>
    </row>
    <row r="610930" spans="8:8">
      <c r="H610930" s="12"/>
    </row>
    <row r="610931" spans="8:8">
      <c r="H610931" s="12"/>
    </row>
    <row r="610932" spans="8:8">
      <c r="H610932" s="12"/>
    </row>
    <row r="610933" spans="8:8">
      <c r="H610933" s="12"/>
    </row>
    <row r="610934" spans="8:8">
      <c r="H610934" s="12"/>
    </row>
    <row r="610935" spans="8:8">
      <c r="H610935" s="12"/>
    </row>
    <row r="610936" spans="8:8">
      <c r="H610936" s="12"/>
    </row>
    <row r="610937" spans="8:8">
      <c r="H610937" s="12"/>
    </row>
    <row r="610938" spans="8:8">
      <c r="H610938" s="12"/>
    </row>
    <row r="610939" spans="8:8">
      <c r="H610939" s="12"/>
    </row>
    <row r="610940" spans="8:8">
      <c r="H610940" s="12"/>
    </row>
    <row r="610941" spans="8:8">
      <c r="H610941" s="12"/>
    </row>
    <row r="610942" spans="8:8">
      <c r="H610942" s="12"/>
    </row>
    <row r="610943" spans="8:8">
      <c r="H610943" s="12"/>
    </row>
    <row r="610944" spans="8:8">
      <c r="H610944" s="12"/>
    </row>
    <row r="610945" spans="8:8">
      <c r="H610945" s="12"/>
    </row>
    <row r="610946" spans="8:8">
      <c r="H610946" s="12"/>
    </row>
    <row r="610947" spans="8:8">
      <c r="H610947" s="12"/>
    </row>
    <row r="610948" spans="8:8">
      <c r="H610948" s="12"/>
    </row>
    <row r="610949" spans="8:8">
      <c r="H610949" s="12"/>
    </row>
    <row r="610950" spans="8:8">
      <c r="H610950" s="12"/>
    </row>
    <row r="610951" spans="8:8">
      <c r="H610951" s="12"/>
    </row>
    <row r="610952" spans="8:8">
      <c r="H610952" s="12"/>
    </row>
    <row r="610953" spans="8:8">
      <c r="H610953" s="12"/>
    </row>
    <row r="610954" spans="8:8">
      <c r="H610954" s="12"/>
    </row>
    <row r="610955" spans="8:8">
      <c r="H610955" s="12"/>
    </row>
    <row r="610956" spans="8:8">
      <c r="H610956" s="12"/>
    </row>
    <row r="610957" spans="8:8">
      <c r="H610957" s="12"/>
    </row>
    <row r="610958" spans="8:8">
      <c r="H610958" s="12"/>
    </row>
    <row r="610959" spans="8:8">
      <c r="H610959" s="12"/>
    </row>
    <row r="610960" spans="8:8">
      <c r="H610960" s="12"/>
    </row>
    <row r="610961" spans="8:8">
      <c r="H610961" s="12"/>
    </row>
    <row r="610962" spans="8:8">
      <c r="H610962" s="12"/>
    </row>
    <row r="610963" spans="8:8">
      <c r="H610963" s="12"/>
    </row>
    <row r="610964" spans="8:8">
      <c r="H610964" s="12"/>
    </row>
    <row r="610965" spans="8:8">
      <c r="H610965" s="12"/>
    </row>
    <row r="610966" spans="8:8">
      <c r="H610966" s="12"/>
    </row>
    <row r="610967" spans="8:8">
      <c r="H610967" s="12"/>
    </row>
    <row r="610968" spans="8:8">
      <c r="H610968" s="12"/>
    </row>
    <row r="610969" spans="8:8">
      <c r="H610969" s="12"/>
    </row>
    <row r="610970" spans="8:8">
      <c r="H610970" s="12"/>
    </row>
    <row r="610971" spans="8:8">
      <c r="H610971" s="12"/>
    </row>
    <row r="610972" spans="8:8">
      <c r="H610972" s="12"/>
    </row>
    <row r="610973" spans="8:8">
      <c r="H610973" s="12"/>
    </row>
    <row r="610974" spans="8:8">
      <c r="H610974" s="12"/>
    </row>
    <row r="610975" spans="8:8">
      <c r="H610975" s="12"/>
    </row>
    <row r="610976" spans="8:8">
      <c r="H610976" s="12"/>
    </row>
    <row r="610977" spans="8:8">
      <c r="H610977" s="12"/>
    </row>
    <row r="610978" spans="8:8">
      <c r="H610978" s="12"/>
    </row>
    <row r="610979" spans="8:8">
      <c r="H610979" s="12"/>
    </row>
    <row r="610980" spans="8:8">
      <c r="H610980" s="12"/>
    </row>
    <row r="610981" spans="8:8">
      <c r="H610981" s="12"/>
    </row>
    <row r="610982" spans="8:8">
      <c r="H610982" s="12"/>
    </row>
    <row r="610983" spans="8:8">
      <c r="H610983" s="12"/>
    </row>
    <row r="610984" spans="8:8">
      <c r="H610984" s="12"/>
    </row>
    <row r="610985" spans="8:8">
      <c r="H610985" s="12"/>
    </row>
    <row r="610986" spans="8:8">
      <c r="H610986" s="12"/>
    </row>
    <row r="610987" spans="8:8">
      <c r="H610987" s="12"/>
    </row>
    <row r="610988" spans="8:8">
      <c r="H610988" s="12"/>
    </row>
    <row r="610989" spans="8:8">
      <c r="H610989" s="12"/>
    </row>
    <row r="610990" spans="8:8">
      <c r="H610990" s="12"/>
    </row>
    <row r="610991" spans="8:8">
      <c r="H610991" s="12"/>
    </row>
    <row r="610992" spans="8:8">
      <c r="H610992" s="12"/>
    </row>
    <row r="610993" spans="8:8">
      <c r="H610993" s="12"/>
    </row>
    <row r="610994" spans="8:8">
      <c r="H610994" s="12"/>
    </row>
    <row r="610995" spans="8:8">
      <c r="H610995" s="12"/>
    </row>
    <row r="610996" spans="8:8">
      <c r="H610996" s="12"/>
    </row>
    <row r="610997" spans="8:8">
      <c r="H610997" s="12"/>
    </row>
    <row r="610998" spans="8:8">
      <c r="H610998" s="12"/>
    </row>
    <row r="610999" spans="8:8">
      <c r="H610999" s="12"/>
    </row>
    <row r="611000" spans="8:8">
      <c r="H611000" s="12"/>
    </row>
    <row r="611001" spans="8:8">
      <c r="H611001" s="12"/>
    </row>
    <row r="611002" spans="8:8">
      <c r="H611002" s="12"/>
    </row>
    <row r="611003" spans="8:8">
      <c r="H611003" s="12"/>
    </row>
    <row r="611004" spans="8:8">
      <c r="H611004" s="12"/>
    </row>
    <row r="611005" spans="8:8">
      <c r="H611005" s="12"/>
    </row>
    <row r="611006" spans="8:8">
      <c r="H611006" s="12"/>
    </row>
    <row r="611007" spans="8:8">
      <c r="H611007" s="12"/>
    </row>
    <row r="611008" spans="8:8">
      <c r="H611008" s="12"/>
    </row>
    <row r="611009" spans="8:8">
      <c r="H611009" s="12"/>
    </row>
    <row r="611010" spans="8:8">
      <c r="H611010" s="12"/>
    </row>
    <row r="611011" spans="8:8">
      <c r="H611011" s="12"/>
    </row>
    <row r="611012" spans="8:8">
      <c r="H611012" s="12"/>
    </row>
    <row r="611013" spans="8:8">
      <c r="H611013" s="12"/>
    </row>
    <row r="611014" spans="8:8">
      <c r="H611014" s="12"/>
    </row>
    <row r="611015" spans="8:8">
      <c r="H611015" s="12"/>
    </row>
    <row r="611016" spans="8:8">
      <c r="H611016" s="12"/>
    </row>
    <row r="611017" spans="8:8">
      <c r="H611017" s="12"/>
    </row>
    <row r="611018" spans="8:8">
      <c r="H611018" s="12"/>
    </row>
    <row r="611019" spans="8:8">
      <c r="H611019" s="12"/>
    </row>
    <row r="611020" spans="8:8">
      <c r="H611020" s="12"/>
    </row>
    <row r="611021" spans="8:8">
      <c r="H611021" s="12"/>
    </row>
    <row r="611022" spans="8:8">
      <c r="H611022" s="12"/>
    </row>
    <row r="611023" spans="8:8">
      <c r="H611023" s="12"/>
    </row>
    <row r="611024" spans="8:8">
      <c r="H611024" s="12"/>
    </row>
    <row r="611025" spans="8:8">
      <c r="H611025" s="12"/>
    </row>
    <row r="611026" spans="8:8">
      <c r="H611026" s="12"/>
    </row>
    <row r="611027" spans="8:8">
      <c r="H611027" s="12"/>
    </row>
    <row r="611028" spans="8:8">
      <c r="H611028" s="12"/>
    </row>
    <row r="611029" spans="8:8">
      <c r="H611029" s="12"/>
    </row>
    <row r="611030" spans="8:8">
      <c r="H611030" s="12"/>
    </row>
    <row r="611031" spans="8:8">
      <c r="H611031" s="12"/>
    </row>
    <row r="611032" spans="8:8">
      <c r="H611032" s="12"/>
    </row>
    <row r="611033" spans="8:8">
      <c r="H611033" s="12"/>
    </row>
    <row r="611034" spans="8:8">
      <c r="H611034" s="12"/>
    </row>
    <row r="611035" spans="8:8">
      <c r="H611035" s="12"/>
    </row>
    <row r="611036" spans="8:8">
      <c r="H611036" s="12"/>
    </row>
    <row r="611037" spans="8:8">
      <c r="H611037" s="12"/>
    </row>
    <row r="611038" spans="8:8">
      <c r="H611038" s="12"/>
    </row>
    <row r="611039" spans="8:8">
      <c r="H611039" s="12"/>
    </row>
    <row r="611040" spans="8:8">
      <c r="H611040" s="12"/>
    </row>
    <row r="611041" spans="8:8">
      <c r="H611041" s="12"/>
    </row>
    <row r="611042" spans="8:8">
      <c r="H611042" s="12"/>
    </row>
    <row r="611043" spans="8:8">
      <c r="H611043" s="12"/>
    </row>
    <row r="611044" spans="8:8">
      <c r="H611044" s="12"/>
    </row>
    <row r="611045" spans="8:8">
      <c r="H611045" s="12"/>
    </row>
    <row r="611046" spans="8:8">
      <c r="H611046" s="12"/>
    </row>
    <row r="611047" spans="8:8">
      <c r="H611047" s="12"/>
    </row>
    <row r="611048" spans="8:8">
      <c r="H611048" s="12"/>
    </row>
    <row r="611049" spans="8:8">
      <c r="H611049" s="12"/>
    </row>
    <row r="611050" spans="8:8">
      <c r="H611050" s="12"/>
    </row>
    <row r="611051" spans="8:8">
      <c r="H611051" s="12"/>
    </row>
    <row r="611052" spans="8:8">
      <c r="H611052" s="12"/>
    </row>
    <row r="611053" spans="8:8">
      <c r="H611053" s="12"/>
    </row>
    <row r="611054" spans="8:8">
      <c r="H611054" s="12"/>
    </row>
    <row r="611055" spans="8:8">
      <c r="H611055" s="12"/>
    </row>
    <row r="611056" spans="8:8">
      <c r="H611056" s="12"/>
    </row>
    <row r="611057" spans="8:8">
      <c r="H611057" s="12"/>
    </row>
    <row r="611058" spans="8:8">
      <c r="H611058" s="12"/>
    </row>
    <row r="611059" spans="8:8">
      <c r="H611059" s="12"/>
    </row>
    <row r="611060" spans="8:8">
      <c r="H611060" s="12"/>
    </row>
    <row r="611061" spans="8:8">
      <c r="H611061" s="12"/>
    </row>
    <row r="611062" spans="8:8">
      <c r="H611062" s="12"/>
    </row>
    <row r="611063" spans="8:8">
      <c r="H611063" s="12"/>
    </row>
    <row r="611064" spans="8:8">
      <c r="H611064" s="12"/>
    </row>
    <row r="611065" spans="8:8">
      <c r="H611065" s="12"/>
    </row>
    <row r="611066" spans="8:8">
      <c r="H611066" s="12"/>
    </row>
    <row r="611067" spans="8:8">
      <c r="H611067" s="12"/>
    </row>
    <row r="611068" spans="8:8">
      <c r="H611068" s="12"/>
    </row>
    <row r="611069" spans="8:8">
      <c r="H611069" s="12"/>
    </row>
    <row r="611070" spans="8:8">
      <c r="H611070" s="12"/>
    </row>
    <row r="611071" spans="8:8">
      <c r="H611071" s="12"/>
    </row>
    <row r="611072" spans="8:8">
      <c r="H611072" s="12"/>
    </row>
    <row r="611073" spans="8:8">
      <c r="H611073" s="12"/>
    </row>
    <row r="611074" spans="8:8">
      <c r="H611074" s="12"/>
    </row>
    <row r="611075" spans="8:8">
      <c r="H611075" s="12"/>
    </row>
    <row r="611076" spans="8:8">
      <c r="H611076" s="12"/>
    </row>
    <row r="611077" spans="8:8">
      <c r="H611077" s="12"/>
    </row>
    <row r="611078" spans="8:8">
      <c r="H611078" s="12"/>
    </row>
    <row r="611079" spans="8:8">
      <c r="H611079" s="12"/>
    </row>
    <row r="611080" spans="8:8">
      <c r="H611080" s="12"/>
    </row>
    <row r="611081" spans="8:8">
      <c r="H611081" s="12"/>
    </row>
    <row r="611082" spans="8:8">
      <c r="H611082" s="12"/>
    </row>
    <row r="611083" spans="8:8">
      <c r="H611083" s="12"/>
    </row>
    <row r="611084" spans="8:8">
      <c r="H611084" s="12"/>
    </row>
    <row r="611085" spans="8:8">
      <c r="H611085" s="12"/>
    </row>
    <row r="611086" spans="8:8">
      <c r="H611086" s="12"/>
    </row>
    <row r="611087" spans="8:8">
      <c r="H611087" s="12"/>
    </row>
    <row r="611088" spans="8:8">
      <c r="H611088" s="12"/>
    </row>
    <row r="611089" spans="8:8">
      <c r="H611089" s="12"/>
    </row>
    <row r="611090" spans="8:8">
      <c r="H611090" s="12"/>
    </row>
    <row r="611091" spans="8:8">
      <c r="H611091" s="12"/>
    </row>
    <row r="611092" spans="8:8">
      <c r="H611092" s="12"/>
    </row>
    <row r="611093" spans="8:8">
      <c r="H611093" s="12"/>
    </row>
    <row r="611094" spans="8:8">
      <c r="H611094" s="12"/>
    </row>
    <row r="611095" spans="8:8">
      <c r="H611095" s="12"/>
    </row>
    <row r="611096" spans="8:8">
      <c r="H611096" s="12"/>
    </row>
    <row r="611097" spans="8:8">
      <c r="H611097" s="12"/>
    </row>
    <row r="611098" spans="8:8">
      <c r="H611098" s="12"/>
    </row>
    <row r="611099" spans="8:8">
      <c r="H611099" s="12"/>
    </row>
    <row r="611100" spans="8:8">
      <c r="H611100" s="12"/>
    </row>
    <row r="611101" spans="8:8">
      <c r="H611101" s="12"/>
    </row>
    <row r="611102" spans="8:8">
      <c r="H611102" s="12"/>
    </row>
    <row r="611103" spans="8:8">
      <c r="H611103" s="12"/>
    </row>
    <row r="611104" spans="8:8">
      <c r="H611104" s="12"/>
    </row>
    <row r="611105" spans="8:8">
      <c r="H611105" s="12"/>
    </row>
    <row r="611106" spans="8:8">
      <c r="H611106" s="12"/>
    </row>
    <row r="611107" spans="8:8">
      <c r="H611107" s="12"/>
    </row>
    <row r="611108" spans="8:8">
      <c r="H611108" s="12"/>
    </row>
    <row r="611109" spans="8:8">
      <c r="H611109" s="12"/>
    </row>
    <row r="611110" spans="8:8">
      <c r="H611110" s="12"/>
    </row>
    <row r="611111" spans="8:8">
      <c r="H611111" s="12"/>
    </row>
    <row r="611112" spans="8:8">
      <c r="H611112" s="12"/>
    </row>
    <row r="611113" spans="8:8">
      <c r="H611113" s="12"/>
    </row>
    <row r="611114" spans="8:8">
      <c r="H611114" s="12"/>
    </row>
    <row r="611115" spans="8:8">
      <c r="H611115" s="12"/>
    </row>
    <row r="611116" spans="8:8">
      <c r="H611116" s="12"/>
    </row>
    <row r="611117" spans="8:8">
      <c r="H611117" s="12"/>
    </row>
    <row r="611118" spans="8:8">
      <c r="H611118" s="12"/>
    </row>
    <row r="611119" spans="8:8">
      <c r="H611119" s="12"/>
    </row>
    <row r="611120" spans="8:8">
      <c r="H611120" s="12"/>
    </row>
    <row r="611121" spans="8:8">
      <c r="H611121" s="12"/>
    </row>
    <row r="611122" spans="8:8">
      <c r="H611122" s="12"/>
    </row>
    <row r="611123" spans="8:8">
      <c r="H611123" s="12"/>
    </row>
    <row r="611124" spans="8:8">
      <c r="H611124" s="12"/>
    </row>
    <row r="611125" spans="8:8">
      <c r="H611125" s="12"/>
    </row>
    <row r="611126" spans="8:8">
      <c r="H611126" s="12"/>
    </row>
    <row r="611127" spans="8:8">
      <c r="H611127" s="12"/>
    </row>
    <row r="611128" spans="8:8">
      <c r="H611128" s="12"/>
    </row>
    <row r="611129" spans="8:8">
      <c r="H611129" s="12"/>
    </row>
    <row r="611130" spans="8:8">
      <c r="H611130" s="12"/>
    </row>
    <row r="611131" spans="8:8">
      <c r="H611131" s="12"/>
    </row>
    <row r="611132" spans="8:8">
      <c r="H611132" s="12"/>
    </row>
    <row r="611133" spans="8:8">
      <c r="H611133" s="12"/>
    </row>
    <row r="611134" spans="8:8">
      <c r="H611134" s="12"/>
    </row>
    <row r="611135" spans="8:8">
      <c r="H611135" s="12"/>
    </row>
    <row r="611136" spans="8:8">
      <c r="H611136" s="12"/>
    </row>
    <row r="611137" spans="8:8">
      <c r="H611137" s="12"/>
    </row>
    <row r="611138" spans="8:8">
      <c r="H611138" s="12"/>
    </row>
    <row r="611139" spans="8:8">
      <c r="H611139" s="12"/>
    </row>
    <row r="611140" spans="8:8">
      <c r="H611140" s="12"/>
    </row>
    <row r="611141" spans="8:8">
      <c r="H611141" s="12"/>
    </row>
    <row r="611142" spans="8:8">
      <c r="H611142" s="12"/>
    </row>
    <row r="611143" spans="8:8">
      <c r="H611143" s="12"/>
    </row>
    <row r="611144" spans="8:8">
      <c r="H611144" s="12"/>
    </row>
    <row r="611145" spans="8:8">
      <c r="H611145" s="12"/>
    </row>
    <row r="611146" spans="8:8">
      <c r="H611146" s="12"/>
    </row>
    <row r="611147" spans="8:8">
      <c r="H611147" s="12"/>
    </row>
    <row r="611148" spans="8:8">
      <c r="H611148" s="12"/>
    </row>
    <row r="611149" spans="8:8">
      <c r="H611149" s="12"/>
    </row>
    <row r="611150" spans="8:8">
      <c r="H611150" s="12"/>
    </row>
    <row r="611151" spans="8:8">
      <c r="H611151" s="12"/>
    </row>
    <row r="611152" spans="8:8">
      <c r="H611152" s="12"/>
    </row>
    <row r="611153" spans="8:8">
      <c r="H611153" s="12"/>
    </row>
    <row r="611154" spans="8:8">
      <c r="H611154" s="12"/>
    </row>
    <row r="611155" spans="8:8">
      <c r="H611155" s="12"/>
    </row>
    <row r="611156" spans="8:8">
      <c r="H611156" s="12"/>
    </row>
    <row r="611157" spans="8:8">
      <c r="H611157" s="12"/>
    </row>
    <row r="611158" spans="8:8">
      <c r="H611158" s="12"/>
    </row>
    <row r="611159" spans="8:8">
      <c r="H611159" s="12"/>
    </row>
    <row r="611160" spans="8:8">
      <c r="H611160" s="12"/>
    </row>
    <row r="611161" spans="8:8">
      <c r="H611161" s="12"/>
    </row>
    <row r="611162" spans="8:8">
      <c r="H611162" s="12"/>
    </row>
    <row r="611163" spans="8:8">
      <c r="H611163" s="12"/>
    </row>
    <row r="611164" spans="8:8">
      <c r="H611164" s="12"/>
    </row>
    <row r="611165" spans="8:8">
      <c r="H611165" s="12"/>
    </row>
    <row r="611166" spans="8:8">
      <c r="H611166" s="12"/>
    </row>
    <row r="611167" spans="8:8">
      <c r="H611167" s="12"/>
    </row>
    <row r="611168" spans="8:8">
      <c r="H611168" s="12"/>
    </row>
    <row r="611169" spans="8:8">
      <c r="H611169" s="12"/>
    </row>
    <row r="611170" spans="8:8">
      <c r="H611170" s="12"/>
    </row>
    <row r="611171" spans="8:8">
      <c r="H611171" s="12"/>
    </row>
    <row r="611172" spans="8:8">
      <c r="H611172" s="12"/>
    </row>
    <row r="611173" spans="8:8">
      <c r="H611173" s="12"/>
    </row>
    <row r="611174" spans="8:8">
      <c r="H611174" s="12"/>
    </row>
    <row r="611175" spans="8:8">
      <c r="H611175" s="12"/>
    </row>
    <row r="611176" spans="8:8">
      <c r="H611176" s="12"/>
    </row>
    <row r="611177" spans="8:8">
      <c r="H611177" s="12"/>
    </row>
    <row r="611178" spans="8:8">
      <c r="H611178" s="12"/>
    </row>
    <row r="611179" spans="8:8">
      <c r="H611179" s="12"/>
    </row>
    <row r="611180" spans="8:8">
      <c r="H611180" s="12"/>
    </row>
    <row r="611181" spans="8:8">
      <c r="H611181" s="12"/>
    </row>
    <row r="611182" spans="8:8">
      <c r="H611182" s="12"/>
    </row>
    <row r="611183" spans="8:8">
      <c r="H611183" s="12"/>
    </row>
    <row r="611184" spans="8:8">
      <c r="H611184" s="12"/>
    </row>
    <row r="611185" spans="8:8">
      <c r="H611185" s="12"/>
    </row>
    <row r="611186" spans="8:8">
      <c r="H611186" s="12"/>
    </row>
    <row r="611187" spans="8:8">
      <c r="H611187" s="12"/>
    </row>
    <row r="611188" spans="8:8">
      <c r="H611188" s="12"/>
    </row>
    <row r="611189" spans="8:8">
      <c r="H611189" s="12"/>
    </row>
    <row r="611190" spans="8:8">
      <c r="H611190" s="12"/>
    </row>
    <row r="611191" spans="8:8">
      <c r="H611191" s="12"/>
    </row>
    <row r="611192" spans="8:8">
      <c r="H611192" s="12"/>
    </row>
    <row r="611193" spans="8:8">
      <c r="H611193" s="12"/>
    </row>
    <row r="611194" spans="8:8">
      <c r="H611194" s="12"/>
    </row>
    <row r="611195" spans="8:8">
      <c r="H611195" s="12"/>
    </row>
    <row r="611196" spans="8:8">
      <c r="H611196" s="12"/>
    </row>
    <row r="611197" spans="8:8">
      <c r="H611197" s="12"/>
    </row>
    <row r="611198" spans="8:8">
      <c r="H611198" s="12"/>
    </row>
    <row r="611199" spans="8:8">
      <c r="H611199" s="12"/>
    </row>
    <row r="611200" spans="8:8">
      <c r="H611200" s="12"/>
    </row>
    <row r="611201" spans="8:8">
      <c r="H611201" s="12"/>
    </row>
    <row r="611202" spans="8:8">
      <c r="H611202" s="12"/>
    </row>
    <row r="611203" spans="8:8">
      <c r="H611203" s="12"/>
    </row>
    <row r="611204" spans="8:8">
      <c r="H611204" s="12"/>
    </row>
    <row r="611205" spans="8:8">
      <c r="H611205" s="12"/>
    </row>
    <row r="611206" spans="8:8">
      <c r="H611206" s="12"/>
    </row>
    <row r="611207" spans="8:8">
      <c r="H611207" s="12"/>
    </row>
    <row r="611208" spans="8:8">
      <c r="H611208" s="12"/>
    </row>
    <row r="611209" spans="8:8">
      <c r="H611209" s="12"/>
    </row>
    <row r="611210" spans="8:8">
      <c r="H611210" s="12"/>
    </row>
    <row r="611211" spans="8:8">
      <c r="H611211" s="12"/>
    </row>
    <row r="611212" spans="8:8">
      <c r="H611212" s="12"/>
    </row>
    <row r="611213" spans="8:8">
      <c r="H611213" s="12"/>
    </row>
    <row r="611214" spans="8:8">
      <c r="H611214" s="12"/>
    </row>
    <row r="611215" spans="8:8">
      <c r="H611215" s="12"/>
    </row>
    <row r="611216" spans="8:8">
      <c r="H611216" s="12"/>
    </row>
    <row r="611217" spans="8:8">
      <c r="H611217" s="12"/>
    </row>
    <row r="611218" spans="8:8">
      <c r="H611218" s="12"/>
    </row>
    <row r="611219" spans="8:8">
      <c r="H611219" s="12"/>
    </row>
    <row r="611220" spans="8:8">
      <c r="H611220" s="12"/>
    </row>
    <row r="611221" spans="8:8">
      <c r="H611221" s="12"/>
    </row>
    <row r="611222" spans="8:8">
      <c r="H611222" s="12"/>
    </row>
    <row r="611223" spans="8:8">
      <c r="H611223" s="12"/>
    </row>
    <row r="611224" spans="8:8">
      <c r="H611224" s="12"/>
    </row>
    <row r="611225" spans="8:8">
      <c r="H611225" s="12"/>
    </row>
    <row r="611226" spans="8:8">
      <c r="H611226" s="12"/>
    </row>
    <row r="611227" spans="8:8">
      <c r="H611227" s="12"/>
    </row>
    <row r="611228" spans="8:8">
      <c r="H611228" s="12"/>
    </row>
    <row r="611229" spans="8:8">
      <c r="H611229" s="12"/>
    </row>
    <row r="611230" spans="8:8">
      <c r="H611230" s="12"/>
    </row>
    <row r="611231" spans="8:8">
      <c r="H611231" s="12"/>
    </row>
    <row r="611232" spans="8:8">
      <c r="H611232" s="12"/>
    </row>
    <row r="611233" spans="8:8">
      <c r="H611233" s="12"/>
    </row>
    <row r="611234" spans="8:8">
      <c r="H611234" s="12"/>
    </row>
    <row r="611235" spans="8:8">
      <c r="H611235" s="12"/>
    </row>
    <row r="611236" spans="8:8">
      <c r="H611236" s="12"/>
    </row>
    <row r="611237" spans="8:8">
      <c r="H611237" s="12"/>
    </row>
    <row r="611238" spans="8:8">
      <c r="H611238" s="12"/>
    </row>
    <row r="611239" spans="8:8">
      <c r="H611239" s="12"/>
    </row>
    <row r="611240" spans="8:8">
      <c r="H611240" s="12"/>
    </row>
    <row r="611241" spans="8:8">
      <c r="H611241" s="12"/>
    </row>
    <row r="611242" spans="8:8">
      <c r="H611242" s="12"/>
    </row>
    <row r="611243" spans="8:8">
      <c r="H611243" s="12"/>
    </row>
    <row r="611244" spans="8:8">
      <c r="H611244" s="12"/>
    </row>
    <row r="611245" spans="8:8">
      <c r="H611245" s="12"/>
    </row>
    <row r="611246" spans="8:8">
      <c r="H611246" s="12"/>
    </row>
    <row r="611247" spans="8:8">
      <c r="H611247" s="12"/>
    </row>
    <row r="611248" spans="8:8">
      <c r="H611248" s="12"/>
    </row>
    <row r="611249" spans="8:8">
      <c r="H611249" s="12"/>
    </row>
    <row r="611250" spans="8:8">
      <c r="H611250" s="12"/>
    </row>
    <row r="611251" spans="8:8">
      <c r="H611251" s="12"/>
    </row>
    <row r="611252" spans="8:8">
      <c r="H611252" s="12"/>
    </row>
    <row r="611253" spans="8:8">
      <c r="H611253" s="12"/>
    </row>
    <row r="611254" spans="8:8">
      <c r="H611254" s="12"/>
    </row>
    <row r="611255" spans="8:8">
      <c r="H611255" s="12"/>
    </row>
    <row r="611256" spans="8:8">
      <c r="H611256" s="12"/>
    </row>
    <row r="611257" spans="8:8">
      <c r="H611257" s="12"/>
    </row>
    <row r="611258" spans="8:8">
      <c r="H611258" s="12"/>
    </row>
    <row r="611259" spans="8:8">
      <c r="H611259" s="12"/>
    </row>
    <row r="611260" spans="8:8">
      <c r="H611260" s="12"/>
    </row>
    <row r="611261" spans="8:8">
      <c r="H611261" s="12"/>
    </row>
    <row r="611262" spans="8:8">
      <c r="H611262" s="12"/>
    </row>
    <row r="611263" spans="8:8">
      <c r="H611263" s="12"/>
    </row>
    <row r="611264" spans="8:8">
      <c r="H611264" s="12"/>
    </row>
    <row r="611265" spans="8:8">
      <c r="H611265" s="12"/>
    </row>
    <row r="611266" spans="8:8">
      <c r="H611266" s="12"/>
    </row>
    <row r="611267" spans="8:8">
      <c r="H611267" s="12"/>
    </row>
    <row r="611268" spans="8:8">
      <c r="H611268" s="12"/>
    </row>
    <row r="611269" spans="8:8">
      <c r="H611269" s="12"/>
    </row>
    <row r="611270" spans="8:8">
      <c r="H611270" s="12"/>
    </row>
    <row r="611271" spans="8:8">
      <c r="H611271" s="12"/>
    </row>
    <row r="611272" spans="8:8">
      <c r="H611272" s="12"/>
    </row>
    <row r="611273" spans="8:8">
      <c r="H611273" s="12"/>
    </row>
    <row r="611274" spans="8:8">
      <c r="H611274" s="12"/>
    </row>
    <row r="611275" spans="8:8">
      <c r="H611275" s="12"/>
    </row>
    <row r="611276" spans="8:8">
      <c r="H611276" s="12"/>
    </row>
    <row r="611277" spans="8:8">
      <c r="H611277" s="12"/>
    </row>
    <row r="611278" spans="8:8">
      <c r="H611278" s="12"/>
    </row>
    <row r="611279" spans="8:8">
      <c r="H611279" s="12"/>
    </row>
    <row r="611280" spans="8:8">
      <c r="H611280" s="12"/>
    </row>
    <row r="611281" spans="8:8">
      <c r="H611281" s="12"/>
    </row>
    <row r="611282" spans="8:8">
      <c r="H611282" s="12"/>
    </row>
    <row r="611283" spans="8:8">
      <c r="H611283" s="12"/>
    </row>
    <row r="611284" spans="8:8">
      <c r="H611284" s="12"/>
    </row>
    <row r="611285" spans="8:8">
      <c r="H611285" s="12"/>
    </row>
    <row r="611286" spans="8:8">
      <c r="H611286" s="12"/>
    </row>
    <row r="611287" spans="8:8">
      <c r="H611287" s="12"/>
    </row>
    <row r="611288" spans="8:8">
      <c r="H611288" s="12"/>
    </row>
    <row r="611289" spans="8:8">
      <c r="H611289" s="12"/>
    </row>
    <row r="611290" spans="8:8">
      <c r="H611290" s="12"/>
    </row>
    <row r="611291" spans="8:8">
      <c r="H611291" s="12"/>
    </row>
    <row r="611292" spans="8:8">
      <c r="H611292" s="12"/>
    </row>
    <row r="611293" spans="8:8">
      <c r="H611293" s="12"/>
    </row>
    <row r="611294" spans="8:8">
      <c r="H611294" s="12"/>
    </row>
    <row r="611295" spans="8:8">
      <c r="H611295" s="12"/>
    </row>
    <row r="611296" spans="8:8">
      <c r="H611296" s="12"/>
    </row>
    <row r="611297" spans="8:8">
      <c r="H611297" s="12"/>
    </row>
    <row r="611298" spans="8:8">
      <c r="H611298" s="12"/>
    </row>
    <row r="611299" spans="8:8">
      <c r="H611299" s="12"/>
    </row>
    <row r="611300" spans="8:8">
      <c r="H611300" s="12"/>
    </row>
    <row r="611301" spans="8:8">
      <c r="H611301" s="12"/>
    </row>
    <row r="611302" spans="8:8">
      <c r="H611302" s="12"/>
    </row>
    <row r="611303" spans="8:8">
      <c r="H611303" s="12"/>
    </row>
    <row r="611304" spans="8:8">
      <c r="H611304" s="12"/>
    </row>
    <row r="611305" spans="8:8">
      <c r="H611305" s="12"/>
    </row>
    <row r="611306" spans="8:8">
      <c r="H611306" s="12"/>
    </row>
    <row r="611307" spans="8:8">
      <c r="H611307" s="12"/>
    </row>
    <row r="611308" spans="8:8">
      <c r="H611308" s="12"/>
    </row>
    <row r="611309" spans="8:8">
      <c r="H611309" s="12"/>
    </row>
    <row r="611310" spans="8:8">
      <c r="H611310" s="12"/>
    </row>
    <row r="611311" spans="8:8">
      <c r="H611311" s="12"/>
    </row>
    <row r="611312" spans="8:8">
      <c r="H611312" s="12"/>
    </row>
    <row r="611313" spans="8:8">
      <c r="H611313" s="12"/>
    </row>
    <row r="611314" spans="8:8">
      <c r="H611314" s="12"/>
    </row>
    <row r="611315" spans="8:8">
      <c r="H611315" s="12"/>
    </row>
    <row r="611316" spans="8:8">
      <c r="H611316" s="12"/>
    </row>
    <row r="611317" spans="8:8">
      <c r="H611317" s="12"/>
    </row>
    <row r="611318" spans="8:8">
      <c r="H611318" s="12"/>
    </row>
    <row r="611319" spans="8:8">
      <c r="H611319" s="12"/>
    </row>
    <row r="611320" spans="8:8">
      <c r="H611320" s="12"/>
    </row>
    <row r="611321" spans="8:8">
      <c r="H611321" s="12"/>
    </row>
    <row r="611322" spans="8:8">
      <c r="H611322" s="12"/>
    </row>
    <row r="611323" spans="8:8">
      <c r="H611323" s="12"/>
    </row>
    <row r="611324" spans="8:8">
      <c r="H611324" s="12"/>
    </row>
    <row r="611325" spans="8:8">
      <c r="H611325" s="12"/>
    </row>
    <row r="611326" spans="8:8">
      <c r="H611326" s="12"/>
    </row>
    <row r="611327" spans="8:8">
      <c r="H611327" s="12"/>
    </row>
    <row r="611328" spans="8:8">
      <c r="H611328" s="12"/>
    </row>
    <row r="611329" spans="8:8">
      <c r="H611329" s="12"/>
    </row>
    <row r="611330" spans="8:8">
      <c r="H611330" s="12"/>
    </row>
    <row r="611331" spans="8:8">
      <c r="H611331" s="12"/>
    </row>
    <row r="611332" spans="8:8">
      <c r="H611332" s="12"/>
    </row>
    <row r="611333" spans="8:8">
      <c r="H611333" s="12"/>
    </row>
    <row r="611334" spans="8:8">
      <c r="H611334" s="12"/>
    </row>
    <row r="611335" spans="8:8">
      <c r="H611335" s="12"/>
    </row>
    <row r="611336" spans="8:8">
      <c r="H611336" s="12"/>
    </row>
    <row r="611337" spans="8:8">
      <c r="H611337" s="12"/>
    </row>
    <row r="611338" spans="8:8">
      <c r="H611338" s="12"/>
    </row>
    <row r="611339" spans="8:8">
      <c r="H611339" s="12"/>
    </row>
    <row r="611340" spans="8:8">
      <c r="H611340" s="12"/>
    </row>
    <row r="611341" spans="8:8">
      <c r="H611341" s="12"/>
    </row>
    <row r="611342" spans="8:8">
      <c r="H611342" s="12"/>
    </row>
    <row r="611343" spans="8:8">
      <c r="H611343" s="12"/>
    </row>
    <row r="611344" spans="8:8">
      <c r="H611344" s="12"/>
    </row>
    <row r="611345" spans="8:8">
      <c r="H611345" s="12"/>
    </row>
    <row r="611346" spans="8:8">
      <c r="H611346" s="12"/>
    </row>
    <row r="611347" spans="8:8">
      <c r="H611347" s="12"/>
    </row>
    <row r="611348" spans="8:8">
      <c r="H611348" s="12"/>
    </row>
    <row r="611349" spans="8:8">
      <c r="H611349" s="12"/>
    </row>
    <row r="611350" spans="8:8">
      <c r="H611350" s="12"/>
    </row>
    <row r="611351" spans="8:8">
      <c r="H611351" s="12"/>
    </row>
    <row r="611352" spans="8:8">
      <c r="H611352" s="12"/>
    </row>
    <row r="611353" spans="8:8">
      <c r="H611353" s="12"/>
    </row>
    <row r="611354" spans="8:8">
      <c r="H611354" s="12"/>
    </row>
    <row r="611355" spans="8:8">
      <c r="H611355" s="12"/>
    </row>
    <row r="611356" spans="8:8">
      <c r="H611356" s="12"/>
    </row>
    <row r="611357" spans="8:8">
      <c r="H611357" s="12"/>
    </row>
    <row r="611358" spans="8:8">
      <c r="H611358" s="12"/>
    </row>
    <row r="611359" spans="8:8">
      <c r="H611359" s="12"/>
    </row>
    <row r="611360" spans="8:8">
      <c r="H611360" s="12"/>
    </row>
    <row r="611361" spans="8:8">
      <c r="H611361" s="12"/>
    </row>
    <row r="611362" spans="8:8">
      <c r="H611362" s="12"/>
    </row>
    <row r="611363" spans="8:8">
      <c r="H611363" s="12"/>
    </row>
    <row r="611364" spans="8:8">
      <c r="H611364" s="12"/>
    </row>
    <row r="611365" spans="8:8">
      <c r="H611365" s="12"/>
    </row>
    <row r="611366" spans="8:8">
      <c r="H611366" s="12"/>
    </row>
    <row r="611367" spans="8:8">
      <c r="H611367" s="12"/>
    </row>
    <row r="611368" spans="8:8">
      <c r="H611368" s="12"/>
    </row>
    <row r="611369" spans="8:8">
      <c r="H611369" s="12"/>
    </row>
    <row r="611370" spans="8:8">
      <c r="H611370" s="12"/>
    </row>
    <row r="611371" spans="8:8">
      <c r="H611371" s="12"/>
    </row>
    <row r="611372" spans="8:8">
      <c r="H611372" s="12"/>
    </row>
    <row r="611373" spans="8:8">
      <c r="H611373" s="12"/>
    </row>
    <row r="611374" spans="8:8">
      <c r="H611374" s="12"/>
    </row>
    <row r="611375" spans="8:8">
      <c r="H611375" s="12"/>
    </row>
    <row r="611376" spans="8:8">
      <c r="H611376" s="12"/>
    </row>
    <row r="611377" spans="8:8">
      <c r="H611377" s="12"/>
    </row>
    <row r="611378" spans="8:8">
      <c r="H611378" s="12"/>
    </row>
    <row r="611379" spans="8:8">
      <c r="H611379" s="12"/>
    </row>
    <row r="611380" spans="8:8">
      <c r="H611380" s="12"/>
    </row>
    <row r="611381" spans="8:8">
      <c r="H611381" s="12"/>
    </row>
    <row r="611382" spans="8:8">
      <c r="H611382" s="12"/>
    </row>
    <row r="611383" spans="8:8">
      <c r="H611383" s="12"/>
    </row>
    <row r="611384" spans="8:8">
      <c r="H611384" s="12"/>
    </row>
    <row r="611385" spans="8:8">
      <c r="H611385" s="12"/>
    </row>
    <row r="611386" spans="8:8">
      <c r="H611386" s="12"/>
    </row>
    <row r="611387" spans="8:8">
      <c r="H611387" s="12"/>
    </row>
    <row r="611388" spans="8:8">
      <c r="H611388" s="12"/>
    </row>
    <row r="611389" spans="8:8">
      <c r="H611389" s="12"/>
    </row>
    <row r="611390" spans="8:8">
      <c r="H611390" s="12"/>
    </row>
    <row r="611391" spans="8:8">
      <c r="H611391" s="12"/>
    </row>
    <row r="611392" spans="8:8">
      <c r="H611392" s="12"/>
    </row>
    <row r="611393" spans="8:8">
      <c r="H611393" s="12"/>
    </row>
    <row r="611394" spans="8:8">
      <c r="H611394" s="12"/>
    </row>
    <row r="611395" spans="8:8">
      <c r="H611395" s="12"/>
    </row>
    <row r="611396" spans="8:8">
      <c r="H611396" s="12"/>
    </row>
    <row r="611397" spans="8:8">
      <c r="H611397" s="12"/>
    </row>
    <row r="611398" spans="8:8">
      <c r="H611398" s="12"/>
    </row>
    <row r="611399" spans="8:8">
      <c r="H611399" s="12"/>
    </row>
    <row r="611400" spans="8:8">
      <c r="H611400" s="12"/>
    </row>
    <row r="611401" spans="8:8">
      <c r="H611401" s="12"/>
    </row>
    <row r="611402" spans="8:8">
      <c r="H611402" s="12"/>
    </row>
    <row r="611403" spans="8:8">
      <c r="H611403" s="12"/>
    </row>
    <row r="611404" spans="8:8">
      <c r="H611404" s="12"/>
    </row>
    <row r="611405" spans="8:8">
      <c r="H611405" s="12"/>
    </row>
    <row r="611406" spans="8:8">
      <c r="H611406" s="12"/>
    </row>
    <row r="611407" spans="8:8">
      <c r="H611407" s="12"/>
    </row>
    <row r="611408" spans="8:8">
      <c r="H611408" s="12"/>
    </row>
    <row r="611409" spans="8:8">
      <c r="H611409" s="12"/>
    </row>
    <row r="611410" spans="8:8">
      <c r="H611410" s="12"/>
    </row>
    <row r="611411" spans="8:8">
      <c r="H611411" s="12"/>
    </row>
    <row r="611412" spans="8:8">
      <c r="H611412" s="12"/>
    </row>
    <row r="611413" spans="8:8">
      <c r="H611413" s="12"/>
    </row>
    <row r="611414" spans="8:8">
      <c r="H611414" s="12"/>
    </row>
    <row r="611415" spans="8:8">
      <c r="H611415" s="12"/>
    </row>
    <row r="611416" spans="8:8">
      <c r="H611416" s="12"/>
    </row>
    <row r="611417" spans="8:8">
      <c r="H611417" s="12"/>
    </row>
    <row r="611418" spans="8:8">
      <c r="H611418" s="12"/>
    </row>
    <row r="611419" spans="8:8">
      <c r="H611419" s="12"/>
    </row>
    <row r="611420" spans="8:8">
      <c r="H611420" s="12"/>
    </row>
    <row r="611421" spans="8:8">
      <c r="H611421" s="12"/>
    </row>
    <row r="611422" spans="8:8">
      <c r="H611422" s="12"/>
    </row>
    <row r="611423" spans="8:8">
      <c r="H611423" s="12"/>
    </row>
    <row r="611424" spans="8:8">
      <c r="H611424" s="12"/>
    </row>
    <row r="611425" spans="8:8">
      <c r="H611425" s="12"/>
    </row>
    <row r="611426" spans="8:8">
      <c r="H611426" s="12"/>
    </row>
    <row r="611427" spans="8:8">
      <c r="H611427" s="12"/>
    </row>
    <row r="611428" spans="8:8">
      <c r="H611428" s="12"/>
    </row>
    <row r="611429" spans="8:8">
      <c r="H611429" s="12"/>
    </row>
    <row r="611430" spans="8:8">
      <c r="H611430" s="12"/>
    </row>
    <row r="611431" spans="8:8">
      <c r="H611431" s="12"/>
    </row>
    <row r="611432" spans="8:8">
      <c r="H611432" s="12"/>
    </row>
    <row r="611433" spans="8:8">
      <c r="H611433" s="12"/>
    </row>
    <row r="611434" spans="8:8">
      <c r="H611434" s="12"/>
    </row>
    <row r="611435" spans="8:8">
      <c r="H611435" s="12"/>
    </row>
    <row r="611436" spans="8:8">
      <c r="H611436" s="12"/>
    </row>
    <row r="611437" spans="8:8">
      <c r="H611437" s="12"/>
    </row>
    <row r="611438" spans="8:8">
      <c r="H611438" s="12"/>
    </row>
    <row r="611439" spans="8:8">
      <c r="H611439" s="12"/>
    </row>
    <row r="611440" spans="8:8">
      <c r="H611440" s="12"/>
    </row>
    <row r="611441" spans="8:8">
      <c r="H611441" s="12"/>
    </row>
    <row r="611442" spans="8:8">
      <c r="H611442" s="12"/>
    </row>
    <row r="611443" spans="8:8">
      <c r="H611443" s="12"/>
    </row>
    <row r="611444" spans="8:8">
      <c r="H611444" s="12"/>
    </row>
    <row r="611445" spans="8:8">
      <c r="H611445" s="12"/>
    </row>
    <row r="611446" spans="8:8">
      <c r="H611446" s="12"/>
    </row>
    <row r="611447" spans="8:8">
      <c r="H611447" s="12"/>
    </row>
    <row r="611448" spans="8:8">
      <c r="H611448" s="12"/>
    </row>
    <row r="611449" spans="8:8">
      <c r="H611449" s="12"/>
    </row>
    <row r="611450" spans="8:8">
      <c r="H611450" s="12"/>
    </row>
    <row r="611451" spans="8:8">
      <c r="H611451" s="12"/>
    </row>
    <row r="611452" spans="8:8">
      <c r="H611452" s="12"/>
    </row>
    <row r="611453" spans="8:8">
      <c r="H611453" s="12"/>
    </row>
    <row r="611454" spans="8:8">
      <c r="H611454" s="12"/>
    </row>
    <row r="611455" spans="8:8">
      <c r="H611455" s="12"/>
    </row>
    <row r="611456" spans="8:8">
      <c r="H611456" s="12"/>
    </row>
    <row r="611457" spans="8:8">
      <c r="H611457" s="12"/>
    </row>
    <row r="611458" spans="8:8">
      <c r="H611458" s="12"/>
    </row>
    <row r="611459" spans="8:8">
      <c r="H611459" s="12"/>
    </row>
    <row r="611460" spans="8:8">
      <c r="H611460" s="12"/>
    </row>
    <row r="611461" spans="8:8">
      <c r="H611461" s="12"/>
    </row>
    <row r="611462" spans="8:8">
      <c r="H611462" s="12"/>
    </row>
    <row r="611463" spans="8:8">
      <c r="H611463" s="12"/>
    </row>
    <row r="611464" spans="8:8">
      <c r="H611464" s="12"/>
    </row>
    <row r="611465" spans="8:8">
      <c r="H611465" s="12"/>
    </row>
    <row r="611466" spans="8:8">
      <c r="H611466" s="12"/>
    </row>
    <row r="611467" spans="8:8">
      <c r="H611467" s="12"/>
    </row>
    <row r="611468" spans="8:8">
      <c r="H611468" s="12"/>
    </row>
    <row r="611469" spans="8:8">
      <c r="H611469" s="12"/>
    </row>
    <row r="611470" spans="8:8">
      <c r="H611470" s="12"/>
    </row>
    <row r="611471" spans="8:8">
      <c r="H611471" s="12"/>
    </row>
    <row r="611472" spans="8:8">
      <c r="H611472" s="12"/>
    </row>
    <row r="611473" spans="8:8">
      <c r="H611473" s="12"/>
    </row>
    <row r="611474" spans="8:8">
      <c r="H611474" s="12"/>
    </row>
    <row r="611475" spans="8:8">
      <c r="H611475" s="12"/>
    </row>
    <row r="611476" spans="8:8">
      <c r="H611476" s="12"/>
    </row>
    <row r="611477" spans="8:8">
      <c r="H611477" s="12"/>
    </row>
    <row r="611478" spans="8:8">
      <c r="H611478" s="12"/>
    </row>
    <row r="611479" spans="8:8">
      <c r="H611479" s="12"/>
    </row>
    <row r="611480" spans="8:8">
      <c r="H611480" s="12"/>
    </row>
    <row r="611481" spans="8:8">
      <c r="H611481" s="12"/>
    </row>
    <row r="611482" spans="8:8">
      <c r="H611482" s="12"/>
    </row>
    <row r="611483" spans="8:8">
      <c r="H611483" s="12"/>
    </row>
    <row r="611484" spans="8:8">
      <c r="H611484" s="12"/>
    </row>
    <row r="611485" spans="8:8">
      <c r="H611485" s="12"/>
    </row>
    <row r="611486" spans="8:8">
      <c r="H611486" s="12"/>
    </row>
    <row r="611487" spans="8:8">
      <c r="H611487" s="12"/>
    </row>
    <row r="611488" spans="8:8">
      <c r="H611488" s="12"/>
    </row>
    <row r="611489" spans="8:8">
      <c r="H611489" s="12"/>
    </row>
    <row r="611490" spans="8:8">
      <c r="H611490" s="12"/>
    </row>
    <row r="611491" spans="8:8">
      <c r="H611491" s="12"/>
    </row>
    <row r="611492" spans="8:8">
      <c r="H611492" s="12"/>
    </row>
    <row r="611493" spans="8:8">
      <c r="H611493" s="12"/>
    </row>
    <row r="611494" spans="8:8">
      <c r="H611494" s="12"/>
    </row>
    <row r="611495" spans="8:8">
      <c r="H611495" s="12"/>
    </row>
    <row r="611496" spans="8:8">
      <c r="H611496" s="12"/>
    </row>
    <row r="611497" spans="8:8">
      <c r="H611497" s="12"/>
    </row>
    <row r="611498" spans="8:8">
      <c r="H611498" s="12"/>
    </row>
    <row r="611499" spans="8:8">
      <c r="H611499" s="12"/>
    </row>
    <row r="611500" spans="8:8">
      <c r="H611500" s="12"/>
    </row>
    <row r="611501" spans="8:8">
      <c r="H611501" s="12"/>
    </row>
    <row r="611502" spans="8:8">
      <c r="H611502" s="12"/>
    </row>
    <row r="611503" spans="8:8">
      <c r="H611503" s="12"/>
    </row>
    <row r="611504" spans="8:8">
      <c r="H611504" s="12"/>
    </row>
    <row r="611505" spans="8:8">
      <c r="H611505" s="12"/>
    </row>
    <row r="611506" spans="8:8">
      <c r="H611506" s="12"/>
    </row>
    <row r="611507" spans="8:8">
      <c r="H611507" s="12"/>
    </row>
    <row r="611508" spans="8:8">
      <c r="H611508" s="12"/>
    </row>
    <row r="611509" spans="8:8">
      <c r="H611509" s="12"/>
    </row>
    <row r="611510" spans="8:8">
      <c r="H611510" s="12"/>
    </row>
    <row r="611511" spans="8:8">
      <c r="H611511" s="12"/>
    </row>
    <row r="611512" spans="8:8">
      <c r="H611512" s="12"/>
    </row>
    <row r="611513" spans="8:8">
      <c r="H611513" s="12"/>
    </row>
    <row r="611514" spans="8:8">
      <c r="H611514" s="12"/>
    </row>
    <row r="611515" spans="8:8">
      <c r="H611515" s="12"/>
    </row>
    <row r="611516" spans="8:8">
      <c r="H611516" s="12"/>
    </row>
    <row r="611517" spans="8:8">
      <c r="H611517" s="12"/>
    </row>
    <row r="611518" spans="8:8">
      <c r="H611518" s="12"/>
    </row>
    <row r="611519" spans="8:8">
      <c r="H611519" s="12"/>
    </row>
    <row r="611520" spans="8:8">
      <c r="H611520" s="12"/>
    </row>
    <row r="611521" spans="8:8">
      <c r="H611521" s="12"/>
    </row>
    <row r="611522" spans="8:8">
      <c r="H611522" s="12"/>
    </row>
    <row r="611523" spans="8:8">
      <c r="H611523" s="12"/>
    </row>
    <row r="611524" spans="8:8">
      <c r="H611524" s="12"/>
    </row>
    <row r="611525" spans="8:8">
      <c r="H611525" s="12"/>
    </row>
    <row r="611526" spans="8:8">
      <c r="H611526" s="12"/>
    </row>
    <row r="611527" spans="8:8">
      <c r="H611527" s="12"/>
    </row>
    <row r="611528" spans="8:8">
      <c r="H611528" s="12"/>
    </row>
    <row r="611529" spans="8:8">
      <c r="H611529" s="12"/>
    </row>
    <row r="611530" spans="8:8">
      <c r="H611530" s="12"/>
    </row>
    <row r="611531" spans="8:8">
      <c r="H611531" s="12"/>
    </row>
    <row r="611532" spans="8:8">
      <c r="H611532" s="12"/>
    </row>
    <row r="611533" spans="8:8">
      <c r="H611533" s="12"/>
    </row>
    <row r="611534" spans="8:8">
      <c r="H611534" s="12"/>
    </row>
    <row r="611535" spans="8:8">
      <c r="H611535" s="12"/>
    </row>
    <row r="611536" spans="8:8">
      <c r="H611536" s="12"/>
    </row>
    <row r="611537" spans="8:8">
      <c r="H611537" s="12"/>
    </row>
    <row r="611538" spans="8:8">
      <c r="H611538" s="12"/>
    </row>
    <row r="611539" spans="8:8">
      <c r="H611539" s="12"/>
    </row>
    <row r="611540" spans="8:8">
      <c r="H611540" s="12"/>
    </row>
    <row r="611541" spans="8:8">
      <c r="H611541" s="12"/>
    </row>
    <row r="611542" spans="8:8">
      <c r="H611542" s="12"/>
    </row>
    <row r="611543" spans="8:8">
      <c r="H611543" s="12"/>
    </row>
    <row r="611544" spans="8:8">
      <c r="H611544" s="12"/>
    </row>
    <row r="611545" spans="8:8">
      <c r="H611545" s="12"/>
    </row>
    <row r="611546" spans="8:8">
      <c r="H611546" s="12"/>
    </row>
    <row r="611547" spans="8:8">
      <c r="H611547" s="12"/>
    </row>
    <row r="611548" spans="8:8">
      <c r="H611548" s="12"/>
    </row>
    <row r="611549" spans="8:8">
      <c r="H611549" s="12"/>
    </row>
    <row r="611550" spans="8:8">
      <c r="H611550" s="12"/>
    </row>
    <row r="611551" spans="8:8">
      <c r="H611551" s="12"/>
    </row>
    <row r="611552" spans="8:8">
      <c r="H611552" s="12"/>
    </row>
    <row r="611553" spans="8:8">
      <c r="H611553" s="12"/>
    </row>
    <row r="611554" spans="8:8">
      <c r="H611554" s="12"/>
    </row>
    <row r="611555" spans="8:8">
      <c r="H611555" s="12"/>
    </row>
    <row r="611556" spans="8:8">
      <c r="H611556" s="12"/>
    </row>
    <row r="611557" spans="8:8">
      <c r="H611557" s="12"/>
    </row>
    <row r="611558" spans="8:8">
      <c r="H611558" s="12"/>
    </row>
    <row r="611559" spans="8:8">
      <c r="H611559" s="12"/>
    </row>
    <row r="611560" spans="8:8">
      <c r="H611560" s="12"/>
    </row>
    <row r="611561" spans="8:8">
      <c r="H611561" s="12"/>
    </row>
    <row r="611562" spans="8:8">
      <c r="H611562" s="12"/>
    </row>
    <row r="611563" spans="8:8">
      <c r="H611563" s="12"/>
    </row>
    <row r="611564" spans="8:8">
      <c r="H611564" s="12"/>
    </row>
    <row r="611565" spans="8:8">
      <c r="H611565" s="12"/>
    </row>
    <row r="611566" spans="8:8">
      <c r="H611566" s="12"/>
    </row>
    <row r="611567" spans="8:8">
      <c r="H611567" s="12"/>
    </row>
    <row r="611568" spans="8:8">
      <c r="H611568" s="12"/>
    </row>
    <row r="611569" spans="8:8">
      <c r="H611569" s="12"/>
    </row>
    <row r="611570" spans="8:8">
      <c r="H611570" s="12"/>
    </row>
    <row r="611571" spans="8:8">
      <c r="H611571" s="12"/>
    </row>
    <row r="611572" spans="8:8">
      <c r="H611572" s="12"/>
    </row>
    <row r="611573" spans="8:8">
      <c r="H611573" s="12"/>
    </row>
    <row r="611574" spans="8:8">
      <c r="H611574" s="12"/>
    </row>
    <row r="611575" spans="8:8">
      <c r="H611575" s="12"/>
    </row>
    <row r="611576" spans="8:8">
      <c r="H611576" s="12"/>
    </row>
    <row r="611577" spans="8:8">
      <c r="H611577" s="12"/>
    </row>
    <row r="611578" spans="8:8">
      <c r="H611578" s="12"/>
    </row>
    <row r="611579" spans="8:8">
      <c r="H611579" s="12"/>
    </row>
    <row r="611580" spans="8:8">
      <c r="H611580" s="12"/>
    </row>
    <row r="611581" spans="8:8">
      <c r="H611581" s="12"/>
    </row>
    <row r="611582" spans="8:8">
      <c r="H611582" s="12"/>
    </row>
    <row r="611583" spans="8:8">
      <c r="H611583" s="12"/>
    </row>
    <row r="611584" spans="8:8">
      <c r="H611584" s="12"/>
    </row>
    <row r="611585" spans="8:8">
      <c r="H611585" s="12"/>
    </row>
    <row r="611586" spans="8:8">
      <c r="H611586" s="12"/>
    </row>
    <row r="611587" spans="8:8">
      <c r="H611587" s="12"/>
    </row>
    <row r="611588" spans="8:8">
      <c r="H611588" s="12"/>
    </row>
    <row r="611589" spans="8:8">
      <c r="H611589" s="12"/>
    </row>
    <row r="611590" spans="8:8">
      <c r="H611590" s="12"/>
    </row>
    <row r="611591" spans="8:8">
      <c r="H611591" s="12"/>
    </row>
    <row r="611592" spans="8:8">
      <c r="H611592" s="12"/>
    </row>
    <row r="611593" spans="8:8">
      <c r="H611593" s="12"/>
    </row>
    <row r="611594" spans="8:8">
      <c r="H611594" s="12"/>
    </row>
    <row r="611595" spans="8:8">
      <c r="H611595" s="12"/>
    </row>
    <row r="611596" spans="8:8">
      <c r="H611596" s="12"/>
    </row>
    <row r="611597" spans="8:8">
      <c r="H611597" s="12"/>
    </row>
    <row r="611598" spans="8:8">
      <c r="H611598" s="12"/>
    </row>
    <row r="611599" spans="8:8">
      <c r="H611599" s="12"/>
    </row>
    <row r="611600" spans="8:8">
      <c r="H611600" s="12"/>
    </row>
    <row r="611601" spans="8:8">
      <c r="H611601" s="12"/>
    </row>
    <row r="611602" spans="8:8">
      <c r="H611602" s="12"/>
    </row>
    <row r="611603" spans="8:8">
      <c r="H611603" s="12"/>
    </row>
    <row r="611604" spans="8:8">
      <c r="H611604" s="12"/>
    </row>
    <row r="611605" spans="8:8">
      <c r="H611605" s="12"/>
    </row>
    <row r="611606" spans="8:8">
      <c r="H611606" s="12"/>
    </row>
    <row r="611607" spans="8:8">
      <c r="H611607" s="12"/>
    </row>
    <row r="611608" spans="8:8">
      <c r="H611608" s="12"/>
    </row>
    <row r="611609" spans="8:8">
      <c r="H611609" s="12"/>
    </row>
    <row r="611610" spans="8:8">
      <c r="H611610" s="12"/>
    </row>
    <row r="611611" spans="8:8">
      <c r="H611611" s="12"/>
    </row>
    <row r="611612" spans="8:8">
      <c r="H611612" s="12"/>
    </row>
    <row r="611613" spans="8:8">
      <c r="H611613" s="12"/>
    </row>
    <row r="611614" spans="8:8">
      <c r="H611614" s="12"/>
    </row>
    <row r="611615" spans="8:8">
      <c r="H611615" s="12"/>
    </row>
    <row r="611616" spans="8:8">
      <c r="H611616" s="12"/>
    </row>
    <row r="611617" spans="8:8">
      <c r="H611617" s="12"/>
    </row>
    <row r="611618" spans="8:8">
      <c r="H611618" s="12"/>
    </row>
    <row r="611619" spans="8:8">
      <c r="H611619" s="12"/>
    </row>
    <row r="611620" spans="8:8">
      <c r="H611620" s="12"/>
    </row>
    <row r="611621" spans="8:8">
      <c r="H611621" s="12"/>
    </row>
    <row r="611622" spans="8:8">
      <c r="H611622" s="12"/>
    </row>
    <row r="611623" spans="8:8">
      <c r="H611623" s="12"/>
    </row>
    <row r="611624" spans="8:8">
      <c r="H611624" s="12"/>
    </row>
    <row r="611625" spans="8:8">
      <c r="H611625" s="12"/>
    </row>
    <row r="611626" spans="8:8">
      <c r="H611626" s="12"/>
    </row>
    <row r="611627" spans="8:8">
      <c r="H611627" s="12"/>
    </row>
    <row r="611628" spans="8:8">
      <c r="H611628" s="12"/>
    </row>
    <row r="611629" spans="8:8">
      <c r="H611629" s="12"/>
    </row>
    <row r="611630" spans="8:8">
      <c r="H611630" s="12"/>
    </row>
    <row r="611631" spans="8:8">
      <c r="H611631" s="12"/>
    </row>
    <row r="611632" spans="8:8">
      <c r="H611632" s="12"/>
    </row>
    <row r="611633" spans="8:8">
      <c r="H611633" s="12"/>
    </row>
    <row r="611634" spans="8:8">
      <c r="H611634" s="12"/>
    </row>
    <row r="611635" spans="8:8">
      <c r="H611635" s="12"/>
    </row>
    <row r="611636" spans="8:8">
      <c r="H611636" s="12"/>
    </row>
    <row r="611637" spans="8:8">
      <c r="H611637" s="12"/>
    </row>
    <row r="611638" spans="8:8">
      <c r="H611638" s="12"/>
    </row>
    <row r="611639" spans="8:8">
      <c r="H611639" s="12"/>
    </row>
    <row r="611640" spans="8:8">
      <c r="H611640" s="12"/>
    </row>
    <row r="611641" spans="8:8">
      <c r="H611641" s="12"/>
    </row>
    <row r="611642" spans="8:8">
      <c r="H611642" s="12"/>
    </row>
    <row r="611643" spans="8:8">
      <c r="H611643" s="12"/>
    </row>
    <row r="611644" spans="8:8">
      <c r="H611644" s="12"/>
    </row>
    <row r="611645" spans="8:8">
      <c r="H611645" s="12"/>
    </row>
    <row r="611646" spans="8:8">
      <c r="H611646" s="12"/>
    </row>
    <row r="611647" spans="8:8">
      <c r="H611647" s="12"/>
    </row>
    <row r="611648" spans="8:8">
      <c r="H611648" s="12"/>
    </row>
    <row r="611649" spans="8:8">
      <c r="H611649" s="12"/>
    </row>
    <row r="611650" spans="8:8">
      <c r="H611650" s="12"/>
    </row>
    <row r="611651" spans="8:8">
      <c r="H611651" s="12"/>
    </row>
    <row r="611652" spans="8:8">
      <c r="H611652" s="12"/>
    </row>
    <row r="611653" spans="8:8">
      <c r="H611653" s="12"/>
    </row>
    <row r="611654" spans="8:8">
      <c r="H611654" s="12"/>
    </row>
    <row r="611655" spans="8:8">
      <c r="H611655" s="12"/>
    </row>
    <row r="611656" spans="8:8">
      <c r="H611656" s="12"/>
    </row>
    <row r="611657" spans="8:8">
      <c r="H611657" s="12"/>
    </row>
    <row r="611658" spans="8:8">
      <c r="H611658" s="12"/>
    </row>
    <row r="611659" spans="8:8">
      <c r="H611659" s="12"/>
    </row>
    <row r="611660" spans="8:8">
      <c r="H611660" s="12"/>
    </row>
    <row r="611661" spans="8:8">
      <c r="H611661" s="12"/>
    </row>
    <row r="611662" spans="8:8">
      <c r="H611662" s="12"/>
    </row>
    <row r="611663" spans="8:8">
      <c r="H611663" s="12"/>
    </row>
    <row r="611664" spans="8:8">
      <c r="H611664" s="12"/>
    </row>
    <row r="611665" spans="8:8">
      <c r="H611665" s="12"/>
    </row>
    <row r="611666" spans="8:8">
      <c r="H611666" s="12"/>
    </row>
    <row r="611667" spans="8:8">
      <c r="H611667" s="12"/>
    </row>
    <row r="611668" spans="8:8">
      <c r="H611668" s="12"/>
    </row>
    <row r="611669" spans="8:8">
      <c r="H611669" s="12"/>
    </row>
    <row r="611670" spans="8:8">
      <c r="H611670" s="12"/>
    </row>
    <row r="611671" spans="8:8">
      <c r="H611671" s="12"/>
    </row>
    <row r="611672" spans="8:8">
      <c r="H611672" s="12"/>
    </row>
    <row r="611673" spans="8:8">
      <c r="H611673" s="12"/>
    </row>
    <row r="611674" spans="8:8">
      <c r="H611674" s="12"/>
    </row>
    <row r="611675" spans="8:8">
      <c r="H611675" s="12"/>
    </row>
    <row r="611676" spans="8:8">
      <c r="H611676" s="12"/>
    </row>
    <row r="611677" spans="8:8">
      <c r="H611677" s="12"/>
    </row>
    <row r="611678" spans="8:8">
      <c r="H611678" s="12"/>
    </row>
    <row r="611679" spans="8:8">
      <c r="H611679" s="12"/>
    </row>
    <row r="611680" spans="8:8">
      <c r="H611680" s="12"/>
    </row>
    <row r="611681" spans="8:8">
      <c r="H611681" s="12"/>
    </row>
    <row r="611682" spans="8:8">
      <c r="H611682" s="12"/>
    </row>
    <row r="611683" spans="8:8">
      <c r="H611683" s="12"/>
    </row>
    <row r="611684" spans="8:8">
      <c r="H611684" s="12"/>
    </row>
    <row r="611685" spans="8:8">
      <c r="H611685" s="12"/>
    </row>
    <row r="611686" spans="8:8">
      <c r="H611686" s="12"/>
    </row>
    <row r="611687" spans="8:8">
      <c r="H611687" s="12"/>
    </row>
    <row r="611688" spans="8:8">
      <c r="H611688" s="12"/>
    </row>
    <row r="611689" spans="8:8">
      <c r="H611689" s="12"/>
    </row>
    <row r="611690" spans="8:8">
      <c r="H611690" s="12"/>
    </row>
    <row r="611691" spans="8:8">
      <c r="H611691" s="12"/>
    </row>
    <row r="611692" spans="8:8">
      <c r="H611692" s="12"/>
    </row>
    <row r="611693" spans="8:8">
      <c r="H611693" s="12"/>
    </row>
    <row r="611694" spans="8:8">
      <c r="H611694" s="12"/>
    </row>
    <row r="611695" spans="8:8">
      <c r="H611695" s="12"/>
    </row>
    <row r="611696" spans="8:8">
      <c r="H611696" s="12"/>
    </row>
    <row r="611697" spans="8:8">
      <c r="H611697" s="12"/>
    </row>
    <row r="611698" spans="8:8">
      <c r="H611698" s="12"/>
    </row>
    <row r="611699" spans="8:8">
      <c r="H611699" s="12"/>
    </row>
    <row r="611700" spans="8:8">
      <c r="H611700" s="12"/>
    </row>
    <row r="611701" spans="8:8">
      <c r="H611701" s="12"/>
    </row>
    <row r="611702" spans="8:8">
      <c r="H611702" s="12"/>
    </row>
    <row r="611703" spans="8:8">
      <c r="H611703" s="12"/>
    </row>
    <row r="611704" spans="8:8">
      <c r="H611704" s="12"/>
    </row>
    <row r="611705" spans="8:8">
      <c r="H611705" s="12"/>
    </row>
    <row r="611706" spans="8:8">
      <c r="H611706" s="12"/>
    </row>
    <row r="611707" spans="8:8">
      <c r="H611707" s="12"/>
    </row>
    <row r="611708" spans="8:8">
      <c r="H611708" s="12"/>
    </row>
    <row r="611709" spans="8:8">
      <c r="H611709" s="12"/>
    </row>
    <row r="611710" spans="8:8">
      <c r="H611710" s="12"/>
    </row>
    <row r="611711" spans="8:8">
      <c r="H611711" s="12"/>
    </row>
    <row r="611712" spans="8:8">
      <c r="H611712" s="12"/>
    </row>
    <row r="611713" spans="8:8">
      <c r="H611713" s="12"/>
    </row>
    <row r="611714" spans="8:8">
      <c r="H611714" s="12"/>
    </row>
    <row r="611715" spans="8:8">
      <c r="H611715" s="12"/>
    </row>
    <row r="611716" spans="8:8">
      <c r="H611716" s="12"/>
    </row>
    <row r="611717" spans="8:8">
      <c r="H611717" s="12"/>
    </row>
    <row r="611718" spans="8:8">
      <c r="H611718" s="12"/>
    </row>
    <row r="611719" spans="8:8">
      <c r="H611719" s="12"/>
    </row>
    <row r="611720" spans="8:8">
      <c r="H611720" s="12"/>
    </row>
    <row r="611721" spans="8:8">
      <c r="H611721" s="12"/>
    </row>
    <row r="611722" spans="8:8">
      <c r="H611722" s="12"/>
    </row>
    <row r="611723" spans="8:8">
      <c r="H611723" s="12"/>
    </row>
    <row r="611724" spans="8:8">
      <c r="H611724" s="12"/>
    </row>
    <row r="611725" spans="8:8">
      <c r="H611725" s="12"/>
    </row>
    <row r="611726" spans="8:8">
      <c r="H611726" s="12"/>
    </row>
    <row r="611727" spans="8:8">
      <c r="H611727" s="12"/>
    </row>
    <row r="611728" spans="8:8">
      <c r="H611728" s="12"/>
    </row>
    <row r="611729" spans="8:8">
      <c r="H611729" s="12"/>
    </row>
    <row r="611730" spans="8:8">
      <c r="H611730" s="12"/>
    </row>
    <row r="611731" spans="8:8">
      <c r="H611731" s="12"/>
    </row>
    <row r="611732" spans="8:8">
      <c r="H611732" s="12"/>
    </row>
    <row r="611733" spans="8:8">
      <c r="H611733" s="12"/>
    </row>
    <row r="611734" spans="8:8">
      <c r="H611734" s="12"/>
    </row>
    <row r="611735" spans="8:8">
      <c r="H611735" s="12"/>
    </row>
    <row r="611736" spans="8:8">
      <c r="H611736" s="12"/>
    </row>
    <row r="611737" spans="8:8">
      <c r="H611737" s="12"/>
    </row>
    <row r="611738" spans="8:8">
      <c r="H611738" s="12"/>
    </row>
    <row r="611739" spans="8:8">
      <c r="H611739" s="12"/>
    </row>
    <row r="611740" spans="8:8">
      <c r="H611740" s="12"/>
    </row>
    <row r="611741" spans="8:8">
      <c r="H611741" s="12"/>
    </row>
    <row r="611742" spans="8:8">
      <c r="H611742" s="12"/>
    </row>
    <row r="611743" spans="8:8">
      <c r="H611743" s="12"/>
    </row>
    <row r="611744" spans="8:8">
      <c r="H611744" s="12"/>
    </row>
    <row r="611745" spans="8:8">
      <c r="H611745" s="12"/>
    </row>
    <row r="611746" spans="8:8">
      <c r="H611746" s="12"/>
    </row>
    <row r="611747" spans="8:8">
      <c r="H611747" s="12"/>
    </row>
    <row r="611748" spans="8:8">
      <c r="H611748" s="12"/>
    </row>
    <row r="611749" spans="8:8">
      <c r="H611749" s="12"/>
    </row>
    <row r="611750" spans="8:8">
      <c r="H611750" s="12"/>
    </row>
    <row r="611751" spans="8:8">
      <c r="H611751" s="12"/>
    </row>
    <row r="611752" spans="8:8">
      <c r="H611752" s="12"/>
    </row>
    <row r="611753" spans="8:8">
      <c r="H611753" s="12"/>
    </row>
    <row r="611754" spans="8:8">
      <c r="H611754" s="12"/>
    </row>
    <row r="611755" spans="8:8">
      <c r="H611755" s="12"/>
    </row>
    <row r="611756" spans="8:8">
      <c r="H611756" s="12"/>
    </row>
    <row r="611757" spans="8:8">
      <c r="H611757" s="12"/>
    </row>
    <row r="611758" spans="8:8">
      <c r="H611758" s="12"/>
    </row>
    <row r="611759" spans="8:8">
      <c r="H611759" s="12"/>
    </row>
    <row r="611760" spans="8:8">
      <c r="H611760" s="12"/>
    </row>
    <row r="611761" spans="8:8">
      <c r="H611761" s="12"/>
    </row>
    <row r="611762" spans="8:8">
      <c r="H611762" s="12"/>
    </row>
    <row r="611763" spans="8:8">
      <c r="H611763" s="12"/>
    </row>
    <row r="611764" spans="8:8">
      <c r="H611764" s="12"/>
    </row>
    <row r="611765" spans="8:8">
      <c r="H611765" s="12"/>
    </row>
    <row r="611766" spans="8:8">
      <c r="H611766" s="12"/>
    </row>
    <row r="611767" spans="8:8">
      <c r="H611767" s="12"/>
    </row>
    <row r="611768" spans="8:8">
      <c r="H611768" s="12"/>
    </row>
    <row r="611769" spans="8:8">
      <c r="H611769" s="12"/>
    </row>
    <row r="611770" spans="8:8">
      <c r="H611770" s="12"/>
    </row>
    <row r="611771" spans="8:8">
      <c r="H611771" s="12"/>
    </row>
    <row r="611772" spans="8:8">
      <c r="H611772" s="12"/>
    </row>
    <row r="611773" spans="8:8">
      <c r="H611773" s="12"/>
    </row>
    <row r="611774" spans="8:8">
      <c r="H611774" s="12"/>
    </row>
    <row r="611775" spans="8:8">
      <c r="H611775" s="12"/>
    </row>
    <row r="611776" spans="8:8">
      <c r="H611776" s="12"/>
    </row>
    <row r="611777" spans="8:8">
      <c r="H611777" s="12"/>
    </row>
    <row r="611778" spans="8:8">
      <c r="H611778" s="12"/>
    </row>
    <row r="611779" spans="8:8">
      <c r="H611779" s="12"/>
    </row>
    <row r="611780" spans="8:8">
      <c r="H611780" s="12"/>
    </row>
    <row r="611781" spans="8:8">
      <c r="H611781" s="12"/>
    </row>
    <row r="611782" spans="8:8">
      <c r="H611782" s="12"/>
    </row>
    <row r="611783" spans="8:8">
      <c r="H611783" s="12"/>
    </row>
    <row r="611784" spans="8:8">
      <c r="H611784" s="12"/>
    </row>
    <row r="611785" spans="8:8">
      <c r="H611785" s="12"/>
    </row>
    <row r="611786" spans="8:8">
      <c r="H611786" s="12"/>
    </row>
    <row r="611787" spans="8:8">
      <c r="H611787" s="12"/>
    </row>
    <row r="611788" spans="8:8">
      <c r="H611788" s="12"/>
    </row>
    <row r="611789" spans="8:8">
      <c r="H611789" s="12"/>
    </row>
    <row r="611790" spans="8:8">
      <c r="H611790" s="12"/>
    </row>
    <row r="611791" spans="8:8">
      <c r="H611791" s="12"/>
    </row>
    <row r="611792" spans="8:8">
      <c r="H611792" s="12"/>
    </row>
    <row r="611793" spans="8:8">
      <c r="H611793" s="12"/>
    </row>
    <row r="611794" spans="8:8">
      <c r="H611794" s="12"/>
    </row>
    <row r="611795" spans="8:8">
      <c r="H611795" s="12"/>
    </row>
    <row r="611796" spans="8:8">
      <c r="H611796" s="12"/>
    </row>
    <row r="611797" spans="8:8">
      <c r="H611797" s="12"/>
    </row>
    <row r="611798" spans="8:8">
      <c r="H611798" s="12"/>
    </row>
    <row r="611799" spans="8:8">
      <c r="H611799" s="12"/>
    </row>
    <row r="611800" spans="8:8">
      <c r="H611800" s="12"/>
    </row>
    <row r="611801" spans="8:8">
      <c r="H611801" s="12"/>
    </row>
    <row r="611802" spans="8:8">
      <c r="H611802" s="12"/>
    </row>
    <row r="611803" spans="8:8">
      <c r="H611803" s="12"/>
    </row>
    <row r="611804" spans="8:8">
      <c r="H611804" s="12"/>
    </row>
    <row r="611805" spans="8:8">
      <c r="H611805" s="12"/>
    </row>
    <row r="611806" spans="8:8">
      <c r="H611806" s="12"/>
    </row>
    <row r="611807" spans="8:8">
      <c r="H611807" s="12"/>
    </row>
    <row r="611808" spans="8:8">
      <c r="H611808" s="12"/>
    </row>
    <row r="611809" spans="8:8">
      <c r="H611809" s="12"/>
    </row>
    <row r="611810" spans="8:8">
      <c r="H611810" s="12"/>
    </row>
    <row r="611811" spans="8:8">
      <c r="H611811" s="12"/>
    </row>
    <row r="611812" spans="8:8">
      <c r="H611812" s="12"/>
    </row>
    <row r="611813" spans="8:8">
      <c r="H611813" s="12"/>
    </row>
    <row r="611814" spans="8:8">
      <c r="H611814" s="12"/>
    </row>
    <row r="611815" spans="8:8">
      <c r="H611815" s="12"/>
    </row>
    <row r="611816" spans="8:8">
      <c r="H611816" s="12"/>
    </row>
    <row r="611817" spans="8:8">
      <c r="H611817" s="12"/>
    </row>
    <row r="611818" spans="8:8">
      <c r="H611818" s="12"/>
    </row>
    <row r="611819" spans="8:8">
      <c r="H611819" s="12"/>
    </row>
    <row r="611820" spans="8:8">
      <c r="H611820" s="12"/>
    </row>
    <row r="611821" spans="8:8">
      <c r="H611821" s="12"/>
    </row>
    <row r="611822" spans="8:8">
      <c r="H611822" s="12"/>
    </row>
    <row r="611823" spans="8:8">
      <c r="H611823" s="12"/>
    </row>
    <row r="611824" spans="8:8">
      <c r="H611824" s="12"/>
    </row>
    <row r="611825" spans="8:8">
      <c r="H611825" s="12"/>
    </row>
    <row r="611826" spans="8:8">
      <c r="H611826" s="12"/>
    </row>
    <row r="611827" spans="8:8">
      <c r="H611827" s="12"/>
    </row>
    <row r="611828" spans="8:8">
      <c r="H611828" s="12"/>
    </row>
    <row r="611829" spans="8:8">
      <c r="H611829" s="12"/>
    </row>
    <row r="611830" spans="8:8">
      <c r="H611830" s="12"/>
    </row>
    <row r="611831" spans="8:8">
      <c r="H611831" s="12"/>
    </row>
    <row r="611832" spans="8:8">
      <c r="H611832" s="12"/>
    </row>
    <row r="611833" spans="8:8">
      <c r="H611833" s="12"/>
    </row>
    <row r="611834" spans="8:8">
      <c r="H611834" s="12"/>
    </row>
    <row r="611835" spans="8:8">
      <c r="H611835" s="12"/>
    </row>
    <row r="611836" spans="8:8">
      <c r="H611836" s="12"/>
    </row>
    <row r="611837" spans="8:8">
      <c r="H611837" s="12"/>
    </row>
    <row r="611838" spans="8:8">
      <c r="H611838" s="12"/>
    </row>
    <row r="611839" spans="8:8">
      <c r="H611839" s="12"/>
    </row>
    <row r="611840" spans="8:8">
      <c r="H611840" s="12"/>
    </row>
    <row r="611841" spans="8:8">
      <c r="H611841" s="12"/>
    </row>
    <row r="611842" spans="8:8">
      <c r="H611842" s="12"/>
    </row>
    <row r="611843" spans="8:8">
      <c r="H611843" s="12"/>
    </row>
    <row r="611844" spans="8:8">
      <c r="H611844" s="12"/>
    </row>
    <row r="611845" spans="8:8">
      <c r="H611845" s="12"/>
    </row>
    <row r="611846" spans="8:8">
      <c r="H611846" s="12"/>
    </row>
    <row r="611847" spans="8:8">
      <c r="H611847" s="12"/>
    </row>
    <row r="611848" spans="8:8">
      <c r="H611848" s="12"/>
    </row>
    <row r="611849" spans="8:8">
      <c r="H611849" s="12"/>
    </row>
    <row r="611850" spans="8:8">
      <c r="H611850" s="12"/>
    </row>
    <row r="611851" spans="8:8">
      <c r="H611851" s="12"/>
    </row>
    <row r="611852" spans="8:8">
      <c r="H611852" s="12"/>
    </row>
    <row r="611853" spans="8:8">
      <c r="H611853" s="12"/>
    </row>
    <row r="611854" spans="8:8">
      <c r="H611854" s="12"/>
    </row>
    <row r="611855" spans="8:8">
      <c r="H611855" s="12"/>
    </row>
    <row r="611856" spans="8:8">
      <c r="H611856" s="12"/>
    </row>
    <row r="611857" spans="8:8">
      <c r="H611857" s="12"/>
    </row>
    <row r="611858" spans="8:8">
      <c r="H611858" s="12"/>
    </row>
    <row r="611859" spans="8:8">
      <c r="H611859" s="12"/>
    </row>
    <row r="611860" spans="8:8">
      <c r="H611860" s="12"/>
    </row>
    <row r="611861" spans="8:8">
      <c r="H611861" s="12"/>
    </row>
    <row r="611862" spans="8:8">
      <c r="H611862" s="12"/>
    </row>
    <row r="611863" spans="8:8">
      <c r="H611863" s="12"/>
    </row>
    <row r="611864" spans="8:8">
      <c r="H611864" s="12"/>
    </row>
    <row r="611865" spans="8:8">
      <c r="H611865" s="12"/>
    </row>
    <row r="611866" spans="8:8">
      <c r="H611866" s="12"/>
    </row>
    <row r="611867" spans="8:8">
      <c r="H611867" s="12"/>
    </row>
    <row r="611868" spans="8:8">
      <c r="H611868" s="12"/>
    </row>
    <row r="611869" spans="8:8">
      <c r="H611869" s="12"/>
    </row>
    <row r="611870" spans="8:8">
      <c r="H611870" s="12"/>
    </row>
    <row r="611871" spans="8:8">
      <c r="H611871" s="12"/>
    </row>
    <row r="611872" spans="8:8">
      <c r="H611872" s="12"/>
    </row>
    <row r="611873" spans="8:8">
      <c r="H611873" s="12"/>
    </row>
    <row r="611874" spans="8:8">
      <c r="H611874" s="12"/>
    </row>
    <row r="611875" spans="8:8">
      <c r="H611875" s="12"/>
    </row>
    <row r="611876" spans="8:8">
      <c r="H611876" s="12"/>
    </row>
    <row r="611877" spans="8:8">
      <c r="H611877" s="12"/>
    </row>
    <row r="611878" spans="8:8">
      <c r="H611878" s="12"/>
    </row>
    <row r="611879" spans="8:8">
      <c r="H611879" s="12"/>
    </row>
    <row r="611880" spans="8:8">
      <c r="H611880" s="12"/>
    </row>
    <row r="611881" spans="8:8">
      <c r="H611881" s="12"/>
    </row>
    <row r="611882" spans="8:8">
      <c r="H611882" s="12"/>
    </row>
    <row r="611883" spans="8:8">
      <c r="H611883" s="12"/>
    </row>
    <row r="611884" spans="8:8">
      <c r="H611884" s="12"/>
    </row>
    <row r="611885" spans="8:8">
      <c r="H611885" s="12"/>
    </row>
    <row r="611886" spans="8:8">
      <c r="H611886" s="12"/>
    </row>
    <row r="611887" spans="8:8">
      <c r="H611887" s="12"/>
    </row>
    <row r="611888" spans="8:8">
      <c r="H611888" s="12"/>
    </row>
    <row r="611889" spans="8:8">
      <c r="H611889" s="12"/>
    </row>
    <row r="611890" spans="8:8">
      <c r="H611890" s="12"/>
    </row>
    <row r="611891" spans="8:8">
      <c r="H611891" s="12"/>
    </row>
    <row r="611892" spans="8:8">
      <c r="H611892" s="12"/>
    </row>
    <row r="611893" spans="8:8">
      <c r="H611893" s="12"/>
    </row>
    <row r="611894" spans="8:8">
      <c r="H611894" s="12"/>
    </row>
    <row r="611895" spans="8:8">
      <c r="H611895" s="12"/>
    </row>
    <row r="611896" spans="8:8">
      <c r="H611896" s="12"/>
    </row>
    <row r="611897" spans="8:8">
      <c r="H611897" s="12"/>
    </row>
    <row r="611898" spans="8:8">
      <c r="H611898" s="12"/>
    </row>
    <row r="611899" spans="8:8">
      <c r="H611899" s="12"/>
    </row>
    <row r="611900" spans="8:8">
      <c r="H611900" s="12"/>
    </row>
    <row r="611901" spans="8:8">
      <c r="H611901" s="12"/>
    </row>
    <row r="611902" spans="8:8">
      <c r="H611902" s="12"/>
    </row>
    <row r="611903" spans="8:8">
      <c r="H611903" s="12"/>
    </row>
    <row r="611904" spans="8:8">
      <c r="H611904" s="12"/>
    </row>
    <row r="611905" spans="8:8">
      <c r="H611905" s="12"/>
    </row>
    <row r="611906" spans="8:8">
      <c r="H611906" s="12"/>
    </row>
    <row r="611907" spans="8:8">
      <c r="H611907" s="12"/>
    </row>
    <row r="611908" spans="8:8">
      <c r="H611908" s="12"/>
    </row>
    <row r="611909" spans="8:8">
      <c r="H611909" s="12"/>
    </row>
    <row r="611910" spans="8:8">
      <c r="H611910" s="12"/>
    </row>
    <row r="611911" spans="8:8">
      <c r="H611911" s="12"/>
    </row>
    <row r="611912" spans="8:8">
      <c r="H611912" s="12"/>
    </row>
    <row r="611913" spans="8:8">
      <c r="H611913" s="12"/>
    </row>
    <row r="611914" spans="8:8">
      <c r="H611914" s="12"/>
    </row>
    <row r="611915" spans="8:8">
      <c r="H611915" s="12"/>
    </row>
    <row r="611916" spans="8:8">
      <c r="H611916" s="12"/>
    </row>
    <row r="611917" spans="8:8">
      <c r="H611917" s="12"/>
    </row>
    <row r="611918" spans="8:8">
      <c r="H611918" s="12"/>
    </row>
    <row r="611919" spans="8:8">
      <c r="H611919" s="12"/>
    </row>
    <row r="611920" spans="8:8">
      <c r="H611920" s="12"/>
    </row>
    <row r="611921" spans="8:8">
      <c r="H611921" s="12"/>
    </row>
    <row r="611922" spans="8:8">
      <c r="H611922" s="12"/>
    </row>
    <row r="611923" spans="8:8">
      <c r="H611923" s="12"/>
    </row>
    <row r="611924" spans="8:8">
      <c r="H611924" s="12"/>
    </row>
    <row r="611925" spans="8:8">
      <c r="H611925" s="12"/>
    </row>
    <row r="611926" spans="8:8">
      <c r="H611926" s="12"/>
    </row>
    <row r="611927" spans="8:8">
      <c r="H611927" s="12"/>
    </row>
    <row r="611928" spans="8:8">
      <c r="H611928" s="12"/>
    </row>
    <row r="611929" spans="8:8">
      <c r="H611929" s="12"/>
    </row>
    <row r="611930" spans="8:8">
      <c r="H611930" s="12"/>
    </row>
    <row r="611931" spans="8:8">
      <c r="H611931" s="12"/>
    </row>
    <row r="611932" spans="8:8">
      <c r="H611932" s="12"/>
    </row>
    <row r="611933" spans="8:8">
      <c r="H611933" s="12"/>
    </row>
    <row r="611934" spans="8:8">
      <c r="H611934" s="12"/>
    </row>
    <row r="611935" spans="8:8">
      <c r="H611935" s="12"/>
    </row>
    <row r="611936" spans="8:8">
      <c r="H611936" s="12"/>
    </row>
    <row r="611937" spans="8:8">
      <c r="H611937" s="12"/>
    </row>
    <row r="611938" spans="8:8">
      <c r="H611938" s="12"/>
    </row>
    <row r="611939" spans="8:8">
      <c r="H611939" s="12"/>
    </row>
    <row r="611940" spans="8:8">
      <c r="H611940" s="12"/>
    </row>
    <row r="611941" spans="8:8">
      <c r="H611941" s="12"/>
    </row>
    <row r="611942" spans="8:8">
      <c r="H611942" s="12"/>
    </row>
    <row r="611943" spans="8:8">
      <c r="H611943" s="12"/>
    </row>
    <row r="611944" spans="8:8">
      <c r="H611944" s="12"/>
    </row>
    <row r="611945" spans="8:8">
      <c r="H611945" s="12"/>
    </row>
    <row r="611946" spans="8:8">
      <c r="H611946" s="12"/>
    </row>
    <row r="611947" spans="8:8">
      <c r="H611947" s="12"/>
    </row>
    <row r="611948" spans="8:8">
      <c r="H611948" s="12"/>
    </row>
    <row r="611949" spans="8:8">
      <c r="H611949" s="12"/>
    </row>
    <row r="611950" spans="8:8">
      <c r="H611950" s="12"/>
    </row>
    <row r="611951" spans="8:8">
      <c r="H611951" s="12"/>
    </row>
    <row r="611952" spans="8:8">
      <c r="H611952" s="12"/>
    </row>
    <row r="611953" spans="8:8">
      <c r="H611953" s="12"/>
    </row>
    <row r="611954" spans="8:8">
      <c r="H611954" s="12"/>
    </row>
    <row r="611955" spans="8:8">
      <c r="H611955" s="12"/>
    </row>
    <row r="611956" spans="8:8">
      <c r="H611956" s="12"/>
    </row>
    <row r="611957" spans="8:8">
      <c r="H611957" s="12"/>
    </row>
    <row r="611958" spans="8:8">
      <c r="H611958" s="12"/>
    </row>
    <row r="611959" spans="8:8">
      <c r="H611959" s="12"/>
    </row>
    <row r="611960" spans="8:8">
      <c r="H611960" s="12"/>
    </row>
    <row r="611961" spans="8:8">
      <c r="H611961" s="12"/>
    </row>
    <row r="611962" spans="8:8">
      <c r="H611962" s="12"/>
    </row>
    <row r="611963" spans="8:8">
      <c r="H611963" s="12"/>
    </row>
    <row r="611964" spans="8:8">
      <c r="H611964" s="12"/>
    </row>
    <row r="611965" spans="8:8">
      <c r="H611965" s="12"/>
    </row>
    <row r="611966" spans="8:8">
      <c r="H611966" s="12"/>
    </row>
    <row r="611967" spans="8:8">
      <c r="H611967" s="12"/>
    </row>
    <row r="611968" spans="8:8">
      <c r="H611968" s="12"/>
    </row>
    <row r="611969" spans="8:8">
      <c r="H611969" s="12"/>
    </row>
    <row r="611970" spans="8:8">
      <c r="H611970" s="12"/>
    </row>
    <row r="611971" spans="8:8">
      <c r="H611971" s="12"/>
    </row>
    <row r="611972" spans="8:8">
      <c r="H611972" s="12"/>
    </row>
    <row r="611973" spans="8:8">
      <c r="H611973" s="12"/>
    </row>
    <row r="611974" spans="8:8">
      <c r="H611974" s="12"/>
    </row>
    <row r="611975" spans="8:8">
      <c r="H611975" s="12"/>
    </row>
    <row r="611976" spans="8:8">
      <c r="H611976" s="12"/>
    </row>
    <row r="611977" spans="8:8">
      <c r="H611977" s="12"/>
    </row>
    <row r="611978" spans="8:8">
      <c r="H611978" s="12"/>
    </row>
    <row r="611979" spans="8:8">
      <c r="H611979" s="12"/>
    </row>
    <row r="611980" spans="8:8">
      <c r="H611980" s="12"/>
    </row>
    <row r="611981" spans="8:8">
      <c r="H611981" s="12"/>
    </row>
    <row r="611982" spans="8:8">
      <c r="H611982" s="12"/>
    </row>
    <row r="611983" spans="8:8">
      <c r="H611983" s="12"/>
    </row>
    <row r="611984" spans="8:8">
      <c r="H611984" s="12"/>
    </row>
    <row r="611985" spans="8:8">
      <c r="H611985" s="12"/>
    </row>
    <row r="611986" spans="8:8">
      <c r="H611986" s="12"/>
    </row>
    <row r="611987" spans="8:8">
      <c r="H611987" s="12"/>
    </row>
    <row r="611988" spans="8:8">
      <c r="H611988" s="12"/>
    </row>
    <row r="611989" spans="8:8">
      <c r="H611989" s="12"/>
    </row>
    <row r="611990" spans="8:8">
      <c r="H611990" s="12"/>
    </row>
    <row r="611991" spans="8:8">
      <c r="H611991" s="12"/>
    </row>
    <row r="611992" spans="8:8">
      <c r="H611992" s="12"/>
    </row>
    <row r="611993" spans="8:8">
      <c r="H611993" s="12"/>
    </row>
    <row r="611994" spans="8:8">
      <c r="H611994" s="12"/>
    </row>
    <row r="611995" spans="8:8">
      <c r="H611995" s="12"/>
    </row>
    <row r="611996" spans="8:8">
      <c r="H611996" s="12"/>
    </row>
    <row r="611997" spans="8:8">
      <c r="H611997" s="12"/>
    </row>
    <row r="611998" spans="8:8">
      <c r="H611998" s="12"/>
    </row>
    <row r="611999" spans="8:8">
      <c r="H611999" s="12"/>
    </row>
    <row r="612000" spans="8:8">
      <c r="H612000" s="12"/>
    </row>
    <row r="612001" spans="8:8">
      <c r="H612001" s="12"/>
    </row>
    <row r="612002" spans="8:8">
      <c r="H612002" s="12"/>
    </row>
    <row r="612003" spans="8:8">
      <c r="H612003" s="12"/>
    </row>
    <row r="612004" spans="8:8">
      <c r="H612004" s="12"/>
    </row>
    <row r="612005" spans="8:8">
      <c r="H612005" s="12"/>
    </row>
    <row r="612006" spans="8:8">
      <c r="H612006" s="12"/>
    </row>
    <row r="612007" spans="8:8">
      <c r="H612007" s="12"/>
    </row>
    <row r="612008" spans="8:8">
      <c r="H612008" s="12"/>
    </row>
    <row r="612009" spans="8:8">
      <c r="H612009" s="12"/>
    </row>
    <row r="612010" spans="8:8">
      <c r="H612010" s="12"/>
    </row>
    <row r="612011" spans="8:8">
      <c r="H612011" s="12"/>
    </row>
    <row r="612012" spans="8:8">
      <c r="H612012" s="12"/>
    </row>
    <row r="612013" spans="8:8">
      <c r="H612013" s="12"/>
    </row>
    <row r="612014" spans="8:8">
      <c r="H612014" s="12"/>
    </row>
    <row r="612015" spans="8:8">
      <c r="H612015" s="12"/>
    </row>
    <row r="612016" spans="8:8">
      <c r="H612016" s="12"/>
    </row>
    <row r="612017" spans="8:8">
      <c r="H612017" s="12"/>
    </row>
    <row r="612018" spans="8:8">
      <c r="H612018" s="12"/>
    </row>
    <row r="612019" spans="8:8">
      <c r="H612019" s="12"/>
    </row>
    <row r="612020" spans="8:8">
      <c r="H612020" s="12"/>
    </row>
    <row r="612021" spans="8:8">
      <c r="H612021" s="12"/>
    </row>
    <row r="612022" spans="8:8">
      <c r="H612022" s="12"/>
    </row>
    <row r="612023" spans="8:8">
      <c r="H612023" s="12"/>
    </row>
    <row r="612024" spans="8:8">
      <c r="H612024" s="12"/>
    </row>
    <row r="612025" spans="8:8">
      <c r="H612025" s="12"/>
    </row>
    <row r="612026" spans="8:8">
      <c r="H612026" s="12"/>
    </row>
    <row r="612027" spans="8:8">
      <c r="H612027" s="12"/>
    </row>
    <row r="612028" spans="8:8">
      <c r="H612028" s="12"/>
    </row>
    <row r="612029" spans="8:8">
      <c r="H612029" s="12"/>
    </row>
    <row r="612030" spans="8:8">
      <c r="H612030" s="12"/>
    </row>
    <row r="612031" spans="8:8">
      <c r="H612031" s="12"/>
    </row>
    <row r="612032" spans="8:8">
      <c r="H612032" s="12"/>
    </row>
    <row r="612033" spans="8:8">
      <c r="H612033" s="12"/>
    </row>
    <row r="612034" spans="8:8">
      <c r="H612034" s="12"/>
    </row>
    <row r="612035" spans="8:8">
      <c r="H612035" s="12"/>
    </row>
    <row r="612036" spans="8:8">
      <c r="H612036" s="12"/>
    </row>
    <row r="612037" spans="8:8">
      <c r="H612037" s="12"/>
    </row>
    <row r="612038" spans="8:8">
      <c r="H612038" s="12"/>
    </row>
    <row r="612039" spans="8:8">
      <c r="H612039" s="12"/>
    </row>
    <row r="612040" spans="8:8">
      <c r="H612040" s="12"/>
    </row>
    <row r="612041" spans="8:8">
      <c r="H612041" s="12"/>
    </row>
    <row r="612042" spans="8:8">
      <c r="H612042" s="12"/>
    </row>
    <row r="612043" spans="8:8">
      <c r="H612043" s="12"/>
    </row>
    <row r="612044" spans="8:8">
      <c r="H612044" s="12"/>
    </row>
    <row r="612045" spans="8:8">
      <c r="H612045" s="12"/>
    </row>
    <row r="612046" spans="8:8">
      <c r="H612046" s="12"/>
    </row>
    <row r="612047" spans="8:8">
      <c r="H612047" s="12"/>
    </row>
    <row r="612048" spans="8:8">
      <c r="H612048" s="12"/>
    </row>
    <row r="612049" spans="8:8">
      <c r="H612049" s="12"/>
    </row>
    <row r="612050" spans="8:8">
      <c r="H612050" s="12"/>
    </row>
    <row r="612051" spans="8:8">
      <c r="H612051" s="12"/>
    </row>
    <row r="612052" spans="8:8">
      <c r="H612052" s="12"/>
    </row>
    <row r="612053" spans="8:8">
      <c r="H612053" s="12"/>
    </row>
    <row r="612054" spans="8:8">
      <c r="H612054" s="12"/>
    </row>
    <row r="612055" spans="8:8">
      <c r="H612055" s="12"/>
    </row>
    <row r="612056" spans="8:8">
      <c r="H612056" s="12"/>
    </row>
    <row r="612057" spans="8:8">
      <c r="H612057" s="12"/>
    </row>
    <row r="612058" spans="8:8">
      <c r="H612058" s="12"/>
    </row>
    <row r="612059" spans="8:8">
      <c r="H612059" s="12"/>
    </row>
    <row r="612060" spans="8:8">
      <c r="H612060" s="12"/>
    </row>
    <row r="612061" spans="8:8">
      <c r="H612061" s="12"/>
    </row>
    <row r="612062" spans="8:8">
      <c r="H612062" s="12"/>
    </row>
    <row r="612063" spans="8:8">
      <c r="H612063" s="12"/>
    </row>
    <row r="612064" spans="8:8">
      <c r="H612064" s="12"/>
    </row>
    <row r="612065" spans="8:8">
      <c r="H612065" s="12"/>
    </row>
    <row r="612066" spans="8:8">
      <c r="H612066" s="12"/>
    </row>
    <row r="612067" spans="8:8">
      <c r="H612067" s="12"/>
    </row>
    <row r="612068" spans="8:8">
      <c r="H612068" s="12"/>
    </row>
    <row r="612069" spans="8:8">
      <c r="H612069" s="12"/>
    </row>
    <row r="612070" spans="8:8">
      <c r="H612070" s="12"/>
    </row>
    <row r="612071" spans="8:8">
      <c r="H612071" s="12"/>
    </row>
    <row r="612072" spans="8:8">
      <c r="H612072" s="12"/>
    </row>
    <row r="612073" spans="8:8">
      <c r="H612073" s="12"/>
    </row>
    <row r="612074" spans="8:8">
      <c r="H612074" s="12"/>
    </row>
    <row r="612075" spans="8:8">
      <c r="H612075" s="12"/>
    </row>
    <row r="612076" spans="8:8">
      <c r="H612076" s="12"/>
    </row>
    <row r="612077" spans="8:8">
      <c r="H612077" s="12"/>
    </row>
    <row r="612078" spans="8:8">
      <c r="H612078" s="12"/>
    </row>
    <row r="612079" spans="8:8">
      <c r="H612079" s="12"/>
    </row>
    <row r="612080" spans="8:8">
      <c r="H612080" s="12"/>
    </row>
    <row r="612081" spans="8:8">
      <c r="H612081" s="12"/>
    </row>
    <row r="612082" spans="8:8">
      <c r="H612082" s="12"/>
    </row>
    <row r="612083" spans="8:8">
      <c r="H612083" s="12"/>
    </row>
    <row r="612084" spans="8:8">
      <c r="H612084" s="12"/>
    </row>
    <row r="612085" spans="8:8">
      <c r="H612085" s="12"/>
    </row>
    <row r="612086" spans="8:8">
      <c r="H612086" s="12"/>
    </row>
    <row r="612087" spans="8:8">
      <c r="H612087" s="12"/>
    </row>
    <row r="612088" spans="8:8">
      <c r="H612088" s="12"/>
    </row>
    <row r="612089" spans="8:8">
      <c r="H612089" s="12"/>
    </row>
    <row r="612090" spans="8:8">
      <c r="H612090" s="12"/>
    </row>
    <row r="612091" spans="8:8">
      <c r="H612091" s="12"/>
    </row>
    <row r="612092" spans="8:8">
      <c r="H612092" s="12"/>
    </row>
    <row r="612093" spans="8:8">
      <c r="H612093" s="12"/>
    </row>
    <row r="612094" spans="8:8">
      <c r="H612094" s="12"/>
    </row>
    <row r="612095" spans="8:8">
      <c r="H612095" s="12"/>
    </row>
    <row r="612096" spans="8:8">
      <c r="H612096" s="12"/>
    </row>
    <row r="612097" spans="8:8">
      <c r="H612097" s="12"/>
    </row>
    <row r="612098" spans="8:8">
      <c r="H612098" s="12"/>
    </row>
    <row r="612099" spans="8:8">
      <c r="H612099" s="12"/>
    </row>
    <row r="612100" spans="8:8">
      <c r="H612100" s="12"/>
    </row>
    <row r="612101" spans="8:8">
      <c r="H612101" s="12"/>
    </row>
    <row r="612102" spans="8:8">
      <c r="H612102" s="12"/>
    </row>
    <row r="612103" spans="8:8">
      <c r="H612103" s="12"/>
    </row>
    <row r="612104" spans="8:8">
      <c r="H612104" s="12"/>
    </row>
    <row r="612105" spans="8:8">
      <c r="H612105" s="12"/>
    </row>
    <row r="612106" spans="8:8">
      <c r="H612106" s="12"/>
    </row>
    <row r="612107" spans="8:8">
      <c r="H612107" s="12"/>
    </row>
    <row r="612108" spans="8:8">
      <c r="H612108" s="12"/>
    </row>
    <row r="612109" spans="8:8">
      <c r="H612109" s="12"/>
    </row>
    <row r="612110" spans="8:8">
      <c r="H612110" s="12"/>
    </row>
    <row r="612111" spans="8:8">
      <c r="H612111" s="12"/>
    </row>
    <row r="612112" spans="8:8">
      <c r="H612112" s="12"/>
    </row>
    <row r="612113" spans="8:8">
      <c r="H612113" s="12"/>
    </row>
    <row r="612114" spans="8:8">
      <c r="H612114" s="12"/>
    </row>
    <row r="612115" spans="8:8">
      <c r="H612115" s="12"/>
    </row>
    <row r="612116" spans="8:8">
      <c r="H612116" s="12"/>
    </row>
    <row r="612117" spans="8:8">
      <c r="H612117" s="12"/>
    </row>
    <row r="612118" spans="8:8">
      <c r="H612118" s="12"/>
    </row>
    <row r="612119" spans="8:8">
      <c r="H612119" s="12"/>
    </row>
    <row r="612120" spans="8:8">
      <c r="H612120" s="12"/>
    </row>
    <row r="612121" spans="8:8">
      <c r="H612121" s="12"/>
    </row>
    <row r="612122" spans="8:8">
      <c r="H612122" s="12"/>
    </row>
    <row r="612123" spans="8:8">
      <c r="H612123" s="12"/>
    </row>
    <row r="612124" spans="8:8">
      <c r="H612124" s="12"/>
    </row>
    <row r="612125" spans="8:8">
      <c r="H612125" s="12"/>
    </row>
    <row r="612126" spans="8:8">
      <c r="H612126" s="12"/>
    </row>
    <row r="612127" spans="8:8">
      <c r="H612127" s="12"/>
    </row>
    <row r="612128" spans="8:8">
      <c r="H612128" s="12"/>
    </row>
    <row r="612129" spans="8:8">
      <c r="H612129" s="12"/>
    </row>
    <row r="612130" spans="8:8">
      <c r="H612130" s="12"/>
    </row>
    <row r="612131" spans="8:8">
      <c r="H612131" s="12"/>
    </row>
    <row r="612132" spans="8:8">
      <c r="H612132" s="12"/>
    </row>
    <row r="612133" spans="8:8">
      <c r="H612133" s="12"/>
    </row>
    <row r="612134" spans="8:8">
      <c r="H612134" s="12"/>
    </row>
    <row r="612135" spans="8:8">
      <c r="H612135" s="12"/>
    </row>
    <row r="612136" spans="8:8">
      <c r="H612136" s="12"/>
    </row>
    <row r="612137" spans="8:8">
      <c r="H612137" s="12"/>
    </row>
    <row r="612138" spans="8:8">
      <c r="H612138" s="12"/>
    </row>
    <row r="612139" spans="8:8">
      <c r="H612139" s="12"/>
    </row>
    <row r="612140" spans="8:8">
      <c r="H612140" s="12"/>
    </row>
    <row r="612141" spans="8:8">
      <c r="H612141" s="12"/>
    </row>
    <row r="612142" spans="8:8">
      <c r="H612142" s="12"/>
    </row>
    <row r="612143" spans="8:8">
      <c r="H612143" s="12"/>
    </row>
    <row r="612144" spans="8:8">
      <c r="H612144" s="12"/>
    </row>
    <row r="612145" spans="8:8">
      <c r="H612145" s="12"/>
    </row>
    <row r="612146" spans="8:8">
      <c r="H612146" s="12"/>
    </row>
    <row r="612147" spans="8:8">
      <c r="H612147" s="12"/>
    </row>
    <row r="612148" spans="8:8">
      <c r="H612148" s="12"/>
    </row>
    <row r="612149" spans="8:8">
      <c r="H612149" s="12"/>
    </row>
    <row r="612150" spans="8:8">
      <c r="H612150" s="12"/>
    </row>
    <row r="612151" spans="8:8">
      <c r="H612151" s="12"/>
    </row>
    <row r="612152" spans="8:8">
      <c r="H612152" s="12"/>
    </row>
    <row r="612153" spans="8:8">
      <c r="H612153" s="12"/>
    </row>
    <row r="612154" spans="8:8">
      <c r="H612154" s="12"/>
    </row>
    <row r="612155" spans="8:8">
      <c r="H612155" s="12"/>
    </row>
    <row r="612156" spans="8:8">
      <c r="H612156" s="12"/>
    </row>
    <row r="612157" spans="8:8">
      <c r="H612157" s="12"/>
    </row>
    <row r="612158" spans="8:8">
      <c r="H612158" s="12"/>
    </row>
    <row r="612159" spans="8:8">
      <c r="H612159" s="12"/>
    </row>
    <row r="612160" spans="8:8">
      <c r="H612160" s="12"/>
    </row>
    <row r="612161" spans="8:8">
      <c r="H612161" s="12"/>
    </row>
    <row r="612162" spans="8:8">
      <c r="H612162" s="12"/>
    </row>
    <row r="612163" spans="8:8">
      <c r="H612163" s="12"/>
    </row>
    <row r="612164" spans="8:8">
      <c r="H612164" s="12"/>
    </row>
    <row r="612165" spans="8:8">
      <c r="H612165" s="12"/>
    </row>
    <row r="612166" spans="8:8">
      <c r="H612166" s="12"/>
    </row>
    <row r="612167" spans="8:8">
      <c r="H612167" s="12"/>
    </row>
    <row r="612168" spans="8:8">
      <c r="H612168" s="12"/>
    </row>
    <row r="612169" spans="8:8">
      <c r="H612169" s="12"/>
    </row>
    <row r="612170" spans="8:8">
      <c r="H612170" s="12"/>
    </row>
    <row r="612171" spans="8:8">
      <c r="H612171" s="12"/>
    </row>
    <row r="612172" spans="8:8">
      <c r="H612172" s="12"/>
    </row>
    <row r="612173" spans="8:8">
      <c r="H612173" s="12"/>
    </row>
    <row r="612174" spans="8:8">
      <c r="H612174" s="12"/>
    </row>
    <row r="612175" spans="8:8">
      <c r="H612175" s="12"/>
    </row>
    <row r="612176" spans="8:8">
      <c r="H612176" s="12"/>
    </row>
    <row r="612177" spans="8:8">
      <c r="H612177" s="12"/>
    </row>
    <row r="612178" spans="8:8">
      <c r="H612178" s="12"/>
    </row>
    <row r="612179" spans="8:8">
      <c r="H612179" s="12"/>
    </row>
    <row r="612180" spans="8:8">
      <c r="H612180" s="12"/>
    </row>
    <row r="612181" spans="8:8">
      <c r="H612181" s="12"/>
    </row>
    <row r="612182" spans="8:8">
      <c r="H612182" s="12"/>
    </row>
    <row r="612183" spans="8:8">
      <c r="H612183" s="12"/>
    </row>
    <row r="612184" spans="8:8">
      <c r="H612184" s="12"/>
    </row>
    <row r="612185" spans="8:8">
      <c r="H612185" s="12"/>
    </row>
    <row r="612186" spans="8:8">
      <c r="H612186" s="12"/>
    </row>
    <row r="612187" spans="8:8">
      <c r="H612187" s="12"/>
    </row>
    <row r="612188" spans="8:8">
      <c r="H612188" s="12"/>
    </row>
    <row r="612189" spans="8:8">
      <c r="H612189" s="12"/>
    </row>
    <row r="612190" spans="8:8">
      <c r="H612190" s="12"/>
    </row>
    <row r="612191" spans="8:8">
      <c r="H612191" s="12"/>
    </row>
    <row r="612192" spans="8:8">
      <c r="H612192" s="12"/>
    </row>
    <row r="612193" spans="8:8">
      <c r="H612193" s="12"/>
    </row>
    <row r="612194" spans="8:8">
      <c r="H612194" s="12"/>
    </row>
    <row r="612195" spans="8:8">
      <c r="H612195" s="12"/>
    </row>
    <row r="612196" spans="8:8">
      <c r="H612196" s="12"/>
    </row>
    <row r="612197" spans="8:8">
      <c r="H612197" s="12"/>
    </row>
    <row r="612198" spans="8:8">
      <c r="H612198" s="12"/>
    </row>
    <row r="612199" spans="8:8">
      <c r="H612199" s="12"/>
    </row>
    <row r="612200" spans="8:8">
      <c r="H612200" s="12"/>
    </row>
    <row r="612201" spans="8:8">
      <c r="H612201" s="12"/>
    </row>
    <row r="612202" spans="8:8">
      <c r="H612202" s="12"/>
    </row>
    <row r="612203" spans="8:8">
      <c r="H612203" s="12"/>
    </row>
    <row r="612204" spans="8:8">
      <c r="H612204" s="12"/>
    </row>
    <row r="612205" spans="8:8">
      <c r="H612205" s="12"/>
    </row>
    <row r="612206" spans="8:8">
      <c r="H612206" s="12"/>
    </row>
    <row r="612207" spans="8:8">
      <c r="H612207" s="12"/>
    </row>
    <row r="612208" spans="8:8">
      <c r="H612208" s="12"/>
    </row>
    <row r="612209" spans="8:8">
      <c r="H612209" s="12"/>
    </row>
    <row r="612210" spans="8:8">
      <c r="H612210" s="12"/>
    </row>
    <row r="612211" spans="8:8">
      <c r="H612211" s="12"/>
    </row>
    <row r="612212" spans="8:8">
      <c r="H612212" s="12"/>
    </row>
    <row r="612213" spans="8:8">
      <c r="H612213" s="12"/>
    </row>
    <row r="612214" spans="8:8">
      <c r="H612214" s="12"/>
    </row>
    <row r="612215" spans="8:8">
      <c r="H612215" s="12"/>
    </row>
    <row r="612216" spans="8:8">
      <c r="H612216" s="12"/>
    </row>
    <row r="612217" spans="8:8">
      <c r="H612217" s="12"/>
    </row>
    <row r="612218" spans="8:8">
      <c r="H612218" s="12"/>
    </row>
    <row r="612219" spans="8:8">
      <c r="H612219" s="12"/>
    </row>
    <row r="612220" spans="8:8">
      <c r="H612220" s="12"/>
    </row>
    <row r="612221" spans="8:8">
      <c r="H612221" s="12"/>
    </row>
    <row r="612222" spans="8:8">
      <c r="H612222" s="12"/>
    </row>
    <row r="612223" spans="8:8">
      <c r="H612223" s="12"/>
    </row>
    <row r="612224" spans="8:8">
      <c r="H612224" s="12"/>
    </row>
    <row r="612225" spans="8:8">
      <c r="H612225" s="12"/>
    </row>
    <row r="612226" spans="8:8">
      <c r="H612226" s="12"/>
    </row>
    <row r="612227" spans="8:8">
      <c r="H612227" s="12"/>
    </row>
    <row r="612228" spans="8:8">
      <c r="H612228" s="12"/>
    </row>
    <row r="612229" spans="8:8">
      <c r="H612229" s="12"/>
    </row>
    <row r="612230" spans="8:8">
      <c r="H612230" s="12"/>
    </row>
    <row r="612231" spans="8:8">
      <c r="H612231" s="12"/>
    </row>
    <row r="612232" spans="8:8">
      <c r="H612232" s="12"/>
    </row>
    <row r="612233" spans="8:8">
      <c r="H612233" s="12"/>
    </row>
    <row r="612234" spans="8:8">
      <c r="H612234" s="12"/>
    </row>
    <row r="612235" spans="8:8">
      <c r="H612235" s="12"/>
    </row>
    <row r="612236" spans="8:8">
      <c r="H612236" s="12"/>
    </row>
    <row r="612237" spans="8:8">
      <c r="H612237" s="12"/>
    </row>
    <row r="612238" spans="8:8">
      <c r="H612238" s="12"/>
    </row>
    <row r="612239" spans="8:8">
      <c r="H612239" s="12"/>
    </row>
    <row r="612240" spans="8:8">
      <c r="H612240" s="12"/>
    </row>
    <row r="612241" spans="8:8">
      <c r="H612241" s="12"/>
    </row>
    <row r="612242" spans="8:8">
      <c r="H612242" s="12"/>
    </row>
    <row r="612243" spans="8:8">
      <c r="H612243" s="12"/>
    </row>
    <row r="612244" spans="8:8">
      <c r="H612244" s="12"/>
    </row>
    <row r="612245" spans="8:8">
      <c r="H612245" s="12"/>
    </row>
    <row r="612246" spans="8:8">
      <c r="H612246" s="12"/>
    </row>
    <row r="612247" spans="8:8">
      <c r="H612247" s="12"/>
    </row>
    <row r="612248" spans="8:8">
      <c r="H612248" s="12"/>
    </row>
    <row r="612249" spans="8:8">
      <c r="H612249" s="12"/>
    </row>
    <row r="612250" spans="8:8">
      <c r="H612250" s="12"/>
    </row>
    <row r="612251" spans="8:8">
      <c r="H612251" s="12"/>
    </row>
    <row r="612252" spans="8:8">
      <c r="H612252" s="12"/>
    </row>
    <row r="612253" spans="8:8">
      <c r="H612253" s="12"/>
    </row>
    <row r="612254" spans="8:8">
      <c r="H612254" s="12"/>
    </row>
    <row r="612255" spans="8:8">
      <c r="H612255" s="12"/>
    </row>
    <row r="612256" spans="8:8">
      <c r="H612256" s="12"/>
    </row>
    <row r="612257" spans="8:8">
      <c r="H612257" s="12"/>
    </row>
    <row r="612258" spans="8:8">
      <c r="H612258" s="12"/>
    </row>
    <row r="612259" spans="8:8">
      <c r="H612259" s="12"/>
    </row>
    <row r="612260" spans="8:8">
      <c r="H612260" s="12"/>
    </row>
    <row r="612261" spans="8:8">
      <c r="H612261" s="12"/>
    </row>
    <row r="612262" spans="8:8">
      <c r="H612262" s="12"/>
    </row>
    <row r="612263" spans="8:8">
      <c r="H612263" s="12"/>
    </row>
    <row r="612264" spans="8:8">
      <c r="H612264" s="12"/>
    </row>
    <row r="612265" spans="8:8">
      <c r="H612265" s="12"/>
    </row>
    <row r="612266" spans="8:8">
      <c r="H612266" s="12"/>
    </row>
    <row r="612267" spans="8:8">
      <c r="H612267" s="12"/>
    </row>
    <row r="612268" spans="8:8">
      <c r="H612268" s="12"/>
    </row>
    <row r="612269" spans="8:8">
      <c r="H612269" s="12"/>
    </row>
    <row r="612270" spans="8:8">
      <c r="H612270" s="12"/>
    </row>
    <row r="612271" spans="8:8">
      <c r="H612271" s="12"/>
    </row>
    <row r="612272" spans="8:8">
      <c r="H612272" s="12"/>
    </row>
    <row r="612273" spans="8:8">
      <c r="H612273" s="12"/>
    </row>
    <row r="612274" spans="8:8">
      <c r="H612274" s="12"/>
    </row>
    <row r="612275" spans="8:8">
      <c r="H612275" s="12"/>
    </row>
    <row r="612276" spans="8:8">
      <c r="H612276" s="12"/>
    </row>
    <row r="612277" spans="8:8">
      <c r="H612277" s="12"/>
    </row>
    <row r="612278" spans="8:8">
      <c r="H612278" s="12"/>
    </row>
    <row r="612279" spans="8:8">
      <c r="H612279" s="12"/>
    </row>
    <row r="612280" spans="8:8">
      <c r="H612280" s="12"/>
    </row>
    <row r="612281" spans="8:8">
      <c r="H612281" s="12"/>
    </row>
    <row r="612282" spans="8:8">
      <c r="H612282" s="12"/>
    </row>
    <row r="612283" spans="8:8">
      <c r="H612283" s="12"/>
    </row>
    <row r="612284" spans="8:8">
      <c r="H612284" s="12"/>
    </row>
    <row r="612285" spans="8:8">
      <c r="H612285" s="12"/>
    </row>
    <row r="612286" spans="8:8">
      <c r="H612286" s="12"/>
    </row>
    <row r="612287" spans="8:8">
      <c r="H612287" s="12"/>
    </row>
    <row r="612288" spans="8:8">
      <c r="H612288" s="12"/>
    </row>
    <row r="612289" spans="8:8">
      <c r="H612289" s="12"/>
    </row>
    <row r="612290" spans="8:8">
      <c r="H612290" s="12"/>
    </row>
    <row r="612291" spans="8:8">
      <c r="H612291" s="12"/>
    </row>
    <row r="612292" spans="8:8">
      <c r="H612292" s="12"/>
    </row>
    <row r="612293" spans="8:8">
      <c r="H612293" s="12"/>
    </row>
    <row r="612294" spans="8:8">
      <c r="H612294" s="12"/>
    </row>
    <row r="612295" spans="8:8">
      <c r="H612295" s="12"/>
    </row>
    <row r="612296" spans="8:8">
      <c r="H612296" s="12"/>
    </row>
    <row r="612297" spans="8:8">
      <c r="H612297" s="12"/>
    </row>
    <row r="612298" spans="8:8">
      <c r="H612298" s="12"/>
    </row>
    <row r="612299" spans="8:8">
      <c r="H612299" s="12"/>
    </row>
    <row r="612300" spans="8:8">
      <c r="H612300" s="12"/>
    </row>
    <row r="612301" spans="8:8">
      <c r="H612301" s="12"/>
    </row>
    <row r="612302" spans="8:8">
      <c r="H612302" s="12"/>
    </row>
    <row r="612303" spans="8:8">
      <c r="H612303" s="12"/>
    </row>
    <row r="612304" spans="8:8">
      <c r="H612304" s="12"/>
    </row>
    <row r="612305" spans="8:8">
      <c r="H612305" s="12"/>
    </row>
    <row r="612306" spans="8:8">
      <c r="H612306" s="12"/>
    </row>
    <row r="612307" spans="8:8">
      <c r="H612307" s="12"/>
    </row>
    <row r="612308" spans="8:8">
      <c r="H612308" s="12"/>
    </row>
    <row r="612309" spans="8:8">
      <c r="H612309" s="12"/>
    </row>
    <row r="612310" spans="8:8">
      <c r="H612310" s="12"/>
    </row>
    <row r="612311" spans="8:8">
      <c r="H612311" s="12"/>
    </row>
    <row r="612312" spans="8:8">
      <c r="H612312" s="12"/>
    </row>
    <row r="612313" spans="8:8">
      <c r="H612313" s="12"/>
    </row>
    <row r="612314" spans="8:8">
      <c r="H612314" s="12"/>
    </row>
    <row r="612315" spans="8:8">
      <c r="H612315" s="12"/>
    </row>
    <row r="612316" spans="8:8">
      <c r="H612316" s="12"/>
    </row>
    <row r="612317" spans="8:8">
      <c r="H612317" s="12"/>
    </row>
    <row r="612318" spans="8:8">
      <c r="H612318" s="12"/>
    </row>
    <row r="612319" spans="8:8">
      <c r="H612319" s="12"/>
    </row>
    <row r="612320" spans="8:8">
      <c r="H612320" s="12"/>
    </row>
    <row r="612321" spans="8:8">
      <c r="H612321" s="12"/>
    </row>
    <row r="612322" spans="8:8">
      <c r="H612322" s="12"/>
    </row>
    <row r="612323" spans="8:8">
      <c r="H612323" s="12"/>
    </row>
    <row r="612324" spans="8:8">
      <c r="H612324" s="12"/>
    </row>
    <row r="612325" spans="8:8">
      <c r="H612325" s="12"/>
    </row>
    <row r="612326" spans="8:8">
      <c r="H612326" s="12"/>
    </row>
    <row r="612327" spans="8:8">
      <c r="H612327" s="12"/>
    </row>
    <row r="612328" spans="8:8">
      <c r="H612328" s="12"/>
    </row>
    <row r="612329" spans="8:8">
      <c r="H612329" s="12"/>
    </row>
    <row r="612330" spans="8:8">
      <c r="H612330" s="12"/>
    </row>
    <row r="612331" spans="8:8">
      <c r="H612331" s="12"/>
    </row>
    <row r="612332" spans="8:8">
      <c r="H612332" s="12"/>
    </row>
    <row r="612333" spans="8:8">
      <c r="H612333" s="12"/>
    </row>
    <row r="612334" spans="8:8">
      <c r="H612334" s="12"/>
    </row>
    <row r="612335" spans="8:8">
      <c r="H612335" s="12"/>
    </row>
    <row r="612336" spans="8:8">
      <c r="H612336" s="12"/>
    </row>
    <row r="612337" spans="8:8">
      <c r="H612337" s="12"/>
    </row>
    <row r="612338" spans="8:8">
      <c r="H612338" s="12"/>
    </row>
    <row r="612339" spans="8:8">
      <c r="H612339" s="12"/>
    </row>
    <row r="612340" spans="8:8">
      <c r="H612340" s="12"/>
    </row>
    <row r="612341" spans="8:8">
      <c r="H612341" s="12"/>
    </row>
    <row r="612342" spans="8:8">
      <c r="H612342" s="12"/>
    </row>
    <row r="612343" spans="8:8">
      <c r="H612343" s="12"/>
    </row>
    <row r="612344" spans="8:8">
      <c r="H612344" s="12"/>
    </row>
    <row r="612345" spans="8:8">
      <c r="H612345" s="12"/>
    </row>
    <row r="612346" spans="8:8">
      <c r="H612346" s="12"/>
    </row>
    <row r="612347" spans="8:8">
      <c r="H612347" s="12"/>
    </row>
    <row r="612348" spans="8:8">
      <c r="H612348" s="12"/>
    </row>
    <row r="612349" spans="8:8">
      <c r="H612349" s="12"/>
    </row>
    <row r="612350" spans="8:8">
      <c r="H612350" s="12"/>
    </row>
    <row r="612351" spans="8:8">
      <c r="H612351" s="12"/>
    </row>
    <row r="612352" spans="8:8">
      <c r="H612352" s="12"/>
    </row>
    <row r="612353" spans="8:8">
      <c r="H612353" s="12"/>
    </row>
    <row r="612354" spans="8:8">
      <c r="H612354" s="12"/>
    </row>
    <row r="612355" spans="8:8">
      <c r="H612355" s="12"/>
    </row>
    <row r="612356" spans="8:8">
      <c r="H612356" s="12"/>
    </row>
    <row r="612357" spans="8:8">
      <c r="H612357" s="12"/>
    </row>
    <row r="612358" spans="8:8">
      <c r="H612358" s="12"/>
    </row>
    <row r="612359" spans="8:8">
      <c r="H612359" s="12"/>
    </row>
    <row r="612360" spans="8:8">
      <c r="H612360" s="12"/>
    </row>
    <row r="612361" spans="8:8">
      <c r="H612361" s="12"/>
    </row>
    <row r="612362" spans="8:8">
      <c r="H612362" s="12"/>
    </row>
    <row r="612363" spans="8:8">
      <c r="H612363" s="12"/>
    </row>
    <row r="612364" spans="8:8">
      <c r="H612364" s="12"/>
    </row>
    <row r="612365" spans="8:8">
      <c r="H612365" s="12"/>
    </row>
    <row r="612366" spans="8:8">
      <c r="H612366" s="12"/>
    </row>
    <row r="612367" spans="8:8">
      <c r="H612367" s="12"/>
    </row>
    <row r="612368" spans="8:8">
      <c r="H612368" s="12"/>
    </row>
    <row r="612369" spans="8:8">
      <c r="H612369" s="12"/>
    </row>
    <row r="612370" spans="8:8">
      <c r="H612370" s="12"/>
    </row>
    <row r="612371" spans="8:8">
      <c r="H612371" s="12"/>
    </row>
    <row r="612372" spans="8:8">
      <c r="H612372" s="12"/>
    </row>
    <row r="612373" spans="8:8">
      <c r="H612373" s="12"/>
    </row>
    <row r="612374" spans="8:8">
      <c r="H612374" s="12"/>
    </row>
    <row r="612375" spans="8:8">
      <c r="H612375" s="12"/>
    </row>
    <row r="612376" spans="8:8">
      <c r="H612376" s="12"/>
    </row>
    <row r="612377" spans="8:8">
      <c r="H612377" s="12"/>
    </row>
    <row r="612378" spans="8:8">
      <c r="H612378" s="12"/>
    </row>
    <row r="612379" spans="8:8">
      <c r="H612379" s="12"/>
    </row>
    <row r="612380" spans="8:8">
      <c r="H612380" s="12"/>
    </row>
    <row r="612381" spans="8:8">
      <c r="H612381" s="12"/>
    </row>
    <row r="612382" spans="8:8">
      <c r="H612382" s="12"/>
    </row>
    <row r="612383" spans="8:8">
      <c r="H612383" s="12"/>
    </row>
    <row r="612384" spans="8:8">
      <c r="H612384" s="12"/>
    </row>
    <row r="612385" spans="8:8">
      <c r="H612385" s="12"/>
    </row>
    <row r="612386" spans="8:8">
      <c r="H612386" s="12"/>
    </row>
    <row r="612387" spans="8:8">
      <c r="H612387" s="12"/>
    </row>
    <row r="612388" spans="8:8">
      <c r="H612388" s="12"/>
    </row>
    <row r="612389" spans="8:8">
      <c r="H612389" s="12"/>
    </row>
    <row r="612390" spans="8:8">
      <c r="H612390" s="12"/>
    </row>
    <row r="612391" spans="8:8">
      <c r="H612391" s="12"/>
    </row>
    <row r="612392" spans="8:8">
      <c r="H612392" s="12"/>
    </row>
    <row r="612393" spans="8:8">
      <c r="H612393" s="12"/>
    </row>
    <row r="612394" spans="8:8">
      <c r="H612394" s="12"/>
    </row>
    <row r="612395" spans="8:8">
      <c r="H612395" s="12"/>
    </row>
    <row r="612396" spans="8:8">
      <c r="H612396" s="12"/>
    </row>
    <row r="612397" spans="8:8">
      <c r="H612397" s="12"/>
    </row>
    <row r="612398" spans="8:8">
      <c r="H612398" s="12"/>
    </row>
    <row r="612399" spans="8:8">
      <c r="H612399" s="12"/>
    </row>
    <row r="612400" spans="8:8">
      <c r="H612400" s="12"/>
    </row>
    <row r="612401" spans="8:8">
      <c r="H612401" s="12"/>
    </row>
    <row r="612402" spans="8:8">
      <c r="H612402" s="12"/>
    </row>
    <row r="612403" spans="8:8">
      <c r="H612403" s="12"/>
    </row>
    <row r="612404" spans="8:8">
      <c r="H612404" s="12"/>
    </row>
    <row r="612405" spans="8:8">
      <c r="H612405" s="12"/>
    </row>
    <row r="612406" spans="8:8">
      <c r="H612406" s="12"/>
    </row>
    <row r="612407" spans="8:8">
      <c r="H612407" s="12"/>
    </row>
    <row r="612408" spans="8:8">
      <c r="H612408" s="12"/>
    </row>
    <row r="612409" spans="8:8">
      <c r="H612409" s="12"/>
    </row>
    <row r="612410" spans="8:8">
      <c r="H612410" s="12"/>
    </row>
    <row r="612411" spans="8:8">
      <c r="H612411" s="12"/>
    </row>
    <row r="612412" spans="8:8">
      <c r="H612412" s="12"/>
    </row>
    <row r="612413" spans="8:8">
      <c r="H612413" s="12"/>
    </row>
    <row r="612414" spans="8:8">
      <c r="H612414" s="12"/>
    </row>
    <row r="612415" spans="8:8">
      <c r="H612415" s="12"/>
    </row>
    <row r="612416" spans="8:8">
      <c r="H612416" s="12"/>
    </row>
    <row r="612417" spans="8:8">
      <c r="H612417" s="12"/>
    </row>
    <row r="612418" spans="8:8">
      <c r="H612418" s="12"/>
    </row>
    <row r="612419" spans="8:8">
      <c r="H612419" s="12"/>
    </row>
    <row r="612420" spans="8:8">
      <c r="H612420" s="12"/>
    </row>
    <row r="612421" spans="8:8">
      <c r="H612421" s="12"/>
    </row>
    <row r="612422" spans="8:8">
      <c r="H612422" s="12"/>
    </row>
    <row r="612423" spans="8:8">
      <c r="H612423" s="12"/>
    </row>
    <row r="612424" spans="8:8">
      <c r="H612424" s="12"/>
    </row>
    <row r="612425" spans="8:8">
      <c r="H612425" s="12"/>
    </row>
    <row r="612426" spans="8:8">
      <c r="H612426" s="12"/>
    </row>
    <row r="612427" spans="8:8">
      <c r="H612427" s="12"/>
    </row>
    <row r="612428" spans="8:8">
      <c r="H612428" s="12"/>
    </row>
    <row r="612429" spans="8:8">
      <c r="H612429" s="12"/>
    </row>
    <row r="612430" spans="8:8">
      <c r="H612430" s="12"/>
    </row>
    <row r="612431" spans="8:8">
      <c r="H612431" s="12"/>
    </row>
    <row r="612432" spans="8:8">
      <c r="H612432" s="12"/>
    </row>
    <row r="612433" spans="8:8">
      <c r="H612433" s="12"/>
    </row>
    <row r="612434" spans="8:8">
      <c r="H612434" s="12"/>
    </row>
    <row r="612435" spans="8:8">
      <c r="H612435" s="12"/>
    </row>
    <row r="612436" spans="8:8">
      <c r="H612436" s="12"/>
    </row>
    <row r="612437" spans="8:8">
      <c r="H612437" s="12"/>
    </row>
    <row r="612438" spans="8:8">
      <c r="H612438" s="12"/>
    </row>
    <row r="612439" spans="8:8">
      <c r="H612439" s="12"/>
    </row>
    <row r="612440" spans="8:8">
      <c r="H612440" s="12"/>
    </row>
    <row r="612441" spans="8:8">
      <c r="H612441" s="12"/>
    </row>
    <row r="612442" spans="8:8">
      <c r="H612442" s="12"/>
    </row>
    <row r="612443" spans="8:8">
      <c r="H612443" s="12"/>
    </row>
    <row r="612444" spans="8:8">
      <c r="H612444" s="12"/>
    </row>
    <row r="612445" spans="8:8">
      <c r="H612445" s="12"/>
    </row>
    <row r="612446" spans="8:8">
      <c r="H612446" s="12"/>
    </row>
    <row r="612447" spans="8:8">
      <c r="H612447" s="12"/>
    </row>
    <row r="612448" spans="8:8">
      <c r="H612448" s="12"/>
    </row>
    <row r="612449" spans="8:8">
      <c r="H612449" s="12"/>
    </row>
    <row r="612450" spans="8:8">
      <c r="H612450" s="12"/>
    </row>
    <row r="612451" spans="8:8">
      <c r="H612451" s="12"/>
    </row>
    <row r="612452" spans="8:8">
      <c r="H612452" s="12"/>
    </row>
    <row r="612453" spans="8:8">
      <c r="H612453" s="12"/>
    </row>
    <row r="612454" spans="8:8">
      <c r="H612454" s="12"/>
    </row>
    <row r="612455" spans="8:8">
      <c r="H612455" s="12"/>
    </row>
    <row r="612456" spans="8:8">
      <c r="H612456" s="12"/>
    </row>
    <row r="612457" spans="8:8">
      <c r="H612457" s="12"/>
    </row>
    <row r="612458" spans="8:8">
      <c r="H612458" s="12"/>
    </row>
    <row r="612459" spans="8:8">
      <c r="H612459" s="12"/>
    </row>
    <row r="612460" spans="8:8">
      <c r="H612460" s="12"/>
    </row>
    <row r="612461" spans="8:8">
      <c r="H612461" s="12"/>
    </row>
    <row r="612462" spans="8:8">
      <c r="H612462" s="12"/>
    </row>
    <row r="612463" spans="8:8">
      <c r="H612463" s="12"/>
    </row>
    <row r="612464" spans="8:8">
      <c r="H612464" s="12"/>
    </row>
    <row r="612465" spans="8:8">
      <c r="H612465" s="12"/>
    </row>
    <row r="612466" spans="8:8">
      <c r="H612466" s="12"/>
    </row>
    <row r="612467" spans="8:8">
      <c r="H612467" s="12"/>
    </row>
    <row r="612468" spans="8:8">
      <c r="H612468" s="12"/>
    </row>
    <row r="612469" spans="8:8">
      <c r="H612469" s="12"/>
    </row>
    <row r="612470" spans="8:8">
      <c r="H612470" s="12"/>
    </row>
    <row r="612471" spans="8:8">
      <c r="H612471" s="12"/>
    </row>
    <row r="612472" spans="8:8">
      <c r="H612472" s="12"/>
    </row>
    <row r="612473" spans="8:8">
      <c r="H612473" s="12"/>
    </row>
    <row r="612474" spans="8:8">
      <c r="H612474" s="12"/>
    </row>
    <row r="612475" spans="8:8">
      <c r="H612475" s="12"/>
    </row>
    <row r="612476" spans="8:8">
      <c r="H612476" s="12"/>
    </row>
    <row r="612477" spans="8:8">
      <c r="H612477" s="12"/>
    </row>
    <row r="612478" spans="8:8">
      <c r="H612478" s="12"/>
    </row>
    <row r="612479" spans="8:8">
      <c r="H612479" s="12"/>
    </row>
    <row r="612480" spans="8:8">
      <c r="H612480" s="12"/>
    </row>
    <row r="612481" spans="8:8">
      <c r="H612481" s="12"/>
    </row>
    <row r="612482" spans="8:8">
      <c r="H612482" s="12"/>
    </row>
    <row r="612483" spans="8:8">
      <c r="H612483" s="12"/>
    </row>
    <row r="612484" spans="8:8">
      <c r="H612484" s="12"/>
    </row>
    <row r="612485" spans="8:8">
      <c r="H612485" s="12"/>
    </row>
    <row r="612486" spans="8:8">
      <c r="H612486" s="12"/>
    </row>
    <row r="612487" spans="8:8">
      <c r="H612487" s="12"/>
    </row>
    <row r="612488" spans="8:8">
      <c r="H612488" s="12"/>
    </row>
    <row r="612489" spans="8:8">
      <c r="H612489" s="12"/>
    </row>
    <row r="612490" spans="8:8">
      <c r="H612490" s="12"/>
    </row>
    <row r="612491" spans="8:8">
      <c r="H612491" s="12"/>
    </row>
    <row r="612492" spans="8:8">
      <c r="H612492" s="12"/>
    </row>
    <row r="612493" spans="8:8">
      <c r="H612493" s="12"/>
    </row>
    <row r="612494" spans="8:8">
      <c r="H612494" s="12"/>
    </row>
    <row r="612495" spans="8:8">
      <c r="H612495" s="12"/>
    </row>
    <row r="612496" spans="8:8">
      <c r="H612496" s="12"/>
    </row>
    <row r="612497" spans="8:8">
      <c r="H612497" s="12"/>
    </row>
    <row r="612498" spans="8:8">
      <c r="H612498" s="12"/>
    </row>
    <row r="612499" spans="8:8">
      <c r="H612499" s="12"/>
    </row>
    <row r="612500" spans="8:8">
      <c r="H612500" s="12"/>
    </row>
    <row r="612501" spans="8:8">
      <c r="H612501" s="12"/>
    </row>
    <row r="612502" spans="8:8">
      <c r="H612502" s="12"/>
    </row>
    <row r="612503" spans="8:8">
      <c r="H612503" s="12"/>
    </row>
    <row r="612504" spans="8:8">
      <c r="H612504" s="12"/>
    </row>
    <row r="612505" spans="8:8">
      <c r="H612505" s="12"/>
    </row>
    <row r="612506" spans="8:8">
      <c r="H612506" s="12"/>
    </row>
    <row r="612507" spans="8:8">
      <c r="H612507" s="12"/>
    </row>
    <row r="612508" spans="8:8">
      <c r="H612508" s="12"/>
    </row>
    <row r="612509" spans="8:8">
      <c r="H612509" s="12"/>
    </row>
    <row r="612510" spans="8:8">
      <c r="H612510" s="12"/>
    </row>
    <row r="612511" spans="8:8">
      <c r="H612511" s="12"/>
    </row>
    <row r="612512" spans="8:8">
      <c r="H612512" s="12"/>
    </row>
    <row r="612513" spans="8:8">
      <c r="H612513" s="12"/>
    </row>
    <row r="612514" spans="8:8">
      <c r="H612514" s="12"/>
    </row>
    <row r="612515" spans="8:8">
      <c r="H612515" s="12"/>
    </row>
    <row r="612516" spans="8:8">
      <c r="H612516" s="12"/>
    </row>
    <row r="612517" spans="8:8">
      <c r="H612517" s="12"/>
    </row>
    <row r="612518" spans="8:8">
      <c r="H612518" s="12"/>
    </row>
    <row r="612519" spans="8:8">
      <c r="H612519" s="12"/>
    </row>
    <row r="612520" spans="8:8">
      <c r="H612520" s="12"/>
    </row>
    <row r="612521" spans="8:8">
      <c r="H612521" s="12"/>
    </row>
    <row r="612522" spans="8:8">
      <c r="H612522" s="12"/>
    </row>
    <row r="612523" spans="8:8">
      <c r="H612523" s="12"/>
    </row>
    <row r="612524" spans="8:8">
      <c r="H612524" s="12"/>
    </row>
    <row r="612525" spans="8:8">
      <c r="H612525" s="12"/>
    </row>
    <row r="612526" spans="8:8">
      <c r="H612526" s="12"/>
    </row>
    <row r="612527" spans="8:8">
      <c r="H612527" s="12"/>
    </row>
    <row r="612528" spans="8:8">
      <c r="H612528" s="12"/>
    </row>
    <row r="612529" spans="8:8">
      <c r="H612529" s="12"/>
    </row>
    <row r="612530" spans="8:8">
      <c r="H612530" s="12"/>
    </row>
    <row r="612531" spans="8:8">
      <c r="H612531" s="12"/>
    </row>
    <row r="612532" spans="8:8">
      <c r="H612532" s="12"/>
    </row>
    <row r="612533" spans="8:8">
      <c r="H612533" s="12"/>
    </row>
    <row r="612534" spans="8:8">
      <c r="H612534" s="12"/>
    </row>
    <row r="612535" spans="8:8">
      <c r="H612535" s="12"/>
    </row>
    <row r="612536" spans="8:8">
      <c r="H612536" s="12"/>
    </row>
    <row r="612537" spans="8:8">
      <c r="H612537" s="12"/>
    </row>
    <row r="612538" spans="8:8">
      <c r="H612538" s="12"/>
    </row>
    <row r="612539" spans="8:8">
      <c r="H612539" s="12"/>
    </row>
    <row r="612540" spans="8:8">
      <c r="H612540" s="12"/>
    </row>
    <row r="612541" spans="8:8">
      <c r="H612541" s="12"/>
    </row>
    <row r="612542" spans="8:8">
      <c r="H612542" s="12"/>
    </row>
    <row r="612543" spans="8:8">
      <c r="H612543" s="12"/>
    </row>
    <row r="612544" spans="8:8">
      <c r="H612544" s="12"/>
    </row>
    <row r="612545" spans="8:8">
      <c r="H612545" s="12"/>
    </row>
    <row r="612546" spans="8:8">
      <c r="H612546" s="12"/>
    </row>
    <row r="612547" spans="8:8">
      <c r="H612547" s="12"/>
    </row>
    <row r="612548" spans="8:8">
      <c r="H612548" s="12"/>
    </row>
    <row r="612549" spans="8:8">
      <c r="H612549" s="12"/>
    </row>
    <row r="612550" spans="8:8">
      <c r="H612550" s="12"/>
    </row>
    <row r="612551" spans="8:8">
      <c r="H612551" s="12"/>
    </row>
    <row r="612552" spans="8:8">
      <c r="H612552" s="12"/>
    </row>
    <row r="612553" spans="8:8">
      <c r="H612553" s="12"/>
    </row>
    <row r="612554" spans="8:8">
      <c r="H612554" s="12"/>
    </row>
    <row r="612555" spans="8:8">
      <c r="H612555" s="12"/>
    </row>
    <row r="612556" spans="8:8">
      <c r="H612556" s="12"/>
    </row>
    <row r="612557" spans="8:8">
      <c r="H612557" s="12"/>
    </row>
    <row r="612558" spans="8:8">
      <c r="H612558" s="12"/>
    </row>
    <row r="612559" spans="8:8">
      <c r="H612559" s="12"/>
    </row>
    <row r="612560" spans="8:8">
      <c r="H612560" s="12"/>
    </row>
    <row r="612561" spans="8:8">
      <c r="H612561" s="12"/>
    </row>
    <row r="612562" spans="8:8">
      <c r="H612562" s="12"/>
    </row>
    <row r="612563" spans="8:8">
      <c r="H612563" s="12"/>
    </row>
    <row r="612564" spans="8:8">
      <c r="H612564" s="12"/>
    </row>
    <row r="612565" spans="8:8">
      <c r="H612565" s="12"/>
    </row>
    <row r="612566" spans="8:8">
      <c r="H612566" s="12"/>
    </row>
    <row r="612567" spans="8:8">
      <c r="H612567" s="12"/>
    </row>
    <row r="612568" spans="8:8">
      <c r="H612568" s="12"/>
    </row>
    <row r="612569" spans="8:8">
      <c r="H612569" s="12"/>
    </row>
    <row r="612570" spans="8:8">
      <c r="H612570" s="12"/>
    </row>
    <row r="612571" spans="8:8">
      <c r="H612571" s="12"/>
    </row>
    <row r="612572" spans="8:8">
      <c r="H612572" s="12"/>
    </row>
    <row r="612573" spans="8:8">
      <c r="H612573" s="12"/>
    </row>
    <row r="612574" spans="8:8">
      <c r="H612574" s="12"/>
    </row>
    <row r="612575" spans="8:8">
      <c r="H612575" s="12"/>
    </row>
    <row r="612576" spans="8:8">
      <c r="H612576" s="12"/>
    </row>
    <row r="612577" spans="8:8">
      <c r="H612577" s="12"/>
    </row>
    <row r="612578" spans="8:8">
      <c r="H612578" s="12"/>
    </row>
    <row r="612579" spans="8:8">
      <c r="H612579" s="12"/>
    </row>
    <row r="612580" spans="8:8">
      <c r="H612580" s="12"/>
    </row>
    <row r="612581" spans="8:8">
      <c r="H612581" s="12"/>
    </row>
    <row r="612582" spans="8:8">
      <c r="H612582" s="12"/>
    </row>
    <row r="612583" spans="8:8">
      <c r="H612583" s="12"/>
    </row>
    <row r="612584" spans="8:8">
      <c r="H612584" s="12"/>
    </row>
    <row r="612585" spans="8:8">
      <c r="H612585" s="12"/>
    </row>
    <row r="612586" spans="8:8">
      <c r="H612586" s="12"/>
    </row>
    <row r="612587" spans="8:8">
      <c r="H612587" s="12"/>
    </row>
    <row r="612588" spans="8:8">
      <c r="H612588" s="12"/>
    </row>
    <row r="612589" spans="8:8">
      <c r="H612589" s="12"/>
    </row>
    <row r="612590" spans="8:8">
      <c r="H612590" s="12"/>
    </row>
    <row r="612591" spans="8:8">
      <c r="H612591" s="12"/>
    </row>
    <row r="612592" spans="8:8">
      <c r="H612592" s="12"/>
    </row>
    <row r="612593" spans="8:8">
      <c r="H612593" s="12"/>
    </row>
    <row r="612594" spans="8:8">
      <c r="H612594" s="12"/>
    </row>
    <row r="612595" spans="8:8">
      <c r="H612595" s="12"/>
    </row>
    <row r="612596" spans="8:8">
      <c r="H612596" s="12"/>
    </row>
    <row r="612597" spans="8:8">
      <c r="H612597" s="12"/>
    </row>
    <row r="612598" spans="8:8">
      <c r="H612598" s="12"/>
    </row>
    <row r="612599" spans="8:8">
      <c r="H612599" s="12"/>
    </row>
    <row r="612600" spans="8:8">
      <c r="H612600" s="12"/>
    </row>
    <row r="612601" spans="8:8">
      <c r="H612601" s="12"/>
    </row>
    <row r="612602" spans="8:8">
      <c r="H612602" s="12"/>
    </row>
    <row r="612603" spans="8:8">
      <c r="H612603" s="12"/>
    </row>
    <row r="612604" spans="8:8">
      <c r="H612604" s="12"/>
    </row>
    <row r="612605" spans="8:8">
      <c r="H612605" s="12"/>
    </row>
    <row r="612606" spans="8:8">
      <c r="H612606" s="12"/>
    </row>
    <row r="612607" spans="8:8">
      <c r="H612607" s="12"/>
    </row>
    <row r="612608" spans="8:8">
      <c r="H612608" s="12"/>
    </row>
    <row r="612609" spans="8:8">
      <c r="H612609" s="12"/>
    </row>
    <row r="612610" spans="8:8">
      <c r="H612610" s="12"/>
    </row>
    <row r="612611" spans="8:8">
      <c r="H612611" s="12"/>
    </row>
    <row r="612612" spans="8:8">
      <c r="H612612" s="12"/>
    </row>
    <row r="612613" spans="8:8">
      <c r="H612613" s="12"/>
    </row>
    <row r="612614" spans="8:8">
      <c r="H612614" s="12"/>
    </row>
    <row r="612615" spans="8:8">
      <c r="H612615" s="12"/>
    </row>
    <row r="612616" spans="8:8">
      <c r="H612616" s="12"/>
    </row>
    <row r="612617" spans="8:8">
      <c r="H612617" s="12"/>
    </row>
    <row r="612618" spans="8:8">
      <c r="H612618" s="12"/>
    </row>
    <row r="612619" spans="8:8">
      <c r="H612619" s="12"/>
    </row>
    <row r="612620" spans="8:8">
      <c r="H612620" s="12"/>
    </row>
    <row r="612621" spans="8:8">
      <c r="H612621" s="12"/>
    </row>
    <row r="612622" spans="8:8">
      <c r="H612622" s="12"/>
    </row>
    <row r="612623" spans="8:8">
      <c r="H612623" s="12"/>
    </row>
    <row r="612624" spans="8:8">
      <c r="H612624" s="12"/>
    </row>
    <row r="612625" spans="8:8">
      <c r="H612625" s="12"/>
    </row>
    <row r="612626" spans="8:8">
      <c r="H612626" s="12"/>
    </row>
    <row r="612627" spans="8:8">
      <c r="H612627" s="12"/>
    </row>
    <row r="612628" spans="8:8">
      <c r="H612628" s="12"/>
    </row>
    <row r="612629" spans="8:8">
      <c r="H612629" s="12"/>
    </row>
    <row r="612630" spans="8:8">
      <c r="H612630" s="12"/>
    </row>
    <row r="612631" spans="8:8">
      <c r="H612631" s="12"/>
    </row>
    <row r="612632" spans="8:8">
      <c r="H612632" s="12"/>
    </row>
    <row r="612633" spans="8:8">
      <c r="H612633" s="12"/>
    </row>
    <row r="612634" spans="8:8">
      <c r="H612634" s="12"/>
    </row>
    <row r="612635" spans="8:8">
      <c r="H612635" s="12"/>
    </row>
    <row r="612636" spans="8:8">
      <c r="H612636" s="12"/>
    </row>
    <row r="612637" spans="8:8">
      <c r="H612637" s="12"/>
    </row>
    <row r="612638" spans="8:8">
      <c r="H612638" s="12"/>
    </row>
    <row r="612639" spans="8:8">
      <c r="H612639" s="12"/>
    </row>
    <row r="612640" spans="8:8">
      <c r="H612640" s="12"/>
    </row>
    <row r="612641" spans="8:8">
      <c r="H612641" s="12"/>
    </row>
    <row r="612642" spans="8:8">
      <c r="H612642" s="12"/>
    </row>
    <row r="612643" spans="8:8">
      <c r="H612643" s="12"/>
    </row>
    <row r="612644" spans="8:8">
      <c r="H612644" s="12"/>
    </row>
    <row r="612645" spans="8:8">
      <c r="H612645" s="12"/>
    </row>
    <row r="612646" spans="8:8">
      <c r="H612646" s="12"/>
    </row>
    <row r="612647" spans="8:8">
      <c r="H612647" s="12"/>
    </row>
    <row r="612648" spans="8:8">
      <c r="H612648" s="12"/>
    </row>
    <row r="612649" spans="8:8">
      <c r="H612649" s="12"/>
    </row>
    <row r="612650" spans="8:8">
      <c r="H612650" s="12"/>
    </row>
    <row r="612651" spans="8:8">
      <c r="H612651" s="12"/>
    </row>
    <row r="612652" spans="8:8">
      <c r="H612652" s="12"/>
    </row>
    <row r="612653" spans="8:8">
      <c r="H612653" s="12"/>
    </row>
    <row r="612654" spans="8:8">
      <c r="H612654" s="12"/>
    </row>
    <row r="612655" spans="8:8">
      <c r="H612655" s="12"/>
    </row>
    <row r="612656" spans="8:8">
      <c r="H612656" s="12"/>
    </row>
    <row r="612657" spans="8:8">
      <c r="H612657" s="12"/>
    </row>
    <row r="612658" spans="8:8">
      <c r="H612658" s="12"/>
    </row>
    <row r="612659" spans="8:8">
      <c r="H612659" s="12"/>
    </row>
    <row r="612660" spans="8:8">
      <c r="H612660" s="12"/>
    </row>
    <row r="612661" spans="8:8">
      <c r="H612661" s="12"/>
    </row>
    <row r="612662" spans="8:8">
      <c r="H612662" s="12"/>
    </row>
    <row r="612663" spans="8:8">
      <c r="H612663" s="12"/>
    </row>
    <row r="612664" spans="8:8">
      <c r="H612664" s="12"/>
    </row>
    <row r="612665" spans="8:8">
      <c r="H612665" s="12"/>
    </row>
    <row r="612666" spans="8:8">
      <c r="H612666" s="12"/>
    </row>
    <row r="612667" spans="8:8">
      <c r="H612667" s="12"/>
    </row>
    <row r="612668" spans="8:8">
      <c r="H612668" s="12"/>
    </row>
    <row r="612669" spans="8:8">
      <c r="H612669" s="12"/>
    </row>
    <row r="612670" spans="8:8">
      <c r="H612670" s="12"/>
    </row>
    <row r="612671" spans="8:8">
      <c r="H612671" s="12"/>
    </row>
    <row r="612672" spans="8:8">
      <c r="H612672" s="12"/>
    </row>
    <row r="612673" spans="8:8">
      <c r="H612673" s="12"/>
    </row>
    <row r="612674" spans="8:8">
      <c r="H612674" s="12"/>
    </row>
    <row r="612675" spans="8:8">
      <c r="H612675" s="12"/>
    </row>
    <row r="612676" spans="8:8">
      <c r="H612676" s="12"/>
    </row>
    <row r="612677" spans="8:8">
      <c r="H612677" s="12"/>
    </row>
    <row r="612678" spans="8:8">
      <c r="H612678" s="12"/>
    </row>
    <row r="612679" spans="8:8">
      <c r="H612679" s="12"/>
    </row>
    <row r="612680" spans="8:8">
      <c r="H612680" s="12"/>
    </row>
    <row r="612681" spans="8:8">
      <c r="H612681" s="12"/>
    </row>
    <row r="612682" spans="8:8">
      <c r="H612682" s="12"/>
    </row>
    <row r="612683" spans="8:8">
      <c r="H612683" s="12"/>
    </row>
    <row r="612684" spans="8:8">
      <c r="H612684" s="12"/>
    </row>
    <row r="612685" spans="8:8">
      <c r="H612685" s="12"/>
    </row>
    <row r="612686" spans="8:8">
      <c r="H612686" s="12"/>
    </row>
    <row r="612687" spans="8:8">
      <c r="H612687" s="12"/>
    </row>
    <row r="612688" spans="8:8">
      <c r="H612688" s="12"/>
    </row>
    <row r="612689" spans="8:8">
      <c r="H612689" s="12"/>
    </row>
    <row r="612690" spans="8:8">
      <c r="H612690" s="12"/>
    </row>
    <row r="612691" spans="8:8">
      <c r="H612691" s="12"/>
    </row>
    <row r="612692" spans="8:8">
      <c r="H612692" s="12"/>
    </row>
    <row r="612693" spans="8:8">
      <c r="H612693" s="12"/>
    </row>
    <row r="612694" spans="8:8">
      <c r="H612694" s="12"/>
    </row>
    <row r="612695" spans="8:8">
      <c r="H612695" s="12"/>
    </row>
    <row r="612696" spans="8:8">
      <c r="H612696" s="12"/>
    </row>
    <row r="612697" spans="8:8">
      <c r="H612697" s="12"/>
    </row>
    <row r="612698" spans="8:8">
      <c r="H612698" s="12"/>
    </row>
    <row r="612699" spans="8:8">
      <c r="H612699" s="12"/>
    </row>
    <row r="612700" spans="8:8">
      <c r="H612700" s="12"/>
    </row>
    <row r="612701" spans="8:8">
      <c r="H612701" s="12"/>
    </row>
    <row r="612702" spans="8:8">
      <c r="H612702" s="12"/>
    </row>
    <row r="612703" spans="8:8">
      <c r="H612703" s="12"/>
    </row>
    <row r="612704" spans="8:8">
      <c r="H612704" s="12"/>
    </row>
    <row r="612705" spans="8:8">
      <c r="H612705" s="12"/>
    </row>
    <row r="612706" spans="8:8">
      <c r="H612706" s="12"/>
    </row>
    <row r="612707" spans="8:8">
      <c r="H612707" s="12"/>
    </row>
    <row r="612708" spans="8:8">
      <c r="H612708" s="12"/>
    </row>
    <row r="612709" spans="8:8">
      <c r="H612709" s="12"/>
    </row>
    <row r="612710" spans="8:8">
      <c r="H612710" s="12"/>
    </row>
    <row r="612711" spans="8:8">
      <c r="H612711" s="12"/>
    </row>
    <row r="612712" spans="8:8">
      <c r="H612712" s="12"/>
    </row>
    <row r="612713" spans="8:8">
      <c r="H612713" s="12"/>
    </row>
    <row r="612714" spans="8:8">
      <c r="H612714" s="12"/>
    </row>
    <row r="612715" spans="8:8">
      <c r="H612715" s="12"/>
    </row>
    <row r="612716" spans="8:8">
      <c r="H612716" s="12"/>
    </row>
    <row r="612717" spans="8:8">
      <c r="H612717" s="12"/>
    </row>
    <row r="612718" spans="8:8">
      <c r="H612718" s="12"/>
    </row>
    <row r="612719" spans="8:8">
      <c r="H612719" s="12"/>
    </row>
    <row r="612720" spans="8:8">
      <c r="H612720" s="12"/>
    </row>
    <row r="612721" spans="8:8">
      <c r="H612721" s="12"/>
    </row>
    <row r="612722" spans="8:8">
      <c r="H612722" s="12"/>
    </row>
    <row r="612723" spans="8:8">
      <c r="H612723" s="12"/>
    </row>
    <row r="612724" spans="8:8">
      <c r="H612724" s="12"/>
    </row>
    <row r="612725" spans="8:8">
      <c r="H612725" s="12"/>
    </row>
    <row r="612726" spans="8:8">
      <c r="H612726" s="12"/>
    </row>
    <row r="612727" spans="8:8">
      <c r="H612727" s="12"/>
    </row>
    <row r="612728" spans="8:8">
      <c r="H612728" s="12"/>
    </row>
    <row r="612729" spans="8:8">
      <c r="H612729" s="12"/>
    </row>
    <row r="612730" spans="8:8">
      <c r="H612730" s="12"/>
    </row>
    <row r="612731" spans="8:8">
      <c r="H612731" s="12"/>
    </row>
    <row r="612732" spans="8:8">
      <c r="H612732" s="12"/>
    </row>
    <row r="612733" spans="8:8">
      <c r="H612733" s="12"/>
    </row>
    <row r="612734" spans="8:8">
      <c r="H612734" s="12"/>
    </row>
    <row r="612735" spans="8:8">
      <c r="H612735" s="12"/>
    </row>
    <row r="612736" spans="8:8">
      <c r="H612736" s="12"/>
    </row>
    <row r="612737" spans="8:8">
      <c r="H612737" s="12"/>
    </row>
    <row r="612738" spans="8:8">
      <c r="H612738" s="12"/>
    </row>
    <row r="612739" spans="8:8">
      <c r="H612739" s="12"/>
    </row>
    <row r="612740" spans="8:8">
      <c r="H612740" s="12"/>
    </row>
    <row r="612741" spans="8:8">
      <c r="H612741" s="12"/>
    </row>
    <row r="612742" spans="8:8">
      <c r="H612742" s="12"/>
    </row>
    <row r="612743" spans="8:8">
      <c r="H612743" s="12"/>
    </row>
    <row r="612744" spans="8:8">
      <c r="H612744" s="12"/>
    </row>
    <row r="612745" spans="8:8">
      <c r="H612745" s="12"/>
    </row>
    <row r="612746" spans="8:8">
      <c r="H612746" s="12"/>
    </row>
    <row r="612747" spans="8:8">
      <c r="H612747" s="12"/>
    </row>
    <row r="612748" spans="8:8">
      <c r="H612748" s="12"/>
    </row>
    <row r="612749" spans="8:8">
      <c r="H612749" s="12"/>
    </row>
    <row r="612750" spans="8:8">
      <c r="H612750" s="12"/>
    </row>
    <row r="612751" spans="8:8">
      <c r="H612751" s="12"/>
    </row>
    <row r="612752" spans="8:8">
      <c r="H612752" s="12"/>
    </row>
    <row r="612753" spans="8:8">
      <c r="H612753" s="12"/>
    </row>
    <row r="612754" spans="8:8">
      <c r="H612754" s="12"/>
    </row>
    <row r="612755" spans="8:8">
      <c r="H612755" s="12"/>
    </row>
    <row r="612756" spans="8:8">
      <c r="H612756" s="12"/>
    </row>
    <row r="612757" spans="8:8">
      <c r="H612757" s="12"/>
    </row>
    <row r="612758" spans="8:8">
      <c r="H612758" s="12"/>
    </row>
    <row r="612759" spans="8:8">
      <c r="H612759" s="12"/>
    </row>
    <row r="612760" spans="8:8">
      <c r="H612760" s="12"/>
    </row>
    <row r="612761" spans="8:8">
      <c r="H612761" s="12"/>
    </row>
    <row r="612762" spans="8:8">
      <c r="H612762" s="12"/>
    </row>
    <row r="612763" spans="8:8">
      <c r="H612763" s="12"/>
    </row>
    <row r="612764" spans="8:8">
      <c r="H612764" s="12"/>
    </row>
    <row r="612765" spans="8:8">
      <c r="H612765" s="12"/>
    </row>
    <row r="612766" spans="8:8">
      <c r="H612766" s="12"/>
    </row>
    <row r="612767" spans="8:8">
      <c r="H612767" s="12"/>
    </row>
    <row r="612768" spans="8:8">
      <c r="H612768" s="12"/>
    </row>
    <row r="612769" spans="8:8">
      <c r="H612769" s="12"/>
    </row>
    <row r="612770" spans="8:8">
      <c r="H612770" s="12"/>
    </row>
    <row r="612771" spans="8:8">
      <c r="H612771" s="12"/>
    </row>
    <row r="612772" spans="8:8">
      <c r="H612772" s="12"/>
    </row>
    <row r="612773" spans="8:8">
      <c r="H612773" s="12"/>
    </row>
    <row r="612774" spans="8:8">
      <c r="H612774" s="12"/>
    </row>
    <row r="612775" spans="8:8">
      <c r="H612775" s="12"/>
    </row>
    <row r="612776" spans="8:8">
      <c r="H612776" s="12"/>
    </row>
    <row r="612777" spans="8:8">
      <c r="H612777" s="12"/>
    </row>
    <row r="612778" spans="8:8">
      <c r="H612778" s="12"/>
    </row>
    <row r="612779" spans="8:8">
      <c r="H612779" s="12"/>
    </row>
    <row r="612780" spans="8:8">
      <c r="H612780" s="12"/>
    </row>
    <row r="612781" spans="8:8">
      <c r="H612781" s="12"/>
    </row>
    <row r="612782" spans="8:8">
      <c r="H612782" s="12"/>
    </row>
    <row r="612783" spans="8:8">
      <c r="H612783" s="12"/>
    </row>
    <row r="612784" spans="8:8">
      <c r="H612784" s="12"/>
    </row>
    <row r="612785" spans="8:8">
      <c r="H612785" s="12"/>
    </row>
    <row r="612786" spans="8:8">
      <c r="H612786" s="12"/>
    </row>
    <row r="612787" spans="8:8">
      <c r="H612787" s="12"/>
    </row>
    <row r="612788" spans="8:8">
      <c r="H612788" s="12"/>
    </row>
    <row r="612789" spans="8:8">
      <c r="H612789" s="12"/>
    </row>
    <row r="612790" spans="8:8">
      <c r="H612790" s="12"/>
    </row>
    <row r="612791" spans="8:8">
      <c r="H612791" s="12"/>
    </row>
    <row r="612792" spans="8:8">
      <c r="H612792" s="12"/>
    </row>
    <row r="612793" spans="8:8">
      <c r="H612793" s="12"/>
    </row>
    <row r="612794" spans="8:8">
      <c r="H612794" s="12"/>
    </row>
    <row r="612795" spans="8:8">
      <c r="H612795" s="12"/>
    </row>
    <row r="612796" spans="8:8">
      <c r="H612796" s="12"/>
    </row>
    <row r="612797" spans="8:8">
      <c r="H612797" s="12"/>
    </row>
    <row r="612798" spans="8:8">
      <c r="H612798" s="12"/>
    </row>
    <row r="612799" spans="8:8">
      <c r="H612799" s="12"/>
    </row>
    <row r="612800" spans="8:8">
      <c r="H612800" s="12"/>
    </row>
    <row r="612801" spans="8:8">
      <c r="H612801" s="12"/>
    </row>
    <row r="612802" spans="8:8">
      <c r="H612802" s="12"/>
    </row>
    <row r="612803" spans="8:8">
      <c r="H612803" s="12"/>
    </row>
    <row r="612804" spans="8:8">
      <c r="H612804" s="12"/>
    </row>
    <row r="612805" spans="8:8">
      <c r="H612805" s="12"/>
    </row>
    <row r="612806" spans="8:8">
      <c r="H612806" s="12"/>
    </row>
    <row r="612807" spans="8:8">
      <c r="H612807" s="12"/>
    </row>
    <row r="612808" spans="8:8">
      <c r="H612808" s="12"/>
    </row>
    <row r="612809" spans="8:8">
      <c r="H612809" s="12"/>
    </row>
    <row r="612810" spans="8:8">
      <c r="H612810" s="12"/>
    </row>
    <row r="612811" spans="8:8">
      <c r="H612811" s="12"/>
    </row>
    <row r="612812" spans="8:8">
      <c r="H612812" s="12"/>
    </row>
    <row r="612813" spans="8:8">
      <c r="H612813" s="12"/>
    </row>
    <row r="612814" spans="8:8">
      <c r="H612814" s="12"/>
    </row>
    <row r="612815" spans="8:8">
      <c r="H612815" s="12"/>
    </row>
    <row r="612816" spans="8:8">
      <c r="H612816" s="12"/>
    </row>
    <row r="612817" spans="8:8">
      <c r="H612817" s="12"/>
    </row>
    <row r="612818" spans="8:8">
      <c r="H612818" s="12"/>
    </row>
    <row r="612819" spans="8:8">
      <c r="H612819" s="12"/>
    </row>
    <row r="612820" spans="8:8">
      <c r="H612820" s="12"/>
    </row>
    <row r="612821" spans="8:8">
      <c r="H612821" s="12"/>
    </row>
    <row r="612822" spans="8:8">
      <c r="H612822" s="12"/>
    </row>
    <row r="612823" spans="8:8">
      <c r="H612823" s="12"/>
    </row>
    <row r="612824" spans="8:8">
      <c r="H612824" s="12"/>
    </row>
    <row r="612825" spans="8:8">
      <c r="H612825" s="12"/>
    </row>
    <row r="612826" spans="8:8">
      <c r="H612826" s="12"/>
    </row>
    <row r="612827" spans="8:8">
      <c r="H612827" s="12"/>
    </row>
    <row r="612828" spans="8:8">
      <c r="H612828" s="12"/>
    </row>
    <row r="612829" spans="8:8">
      <c r="H612829" s="12"/>
    </row>
    <row r="612830" spans="8:8">
      <c r="H612830" s="12"/>
    </row>
    <row r="612831" spans="8:8">
      <c r="H612831" s="12"/>
    </row>
    <row r="612832" spans="8:8">
      <c r="H612832" s="12"/>
    </row>
    <row r="612833" spans="8:8">
      <c r="H612833" s="12"/>
    </row>
    <row r="612834" spans="8:8">
      <c r="H612834" s="12"/>
    </row>
    <row r="612835" spans="8:8">
      <c r="H612835" s="12"/>
    </row>
    <row r="612836" spans="8:8">
      <c r="H612836" s="12"/>
    </row>
    <row r="612837" spans="8:8">
      <c r="H612837" s="12"/>
    </row>
    <row r="612838" spans="8:8">
      <c r="H612838" s="12"/>
    </row>
    <row r="612839" spans="8:8">
      <c r="H612839" s="12"/>
    </row>
    <row r="612840" spans="8:8">
      <c r="H612840" s="12"/>
    </row>
    <row r="612841" spans="8:8">
      <c r="H612841" s="12"/>
    </row>
    <row r="612842" spans="8:8">
      <c r="H612842" s="12"/>
    </row>
    <row r="612843" spans="8:8">
      <c r="H612843" s="12"/>
    </row>
    <row r="612844" spans="8:8">
      <c r="H612844" s="12"/>
    </row>
    <row r="612845" spans="8:8">
      <c r="H612845" s="12"/>
    </row>
    <row r="612846" spans="8:8">
      <c r="H612846" s="12"/>
    </row>
    <row r="612847" spans="8:8">
      <c r="H612847" s="12"/>
    </row>
    <row r="612848" spans="8:8">
      <c r="H612848" s="12"/>
    </row>
    <row r="612849" spans="8:8">
      <c r="H612849" s="12"/>
    </row>
    <row r="612850" spans="8:8">
      <c r="H612850" s="12"/>
    </row>
    <row r="612851" spans="8:8">
      <c r="H612851" s="12"/>
    </row>
    <row r="612852" spans="8:8">
      <c r="H612852" s="12"/>
    </row>
    <row r="612853" spans="8:8">
      <c r="H612853" s="12"/>
    </row>
    <row r="612854" spans="8:8">
      <c r="H612854" s="12"/>
    </row>
    <row r="612855" spans="8:8">
      <c r="H612855" s="12"/>
    </row>
    <row r="612856" spans="8:8">
      <c r="H612856" s="12"/>
    </row>
    <row r="612857" spans="8:8">
      <c r="H612857" s="12"/>
    </row>
    <row r="612858" spans="8:8">
      <c r="H612858" s="12"/>
    </row>
    <row r="612859" spans="8:8">
      <c r="H612859" s="12"/>
    </row>
    <row r="612860" spans="8:8">
      <c r="H612860" s="12"/>
    </row>
    <row r="612861" spans="8:8">
      <c r="H612861" s="12"/>
    </row>
    <row r="612862" spans="8:8">
      <c r="H612862" s="12"/>
    </row>
    <row r="612863" spans="8:8">
      <c r="H612863" s="12"/>
    </row>
    <row r="612864" spans="8:8">
      <c r="H612864" s="12"/>
    </row>
    <row r="612865" spans="8:8">
      <c r="H612865" s="12"/>
    </row>
    <row r="612866" spans="8:8">
      <c r="H612866" s="12"/>
    </row>
    <row r="612867" spans="8:8">
      <c r="H612867" s="12"/>
    </row>
    <row r="612868" spans="8:8">
      <c r="H612868" s="12"/>
    </row>
    <row r="612869" spans="8:8">
      <c r="H612869" s="12"/>
    </row>
    <row r="612870" spans="8:8">
      <c r="H612870" s="12"/>
    </row>
    <row r="612871" spans="8:8">
      <c r="H612871" s="12"/>
    </row>
    <row r="612872" spans="8:8">
      <c r="H612872" s="12"/>
    </row>
    <row r="612873" spans="8:8">
      <c r="H612873" s="12"/>
    </row>
    <row r="612874" spans="8:8">
      <c r="H612874" s="12"/>
    </row>
    <row r="612875" spans="8:8">
      <c r="H612875" s="12"/>
    </row>
    <row r="612876" spans="8:8">
      <c r="H612876" s="12"/>
    </row>
    <row r="612877" spans="8:8">
      <c r="H612877" s="12"/>
    </row>
    <row r="612878" spans="8:8">
      <c r="H612878" s="12"/>
    </row>
    <row r="612879" spans="8:8">
      <c r="H612879" s="12"/>
    </row>
    <row r="612880" spans="8:8">
      <c r="H612880" s="12"/>
    </row>
    <row r="612881" spans="8:8">
      <c r="H612881" s="12"/>
    </row>
    <row r="612882" spans="8:8">
      <c r="H612882" s="12"/>
    </row>
    <row r="612883" spans="8:8">
      <c r="H612883" s="12"/>
    </row>
    <row r="612884" spans="8:8">
      <c r="H612884" s="12"/>
    </row>
    <row r="612885" spans="8:8">
      <c r="H612885" s="12"/>
    </row>
    <row r="612886" spans="8:8">
      <c r="H612886" s="12"/>
    </row>
    <row r="612887" spans="8:8">
      <c r="H612887" s="12"/>
    </row>
    <row r="612888" spans="8:8">
      <c r="H612888" s="12"/>
    </row>
    <row r="612889" spans="8:8">
      <c r="H612889" s="12"/>
    </row>
    <row r="612890" spans="8:8">
      <c r="H612890" s="12"/>
    </row>
    <row r="612891" spans="8:8">
      <c r="H612891" s="12"/>
    </row>
    <row r="612892" spans="8:8">
      <c r="H612892" s="12"/>
    </row>
    <row r="612893" spans="8:8">
      <c r="H612893" s="12"/>
    </row>
    <row r="612894" spans="8:8">
      <c r="H612894" s="12"/>
    </row>
    <row r="612895" spans="8:8">
      <c r="H612895" s="12"/>
    </row>
    <row r="612896" spans="8:8">
      <c r="H612896" s="12"/>
    </row>
    <row r="612897" spans="8:8">
      <c r="H612897" s="12"/>
    </row>
    <row r="612898" spans="8:8">
      <c r="H612898" s="12"/>
    </row>
    <row r="612899" spans="8:8">
      <c r="H612899" s="12"/>
    </row>
    <row r="612900" spans="8:8">
      <c r="H612900" s="12"/>
    </row>
    <row r="612901" spans="8:8">
      <c r="H612901" s="12"/>
    </row>
    <row r="612902" spans="8:8">
      <c r="H612902" s="12"/>
    </row>
    <row r="612903" spans="8:8">
      <c r="H612903" s="12"/>
    </row>
    <row r="612904" spans="8:8">
      <c r="H612904" s="12"/>
    </row>
    <row r="612905" spans="8:8">
      <c r="H612905" s="12"/>
    </row>
    <row r="612906" spans="8:8">
      <c r="H612906" s="12"/>
    </row>
    <row r="612907" spans="8:8">
      <c r="H612907" s="12"/>
    </row>
    <row r="612908" spans="8:8">
      <c r="H612908" s="12"/>
    </row>
    <row r="612909" spans="8:8">
      <c r="H612909" s="12"/>
    </row>
    <row r="612910" spans="8:8">
      <c r="H612910" s="12"/>
    </row>
    <row r="612911" spans="8:8">
      <c r="H612911" s="12"/>
    </row>
    <row r="612912" spans="8:8">
      <c r="H612912" s="12"/>
    </row>
    <row r="612913" spans="8:8">
      <c r="H612913" s="12"/>
    </row>
    <row r="612914" spans="8:8">
      <c r="H612914" s="12"/>
    </row>
    <row r="612915" spans="8:8">
      <c r="H612915" s="12"/>
    </row>
    <row r="612916" spans="8:8">
      <c r="H612916" s="12"/>
    </row>
    <row r="612917" spans="8:8">
      <c r="H612917" s="12"/>
    </row>
    <row r="612918" spans="8:8">
      <c r="H612918" s="12"/>
    </row>
    <row r="612919" spans="8:8">
      <c r="H612919" s="12"/>
    </row>
    <row r="612920" spans="8:8">
      <c r="H612920" s="12"/>
    </row>
    <row r="612921" spans="8:8">
      <c r="H612921" s="12"/>
    </row>
    <row r="612922" spans="8:8">
      <c r="H612922" s="12"/>
    </row>
    <row r="612923" spans="8:8">
      <c r="H612923" s="12"/>
    </row>
    <row r="612924" spans="8:8">
      <c r="H612924" s="12"/>
    </row>
    <row r="612925" spans="8:8">
      <c r="H612925" s="12"/>
    </row>
    <row r="612926" spans="8:8">
      <c r="H612926" s="12"/>
    </row>
    <row r="612927" spans="8:8">
      <c r="H612927" s="12"/>
    </row>
    <row r="612928" spans="8:8">
      <c r="H612928" s="12"/>
    </row>
    <row r="612929" spans="8:8">
      <c r="H612929" s="12"/>
    </row>
    <row r="612930" spans="8:8">
      <c r="H612930" s="12"/>
    </row>
    <row r="612931" spans="8:8">
      <c r="H612931" s="12"/>
    </row>
    <row r="612932" spans="8:8">
      <c r="H612932" s="12"/>
    </row>
    <row r="612933" spans="8:8">
      <c r="H612933" s="12"/>
    </row>
    <row r="612934" spans="8:8">
      <c r="H612934" s="12"/>
    </row>
    <row r="612935" spans="8:8">
      <c r="H612935" s="12"/>
    </row>
    <row r="612936" spans="8:8">
      <c r="H612936" s="12"/>
    </row>
    <row r="612937" spans="8:8">
      <c r="H612937" s="12"/>
    </row>
    <row r="612938" spans="8:8">
      <c r="H612938" s="12"/>
    </row>
    <row r="612939" spans="8:8">
      <c r="H612939" s="12"/>
    </row>
    <row r="612940" spans="8:8">
      <c r="H612940" s="12"/>
    </row>
    <row r="612941" spans="8:8">
      <c r="H612941" s="12"/>
    </row>
    <row r="612942" spans="8:8">
      <c r="H612942" s="12"/>
    </row>
    <row r="612943" spans="8:8">
      <c r="H612943" s="12"/>
    </row>
    <row r="612944" spans="8:8">
      <c r="H612944" s="12"/>
    </row>
    <row r="612945" spans="8:8">
      <c r="H612945" s="12"/>
    </row>
    <row r="612946" spans="8:8">
      <c r="H612946" s="12"/>
    </row>
    <row r="612947" spans="8:8">
      <c r="H612947" s="12"/>
    </row>
    <row r="612948" spans="8:8">
      <c r="H612948" s="12"/>
    </row>
    <row r="612949" spans="8:8">
      <c r="H612949" s="12"/>
    </row>
    <row r="612950" spans="8:8">
      <c r="H612950" s="12"/>
    </row>
    <row r="612951" spans="8:8">
      <c r="H612951" s="12"/>
    </row>
    <row r="612952" spans="8:8">
      <c r="H612952" s="12"/>
    </row>
    <row r="612953" spans="8:8">
      <c r="H612953" s="12"/>
    </row>
    <row r="612954" spans="8:8">
      <c r="H612954" s="12"/>
    </row>
    <row r="612955" spans="8:8">
      <c r="H612955" s="12"/>
    </row>
    <row r="612956" spans="8:8">
      <c r="H612956" s="12"/>
    </row>
    <row r="612957" spans="8:8">
      <c r="H612957" s="12"/>
    </row>
    <row r="612958" spans="8:8">
      <c r="H612958" s="12"/>
    </row>
    <row r="612959" spans="8:8">
      <c r="H612959" s="12"/>
    </row>
    <row r="612960" spans="8:8">
      <c r="H612960" s="12"/>
    </row>
    <row r="612961" spans="8:8">
      <c r="H612961" s="12"/>
    </row>
    <row r="612962" spans="8:8">
      <c r="H612962" s="12"/>
    </row>
    <row r="612963" spans="8:8">
      <c r="H612963" s="12"/>
    </row>
    <row r="612964" spans="8:8">
      <c r="H612964" s="12"/>
    </row>
    <row r="612965" spans="8:8">
      <c r="H612965" s="12"/>
    </row>
    <row r="612966" spans="8:8">
      <c r="H612966" s="12"/>
    </row>
    <row r="612967" spans="8:8">
      <c r="H612967" s="12"/>
    </row>
    <row r="612968" spans="8:8">
      <c r="H612968" s="12"/>
    </row>
    <row r="612969" spans="8:8">
      <c r="H612969" s="12"/>
    </row>
    <row r="612970" spans="8:8">
      <c r="H612970" s="12"/>
    </row>
    <row r="612971" spans="8:8">
      <c r="H612971" s="12"/>
    </row>
    <row r="612972" spans="8:8">
      <c r="H612972" s="12"/>
    </row>
    <row r="612973" spans="8:8">
      <c r="H612973" s="12"/>
    </row>
    <row r="612974" spans="8:8">
      <c r="H612974" s="12"/>
    </row>
    <row r="612975" spans="8:8">
      <c r="H612975" s="12"/>
    </row>
    <row r="612976" spans="8:8">
      <c r="H612976" s="12"/>
    </row>
    <row r="612977" spans="8:8">
      <c r="H612977" s="12"/>
    </row>
    <row r="612978" spans="8:8">
      <c r="H612978" s="12"/>
    </row>
    <row r="612979" spans="8:8">
      <c r="H612979" s="12"/>
    </row>
    <row r="612980" spans="8:8">
      <c r="H612980" s="12"/>
    </row>
    <row r="612981" spans="8:8">
      <c r="H612981" s="12"/>
    </row>
    <row r="612982" spans="8:8">
      <c r="H612982" s="12"/>
    </row>
    <row r="612983" spans="8:8">
      <c r="H612983" s="12"/>
    </row>
    <row r="612984" spans="8:8">
      <c r="H612984" s="12"/>
    </row>
    <row r="612985" spans="8:8">
      <c r="H612985" s="12"/>
    </row>
    <row r="612986" spans="8:8">
      <c r="H612986" s="12"/>
    </row>
    <row r="612987" spans="8:8">
      <c r="H612987" s="12"/>
    </row>
    <row r="612988" spans="8:8">
      <c r="H612988" s="12"/>
    </row>
    <row r="612989" spans="8:8">
      <c r="H612989" s="12"/>
    </row>
    <row r="612990" spans="8:8">
      <c r="H612990" s="12"/>
    </row>
    <row r="612991" spans="8:8">
      <c r="H612991" s="12"/>
    </row>
    <row r="612992" spans="8:8">
      <c r="H612992" s="12"/>
    </row>
    <row r="612993" spans="8:8">
      <c r="H612993" s="12"/>
    </row>
    <row r="612994" spans="8:8">
      <c r="H612994" s="12"/>
    </row>
    <row r="612995" spans="8:8">
      <c r="H612995" s="12"/>
    </row>
    <row r="612996" spans="8:8">
      <c r="H612996" s="12"/>
    </row>
    <row r="612997" spans="8:8">
      <c r="H612997" s="12"/>
    </row>
    <row r="612998" spans="8:8">
      <c r="H612998" s="12"/>
    </row>
    <row r="612999" spans="8:8">
      <c r="H612999" s="12"/>
    </row>
    <row r="613000" spans="8:8">
      <c r="H613000" s="12"/>
    </row>
    <row r="613001" spans="8:8">
      <c r="H613001" s="12"/>
    </row>
    <row r="613002" spans="8:8">
      <c r="H613002" s="12"/>
    </row>
    <row r="613003" spans="8:8">
      <c r="H613003" s="12"/>
    </row>
    <row r="613004" spans="8:8">
      <c r="H613004" s="12"/>
    </row>
    <row r="613005" spans="8:8">
      <c r="H613005" s="12"/>
    </row>
    <row r="613006" spans="8:8">
      <c r="H613006" s="12"/>
    </row>
    <row r="613007" spans="8:8">
      <c r="H613007" s="12"/>
    </row>
    <row r="613008" spans="8:8">
      <c r="H613008" s="12"/>
    </row>
    <row r="613009" spans="8:8">
      <c r="H613009" s="12"/>
    </row>
    <row r="613010" spans="8:8">
      <c r="H613010" s="12"/>
    </row>
    <row r="613011" spans="8:8">
      <c r="H613011" s="12"/>
    </row>
    <row r="613012" spans="8:8">
      <c r="H613012" s="12"/>
    </row>
    <row r="613013" spans="8:8">
      <c r="H613013" s="12"/>
    </row>
    <row r="613014" spans="8:8">
      <c r="H613014" s="12"/>
    </row>
    <row r="613015" spans="8:8">
      <c r="H613015" s="12"/>
    </row>
    <row r="613016" spans="8:8">
      <c r="H613016" s="12"/>
    </row>
    <row r="613017" spans="8:8">
      <c r="H613017" s="12"/>
    </row>
    <row r="613018" spans="8:8">
      <c r="H613018" s="12"/>
    </row>
    <row r="613019" spans="8:8">
      <c r="H613019" s="12"/>
    </row>
    <row r="613020" spans="8:8">
      <c r="H613020" s="12"/>
    </row>
    <row r="613021" spans="8:8">
      <c r="H613021" s="12"/>
    </row>
    <row r="613022" spans="8:8">
      <c r="H613022" s="12"/>
    </row>
    <row r="613023" spans="8:8">
      <c r="H613023" s="12"/>
    </row>
    <row r="613024" spans="8:8">
      <c r="H613024" s="12"/>
    </row>
    <row r="613025" spans="8:8">
      <c r="H613025" s="12"/>
    </row>
    <row r="613026" spans="8:8">
      <c r="H613026" s="12"/>
    </row>
    <row r="613027" spans="8:8">
      <c r="H613027" s="12"/>
    </row>
    <row r="613028" spans="8:8">
      <c r="H613028" s="12"/>
    </row>
    <row r="613029" spans="8:8">
      <c r="H613029" s="12"/>
    </row>
    <row r="613030" spans="8:8">
      <c r="H613030" s="12"/>
    </row>
    <row r="613031" spans="8:8">
      <c r="H613031" s="12"/>
    </row>
    <row r="613032" spans="8:8">
      <c r="H613032" s="12"/>
    </row>
    <row r="613033" spans="8:8">
      <c r="H613033" s="12"/>
    </row>
    <row r="613034" spans="8:8">
      <c r="H613034" s="12"/>
    </row>
    <row r="613035" spans="8:8">
      <c r="H613035" s="12"/>
    </row>
    <row r="613036" spans="8:8">
      <c r="H613036" s="12"/>
    </row>
    <row r="613037" spans="8:8">
      <c r="H613037" s="12"/>
    </row>
    <row r="613038" spans="8:8">
      <c r="H613038" s="12"/>
    </row>
    <row r="613039" spans="8:8">
      <c r="H613039" s="12"/>
    </row>
    <row r="613040" spans="8:8">
      <c r="H613040" s="12"/>
    </row>
    <row r="613041" spans="8:8">
      <c r="H613041" s="12"/>
    </row>
    <row r="613042" spans="8:8">
      <c r="H613042" s="12"/>
    </row>
    <row r="613043" spans="8:8">
      <c r="H613043" s="12"/>
    </row>
    <row r="613044" spans="8:8">
      <c r="H613044" s="12"/>
    </row>
    <row r="613045" spans="8:8">
      <c r="H613045" s="12"/>
    </row>
    <row r="613046" spans="8:8">
      <c r="H613046" s="12"/>
    </row>
    <row r="613047" spans="8:8">
      <c r="H613047" s="12"/>
    </row>
    <row r="613048" spans="8:8">
      <c r="H613048" s="12"/>
    </row>
    <row r="613049" spans="8:8">
      <c r="H613049" s="12"/>
    </row>
    <row r="613050" spans="8:8">
      <c r="H613050" s="12"/>
    </row>
    <row r="613051" spans="8:8">
      <c r="H613051" s="12"/>
    </row>
    <row r="613052" spans="8:8">
      <c r="H613052" s="12"/>
    </row>
    <row r="613053" spans="8:8">
      <c r="H613053" s="12"/>
    </row>
    <row r="613054" spans="8:8">
      <c r="H613054" s="12"/>
    </row>
    <row r="613055" spans="8:8">
      <c r="H613055" s="12"/>
    </row>
    <row r="613056" spans="8:8">
      <c r="H613056" s="12"/>
    </row>
    <row r="613057" spans="8:8">
      <c r="H613057" s="12"/>
    </row>
    <row r="613058" spans="8:8">
      <c r="H613058" s="12"/>
    </row>
    <row r="613059" spans="8:8">
      <c r="H613059" s="12"/>
    </row>
    <row r="613060" spans="8:8">
      <c r="H613060" s="12"/>
    </row>
    <row r="613061" spans="8:8">
      <c r="H613061" s="12"/>
    </row>
    <row r="613062" spans="8:8">
      <c r="H613062" s="12"/>
    </row>
    <row r="613063" spans="8:8">
      <c r="H613063" s="12"/>
    </row>
    <row r="613064" spans="8:8">
      <c r="H613064" s="12"/>
    </row>
    <row r="613065" spans="8:8">
      <c r="H613065" s="12"/>
    </row>
    <row r="613066" spans="8:8">
      <c r="H613066" s="12"/>
    </row>
    <row r="613067" spans="8:8">
      <c r="H613067" s="12"/>
    </row>
    <row r="613068" spans="8:8">
      <c r="H613068" s="12"/>
    </row>
    <row r="613069" spans="8:8">
      <c r="H613069" s="12"/>
    </row>
    <row r="613070" spans="8:8">
      <c r="H613070" s="12"/>
    </row>
    <row r="613071" spans="8:8">
      <c r="H613071" s="12"/>
    </row>
    <row r="613072" spans="8:8">
      <c r="H613072" s="12"/>
    </row>
    <row r="613073" spans="8:8">
      <c r="H613073" s="12"/>
    </row>
    <row r="613074" spans="8:8">
      <c r="H613074" s="12"/>
    </row>
    <row r="613075" spans="8:8">
      <c r="H613075" s="12"/>
    </row>
    <row r="613076" spans="8:8">
      <c r="H613076" s="12"/>
    </row>
    <row r="613077" spans="8:8">
      <c r="H613077" s="12"/>
    </row>
    <row r="613078" spans="8:8">
      <c r="H613078" s="12"/>
    </row>
    <row r="613079" spans="8:8">
      <c r="H613079" s="12"/>
    </row>
    <row r="613080" spans="8:8">
      <c r="H613080" s="12"/>
    </row>
    <row r="613081" spans="8:8">
      <c r="H613081" s="12"/>
    </row>
    <row r="613082" spans="8:8">
      <c r="H613082" s="12"/>
    </row>
    <row r="613083" spans="8:8">
      <c r="H613083" s="12"/>
    </row>
    <row r="613084" spans="8:8">
      <c r="H613084" s="12"/>
    </row>
    <row r="613085" spans="8:8">
      <c r="H613085" s="12"/>
    </row>
    <row r="613086" spans="8:8">
      <c r="H613086" s="12"/>
    </row>
    <row r="613087" spans="8:8">
      <c r="H613087" s="12"/>
    </row>
    <row r="613088" spans="8:8">
      <c r="H613088" s="12"/>
    </row>
    <row r="613089" spans="8:8">
      <c r="H613089" s="12"/>
    </row>
    <row r="613090" spans="8:8">
      <c r="H613090" s="12"/>
    </row>
    <row r="613091" spans="8:8">
      <c r="H613091" s="12"/>
    </row>
    <row r="613092" spans="8:8">
      <c r="H613092" s="12"/>
    </row>
    <row r="613093" spans="8:8">
      <c r="H613093" s="12"/>
    </row>
    <row r="613094" spans="8:8">
      <c r="H613094" s="12"/>
    </row>
    <row r="613095" spans="8:8">
      <c r="H613095" s="12"/>
    </row>
    <row r="613096" spans="8:8">
      <c r="H613096" s="12"/>
    </row>
    <row r="613097" spans="8:8">
      <c r="H613097" s="12"/>
    </row>
    <row r="613098" spans="8:8">
      <c r="H613098" s="12"/>
    </row>
    <row r="613099" spans="8:8">
      <c r="H613099" s="12"/>
    </row>
    <row r="613100" spans="8:8">
      <c r="H613100" s="12"/>
    </row>
    <row r="613101" spans="8:8">
      <c r="H613101" s="12"/>
    </row>
    <row r="613102" spans="8:8">
      <c r="H613102" s="12"/>
    </row>
    <row r="613103" spans="8:8">
      <c r="H613103" s="12"/>
    </row>
    <row r="613104" spans="8:8">
      <c r="H613104" s="12"/>
    </row>
    <row r="613105" spans="8:8">
      <c r="H613105" s="12"/>
    </row>
    <row r="613106" spans="8:8">
      <c r="H613106" s="12"/>
    </row>
    <row r="613107" spans="8:8">
      <c r="H613107" s="12"/>
    </row>
    <row r="613108" spans="8:8">
      <c r="H613108" s="12"/>
    </row>
    <row r="613109" spans="8:8">
      <c r="H613109" s="12"/>
    </row>
    <row r="613110" spans="8:8">
      <c r="H613110" s="12"/>
    </row>
    <row r="613111" spans="8:8">
      <c r="H613111" s="12"/>
    </row>
    <row r="613112" spans="8:8">
      <c r="H613112" s="12"/>
    </row>
    <row r="613113" spans="8:8">
      <c r="H613113" s="12"/>
    </row>
    <row r="613114" spans="8:8">
      <c r="H613114" s="12"/>
    </row>
    <row r="613115" spans="8:8">
      <c r="H613115" s="12"/>
    </row>
    <row r="613116" spans="8:8">
      <c r="H613116" s="12"/>
    </row>
    <row r="613117" spans="8:8">
      <c r="H613117" s="12"/>
    </row>
    <row r="613118" spans="8:8">
      <c r="H613118" s="12"/>
    </row>
    <row r="613119" spans="8:8">
      <c r="H613119" s="12"/>
    </row>
    <row r="613120" spans="8:8">
      <c r="H613120" s="12"/>
    </row>
    <row r="613121" spans="8:8">
      <c r="H613121" s="12"/>
    </row>
    <row r="613122" spans="8:8">
      <c r="H613122" s="12"/>
    </row>
    <row r="613123" spans="8:8">
      <c r="H613123" s="12"/>
    </row>
    <row r="613124" spans="8:8">
      <c r="H613124" s="12"/>
    </row>
    <row r="613125" spans="8:8">
      <c r="H613125" s="12"/>
    </row>
    <row r="613126" spans="8:8">
      <c r="H613126" s="12"/>
    </row>
    <row r="613127" spans="8:8">
      <c r="H613127" s="12"/>
    </row>
    <row r="613128" spans="8:8">
      <c r="H613128" s="12"/>
    </row>
    <row r="613129" spans="8:8">
      <c r="H613129" s="12"/>
    </row>
    <row r="613130" spans="8:8">
      <c r="H613130" s="12"/>
    </row>
    <row r="613131" spans="8:8">
      <c r="H613131" s="12"/>
    </row>
    <row r="613132" spans="8:8">
      <c r="H613132" s="12"/>
    </row>
    <row r="613133" spans="8:8">
      <c r="H613133" s="12"/>
    </row>
    <row r="613134" spans="8:8">
      <c r="H613134" s="12"/>
    </row>
    <row r="613135" spans="8:8">
      <c r="H613135" s="12"/>
    </row>
    <row r="613136" spans="8:8">
      <c r="H613136" s="12"/>
    </row>
    <row r="613137" spans="8:8">
      <c r="H613137" s="12"/>
    </row>
    <row r="613138" spans="8:8">
      <c r="H613138" s="12"/>
    </row>
    <row r="613139" spans="8:8">
      <c r="H613139" s="12"/>
    </row>
    <row r="613140" spans="8:8">
      <c r="H613140" s="12"/>
    </row>
    <row r="613141" spans="8:8">
      <c r="H613141" s="12"/>
    </row>
    <row r="613142" spans="8:8">
      <c r="H613142" s="12"/>
    </row>
    <row r="613143" spans="8:8">
      <c r="H613143" s="12"/>
    </row>
    <row r="613144" spans="8:8">
      <c r="H613144" s="12"/>
    </row>
    <row r="613145" spans="8:8">
      <c r="H613145" s="12"/>
    </row>
    <row r="613146" spans="8:8">
      <c r="H613146" s="12"/>
    </row>
    <row r="613147" spans="8:8">
      <c r="H613147" s="12"/>
    </row>
    <row r="613148" spans="8:8">
      <c r="H613148" s="12"/>
    </row>
    <row r="613149" spans="8:8">
      <c r="H613149" s="12"/>
    </row>
    <row r="613150" spans="8:8">
      <c r="H613150" s="12"/>
    </row>
    <row r="613151" spans="8:8">
      <c r="H613151" s="12"/>
    </row>
    <row r="613152" spans="8:8">
      <c r="H613152" s="12"/>
    </row>
    <row r="613153" spans="8:8">
      <c r="H613153" s="12"/>
    </row>
    <row r="613154" spans="8:8">
      <c r="H613154" s="12"/>
    </row>
    <row r="613155" spans="8:8">
      <c r="H613155" s="12"/>
    </row>
    <row r="613156" spans="8:8">
      <c r="H613156" s="12"/>
    </row>
    <row r="613157" spans="8:8">
      <c r="H613157" s="12"/>
    </row>
    <row r="613158" spans="8:8">
      <c r="H613158" s="12"/>
    </row>
    <row r="613159" spans="8:8">
      <c r="H613159" s="12"/>
    </row>
    <row r="613160" spans="8:8">
      <c r="H613160" s="12"/>
    </row>
    <row r="613161" spans="8:8">
      <c r="H613161" s="12"/>
    </row>
    <row r="613162" spans="8:8">
      <c r="H613162" s="12"/>
    </row>
    <row r="613163" spans="8:8">
      <c r="H613163" s="12"/>
    </row>
    <row r="613164" spans="8:8">
      <c r="H613164" s="12"/>
    </row>
    <row r="613165" spans="8:8">
      <c r="H613165" s="12"/>
    </row>
    <row r="613166" spans="8:8">
      <c r="H613166" s="12"/>
    </row>
    <row r="613167" spans="8:8">
      <c r="H613167" s="12"/>
    </row>
    <row r="613168" spans="8:8">
      <c r="H613168" s="12"/>
    </row>
    <row r="613169" spans="8:8">
      <c r="H613169" s="12"/>
    </row>
    <row r="613170" spans="8:8">
      <c r="H613170" s="12"/>
    </row>
    <row r="613171" spans="8:8">
      <c r="H613171" s="12"/>
    </row>
    <row r="613172" spans="8:8">
      <c r="H613172" s="12"/>
    </row>
    <row r="613173" spans="8:8">
      <c r="H613173" s="12"/>
    </row>
    <row r="613174" spans="8:8">
      <c r="H613174" s="12"/>
    </row>
    <row r="613175" spans="8:8">
      <c r="H613175" s="12"/>
    </row>
    <row r="613176" spans="8:8">
      <c r="H613176" s="12"/>
    </row>
    <row r="613177" spans="8:8">
      <c r="H613177" s="12"/>
    </row>
    <row r="613178" spans="8:8">
      <c r="H613178" s="12"/>
    </row>
    <row r="613179" spans="8:8">
      <c r="H613179" s="12"/>
    </row>
    <row r="613180" spans="8:8">
      <c r="H613180" s="12"/>
    </row>
    <row r="613181" spans="8:8">
      <c r="H613181" s="12"/>
    </row>
    <row r="613182" spans="8:8">
      <c r="H613182" s="12"/>
    </row>
    <row r="613183" spans="8:8">
      <c r="H613183" s="12"/>
    </row>
    <row r="613184" spans="8:8">
      <c r="H613184" s="12"/>
    </row>
    <row r="613185" spans="8:8">
      <c r="H613185" s="12"/>
    </row>
    <row r="613186" spans="8:8">
      <c r="H613186" s="12"/>
    </row>
    <row r="613187" spans="8:8">
      <c r="H613187" s="12"/>
    </row>
    <row r="613188" spans="8:8">
      <c r="H613188" s="12"/>
    </row>
    <row r="613189" spans="8:8">
      <c r="H613189" s="12"/>
    </row>
    <row r="613190" spans="8:8">
      <c r="H613190" s="12"/>
    </row>
    <row r="613191" spans="8:8">
      <c r="H613191" s="12"/>
    </row>
    <row r="613192" spans="8:8">
      <c r="H613192" s="12"/>
    </row>
    <row r="613193" spans="8:8">
      <c r="H613193" s="12"/>
    </row>
    <row r="613194" spans="8:8">
      <c r="H613194" s="12"/>
    </row>
    <row r="613195" spans="8:8">
      <c r="H613195" s="12"/>
    </row>
    <row r="613196" spans="8:8">
      <c r="H613196" s="12"/>
    </row>
    <row r="613197" spans="8:8">
      <c r="H613197" s="12"/>
    </row>
    <row r="613198" spans="8:8">
      <c r="H613198" s="12"/>
    </row>
    <row r="613199" spans="8:8">
      <c r="H613199" s="12"/>
    </row>
    <row r="613200" spans="8:8">
      <c r="H613200" s="12"/>
    </row>
    <row r="613201" spans="8:8">
      <c r="H613201" s="12"/>
    </row>
    <row r="613202" spans="8:8">
      <c r="H613202" s="12"/>
    </row>
    <row r="613203" spans="8:8">
      <c r="H613203" s="12"/>
    </row>
    <row r="613204" spans="8:8">
      <c r="H613204" s="12"/>
    </row>
    <row r="613205" spans="8:8">
      <c r="H613205" s="12"/>
    </row>
    <row r="613206" spans="8:8">
      <c r="H613206" s="12"/>
    </row>
    <row r="613207" spans="8:8">
      <c r="H613207" s="12"/>
    </row>
    <row r="613208" spans="8:8">
      <c r="H613208" s="12"/>
    </row>
    <row r="613209" spans="8:8">
      <c r="H613209" s="12"/>
    </row>
    <row r="613210" spans="8:8">
      <c r="H613210" s="12"/>
    </row>
    <row r="613211" spans="8:8">
      <c r="H613211" s="12"/>
    </row>
    <row r="613212" spans="8:8">
      <c r="H613212" s="12"/>
    </row>
    <row r="613213" spans="8:8">
      <c r="H613213" s="12"/>
    </row>
    <row r="613214" spans="8:8">
      <c r="H613214" s="12"/>
    </row>
    <row r="613215" spans="8:8">
      <c r="H613215" s="12"/>
    </row>
    <row r="613216" spans="8:8">
      <c r="H613216" s="12"/>
    </row>
    <row r="613217" spans="8:8">
      <c r="H613217" s="12"/>
    </row>
    <row r="613218" spans="8:8">
      <c r="H613218" s="12"/>
    </row>
    <row r="613219" spans="8:8">
      <c r="H613219" s="12"/>
    </row>
    <row r="613220" spans="8:8">
      <c r="H613220" s="12"/>
    </row>
    <row r="613221" spans="8:8">
      <c r="H613221" s="12"/>
    </row>
    <row r="613222" spans="8:8">
      <c r="H613222" s="12"/>
    </row>
    <row r="613223" spans="8:8">
      <c r="H613223" s="12"/>
    </row>
    <row r="613224" spans="8:8">
      <c r="H613224" s="12"/>
    </row>
    <row r="613225" spans="8:8">
      <c r="H613225" s="12"/>
    </row>
    <row r="613226" spans="8:8">
      <c r="H613226" s="12"/>
    </row>
    <row r="613227" spans="8:8">
      <c r="H613227" s="12"/>
    </row>
    <row r="613228" spans="8:8">
      <c r="H613228" s="12"/>
    </row>
    <row r="613229" spans="8:8">
      <c r="H613229" s="12"/>
    </row>
    <row r="613230" spans="8:8">
      <c r="H613230" s="12"/>
    </row>
    <row r="613231" spans="8:8">
      <c r="H613231" s="12"/>
    </row>
    <row r="613232" spans="8:8">
      <c r="H613232" s="12"/>
    </row>
    <row r="613233" spans="8:8">
      <c r="H613233" s="12"/>
    </row>
    <row r="613234" spans="8:8">
      <c r="H613234" s="12"/>
    </row>
    <row r="613235" spans="8:8">
      <c r="H613235" s="12"/>
    </row>
    <row r="613236" spans="8:8">
      <c r="H613236" s="12"/>
    </row>
    <row r="613237" spans="8:8">
      <c r="H613237" s="12"/>
    </row>
    <row r="613238" spans="8:8">
      <c r="H613238" s="12"/>
    </row>
    <row r="613239" spans="8:8">
      <c r="H613239" s="12"/>
    </row>
    <row r="613240" spans="8:8">
      <c r="H613240" s="12"/>
    </row>
    <row r="613241" spans="8:8">
      <c r="H613241" s="12"/>
    </row>
    <row r="613242" spans="8:8">
      <c r="H613242" s="12"/>
    </row>
    <row r="613243" spans="8:8">
      <c r="H613243" s="12"/>
    </row>
    <row r="613244" spans="8:8">
      <c r="H613244" s="12"/>
    </row>
    <row r="613245" spans="8:8">
      <c r="H613245" s="12"/>
    </row>
    <row r="613246" spans="8:8">
      <c r="H613246" s="12"/>
    </row>
    <row r="613247" spans="8:8">
      <c r="H613247" s="12"/>
    </row>
    <row r="613248" spans="8:8">
      <c r="H613248" s="12"/>
    </row>
    <row r="613249" spans="8:8">
      <c r="H613249" s="12"/>
    </row>
    <row r="613250" spans="8:8">
      <c r="H613250" s="12"/>
    </row>
    <row r="613251" spans="8:8">
      <c r="H613251" s="12"/>
    </row>
    <row r="613252" spans="8:8">
      <c r="H613252" s="12"/>
    </row>
    <row r="613253" spans="8:8">
      <c r="H613253" s="12"/>
    </row>
    <row r="613254" spans="8:8">
      <c r="H613254" s="12"/>
    </row>
    <row r="613255" spans="8:8">
      <c r="H613255" s="12"/>
    </row>
    <row r="613256" spans="8:8">
      <c r="H613256" s="12"/>
    </row>
    <row r="613257" spans="8:8">
      <c r="H613257" s="12"/>
    </row>
    <row r="613258" spans="8:8">
      <c r="H613258" s="12"/>
    </row>
    <row r="613259" spans="8:8">
      <c r="H613259" s="12"/>
    </row>
    <row r="613260" spans="8:8">
      <c r="H613260" s="12"/>
    </row>
    <row r="613261" spans="8:8">
      <c r="H613261" s="12"/>
    </row>
    <row r="613262" spans="8:8">
      <c r="H613262" s="12"/>
    </row>
    <row r="613263" spans="8:8">
      <c r="H613263" s="12"/>
    </row>
    <row r="613264" spans="8:8">
      <c r="H613264" s="12"/>
    </row>
    <row r="613265" spans="8:8">
      <c r="H613265" s="12"/>
    </row>
    <row r="613266" spans="8:8">
      <c r="H613266" s="12"/>
    </row>
    <row r="613267" spans="8:8">
      <c r="H613267" s="12"/>
    </row>
    <row r="613268" spans="8:8">
      <c r="H613268" s="12"/>
    </row>
    <row r="613269" spans="8:8">
      <c r="H613269" s="12"/>
    </row>
    <row r="613270" spans="8:8">
      <c r="H613270" s="12"/>
    </row>
    <row r="613271" spans="8:8">
      <c r="H613271" s="12"/>
    </row>
    <row r="613272" spans="8:8">
      <c r="H613272" s="12"/>
    </row>
    <row r="613273" spans="8:8">
      <c r="H613273" s="12"/>
    </row>
    <row r="613274" spans="8:8">
      <c r="H613274" s="12"/>
    </row>
    <row r="613275" spans="8:8">
      <c r="H613275" s="12"/>
    </row>
    <row r="613276" spans="8:8">
      <c r="H613276" s="12"/>
    </row>
    <row r="613277" spans="8:8">
      <c r="H613277" s="12"/>
    </row>
    <row r="613278" spans="8:8">
      <c r="H613278" s="12"/>
    </row>
    <row r="613279" spans="8:8">
      <c r="H613279" s="12"/>
    </row>
    <row r="613280" spans="8:8">
      <c r="H613280" s="12"/>
    </row>
    <row r="613281" spans="8:8">
      <c r="H613281" s="12"/>
    </row>
    <row r="613282" spans="8:8">
      <c r="H613282" s="12"/>
    </row>
    <row r="613283" spans="8:8">
      <c r="H613283" s="12"/>
    </row>
    <row r="613284" spans="8:8">
      <c r="H613284" s="12"/>
    </row>
    <row r="613285" spans="8:8">
      <c r="H613285" s="12"/>
    </row>
    <row r="613286" spans="8:8">
      <c r="H613286" s="12"/>
    </row>
    <row r="613287" spans="8:8">
      <c r="H613287" s="12"/>
    </row>
    <row r="613288" spans="8:8">
      <c r="H613288" s="12"/>
    </row>
    <row r="613289" spans="8:8">
      <c r="H613289" s="12"/>
    </row>
    <row r="613290" spans="8:8">
      <c r="H613290" s="12"/>
    </row>
    <row r="613291" spans="8:8">
      <c r="H613291" s="12"/>
    </row>
    <row r="613292" spans="8:8">
      <c r="H613292" s="12"/>
    </row>
    <row r="613293" spans="8:8">
      <c r="H613293" s="12"/>
    </row>
    <row r="613294" spans="8:8">
      <c r="H613294" s="12"/>
    </row>
    <row r="613295" spans="8:8">
      <c r="H613295" s="12"/>
    </row>
    <row r="613296" spans="8:8">
      <c r="H613296" s="12"/>
    </row>
    <row r="613297" spans="8:8">
      <c r="H613297" s="12"/>
    </row>
    <row r="613298" spans="8:8">
      <c r="H613298" s="12"/>
    </row>
    <row r="613299" spans="8:8">
      <c r="H613299" s="12"/>
    </row>
    <row r="613300" spans="8:8">
      <c r="H613300" s="12"/>
    </row>
    <row r="613301" spans="8:8">
      <c r="H613301" s="12"/>
    </row>
    <row r="613302" spans="8:8">
      <c r="H613302" s="12"/>
    </row>
    <row r="613303" spans="8:8">
      <c r="H613303" s="12"/>
    </row>
    <row r="613304" spans="8:8">
      <c r="H613304" s="12"/>
    </row>
    <row r="613305" spans="8:8">
      <c r="H613305" s="12"/>
    </row>
    <row r="613306" spans="8:8">
      <c r="H613306" s="12"/>
    </row>
    <row r="613307" spans="8:8">
      <c r="H613307" s="12"/>
    </row>
    <row r="613308" spans="8:8">
      <c r="H613308" s="12"/>
    </row>
    <row r="613309" spans="8:8">
      <c r="H613309" s="12"/>
    </row>
    <row r="613310" spans="8:8">
      <c r="H613310" s="12"/>
    </row>
    <row r="613311" spans="8:8">
      <c r="H613311" s="12"/>
    </row>
    <row r="613312" spans="8:8">
      <c r="H613312" s="12"/>
    </row>
    <row r="613313" spans="8:8">
      <c r="H613313" s="12"/>
    </row>
    <row r="613314" spans="8:8">
      <c r="H613314" s="12"/>
    </row>
    <row r="613315" spans="8:8">
      <c r="H613315" s="12"/>
    </row>
    <row r="613316" spans="8:8">
      <c r="H613316" s="12"/>
    </row>
    <row r="613317" spans="8:8">
      <c r="H613317" s="12"/>
    </row>
    <row r="613318" spans="8:8">
      <c r="H613318" s="12"/>
    </row>
    <row r="613319" spans="8:8">
      <c r="H613319" s="12"/>
    </row>
    <row r="613320" spans="8:8">
      <c r="H613320" s="12"/>
    </row>
    <row r="613321" spans="8:8">
      <c r="H613321" s="12"/>
    </row>
    <row r="613322" spans="8:8">
      <c r="H613322" s="12"/>
    </row>
    <row r="613323" spans="8:8">
      <c r="H613323" s="12"/>
    </row>
    <row r="613324" spans="8:8">
      <c r="H613324" s="12"/>
    </row>
    <row r="613325" spans="8:8">
      <c r="H613325" s="12"/>
    </row>
    <row r="613326" spans="8:8">
      <c r="H613326" s="12"/>
    </row>
    <row r="613327" spans="8:8">
      <c r="H613327" s="12"/>
    </row>
    <row r="613328" spans="8:8">
      <c r="H613328" s="12"/>
    </row>
    <row r="613329" spans="8:8">
      <c r="H613329" s="12"/>
    </row>
    <row r="613330" spans="8:8">
      <c r="H613330" s="12"/>
    </row>
    <row r="613331" spans="8:8">
      <c r="H613331" s="12"/>
    </row>
    <row r="613332" spans="8:8">
      <c r="H613332" s="12"/>
    </row>
    <row r="613333" spans="8:8">
      <c r="H613333" s="12"/>
    </row>
    <row r="613334" spans="8:8">
      <c r="H613334" s="12"/>
    </row>
    <row r="613335" spans="8:8">
      <c r="H613335" s="12"/>
    </row>
    <row r="613336" spans="8:8">
      <c r="H613336" s="12"/>
    </row>
    <row r="613337" spans="8:8">
      <c r="H613337" s="12"/>
    </row>
    <row r="613338" spans="8:8">
      <c r="H613338" s="12"/>
    </row>
    <row r="613339" spans="8:8">
      <c r="H613339" s="12"/>
    </row>
    <row r="613340" spans="8:8">
      <c r="H613340" s="12"/>
    </row>
    <row r="613341" spans="8:8">
      <c r="H613341" s="12"/>
    </row>
    <row r="613342" spans="8:8">
      <c r="H613342" s="12"/>
    </row>
    <row r="613343" spans="8:8">
      <c r="H613343" s="12"/>
    </row>
    <row r="613344" spans="8:8">
      <c r="H613344" s="12"/>
    </row>
    <row r="613345" spans="8:8">
      <c r="H613345" s="12"/>
    </row>
    <row r="613346" spans="8:8">
      <c r="H613346" s="12"/>
    </row>
    <row r="613347" spans="8:8">
      <c r="H613347" s="12"/>
    </row>
    <row r="613348" spans="8:8">
      <c r="H613348" s="12"/>
    </row>
    <row r="613349" spans="8:8">
      <c r="H613349" s="12"/>
    </row>
    <row r="613350" spans="8:8">
      <c r="H613350" s="12"/>
    </row>
    <row r="613351" spans="8:8">
      <c r="H613351" s="12"/>
    </row>
    <row r="613352" spans="8:8">
      <c r="H613352" s="12"/>
    </row>
    <row r="613353" spans="8:8">
      <c r="H613353" s="12"/>
    </row>
    <row r="613354" spans="8:8">
      <c r="H613354" s="12"/>
    </row>
    <row r="613355" spans="8:8">
      <c r="H613355" s="12"/>
    </row>
    <row r="613356" spans="8:8">
      <c r="H613356" s="12"/>
    </row>
    <row r="613357" spans="8:8">
      <c r="H613357" s="12"/>
    </row>
    <row r="613358" spans="8:8">
      <c r="H613358" s="12"/>
    </row>
    <row r="613359" spans="8:8">
      <c r="H613359" s="12"/>
    </row>
    <row r="613360" spans="8:8">
      <c r="H613360" s="12"/>
    </row>
    <row r="613361" spans="8:8">
      <c r="H613361" s="12"/>
    </row>
    <row r="613362" spans="8:8">
      <c r="H613362" s="12"/>
    </row>
    <row r="613363" spans="8:8">
      <c r="H613363" s="12"/>
    </row>
    <row r="613364" spans="8:8">
      <c r="H613364" s="12"/>
    </row>
    <row r="613365" spans="8:8">
      <c r="H613365" s="12"/>
    </row>
    <row r="613366" spans="8:8">
      <c r="H613366" s="12"/>
    </row>
    <row r="613367" spans="8:8">
      <c r="H613367" s="12"/>
    </row>
    <row r="613368" spans="8:8">
      <c r="H613368" s="12"/>
    </row>
    <row r="613369" spans="8:8">
      <c r="H613369" s="12"/>
    </row>
    <row r="613370" spans="8:8">
      <c r="H613370" s="12"/>
    </row>
    <row r="613371" spans="8:8">
      <c r="H613371" s="12"/>
    </row>
    <row r="613372" spans="8:8">
      <c r="H613372" s="12"/>
    </row>
    <row r="613373" spans="8:8">
      <c r="H613373" s="12"/>
    </row>
    <row r="613374" spans="8:8">
      <c r="H613374" s="12"/>
    </row>
    <row r="613375" spans="8:8">
      <c r="H613375" s="12"/>
    </row>
    <row r="613376" spans="8:8">
      <c r="H613376" s="12"/>
    </row>
    <row r="613377" spans="8:8">
      <c r="H613377" s="12"/>
    </row>
    <row r="613378" spans="8:8">
      <c r="H613378" s="12"/>
    </row>
    <row r="613379" spans="8:8">
      <c r="H613379" s="12"/>
    </row>
    <row r="613380" spans="8:8">
      <c r="H613380" s="12"/>
    </row>
    <row r="613381" spans="8:8">
      <c r="H613381" s="12"/>
    </row>
    <row r="613382" spans="8:8">
      <c r="H613382" s="12"/>
    </row>
    <row r="613383" spans="8:8">
      <c r="H613383" s="12"/>
    </row>
    <row r="613384" spans="8:8">
      <c r="H613384" s="12"/>
    </row>
    <row r="613385" spans="8:8">
      <c r="H613385" s="12"/>
    </row>
    <row r="613386" spans="8:8">
      <c r="H613386" s="12"/>
    </row>
    <row r="613387" spans="8:8">
      <c r="H613387" s="12"/>
    </row>
    <row r="613388" spans="8:8">
      <c r="H613388" s="12"/>
    </row>
    <row r="613389" spans="8:8">
      <c r="H613389" s="12"/>
    </row>
    <row r="613390" spans="8:8">
      <c r="H613390" s="12"/>
    </row>
    <row r="613391" spans="8:8">
      <c r="H613391" s="12"/>
    </row>
    <row r="613392" spans="8:8">
      <c r="H613392" s="12"/>
    </row>
    <row r="613393" spans="8:8">
      <c r="H613393" s="12"/>
    </row>
    <row r="613394" spans="8:8">
      <c r="H613394" s="12"/>
    </row>
    <row r="613395" spans="8:8">
      <c r="H613395" s="12"/>
    </row>
    <row r="613396" spans="8:8">
      <c r="H613396" s="12"/>
    </row>
    <row r="613397" spans="8:8">
      <c r="H613397" s="12"/>
    </row>
    <row r="613398" spans="8:8">
      <c r="H613398" s="12"/>
    </row>
    <row r="613399" spans="8:8">
      <c r="H613399" s="12"/>
    </row>
    <row r="613400" spans="8:8">
      <c r="H613400" s="12"/>
    </row>
    <row r="613401" spans="8:8">
      <c r="H613401" s="12"/>
    </row>
    <row r="613402" spans="8:8">
      <c r="H613402" s="12"/>
    </row>
    <row r="613403" spans="8:8">
      <c r="H613403" s="12"/>
    </row>
    <row r="613404" spans="8:8">
      <c r="H613404" s="12"/>
    </row>
    <row r="613405" spans="8:8">
      <c r="H613405" s="12"/>
    </row>
    <row r="613406" spans="8:8">
      <c r="H613406" s="12"/>
    </row>
    <row r="613407" spans="8:8">
      <c r="H613407" s="12"/>
    </row>
    <row r="613408" spans="8:8">
      <c r="H613408" s="12"/>
    </row>
    <row r="613409" spans="8:8">
      <c r="H613409" s="12"/>
    </row>
    <row r="613410" spans="8:8">
      <c r="H613410" s="12"/>
    </row>
    <row r="613411" spans="8:8">
      <c r="H613411" s="12"/>
    </row>
    <row r="613412" spans="8:8">
      <c r="H613412" s="12"/>
    </row>
    <row r="613413" spans="8:8">
      <c r="H613413" s="12"/>
    </row>
    <row r="613414" spans="8:8">
      <c r="H613414" s="12"/>
    </row>
    <row r="613415" spans="8:8">
      <c r="H613415" s="12"/>
    </row>
    <row r="613416" spans="8:8">
      <c r="H613416" s="12"/>
    </row>
    <row r="613417" spans="8:8">
      <c r="H613417" s="12"/>
    </row>
    <row r="613418" spans="8:8">
      <c r="H613418" s="12"/>
    </row>
    <row r="613419" spans="8:8">
      <c r="H613419" s="12"/>
    </row>
    <row r="613420" spans="8:8">
      <c r="H613420" s="12"/>
    </row>
    <row r="613421" spans="8:8">
      <c r="H613421" s="12"/>
    </row>
    <row r="613422" spans="8:8">
      <c r="H613422" s="12"/>
    </row>
    <row r="613423" spans="8:8">
      <c r="H613423" s="12"/>
    </row>
    <row r="613424" spans="8:8">
      <c r="H613424" s="12"/>
    </row>
    <row r="613425" spans="8:8">
      <c r="H613425" s="12"/>
    </row>
    <row r="613426" spans="8:8">
      <c r="H613426" s="12"/>
    </row>
    <row r="613427" spans="8:8">
      <c r="H613427" s="12"/>
    </row>
    <row r="613428" spans="8:8">
      <c r="H613428" s="12"/>
    </row>
    <row r="613429" spans="8:8">
      <c r="H613429" s="12"/>
    </row>
    <row r="613430" spans="8:8">
      <c r="H613430" s="12"/>
    </row>
    <row r="613431" spans="8:8">
      <c r="H613431" s="12"/>
    </row>
    <row r="613432" spans="8:8">
      <c r="H613432" s="12"/>
    </row>
    <row r="613433" spans="8:8">
      <c r="H613433" s="12"/>
    </row>
    <row r="613434" spans="8:8">
      <c r="H613434" s="12"/>
    </row>
    <row r="613435" spans="8:8">
      <c r="H613435" s="12"/>
    </row>
    <row r="613436" spans="8:8">
      <c r="H613436" s="12"/>
    </row>
    <row r="613437" spans="8:8">
      <c r="H613437" s="12"/>
    </row>
    <row r="613438" spans="8:8">
      <c r="H613438" s="12"/>
    </row>
    <row r="613439" spans="8:8">
      <c r="H613439" s="12"/>
    </row>
    <row r="613440" spans="8:8">
      <c r="H613440" s="12"/>
    </row>
    <row r="613441" spans="8:8">
      <c r="H613441" s="12"/>
    </row>
    <row r="613442" spans="8:8">
      <c r="H613442" s="12"/>
    </row>
    <row r="613443" spans="8:8">
      <c r="H613443" s="12"/>
    </row>
    <row r="613444" spans="8:8">
      <c r="H613444" s="12"/>
    </row>
    <row r="613445" spans="8:8">
      <c r="H613445" s="12"/>
    </row>
    <row r="613446" spans="8:8">
      <c r="H613446" s="12"/>
    </row>
    <row r="613447" spans="8:8">
      <c r="H613447" s="12"/>
    </row>
    <row r="613448" spans="8:8">
      <c r="H613448" s="12"/>
    </row>
    <row r="613449" spans="8:8">
      <c r="H613449" s="12"/>
    </row>
    <row r="613450" spans="8:8">
      <c r="H613450" s="12"/>
    </row>
    <row r="613451" spans="8:8">
      <c r="H613451" s="12"/>
    </row>
    <row r="613452" spans="8:8">
      <c r="H613452" s="12"/>
    </row>
    <row r="613453" spans="8:8">
      <c r="H613453" s="12"/>
    </row>
    <row r="613454" spans="8:8">
      <c r="H613454" s="12"/>
    </row>
    <row r="613455" spans="8:8">
      <c r="H613455" s="12"/>
    </row>
    <row r="613456" spans="8:8">
      <c r="H613456" s="12"/>
    </row>
    <row r="613457" spans="8:8">
      <c r="H613457" s="12"/>
    </row>
    <row r="613458" spans="8:8">
      <c r="H613458" s="12"/>
    </row>
    <row r="613459" spans="8:8">
      <c r="H613459" s="12"/>
    </row>
    <row r="613460" spans="8:8">
      <c r="H613460" s="12"/>
    </row>
    <row r="613461" spans="8:8">
      <c r="H613461" s="12"/>
    </row>
    <row r="613462" spans="8:8">
      <c r="H613462" s="12"/>
    </row>
    <row r="613463" spans="8:8">
      <c r="H613463" s="12"/>
    </row>
    <row r="613464" spans="8:8">
      <c r="H613464" s="12"/>
    </row>
    <row r="613465" spans="8:8">
      <c r="H613465" s="12"/>
    </row>
    <row r="613466" spans="8:8">
      <c r="H613466" s="12"/>
    </row>
    <row r="613467" spans="8:8">
      <c r="H613467" s="12"/>
    </row>
    <row r="613468" spans="8:8">
      <c r="H613468" s="12"/>
    </row>
    <row r="613469" spans="8:8">
      <c r="H613469" s="12"/>
    </row>
    <row r="613470" spans="8:8">
      <c r="H613470" s="12"/>
    </row>
    <row r="613471" spans="8:8">
      <c r="H613471" s="12"/>
    </row>
    <row r="613472" spans="8:8">
      <c r="H613472" s="12"/>
    </row>
    <row r="613473" spans="8:8">
      <c r="H613473" s="12"/>
    </row>
    <row r="613474" spans="8:8">
      <c r="H613474" s="12"/>
    </row>
    <row r="613475" spans="8:8">
      <c r="H613475" s="12"/>
    </row>
    <row r="613476" spans="8:8">
      <c r="H613476" s="12"/>
    </row>
    <row r="613477" spans="8:8">
      <c r="H613477" s="12"/>
    </row>
    <row r="613478" spans="8:8">
      <c r="H613478" s="12"/>
    </row>
    <row r="613479" spans="8:8">
      <c r="H613479" s="12"/>
    </row>
    <row r="613480" spans="8:8">
      <c r="H613480" s="12"/>
    </row>
    <row r="613481" spans="8:8">
      <c r="H613481" s="12"/>
    </row>
    <row r="613482" spans="8:8">
      <c r="H613482" s="12"/>
    </row>
    <row r="613483" spans="8:8">
      <c r="H613483" s="12"/>
    </row>
    <row r="613484" spans="8:8">
      <c r="H613484" s="12"/>
    </row>
    <row r="613485" spans="8:8">
      <c r="H613485" s="12"/>
    </row>
    <row r="613486" spans="8:8">
      <c r="H613486" s="12"/>
    </row>
    <row r="613487" spans="8:8">
      <c r="H613487" s="12"/>
    </row>
    <row r="613488" spans="8:8">
      <c r="H613488" s="12"/>
    </row>
    <row r="613489" spans="8:8">
      <c r="H613489" s="12"/>
    </row>
    <row r="613490" spans="8:8">
      <c r="H613490" s="12"/>
    </row>
    <row r="613491" spans="8:8">
      <c r="H613491" s="12"/>
    </row>
    <row r="613492" spans="8:8">
      <c r="H613492" s="12"/>
    </row>
    <row r="613493" spans="8:8">
      <c r="H613493" s="12"/>
    </row>
    <row r="613494" spans="8:8">
      <c r="H613494" s="12"/>
    </row>
    <row r="613495" spans="8:8">
      <c r="H613495" s="12"/>
    </row>
    <row r="613496" spans="8:8">
      <c r="H613496" s="12"/>
    </row>
    <row r="613497" spans="8:8">
      <c r="H613497" s="12"/>
    </row>
    <row r="613498" spans="8:8">
      <c r="H613498" s="12"/>
    </row>
    <row r="613499" spans="8:8">
      <c r="H613499" s="12"/>
    </row>
    <row r="613500" spans="8:8">
      <c r="H613500" s="12"/>
    </row>
    <row r="613501" spans="8:8">
      <c r="H613501" s="12"/>
    </row>
    <row r="613502" spans="8:8">
      <c r="H613502" s="12"/>
    </row>
    <row r="613503" spans="8:8">
      <c r="H613503" s="12"/>
    </row>
    <row r="613504" spans="8:8">
      <c r="H613504" s="12"/>
    </row>
    <row r="613505" spans="8:8">
      <c r="H613505" s="12"/>
    </row>
    <row r="613506" spans="8:8">
      <c r="H613506" s="12"/>
    </row>
    <row r="613507" spans="8:8">
      <c r="H613507" s="12"/>
    </row>
    <row r="613508" spans="8:8">
      <c r="H613508" s="12"/>
    </row>
    <row r="613509" spans="8:8">
      <c r="H613509" s="12"/>
    </row>
    <row r="613510" spans="8:8">
      <c r="H613510" s="12"/>
    </row>
    <row r="613511" spans="8:8">
      <c r="H613511" s="12"/>
    </row>
    <row r="613512" spans="8:8">
      <c r="H613512" s="12"/>
    </row>
    <row r="613513" spans="8:8">
      <c r="H613513" s="12"/>
    </row>
    <row r="613514" spans="8:8">
      <c r="H613514" s="12"/>
    </row>
    <row r="613515" spans="8:8">
      <c r="H613515" s="12"/>
    </row>
    <row r="613516" spans="8:8">
      <c r="H613516" s="12"/>
    </row>
    <row r="613517" spans="8:8">
      <c r="H613517" s="12"/>
    </row>
    <row r="613518" spans="8:8">
      <c r="H613518" s="12"/>
    </row>
    <row r="613519" spans="8:8">
      <c r="H613519" s="12"/>
    </row>
    <row r="613520" spans="8:8">
      <c r="H613520" s="12"/>
    </row>
    <row r="613521" spans="8:8">
      <c r="H613521" s="12"/>
    </row>
    <row r="613522" spans="8:8">
      <c r="H613522" s="12"/>
    </row>
    <row r="613523" spans="8:8">
      <c r="H613523" s="12"/>
    </row>
    <row r="613524" spans="8:8">
      <c r="H613524" s="12"/>
    </row>
    <row r="613525" spans="8:8">
      <c r="H613525" s="12"/>
    </row>
    <row r="613526" spans="8:8">
      <c r="H613526" s="12"/>
    </row>
    <row r="613527" spans="8:8">
      <c r="H613527" s="12"/>
    </row>
    <row r="613528" spans="8:8">
      <c r="H613528" s="12"/>
    </row>
    <row r="613529" spans="8:8">
      <c r="H613529" s="12"/>
    </row>
    <row r="613530" spans="8:8">
      <c r="H613530" s="12"/>
    </row>
    <row r="613531" spans="8:8">
      <c r="H613531" s="12"/>
    </row>
    <row r="613532" spans="8:8">
      <c r="H613532" s="12"/>
    </row>
    <row r="613533" spans="8:8">
      <c r="H613533" s="12"/>
    </row>
    <row r="613534" spans="8:8">
      <c r="H613534" s="12"/>
    </row>
    <row r="613535" spans="8:8">
      <c r="H613535" s="12"/>
    </row>
    <row r="613536" spans="8:8">
      <c r="H613536" s="12"/>
    </row>
    <row r="613537" spans="8:8">
      <c r="H613537" s="12"/>
    </row>
    <row r="613538" spans="8:8">
      <c r="H613538" s="12"/>
    </row>
    <row r="613539" spans="8:8">
      <c r="H613539" s="12"/>
    </row>
    <row r="613540" spans="8:8">
      <c r="H613540" s="12"/>
    </row>
    <row r="613541" spans="8:8">
      <c r="H613541" s="12"/>
    </row>
    <row r="613542" spans="8:8">
      <c r="H613542" s="12"/>
    </row>
    <row r="613543" spans="8:8">
      <c r="H613543" s="12"/>
    </row>
    <row r="613544" spans="8:8">
      <c r="H613544" s="12"/>
    </row>
    <row r="613545" spans="8:8">
      <c r="H613545" s="12"/>
    </row>
    <row r="613546" spans="8:8">
      <c r="H613546" s="12"/>
    </row>
    <row r="613547" spans="8:8">
      <c r="H613547" s="12"/>
    </row>
    <row r="613548" spans="8:8">
      <c r="H613548" s="12"/>
    </row>
    <row r="613549" spans="8:8">
      <c r="H613549" s="12"/>
    </row>
    <row r="613550" spans="8:8">
      <c r="H613550" s="12"/>
    </row>
    <row r="613551" spans="8:8">
      <c r="H613551" s="12"/>
    </row>
    <row r="613552" spans="8:8">
      <c r="H613552" s="12"/>
    </row>
    <row r="613553" spans="8:8">
      <c r="H613553" s="12"/>
    </row>
    <row r="613554" spans="8:8">
      <c r="H613554" s="12"/>
    </row>
    <row r="613555" spans="8:8">
      <c r="H613555" s="12"/>
    </row>
    <row r="613556" spans="8:8">
      <c r="H613556" s="12"/>
    </row>
    <row r="613557" spans="8:8">
      <c r="H613557" s="12"/>
    </row>
    <row r="613558" spans="8:8">
      <c r="H613558" s="12"/>
    </row>
    <row r="613559" spans="8:8">
      <c r="H613559" s="12"/>
    </row>
    <row r="613560" spans="8:8">
      <c r="H613560" s="12"/>
    </row>
    <row r="613561" spans="8:8">
      <c r="H613561" s="12"/>
    </row>
    <row r="613562" spans="8:8">
      <c r="H613562" s="12"/>
    </row>
    <row r="613563" spans="8:8">
      <c r="H613563" s="12"/>
    </row>
    <row r="613564" spans="8:8">
      <c r="H613564" s="12"/>
    </row>
    <row r="613565" spans="8:8">
      <c r="H613565" s="12"/>
    </row>
    <row r="613566" spans="8:8">
      <c r="H613566" s="12"/>
    </row>
    <row r="613567" spans="8:8">
      <c r="H613567" s="12"/>
    </row>
    <row r="613568" spans="8:8">
      <c r="H613568" s="12"/>
    </row>
    <row r="613569" spans="8:8">
      <c r="H613569" s="12"/>
    </row>
    <row r="613570" spans="8:8">
      <c r="H613570" s="12"/>
    </row>
    <row r="613571" spans="8:8">
      <c r="H613571" s="12"/>
    </row>
    <row r="613572" spans="8:8">
      <c r="H613572" s="12"/>
    </row>
    <row r="613573" spans="8:8">
      <c r="H613573" s="12"/>
    </row>
    <row r="613574" spans="8:8">
      <c r="H613574" s="12"/>
    </row>
    <row r="613575" spans="8:8">
      <c r="H613575" s="12"/>
    </row>
    <row r="613576" spans="8:8">
      <c r="H613576" s="12"/>
    </row>
    <row r="613577" spans="8:8">
      <c r="H613577" s="12"/>
    </row>
    <row r="613578" spans="8:8">
      <c r="H613578" s="12"/>
    </row>
    <row r="613579" spans="8:8">
      <c r="H613579" s="12"/>
    </row>
    <row r="613580" spans="8:8">
      <c r="H613580" s="12"/>
    </row>
    <row r="613581" spans="8:8">
      <c r="H613581" s="12"/>
    </row>
    <row r="613582" spans="8:8">
      <c r="H613582" s="12"/>
    </row>
    <row r="613583" spans="8:8">
      <c r="H613583" s="12"/>
    </row>
    <row r="613584" spans="8:8">
      <c r="H613584" s="12"/>
    </row>
    <row r="613585" spans="8:8">
      <c r="H613585" s="12"/>
    </row>
    <row r="613586" spans="8:8">
      <c r="H613586" s="12"/>
    </row>
    <row r="613587" spans="8:8">
      <c r="H613587" s="12"/>
    </row>
    <row r="613588" spans="8:8">
      <c r="H613588" s="12"/>
    </row>
    <row r="613589" spans="8:8">
      <c r="H613589" s="12"/>
    </row>
    <row r="613590" spans="8:8">
      <c r="H613590" s="12"/>
    </row>
    <row r="613591" spans="8:8">
      <c r="H613591" s="12"/>
    </row>
    <row r="613592" spans="8:8">
      <c r="H613592" s="12"/>
    </row>
    <row r="613593" spans="8:8">
      <c r="H613593" s="12"/>
    </row>
    <row r="613594" spans="8:8">
      <c r="H613594" s="12"/>
    </row>
    <row r="613595" spans="8:8">
      <c r="H613595" s="12"/>
    </row>
    <row r="613596" spans="8:8">
      <c r="H613596" s="12"/>
    </row>
    <row r="613597" spans="8:8">
      <c r="H613597" s="12"/>
    </row>
    <row r="613598" spans="8:8">
      <c r="H613598" s="12"/>
    </row>
    <row r="613599" spans="8:8">
      <c r="H613599" s="12"/>
    </row>
    <row r="613600" spans="8:8">
      <c r="H613600" s="12"/>
    </row>
    <row r="613601" spans="8:8">
      <c r="H613601" s="12"/>
    </row>
    <row r="613602" spans="8:8">
      <c r="H613602" s="12"/>
    </row>
    <row r="613603" spans="8:8">
      <c r="H613603" s="12"/>
    </row>
    <row r="613604" spans="8:8">
      <c r="H613604" s="12"/>
    </row>
    <row r="613605" spans="8:8">
      <c r="H613605" s="12"/>
    </row>
    <row r="613606" spans="8:8">
      <c r="H613606" s="12"/>
    </row>
    <row r="613607" spans="8:8">
      <c r="H613607" s="12"/>
    </row>
    <row r="613608" spans="8:8">
      <c r="H613608" s="12"/>
    </row>
    <row r="613609" spans="8:8">
      <c r="H613609" s="12"/>
    </row>
    <row r="613610" spans="8:8">
      <c r="H613610" s="12"/>
    </row>
    <row r="613611" spans="8:8">
      <c r="H613611" s="12"/>
    </row>
    <row r="613612" spans="8:8">
      <c r="H613612" s="12"/>
    </row>
    <row r="613613" spans="8:8">
      <c r="H613613" s="12"/>
    </row>
    <row r="613614" spans="8:8">
      <c r="H613614" s="12"/>
    </row>
    <row r="613615" spans="8:8">
      <c r="H613615" s="12"/>
    </row>
    <row r="613616" spans="8:8">
      <c r="H613616" s="12"/>
    </row>
    <row r="613617" spans="8:8">
      <c r="H613617" s="12"/>
    </row>
    <row r="613618" spans="8:8">
      <c r="H613618" s="12"/>
    </row>
    <row r="613619" spans="8:8">
      <c r="H613619" s="12"/>
    </row>
    <row r="613620" spans="8:8">
      <c r="H613620" s="12"/>
    </row>
    <row r="613621" spans="8:8">
      <c r="H613621" s="12"/>
    </row>
    <row r="613622" spans="8:8">
      <c r="H613622" s="12"/>
    </row>
    <row r="613623" spans="8:8">
      <c r="H613623" s="12"/>
    </row>
    <row r="613624" spans="8:8">
      <c r="H613624" s="12"/>
    </row>
    <row r="613625" spans="8:8">
      <c r="H613625" s="12"/>
    </row>
    <row r="613626" spans="8:8">
      <c r="H613626" s="12"/>
    </row>
    <row r="613627" spans="8:8">
      <c r="H613627" s="12"/>
    </row>
    <row r="613628" spans="8:8">
      <c r="H613628" s="12"/>
    </row>
    <row r="613629" spans="8:8">
      <c r="H613629" s="12"/>
    </row>
    <row r="613630" spans="8:8">
      <c r="H613630" s="12"/>
    </row>
    <row r="613631" spans="8:8">
      <c r="H613631" s="12"/>
    </row>
    <row r="613632" spans="8:8">
      <c r="H613632" s="12"/>
    </row>
    <row r="613633" spans="8:8">
      <c r="H613633" s="12"/>
    </row>
    <row r="613634" spans="8:8">
      <c r="H613634" s="12"/>
    </row>
    <row r="613635" spans="8:8">
      <c r="H613635" s="12"/>
    </row>
    <row r="613636" spans="8:8">
      <c r="H613636" s="12"/>
    </row>
    <row r="613637" spans="8:8">
      <c r="H613637" s="12"/>
    </row>
    <row r="613638" spans="8:8">
      <c r="H613638" s="12"/>
    </row>
    <row r="613639" spans="8:8">
      <c r="H613639" s="12"/>
    </row>
    <row r="613640" spans="8:8">
      <c r="H613640" s="12"/>
    </row>
    <row r="613641" spans="8:8">
      <c r="H613641" s="12"/>
    </row>
    <row r="613642" spans="8:8">
      <c r="H613642" s="12"/>
    </row>
    <row r="613643" spans="8:8">
      <c r="H613643" s="12"/>
    </row>
    <row r="613644" spans="8:8">
      <c r="H613644" s="12"/>
    </row>
    <row r="613645" spans="8:8">
      <c r="H613645" s="12"/>
    </row>
    <row r="613646" spans="8:8">
      <c r="H613646" s="12"/>
    </row>
    <row r="613647" spans="8:8">
      <c r="H613647" s="12"/>
    </row>
    <row r="613648" spans="8:8">
      <c r="H613648" s="12"/>
    </row>
    <row r="613649" spans="8:8">
      <c r="H613649" s="12"/>
    </row>
    <row r="613650" spans="8:8">
      <c r="H613650" s="12"/>
    </row>
    <row r="613651" spans="8:8">
      <c r="H613651" s="12"/>
    </row>
    <row r="613652" spans="8:8">
      <c r="H613652" s="12"/>
    </row>
    <row r="613653" spans="8:8">
      <c r="H613653" s="12"/>
    </row>
    <row r="613654" spans="8:8">
      <c r="H613654" s="12"/>
    </row>
    <row r="613655" spans="8:8">
      <c r="H613655" s="12"/>
    </row>
    <row r="613656" spans="8:8">
      <c r="H613656" s="12"/>
    </row>
    <row r="613657" spans="8:8">
      <c r="H613657" s="12"/>
    </row>
    <row r="613658" spans="8:8">
      <c r="H613658" s="12"/>
    </row>
    <row r="613659" spans="8:8">
      <c r="H613659" s="12"/>
    </row>
    <row r="613660" spans="8:8">
      <c r="H613660" s="12"/>
    </row>
    <row r="613661" spans="8:8">
      <c r="H613661" s="12"/>
    </row>
    <row r="613662" spans="8:8">
      <c r="H613662" s="12"/>
    </row>
    <row r="613663" spans="8:8">
      <c r="H613663" s="12"/>
    </row>
    <row r="613664" spans="8:8">
      <c r="H613664" s="12"/>
    </row>
    <row r="613665" spans="8:8">
      <c r="H613665" s="12"/>
    </row>
    <row r="613666" spans="8:8">
      <c r="H613666" s="12"/>
    </row>
    <row r="613667" spans="8:8">
      <c r="H613667" s="12"/>
    </row>
    <row r="613668" spans="8:8">
      <c r="H613668" s="12"/>
    </row>
    <row r="613669" spans="8:8">
      <c r="H613669" s="12"/>
    </row>
    <row r="613670" spans="8:8">
      <c r="H613670" s="12"/>
    </row>
    <row r="613671" spans="8:8">
      <c r="H613671" s="12"/>
    </row>
    <row r="613672" spans="8:8">
      <c r="H613672" s="12"/>
    </row>
    <row r="613673" spans="8:8">
      <c r="H613673" s="12"/>
    </row>
    <row r="613674" spans="8:8">
      <c r="H613674" s="12"/>
    </row>
    <row r="613675" spans="8:8">
      <c r="H613675" s="12"/>
    </row>
    <row r="613676" spans="8:8">
      <c r="H613676" s="12"/>
    </row>
    <row r="613677" spans="8:8">
      <c r="H613677" s="12"/>
    </row>
    <row r="613678" spans="8:8">
      <c r="H613678" s="12"/>
    </row>
    <row r="613679" spans="8:8">
      <c r="H613679" s="12"/>
    </row>
    <row r="613680" spans="8:8">
      <c r="H613680" s="12"/>
    </row>
    <row r="613681" spans="8:8">
      <c r="H613681" s="12"/>
    </row>
    <row r="613682" spans="8:8">
      <c r="H613682" s="12"/>
    </row>
    <row r="613683" spans="8:8">
      <c r="H613683" s="12"/>
    </row>
    <row r="613684" spans="8:8">
      <c r="H613684" s="12"/>
    </row>
    <row r="613685" spans="8:8">
      <c r="H613685" s="12"/>
    </row>
    <row r="613686" spans="8:8">
      <c r="H613686" s="12"/>
    </row>
    <row r="613687" spans="8:8">
      <c r="H613687" s="12"/>
    </row>
    <row r="613688" spans="8:8">
      <c r="H613688" s="12"/>
    </row>
    <row r="613689" spans="8:8">
      <c r="H613689" s="12"/>
    </row>
    <row r="613690" spans="8:8">
      <c r="H613690" s="12"/>
    </row>
    <row r="613691" spans="8:8">
      <c r="H613691" s="12"/>
    </row>
    <row r="613692" spans="8:8">
      <c r="H613692" s="12"/>
    </row>
    <row r="613693" spans="8:8">
      <c r="H613693" s="12"/>
    </row>
    <row r="613694" spans="8:8">
      <c r="H613694" s="12"/>
    </row>
    <row r="613695" spans="8:8">
      <c r="H613695" s="12"/>
    </row>
    <row r="613696" spans="8:8">
      <c r="H613696" s="12"/>
    </row>
    <row r="613697" spans="8:8">
      <c r="H613697" s="12"/>
    </row>
    <row r="613698" spans="8:8">
      <c r="H613698" s="12"/>
    </row>
    <row r="613699" spans="8:8">
      <c r="H613699" s="12"/>
    </row>
    <row r="613700" spans="8:8">
      <c r="H613700" s="12"/>
    </row>
    <row r="613701" spans="8:8">
      <c r="H613701" s="12"/>
    </row>
    <row r="613702" spans="8:8">
      <c r="H613702" s="12"/>
    </row>
    <row r="613703" spans="8:8">
      <c r="H613703" s="12"/>
    </row>
    <row r="613704" spans="8:8">
      <c r="H613704" s="12"/>
    </row>
    <row r="613705" spans="8:8">
      <c r="H613705" s="12"/>
    </row>
    <row r="613706" spans="8:8">
      <c r="H613706" s="12"/>
    </row>
    <row r="613707" spans="8:8">
      <c r="H613707" s="12"/>
    </row>
    <row r="613708" spans="8:8">
      <c r="H613708" s="12"/>
    </row>
    <row r="613709" spans="8:8">
      <c r="H613709" s="12"/>
    </row>
    <row r="613710" spans="8:8">
      <c r="H613710" s="12"/>
    </row>
    <row r="613711" spans="8:8">
      <c r="H613711" s="12"/>
    </row>
    <row r="613712" spans="8:8">
      <c r="H613712" s="12"/>
    </row>
    <row r="613713" spans="8:8">
      <c r="H613713" s="12"/>
    </row>
    <row r="613714" spans="8:8">
      <c r="H613714" s="12"/>
    </row>
    <row r="613715" spans="8:8">
      <c r="H613715" s="12"/>
    </row>
    <row r="613716" spans="8:8">
      <c r="H613716" s="12"/>
    </row>
    <row r="613717" spans="8:8">
      <c r="H613717" s="12"/>
    </row>
    <row r="613718" spans="8:8">
      <c r="H613718" s="12"/>
    </row>
    <row r="613719" spans="8:8">
      <c r="H613719" s="12"/>
    </row>
    <row r="613720" spans="8:8">
      <c r="H613720" s="12"/>
    </row>
    <row r="613721" spans="8:8">
      <c r="H613721" s="12"/>
    </row>
    <row r="613722" spans="8:8">
      <c r="H613722" s="12"/>
    </row>
    <row r="613723" spans="8:8">
      <c r="H613723" s="12"/>
    </row>
    <row r="613724" spans="8:8">
      <c r="H613724" s="12"/>
    </row>
    <row r="613725" spans="8:8">
      <c r="H613725" s="12"/>
    </row>
    <row r="613726" spans="8:8">
      <c r="H613726" s="12"/>
    </row>
    <row r="613727" spans="8:8">
      <c r="H613727" s="12"/>
    </row>
    <row r="613728" spans="8:8">
      <c r="H613728" s="12"/>
    </row>
    <row r="613729" spans="8:8">
      <c r="H613729" s="12"/>
    </row>
    <row r="613730" spans="8:8">
      <c r="H613730" s="12"/>
    </row>
    <row r="613731" spans="8:8">
      <c r="H613731" s="12"/>
    </row>
    <row r="613732" spans="8:8">
      <c r="H613732" s="12"/>
    </row>
    <row r="613733" spans="8:8">
      <c r="H613733" s="12"/>
    </row>
    <row r="613734" spans="8:8">
      <c r="H613734" s="12"/>
    </row>
    <row r="613735" spans="8:8">
      <c r="H613735" s="12"/>
    </row>
    <row r="613736" spans="8:8">
      <c r="H613736" s="12"/>
    </row>
    <row r="613737" spans="8:8">
      <c r="H613737" s="12"/>
    </row>
    <row r="613738" spans="8:8">
      <c r="H613738" s="12"/>
    </row>
    <row r="613739" spans="8:8">
      <c r="H613739" s="12"/>
    </row>
    <row r="613740" spans="8:8">
      <c r="H613740" s="12"/>
    </row>
    <row r="613741" spans="8:8">
      <c r="H613741" s="12"/>
    </row>
    <row r="613742" spans="8:8">
      <c r="H613742" s="12"/>
    </row>
    <row r="613743" spans="8:8">
      <c r="H613743" s="12"/>
    </row>
    <row r="613744" spans="8:8">
      <c r="H613744" s="12"/>
    </row>
    <row r="613745" spans="8:8">
      <c r="H613745" s="12"/>
    </row>
    <row r="613746" spans="8:8">
      <c r="H613746" s="12"/>
    </row>
    <row r="613747" spans="8:8">
      <c r="H613747" s="12"/>
    </row>
    <row r="613748" spans="8:8">
      <c r="H613748" s="12"/>
    </row>
    <row r="613749" spans="8:8">
      <c r="H613749" s="12"/>
    </row>
    <row r="613750" spans="8:8">
      <c r="H613750" s="12"/>
    </row>
    <row r="613751" spans="8:8">
      <c r="H613751" s="12"/>
    </row>
    <row r="613752" spans="8:8">
      <c r="H613752" s="12"/>
    </row>
    <row r="613753" spans="8:8">
      <c r="H613753" s="12"/>
    </row>
    <row r="613754" spans="8:8">
      <c r="H613754" s="12"/>
    </row>
    <row r="613755" spans="8:8">
      <c r="H613755" s="12"/>
    </row>
    <row r="613756" spans="8:8">
      <c r="H613756" s="12"/>
    </row>
    <row r="613757" spans="8:8">
      <c r="H613757" s="12"/>
    </row>
    <row r="613758" spans="8:8">
      <c r="H613758" s="12"/>
    </row>
    <row r="613759" spans="8:8">
      <c r="H613759" s="12"/>
    </row>
    <row r="613760" spans="8:8">
      <c r="H613760" s="12"/>
    </row>
    <row r="613761" spans="8:8">
      <c r="H613761" s="12"/>
    </row>
    <row r="613762" spans="8:8">
      <c r="H613762" s="12"/>
    </row>
    <row r="613763" spans="8:8">
      <c r="H613763" s="12"/>
    </row>
    <row r="613764" spans="8:8">
      <c r="H613764" s="12"/>
    </row>
    <row r="613765" spans="8:8">
      <c r="H613765" s="12"/>
    </row>
    <row r="613766" spans="8:8">
      <c r="H613766" s="12"/>
    </row>
    <row r="613767" spans="8:8">
      <c r="H613767" s="12"/>
    </row>
    <row r="613768" spans="8:8">
      <c r="H613768" s="12"/>
    </row>
    <row r="613769" spans="8:8">
      <c r="H613769" s="12"/>
    </row>
    <row r="613770" spans="8:8">
      <c r="H613770" s="12"/>
    </row>
    <row r="613771" spans="8:8">
      <c r="H613771" s="12"/>
    </row>
    <row r="613772" spans="8:8">
      <c r="H613772" s="12"/>
    </row>
    <row r="613773" spans="8:8">
      <c r="H613773" s="12"/>
    </row>
    <row r="613774" spans="8:8">
      <c r="H613774" s="12"/>
    </row>
    <row r="613775" spans="8:8">
      <c r="H613775" s="12"/>
    </row>
    <row r="613776" spans="8:8">
      <c r="H613776" s="12"/>
    </row>
    <row r="613777" spans="8:8">
      <c r="H613777" s="12"/>
    </row>
    <row r="613778" spans="8:8">
      <c r="H613778" s="12"/>
    </row>
    <row r="613779" spans="8:8">
      <c r="H613779" s="12"/>
    </row>
    <row r="613780" spans="8:8">
      <c r="H613780" s="12"/>
    </row>
    <row r="613781" spans="8:8">
      <c r="H613781" s="12"/>
    </row>
    <row r="613782" spans="8:8">
      <c r="H613782" s="12"/>
    </row>
    <row r="613783" spans="8:8">
      <c r="H613783" s="12"/>
    </row>
    <row r="613784" spans="8:8">
      <c r="H613784" s="12"/>
    </row>
    <row r="613785" spans="8:8">
      <c r="H613785" s="12"/>
    </row>
    <row r="613786" spans="8:8">
      <c r="H613786" s="12"/>
    </row>
    <row r="613787" spans="8:8">
      <c r="H613787" s="12"/>
    </row>
    <row r="613788" spans="8:8">
      <c r="H613788" s="12"/>
    </row>
    <row r="613789" spans="8:8">
      <c r="H613789" s="12"/>
    </row>
    <row r="613790" spans="8:8">
      <c r="H613790" s="12"/>
    </row>
    <row r="613791" spans="8:8">
      <c r="H613791" s="12"/>
    </row>
    <row r="613792" spans="8:8">
      <c r="H613792" s="12"/>
    </row>
    <row r="613793" spans="8:8">
      <c r="H613793" s="12"/>
    </row>
    <row r="613794" spans="8:8">
      <c r="H613794" s="12"/>
    </row>
    <row r="613795" spans="8:8">
      <c r="H613795" s="12"/>
    </row>
    <row r="613796" spans="8:8">
      <c r="H613796" s="12"/>
    </row>
    <row r="613797" spans="8:8">
      <c r="H613797" s="12"/>
    </row>
    <row r="613798" spans="8:8">
      <c r="H613798" s="12"/>
    </row>
    <row r="613799" spans="8:8">
      <c r="H613799" s="12"/>
    </row>
    <row r="613800" spans="8:8">
      <c r="H613800" s="12"/>
    </row>
    <row r="613801" spans="8:8">
      <c r="H613801" s="12"/>
    </row>
    <row r="613802" spans="8:8">
      <c r="H613802" s="12"/>
    </row>
    <row r="613803" spans="8:8">
      <c r="H613803" s="12"/>
    </row>
    <row r="613804" spans="8:8">
      <c r="H613804" s="12"/>
    </row>
    <row r="613805" spans="8:8">
      <c r="H613805" s="12"/>
    </row>
    <row r="613806" spans="8:8">
      <c r="H613806" s="12"/>
    </row>
    <row r="613807" spans="8:8">
      <c r="H613807" s="12"/>
    </row>
    <row r="613808" spans="8:8">
      <c r="H613808" s="12"/>
    </row>
    <row r="613809" spans="8:8">
      <c r="H613809" s="12"/>
    </row>
    <row r="613810" spans="8:8">
      <c r="H613810" s="12"/>
    </row>
    <row r="613811" spans="8:8">
      <c r="H613811" s="12"/>
    </row>
    <row r="613812" spans="8:8">
      <c r="H613812" s="12"/>
    </row>
    <row r="613813" spans="8:8">
      <c r="H613813" s="12"/>
    </row>
    <row r="613814" spans="8:8">
      <c r="H613814" s="12"/>
    </row>
    <row r="613815" spans="8:8">
      <c r="H613815" s="12"/>
    </row>
    <row r="613816" spans="8:8">
      <c r="H613816" s="12"/>
    </row>
    <row r="613817" spans="8:8">
      <c r="H613817" s="12"/>
    </row>
    <row r="613818" spans="8:8">
      <c r="H613818" s="12"/>
    </row>
    <row r="613819" spans="8:8">
      <c r="H613819" s="12"/>
    </row>
    <row r="613820" spans="8:8">
      <c r="H613820" s="12"/>
    </row>
    <row r="613821" spans="8:8">
      <c r="H613821" s="12"/>
    </row>
    <row r="613822" spans="8:8">
      <c r="H613822" s="12"/>
    </row>
    <row r="613823" spans="8:8">
      <c r="H613823" s="12"/>
    </row>
    <row r="613824" spans="8:8">
      <c r="H613824" s="12"/>
    </row>
    <row r="613825" spans="8:8">
      <c r="H613825" s="12"/>
    </row>
    <row r="613826" spans="8:8">
      <c r="H613826" s="12"/>
    </row>
    <row r="613827" spans="8:8">
      <c r="H613827" s="12"/>
    </row>
    <row r="613828" spans="8:8">
      <c r="H613828" s="12"/>
    </row>
    <row r="613829" spans="8:8">
      <c r="H613829" s="12"/>
    </row>
    <row r="613830" spans="8:8">
      <c r="H613830" s="12"/>
    </row>
    <row r="613831" spans="8:8">
      <c r="H613831" s="12"/>
    </row>
    <row r="613832" spans="8:8">
      <c r="H613832" s="12"/>
    </row>
    <row r="613833" spans="8:8">
      <c r="H613833" s="12"/>
    </row>
    <row r="613834" spans="8:8">
      <c r="H613834" s="12"/>
    </row>
    <row r="613835" spans="8:8">
      <c r="H613835" s="12"/>
    </row>
    <row r="613836" spans="8:8">
      <c r="H613836" s="12"/>
    </row>
    <row r="613837" spans="8:8">
      <c r="H613837" s="12"/>
    </row>
    <row r="613838" spans="8:8">
      <c r="H613838" s="12"/>
    </row>
    <row r="613839" spans="8:8">
      <c r="H613839" s="12"/>
    </row>
    <row r="613840" spans="8:8">
      <c r="H613840" s="12"/>
    </row>
    <row r="613841" spans="8:8">
      <c r="H613841" s="12"/>
    </row>
    <row r="613842" spans="8:8">
      <c r="H613842" s="12"/>
    </row>
    <row r="613843" spans="8:8">
      <c r="H613843" s="12"/>
    </row>
    <row r="613844" spans="8:8">
      <c r="H613844" s="12"/>
    </row>
    <row r="613845" spans="8:8">
      <c r="H613845" s="12"/>
    </row>
    <row r="613846" spans="8:8">
      <c r="H613846" s="12"/>
    </row>
    <row r="613847" spans="8:8">
      <c r="H613847" s="12"/>
    </row>
    <row r="613848" spans="8:8">
      <c r="H613848" s="12"/>
    </row>
    <row r="613849" spans="8:8">
      <c r="H613849" s="12"/>
    </row>
    <row r="613850" spans="8:8">
      <c r="H613850" s="12"/>
    </row>
    <row r="613851" spans="8:8">
      <c r="H613851" s="12"/>
    </row>
    <row r="613852" spans="8:8">
      <c r="H613852" s="12"/>
    </row>
    <row r="613853" spans="8:8">
      <c r="H613853" s="12"/>
    </row>
    <row r="613854" spans="8:8">
      <c r="H613854" s="12"/>
    </row>
    <row r="613855" spans="8:8">
      <c r="H613855" s="12"/>
    </row>
    <row r="613856" spans="8:8">
      <c r="H613856" s="12"/>
    </row>
    <row r="613857" spans="8:8">
      <c r="H613857" s="12"/>
    </row>
    <row r="613858" spans="8:8">
      <c r="H613858" s="12"/>
    </row>
    <row r="613859" spans="8:8">
      <c r="H613859" s="12"/>
    </row>
    <row r="613860" spans="8:8">
      <c r="H613860" s="12"/>
    </row>
    <row r="613861" spans="8:8">
      <c r="H613861" s="12"/>
    </row>
    <row r="613862" spans="8:8">
      <c r="H613862" s="12"/>
    </row>
    <row r="613863" spans="8:8">
      <c r="H613863" s="12"/>
    </row>
    <row r="613864" spans="8:8">
      <c r="H613864" s="12"/>
    </row>
    <row r="613865" spans="8:8">
      <c r="H613865" s="12"/>
    </row>
    <row r="613866" spans="8:8">
      <c r="H613866" s="12"/>
    </row>
    <row r="613867" spans="8:8">
      <c r="H613867" s="12"/>
    </row>
    <row r="613868" spans="8:8">
      <c r="H613868" s="12"/>
    </row>
    <row r="613869" spans="8:8">
      <c r="H613869" s="12"/>
    </row>
    <row r="613870" spans="8:8">
      <c r="H613870" s="12"/>
    </row>
    <row r="613871" spans="8:8">
      <c r="H613871" s="12"/>
    </row>
    <row r="613872" spans="8:8">
      <c r="H613872" s="12"/>
    </row>
    <row r="613873" spans="8:8">
      <c r="H613873" s="12"/>
    </row>
    <row r="613874" spans="8:8">
      <c r="H613874" s="12"/>
    </row>
    <row r="613875" spans="8:8">
      <c r="H613875" s="12"/>
    </row>
    <row r="613876" spans="8:8">
      <c r="H613876" s="12"/>
    </row>
    <row r="613877" spans="8:8">
      <c r="H613877" s="12"/>
    </row>
    <row r="613878" spans="8:8">
      <c r="H613878" s="12"/>
    </row>
    <row r="613879" spans="8:8">
      <c r="H613879" s="12"/>
    </row>
    <row r="613880" spans="8:8">
      <c r="H613880" s="12"/>
    </row>
    <row r="613881" spans="8:8">
      <c r="H613881" s="12"/>
    </row>
    <row r="613882" spans="8:8">
      <c r="H613882" s="12"/>
    </row>
    <row r="613883" spans="8:8">
      <c r="H613883" s="12"/>
    </row>
    <row r="613884" spans="8:8">
      <c r="H613884" s="12"/>
    </row>
    <row r="613885" spans="8:8">
      <c r="H613885" s="12"/>
    </row>
    <row r="613886" spans="8:8">
      <c r="H613886" s="12"/>
    </row>
    <row r="613887" spans="8:8">
      <c r="H613887" s="12"/>
    </row>
    <row r="613888" spans="8:8">
      <c r="H613888" s="12"/>
    </row>
    <row r="613889" spans="8:8">
      <c r="H613889" s="12"/>
    </row>
    <row r="613890" spans="8:8">
      <c r="H613890" s="12"/>
    </row>
    <row r="613891" spans="8:8">
      <c r="H613891" s="12"/>
    </row>
    <row r="613892" spans="8:8">
      <c r="H613892" s="12"/>
    </row>
    <row r="613893" spans="8:8">
      <c r="H613893" s="12"/>
    </row>
    <row r="613894" spans="8:8">
      <c r="H613894" s="12"/>
    </row>
    <row r="613895" spans="8:8">
      <c r="H613895" s="12"/>
    </row>
    <row r="613896" spans="8:8">
      <c r="H613896" s="12"/>
    </row>
    <row r="613897" spans="8:8">
      <c r="H613897" s="12"/>
    </row>
    <row r="613898" spans="8:8">
      <c r="H613898" s="12"/>
    </row>
    <row r="613899" spans="8:8">
      <c r="H613899" s="12"/>
    </row>
    <row r="613900" spans="8:8">
      <c r="H613900" s="12"/>
    </row>
    <row r="613901" spans="8:8">
      <c r="H613901" s="12"/>
    </row>
    <row r="613902" spans="8:8">
      <c r="H613902" s="12"/>
    </row>
    <row r="613903" spans="8:8">
      <c r="H613903" s="12"/>
    </row>
    <row r="613904" spans="8:8">
      <c r="H613904" s="12"/>
    </row>
    <row r="613905" spans="8:8">
      <c r="H613905" s="12"/>
    </row>
    <row r="613906" spans="8:8">
      <c r="H613906" s="12"/>
    </row>
    <row r="613907" spans="8:8">
      <c r="H613907" s="12"/>
    </row>
    <row r="613908" spans="8:8">
      <c r="H613908" s="12"/>
    </row>
    <row r="613909" spans="8:8">
      <c r="H613909" s="12"/>
    </row>
    <row r="613910" spans="8:8">
      <c r="H613910" s="12"/>
    </row>
    <row r="613911" spans="8:8">
      <c r="H613911" s="12"/>
    </row>
    <row r="613912" spans="8:8">
      <c r="H613912" s="12"/>
    </row>
    <row r="613913" spans="8:8">
      <c r="H613913" s="12"/>
    </row>
    <row r="613914" spans="8:8">
      <c r="H613914" s="12"/>
    </row>
    <row r="613915" spans="8:8">
      <c r="H613915" s="12"/>
    </row>
    <row r="613916" spans="8:8">
      <c r="H613916" s="12"/>
    </row>
    <row r="613917" spans="8:8">
      <c r="H613917" s="12"/>
    </row>
    <row r="613918" spans="8:8">
      <c r="H613918" s="12"/>
    </row>
    <row r="613919" spans="8:8">
      <c r="H613919" s="12"/>
    </row>
    <row r="613920" spans="8:8">
      <c r="H613920" s="12"/>
    </row>
    <row r="613921" spans="8:8">
      <c r="H613921" s="12"/>
    </row>
    <row r="613922" spans="8:8">
      <c r="H613922" s="12"/>
    </row>
    <row r="613923" spans="8:8">
      <c r="H613923" s="12"/>
    </row>
    <row r="613924" spans="8:8">
      <c r="H613924" s="12"/>
    </row>
    <row r="613925" spans="8:8">
      <c r="H613925" s="12"/>
    </row>
    <row r="613926" spans="8:8">
      <c r="H613926" s="12"/>
    </row>
    <row r="613927" spans="8:8">
      <c r="H613927" s="12"/>
    </row>
    <row r="613928" spans="8:8">
      <c r="H613928" s="12"/>
    </row>
    <row r="613929" spans="8:8">
      <c r="H613929" s="12"/>
    </row>
    <row r="613930" spans="8:8">
      <c r="H613930" s="12"/>
    </row>
    <row r="613931" spans="8:8">
      <c r="H613931" s="12"/>
    </row>
    <row r="613932" spans="8:8">
      <c r="H613932" s="12"/>
    </row>
    <row r="613933" spans="8:8">
      <c r="H613933" s="12"/>
    </row>
    <row r="613934" spans="8:8">
      <c r="H613934" s="12"/>
    </row>
    <row r="613935" spans="8:8">
      <c r="H613935" s="12"/>
    </row>
    <row r="613936" spans="8:8">
      <c r="H613936" s="12"/>
    </row>
    <row r="613937" spans="8:8">
      <c r="H613937" s="12"/>
    </row>
    <row r="613938" spans="8:8">
      <c r="H613938" s="12"/>
    </row>
    <row r="613939" spans="8:8">
      <c r="H613939" s="12"/>
    </row>
    <row r="613940" spans="8:8">
      <c r="H613940" s="12"/>
    </row>
    <row r="613941" spans="8:8">
      <c r="H613941" s="12"/>
    </row>
    <row r="613942" spans="8:8">
      <c r="H613942" s="12"/>
    </row>
    <row r="613943" spans="8:8">
      <c r="H613943" s="12"/>
    </row>
    <row r="613944" spans="8:8">
      <c r="H613944" s="12"/>
    </row>
    <row r="613945" spans="8:8">
      <c r="H613945" s="12"/>
    </row>
    <row r="613946" spans="8:8">
      <c r="H613946" s="12"/>
    </row>
    <row r="613947" spans="8:8">
      <c r="H613947" s="12"/>
    </row>
    <row r="613948" spans="8:8">
      <c r="H613948" s="12"/>
    </row>
    <row r="613949" spans="8:8">
      <c r="H613949" s="12"/>
    </row>
    <row r="613950" spans="8:8">
      <c r="H613950" s="12"/>
    </row>
    <row r="613951" spans="8:8">
      <c r="H613951" s="12"/>
    </row>
    <row r="613952" spans="8:8">
      <c r="H613952" s="12"/>
    </row>
    <row r="613953" spans="8:8">
      <c r="H613953" s="12"/>
    </row>
    <row r="613954" spans="8:8">
      <c r="H613954" s="12"/>
    </row>
    <row r="613955" spans="8:8">
      <c r="H613955" s="12"/>
    </row>
    <row r="613956" spans="8:8">
      <c r="H613956" s="12"/>
    </row>
    <row r="613957" spans="8:8">
      <c r="H613957" s="12"/>
    </row>
    <row r="613958" spans="8:8">
      <c r="H613958" s="12"/>
    </row>
    <row r="613959" spans="8:8">
      <c r="H613959" s="12"/>
    </row>
    <row r="613960" spans="8:8">
      <c r="H613960" s="12"/>
    </row>
    <row r="613961" spans="8:8">
      <c r="H613961" s="12"/>
    </row>
    <row r="613962" spans="8:8">
      <c r="H613962" s="12"/>
    </row>
    <row r="613963" spans="8:8">
      <c r="H613963" s="12"/>
    </row>
    <row r="613964" spans="8:8">
      <c r="H613964" s="12"/>
    </row>
    <row r="613965" spans="8:8">
      <c r="H613965" s="12"/>
    </row>
    <row r="613966" spans="8:8">
      <c r="H613966" s="12"/>
    </row>
    <row r="613967" spans="8:8">
      <c r="H613967" s="12"/>
    </row>
    <row r="613968" spans="8:8">
      <c r="H613968" s="12"/>
    </row>
    <row r="613969" spans="8:8">
      <c r="H613969" s="12"/>
    </row>
    <row r="613970" spans="8:8">
      <c r="H613970" s="12"/>
    </row>
    <row r="613971" spans="8:8">
      <c r="H613971" s="12"/>
    </row>
    <row r="613972" spans="8:8">
      <c r="H613972" s="12"/>
    </row>
    <row r="613973" spans="8:8">
      <c r="H613973" s="12"/>
    </row>
    <row r="613974" spans="8:8">
      <c r="H613974" s="12"/>
    </row>
    <row r="613975" spans="8:8">
      <c r="H613975" s="12"/>
    </row>
    <row r="613976" spans="8:8">
      <c r="H613976" s="12"/>
    </row>
    <row r="613977" spans="8:8">
      <c r="H613977" s="12"/>
    </row>
    <row r="613978" spans="8:8">
      <c r="H613978" s="12"/>
    </row>
    <row r="613979" spans="8:8">
      <c r="H613979" s="12"/>
    </row>
    <row r="613980" spans="8:8">
      <c r="H613980" s="12"/>
    </row>
    <row r="613981" spans="8:8">
      <c r="H613981" s="12"/>
    </row>
    <row r="613982" spans="8:8">
      <c r="H613982" s="12"/>
    </row>
    <row r="613983" spans="8:8">
      <c r="H613983" s="12"/>
    </row>
    <row r="613984" spans="8:8">
      <c r="H613984" s="12"/>
    </row>
    <row r="613985" spans="8:8">
      <c r="H613985" s="12"/>
    </row>
    <row r="613986" spans="8:8">
      <c r="H613986" s="12"/>
    </row>
    <row r="613987" spans="8:8">
      <c r="H613987" s="12"/>
    </row>
    <row r="613988" spans="8:8">
      <c r="H613988" s="12"/>
    </row>
    <row r="613989" spans="8:8">
      <c r="H613989" s="12"/>
    </row>
    <row r="613990" spans="8:8">
      <c r="H613990" s="12"/>
    </row>
    <row r="613991" spans="8:8">
      <c r="H613991" s="12"/>
    </row>
    <row r="613992" spans="8:8">
      <c r="H613992" s="12"/>
    </row>
    <row r="613993" spans="8:8">
      <c r="H613993" s="12"/>
    </row>
    <row r="613994" spans="8:8">
      <c r="H613994" s="12"/>
    </row>
    <row r="613995" spans="8:8">
      <c r="H613995" s="12"/>
    </row>
    <row r="613996" spans="8:8">
      <c r="H613996" s="12"/>
    </row>
    <row r="613997" spans="8:8">
      <c r="H613997" s="12"/>
    </row>
    <row r="613998" spans="8:8">
      <c r="H613998" s="12"/>
    </row>
    <row r="613999" spans="8:8">
      <c r="H613999" s="12"/>
    </row>
    <row r="614000" spans="8:8">
      <c r="H614000" s="12"/>
    </row>
    <row r="614001" spans="8:8">
      <c r="H614001" s="12"/>
    </row>
    <row r="614002" spans="8:8">
      <c r="H614002" s="12"/>
    </row>
    <row r="614003" spans="8:8">
      <c r="H614003" s="12"/>
    </row>
    <row r="614004" spans="8:8">
      <c r="H614004" s="12"/>
    </row>
    <row r="614005" spans="8:8">
      <c r="H614005" s="12"/>
    </row>
    <row r="614006" spans="8:8">
      <c r="H614006" s="12"/>
    </row>
    <row r="614007" spans="8:8">
      <c r="H614007" s="12"/>
    </row>
    <row r="614008" spans="8:8">
      <c r="H614008" s="12"/>
    </row>
    <row r="614009" spans="8:8">
      <c r="H614009" s="12"/>
    </row>
    <row r="614010" spans="8:8">
      <c r="H614010" s="12"/>
    </row>
    <row r="614011" spans="8:8">
      <c r="H614011" s="12"/>
    </row>
    <row r="614012" spans="8:8">
      <c r="H614012" s="12"/>
    </row>
    <row r="614013" spans="8:8">
      <c r="H614013" s="12"/>
    </row>
    <row r="614014" spans="8:8">
      <c r="H614014" s="12"/>
    </row>
    <row r="614015" spans="8:8">
      <c r="H614015" s="12"/>
    </row>
    <row r="614016" spans="8:8">
      <c r="H614016" s="12"/>
    </row>
    <row r="614017" spans="8:8">
      <c r="H614017" s="12"/>
    </row>
    <row r="614018" spans="8:8">
      <c r="H614018" s="12"/>
    </row>
    <row r="614019" spans="8:8">
      <c r="H614019" s="12"/>
    </row>
    <row r="614020" spans="8:8">
      <c r="H614020" s="12"/>
    </row>
    <row r="614021" spans="8:8">
      <c r="H614021" s="12"/>
    </row>
    <row r="614022" spans="8:8">
      <c r="H614022" s="12"/>
    </row>
    <row r="614023" spans="8:8">
      <c r="H614023" s="12"/>
    </row>
    <row r="614024" spans="8:8">
      <c r="H614024" s="12"/>
    </row>
    <row r="614025" spans="8:8">
      <c r="H614025" s="12"/>
    </row>
    <row r="614026" spans="8:8">
      <c r="H614026" s="12"/>
    </row>
    <row r="614027" spans="8:8">
      <c r="H614027" s="12"/>
    </row>
    <row r="614028" spans="8:8">
      <c r="H614028" s="12"/>
    </row>
    <row r="614029" spans="8:8">
      <c r="H614029" s="12"/>
    </row>
    <row r="614030" spans="8:8">
      <c r="H614030" s="12"/>
    </row>
    <row r="614031" spans="8:8">
      <c r="H614031" s="12"/>
    </row>
    <row r="614032" spans="8:8">
      <c r="H614032" s="12"/>
    </row>
    <row r="614033" spans="8:8">
      <c r="H614033" s="12"/>
    </row>
    <row r="614034" spans="8:8">
      <c r="H614034" s="12"/>
    </row>
    <row r="614035" spans="8:8">
      <c r="H614035" s="12"/>
    </row>
    <row r="614036" spans="8:8">
      <c r="H614036" s="12"/>
    </row>
    <row r="614037" spans="8:8">
      <c r="H614037" s="12"/>
    </row>
    <row r="614038" spans="8:8">
      <c r="H614038" s="12"/>
    </row>
    <row r="614039" spans="8:8">
      <c r="H614039" s="12"/>
    </row>
    <row r="614040" spans="8:8">
      <c r="H614040" s="12"/>
    </row>
    <row r="614041" spans="8:8">
      <c r="H614041" s="12"/>
    </row>
    <row r="614042" spans="8:8">
      <c r="H614042" s="12"/>
    </row>
    <row r="614043" spans="8:8">
      <c r="H614043" s="12"/>
    </row>
    <row r="614044" spans="8:8">
      <c r="H614044" s="12"/>
    </row>
    <row r="614045" spans="8:8">
      <c r="H614045" s="12"/>
    </row>
    <row r="614046" spans="8:8">
      <c r="H614046" s="12"/>
    </row>
    <row r="614047" spans="8:8">
      <c r="H614047" s="12"/>
    </row>
    <row r="614048" spans="8:8">
      <c r="H614048" s="12"/>
    </row>
    <row r="614049" spans="8:8">
      <c r="H614049" s="12"/>
    </row>
    <row r="614050" spans="8:8">
      <c r="H614050" s="12"/>
    </row>
    <row r="614051" spans="8:8">
      <c r="H614051" s="12"/>
    </row>
    <row r="614052" spans="8:8">
      <c r="H614052" s="12"/>
    </row>
    <row r="614053" spans="8:8">
      <c r="H614053" s="12"/>
    </row>
    <row r="614054" spans="8:8">
      <c r="H614054" s="12"/>
    </row>
    <row r="614055" spans="8:8">
      <c r="H614055" s="12"/>
    </row>
    <row r="614056" spans="8:8">
      <c r="H614056" s="12"/>
    </row>
    <row r="614057" spans="8:8">
      <c r="H614057" s="12"/>
    </row>
    <row r="614058" spans="8:8">
      <c r="H614058" s="12"/>
    </row>
    <row r="614059" spans="8:8">
      <c r="H614059" s="12"/>
    </row>
    <row r="614060" spans="8:8">
      <c r="H614060" s="12"/>
    </row>
    <row r="614061" spans="8:8">
      <c r="H614061" s="12"/>
    </row>
    <row r="614062" spans="8:8">
      <c r="H614062" s="12"/>
    </row>
    <row r="614063" spans="8:8">
      <c r="H614063" s="12"/>
    </row>
    <row r="614064" spans="8:8">
      <c r="H614064" s="12"/>
    </row>
    <row r="614065" spans="8:8">
      <c r="H614065" s="12"/>
    </row>
    <row r="614066" spans="8:8">
      <c r="H614066" s="12"/>
    </row>
    <row r="614067" spans="8:8">
      <c r="H614067" s="12"/>
    </row>
    <row r="614068" spans="8:8">
      <c r="H614068" s="12"/>
    </row>
    <row r="614069" spans="8:8">
      <c r="H614069" s="12"/>
    </row>
    <row r="614070" spans="8:8">
      <c r="H614070" s="12"/>
    </row>
    <row r="614071" spans="8:8">
      <c r="H614071" s="12"/>
    </row>
    <row r="614072" spans="8:8">
      <c r="H614072" s="12"/>
    </row>
    <row r="614073" spans="8:8">
      <c r="H614073" s="12"/>
    </row>
    <row r="614074" spans="8:8">
      <c r="H614074" s="12"/>
    </row>
    <row r="614075" spans="8:8">
      <c r="H614075" s="12"/>
    </row>
    <row r="614076" spans="8:8">
      <c r="H614076" s="12"/>
    </row>
    <row r="614077" spans="8:8">
      <c r="H614077" s="12"/>
    </row>
    <row r="614078" spans="8:8">
      <c r="H614078" s="12"/>
    </row>
    <row r="614079" spans="8:8">
      <c r="H614079" s="12"/>
    </row>
    <row r="614080" spans="8:8">
      <c r="H614080" s="12"/>
    </row>
    <row r="614081" spans="8:8">
      <c r="H614081" s="12"/>
    </row>
    <row r="614082" spans="8:8">
      <c r="H614082" s="12"/>
    </row>
    <row r="614083" spans="8:8">
      <c r="H614083" s="12"/>
    </row>
    <row r="614084" spans="8:8">
      <c r="H614084" s="12"/>
    </row>
    <row r="614085" spans="8:8">
      <c r="H614085" s="12"/>
    </row>
    <row r="614086" spans="8:8">
      <c r="H614086" s="12"/>
    </row>
    <row r="614087" spans="8:8">
      <c r="H614087" s="12"/>
    </row>
    <row r="614088" spans="8:8">
      <c r="H614088" s="12"/>
    </row>
    <row r="614089" spans="8:8">
      <c r="H614089" s="12"/>
    </row>
    <row r="614090" spans="8:8">
      <c r="H614090" s="12"/>
    </row>
    <row r="614091" spans="8:8">
      <c r="H614091" s="12"/>
    </row>
    <row r="614092" spans="8:8">
      <c r="H614092" s="12"/>
    </row>
    <row r="614093" spans="8:8">
      <c r="H614093" s="12"/>
    </row>
    <row r="614094" spans="8:8">
      <c r="H614094" s="12"/>
    </row>
    <row r="614095" spans="8:8">
      <c r="H614095" s="12"/>
    </row>
    <row r="614096" spans="8:8">
      <c r="H614096" s="12"/>
    </row>
    <row r="614097" spans="8:8">
      <c r="H614097" s="12"/>
    </row>
    <row r="614098" spans="8:8">
      <c r="H614098" s="12"/>
    </row>
    <row r="614099" spans="8:8">
      <c r="H614099" s="12"/>
    </row>
    <row r="614100" spans="8:8">
      <c r="H614100" s="12"/>
    </row>
    <row r="614101" spans="8:8">
      <c r="H614101" s="12"/>
    </row>
    <row r="614102" spans="8:8">
      <c r="H614102" s="12"/>
    </row>
    <row r="614103" spans="8:8">
      <c r="H614103" s="12"/>
    </row>
    <row r="614104" spans="8:8">
      <c r="H614104" s="12"/>
    </row>
    <row r="614105" spans="8:8">
      <c r="H614105" s="12"/>
    </row>
    <row r="614106" spans="8:8">
      <c r="H614106" s="12"/>
    </row>
    <row r="614107" spans="8:8">
      <c r="H614107" s="12"/>
    </row>
    <row r="614108" spans="8:8">
      <c r="H614108" s="12"/>
    </row>
    <row r="614109" spans="8:8">
      <c r="H614109" s="12"/>
    </row>
    <row r="614110" spans="8:8">
      <c r="H614110" s="12"/>
    </row>
    <row r="614111" spans="8:8">
      <c r="H614111" s="12"/>
    </row>
    <row r="614112" spans="8:8">
      <c r="H614112" s="12"/>
    </row>
    <row r="614113" spans="8:8">
      <c r="H614113" s="12"/>
    </row>
    <row r="614114" spans="8:8">
      <c r="H614114" s="12"/>
    </row>
    <row r="614115" spans="8:8">
      <c r="H614115" s="12"/>
    </row>
    <row r="614116" spans="8:8">
      <c r="H614116" s="12"/>
    </row>
    <row r="614117" spans="8:8">
      <c r="H614117" s="12"/>
    </row>
    <row r="614118" spans="8:8">
      <c r="H614118" s="12"/>
    </row>
    <row r="614119" spans="8:8">
      <c r="H614119" s="12"/>
    </row>
    <row r="614120" spans="8:8">
      <c r="H614120" s="12"/>
    </row>
    <row r="614121" spans="8:8">
      <c r="H614121" s="12"/>
    </row>
    <row r="614122" spans="8:8">
      <c r="H614122" s="12"/>
    </row>
    <row r="614123" spans="8:8">
      <c r="H614123" s="12"/>
    </row>
    <row r="614124" spans="8:8">
      <c r="H614124" s="12"/>
    </row>
    <row r="614125" spans="8:8">
      <c r="H614125" s="12"/>
    </row>
    <row r="614126" spans="8:8">
      <c r="H614126" s="12"/>
    </row>
    <row r="614127" spans="8:8">
      <c r="H614127" s="12"/>
    </row>
    <row r="614128" spans="8:8">
      <c r="H614128" s="12"/>
    </row>
    <row r="614129" spans="8:8">
      <c r="H614129" s="12"/>
    </row>
    <row r="614130" spans="8:8">
      <c r="H614130" s="12"/>
    </row>
    <row r="614131" spans="8:8">
      <c r="H614131" s="12"/>
    </row>
    <row r="614132" spans="8:8">
      <c r="H614132" s="12"/>
    </row>
    <row r="614133" spans="8:8">
      <c r="H614133" s="12"/>
    </row>
    <row r="614134" spans="8:8">
      <c r="H614134" s="12"/>
    </row>
    <row r="614135" spans="8:8">
      <c r="H614135" s="12"/>
    </row>
    <row r="614136" spans="8:8">
      <c r="H614136" s="12"/>
    </row>
    <row r="614137" spans="8:8">
      <c r="H614137" s="12"/>
    </row>
    <row r="614138" spans="8:8">
      <c r="H614138" s="12"/>
    </row>
    <row r="614139" spans="8:8">
      <c r="H614139" s="12"/>
    </row>
    <row r="614140" spans="8:8">
      <c r="H614140" s="12"/>
    </row>
    <row r="614141" spans="8:8">
      <c r="H614141" s="12"/>
    </row>
    <row r="614142" spans="8:8">
      <c r="H614142" s="12"/>
    </row>
    <row r="614143" spans="8:8">
      <c r="H614143" s="12"/>
    </row>
    <row r="614144" spans="8:8">
      <c r="H614144" s="12"/>
    </row>
    <row r="614145" spans="8:8">
      <c r="H614145" s="12"/>
    </row>
    <row r="614146" spans="8:8">
      <c r="H614146" s="12"/>
    </row>
    <row r="614147" spans="8:8">
      <c r="H614147" s="12"/>
    </row>
    <row r="614148" spans="8:8">
      <c r="H614148" s="12"/>
    </row>
    <row r="614149" spans="8:8">
      <c r="H614149" s="12"/>
    </row>
    <row r="614150" spans="8:8">
      <c r="H614150" s="12"/>
    </row>
    <row r="614151" spans="8:8">
      <c r="H614151" s="12"/>
    </row>
    <row r="614152" spans="8:8">
      <c r="H614152" s="12"/>
    </row>
    <row r="614153" spans="8:8">
      <c r="H614153" s="12"/>
    </row>
    <row r="614154" spans="8:8">
      <c r="H614154" s="12"/>
    </row>
    <row r="614155" spans="8:8">
      <c r="H614155" s="12"/>
    </row>
    <row r="614156" spans="8:8">
      <c r="H614156" s="12"/>
    </row>
    <row r="614157" spans="8:8">
      <c r="H614157" s="12"/>
    </row>
    <row r="614158" spans="8:8">
      <c r="H614158" s="12"/>
    </row>
    <row r="614159" spans="8:8">
      <c r="H614159" s="12"/>
    </row>
    <row r="614160" spans="8:8">
      <c r="H614160" s="12"/>
    </row>
    <row r="614161" spans="8:8">
      <c r="H614161" s="12"/>
    </row>
    <row r="614162" spans="8:8">
      <c r="H614162" s="12"/>
    </row>
    <row r="614163" spans="8:8">
      <c r="H614163" s="12"/>
    </row>
    <row r="614164" spans="8:8">
      <c r="H614164" s="12"/>
    </row>
    <row r="614165" spans="8:8">
      <c r="H614165" s="12"/>
    </row>
    <row r="614166" spans="8:8">
      <c r="H614166" s="12"/>
    </row>
    <row r="614167" spans="8:8">
      <c r="H614167" s="12"/>
    </row>
    <row r="614168" spans="8:8">
      <c r="H614168" s="12"/>
    </row>
    <row r="614169" spans="8:8">
      <c r="H614169" s="12"/>
    </row>
    <row r="614170" spans="8:8">
      <c r="H614170" s="12"/>
    </row>
    <row r="614171" spans="8:8">
      <c r="H614171" s="12"/>
    </row>
    <row r="614172" spans="8:8">
      <c r="H614172" s="12"/>
    </row>
    <row r="614173" spans="8:8">
      <c r="H614173" s="12"/>
    </row>
    <row r="614174" spans="8:8">
      <c r="H614174" s="12"/>
    </row>
    <row r="614175" spans="8:8">
      <c r="H614175" s="12"/>
    </row>
    <row r="614176" spans="8:8">
      <c r="H614176" s="12"/>
    </row>
    <row r="614177" spans="8:8">
      <c r="H614177" s="12"/>
    </row>
    <row r="614178" spans="8:8">
      <c r="H614178" s="12"/>
    </row>
    <row r="614179" spans="8:8">
      <c r="H614179" s="12"/>
    </row>
    <row r="614180" spans="8:8">
      <c r="H614180" s="12"/>
    </row>
    <row r="614181" spans="8:8">
      <c r="H614181" s="12"/>
    </row>
    <row r="614182" spans="8:8">
      <c r="H614182" s="12"/>
    </row>
    <row r="614183" spans="8:8">
      <c r="H614183" s="12"/>
    </row>
    <row r="614184" spans="8:8">
      <c r="H614184" s="12"/>
    </row>
    <row r="614185" spans="8:8">
      <c r="H614185" s="12"/>
    </row>
    <row r="614186" spans="8:8">
      <c r="H614186" s="12"/>
    </row>
    <row r="614187" spans="8:8">
      <c r="H614187" s="12"/>
    </row>
    <row r="614188" spans="8:8">
      <c r="H614188" s="12"/>
    </row>
    <row r="614189" spans="8:8">
      <c r="H614189" s="12"/>
    </row>
    <row r="614190" spans="8:8">
      <c r="H614190" s="12"/>
    </row>
    <row r="614191" spans="8:8">
      <c r="H614191" s="12"/>
    </row>
    <row r="614192" spans="8:8">
      <c r="H614192" s="12"/>
    </row>
    <row r="614193" spans="8:8">
      <c r="H614193" s="12"/>
    </row>
    <row r="614194" spans="8:8">
      <c r="H614194" s="12"/>
    </row>
    <row r="614195" spans="8:8">
      <c r="H614195" s="12"/>
    </row>
    <row r="614196" spans="8:8">
      <c r="H614196" s="12"/>
    </row>
    <row r="614197" spans="8:8">
      <c r="H614197" s="12"/>
    </row>
    <row r="614198" spans="8:8">
      <c r="H614198" s="12"/>
    </row>
    <row r="614199" spans="8:8">
      <c r="H614199" s="12"/>
    </row>
    <row r="614200" spans="8:8">
      <c r="H614200" s="12"/>
    </row>
    <row r="614201" spans="8:8">
      <c r="H614201" s="12"/>
    </row>
    <row r="614202" spans="8:8">
      <c r="H614202" s="12"/>
    </row>
    <row r="614203" spans="8:8">
      <c r="H614203" s="12"/>
    </row>
    <row r="614204" spans="8:8">
      <c r="H614204" s="12"/>
    </row>
    <row r="614205" spans="8:8">
      <c r="H614205" s="12"/>
    </row>
    <row r="614206" spans="8:8">
      <c r="H614206" s="12"/>
    </row>
    <row r="614207" spans="8:8">
      <c r="H614207" s="12"/>
    </row>
    <row r="614208" spans="8:8">
      <c r="H614208" s="12"/>
    </row>
    <row r="614209" spans="8:8">
      <c r="H614209" s="12"/>
    </row>
    <row r="614210" spans="8:8">
      <c r="H614210" s="12"/>
    </row>
    <row r="614211" spans="8:8">
      <c r="H614211" s="12"/>
    </row>
    <row r="614212" spans="8:8">
      <c r="H614212" s="12"/>
    </row>
    <row r="614213" spans="8:8">
      <c r="H614213" s="12"/>
    </row>
    <row r="614214" spans="8:8">
      <c r="H614214" s="12"/>
    </row>
    <row r="614215" spans="8:8">
      <c r="H614215" s="12"/>
    </row>
    <row r="614216" spans="8:8">
      <c r="H614216" s="12"/>
    </row>
    <row r="614217" spans="8:8">
      <c r="H614217" s="12"/>
    </row>
    <row r="614218" spans="8:8">
      <c r="H614218" s="12"/>
    </row>
    <row r="614219" spans="8:8">
      <c r="H614219" s="12"/>
    </row>
    <row r="614220" spans="8:8">
      <c r="H614220" s="12"/>
    </row>
    <row r="614221" spans="8:8">
      <c r="H614221" s="12"/>
    </row>
    <row r="614222" spans="8:8">
      <c r="H614222" s="12"/>
    </row>
    <row r="614223" spans="8:8">
      <c r="H614223" s="12"/>
    </row>
    <row r="614224" spans="8:8">
      <c r="H614224" s="12"/>
    </row>
    <row r="614225" spans="8:8">
      <c r="H614225" s="12"/>
    </row>
    <row r="614226" spans="8:8">
      <c r="H614226" s="12"/>
    </row>
    <row r="614227" spans="8:8">
      <c r="H614227" s="12"/>
    </row>
    <row r="614228" spans="8:8">
      <c r="H614228" s="12"/>
    </row>
    <row r="614229" spans="8:8">
      <c r="H614229" s="12"/>
    </row>
    <row r="614230" spans="8:8">
      <c r="H614230" s="12"/>
    </row>
    <row r="614231" spans="8:8">
      <c r="H614231" s="12"/>
    </row>
    <row r="614232" spans="8:8">
      <c r="H614232" s="12"/>
    </row>
    <row r="614233" spans="8:8">
      <c r="H614233" s="12"/>
    </row>
    <row r="614234" spans="8:8">
      <c r="H614234" s="12"/>
    </row>
    <row r="614235" spans="8:8">
      <c r="H614235" s="12"/>
    </row>
    <row r="614236" spans="8:8">
      <c r="H614236" s="12"/>
    </row>
    <row r="614237" spans="8:8">
      <c r="H614237" s="12"/>
    </row>
    <row r="614238" spans="8:8">
      <c r="H614238" s="12"/>
    </row>
    <row r="614239" spans="8:8">
      <c r="H614239" s="12"/>
    </row>
    <row r="614240" spans="8:8">
      <c r="H614240" s="12"/>
    </row>
    <row r="614241" spans="8:8">
      <c r="H614241" s="12"/>
    </row>
    <row r="614242" spans="8:8">
      <c r="H614242" s="12"/>
    </row>
    <row r="614243" spans="8:8">
      <c r="H614243" s="12"/>
    </row>
    <row r="614244" spans="8:8">
      <c r="H614244" s="12"/>
    </row>
    <row r="614245" spans="8:8">
      <c r="H614245" s="12"/>
    </row>
    <row r="614246" spans="8:8">
      <c r="H614246" s="12"/>
    </row>
    <row r="614247" spans="8:8">
      <c r="H614247" s="12"/>
    </row>
    <row r="614248" spans="8:8">
      <c r="H614248" s="12"/>
    </row>
    <row r="614249" spans="8:8">
      <c r="H614249" s="12"/>
    </row>
    <row r="614250" spans="8:8">
      <c r="H614250" s="12"/>
    </row>
    <row r="614251" spans="8:8">
      <c r="H614251" s="12"/>
    </row>
    <row r="614252" spans="8:8">
      <c r="H614252" s="12"/>
    </row>
    <row r="614253" spans="8:8">
      <c r="H614253" s="12"/>
    </row>
    <row r="614254" spans="8:8">
      <c r="H614254" s="12"/>
    </row>
    <row r="614255" spans="8:8">
      <c r="H614255" s="12"/>
    </row>
    <row r="614256" spans="8:8">
      <c r="H614256" s="12"/>
    </row>
    <row r="614257" spans="8:8">
      <c r="H614257" s="12"/>
    </row>
    <row r="614258" spans="8:8">
      <c r="H614258" s="12"/>
    </row>
    <row r="614259" spans="8:8">
      <c r="H614259" s="12"/>
    </row>
    <row r="614260" spans="8:8">
      <c r="H614260" s="12"/>
    </row>
    <row r="614261" spans="8:8">
      <c r="H614261" s="12"/>
    </row>
    <row r="614262" spans="8:8">
      <c r="H614262" s="12"/>
    </row>
    <row r="614263" spans="8:8">
      <c r="H614263" s="12"/>
    </row>
    <row r="614264" spans="8:8">
      <c r="H614264" s="12"/>
    </row>
    <row r="614265" spans="8:8">
      <c r="H614265" s="12"/>
    </row>
    <row r="614266" spans="8:8">
      <c r="H614266" s="12"/>
    </row>
    <row r="614267" spans="8:8">
      <c r="H614267" s="12"/>
    </row>
    <row r="614268" spans="8:8">
      <c r="H614268" s="12"/>
    </row>
    <row r="614269" spans="8:8">
      <c r="H614269" s="12"/>
    </row>
    <row r="614270" spans="8:8">
      <c r="H614270" s="12"/>
    </row>
    <row r="614271" spans="8:8">
      <c r="H614271" s="12"/>
    </row>
    <row r="614272" spans="8:8">
      <c r="H614272" s="12"/>
    </row>
    <row r="614273" spans="8:8">
      <c r="H614273" s="12"/>
    </row>
    <row r="614274" spans="8:8">
      <c r="H614274" s="12"/>
    </row>
    <row r="614275" spans="8:8">
      <c r="H614275" s="12"/>
    </row>
    <row r="614276" spans="8:8">
      <c r="H614276" s="12"/>
    </row>
    <row r="614277" spans="8:8">
      <c r="H614277" s="12"/>
    </row>
    <row r="614278" spans="8:8">
      <c r="H614278" s="12"/>
    </row>
    <row r="614279" spans="8:8">
      <c r="H614279" s="12"/>
    </row>
    <row r="614280" spans="8:8">
      <c r="H614280" s="12"/>
    </row>
    <row r="614281" spans="8:8">
      <c r="H614281" s="12"/>
    </row>
    <row r="614282" spans="8:8">
      <c r="H614282" s="12"/>
    </row>
    <row r="614283" spans="8:8">
      <c r="H614283" s="12"/>
    </row>
    <row r="614284" spans="8:8">
      <c r="H614284" s="12"/>
    </row>
    <row r="614285" spans="8:8">
      <c r="H614285" s="12"/>
    </row>
    <row r="614286" spans="8:8">
      <c r="H614286" s="12"/>
    </row>
    <row r="614287" spans="8:8">
      <c r="H614287" s="12"/>
    </row>
    <row r="614288" spans="8:8">
      <c r="H614288" s="12"/>
    </row>
    <row r="614289" spans="8:8">
      <c r="H614289" s="12"/>
    </row>
    <row r="614290" spans="8:8">
      <c r="H614290" s="12"/>
    </row>
    <row r="614291" spans="8:8">
      <c r="H614291" s="12"/>
    </row>
    <row r="614292" spans="8:8">
      <c r="H614292" s="12"/>
    </row>
    <row r="614293" spans="8:8">
      <c r="H614293" s="12"/>
    </row>
    <row r="614294" spans="8:8">
      <c r="H614294" s="12"/>
    </row>
    <row r="614295" spans="8:8">
      <c r="H614295" s="12"/>
    </row>
    <row r="614296" spans="8:8">
      <c r="H614296" s="12"/>
    </row>
    <row r="614297" spans="8:8">
      <c r="H614297" s="12"/>
    </row>
    <row r="614298" spans="8:8">
      <c r="H614298" s="12"/>
    </row>
    <row r="614299" spans="8:8">
      <c r="H614299" s="12"/>
    </row>
    <row r="614300" spans="8:8">
      <c r="H614300" s="12"/>
    </row>
    <row r="614301" spans="8:8">
      <c r="H614301" s="12"/>
    </row>
    <row r="614302" spans="8:8">
      <c r="H614302" s="12"/>
    </row>
    <row r="614303" spans="8:8">
      <c r="H614303" s="12"/>
    </row>
    <row r="614304" spans="8:8">
      <c r="H614304" s="12"/>
    </row>
    <row r="614305" spans="8:8">
      <c r="H614305" s="12"/>
    </row>
    <row r="614306" spans="8:8">
      <c r="H614306" s="12"/>
    </row>
    <row r="614307" spans="8:8">
      <c r="H614307" s="12"/>
    </row>
    <row r="614308" spans="8:8">
      <c r="H614308" s="12"/>
    </row>
    <row r="614309" spans="8:8">
      <c r="H614309" s="12"/>
    </row>
    <row r="614310" spans="8:8">
      <c r="H614310" s="12"/>
    </row>
    <row r="614311" spans="8:8">
      <c r="H614311" s="12"/>
    </row>
    <row r="614312" spans="8:8">
      <c r="H614312" s="12"/>
    </row>
    <row r="614313" spans="8:8">
      <c r="H614313" s="12"/>
    </row>
    <row r="614314" spans="8:8">
      <c r="H614314" s="12"/>
    </row>
    <row r="614315" spans="8:8">
      <c r="H614315" s="12"/>
    </row>
    <row r="614316" spans="8:8">
      <c r="H614316" s="12"/>
    </row>
    <row r="614317" spans="8:8">
      <c r="H614317" s="12"/>
    </row>
    <row r="614318" spans="8:8">
      <c r="H614318" s="12"/>
    </row>
    <row r="614319" spans="8:8">
      <c r="H614319" s="12"/>
    </row>
    <row r="614320" spans="8:8">
      <c r="H614320" s="12"/>
    </row>
    <row r="614321" spans="8:8">
      <c r="H614321" s="12"/>
    </row>
    <row r="614322" spans="8:8">
      <c r="H614322" s="12"/>
    </row>
    <row r="614323" spans="8:8">
      <c r="H614323" s="12"/>
    </row>
    <row r="614324" spans="8:8">
      <c r="H614324" s="12"/>
    </row>
    <row r="614325" spans="8:8">
      <c r="H614325" s="12"/>
    </row>
    <row r="614326" spans="8:8">
      <c r="H614326" s="12"/>
    </row>
    <row r="614327" spans="8:8">
      <c r="H614327" s="12"/>
    </row>
    <row r="614328" spans="8:8">
      <c r="H614328" s="12"/>
    </row>
    <row r="614329" spans="8:8">
      <c r="H614329" s="12"/>
    </row>
    <row r="614330" spans="8:8">
      <c r="H614330" s="12"/>
    </row>
    <row r="614331" spans="8:8">
      <c r="H614331" s="12"/>
    </row>
    <row r="614332" spans="8:8">
      <c r="H614332" s="12"/>
    </row>
    <row r="614333" spans="8:8">
      <c r="H614333" s="12"/>
    </row>
    <row r="614334" spans="8:8">
      <c r="H614334" s="12"/>
    </row>
    <row r="614335" spans="8:8">
      <c r="H614335" s="12"/>
    </row>
    <row r="614336" spans="8:8">
      <c r="H614336" s="12"/>
    </row>
    <row r="614337" spans="8:8">
      <c r="H614337" s="12"/>
    </row>
    <row r="614338" spans="8:8">
      <c r="H614338" s="12"/>
    </row>
    <row r="614339" spans="8:8">
      <c r="H614339" s="12"/>
    </row>
    <row r="614340" spans="8:8">
      <c r="H614340" s="12"/>
    </row>
    <row r="614341" spans="8:8">
      <c r="H614341" s="12"/>
    </row>
    <row r="614342" spans="8:8">
      <c r="H614342" s="12"/>
    </row>
    <row r="614343" spans="8:8">
      <c r="H614343" s="12"/>
    </row>
    <row r="614344" spans="8:8">
      <c r="H614344" s="12"/>
    </row>
    <row r="614345" spans="8:8">
      <c r="H614345" s="12"/>
    </row>
    <row r="614346" spans="8:8">
      <c r="H614346" s="12"/>
    </row>
    <row r="614347" spans="8:8">
      <c r="H614347" s="12"/>
    </row>
    <row r="614348" spans="8:8">
      <c r="H614348" s="12"/>
    </row>
    <row r="614349" spans="8:8">
      <c r="H614349" s="12"/>
    </row>
    <row r="614350" spans="8:8">
      <c r="H614350" s="12"/>
    </row>
    <row r="614351" spans="8:8">
      <c r="H614351" s="12"/>
    </row>
    <row r="614352" spans="8:8">
      <c r="H614352" s="12"/>
    </row>
    <row r="614353" spans="8:8">
      <c r="H614353" s="12"/>
    </row>
    <row r="614354" spans="8:8">
      <c r="H614354" s="12"/>
    </row>
    <row r="614355" spans="8:8">
      <c r="H614355" s="12"/>
    </row>
    <row r="614356" spans="8:8">
      <c r="H614356" s="12"/>
    </row>
    <row r="614357" spans="8:8">
      <c r="H614357" s="12"/>
    </row>
    <row r="614358" spans="8:8">
      <c r="H614358" s="12"/>
    </row>
    <row r="614359" spans="8:8">
      <c r="H614359" s="12"/>
    </row>
    <row r="614360" spans="8:8">
      <c r="H614360" s="12"/>
    </row>
    <row r="614361" spans="8:8">
      <c r="H614361" s="12"/>
    </row>
    <row r="614362" spans="8:8">
      <c r="H614362" s="12"/>
    </row>
    <row r="614363" spans="8:8">
      <c r="H614363" s="12"/>
    </row>
    <row r="614364" spans="8:8">
      <c r="H614364" s="12"/>
    </row>
    <row r="614365" spans="8:8">
      <c r="H614365" s="12"/>
    </row>
    <row r="614366" spans="8:8">
      <c r="H614366" s="12"/>
    </row>
    <row r="614367" spans="8:8">
      <c r="H614367" s="12"/>
    </row>
    <row r="614368" spans="8:8">
      <c r="H614368" s="12"/>
    </row>
    <row r="614369" spans="8:8">
      <c r="H614369" s="12"/>
    </row>
    <row r="614370" spans="8:8">
      <c r="H614370" s="12"/>
    </row>
    <row r="614371" spans="8:8">
      <c r="H614371" s="12"/>
    </row>
    <row r="614372" spans="8:8">
      <c r="H614372" s="12"/>
    </row>
    <row r="614373" spans="8:8">
      <c r="H614373" s="12"/>
    </row>
    <row r="614374" spans="8:8">
      <c r="H614374" s="12"/>
    </row>
    <row r="614375" spans="8:8">
      <c r="H614375" s="12"/>
    </row>
    <row r="614376" spans="8:8">
      <c r="H614376" s="12"/>
    </row>
    <row r="614377" spans="8:8">
      <c r="H614377" s="12"/>
    </row>
    <row r="614378" spans="8:8">
      <c r="H614378" s="12"/>
    </row>
    <row r="614379" spans="8:8">
      <c r="H614379" s="12"/>
    </row>
    <row r="614380" spans="8:8">
      <c r="H614380" s="12"/>
    </row>
    <row r="614381" spans="8:8">
      <c r="H614381" s="12"/>
    </row>
    <row r="614382" spans="8:8">
      <c r="H614382" s="12"/>
    </row>
    <row r="614383" spans="8:8">
      <c r="H614383" s="12"/>
    </row>
    <row r="614384" spans="8:8">
      <c r="H614384" s="12"/>
    </row>
    <row r="614385" spans="8:8">
      <c r="H614385" s="12"/>
    </row>
    <row r="614386" spans="8:8">
      <c r="H614386" s="12"/>
    </row>
    <row r="614387" spans="8:8">
      <c r="H614387" s="12"/>
    </row>
    <row r="614388" spans="8:8">
      <c r="H614388" s="12"/>
    </row>
    <row r="614389" spans="8:8">
      <c r="H614389" s="12"/>
    </row>
    <row r="614390" spans="8:8">
      <c r="H614390" s="12"/>
    </row>
    <row r="614391" spans="8:8">
      <c r="H614391" s="12"/>
    </row>
    <row r="614392" spans="8:8">
      <c r="H614392" s="12"/>
    </row>
    <row r="614393" spans="8:8">
      <c r="H614393" s="12"/>
    </row>
    <row r="614394" spans="8:8">
      <c r="H614394" s="12"/>
    </row>
    <row r="614395" spans="8:8">
      <c r="H614395" s="12"/>
    </row>
    <row r="614396" spans="8:8">
      <c r="H614396" s="12"/>
    </row>
    <row r="614397" spans="8:8">
      <c r="H614397" s="12"/>
    </row>
    <row r="614398" spans="8:8">
      <c r="H614398" s="12"/>
    </row>
    <row r="614399" spans="8:8">
      <c r="H614399" s="12"/>
    </row>
    <row r="614400" spans="8:8">
      <c r="H614400" s="12"/>
    </row>
    <row r="614401" spans="8:8">
      <c r="H614401" s="12"/>
    </row>
    <row r="614402" spans="8:8">
      <c r="H614402" s="12"/>
    </row>
    <row r="614403" spans="8:8">
      <c r="H614403" s="12"/>
    </row>
    <row r="614404" spans="8:8">
      <c r="H614404" s="12"/>
    </row>
    <row r="614405" spans="8:8">
      <c r="H614405" s="12"/>
    </row>
    <row r="614406" spans="8:8">
      <c r="H614406" s="12"/>
    </row>
    <row r="614407" spans="8:8">
      <c r="H614407" s="12"/>
    </row>
    <row r="614408" spans="8:8">
      <c r="H614408" s="12"/>
    </row>
    <row r="614409" spans="8:8">
      <c r="H614409" s="12"/>
    </row>
    <row r="614410" spans="8:8">
      <c r="H614410" s="12"/>
    </row>
    <row r="614411" spans="8:8">
      <c r="H614411" s="12"/>
    </row>
    <row r="614412" spans="8:8">
      <c r="H614412" s="12"/>
    </row>
    <row r="614413" spans="8:8">
      <c r="H614413" s="12"/>
    </row>
    <row r="614414" spans="8:8">
      <c r="H614414" s="12"/>
    </row>
    <row r="614415" spans="8:8">
      <c r="H614415" s="12"/>
    </row>
    <row r="614416" spans="8:8">
      <c r="H614416" s="12"/>
    </row>
    <row r="614417" spans="8:8">
      <c r="H614417" s="12"/>
    </row>
    <row r="614418" spans="8:8">
      <c r="H614418" s="12"/>
    </row>
    <row r="614419" spans="8:8">
      <c r="H614419" s="12"/>
    </row>
    <row r="614420" spans="8:8">
      <c r="H614420" s="12"/>
    </row>
    <row r="614421" spans="8:8">
      <c r="H614421" s="12"/>
    </row>
    <row r="614422" spans="8:8">
      <c r="H614422" s="12"/>
    </row>
    <row r="614423" spans="8:8">
      <c r="H614423" s="12"/>
    </row>
    <row r="614424" spans="8:8">
      <c r="H614424" s="12"/>
    </row>
    <row r="614425" spans="8:8">
      <c r="H614425" s="12"/>
    </row>
    <row r="614426" spans="8:8">
      <c r="H614426" s="12"/>
    </row>
    <row r="614427" spans="8:8">
      <c r="H614427" s="12"/>
    </row>
    <row r="614428" spans="8:8">
      <c r="H614428" s="12"/>
    </row>
    <row r="614429" spans="8:8">
      <c r="H614429" s="12"/>
    </row>
    <row r="614430" spans="8:8">
      <c r="H614430" s="12"/>
    </row>
    <row r="614431" spans="8:8">
      <c r="H614431" s="12"/>
    </row>
    <row r="614432" spans="8:8">
      <c r="H614432" s="12"/>
    </row>
    <row r="614433" spans="8:8">
      <c r="H614433" s="12"/>
    </row>
    <row r="614434" spans="8:8">
      <c r="H614434" s="12"/>
    </row>
    <row r="614435" spans="8:8">
      <c r="H614435" s="12"/>
    </row>
    <row r="614436" spans="8:8">
      <c r="H614436" s="12"/>
    </row>
    <row r="614437" spans="8:8">
      <c r="H614437" s="12"/>
    </row>
    <row r="614438" spans="8:8">
      <c r="H614438" s="12"/>
    </row>
    <row r="614439" spans="8:8">
      <c r="H614439" s="12"/>
    </row>
    <row r="614440" spans="8:8">
      <c r="H614440" s="12"/>
    </row>
    <row r="614441" spans="8:8">
      <c r="H614441" s="12"/>
    </row>
    <row r="614442" spans="8:8">
      <c r="H614442" s="12"/>
    </row>
    <row r="614443" spans="8:8">
      <c r="H614443" s="12"/>
    </row>
    <row r="614444" spans="8:8">
      <c r="H614444" s="12"/>
    </row>
    <row r="614445" spans="8:8">
      <c r="H614445" s="12"/>
    </row>
    <row r="614446" spans="8:8">
      <c r="H614446" s="12"/>
    </row>
    <row r="614447" spans="8:8">
      <c r="H614447" s="12"/>
    </row>
    <row r="614448" spans="8:8">
      <c r="H614448" s="12"/>
    </row>
    <row r="614449" spans="8:8">
      <c r="H614449" s="12"/>
    </row>
    <row r="614450" spans="8:8">
      <c r="H614450" s="12"/>
    </row>
    <row r="614451" spans="8:8">
      <c r="H614451" s="12"/>
    </row>
    <row r="614452" spans="8:8">
      <c r="H614452" s="12"/>
    </row>
    <row r="614453" spans="8:8">
      <c r="H614453" s="12"/>
    </row>
    <row r="614454" spans="8:8">
      <c r="H614454" s="12"/>
    </row>
    <row r="614455" spans="8:8">
      <c r="H614455" s="12"/>
    </row>
    <row r="614456" spans="8:8">
      <c r="H614456" s="12"/>
    </row>
    <row r="614457" spans="8:8">
      <c r="H614457" s="12"/>
    </row>
    <row r="614458" spans="8:8">
      <c r="H614458" s="12"/>
    </row>
    <row r="614459" spans="8:8">
      <c r="H614459" s="12"/>
    </row>
    <row r="614460" spans="8:8">
      <c r="H614460" s="12"/>
    </row>
    <row r="614461" spans="8:8">
      <c r="H614461" s="12"/>
    </row>
    <row r="614462" spans="8:8">
      <c r="H614462" s="12"/>
    </row>
    <row r="614463" spans="8:8">
      <c r="H614463" s="12"/>
    </row>
    <row r="614464" spans="8:8">
      <c r="H614464" s="12"/>
    </row>
    <row r="614465" spans="8:8">
      <c r="H614465" s="12"/>
    </row>
    <row r="614466" spans="8:8">
      <c r="H614466" s="12"/>
    </row>
    <row r="614467" spans="8:8">
      <c r="H614467" s="12"/>
    </row>
    <row r="614468" spans="8:8">
      <c r="H614468" s="12"/>
    </row>
    <row r="614469" spans="8:8">
      <c r="H614469" s="12"/>
    </row>
    <row r="614470" spans="8:8">
      <c r="H614470" s="12"/>
    </row>
    <row r="614471" spans="8:8">
      <c r="H614471" s="12"/>
    </row>
    <row r="614472" spans="8:8">
      <c r="H614472" s="12"/>
    </row>
    <row r="614473" spans="8:8">
      <c r="H614473" s="12"/>
    </row>
    <row r="614474" spans="8:8">
      <c r="H614474" s="12"/>
    </row>
    <row r="614475" spans="8:8">
      <c r="H614475" s="12"/>
    </row>
    <row r="614476" spans="8:8">
      <c r="H614476" s="12"/>
    </row>
    <row r="614477" spans="8:8">
      <c r="H614477" s="12"/>
    </row>
    <row r="614478" spans="8:8">
      <c r="H614478" s="12"/>
    </row>
    <row r="614479" spans="8:8">
      <c r="H614479" s="12"/>
    </row>
    <row r="614480" spans="8:8">
      <c r="H614480" s="12"/>
    </row>
    <row r="614481" spans="8:8">
      <c r="H614481" s="12"/>
    </row>
    <row r="614482" spans="8:8">
      <c r="H614482" s="12"/>
    </row>
    <row r="614483" spans="8:8">
      <c r="H614483" s="12"/>
    </row>
    <row r="614484" spans="8:8">
      <c r="H614484" s="12"/>
    </row>
    <row r="614485" spans="8:8">
      <c r="H614485" s="12"/>
    </row>
    <row r="614486" spans="8:8">
      <c r="H614486" s="12"/>
    </row>
    <row r="614487" spans="8:8">
      <c r="H614487" s="12"/>
    </row>
    <row r="614488" spans="8:8">
      <c r="H614488" s="12"/>
    </row>
    <row r="614489" spans="8:8">
      <c r="H614489" s="12"/>
    </row>
    <row r="614490" spans="8:8">
      <c r="H614490" s="12"/>
    </row>
    <row r="614491" spans="8:8">
      <c r="H614491" s="12"/>
    </row>
    <row r="614492" spans="8:8">
      <c r="H614492" s="12"/>
    </row>
    <row r="614493" spans="8:8">
      <c r="H614493" s="12"/>
    </row>
    <row r="614494" spans="8:8">
      <c r="H614494" s="12"/>
    </row>
    <row r="614495" spans="8:8">
      <c r="H614495" s="12"/>
    </row>
    <row r="614496" spans="8:8">
      <c r="H614496" s="12"/>
    </row>
    <row r="614497" spans="8:8">
      <c r="H614497" s="12"/>
    </row>
    <row r="614498" spans="8:8">
      <c r="H614498" s="12"/>
    </row>
    <row r="614499" spans="8:8">
      <c r="H614499" s="12"/>
    </row>
    <row r="614500" spans="8:8">
      <c r="H614500" s="12"/>
    </row>
    <row r="614501" spans="8:8">
      <c r="H614501" s="12"/>
    </row>
    <row r="614502" spans="8:8">
      <c r="H614502" s="12"/>
    </row>
    <row r="614503" spans="8:8">
      <c r="H614503" s="12"/>
    </row>
    <row r="614504" spans="8:8">
      <c r="H614504" s="12"/>
    </row>
    <row r="614505" spans="8:8">
      <c r="H614505" s="12"/>
    </row>
    <row r="614506" spans="8:8">
      <c r="H614506" s="12"/>
    </row>
    <row r="614507" spans="8:8">
      <c r="H614507" s="12"/>
    </row>
    <row r="614508" spans="8:8">
      <c r="H614508" s="12"/>
    </row>
    <row r="614509" spans="8:8">
      <c r="H614509" s="12"/>
    </row>
    <row r="614510" spans="8:8">
      <c r="H614510" s="12"/>
    </row>
    <row r="614511" spans="8:8">
      <c r="H614511" s="12"/>
    </row>
    <row r="614512" spans="8:8">
      <c r="H614512" s="12"/>
    </row>
    <row r="614513" spans="8:8">
      <c r="H614513" s="12"/>
    </row>
    <row r="614514" spans="8:8">
      <c r="H614514" s="12"/>
    </row>
    <row r="614515" spans="8:8">
      <c r="H614515" s="12"/>
    </row>
    <row r="614516" spans="8:8">
      <c r="H614516" s="12"/>
    </row>
    <row r="614517" spans="8:8">
      <c r="H614517" s="12"/>
    </row>
    <row r="614518" spans="8:8">
      <c r="H614518" s="12"/>
    </row>
    <row r="614519" spans="8:8">
      <c r="H614519" s="12"/>
    </row>
    <row r="614520" spans="8:8">
      <c r="H614520" s="12"/>
    </row>
    <row r="614521" spans="8:8">
      <c r="H614521" s="12"/>
    </row>
    <row r="614522" spans="8:8">
      <c r="H614522" s="12"/>
    </row>
    <row r="614523" spans="8:8">
      <c r="H614523" s="12"/>
    </row>
    <row r="614524" spans="8:8">
      <c r="H614524" s="12"/>
    </row>
    <row r="614525" spans="8:8">
      <c r="H614525" s="12"/>
    </row>
    <row r="614526" spans="8:8">
      <c r="H614526" s="12"/>
    </row>
    <row r="614527" spans="8:8">
      <c r="H614527" s="12"/>
    </row>
    <row r="614528" spans="8:8">
      <c r="H614528" s="12"/>
    </row>
    <row r="614529" spans="8:8">
      <c r="H614529" s="12"/>
    </row>
    <row r="614530" spans="8:8">
      <c r="H614530" s="12"/>
    </row>
    <row r="614531" spans="8:8">
      <c r="H614531" s="12"/>
    </row>
    <row r="614532" spans="8:8">
      <c r="H614532" s="12"/>
    </row>
    <row r="614533" spans="8:8">
      <c r="H614533" s="12"/>
    </row>
    <row r="614534" spans="8:8">
      <c r="H614534" s="12"/>
    </row>
    <row r="614535" spans="8:8">
      <c r="H614535" s="12"/>
    </row>
    <row r="614536" spans="8:8">
      <c r="H614536" s="12"/>
    </row>
    <row r="614537" spans="8:8">
      <c r="H614537" s="12"/>
    </row>
    <row r="614538" spans="8:8">
      <c r="H614538" s="12"/>
    </row>
    <row r="614539" spans="8:8">
      <c r="H614539" s="12"/>
    </row>
    <row r="614540" spans="8:8">
      <c r="H614540" s="12"/>
    </row>
    <row r="614541" spans="8:8">
      <c r="H614541" s="12"/>
    </row>
    <row r="614542" spans="8:8">
      <c r="H614542" s="12"/>
    </row>
    <row r="614543" spans="8:8">
      <c r="H614543" s="12"/>
    </row>
    <row r="614544" spans="8:8">
      <c r="H614544" s="12"/>
    </row>
    <row r="614545" spans="8:8">
      <c r="H614545" s="12"/>
    </row>
    <row r="614546" spans="8:8">
      <c r="H614546" s="12"/>
    </row>
    <row r="614547" spans="8:8">
      <c r="H614547" s="12"/>
    </row>
    <row r="614548" spans="8:8">
      <c r="H614548" s="12"/>
    </row>
    <row r="614549" spans="8:8">
      <c r="H614549" s="12"/>
    </row>
    <row r="614550" spans="8:8">
      <c r="H614550" s="12"/>
    </row>
    <row r="614551" spans="8:8">
      <c r="H614551" s="12"/>
    </row>
    <row r="614552" spans="8:8">
      <c r="H614552" s="12"/>
    </row>
    <row r="614553" spans="8:8">
      <c r="H614553" s="12"/>
    </row>
    <row r="614554" spans="8:8">
      <c r="H614554" s="12"/>
    </row>
    <row r="614555" spans="8:8">
      <c r="H614555" s="12"/>
    </row>
    <row r="614556" spans="8:8">
      <c r="H614556" s="12"/>
    </row>
    <row r="614557" spans="8:8">
      <c r="H614557" s="12"/>
    </row>
    <row r="614558" spans="8:8">
      <c r="H614558" s="12"/>
    </row>
    <row r="614559" spans="8:8">
      <c r="H614559" s="12"/>
    </row>
    <row r="614560" spans="8:8">
      <c r="H614560" s="12"/>
    </row>
    <row r="614561" spans="8:8">
      <c r="H614561" s="12"/>
    </row>
    <row r="614562" spans="8:8">
      <c r="H614562" s="12"/>
    </row>
    <row r="614563" spans="8:8">
      <c r="H614563" s="12"/>
    </row>
    <row r="614564" spans="8:8">
      <c r="H614564" s="12"/>
    </row>
    <row r="614565" spans="8:8">
      <c r="H614565" s="12"/>
    </row>
    <row r="614566" spans="8:8">
      <c r="H614566" s="12"/>
    </row>
    <row r="614567" spans="8:8">
      <c r="H614567" s="12"/>
    </row>
    <row r="614568" spans="8:8">
      <c r="H614568" s="12"/>
    </row>
    <row r="614569" spans="8:8">
      <c r="H614569" s="12"/>
    </row>
    <row r="614570" spans="8:8">
      <c r="H614570" s="12"/>
    </row>
    <row r="614571" spans="8:8">
      <c r="H614571" s="12"/>
    </row>
    <row r="614572" spans="8:8">
      <c r="H614572" s="12"/>
    </row>
    <row r="614573" spans="8:8">
      <c r="H614573" s="12"/>
    </row>
    <row r="614574" spans="8:8">
      <c r="H614574" s="12"/>
    </row>
    <row r="614575" spans="8:8">
      <c r="H614575" s="12"/>
    </row>
    <row r="614576" spans="8:8">
      <c r="H614576" s="12"/>
    </row>
    <row r="614577" spans="8:8">
      <c r="H614577" s="12"/>
    </row>
    <row r="614578" spans="8:8">
      <c r="H614578" s="12"/>
    </row>
    <row r="614579" spans="8:8">
      <c r="H614579" s="12"/>
    </row>
    <row r="614580" spans="8:8">
      <c r="H614580" s="12"/>
    </row>
    <row r="614581" spans="8:8">
      <c r="H614581" s="12"/>
    </row>
    <row r="614582" spans="8:8">
      <c r="H614582" s="12"/>
    </row>
    <row r="614583" spans="8:8">
      <c r="H614583" s="12"/>
    </row>
    <row r="614584" spans="8:8">
      <c r="H614584" s="12"/>
    </row>
    <row r="614585" spans="8:8">
      <c r="H614585" s="12"/>
    </row>
    <row r="614586" spans="8:8">
      <c r="H614586" s="12"/>
    </row>
    <row r="614587" spans="8:8">
      <c r="H614587" s="12"/>
    </row>
    <row r="614588" spans="8:8">
      <c r="H614588" s="12"/>
    </row>
    <row r="614589" spans="8:8">
      <c r="H614589" s="12"/>
    </row>
    <row r="614590" spans="8:8">
      <c r="H614590" s="12"/>
    </row>
    <row r="614591" spans="8:8">
      <c r="H614591" s="12"/>
    </row>
    <row r="614592" spans="8:8">
      <c r="H614592" s="12"/>
    </row>
    <row r="614593" spans="8:8">
      <c r="H614593" s="12"/>
    </row>
    <row r="614594" spans="8:8">
      <c r="H614594" s="12"/>
    </row>
    <row r="614595" spans="8:8">
      <c r="H614595" s="12"/>
    </row>
    <row r="614596" spans="8:8">
      <c r="H614596" s="12"/>
    </row>
    <row r="614597" spans="8:8">
      <c r="H614597" s="12"/>
    </row>
    <row r="614598" spans="8:8">
      <c r="H614598" s="12"/>
    </row>
    <row r="614599" spans="8:8">
      <c r="H614599" s="12"/>
    </row>
    <row r="614600" spans="8:8">
      <c r="H614600" s="12"/>
    </row>
    <row r="614601" spans="8:8">
      <c r="H614601" s="12"/>
    </row>
    <row r="614602" spans="8:8">
      <c r="H614602" s="12"/>
    </row>
    <row r="614603" spans="8:8">
      <c r="H614603" s="12"/>
    </row>
    <row r="614604" spans="8:8">
      <c r="H614604" s="12"/>
    </row>
    <row r="614605" spans="8:8">
      <c r="H614605" s="12"/>
    </row>
    <row r="614606" spans="8:8">
      <c r="H614606" s="12"/>
    </row>
    <row r="614607" spans="8:8">
      <c r="H614607" s="12"/>
    </row>
    <row r="614608" spans="8:8">
      <c r="H614608" s="12"/>
    </row>
    <row r="614609" spans="8:8">
      <c r="H614609" s="12"/>
    </row>
    <row r="614610" spans="8:8">
      <c r="H614610" s="12"/>
    </row>
    <row r="614611" spans="8:8">
      <c r="H614611" s="12"/>
    </row>
    <row r="614612" spans="8:8">
      <c r="H614612" s="12"/>
    </row>
    <row r="614613" spans="8:8">
      <c r="H614613" s="12"/>
    </row>
    <row r="614614" spans="8:8">
      <c r="H614614" s="12"/>
    </row>
    <row r="614615" spans="8:8">
      <c r="H614615" s="12"/>
    </row>
    <row r="614616" spans="8:8">
      <c r="H614616" s="12"/>
    </row>
    <row r="614617" spans="8:8">
      <c r="H614617" s="12"/>
    </row>
    <row r="614618" spans="8:8">
      <c r="H614618" s="12"/>
    </row>
    <row r="614619" spans="8:8">
      <c r="H614619" s="12"/>
    </row>
    <row r="614620" spans="8:8">
      <c r="H614620" s="12"/>
    </row>
    <row r="614621" spans="8:8">
      <c r="H614621" s="12"/>
    </row>
    <row r="614622" spans="8:8">
      <c r="H614622" s="12"/>
    </row>
    <row r="614623" spans="8:8">
      <c r="H614623" s="12"/>
    </row>
    <row r="614624" spans="8:8">
      <c r="H614624" s="12"/>
    </row>
    <row r="614625" spans="8:8">
      <c r="H614625" s="12"/>
    </row>
    <row r="614626" spans="8:8">
      <c r="H614626" s="12"/>
    </row>
    <row r="614627" spans="8:8">
      <c r="H614627" s="12"/>
    </row>
    <row r="614628" spans="8:8">
      <c r="H614628" s="12"/>
    </row>
    <row r="614629" spans="8:8">
      <c r="H614629" s="12"/>
    </row>
    <row r="614630" spans="8:8">
      <c r="H614630" s="12"/>
    </row>
    <row r="614631" spans="8:8">
      <c r="H614631" s="12"/>
    </row>
    <row r="614632" spans="8:8">
      <c r="H614632" s="12"/>
    </row>
    <row r="614633" spans="8:8">
      <c r="H614633" s="12"/>
    </row>
    <row r="614634" spans="8:8">
      <c r="H614634" s="12"/>
    </row>
    <row r="614635" spans="8:8">
      <c r="H614635" s="12"/>
    </row>
    <row r="614636" spans="8:8">
      <c r="H614636" s="12"/>
    </row>
    <row r="614637" spans="8:8">
      <c r="H614637" s="12"/>
    </row>
    <row r="614638" spans="8:8">
      <c r="H614638" s="12"/>
    </row>
    <row r="614639" spans="8:8">
      <c r="H614639" s="12"/>
    </row>
    <row r="614640" spans="8:8">
      <c r="H614640" s="12"/>
    </row>
    <row r="614641" spans="8:8">
      <c r="H614641" s="12"/>
    </row>
    <row r="614642" spans="8:8">
      <c r="H614642" s="12"/>
    </row>
    <row r="614643" spans="8:8">
      <c r="H614643" s="12"/>
    </row>
    <row r="614644" spans="8:8">
      <c r="H614644" s="12"/>
    </row>
    <row r="614645" spans="8:8">
      <c r="H614645" s="12"/>
    </row>
    <row r="614646" spans="8:8">
      <c r="H614646" s="12"/>
    </row>
    <row r="614647" spans="8:8">
      <c r="H614647" s="12"/>
    </row>
    <row r="614648" spans="8:8">
      <c r="H614648" s="12"/>
    </row>
    <row r="614649" spans="8:8">
      <c r="H614649" s="12"/>
    </row>
    <row r="614650" spans="8:8">
      <c r="H614650" s="12"/>
    </row>
    <row r="614651" spans="8:8">
      <c r="H614651" s="12"/>
    </row>
    <row r="614652" spans="8:8">
      <c r="H614652" s="12"/>
    </row>
    <row r="614653" spans="8:8">
      <c r="H614653" s="12"/>
    </row>
    <row r="614654" spans="8:8">
      <c r="H614654" s="12"/>
    </row>
    <row r="614655" spans="8:8">
      <c r="H614655" s="12"/>
    </row>
    <row r="614656" spans="8:8">
      <c r="H614656" s="12"/>
    </row>
    <row r="614657" spans="8:8">
      <c r="H614657" s="12"/>
    </row>
    <row r="614658" spans="8:8">
      <c r="H614658" s="12"/>
    </row>
    <row r="614659" spans="8:8">
      <c r="H614659" s="12"/>
    </row>
    <row r="614660" spans="8:8">
      <c r="H614660" s="12"/>
    </row>
    <row r="614661" spans="8:8">
      <c r="H614661" s="12"/>
    </row>
    <row r="614662" spans="8:8">
      <c r="H614662" s="12"/>
    </row>
    <row r="614663" spans="8:8">
      <c r="H614663" s="12"/>
    </row>
    <row r="614664" spans="8:8">
      <c r="H614664" s="12"/>
    </row>
    <row r="614665" spans="8:8">
      <c r="H614665" s="12"/>
    </row>
    <row r="614666" spans="8:8">
      <c r="H614666" s="12"/>
    </row>
    <row r="614667" spans="8:8">
      <c r="H614667" s="12"/>
    </row>
    <row r="614668" spans="8:8">
      <c r="H614668" s="12"/>
    </row>
    <row r="614669" spans="8:8">
      <c r="H614669" s="12"/>
    </row>
    <row r="614670" spans="8:8">
      <c r="H614670" s="12"/>
    </row>
    <row r="614671" spans="8:8">
      <c r="H614671" s="12"/>
    </row>
    <row r="614672" spans="8:8">
      <c r="H614672" s="12"/>
    </row>
    <row r="614673" spans="8:8">
      <c r="H614673" s="12"/>
    </row>
    <row r="614674" spans="8:8">
      <c r="H614674" s="12"/>
    </row>
    <row r="614675" spans="8:8">
      <c r="H614675" s="12"/>
    </row>
    <row r="614676" spans="8:8">
      <c r="H614676" s="12"/>
    </row>
    <row r="614677" spans="8:8">
      <c r="H614677" s="12"/>
    </row>
    <row r="614678" spans="8:8">
      <c r="H614678" s="12"/>
    </row>
    <row r="614679" spans="8:8">
      <c r="H614679" s="12"/>
    </row>
    <row r="614680" spans="8:8">
      <c r="H614680" s="12"/>
    </row>
    <row r="614681" spans="8:8">
      <c r="H614681" s="12"/>
    </row>
    <row r="614682" spans="8:8">
      <c r="H614682" s="12"/>
    </row>
    <row r="614683" spans="8:8">
      <c r="H614683" s="12"/>
    </row>
    <row r="614684" spans="8:8">
      <c r="H614684" s="12"/>
    </row>
    <row r="614685" spans="8:8">
      <c r="H614685" s="12"/>
    </row>
    <row r="614686" spans="8:8">
      <c r="H614686" s="12"/>
    </row>
    <row r="614687" spans="8:8">
      <c r="H614687" s="12"/>
    </row>
    <row r="614688" spans="8:8">
      <c r="H614688" s="12"/>
    </row>
    <row r="614689" spans="8:8">
      <c r="H614689" s="12"/>
    </row>
    <row r="614690" spans="8:8">
      <c r="H614690" s="12"/>
    </row>
    <row r="614691" spans="8:8">
      <c r="H614691" s="12"/>
    </row>
    <row r="614692" spans="8:8">
      <c r="H614692" s="12"/>
    </row>
    <row r="614693" spans="8:8">
      <c r="H614693" s="12"/>
    </row>
    <row r="614694" spans="8:8">
      <c r="H614694" s="12"/>
    </row>
    <row r="614695" spans="8:8">
      <c r="H614695" s="12"/>
    </row>
    <row r="614696" spans="8:8">
      <c r="H614696" s="12"/>
    </row>
    <row r="614697" spans="8:8">
      <c r="H614697" s="12"/>
    </row>
    <row r="614698" spans="8:8">
      <c r="H614698" s="12"/>
    </row>
    <row r="614699" spans="8:8">
      <c r="H614699" s="12"/>
    </row>
    <row r="614700" spans="8:8">
      <c r="H614700" s="12"/>
    </row>
    <row r="614701" spans="8:8">
      <c r="H614701" s="12"/>
    </row>
    <row r="614702" spans="8:8">
      <c r="H614702" s="12"/>
    </row>
    <row r="614703" spans="8:8">
      <c r="H614703" s="12"/>
    </row>
    <row r="614704" spans="8:8">
      <c r="H614704" s="12"/>
    </row>
    <row r="614705" spans="8:8">
      <c r="H614705" s="12"/>
    </row>
    <row r="614706" spans="8:8">
      <c r="H614706" s="12"/>
    </row>
    <row r="614707" spans="8:8">
      <c r="H614707" s="12"/>
    </row>
    <row r="614708" spans="8:8">
      <c r="H614708" s="12"/>
    </row>
    <row r="614709" spans="8:8">
      <c r="H614709" s="12"/>
    </row>
    <row r="614710" spans="8:8">
      <c r="H614710" s="12"/>
    </row>
    <row r="614711" spans="8:8">
      <c r="H614711" s="12"/>
    </row>
    <row r="614712" spans="8:8">
      <c r="H614712" s="12"/>
    </row>
    <row r="614713" spans="8:8">
      <c r="H614713" s="12"/>
    </row>
    <row r="614714" spans="8:8">
      <c r="H614714" s="12"/>
    </row>
    <row r="614715" spans="8:8">
      <c r="H614715" s="12"/>
    </row>
    <row r="614716" spans="8:8">
      <c r="H614716" s="12"/>
    </row>
    <row r="614717" spans="8:8">
      <c r="H614717" s="12"/>
    </row>
    <row r="614718" spans="8:8">
      <c r="H614718" s="12"/>
    </row>
    <row r="614719" spans="8:8">
      <c r="H614719" s="12"/>
    </row>
    <row r="614720" spans="8:8">
      <c r="H614720" s="12"/>
    </row>
    <row r="614721" spans="8:8">
      <c r="H614721" s="12"/>
    </row>
    <row r="614722" spans="8:8">
      <c r="H614722" s="12"/>
    </row>
    <row r="614723" spans="8:8">
      <c r="H614723" s="12"/>
    </row>
    <row r="614724" spans="8:8">
      <c r="H614724" s="12"/>
    </row>
    <row r="614725" spans="8:8">
      <c r="H614725" s="12"/>
    </row>
    <row r="614726" spans="8:8">
      <c r="H614726" s="12"/>
    </row>
    <row r="614727" spans="8:8">
      <c r="H614727" s="12"/>
    </row>
    <row r="614728" spans="8:8">
      <c r="H614728" s="12"/>
    </row>
    <row r="614729" spans="8:8">
      <c r="H614729" s="12"/>
    </row>
    <row r="614730" spans="8:8">
      <c r="H614730" s="12"/>
    </row>
    <row r="614731" spans="8:8">
      <c r="H614731" s="12"/>
    </row>
    <row r="614732" spans="8:8">
      <c r="H614732" s="12"/>
    </row>
    <row r="614733" spans="8:8">
      <c r="H614733" s="12"/>
    </row>
    <row r="614734" spans="8:8">
      <c r="H614734" s="12"/>
    </row>
    <row r="614735" spans="8:8">
      <c r="H614735" s="12"/>
    </row>
    <row r="614736" spans="8:8">
      <c r="H614736" s="12"/>
    </row>
    <row r="614737" spans="8:8">
      <c r="H614737" s="12"/>
    </row>
    <row r="614738" spans="8:8">
      <c r="H614738" s="12"/>
    </row>
    <row r="614739" spans="8:8">
      <c r="H614739" s="12"/>
    </row>
    <row r="614740" spans="8:8">
      <c r="H614740" s="12"/>
    </row>
    <row r="614741" spans="8:8">
      <c r="H614741" s="12"/>
    </row>
    <row r="614742" spans="8:8">
      <c r="H614742" s="12"/>
    </row>
    <row r="614743" spans="8:8">
      <c r="H614743" s="12"/>
    </row>
    <row r="614744" spans="8:8">
      <c r="H614744" s="12"/>
    </row>
    <row r="614745" spans="8:8">
      <c r="H614745" s="12"/>
    </row>
    <row r="614746" spans="8:8">
      <c r="H614746" s="12"/>
    </row>
    <row r="614747" spans="8:8">
      <c r="H614747" s="12"/>
    </row>
    <row r="614748" spans="8:8">
      <c r="H614748" s="12"/>
    </row>
    <row r="614749" spans="8:8">
      <c r="H614749" s="12"/>
    </row>
    <row r="614750" spans="8:8">
      <c r="H614750" s="12"/>
    </row>
    <row r="614751" spans="8:8">
      <c r="H614751" s="12"/>
    </row>
    <row r="614752" spans="8:8">
      <c r="H614752" s="12"/>
    </row>
    <row r="614753" spans="8:8">
      <c r="H614753" s="12"/>
    </row>
    <row r="614754" spans="8:8">
      <c r="H614754" s="12"/>
    </row>
    <row r="614755" spans="8:8">
      <c r="H614755" s="12"/>
    </row>
    <row r="614756" spans="8:8">
      <c r="H614756" s="12"/>
    </row>
    <row r="614757" spans="8:8">
      <c r="H614757" s="12"/>
    </row>
    <row r="614758" spans="8:8">
      <c r="H614758" s="12"/>
    </row>
    <row r="614759" spans="8:8">
      <c r="H614759" s="12"/>
    </row>
    <row r="614760" spans="8:8">
      <c r="H614760" s="12"/>
    </row>
    <row r="614761" spans="8:8">
      <c r="H614761" s="12"/>
    </row>
    <row r="614762" spans="8:8">
      <c r="H614762" s="12"/>
    </row>
    <row r="614763" spans="8:8">
      <c r="H614763" s="12"/>
    </row>
    <row r="614764" spans="8:8">
      <c r="H614764" s="12"/>
    </row>
    <row r="614765" spans="8:8">
      <c r="H614765" s="12"/>
    </row>
    <row r="614766" spans="8:8">
      <c r="H614766" s="12"/>
    </row>
    <row r="614767" spans="8:8">
      <c r="H614767" s="12"/>
    </row>
    <row r="614768" spans="8:8">
      <c r="H614768" s="12"/>
    </row>
    <row r="614769" spans="8:8">
      <c r="H614769" s="12"/>
    </row>
    <row r="614770" spans="8:8">
      <c r="H614770" s="12"/>
    </row>
    <row r="614771" spans="8:8">
      <c r="H614771" s="12"/>
    </row>
    <row r="614772" spans="8:8">
      <c r="H614772" s="12"/>
    </row>
    <row r="614773" spans="8:8">
      <c r="H614773" s="12"/>
    </row>
    <row r="614774" spans="8:8">
      <c r="H614774" s="12"/>
    </row>
    <row r="614775" spans="8:8">
      <c r="H614775" s="12"/>
    </row>
    <row r="614776" spans="8:8">
      <c r="H614776" s="12"/>
    </row>
    <row r="614777" spans="8:8">
      <c r="H614777" s="12"/>
    </row>
    <row r="614778" spans="8:8">
      <c r="H614778" s="12"/>
    </row>
    <row r="614779" spans="8:8">
      <c r="H614779" s="12"/>
    </row>
    <row r="614780" spans="8:8">
      <c r="H614780" s="12"/>
    </row>
    <row r="614781" spans="8:8">
      <c r="H614781" s="12"/>
    </row>
    <row r="614782" spans="8:8">
      <c r="H614782" s="12"/>
    </row>
    <row r="614783" spans="8:8">
      <c r="H614783" s="12"/>
    </row>
    <row r="614784" spans="8:8">
      <c r="H614784" s="12"/>
    </row>
    <row r="614785" spans="8:8">
      <c r="H614785" s="12"/>
    </row>
    <row r="614786" spans="8:8">
      <c r="H614786" s="12"/>
    </row>
    <row r="614787" spans="8:8">
      <c r="H614787" s="12"/>
    </row>
    <row r="614788" spans="8:8">
      <c r="H614788" s="12"/>
    </row>
    <row r="614789" spans="8:8">
      <c r="H614789" s="12"/>
    </row>
    <row r="614790" spans="8:8">
      <c r="H614790" s="12"/>
    </row>
    <row r="614791" spans="8:8">
      <c r="H614791" s="12"/>
    </row>
    <row r="614792" spans="8:8">
      <c r="H614792" s="12"/>
    </row>
    <row r="614793" spans="8:8">
      <c r="H614793" s="12"/>
    </row>
    <row r="614794" spans="8:8">
      <c r="H614794" s="12"/>
    </row>
    <row r="614795" spans="8:8">
      <c r="H614795" s="12"/>
    </row>
    <row r="614796" spans="8:8">
      <c r="H614796" s="12"/>
    </row>
    <row r="614797" spans="8:8">
      <c r="H614797" s="12"/>
    </row>
    <row r="614798" spans="8:8">
      <c r="H614798" s="12"/>
    </row>
    <row r="614799" spans="8:8">
      <c r="H614799" s="12"/>
    </row>
    <row r="614800" spans="8:8">
      <c r="H614800" s="12"/>
    </row>
    <row r="614801" spans="8:8">
      <c r="H614801" s="12"/>
    </row>
    <row r="614802" spans="8:8">
      <c r="H614802" s="12"/>
    </row>
    <row r="614803" spans="8:8">
      <c r="H614803" s="12"/>
    </row>
    <row r="614804" spans="8:8">
      <c r="H614804" s="12"/>
    </row>
    <row r="614805" spans="8:8">
      <c r="H614805" s="12"/>
    </row>
    <row r="614806" spans="8:8">
      <c r="H614806" s="12"/>
    </row>
    <row r="614807" spans="8:8">
      <c r="H614807" s="12"/>
    </row>
    <row r="614808" spans="8:8">
      <c r="H614808" s="12"/>
    </row>
    <row r="614809" spans="8:8">
      <c r="H614809" s="12"/>
    </row>
    <row r="614810" spans="8:8">
      <c r="H614810" s="12"/>
    </row>
    <row r="614811" spans="8:8">
      <c r="H614811" s="12"/>
    </row>
    <row r="614812" spans="8:8">
      <c r="H614812" s="12"/>
    </row>
    <row r="614813" spans="8:8">
      <c r="H614813" s="12"/>
    </row>
    <row r="614814" spans="8:8">
      <c r="H614814" s="12"/>
    </row>
    <row r="614815" spans="8:8">
      <c r="H614815" s="12"/>
    </row>
    <row r="614816" spans="8:8">
      <c r="H614816" s="12"/>
    </row>
    <row r="614817" spans="8:8">
      <c r="H614817" s="12"/>
    </row>
    <row r="614818" spans="8:8">
      <c r="H614818" s="12"/>
    </row>
    <row r="614819" spans="8:8">
      <c r="H614819" s="12"/>
    </row>
    <row r="614820" spans="8:8">
      <c r="H614820" s="12"/>
    </row>
    <row r="614821" spans="8:8">
      <c r="H614821" s="12"/>
    </row>
    <row r="614822" spans="8:8">
      <c r="H614822" s="12"/>
    </row>
    <row r="614823" spans="8:8">
      <c r="H614823" s="12"/>
    </row>
    <row r="614824" spans="8:8">
      <c r="H614824" s="12"/>
    </row>
    <row r="614825" spans="8:8">
      <c r="H614825" s="12"/>
    </row>
    <row r="614826" spans="8:8">
      <c r="H614826" s="12"/>
    </row>
    <row r="614827" spans="8:8">
      <c r="H614827" s="12"/>
    </row>
    <row r="614828" spans="8:8">
      <c r="H614828" s="12"/>
    </row>
    <row r="614829" spans="8:8">
      <c r="H614829" s="12"/>
    </row>
    <row r="614830" spans="8:8">
      <c r="H614830" s="12"/>
    </row>
    <row r="614831" spans="8:8">
      <c r="H614831" s="12"/>
    </row>
    <row r="614832" spans="8:8">
      <c r="H614832" s="12"/>
    </row>
    <row r="614833" spans="8:8">
      <c r="H614833" s="12"/>
    </row>
    <row r="614834" spans="8:8">
      <c r="H614834" s="12"/>
    </row>
    <row r="614835" spans="8:8">
      <c r="H614835" s="12"/>
    </row>
    <row r="614836" spans="8:8">
      <c r="H614836" s="12"/>
    </row>
    <row r="614837" spans="8:8">
      <c r="H614837" s="12"/>
    </row>
    <row r="614838" spans="8:8">
      <c r="H614838" s="12"/>
    </row>
    <row r="614839" spans="8:8">
      <c r="H614839" s="12"/>
    </row>
    <row r="614840" spans="8:8">
      <c r="H614840" s="12"/>
    </row>
    <row r="614841" spans="8:8">
      <c r="H614841" s="12"/>
    </row>
    <row r="614842" spans="8:8">
      <c r="H614842" s="12"/>
    </row>
    <row r="614843" spans="8:8">
      <c r="H614843" s="12"/>
    </row>
    <row r="614844" spans="8:8">
      <c r="H614844" s="12"/>
    </row>
    <row r="614845" spans="8:8">
      <c r="H614845" s="12"/>
    </row>
    <row r="614846" spans="8:8">
      <c r="H614846" s="12"/>
    </row>
    <row r="614847" spans="8:8">
      <c r="H614847" s="12"/>
    </row>
    <row r="614848" spans="8:8">
      <c r="H614848" s="12"/>
    </row>
    <row r="614849" spans="8:8">
      <c r="H614849" s="12"/>
    </row>
    <row r="614850" spans="8:8">
      <c r="H614850" s="12"/>
    </row>
    <row r="614851" spans="8:8">
      <c r="H614851" s="12"/>
    </row>
    <row r="614852" spans="8:8">
      <c r="H614852" s="12"/>
    </row>
    <row r="614853" spans="8:8">
      <c r="H614853" s="12"/>
    </row>
    <row r="614854" spans="8:8">
      <c r="H614854" s="12"/>
    </row>
    <row r="614855" spans="8:8">
      <c r="H614855" s="12"/>
    </row>
    <row r="614856" spans="8:8">
      <c r="H614856" s="12"/>
    </row>
    <row r="614857" spans="8:8">
      <c r="H614857" s="12"/>
    </row>
    <row r="614858" spans="8:8">
      <c r="H614858" s="12"/>
    </row>
    <row r="614859" spans="8:8">
      <c r="H614859" s="12"/>
    </row>
    <row r="614860" spans="8:8">
      <c r="H614860" s="12"/>
    </row>
    <row r="614861" spans="8:8">
      <c r="H614861" s="12"/>
    </row>
    <row r="614862" spans="8:8">
      <c r="H614862" s="12"/>
    </row>
    <row r="614863" spans="8:8">
      <c r="H614863" s="12"/>
    </row>
    <row r="614864" spans="8:8">
      <c r="H614864" s="12"/>
    </row>
    <row r="614865" spans="8:8">
      <c r="H614865" s="12"/>
    </row>
    <row r="614866" spans="8:8">
      <c r="H614866" s="12"/>
    </row>
    <row r="614867" spans="8:8">
      <c r="H614867" s="12"/>
    </row>
    <row r="614868" spans="8:8">
      <c r="H614868" s="12"/>
    </row>
    <row r="614869" spans="8:8">
      <c r="H614869" s="12"/>
    </row>
    <row r="614870" spans="8:8">
      <c r="H614870" s="12"/>
    </row>
    <row r="614871" spans="8:8">
      <c r="H614871" s="12"/>
    </row>
    <row r="614872" spans="8:8">
      <c r="H614872" s="12"/>
    </row>
    <row r="614873" spans="8:8">
      <c r="H614873" s="12"/>
    </row>
    <row r="614874" spans="8:8">
      <c r="H614874" s="12"/>
    </row>
    <row r="614875" spans="8:8">
      <c r="H614875" s="12"/>
    </row>
    <row r="614876" spans="8:8">
      <c r="H614876" s="12"/>
    </row>
    <row r="614877" spans="8:8">
      <c r="H614877" s="12"/>
    </row>
    <row r="614878" spans="8:8">
      <c r="H614878" s="12"/>
    </row>
    <row r="614879" spans="8:8">
      <c r="H614879" s="12"/>
    </row>
    <row r="614880" spans="8:8">
      <c r="H614880" s="12"/>
    </row>
    <row r="614881" spans="8:8">
      <c r="H614881" s="12"/>
    </row>
    <row r="614882" spans="8:8">
      <c r="H614882" s="12"/>
    </row>
    <row r="614883" spans="8:8">
      <c r="H614883" s="12"/>
    </row>
    <row r="614884" spans="8:8">
      <c r="H614884" s="12"/>
    </row>
    <row r="614885" spans="8:8">
      <c r="H614885" s="12"/>
    </row>
    <row r="614886" spans="8:8">
      <c r="H614886" s="12"/>
    </row>
    <row r="614887" spans="8:8">
      <c r="H614887" s="12"/>
    </row>
    <row r="614888" spans="8:8">
      <c r="H614888" s="12"/>
    </row>
    <row r="614889" spans="8:8">
      <c r="H614889" s="12"/>
    </row>
    <row r="614890" spans="8:8">
      <c r="H614890" s="12"/>
    </row>
    <row r="614891" spans="8:8">
      <c r="H614891" s="12"/>
    </row>
    <row r="614892" spans="8:8">
      <c r="H614892" s="12"/>
    </row>
    <row r="614893" spans="8:8">
      <c r="H614893" s="12"/>
    </row>
    <row r="614894" spans="8:8">
      <c r="H614894" s="12"/>
    </row>
    <row r="614895" spans="8:8">
      <c r="H614895" s="12"/>
    </row>
    <row r="614896" spans="8:8">
      <c r="H614896" s="12"/>
    </row>
    <row r="614897" spans="8:8">
      <c r="H614897" s="12"/>
    </row>
    <row r="614898" spans="8:8">
      <c r="H614898" s="12"/>
    </row>
    <row r="614899" spans="8:8">
      <c r="H614899" s="12"/>
    </row>
    <row r="614900" spans="8:8">
      <c r="H614900" s="12"/>
    </row>
    <row r="614901" spans="8:8">
      <c r="H614901" s="12"/>
    </row>
    <row r="614902" spans="8:8">
      <c r="H614902" s="12"/>
    </row>
    <row r="614903" spans="8:8">
      <c r="H614903" s="12"/>
    </row>
    <row r="614904" spans="8:8">
      <c r="H614904" s="12"/>
    </row>
    <row r="614905" spans="8:8">
      <c r="H614905" s="12"/>
    </row>
    <row r="614906" spans="8:8">
      <c r="H614906" s="12"/>
    </row>
    <row r="614907" spans="8:8">
      <c r="H614907" s="12"/>
    </row>
    <row r="614908" spans="8:8">
      <c r="H614908" s="12"/>
    </row>
    <row r="614909" spans="8:8">
      <c r="H614909" s="12"/>
    </row>
    <row r="614910" spans="8:8">
      <c r="H614910" s="12"/>
    </row>
    <row r="614911" spans="8:8">
      <c r="H614911" s="12"/>
    </row>
    <row r="614912" spans="8:8">
      <c r="H614912" s="12"/>
    </row>
    <row r="614913" spans="8:8">
      <c r="H614913" s="12"/>
    </row>
    <row r="614914" spans="8:8">
      <c r="H614914" s="12"/>
    </row>
    <row r="614915" spans="8:8">
      <c r="H614915" s="12"/>
    </row>
    <row r="614916" spans="8:8">
      <c r="H614916" s="12"/>
    </row>
    <row r="614917" spans="8:8">
      <c r="H614917" s="12"/>
    </row>
    <row r="614918" spans="8:8">
      <c r="H614918" s="12"/>
    </row>
    <row r="614919" spans="8:8">
      <c r="H614919" s="12"/>
    </row>
    <row r="614920" spans="8:8">
      <c r="H614920" s="12"/>
    </row>
    <row r="614921" spans="8:8">
      <c r="H614921" s="12"/>
    </row>
    <row r="614922" spans="8:8">
      <c r="H614922" s="12"/>
    </row>
    <row r="614923" spans="8:8">
      <c r="H614923" s="12"/>
    </row>
    <row r="614924" spans="8:8">
      <c r="H614924" s="12"/>
    </row>
    <row r="614925" spans="8:8">
      <c r="H614925" s="12"/>
    </row>
    <row r="614926" spans="8:8">
      <c r="H614926" s="12"/>
    </row>
    <row r="614927" spans="8:8">
      <c r="H614927" s="12"/>
    </row>
    <row r="614928" spans="8:8">
      <c r="H614928" s="12"/>
    </row>
    <row r="614929" spans="8:8">
      <c r="H614929" s="12"/>
    </row>
    <row r="614930" spans="8:8">
      <c r="H614930" s="12"/>
    </row>
    <row r="614931" spans="8:8">
      <c r="H614931" s="12"/>
    </row>
    <row r="614932" spans="8:8">
      <c r="H614932" s="12"/>
    </row>
    <row r="614933" spans="8:8">
      <c r="H614933" s="12"/>
    </row>
    <row r="614934" spans="8:8">
      <c r="H614934" s="12"/>
    </row>
    <row r="614935" spans="8:8">
      <c r="H614935" s="12"/>
    </row>
    <row r="614936" spans="8:8">
      <c r="H614936" s="12"/>
    </row>
    <row r="614937" spans="8:8">
      <c r="H614937" s="12"/>
    </row>
    <row r="614938" spans="8:8">
      <c r="H614938" s="12"/>
    </row>
    <row r="614939" spans="8:8">
      <c r="H614939" s="12"/>
    </row>
    <row r="614940" spans="8:8">
      <c r="H614940" s="12"/>
    </row>
    <row r="614941" spans="8:8">
      <c r="H614941" s="12"/>
    </row>
    <row r="614942" spans="8:8">
      <c r="H614942" s="12"/>
    </row>
    <row r="614943" spans="8:8">
      <c r="H614943" s="12"/>
    </row>
    <row r="614944" spans="8:8">
      <c r="H614944" s="12"/>
    </row>
    <row r="614945" spans="8:8">
      <c r="H614945" s="12"/>
    </row>
    <row r="614946" spans="8:8">
      <c r="H614946" s="12"/>
    </row>
    <row r="614947" spans="8:8">
      <c r="H614947" s="12"/>
    </row>
    <row r="614948" spans="8:8">
      <c r="H614948" s="12"/>
    </row>
    <row r="614949" spans="8:8">
      <c r="H614949" s="12"/>
    </row>
    <row r="614950" spans="8:8">
      <c r="H614950" s="12"/>
    </row>
    <row r="614951" spans="8:8">
      <c r="H614951" s="12"/>
    </row>
    <row r="614952" spans="8:8">
      <c r="H614952" s="12"/>
    </row>
    <row r="614953" spans="8:8">
      <c r="H614953" s="12"/>
    </row>
    <row r="614954" spans="8:8">
      <c r="H614954" s="12"/>
    </row>
    <row r="614955" spans="8:8">
      <c r="H614955" s="12"/>
    </row>
    <row r="614956" spans="8:8">
      <c r="H614956" s="12"/>
    </row>
    <row r="614957" spans="8:8">
      <c r="H614957" s="12"/>
    </row>
    <row r="614958" spans="8:8">
      <c r="H614958" s="12"/>
    </row>
    <row r="614959" spans="8:8">
      <c r="H614959" s="12"/>
    </row>
    <row r="614960" spans="8:8">
      <c r="H614960" s="12"/>
    </row>
    <row r="614961" spans="8:8">
      <c r="H614961" s="12"/>
    </row>
    <row r="614962" spans="8:8">
      <c r="H614962" s="12"/>
    </row>
    <row r="614963" spans="8:8">
      <c r="H614963" s="12"/>
    </row>
    <row r="614964" spans="8:8">
      <c r="H614964" s="12"/>
    </row>
    <row r="614965" spans="8:8">
      <c r="H614965" s="12"/>
    </row>
    <row r="614966" spans="8:8">
      <c r="H614966" s="12"/>
    </row>
    <row r="614967" spans="8:8">
      <c r="H614967" s="12"/>
    </row>
    <row r="614968" spans="8:8">
      <c r="H614968" s="12"/>
    </row>
    <row r="614969" spans="8:8">
      <c r="H614969" s="12"/>
    </row>
    <row r="614970" spans="8:8">
      <c r="H614970" s="12"/>
    </row>
    <row r="614971" spans="8:8">
      <c r="H614971" s="12"/>
    </row>
    <row r="614972" spans="8:8">
      <c r="H614972" s="12"/>
    </row>
    <row r="614973" spans="8:8">
      <c r="H614973" s="12"/>
    </row>
    <row r="614974" spans="8:8">
      <c r="H614974" s="12"/>
    </row>
    <row r="614975" spans="8:8">
      <c r="H614975" s="12"/>
    </row>
    <row r="614976" spans="8:8">
      <c r="H614976" s="12"/>
    </row>
    <row r="614977" spans="8:8">
      <c r="H614977" s="12"/>
    </row>
    <row r="614978" spans="8:8">
      <c r="H614978" s="12"/>
    </row>
    <row r="614979" spans="8:8">
      <c r="H614979" s="12"/>
    </row>
    <row r="614980" spans="8:8">
      <c r="H614980" s="12"/>
    </row>
    <row r="614981" spans="8:8">
      <c r="H614981" s="12"/>
    </row>
    <row r="614982" spans="8:8">
      <c r="H614982" s="12"/>
    </row>
    <row r="614983" spans="8:8">
      <c r="H614983" s="12"/>
    </row>
    <row r="614984" spans="8:8">
      <c r="H614984" s="12"/>
    </row>
    <row r="614985" spans="8:8">
      <c r="H614985" s="12"/>
    </row>
    <row r="614986" spans="8:8">
      <c r="H614986" s="12"/>
    </row>
    <row r="614987" spans="8:8">
      <c r="H614987" s="12"/>
    </row>
    <row r="614988" spans="8:8">
      <c r="H614988" s="12"/>
    </row>
    <row r="614989" spans="8:8">
      <c r="H614989" s="12"/>
    </row>
    <row r="614990" spans="8:8">
      <c r="H614990" s="12"/>
    </row>
    <row r="614991" spans="8:8">
      <c r="H614991" s="12"/>
    </row>
    <row r="614992" spans="8:8">
      <c r="H614992" s="12"/>
    </row>
    <row r="614993" spans="8:8">
      <c r="H614993" s="12"/>
    </row>
    <row r="614994" spans="8:8">
      <c r="H614994" s="12"/>
    </row>
    <row r="614995" spans="8:8">
      <c r="H614995" s="12"/>
    </row>
    <row r="614996" spans="8:8">
      <c r="H614996" s="12"/>
    </row>
    <row r="614997" spans="8:8">
      <c r="H614997" s="12"/>
    </row>
    <row r="614998" spans="8:8">
      <c r="H614998" s="12"/>
    </row>
    <row r="614999" spans="8:8">
      <c r="H614999" s="12"/>
    </row>
    <row r="615000" spans="8:8">
      <c r="H615000" s="12"/>
    </row>
    <row r="615001" spans="8:8">
      <c r="H615001" s="12"/>
    </row>
    <row r="615002" spans="8:8">
      <c r="H615002" s="12"/>
    </row>
    <row r="615003" spans="8:8">
      <c r="H615003" s="12"/>
    </row>
    <row r="615004" spans="8:8">
      <c r="H615004" s="12"/>
    </row>
    <row r="615005" spans="8:8">
      <c r="H615005" s="12"/>
    </row>
    <row r="615006" spans="8:8">
      <c r="H615006" s="12"/>
    </row>
    <row r="615007" spans="8:8">
      <c r="H615007" s="12"/>
    </row>
    <row r="615008" spans="8:8">
      <c r="H615008" s="12"/>
    </row>
    <row r="615009" spans="8:8">
      <c r="H615009" s="12"/>
    </row>
    <row r="615010" spans="8:8">
      <c r="H615010" s="12"/>
    </row>
    <row r="615011" spans="8:8">
      <c r="H615011" s="12"/>
    </row>
    <row r="615012" spans="8:8">
      <c r="H615012" s="12"/>
    </row>
    <row r="615013" spans="8:8">
      <c r="H615013" s="12"/>
    </row>
    <row r="615014" spans="8:8">
      <c r="H615014" s="12"/>
    </row>
    <row r="615015" spans="8:8">
      <c r="H615015" s="12"/>
    </row>
    <row r="615016" spans="8:8">
      <c r="H615016" s="12"/>
    </row>
    <row r="615017" spans="8:8">
      <c r="H615017" s="12"/>
    </row>
    <row r="615018" spans="8:8">
      <c r="H615018" s="12"/>
    </row>
    <row r="615019" spans="8:8">
      <c r="H615019" s="12"/>
    </row>
    <row r="615020" spans="8:8">
      <c r="H615020" s="12"/>
    </row>
    <row r="615021" spans="8:8">
      <c r="H615021" s="12"/>
    </row>
    <row r="615022" spans="8:8">
      <c r="H615022" s="12"/>
    </row>
    <row r="615023" spans="8:8">
      <c r="H615023" s="12"/>
    </row>
    <row r="615024" spans="8:8">
      <c r="H615024" s="12"/>
    </row>
    <row r="615025" spans="8:8">
      <c r="H615025" s="12"/>
    </row>
    <row r="615026" spans="8:8">
      <c r="H615026" s="12"/>
    </row>
    <row r="615027" spans="8:8">
      <c r="H615027" s="12"/>
    </row>
    <row r="615028" spans="8:8">
      <c r="H615028" s="12"/>
    </row>
    <row r="615029" spans="8:8">
      <c r="H615029" s="12"/>
    </row>
    <row r="615030" spans="8:8">
      <c r="H615030" s="12"/>
    </row>
    <row r="615031" spans="8:8">
      <c r="H615031" s="12"/>
    </row>
    <row r="615032" spans="8:8">
      <c r="H615032" s="12"/>
    </row>
    <row r="615033" spans="8:8">
      <c r="H615033" s="12"/>
    </row>
    <row r="615034" spans="8:8">
      <c r="H615034" s="12"/>
    </row>
    <row r="615035" spans="8:8">
      <c r="H615035" s="12"/>
    </row>
    <row r="615036" spans="8:8">
      <c r="H615036" s="12"/>
    </row>
    <row r="615037" spans="8:8">
      <c r="H615037" s="12"/>
    </row>
    <row r="615038" spans="8:8">
      <c r="H615038" s="12"/>
    </row>
    <row r="615039" spans="8:8">
      <c r="H615039" s="12"/>
    </row>
    <row r="615040" spans="8:8">
      <c r="H615040" s="12"/>
    </row>
    <row r="615041" spans="8:8">
      <c r="H615041" s="12"/>
    </row>
    <row r="615042" spans="8:8">
      <c r="H615042" s="12"/>
    </row>
    <row r="615043" spans="8:8">
      <c r="H615043" s="12"/>
    </row>
    <row r="615044" spans="8:8">
      <c r="H615044" s="12"/>
    </row>
    <row r="615045" spans="8:8">
      <c r="H615045" s="12"/>
    </row>
    <row r="615046" spans="8:8">
      <c r="H615046" s="12"/>
    </row>
    <row r="615047" spans="8:8">
      <c r="H615047" s="12"/>
    </row>
    <row r="615048" spans="8:8">
      <c r="H615048" s="12"/>
    </row>
    <row r="615049" spans="8:8">
      <c r="H615049" s="12"/>
    </row>
    <row r="615050" spans="8:8">
      <c r="H615050" s="12"/>
    </row>
    <row r="615051" spans="8:8">
      <c r="H615051" s="12"/>
    </row>
    <row r="615052" spans="8:8">
      <c r="H615052" s="12"/>
    </row>
    <row r="615053" spans="8:8">
      <c r="H615053" s="12"/>
    </row>
    <row r="615054" spans="8:8">
      <c r="H615054" s="12"/>
    </row>
    <row r="615055" spans="8:8">
      <c r="H615055" s="12"/>
    </row>
    <row r="615056" spans="8:8">
      <c r="H615056" s="12"/>
    </row>
    <row r="615057" spans="8:8">
      <c r="H615057" s="12"/>
    </row>
    <row r="615058" spans="8:8">
      <c r="H615058" s="12"/>
    </row>
    <row r="615059" spans="8:8">
      <c r="H615059" s="12"/>
    </row>
    <row r="615060" spans="8:8">
      <c r="H615060" s="12"/>
    </row>
    <row r="615061" spans="8:8">
      <c r="H615061" s="12"/>
    </row>
    <row r="615062" spans="8:8">
      <c r="H615062" s="12"/>
    </row>
    <row r="615063" spans="8:8">
      <c r="H615063" s="12"/>
    </row>
    <row r="615064" spans="8:8">
      <c r="H615064" s="12"/>
    </row>
    <row r="615065" spans="8:8">
      <c r="H615065" s="12"/>
    </row>
    <row r="615066" spans="8:8">
      <c r="H615066" s="12"/>
    </row>
    <row r="615067" spans="8:8">
      <c r="H615067" s="12"/>
    </row>
    <row r="615068" spans="8:8">
      <c r="H615068" s="12"/>
    </row>
    <row r="615069" spans="8:8">
      <c r="H615069" s="12"/>
    </row>
    <row r="615070" spans="8:8">
      <c r="H615070" s="12"/>
    </row>
    <row r="615071" spans="8:8">
      <c r="H615071" s="12"/>
    </row>
    <row r="615072" spans="8:8">
      <c r="H615072" s="12"/>
    </row>
    <row r="615073" spans="8:8">
      <c r="H615073" s="12"/>
    </row>
    <row r="615074" spans="8:8">
      <c r="H615074" s="12"/>
    </row>
    <row r="615075" spans="8:8">
      <c r="H615075" s="12"/>
    </row>
    <row r="615076" spans="8:8">
      <c r="H615076" s="12"/>
    </row>
    <row r="615077" spans="8:8">
      <c r="H615077" s="12"/>
    </row>
    <row r="615078" spans="8:8">
      <c r="H615078" s="12"/>
    </row>
    <row r="615079" spans="8:8">
      <c r="H615079" s="12"/>
    </row>
    <row r="615080" spans="8:8">
      <c r="H615080" s="12"/>
    </row>
    <row r="615081" spans="8:8">
      <c r="H615081" s="12"/>
    </row>
    <row r="615082" spans="8:8">
      <c r="H615082" s="12"/>
    </row>
    <row r="615083" spans="8:8">
      <c r="H615083" s="12"/>
    </row>
    <row r="615084" spans="8:8">
      <c r="H615084" s="12"/>
    </row>
    <row r="615085" spans="8:8">
      <c r="H615085" s="12"/>
    </row>
    <row r="615086" spans="8:8">
      <c r="H615086" s="12"/>
    </row>
    <row r="615087" spans="8:8">
      <c r="H615087" s="12"/>
    </row>
    <row r="615088" spans="8:8">
      <c r="H615088" s="12"/>
    </row>
    <row r="615089" spans="8:8">
      <c r="H615089" s="12"/>
    </row>
    <row r="615090" spans="8:8">
      <c r="H615090" s="12"/>
    </row>
    <row r="615091" spans="8:8">
      <c r="H615091" s="12"/>
    </row>
    <row r="615092" spans="8:8">
      <c r="H615092" s="12"/>
    </row>
    <row r="615093" spans="8:8">
      <c r="H615093" s="12"/>
    </row>
    <row r="615094" spans="8:8">
      <c r="H615094" s="12"/>
    </row>
    <row r="615095" spans="8:8">
      <c r="H615095" s="12"/>
    </row>
    <row r="615096" spans="8:8">
      <c r="H615096" s="12"/>
    </row>
    <row r="615097" spans="8:8">
      <c r="H615097" s="12"/>
    </row>
    <row r="615098" spans="8:8">
      <c r="H615098" s="12"/>
    </row>
    <row r="615099" spans="8:8">
      <c r="H615099" s="12"/>
    </row>
    <row r="615100" spans="8:8">
      <c r="H615100" s="12"/>
    </row>
    <row r="615101" spans="8:8">
      <c r="H615101" s="12"/>
    </row>
    <row r="615102" spans="8:8">
      <c r="H615102" s="12"/>
    </row>
    <row r="615103" spans="8:8">
      <c r="H615103" s="12"/>
    </row>
    <row r="615104" spans="8:8">
      <c r="H615104" s="12"/>
    </row>
    <row r="615105" spans="8:8">
      <c r="H615105" s="12"/>
    </row>
    <row r="615106" spans="8:8">
      <c r="H615106" s="12"/>
    </row>
    <row r="615107" spans="8:8">
      <c r="H615107" s="12"/>
    </row>
    <row r="615108" spans="8:8">
      <c r="H615108" s="12"/>
    </row>
    <row r="615109" spans="8:8">
      <c r="H615109" s="12"/>
    </row>
    <row r="615110" spans="8:8">
      <c r="H615110" s="12"/>
    </row>
    <row r="615111" spans="8:8">
      <c r="H615111" s="12"/>
    </row>
    <row r="615112" spans="8:8">
      <c r="H615112" s="12"/>
    </row>
    <row r="615113" spans="8:8">
      <c r="H615113" s="12"/>
    </row>
    <row r="615114" spans="8:8">
      <c r="H615114" s="12"/>
    </row>
    <row r="615115" spans="8:8">
      <c r="H615115" s="12"/>
    </row>
    <row r="615116" spans="8:8">
      <c r="H615116" s="12"/>
    </row>
    <row r="615117" spans="8:8">
      <c r="H615117" s="12"/>
    </row>
    <row r="615118" spans="8:8">
      <c r="H615118" s="12"/>
    </row>
    <row r="615119" spans="8:8">
      <c r="H615119" s="12"/>
    </row>
    <row r="615120" spans="8:8">
      <c r="H615120" s="12"/>
    </row>
    <row r="615121" spans="8:8">
      <c r="H615121" s="12"/>
    </row>
    <row r="615122" spans="8:8">
      <c r="H615122" s="12"/>
    </row>
    <row r="615123" spans="8:8">
      <c r="H615123" s="12"/>
    </row>
    <row r="615124" spans="8:8">
      <c r="H615124" s="12"/>
    </row>
    <row r="615125" spans="8:8">
      <c r="H615125" s="12"/>
    </row>
    <row r="615126" spans="8:8">
      <c r="H615126" s="12"/>
    </row>
    <row r="615127" spans="8:8">
      <c r="H615127" s="12"/>
    </row>
    <row r="615128" spans="8:8">
      <c r="H615128" s="12"/>
    </row>
    <row r="615129" spans="8:8">
      <c r="H615129" s="12"/>
    </row>
    <row r="615130" spans="8:8">
      <c r="H615130" s="12"/>
    </row>
    <row r="615131" spans="8:8">
      <c r="H615131" s="12"/>
    </row>
    <row r="615132" spans="8:8">
      <c r="H615132" s="12"/>
    </row>
    <row r="615133" spans="8:8">
      <c r="H615133" s="12"/>
    </row>
    <row r="615134" spans="8:8">
      <c r="H615134" s="12"/>
    </row>
    <row r="615135" spans="8:8">
      <c r="H615135" s="12"/>
    </row>
    <row r="615136" spans="8:8">
      <c r="H615136" s="12"/>
    </row>
    <row r="615137" spans="8:8">
      <c r="H615137" s="12"/>
    </row>
    <row r="615138" spans="8:8">
      <c r="H615138" s="12"/>
    </row>
    <row r="615139" spans="8:8">
      <c r="H615139" s="12"/>
    </row>
    <row r="615140" spans="8:8">
      <c r="H615140" s="12"/>
    </row>
    <row r="615141" spans="8:8">
      <c r="H615141" s="12"/>
    </row>
    <row r="615142" spans="8:8">
      <c r="H615142" s="12"/>
    </row>
    <row r="615143" spans="8:8">
      <c r="H615143" s="12"/>
    </row>
    <row r="615144" spans="8:8">
      <c r="H615144" s="12"/>
    </row>
    <row r="615145" spans="8:8">
      <c r="H615145" s="12"/>
    </row>
    <row r="615146" spans="8:8">
      <c r="H615146" s="12"/>
    </row>
    <row r="615147" spans="8:8">
      <c r="H615147" s="12"/>
    </row>
    <row r="615148" spans="8:8">
      <c r="H615148" s="12"/>
    </row>
    <row r="615149" spans="8:8">
      <c r="H615149" s="12"/>
    </row>
    <row r="615150" spans="8:8">
      <c r="H615150" s="12"/>
    </row>
    <row r="615151" spans="8:8">
      <c r="H615151" s="12"/>
    </row>
    <row r="615152" spans="8:8">
      <c r="H615152" s="12"/>
    </row>
    <row r="615153" spans="8:8">
      <c r="H615153" s="12"/>
    </row>
    <row r="615154" spans="8:8">
      <c r="H615154" s="12"/>
    </row>
    <row r="615155" spans="8:8">
      <c r="H615155" s="12"/>
    </row>
    <row r="615156" spans="8:8">
      <c r="H615156" s="12"/>
    </row>
    <row r="615157" spans="8:8">
      <c r="H615157" s="12"/>
    </row>
    <row r="615158" spans="8:8">
      <c r="H615158" s="12"/>
    </row>
    <row r="615159" spans="8:8">
      <c r="H615159" s="12"/>
    </row>
    <row r="615160" spans="8:8">
      <c r="H615160" s="12"/>
    </row>
    <row r="615161" spans="8:8">
      <c r="H615161" s="12"/>
    </row>
    <row r="615162" spans="8:8">
      <c r="H615162" s="12"/>
    </row>
    <row r="615163" spans="8:8">
      <c r="H615163" s="12"/>
    </row>
    <row r="615164" spans="8:8">
      <c r="H615164" s="12"/>
    </row>
    <row r="615165" spans="8:8">
      <c r="H615165" s="12"/>
    </row>
    <row r="615166" spans="8:8">
      <c r="H615166" s="12"/>
    </row>
    <row r="615167" spans="8:8">
      <c r="H615167" s="12"/>
    </row>
    <row r="615168" spans="8:8">
      <c r="H615168" s="12"/>
    </row>
    <row r="615169" spans="8:8">
      <c r="H615169" s="12"/>
    </row>
    <row r="615170" spans="8:8">
      <c r="H615170" s="12"/>
    </row>
    <row r="615171" spans="8:8">
      <c r="H615171" s="12"/>
    </row>
    <row r="615172" spans="8:8">
      <c r="H615172" s="12"/>
    </row>
    <row r="615173" spans="8:8">
      <c r="H615173" s="12"/>
    </row>
    <row r="615174" spans="8:8">
      <c r="H615174" s="12"/>
    </row>
    <row r="615175" spans="8:8">
      <c r="H615175" s="12"/>
    </row>
    <row r="615176" spans="8:8">
      <c r="H615176" s="12"/>
    </row>
    <row r="615177" spans="8:8">
      <c r="H615177" s="12"/>
    </row>
    <row r="615178" spans="8:8">
      <c r="H615178" s="12"/>
    </row>
    <row r="615179" spans="8:8">
      <c r="H615179" s="12"/>
    </row>
    <row r="615180" spans="8:8">
      <c r="H615180" s="12"/>
    </row>
    <row r="615181" spans="8:8">
      <c r="H615181" s="12"/>
    </row>
    <row r="615182" spans="8:8">
      <c r="H615182" s="12"/>
    </row>
    <row r="615183" spans="8:8">
      <c r="H615183" s="12"/>
    </row>
    <row r="615184" spans="8:8">
      <c r="H615184" s="12"/>
    </row>
    <row r="615185" spans="8:8">
      <c r="H615185" s="12"/>
    </row>
    <row r="615186" spans="8:8">
      <c r="H615186" s="12"/>
    </row>
    <row r="615187" spans="8:8">
      <c r="H615187" s="12"/>
    </row>
    <row r="615188" spans="8:8">
      <c r="H615188" s="12"/>
    </row>
    <row r="615189" spans="8:8">
      <c r="H615189" s="12"/>
    </row>
    <row r="615190" spans="8:8">
      <c r="H615190" s="12"/>
    </row>
    <row r="615191" spans="8:8">
      <c r="H615191" s="12"/>
    </row>
    <row r="615192" spans="8:8">
      <c r="H615192" s="12"/>
    </row>
    <row r="615193" spans="8:8">
      <c r="H615193" s="12"/>
    </row>
    <row r="615194" spans="8:8">
      <c r="H615194" s="12"/>
    </row>
    <row r="615195" spans="8:8">
      <c r="H615195" s="12"/>
    </row>
    <row r="615196" spans="8:8">
      <c r="H615196" s="12"/>
    </row>
    <row r="615197" spans="8:8">
      <c r="H615197" s="12"/>
    </row>
    <row r="615198" spans="8:8">
      <c r="H615198" s="12"/>
    </row>
    <row r="615199" spans="8:8">
      <c r="H615199" s="12"/>
    </row>
    <row r="615200" spans="8:8">
      <c r="H615200" s="12"/>
    </row>
    <row r="615201" spans="8:8">
      <c r="H615201" s="12"/>
    </row>
    <row r="615202" spans="8:8">
      <c r="H615202" s="12"/>
    </row>
    <row r="615203" spans="8:8">
      <c r="H615203" s="12"/>
    </row>
    <row r="615204" spans="8:8">
      <c r="H615204" s="12"/>
    </row>
    <row r="615205" spans="8:8">
      <c r="H615205" s="12"/>
    </row>
    <row r="615206" spans="8:8">
      <c r="H615206" s="12"/>
    </row>
    <row r="615207" spans="8:8">
      <c r="H615207" s="12"/>
    </row>
    <row r="615208" spans="8:8">
      <c r="H615208" s="12"/>
    </row>
    <row r="615209" spans="8:8">
      <c r="H615209" s="12"/>
    </row>
    <row r="615210" spans="8:8">
      <c r="H615210" s="12"/>
    </row>
    <row r="615211" spans="8:8">
      <c r="H615211" s="12"/>
    </row>
    <row r="615212" spans="8:8">
      <c r="H615212" s="12"/>
    </row>
    <row r="615213" spans="8:8">
      <c r="H615213" s="12"/>
    </row>
    <row r="615214" spans="8:8">
      <c r="H615214" s="12"/>
    </row>
    <row r="615215" spans="8:8">
      <c r="H615215" s="12"/>
    </row>
    <row r="615216" spans="8:8">
      <c r="H615216" s="12"/>
    </row>
    <row r="615217" spans="8:8">
      <c r="H615217" s="12"/>
    </row>
    <row r="615218" spans="8:8">
      <c r="H615218" s="12"/>
    </row>
    <row r="615219" spans="8:8">
      <c r="H615219" s="12"/>
    </row>
    <row r="615220" spans="8:8">
      <c r="H615220" s="12"/>
    </row>
    <row r="615221" spans="8:8">
      <c r="H615221" s="12"/>
    </row>
    <row r="615222" spans="8:8">
      <c r="H615222" s="12"/>
    </row>
    <row r="615223" spans="8:8">
      <c r="H615223" s="12"/>
    </row>
    <row r="615224" spans="8:8">
      <c r="H615224" s="12"/>
    </row>
    <row r="615225" spans="8:8">
      <c r="H615225" s="12"/>
    </row>
    <row r="615226" spans="8:8">
      <c r="H615226" s="12"/>
    </row>
    <row r="615227" spans="8:8">
      <c r="H615227" s="12"/>
    </row>
    <row r="615228" spans="8:8">
      <c r="H615228" s="12"/>
    </row>
    <row r="615229" spans="8:8">
      <c r="H615229" s="12"/>
    </row>
    <row r="615230" spans="8:8">
      <c r="H615230" s="12"/>
    </row>
    <row r="615231" spans="8:8">
      <c r="H615231" s="12"/>
    </row>
    <row r="615232" spans="8:8">
      <c r="H615232" s="12"/>
    </row>
    <row r="615233" spans="8:8">
      <c r="H615233" s="12"/>
    </row>
    <row r="615234" spans="8:8">
      <c r="H615234" s="12"/>
    </row>
    <row r="615235" spans="8:8">
      <c r="H615235" s="12"/>
    </row>
    <row r="615236" spans="8:8">
      <c r="H615236" s="12"/>
    </row>
    <row r="615237" spans="8:8">
      <c r="H615237" s="12"/>
    </row>
    <row r="615238" spans="8:8">
      <c r="H615238" s="12"/>
    </row>
    <row r="615239" spans="8:8">
      <c r="H615239" s="12"/>
    </row>
    <row r="615240" spans="8:8">
      <c r="H615240" s="12"/>
    </row>
    <row r="615241" spans="8:8">
      <c r="H615241" s="12"/>
    </row>
    <row r="615242" spans="8:8">
      <c r="H615242" s="12"/>
    </row>
    <row r="615243" spans="8:8">
      <c r="H615243" s="12"/>
    </row>
    <row r="615244" spans="8:8">
      <c r="H615244" s="12"/>
    </row>
    <row r="615245" spans="8:8">
      <c r="H615245" s="12"/>
    </row>
    <row r="615246" spans="8:8">
      <c r="H615246" s="12"/>
    </row>
    <row r="615247" spans="8:8">
      <c r="H615247" s="12"/>
    </row>
    <row r="615248" spans="8:8">
      <c r="H615248" s="12"/>
    </row>
    <row r="615249" spans="8:8">
      <c r="H615249" s="12"/>
    </row>
    <row r="615250" spans="8:8">
      <c r="H615250" s="12"/>
    </row>
    <row r="615251" spans="8:8">
      <c r="H615251" s="12"/>
    </row>
    <row r="615252" spans="8:8">
      <c r="H615252" s="12"/>
    </row>
    <row r="615253" spans="8:8">
      <c r="H615253" s="12"/>
    </row>
    <row r="615254" spans="8:8">
      <c r="H615254" s="12"/>
    </row>
    <row r="615255" spans="8:8">
      <c r="H615255" s="12"/>
    </row>
    <row r="615256" spans="8:8">
      <c r="H615256" s="12"/>
    </row>
    <row r="615257" spans="8:8">
      <c r="H615257" s="12"/>
    </row>
    <row r="615258" spans="8:8">
      <c r="H615258" s="12"/>
    </row>
    <row r="615259" spans="8:8">
      <c r="H615259" s="12"/>
    </row>
    <row r="615260" spans="8:8">
      <c r="H615260" s="12"/>
    </row>
    <row r="615261" spans="8:8">
      <c r="H615261" s="12"/>
    </row>
    <row r="615262" spans="8:8">
      <c r="H615262" s="12"/>
    </row>
    <row r="615263" spans="8:8">
      <c r="H615263" s="12"/>
    </row>
    <row r="615264" spans="8:8">
      <c r="H615264" s="12"/>
    </row>
    <row r="615265" spans="8:8">
      <c r="H615265" s="12"/>
    </row>
    <row r="615266" spans="8:8">
      <c r="H615266" s="12"/>
    </row>
    <row r="615267" spans="8:8">
      <c r="H615267" s="12"/>
    </row>
    <row r="615268" spans="8:8">
      <c r="H615268" s="12"/>
    </row>
    <row r="615269" spans="8:8">
      <c r="H615269" s="12"/>
    </row>
    <row r="615270" spans="8:8">
      <c r="H615270" s="12"/>
    </row>
    <row r="615271" spans="8:8">
      <c r="H615271" s="12"/>
    </row>
    <row r="615272" spans="8:8">
      <c r="H615272" s="12"/>
    </row>
    <row r="615273" spans="8:8">
      <c r="H615273" s="12"/>
    </row>
    <row r="615274" spans="8:8">
      <c r="H615274" s="12"/>
    </row>
    <row r="615275" spans="8:8">
      <c r="H615275" s="12"/>
    </row>
    <row r="615276" spans="8:8">
      <c r="H615276" s="12"/>
    </row>
    <row r="615277" spans="8:8">
      <c r="H615277" s="12"/>
    </row>
    <row r="615278" spans="8:8">
      <c r="H615278" s="12"/>
    </row>
    <row r="615279" spans="8:8">
      <c r="H615279" s="12"/>
    </row>
    <row r="615280" spans="8:8">
      <c r="H615280" s="12"/>
    </row>
    <row r="615281" spans="8:8">
      <c r="H615281" s="12"/>
    </row>
    <row r="615282" spans="8:8">
      <c r="H615282" s="12"/>
    </row>
    <row r="615283" spans="8:8">
      <c r="H615283" s="12"/>
    </row>
    <row r="615284" spans="8:8">
      <c r="H615284" s="12"/>
    </row>
    <row r="615285" spans="8:8">
      <c r="H615285" s="12"/>
    </row>
    <row r="615286" spans="8:8">
      <c r="H615286" s="12"/>
    </row>
    <row r="615287" spans="8:8">
      <c r="H615287" s="12"/>
    </row>
    <row r="615288" spans="8:8">
      <c r="H615288" s="12"/>
    </row>
    <row r="615289" spans="8:8">
      <c r="H615289" s="12"/>
    </row>
    <row r="615290" spans="8:8">
      <c r="H615290" s="12"/>
    </row>
    <row r="615291" spans="8:8">
      <c r="H615291" s="12"/>
    </row>
    <row r="615292" spans="8:8">
      <c r="H615292" s="12"/>
    </row>
    <row r="615293" spans="8:8">
      <c r="H615293" s="12"/>
    </row>
    <row r="615294" spans="8:8">
      <c r="H615294" s="12"/>
    </row>
    <row r="615295" spans="8:8">
      <c r="H615295" s="12"/>
    </row>
    <row r="615296" spans="8:8">
      <c r="H615296" s="12"/>
    </row>
    <row r="615297" spans="8:8">
      <c r="H615297" s="12"/>
    </row>
    <row r="615298" spans="8:8">
      <c r="H615298" s="12"/>
    </row>
    <row r="615299" spans="8:8">
      <c r="H615299" s="12"/>
    </row>
    <row r="615300" spans="8:8">
      <c r="H615300" s="12"/>
    </row>
    <row r="615301" spans="8:8">
      <c r="H615301" s="12"/>
    </row>
    <row r="615302" spans="8:8">
      <c r="H615302" s="12"/>
    </row>
    <row r="615303" spans="8:8">
      <c r="H615303" s="12"/>
    </row>
    <row r="615304" spans="8:8">
      <c r="H615304" s="12"/>
    </row>
    <row r="615305" spans="8:8">
      <c r="H615305" s="12"/>
    </row>
    <row r="615306" spans="8:8">
      <c r="H615306" s="12"/>
    </row>
    <row r="615307" spans="8:8">
      <c r="H615307" s="12"/>
    </row>
    <row r="615308" spans="8:8">
      <c r="H615308" s="12"/>
    </row>
    <row r="615309" spans="8:8">
      <c r="H615309" s="12"/>
    </row>
    <row r="615310" spans="8:8">
      <c r="H615310" s="12"/>
    </row>
    <row r="615311" spans="8:8">
      <c r="H615311" s="12"/>
    </row>
    <row r="615312" spans="8:8">
      <c r="H615312" s="12"/>
    </row>
    <row r="615313" spans="8:8">
      <c r="H615313" s="12"/>
    </row>
    <row r="615314" spans="8:8">
      <c r="H615314" s="12"/>
    </row>
    <row r="615315" spans="8:8">
      <c r="H615315" s="12"/>
    </row>
    <row r="615316" spans="8:8">
      <c r="H615316" s="12"/>
    </row>
    <row r="615317" spans="8:8">
      <c r="H615317" s="12"/>
    </row>
    <row r="615318" spans="8:8">
      <c r="H615318" s="12"/>
    </row>
    <row r="615319" spans="8:8">
      <c r="H615319" s="12"/>
    </row>
    <row r="615320" spans="8:8">
      <c r="H615320" s="12"/>
    </row>
    <row r="615321" spans="8:8">
      <c r="H615321" s="12"/>
    </row>
    <row r="615322" spans="8:8">
      <c r="H615322" s="12"/>
    </row>
    <row r="615323" spans="8:8">
      <c r="H615323" s="12"/>
    </row>
    <row r="615324" spans="8:8">
      <c r="H615324" s="12"/>
    </row>
    <row r="615325" spans="8:8">
      <c r="H615325" s="12"/>
    </row>
    <row r="615326" spans="8:8">
      <c r="H615326" s="12"/>
    </row>
    <row r="615327" spans="8:8">
      <c r="H615327" s="12"/>
    </row>
    <row r="615328" spans="8:8">
      <c r="H615328" s="12"/>
    </row>
    <row r="615329" spans="8:8">
      <c r="H615329" s="12"/>
    </row>
    <row r="615330" spans="8:8">
      <c r="H615330" s="12"/>
    </row>
    <row r="615331" spans="8:8">
      <c r="H615331" s="12"/>
    </row>
    <row r="615332" spans="8:8">
      <c r="H615332" s="12"/>
    </row>
    <row r="615333" spans="8:8">
      <c r="H615333" s="12"/>
    </row>
    <row r="615334" spans="8:8">
      <c r="H615334" s="12"/>
    </row>
    <row r="615335" spans="8:8">
      <c r="H615335" s="12"/>
    </row>
    <row r="615336" spans="8:8">
      <c r="H615336" s="12"/>
    </row>
    <row r="615337" spans="8:8">
      <c r="H615337" s="12"/>
    </row>
    <row r="615338" spans="8:8">
      <c r="H615338" s="12"/>
    </row>
    <row r="615339" spans="8:8">
      <c r="H615339" s="12"/>
    </row>
    <row r="615340" spans="8:8">
      <c r="H615340" s="12"/>
    </row>
    <row r="615341" spans="8:8">
      <c r="H615341" s="12"/>
    </row>
    <row r="615342" spans="8:8">
      <c r="H615342" s="12"/>
    </row>
    <row r="615343" spans="8:8">
      <c r="H615343" s="12"/>
    </row>
    <row r="615344" spans="8:8">
      <c r="H615344" s="12"/>
    </row>
    <row r="615345" spans="8:8">
      <c r="H615345" s="12"/>
    </row>
    <row r="615346" spans="8:8">
      <c r="H615346" s="12"/>
    </row>
    <row r="615347" spans="8:8">
      <c r="H615347" s="12"/>
    </row>
    <row r="615348" spans="8:8">
      <c r="H615348" s="12"/>
    </row>
    <row r="615349" spans="8:8">
      <c r="H615349" s="12"/>
    </row>
    <row r="615350" spans="8:8">
      <c r="H615350" s="12"/>
    </row>
    <row r="615351" spans="8:8">
      <c r="H615351" s="12"/>
    </row>
    <row r="615352" spans="8:8">
      <c r="H615352" s="12"/>
    </row>
    <row r="615353" spans="8:8">
      <c r="H615353" s="12"/>
    </row>
    <row r="615354" spans="8:8">
      <c r="H615354" s="12"/>
    </row>
    <row r="615355" spans="8:8">
      <c r="H615355" s="12"/>
    </row>
    <row r="615356" spans="8:8">
      <c r="H615356" s="12"/>
    </row>
    <row r="615357" spans="8:8">
      <c r="H615357" s="12"/>
    </row>
    <row r="615358" spans="8:8">
      <c r="H615358" s="12"/>
    </row>
    <row r="615359" spans="8:8">
      <c r="H615359" s="12"/>
    </row>
    <row r="615360" spans="8:8">
      <c r="H615360" s="12"/>
    </row>
    <row r="615361" spans="8:8">
      <c r="H615361" s="12"/>
    </row>
    <row r="615362" spans="8:8">
      <c r="H615362" s="12"/>
    </row>
    <row r="615363" spans="8:8">
      <c r="H615363" s="12"/>
    </row>
    <row r="615364" spans="8:8">
      <c r="H615364" s="12"/>
    </row>
    <row r="615365" spans="8:8">
      <c r="H615365" s="12"/>
    </row>
    <row r="615366" spans="8:8">
      <c r="H615366" s="12"/>
    </row>
    <row r="615367" spans="8:8">
      <c r="H615367" s="12"/>
    </row>
    <row r="615368" spans="8:8">
      <c r="H615368" s="12"/>
    </row>
    <row r="615369" spans="8:8">
      <c r="H615369" s="12"/>
    </row>
    <row r="615370" spans="8:8">
      <c r="H615370" s="12"/>
    </row>
    <row r="615371" spans="8:8">
      <c r="H615371" s="12"/>
    </row>
    <row r="615372" spans="8:8">
      <c r="H615372" s="12"/>
    </row>
    <row r="615373" spans="8:8">
      <c r="H615373" s="12"/>
    </row>
    <row r="615374" spans="8:8">
      <c r="H615374" s="12"/>
    </row>
    <row r="615375" spans="8:8">
      <c r="H615375" s="12"/>
    </row>
    <row r="615376" spans="8:8">
      <c r="H615376" s="12"/>
    </row>
    <row r="615377" spans="8:8">
      <c r="H615377" s="12"/>
    </row>
    <row r="615378" spans="8:8">
      <c r="H615378" s="12"/>
    </row>
    <row r="615379" spans="8:8">
      <c r="H615379" s="12"/>
    </row>
    <row r="615380" spans="8:8">
      <c r="H615380" s="12"/>
    </row>
    <row r="615381" spans="8:8">
      <c r="H615381" s="12"/>
    </row>
    <row r="615382" spans="8:8">
      <c r="H615382" s="12"/>
    </row>
    <row r="615383" spans="8:8">
      <c r="H615383" s="12"/>
    </row>
    <row r="615384" spans="8:8">
      <c r="H615384" s="12"/>
    </row>
    <row r="615385" spans="8:8">
      <c r="H615385" s="12"/>
    </row>
    <row r="615386" spans="8:8">
      <c r="H615386" s="12"/>
    </row>
    <row r="615387" spans="8:8">
      <c r="H615387" s="12"/>
    </row>
    <row r="615388" spans="8:8">
      <c r="H615388" s="12"/>
    </row>
    <row r="615389" spans="8:8">
      <c r="H615389" s="12"/>
    </row>
    <row r="615390" spans="8:8">
      <c r="H615390" s="12"/>
    </row>
    <row r="615391" spans="8:8">
      <c r="H615391" s="12"/>
    </row>
    <row r="615392" spans="8:8">
      <c r="H615392" s="12"/>
    </row>
    <row r="615393" spans="8:8">
      <c r="H615393" s="12"/>
    </row>
    <row r="615394" spans="8:8">
      <c r="H615394" s="12"/>
    </row>
    <row r="615395" spans="8:8">
      <c r="H615395" s="12"/>
    </row>
    <row r="615396" spans="8:8">
      <c r="H615396" s="12"/>
    </row>
    <row r="615397" spans="8:8">
      <c r="H615397" s="12"/>
    </row>
    <row r="615398" spans="8:8">
      <c r="H615398" s="12"/>
    </row>
    <row r="615399" spans="8:8">
      <c r="H615399" s="12"/>
    </row>
    <row r="615400" spans="8:8">
      <c r="H615400" s="12"/>
    </row>
    <row r="615401" spans="8:8">
      <c r="H615401" s="12"/>
    </row>
    <row r="615402" spans="8:8">
      <c r="H615402" s="12"/>
    </row>
    <row r="615403" spans="8:8">
      <c r="H615403" s="12"/>
    </row>
    <row r="615404" spans="8:8">
      <c r="H615404" s="12"/>
    </row>
    <row r="615405" spans="8:8">
      <c r="H615405" s="12"/>
    </row>
    <row r="615406" spans="8:8">
      <c r="H615406" s="12"/>
    </row>
    <row r="615407" spans="8:8">
      <c r="H615407" s="12"/>
    </row>
    <row r="615408" spans="8:8">
      <c r="H615408" s="12"/>
    </row>
    <row r="615409" spans="8:8">
      <c r="H615409" s="12"/>
    </row>
    <row r="615410" spans="8:8">
      <c r="H615410" s="12"/>
    </row>
    <row r="615411" spans="8:8">
      <c r="H615411" s="12"/>
    </row>
    <row r="615412" spans="8:8">
      <c r="H615412" s="12"/>
    </row>
    <row r="615413" spans="8:8">
      <c r="H615413" s="12"/>
    </row>
    <row r="615414" spans="8:8">
      <c r="H615414" s="12"/>
    </row>
    <row r="615415" spans="8:8">
      <c r="H615415" s="12"/>
    </row>
    <row r="615416" spans="8:8">
      <c r="H615416" s="12"/>
    </row>
    <row r="615417" spans="8:8">
      <c r="H615417" s="12"/>
    </row>
    <row r="615418" spans="8:8">
      <c r="H615418" s="12"/>
    </row>
    <row r="615419" spans="8:8">
      <c r="H615419" s="12"/>
    </row>
    <row r="615420" spans="8:8">
      <c r="H615420" s="12"/>
    </row>
    <row r="615421" spans="8:8">
      <c r="H615421" s="12"/>
    </row>
    <row r="615422" spans="8:8">
      <c r="H615422" s="12"/>
    </row>
    <row r="615423" spans="8:8">
      <c r="H615423" s="12"/>
    </row>
    <row r="615424" spans="8:8">
      <c r="H615424" s="12"/>
    </row>
    <row r="615425" spans="8:8">
      <c r="H615425" s="12"/>
    </row>
    <row r="615426" spans="8:8">
      <c r="H615426" s="12"/>
    </row>
    <row r="615427" spans="8:8">
      <c r="H615427" s="12"/>
    </row>
    <row r="615428" spans="8:8">
      <c r="H615428" s="12"/>
    </row>
    <row r="615429" spans="8:8">
      <c r="H615429" s="12"/>
    </row>
    <row r="615430" spans="8:8">
      <c r="H615430" s="12"/>
    </row>
    <row r="615431" spans="8:8">
      <c r="H615431" s="12"/>
    </row>
    <row r="615432" spans="8:8">
      <c r="H615432" s="12"/>
    </row>
    <row r="615433" spans="8:8">
      <c r="H615433" s="12"/>
    </row>
    <row r="615434" spans="8:8">
      <c r="H615434" s="12"/>
    </row>
    <row r="615435" spans="8:8">
      <c r="H615435" s="12"/>
    </row>
    <row r="615436" spans="8:8">
      <c r="H615436" s="12"/>
    </row>
    <row r="615437" spans="8:8">
      <c r="H615437" s="12"/>
    </row>
    <row r="615438" spans="8:8">
      <c r="H615438" s="12"/>
    </row>
    <row r="615439" spans="8:8">
      <c r="H615439" s="12"/>
    </row>
    <row r="615440" spans="8:8">
      <c r="H615440" s="12"/>
    </row>
    <row r="615441" spans="8:8">
      <c r="H615441" s="12"/>
    </row>
    <row r="615442" spans="8:8">
      <c r="H615442" s="12"/>
    </row>
    <row r="615443" spans="8:8">
      <c r="H615443" s="12"/>
    </row>
    <row r="615444" spans="8:8">
      <c r="H615444" s="12"/>
    </row>
    <row r="615445" spans="8:8">
      <c r="H615445" s="12"/>
    </row>
    <row r="615446" spans="8:8">
      <c r="H615446" s="12"/>
    </row>
    <row r="615447" spans="8:8">
      <c r="H615447" s="12"/>
    </row>
    <row r="615448" spans="8:8">
      <c r="H615448" s="12"/>
    </row>
    <row r="615449" spans="8:8">
      <c r="H615449" s="12"/>
    </row>
    <row r="615450" spans="8:8">
      <c r="H615450" s="12"/>
    </row>
    <row r="615451" spans="8:8">
      <c r="H615451" s="12"/>
    </row>
    <row r="615452" spans="8:8">
      <c r="H615452" s="12"/>
    </row>
    <row r="615453" spans="8:8">
      <c r="H615453" s="12"/>
    </row>
    <row r="615454" spans="8:8">
      <c r="H615454" s="12"/>
    </row>
    <row r="615455" spans="8:8">
      <c r="H615455" s="12"/>
    </row>
    <row r="615456" spans="8:8">
      <c r="H615456" s="12"/>
    </row>
    <row r="615457" spans="8:8">
      <c r="H615457" s="12"/>
    </row>
    <row r="615458" spans="8:8">
      <c r="H615458" s="12"/>
    </row>
    <row r="615459" spans="8:8">
      <c r="H615459" s="12"/>
    </row>
    <row r="615460" spans="8:8">
      <c r="H615460" s="12"/>
    </row>
    <row r="615461" spans="8:8">
      <c r="H615461" s="12"/>
    </row>
    <row r="615462" spans="8:8">
      <c r="H615462" s="12"/>
    </row>
    <row r="615463" spans="8:8">
      <c r="H615463" s="12"/>
    </row>
    <row r="615464" spans="8:8">
      <c r="H615464" s="12"/>
    </row>
    <row r="615465" spans="8:8">
      <c r="H615465" s="12"/>
    </row>
    <row r="615466" spans="8:8">
      <c r="H615466" s="12"/>
    </row>
    <row r="615467" spans="8:8">
      <c r="H615467" s="12"/>
    </row>
    <row r="615468" spans="8:8">
      <c r="H615468" s="12"/>
    </row>
    <row r="615469" spans="8:8">
      <c r="H615469" s="12"/>
    </row>
    <row r="615470" spans="8:8">
      <c r="H615470" s="12"/>
    </row>
    <row r="615471" spans="8:8">
      <c r="H615471" s="12"/>
    </row>
    <row r="615472" spans="8:8">
      <c r="H615472" s="12"/>
    </row>
    <row r="615473" spans="8:8">
      <c r="H615473" s="12"/>
    </row>
    <row r="615474" spans="8:8">
      <c r="H615474" s="12"/>
    </row>
    <row r="615475" spans="8:8">
      <c r="H615475" s="12"/>
    </row>
    <row r="615476" spans="8:8">
      <c r="H615476" s="12"/>
    </row>
    <row r="615477" spans="8:8">
      <c r="H615477" s="12"/>
    </row>
    <row r="615478" spans="8:8">
      <c r="H615478" s="12"/>
    </row>
    <row r="615479" spans="8:8">
      <c r="H615479" s="12"/>
    </row>
    <row r="615480" spans="8:8">
      <c r="H615480" s="12"/>
    </row>
    <row r="615481" spans="8:8">
      <c r="H615481" s="12"/>
    </row>
    <row r="615482" spans="8:8">
      <c r="H615482" s="12"/>
    </row>
    <row r="615483" spans="8:8">
      <c r="H615483" s="12"/>
    </row>
    <row r="615484" spans="8:8">
      <c r="H615484" s="12"/>
    </row>
    <row r="615485" spans="8:8">
      <c r="H615485" s="12"/>
    </row>
    <row r="615486" spans="8:8">
      <c r="H615486" s="12"/>
    </row>
    <row r="615487" spans="8:8">
      <c r="H615487" s="12"/>
    </row>
    <row r="615488" spans="8:8">
      <c r="H615488" s="12"/>
    </row>
    <row r="615489" spans="8:8">
      <c r="H615489" s="12"/>
    </row>
    <row r="615490" spans="8:8">
      <c r="H615490" s="12"/>
    </row>
    <row r="615491" spans="8:8">
      <c r="H615491" s="12"/>
    </row>
    <row r="615492" spans="8:8">
      <c r="H615492" s="12"/>
    </row>
    <row r="615493" spans="8:8">
      <c r="H615493" s="12"/>
    </row>
    <row r="615494" spans="8:8">
      <c r="H615494" s="12"/>
    </row>
    <row r="615495" spans="8:8">
      <c r="H615495" s="12"/>
    </row>
    <row r="615496" spans="8:8">
      <c r="H615496" s="12"/>
    </row>
    <row r="615497" spans="8:8">
      <c r="H615497" s="12"/>
    </row>
    <row r="615498" spans="8:8">
      <c r="H615498" s="12"/>
    </row>
    <row r="615499" spans="8:8">
      <c r="H615499" s="12"/>
    </row>
    <row r="615500" spans="8:8">
      <c r="H615500" s="12"/>
    </row>
    <row r="615501" spans="8:8">
      <c r="H615501" s="12"/>
    </row>
    <row r="615502" spans="8:8">
      <c r="H615502" s="12"/>
    </row>
    <row r="615503" spans="8:8">
      <c r="H615503" s="12"/>
    </row>
    <row r="615504" spans="8:8">
      <c r="H615504" s="12"/>
    </row>
    <row r="615505" spans="8:8">
      <c r="H615505" s="12"/>
    </row>
    <row r="615506" spans="8:8">
      <c r="H615506" s="12"/>
    </row>
    <row r="615507" spans="8:8">
      <c r="H615507" s="12"/>
    </row>
    <row r="615508" spans="8:8">
      <c r="H615508" s="12"/>
    </row>
    <row r="615509" spans="8:8">
      <c r="H615509" s="12"/>
    </row>
    <row r="615510" spans="8:8">
      <c r="H615510" s="12"/>
    </row>
    <row r="615511" spans="8:8">
      <c r="H615511" s="12"/>
    </row>
    <row r="615512" spans="8:8">
      <c r="H615512" s="12"/>
    </row>
    <row r="615513" spans="8:8">
      <c r="H615513" s="12"/>
    </row>
    <row r="615514" spans="8:8">
      <c r="H615514" s="12"/>
    </row>
    <row r="615515" spans="8:8">
      <c r="H615515" s="12"/>
    </row>
    <row r="615516" spans="8:8">
      <c r="H615516" s="12"/>
    </row>
    <row r="615517" spans="8:8">
      <c r="H615517" s="12"/>
    </row>
    <row r="615518" spans="8:8">
      <c r="H615518" s="12"/>
    </row>
    <row r="615519" spans="8:8">
      <c r="H615519" s="12"/>
    </row>
    <row r="615520" spans="8:8">
      <c r="H615520" s="12"/>
    </row>
    <row r="615521" spans="8:8">
      <c r="H615521" s="12"/>
    </row>
    <row r="615522" spans="8:8">
      <c r="H615522" s="12"/>
    </row>
    <row r="615523" spans="8:8">
      <c r="H615523" s="12"/>
    </row>
    <row r="615524" spans="8:8">
      <c r="H615524" s="12"/>
    </row>
    <row r="615525" spans="8:8">
      <c r="H615525" s="12"/>
    </row>
    <row r="615526" spans="8:8">
      <c r="H615526" s="12"/>
    </row>
    <row r="615527" spans="8:8">
      <c r="H615527" s="12"/>
    </row>
    <row r="615528" spans="8:8">
      <c r="H615528" s="12"/>
    </row>
    <row r="615529" spans="8:8">
      <c r="H615529" s="12"/>
    </row>
    <row r="615530" spans="8:8">
      <c r="H615530" s="12"/>
    </row>
    <row r="615531" spans="8:8">
      <c r="H615531" s="12"/>
    </row>
    <row r="615532" spans="8:8">
      <c r="H615532" s="12"/>
    </row>
    <row r="615533" spans="8:8">
      <c r="H615533" s="12"/>
    </row>
    <row r="615534" spans="8:8">
      <c r="H615534" s="12"/>
    </row>
    <row r="615535" spans="8:8">
      <c r="H615535" s="12"/>
    </row>
    <row r="615536" spans="8:8">
      <c r="H615536" s="12"/>
    </row>
    <row r="615537" spans="8:8">
      <c r="H615537" s="12"/>
    </row>
    <row r="615538" spans="8:8">
      <c r="H615538" s="12"/>
    </row>
    <row r="615539" spans="8:8">
      <c r="H615539" s="12"/>
    </row>
    <row r="615540" spans="8:8">
      <c r="H615540" s="12"/>
    </row>
    <row r="615541" spans="8:8">
      <c r="H615541" s="12"/>
    </row>
    <row r="615542" spans="8:8">
      <c r="H615542" s="12"/>
    </row>
    <row r="615543" spans="8:8">
      <c r="H615543" s="12"/>
    </row>
    <row r="615544" spans="8:8">
      <c r="H615544" s="12"/>
    </row>
    <row r="615545" spans="8:8">
      <c r="H615545" s="12"/>
    </row>
    <row r="615546" spans="8:8">
      <c r="H615546" s="12"/>
    </row>
    <row r="615547" spans="8:8">
      <c r="H615547" s="12"/>
    </row>
    <row r="615548" spans="8:8">
      <c r="H615548" s="12"/>
    </row>
    <row r="615549" spans="8:8">
      <c r="H615549" s="12"/>
    </row>
    <row r="615550" spans="8:8">
      <c r="H615550" s="12"/>
    </row>
    <row r="615551" spans="8:8">
      <c r="H615551" s="12"/>
    </row>
    <row r="615552" spans="8:8">
      <c r="H615552" s="12"/>
    </row>
    <row r="615553" spans="8:8">
      <c r="H615553" s="12"/>
    </row>
    <row r="615554" spans="8:8">
      <c r="H615554" s="12"/>
    </row>
    <row r="615555" spans="8:8">
      <c r="H615555" s="12"/>
    </row>
    <row r="615556" spans="8:8">
      <c r="H615556" s="12"/>
    </row>
    <row r="615557" spans="8:8">
      <c r="H615557" s="12"/>
    </row>
    <row r="615558" spans="8:8">
      <c r="H615558" s="12"/>
    </row>
    <row r="615559" spans="8:8">
      <c r="H615559" s="12"/>
    </row>
    <row r="615560" spans="8:8">
      <c r="H615560" s="12"/>
    </row>
    <row r="615561" spans="8:8">
      <c r="H615561" s="12"/>
    </row>
    <row r="615562" spans="8:8">
      <c r="H615562" s="12"/>
    </row>
    <row r="615563" spans="8:8">
      <c r="H615563" s="12"/>
    </row>
    <row r="615564" spans="8:8">
      <c r="H615564" s="12"/>
    </row>
    <row r="615565" spans="8:8">
      <c r="H615565" s="12"/>
    </row>
    <row r="615566" spans="8:8">
      <c r="H615566" s="12"/>
    </row>
    <row r="615567" spans="8:8">
      <c r="H615567" s="12"/>
    </row>
    <row r="615568" spans="8:8">
      <c r="H615568" s="12"/>
    </row>
    <row r="615569" spans="8:8">
      <c r="H615569" s="12"/>
    </row>
    <row r="615570" spans="8:8">
      <c r="H615570" s="12"/>
    </row>
    <row r="615571" spans="8:8">
      <c r="H615571" s="12"/>
    </row>
    <row r="615572" spans="8:8">
      <c r="H615572" s="12"/>
    </row>
    <row r="615573" spans="8:8">
      <c r="H615573" s="12"/>
    </row>
    <row r="615574" spans="8:8">
      <c r="H615574" s="12"/>
    </row>
    <row r="615575" spans="8:8">
      <c r="H615575" s="12"/>
    </row>
    <row r="615576" spans="8:8">
      <c r="H615576" s="12"/>
    </row>
    <row r="615577" spans="8:8">
      <c r="H615577" s="12"/>
    </row>
    <row r="615578" spans="8:8">
      <c r="H615578" s="12"/>
    </row>
    <row r="615579" spans="8:8">
      <c r="H615579" s="12"/>
    </row>
    <row r="615580" spans="8:8">
      <c r="H615580" s="12"/>
    </row>
    <row r="615581" spans="8:8">
      <c r="H615581" s="12"/>
    </row>
    <row r="615582" spans="8:8">
      <c r="H615582" s="12"/>
    </row>
    <row r="615583" spans="8:8">
      <c r="H615583" s="12"/>
    </row>
    <row r="615584" spans="8:8">
      <c r="H615584" s="12"/>
    </row>
    <row r="615585" spans="8:8">
      <c r="H615585" s="12"/>
    </row>
    <row r="615586" spans="8:8">
      <c r="H615586" s="12"/>
    </row>
    <row r="615587" spans="8:8">
      <c r="H615587" s="12"/>
    </row>
    <row r="615588" spans="8:8">
      <c r="H615588" s="12"/>
    </row>
    <row r="615589" spans="8:8">
      <c r="H615589" s="12"/>
    </row>
    <row r="615590" spans="8:8">
      <c r="H615590" s="12"/>
    </row>
    <row r="615591" spans="8:8">
      <c r="H615591" s="12"/>
    </row>
    <row r="615592" spans="8:8">
      <c r="H615592" s="12"/>
    </row>
    <row r="615593" spans="8:8">
      <c r="H615593" s="12"/>
    </row>
    <row r="615594" spans="8:8">
      <c r="H615594" s="12"/>
    </row>
    <row r="615595" spans="8:8">
      <c r="H615595" s="12"/>
    </row>
    <row r="615596" spans="8:8">
      <c r="H615596" s="12"/>
    </row>
    <row r="615597" spans="8:8">
      <c r="H615597" s="12"/>
    </row>
    <row r="615598" spans="8:8">
      <c r="H615598" s="12"/>
    </row>
    <row r="615599" spans="8:8">
      <c r="H615599" s="12"/>
    </row>
    <row r="615600" spans="8:8">
      <c r="H615600" s="12"/>
    </row>
    <row r="615601" spans="8:8">
      <c r="H615601" s="12"/>
    </row>
    <row r="615602" spans="8:8">
      <c r="H615602" s="12"/>
    </row>
    <row r="615603" spans="8:8">
      <c r="H615603" s="12"/>
    </row>
    <row r="615604" spans="8:8">
      <c r="H615604" s="12"/>
    </row>
    <row r="615605" spans="8:8">
      <c r="H615605" s="12"/>
    </row>
    <row r="615606" spans="8:8">
      <c r="H615606" s="12"/>
    </row>
    <row r="615607" spans="8:8">
      <c r="H615607" s="12"/>
    </row>
    <row r="615608" spans="8:8">
      <c r="H615608" s="12"/>
    </row>
    <row r="615609" spans="8:8">
      <c r="H615609" s="12"/>
    </row>
    <row r="615610" spans="8:8">
      <c r="H615610" s="12"/>
    </row>
    <row r="615611" spans="8:8">
      <c r="H615611" s="12"/>
    </row>
    <row r="615612" spans="8:8">
      <c r="H615612" s="12"/>
    </row>
    <row r="615613" spans="8:8">
      <c r="H615613" s="12"/>
    </row>
    <row r="615614" spans="8:8">
      <c r="H615614" s="12"/>
    </row>
    <row r="615615" spans="8:8">
      <c r="H615615" s="12"/>
    </row>
    <row r="615616" spans="8:8">
      <c r="H615616" s="12"/>
    </row>
    <row r="615617" spans="8:8">
      <c r="H615617" s="12"/>
    </row>
    <row r="615618" spans="8:8">
      <c r="H615618" s="12"/>
    </row>
    <row r="615619" spans="8:8">
      <c r="H615619" s="12"/>
    </row>
    <row r="615620" spans="8:8">
      <c r="H615620" s="12"/>
    </row>
    <row r="615621" spans="8:8">
      <c r="H615621" s="12"/>
    </row>
    <row r="615622" spans="8:8">
      <c r="H615622" s="12"/>
    </row>
    <row r="615623" spans="8:8">
      <c r="H615623" s="12"/>
    </row>
    <row r="615624" spans="8:8">
      <c r="H615624" s="12"/>
    </row>
    <row r="615625" spans="8:8">
      <c r="H615625" s="12"/>
    </row>
    <row r="615626" spans="8:8">
      <c r="H615626" s="12"/>
    </row>
    <row r="615627" spans="8:8">
      <c r="H615627" s="12"/>
    </row>
    <row r="615628" spans="8:8">
      <c r="H615628" s="12"/>
    </row>
    <row r="615629" spans="8:8">
      <c r="H615629" s="12"/>
    </row>
    <row r="615630" spans="8:8">
      <c r="H615630" s="12"/>
    </row>
    <row r="615631" spans="8:8">
      <c r="H615631" s="12"/>
    </row>
    <row r="615632" spans="8:8">
      <c r="H615632" s="12"/>
    </row>
    <row r="615633" spans="8:8">
      <c r="H615633" s="12"/>
    </row>
    <row r="615634" spans="8:8">
      <c r="H615634" s="12"/>
    </row>
    <row r="615635" spans="8:8">
      <c r="H615635" s="12"/>
    </row>
    <row r="615636" spans="8:8">
      <c r="H615636" s="12"/>
    </row>
    <row r="615637" spans="8:8">
      <c r="H615637" s="12"/>
    </row>
    <row r="615638" spans="8:8">
      <c r="H615638" s="12"/>
    </row>
    <row r="615639" spans="8:8">
      <c r="H615639" s="12"/>
    </row>
    <row r="615640" spans="8:8">
      <c r="H615640" s="12"/>
    </row>
    <row r="615641" spans="8:8">
      <c r="H615641" s="12"/>
    </row>
    <row r="615642" spans="8:8">
      <c r="H615642" s="12"/>
    </row>
    <row r="615643" spans="8:8">
      <c r="H615643" s="12"/>
    </row>
    <row r="615644" spans="8:8">
      <c r="H615644" s="12"/>
    </row>
    <row r="615645" spans="8:8">
      <c r="H615645" s="12"/>
    </row>
    <row r="615646" spans="8:8">
      <c r="H615646" s="12"/>
    </row>
    <row r="615647" spans="8:8">
      <c r="H615647" s="12"/>
    </row>
    <row r="615648" spans="8:8">
      <c r="H615648" s="12"/>
    </row>
    <row r="615649" spans="8:8">
      <c r="H615649" s="12"/>
    </row>
    <row r="615650" spans="8:8">
      <c r="H615650" s="12"/>
    </row>
    <row r="615651" spans="8:8">
      <c r="H615651" s="12"/>
    </row>
    <row r="615652" spans="8:8">
      <c r="H615652" s="12"/>
    </row>
    <row r="615653" spans="8:8">
      <c r="H615653" s="12"/>
    </row>
    <row r="615654" spans="8:8">
      <c r="H615654" s="12"/>
    </row>
    <row r="615655" spans="8:8">
      <c r="H615655" s="12"/>
    </row>
    <row r="615656" spans="8:8">
      <c r="H615656" s="12"/>
    </row>
    <row r="615657" spans="8:8">
      <c r="H615657" s="12"/>
    </row>
    <row r="615658" spans="8:8">
      <c r="H615658" s="12"/>
    </row>
    <row r="615659" spans="8:8">
      <c r="H615659" s="12"/>
    </row>
    <row r="615660" spans="8:8">
      <c r="H615660" s="12"/>
    </row>
    <row r="615661" spans="8:8">
      <c r="H615661" s="12"/>
    </row>
    <row r="615662" spans="8:8">
      <c r="H615662" s="12"/>
    </row>
    <row r="615663" spans="8:8">
      <c r="H615663" s="12"/>
    </row>
    <row r="615664" spans="8:8">
      <c r="H615664" s="12"/>
    </row>
    <row r="615665" spans="8:8">
      <c r="H615665" s="12"/>
    </row>
    <row r="615666" spans="8:8">
      <c r="H615666" s="12"/>
    </row>
    <row r="615667" spans="8:8">
      <c r="H615667" s="12"/>
    </row>
    <row r="615668" spans="8:8">
      <c r="H615668" s="12"/>
    </row>
    <row r="615669" spans="8:8">
      <c r="H615669" s="12"/>
    </row>
    <row r="615670" spans="8:8">
      <c r="H615670" s="12"/>
    </row>
    <row r="615671" spans="8:8">
      <c r="H615671" s="12"/>
    </row>
    <row r="615672" spans="8:8">
      <c r="H615672" s="12"/>
    </row>
    <row r="615673" spans="8:8">
      <c r="H615673" s="12"/>
    </row>
    <row r="615674" spans="8:8">
      <c r="H615674" s="12"/>
    </row>
    <row r="615675" spans="8:8">
      <c r="H615675" s="12"/>
    </row>
    <row r="615676" spans="8:8">
      <c r="H615676" s="12"/>
    </row>
    <row r="615677" spans="8:8">
      <c r="H615677" s="12"/>
    </row>
    <row r="615678" spans="8:8">
      <c r="H615678" s="12"/>
    </row>
    <row r="615679" spans="8:8">
      <c r="H615679" s="12"/>
    </row>
    <row r="615680" spans="8:8">
      <c r="H615680" s="12"/>
    </row>
    <row r="615681" spans="8:8">
      <c r="H615681" s="12"/>
    </row>
    <row r="615682" spans="8:8">
      <c r="H615682" s="12"/>
    </row>
    <row r="615683" spans="8:8">
      <c r="H615683" s="12"/>
    </row>
    <row r="615684" spans="8:8">
      <c r="H615684" s="12"/>
    </row>
    <row r="615685" spans="8:8">
      <c r="H615685" s="12"/>
    </row>
    <row r="615686" spans="8:8">
      <c r="H615686" s="12"/>
    </row>
    <row r="615687" spans="8:8">
      <c r="H615687" s="12"/>
    </row>
    <row r="615688" spans="8:8">
      <c r="H615688" s="12"/>
    </row>
    <row r="615689" spans="8:8">
      <c r="H615689" s="12"/>
    </row>
    <row r="615690" spans="8:8">
      <c r="H615690" s="12"/>
    </row>
    <row r="615691" spans="8:8">
      <c r="H615691" s="12"/>
    </row>
    <row r="615692" spans="8:8">
      <c r="H615692" s="12"/>
    </row>
    <row r="615693" spans="8:8">
      <c r="H615693" s="12"/>
    </row>
    <row r="615694" spans="8:8">
      <c r="H615694" s="12"/>
    </row>
    <row r="615695" spans="8:8">
      <c r="H615695" s="12"/>
    </row>
    <row r="615696" spans="8:8">
      <c r="H615696" s="12"/>
    </row>
    <row r="615697" spans="8:8">
      <c r="H615697" s="12"/>
    </row>
    <row r="615698" spans="8:8">
      <c r="H615698" s="12"/>
    </row>
    <row r="615699" spans="8:8">
      <c r="H615699" s="12"/>
    </row>
    <row r="615700" spans="8:8">
      <c r="H615700" s="12"/>
    </row>
    <row r="615701" spans="8:8">
      <c r="H615701" s="12"/>
    </row>
    <row r="615702" spans="8:8">
      <c r="H615702" s="12"/>
    </row>
    <row r="615703" spans="8:8">
      <c r="H615703" s="12"/>
    </row>
    <row r="615704" spans="8:8">
      <c r="H615704" s="12"/>
    </row>
    <row r="615705" spans="8:8">
      <c r="H615705" s="12"/>
    </row>
    <row r="615706" spans="8:8">
      <c r="H615706" s="12"/>
    </row>
    <row r="615707" spans="8:8">
      <c r="H615707" s="12"/>
    </row>
    <row r="615708" spans="8:8">
      <c r="H615708" s="12"/>
    </row>
    <row r="615709" spans="8:8">
      <c r="H615709" s="12"/>
    </row>
    <row r="615710" spans="8:8">
      <c r="H615710" s="12"/>
    </row>
    <row r="615711" spans="8:8">
      <c r="H615711" s="12"/>
    </row>
    <row r="615712" spans="8:8">
      <c r="H615712" s="12"/>
    </row>
    <row r="615713" spans="8:8">
      <c r="H615713" s="12"/>
    </row>
    <row r="615714" spans="8:8">
      <c r="H615714" s="12"/>
    </row>
    <row r="615715" spans="8:8">
      <c r="H615715" s="12"/>
    </row>
    <row r="615716" spans="8:8">
      <c r="H615716" s="12"/>
    </row>
    <row r="615717" spans="8:8">
      <c r="H615717" s="12"/>
    </row>
    <row r="615718" spans="8:8">
      <c r="H615718" s="12"/>
    </row>
    <row r="615719" spans="8:8">
      <c r="H615719" s="12"/>
    </row>
    <row r="615720" spans="8:8">
      <c r="H615720" s="12"/>
    </row>
    <row r="615721" spans="8:8">
      <c r="H615721" s="12"/>
    </row>
    <row r="615722" spans="8:8">
      <c r="H615722" s="12"/>
    </row>
    <row r="615723" spans="8:8">
      <c r="H615723" s="12"/>
    </row>
    <row r="615724" spans="8:8">
      <c r="H615724" s="12"/>
    </row>
    <row r="615725" spans="8:8">
      <c r="H615725" s="12"/>
    </row>
    <row r="615726" spans="8:8">
      <c r="H615726" s="12"/>
    </row>
    <row r="615727" spans="8:8">
      <c r="H615727" s="12"/>
    </row>
    <row r="615728" spans="8:8">
      <c r="H615728" s="12"/>
    </row>
    <row r="615729" spans="8:8">
      <c r="H615729" s="12"/>
    </row>
    <row r="615730" spans="8:8">
      <c r="H615730" s="12"/>
    </row>
    <row r="615731" spans="8:8">
      <c r="H615731" s="12"/>
    </row>
    <row r="615732" spans="8:8">
      <c r="H615732" s="12"/>
    </row>
    <row r="615733" spans="8:8">
      <c r="H615733" s="12"/>
    </row>
    <row r="615734" spans="8:8">
      <c r="H615734" s="12"/>
    </row>
    <row r="615735" spans="8:8">
      <c r="H615735" s="12"/>
    </row>
    <row r="615736" spans="8:8">
      <c r="H615736" s="12"/>
    </row>
    <row r="615737" spans="8:8">
      <c r="H615737" s="12"/>
    </row>
    <row r="615738" spans="8:8">
      <c r="H615738" s="12"/>
    </row>
    <row r="615739" spans="8:8">
      <c r="H615739" s="12"/>
    </row>
    <row r="615740" spans="8:8">
      <c r="H615740" s="12"/>
    </row>
    <row r="615741" spans="8:8">
      <c r="H615741" s="12"/>
    </row>
    <row r="615742" spans="8:8">
      <c r="H615742" s="12"/>
    </row>
    <row r="615743" spans="8:8">
      <c r="H615743" s="12"/>
    </row>
    <row r="615744" spans="8:8">
      <c r="H615744" s="12"/>
    </row>
    <row r="615745" spans="8:8">
      <c r="H615745" s="12"/>
    </row>
    <row r="615746" spans="8:8">
      <c r="H615746" s="12"/>
    </row>
    <row r="615747" spans="8:8">
      <c r="H615747" s="12"/>
    </row>
    <row r="615748" spans="8:8">
      <c r="H615748" s="12"/>
    </row>
    <row r="615749" spans="8:8">
      <c r="H615749" s="12"/>
    </row>
    <row r="615750" spans="8:8">
      <c r="H615750" s="12"/>
    </row>
    <row r="615751" spans="8:8">
      <c r="H615751" s="12"/>
    </row>
    <row r="615752" spans="8:8">
      <c r="H615752" s="12"/>
    </row>
    <row r="615753" spans="8:8">
      <c r="H615753" s="12"/>
    </row>
    <row r="615754" spans="8:8">
      <c r="H615754" s="12"/>
    </row>
    <row r="615755" spans="8:8">
      <c r="H615755" s="12"/>
    </row>
    <row r="615756" spans="8:8">
      <c r="H615756" s="12"/>
    </row>
    <row r="615757" spans="8:8">
      <c r="H615757" s="12"/>
    </row>
    <row r="615758" spans="8:8">
      <c r="H615758" s="12"/>
    </row>
    <row r="615759" spans="8:8">
      <c r="H615759" s="12"/>
    </row>
    <row r="615760" spans="8:8">
      <c r="H615760" s="12"/>
    </row>
    <row r="615761" spans="8:8">
      <c r="H615761" s="12"/>
    </row>
    <row r="615762" spans="8:8">
      <c r="H615762" s="12"/>
    </row>
    <row r="615763" spans="8:8">
      <c r="H615763" s="12"/>
    </row>
    <row r="615764" spans="8:8">
      <c r="H615764" s="12"/>
    </row>
    <row r="615765" spans="8:8">
      <c r="H615765" s="12"/>
    </row>
    <row r="615766" spans="8:8">
      <c r="H615766" s="12"/>
    </row>
    <row r="615767" spans="8:8">
      <c r="H615767" s="12"/>
    </row>
    <row r="615768" spans="8:8">
      <c r="H615768" s="12"/>
    </row>
    <row r="615769" spans="8:8">
      <c r="H615769" s="12"/>
    </row>
    <row r="615770" spans="8:8">
      <c r="H615770" s="12"/>
    </row>
    <row r="615771" spans="8:8">
      <c r="H615771" s="12"/>
    </row>
    <row r="615772" spans="8:8">
      <c r="H615772" s="12"/>
    </row>
    <row r="615773" spans="8:8">
      <c r="H615773" s="12"/>
    </row>
    <row r="615774" spans="8:8">
      <c r="H615774" s="12"/>
    </row>
    <row r="615775" spans="8:8">
      <c r="H615775" s="12"/>
    </row>
    <row r="615776" spans="8:8">
      <c r="H615776" s="12"/>
    </row>
    <row r="615777" spans="8:8">
      <c r="H615777" s="12"/>
    </row>
    <row r="615778" spans="8:8">
      <c r="H615778" s="12"/>
    </row>
    <row r="615779" spans="8:8">
      <c r="H615779" s="12"/>
    </row>
    <row r="615780" spans="8:8">
      <c r="H615780" s="12"/>
    </row>
    <row r="615781" spans="8:8">
      <c r="H615781" s="12"/>
    </row>
    <row r="615782" spans="8:8">
      <c r="H615782" s="12"/>
    </row>
    <row r="615783" spans="8:8">
      <c r="H615783" s="12"/>
    </row>
    <row r="615784" spans="8:8">
      <c r="H615784" s="12"/>
    </row>
    <row r="615785" spans="8:8">
      <c r="H615785" s="12"/>
    </row>
    <row r="615786" spans="8:8">
      <c r="H615786" s="12"/>
    </row>
    <row r="615787" spans="8:8">
      <c r="H615787" s="12"/>
    </row>
    <row r="615788" spans="8:8">
      <c r="H615788" s="12"/>
    </row>
    <row r="615789" spans="8:8">
      <c r="H615789" s="12"/>
    </row>
    <row r="615790" spans="8:8">
      <c r="H615790" s="12"/>
    </row>
    <row r="615791" spans="8:8">
      <c r="H615791" s="12"/>
    </row>
    <row r="615792" spans="8:8">
      <c r="H615792" s="12"/>
    </row>
    <row r="615793" spans="8:8">
      <c r="H615793" s="12"/>
    </row>
    <row r="615794" spans="8:8">
      <c r="H615794" s="12"/>
    </row>
    <row r="615795" spans="8:8">
      <c r="H615795" s="12"/>
    </row>
    <row r="615796" spans="8:8">
      <c r="H615796" s="12"/>
    </row>
    <row r="615797" spans="8:8">
      <c r="H615797" s="12"/>
    </row>
    <row r="615798" spans="8:8">
      <c r="H615798" s="12"/>
    </row>
    <row r="615799" spans="8:8">
      <c r="H615799" s="12"/>
    </row>
    <row r="615800" spans="8:8">
      <c r="H615800" s="12"/>
    </row>
    <row r="615801" spans="8:8">
      <c r="H615801" s="12"/>
    </row>
    <row r="615802" spans="8:8">
      <c r="H615802" s="12"/>
    </row>
    <row r="615803" spans="8:8">
      <c r="H615803" s="12"/>
    </row>
    <row r="615804" spans="8:8">
      <c r="H615804" s="12"/>
    </row>
    <row r="615805" spans="8:8">
      <c r="H615805" s="12"/>
    </row>
    <row r="615806" spans="8:8">
      <c r="H615806" s="12"/>
    </row>
    <row r="615807" spans="8:8">
      <c r="H615807" s="12"/>
    </row>
    <row r="615808" spans="8:8">
      <c r="H615808" s="12"/>
    </row>
    <row r="615809" spans="8:8">
      <c r="H615809" s="12"/>
    </row>
    <row r="615810" spans="8:8">
      <c r="H615810" s="12"/>
    </row>
    <row r="615811" spans="8:8">
      <c r="H615811" s="12"/>
    </row>
    <row r="615812" spans="8:8">
      <c r="H615812" s="12"/>
    </row>
    <row r="615813" spans="8:8">
      <c r="H615813" s="12"/>
    </row>
    <row r="615814" spans="8:8">
      <c r="H615814" s="12"/>
    </row>
    <row r="615815" spans="8:8">
      <c r="H615815" s="12"/>
    </row>
    <row r="615816" spans="8:8">
      <c r="H615816" s="12"/>
    </row>
    <row r="615817" spans="8:8">
      <c r="H615817" s="12"/>
    </row>
    <row r="615818" spans="8:8">
      <c r="H615818" s="12"/>
    </row>
    <row r="615819" spans="8:8">
      <c r="H615819" s="12"/>
    </row>
    <row r="615820" spans="8:8">
      <c r="H615820" s="12"/>
    </row>
    <row r="615821" spans="8:8">
      <c r="H615821" s="12"/>
    </row>
    <row r="615822" spans="8:8">
      <c r="H615822" s="12"/>
    </row>
    <row r="615823" spans="8:8">
      <c r="H615823" s="12"/>
    </row>
    <row r="615824" spans="8:8">
      <c r="H615824" s="12"/>
    </row>
    <row r="615825" spans="8:8">
      <c r="H615825" s="12"/>
    </row>
    <row r="615826" spans="8:8">
      <c r="H615826" s="12"/>
    </row>
    <row r="615827" spans="8:8">
      <c r="H615827" s="12"/>
    </row>
    <row r="615828" spans="8:8">
      <c r="H615828" s="12"/>
    </row>
    <row r="615829" spans="8:8">
      <c r="H615829" s="12"/>
    </row>
    <row r="615830" spans="8:8">
      <c r="H615830" s="12"/>
    </row>
    <row r="615831" spans="8:8">
      <c r="H615831" s="12"/>
    </row>
    <row r="615832" spans="8:8">
      <c r="H615832" s="12"/>
    </row>
    <row r="615833" spans="8:8">
      <c r="H615833" s="12"/>
    </row>
    <row r="615834" spans="8:8">
      <c r="H615834" s="12"/>
    </row>
    <row r="615835" spans="8:8">
      <c r="H615835" s="12"/>
    </row>
    <row r="615836" spans="8:8">
      <c r="H615836" s="12"/>
    </row>
    <row r="615837" spans="8:8">
      <c r="H615837" s="12"/>
    </row>
    <row r="615838" spans="8:8">
      <c r="H615838" s="12"/>
    </row>
    <row r="615839" spans="8:8">
      <c r="H615839" s="12"/>
    </row>
    <row r="615840" spans="8:8">
      <c r="H615840" s="12"/>
    </row>
    <row r="615841" spans="8:8">
      <c r="H615841" s="12"/>
    </row>
    <row r="615842" spans="8:8">
      <c r="H615842" s="12"/>
    </row>
    <row r="615843" spans="8:8">
      <c r="H615843" s="12"/>
    </row>
    <row r="615844" spans="8:8">
      <c r="H615844" s="12"/>
    </row>
    <row r="615845" spans="8:8">
      <c r="H615845" s="12"/>
    </row>
    <row r="615846" spans="8:8">
      <c r="H615846" s="12"/>
    </row>
    <row r="615847" spans="8:8">
      <c r="H615847" s="12"/>
    </row>
    <row r="615848" spans="8:8">
      <c r="H615848" s="12"/>
    </row>
    <row r="615849" spans="8:8">
      <c r="H615849" s="12"/>
    </row>
    <row r="615850" spans="8:8">
      <c r="H615850" s="12"/>
    </row>
    <row r="615851" spans="8:8">
      <c r="H615851" s="12"/>
    </row>
    <row r="615852" spans="8:8">
      <c r="H615852" s="12"/>
    </row>
    <row r="615853" spans="8:8">
      <c r="H615853" s="12"/>
    </row>
    <row r="615854" spans="8:8">
      <c r="H615854" s="12"/>
    </row>
    <row r="615855" spans="8:8">
      <c r="H615855" s="12"/>
    </row>
    <row r="615856" spans="8:8">
      <c r="H615856" s="12"/>
    </row>
    <row r="615857" spans="8:8">
      <c r="H615857" s="12"/>
    </row>
    <row r="615858" spans="8:8">
      <c r="H615858" s="12"/>
    </row>
    <row r="615859" spans="8:8">
      <c r="H615859" s="12"/>
    </row>
    <row r="615860" spans="8:8">
      <c r="H615860" s="12"/>
    </row>
    <row r="615861" spans="8:8">
      <c r="H615861" s="12"/>
    </row>
    <row r="615862" spans="8:8">
      <c r="H615862" s="12"/>
    </row>
    <row r="615863" spans="8:8">
      <c r="H615863" s="12"/>
    </row>
    <row r="615864" spans="8:8">
      <c r="H615864" s="12"/>
    </row>
    <row r="615865" spans="8:8">
      <c r="H615865" s="12"/>
    </row>
    <row r="615866" spans="8:8">
      <c r="H615866" s="12"/>
    </row>
    <row r="615867" spans="8:8">
      <c r="H615867" s="12"/>
    </row>
    <row r="615868" spans="8:8">
      <c r="H615868" s="12"/>
    </row>
    <row r="615869" spans="8:8">
      <c r="H615869" s="12"/>
    </row>
    <row r="615870" spans="8:8">
      <c r="H615870" s="12"/>
    </row>
    <row r="615871" spans="8:8">
      <c r="H615871" s="12"/>
    </row>
    <row r="615872" spans="8:8">
      <c r="H615872" s="12"/>
    </row>
    <row r="615873" spans="8:8">
      <c r="H615873" s="12"/>
    </row>
    <row r="615874" spans="8:8">
      <c r="H615874" s="12"/>
    </row>
    <row r="615875" spans="8:8">
      <c r="H615875" s="12"/>
    </row>
    <row r="615876" spans="8:8">
      <c r="H615876" s="12"/>
    </row>
    <row r="615877" spans="8:8">
      <c r="H615877" s="12"/>
    </row>
    <row r="615878" spans="8:8">
      <c r="H615878" s="12"/>
    </row>
    <row r="615879" spans="8:8">
      <c r="H615879" s="12"/>
    </row>
    <row r="615880" spans="8:8">
      <c r="H615880" s="12"/>
    </row>
    <row r="615881" spans="8:8">
      <c r="H615881" s="12"/>
    </row>
    <row r="615882" spans="8:8">
      <c r="H615882" s="12"/>
    </row>
    <row r="615883" spans="8:8">
      <c r="H615883" s="12"/>
    </row>
    <row r="615884" spans="8:8">
      <c r="H615884" s="12"/>
    </row>
    <row r="615885" spans="8:8">
      <c r="H615885" s="12"/>
    </row>
    <row r="615886" spans="8:8">
      <c r="H615886" s="12"/>
    </row>
    <row r="615887" spans="8:8">
      <c r="H615887" s="12"/>
    </row>
    <row r="615888" spans="8:8">
      <c r="H615888" s="12"/>
    </row>
    <row r="615889" spans="8:8">
      <c r="H615889" s="12"/>
    </row>
    <row r="615890" spans="8:8">
      <c r="H615890" s="12"/>
    </row>
    <row r="615891" spans="8:8">
      <c r="H615891" s="12"/>
    </row>
    <row r="615892" spans="8:8">
      <c r="H615892" s="12"/>
    </row>
    <row r="615893" spans="8:8">
      <c r="H615893" s="12"/>
    </row>
    <row r="615894" spans="8:8">
      <c r="H615894" s="12"/>
    </row>
    <row r="615895" spans="8:8">
      <c r="H615895" s="12"/>
    </row>
    <row r="615896" spans="8:8">
      <c r="H615896" s="12"/>
    </row>
    <row r="615897" spans="8:8">
      <c r="H615897" s="12"/>
    </row>
    <row r="615898" spans="8:8">
      <c r="H615898" s="12"/>
    </row>
    <row r="615899" spans="8:8">
      <c r="H615899" s="12"/>
    </row>
    <row r="615900" spans="8:8">
      <c r="H615900" s="12"/>
    </row>
    <row r="615901" spans="8:8">
      <c r="H615901" s="12"/>
    </row>
    <row r="615902" spans="8:8">
      <c r="H615902" s="12"/>
    </row>
    <row r="615903" spans="8:8">
      <c r="H615903" s="12"/>
    </row>
    <row r="615904" spans="8:8">
      <c r="H615904" s="12"/>
    </row>
    <row r="615905" spans="8:8">
      <c r="H615905" s="12"/>
    </row>
    <row r="615906" spans="8:8">
      <c r="H615906" s="12"/>
    </row>
    <row r="615907" spans="8:8">
      <c r="H615907" s="12"/>
    </row>
    <row r="615908" spans="8:8">
      <c r="H615908" s="12"/>
    </row>
    <row r="615909" spans="8:8">
      <c r="H615909" s="12"/>
    </row>
    <row r="615910" spans="8:8">
      <c r="H615910" s="12"/>
    </row>
    <row r="615911" spans="8:8">
      <c r="H615911" s="12"/>
    </row>
    <row r="615912" spans="8:8">
      <c r="H615912" s="12"/>
    </row>
    <row r="615913" spans="8:8">
      <c r="H615913" s="12"/>
    </row>
    <row r="615914" spans="8:8">
      <c r="H615914" s="12"/>
    </row>
    <row r="615915" spans="8:8">
      <c r="H615915" s="12"/>
    </row>
    <row r="615916" spans="8:8">
      <c r="H615916" s="12"/>
    </row>
    <row r="615917" spans="8:8">
      <c r="H615917" s="12"/>
    </row>
    <row r="615918" spans="8:8">
      <c r="H615918" s="12"/>
    </row>
    <row r="615919" spans="8:8">
      <c r="H615919" s="12"/>
    </row>
    <row r="615920" spans="8:8">
      <c r="H615920" s="12"/>
    </row>
    <row r="615921" spans="8:8">
      <c r="H615921" s="12"/>
    </row>
    <row r="615922" spans="8:8">
      <c r="H615922" s="12"/>
    </row>
    <row r="615923" spans="8:8">
      <c r="H615923" s="12"/>
    </row>
    <row r="615924" spans="8:8">
      <c r="H615924" s="12"/>
    </row>
    <row r="615925" spans="8:8">
      <c r="H615925" s="12"/>
    </row>
    <row r="615926" spans="8:8">
      <c r="H615926" s="12"/>
    </row>
    <row r="615927" spans="8:8">
      <c r="H615927" s="12"/>
    </row>
    <row r="615928" spans="8:8">
      <c r="H615928" s="12"/>
    </row>
    <row r="615929" spans="8:8">
      <c r="H615929" s="12"/>
    </row>
    <row r="615930" spans="8:8">
      <c r="H615930" s="12"/>
    </row>
    <row r="615931" spans="8:8">
      <c r="H615931" s="12"/>
    </row>
    <row r="615932" spans="8:8">
      <c r="H615932" s="12"/>
    </row>
    <row r="615933" spans="8:8">
      <c r="H615933" s="12"/>
    </row>
    <row r="615934" spans="8:8">
      <c r="H615934" s="12"/>
    </row>
    <row r="615935" spans="8:8">
      <c r="H615935" s="12"/>
    </row>
    <row r="615936" spans="8:8">
      <c r="H615936" s="12"/>
    </row>
    <row r="615937" spans="8:8">
      <c r="H615937" s="12"/>
    </row>
    <row r="615938" spans="8:8">
      <c r="H615938" s="12"/>
    </row>
    <row r="615939" spans="8:8">
      <c r="H615939" s="12"/>
    </row>
    <row r="615940" spans="8:8">
      <c r="H615940" s="12"/>
    </row>
    <row r="615941" spans="8:8">
      <c r="H615941" s="12"/>
    </row>
    <row r="615942" spans="8:8">
      <c r="H615942" s="12"/>
    </row>
    <row r="615943" spans="8:8">
      <c r="H615943" s="12"/>
    </row>
    <row r="615944" spans="8:8">
      <c r="H615944" s="12"/>
    </row>
    <row r="615945" spans="8:8">
      <c r="H615945" s="12"/>
    </row>
    <row r="615946" spans="8:8">
      <c r="H615946" s="12"/>
    </row>
    <row r="615947" spans="8:8">
      <c r="H615947" s="12"/>
    </row>
    <row r="615948" spans="8:8">
      <c r="H615948" s="12"/>
    </row>
    <row r="615949" spans="8:8">
      <c r="H615949" s="12"/>
    </row>
    <row r="615950" spans="8:8">
      <c r="H615950" s="12"/>
    </row>
    <row r="615951" spans="8:8">
      <c r="H615951" s="12"/>
    </row>
    <row r="615952" spans="8:8">
      <c r="H615952" s="12"/>
    </row>
    <row r="615953" spans="8:8">
      <c r="H615953" s="12"/>
    </row>
    <row r="615954" spans="8:8">
      <c r="H615954" s="12"/>
    </row>
    <row r="615955" spans="8:8">
      <c r="H615955" s="12"/>
    </row>
    <row r="615956" spans="8:8">
      <c r="H615956" s="12"/>
    </row>
    <row r="615957" spans="8:8">
      <c r="H615957" s="12"/>
    </row>
    <row r="615958" spans="8:8">
      <c r="H615958" s="12"/>
    </row>
    <row r="615959" spans="8:8">
      <c r="H615959" s="12"/>
    </row>
    <row r="615960" spans="8:8">
      <c r="H615960" s="12"/>
    </row>
    <row r="615961" spans="8:8">
      <c r="H615961" s="12"/>
    </row>
    <row r="615962" spans="8:8">
      <c r="H615962" s="12"/>
    </row>
    <row r="615963" spans="8:8">
      <c r="H615963" s="12"/>
    </row>
    <row r="615964" spans="8:8">
      <c r="H615964" s="12"/>
    </row>
    <row r="615965" spans="8:8">
      <c r="H615965" s="12"/>
    </row>
    <row r="615966" spans="8:8">
      <c r="H615966" s="12"/>
    </row>
    <row r="615967" spans="8:8">
      <c r="H615967" s="12"/>
    </row>
    <row r="615968" spans="8:8">
      <c r="H615968" s="12"/>
    </row>
    <row r="615969" spans="8:8">
      <c r="H615969" s="12"/>
    </row>
    <row r="615970" spans="8:8">
      <c r="H615970" s="12"/>
    </row>
    <row r="615971" spans="8:8">
      <c r="H615971" s="12"/>
    </row>
    <row r="615972" spans="8:8">
      <c r="H615972" s="12"/>
    </row>
    <row r="615973" spans="8:8">
      <c r="H615973" s="12"/>
    </row>
    <row r="615974" spans="8:8">
      <c r="H615974" s="12"/>
    </row>
    <row r="615975" spans="8:8">
      <c r="H615975" s="12"/>
    </row>
    <row r="615976" spans="8:8">
      <c r="H615976" s="12"/>
    </row>
    <row r="615977" spans="8:8">
      <c r="H615977" s="12"/>
    </row>
    <row r="615978" spans="8:8">
      <c r="H615978" s="12"/>
    </row>
    <row r="615979" spans="8:8">
      <c r="H615979" s="12"/>
    </row>
    <row r="615980" spans="8:8">
      <c r="H615980" s="12"/>
    </row>
    <row r="615981" spans="8:8">
      <c r="H615981" s="12"/>
    </row>
    <row r="615982" spans="8:8">
      <c r="H615982" s="12"/>
    </row>
    <row r="615983" spans="8:8">
      <c r="H615983" s="12"/>
    </row>
    <row r="615984" spans="8:8">
      <c r="H615984" s="12"/>
    </row>
    <row r="615985" spans="8:8">
      <c r="H615985" s="12"/>
    </row>
    <row r="615986" spans="8:8">
      <c r="H615986" s="12"/>
    </row>
    <row r="615987" spans="8:8">
      <c r="H615987" s="12"/>
    </row>
    <row r="615988" spans="8:8">
      <c r="H615988" s="12"/>
    </row>
    <row r="615989" spans="8:8">
      <c r="H615989" s="12"/>
    </row>
    <row r="615990" spans="8:8">
      <c r="H615990" s="12"/>
    </row>
    <row r="615991" spans="8:8">
      <c r="H615991" s="12"/>
    </row>
    <row r="615992" spans="8:8">
      <c r="H615992" s="12"/>
    </row>
    <row r="615993" spans="8:8">
      <c r="H615993" s="12"/>
    </row>
    <row r="615994" spans="8:8">
      <c r="H615994" s="12"/>
    </row>
    <row r="615995" spans="8:8">
      <c r="H615995" s="12"/>
    </row>
    <row r="615996" spans="8:8">
      <c r="H615996" s="12"/>
    </row>
    <row r="615997" spans="8:8">
      <c r="H615997" s="12"/>
    </row>
    <row r="615998" spans="8:8">
      <c r="H615998" s="12"/>
    </row>
    <row r="615999" spans="8:8">
      <c r="H615999" s="12"/>
    </row>
    <row r="616000" spans="8:8">
      <c r="H616000" s="12"/>
    </row>
    <row r="616001" spans="8:8">
      <c r="H616001" s="12"/>
    </row>
    <row r="616002" spans="8:8">
      <c r="H616002" s="12"/>
    </row>
    <row r="616003" spans="8:8">
      <c r="H616003" s="12"/>
    </row>
    <row r="616004" spans="8:8">
      <c r="H616004" s="12"/>
    </row>
    <row r="616005" spans="8:8">
      <c r="H616005" s="12"/>
    </row>
    <row r="616006" spans="8:8">
      <c r="H616006" s="12"/>
    </row>
    <row r="616007" spans="8:8">
      <c r="H616007" s="12"/>
    </row>
    <row r="616008" spans="8:8">
      <c r="H616008" s="12"/>
    </row>
    <row r="616009" spans="8:8">
      <c r="H616009" s="12"/>
    </row>
    <row r="616010" spans="8:8">
      <c r="H616010" s="12"/>
    </row>
    <row r="616011" spans="8:8">
      <c r="H616011" s="12"/>
    </row>
    <row r="616012" spans="8:8">
      <c r="H616012" s="12"/>
    </row>
    <row r="616013" spans="8:8">
      <c r="H616013" s="12"/>
    </row>
    <row r="616014" spans="8:8">
      <c r="H616014" s="12"/>
    </row>
    <row r="616015" spans="8:8">
      <c r="H616015" s="12"/>
    </row>
    <row r="616016" spans="8:8">
      <c r="H616016" s="12"/>
    </row>
    <row r="616017" spans="8:8">
      <c r="H616017" s="12"/>
    </row>
    <row r="616018" spans="8:8">
      <c r="H616018" s="12"/>
    </row>
    <row r="616019" spans="8:8">
      <c r="H616019" s="12"/>
    </row>
    <row r="616020" spans="8:8">
      <c r="H616020" s="12"/>
    </row>
    <row r="616021" spans="8:8">
      <c r="H616021" s="12"/>
    </row>
    <row r="616022" spans="8:8">
      <c r="H616022" s="12"/>
    </row>
    <row r="616023" spans="8:8">
      <c r="H616023" s="12"/>
    </row>
    <row r="616024" spans="8:8">
      <c r="H616024" s="12"/>
    </row>
    <row r="616025" spans="8:8">
      <c r="H616025" s="12"/>
    </row>
    <row r="616026" spans="8:8">
      <c r="H616026" s="12"/>
    </row>
    <row r="616027" spans="8:8">
      <c r="H616027" s="12"/>
    </row>
    <row r="616028" spans="8:8">
      <c r="H616028" s="12"/>
    </row>
    <row r="616029" spans="8:8">
      <c r="H616029" s="12"/>
    </row>
    <row r="616030" spans="8:8">
      <c r="H616030" s="12"/>
    </row>
    <row r="616031" spans="8:8">
      <c r="H616031" s="12"/>
    </row>
    <row r="616032" spans="8:8">
      <c r="H616032" s="12"/>
    </row>
    <row r="616033" spans="8:8">
      <c r="H616033" s="12"/>
    </row>
    <row r="616034" spans="8:8">
      <c r="H616034" s="12"/>
    </row>
    <row r="616035" spans="8:8">
      <c r="H616035" s="12"/>
    </row>
    <row r="616036" spans="8:8">
      <c r="H616036" s="12"/>
    </row>
    <row r="616037" spans="8:8">
      <c r="H616037" s="12"/>
    </row>
    <row r="616038" spans="8:8">
      <c r="H616038" s="12"/>
    </row>
    <row r="616039" spans="8:8">
      <c r="H616039" s="12"/>
    </row>
    <row r="616040" spans="8:8">
      <c r="H616040" s="12"/>
    </row>
    <row r="616041" spans="8:8">
      <c r="H616041" s="12"/>
    </row>
    <row r="616042" spans="8:8">
      <c r="H616042" s="12"/>
    </row>
    <row r="616043" spans="8:8">
      <c r="H616043" s="12"/>
    </row>
    <row r="616044" spans="8:8">
      <c r="H616044" s="12"/>
    </row>
    <row r="616045" spans="8:8">
      <c r="H616045" s="12"/>
    </row>
    <row r="616046" spans="8:8">
      <c r="H616046" s="12"/>
    </row>
    <row r="616047" spans="8:8">
      <c r="H616047" s="12"/>
    </row>
    <row r="616048" spans="8:8">
      <c r="H616048" s="12"/>
    </row>
    <row r="616049" spans="8:8">
      <c r="H616049" s="12"/>
    </row>
    <row r="616050" spans="8:8">
      <c r="H616050" s="12"/>
    </row>
    <row r="616051" spans="8:8">
      <c r="H616051" s="12"/>
    </row>
    <row r="616052" spans="8:8">
      <c r="H616052" s="12"/>
    </row>
    <row r="616053" spans="8:8">
      <c r="H616053" s="12"/>
    </row>
    <row r="616054" spans="8:8">
      <c r="H616054" s="12"/>
    </row>
    <row r="616055" spans="8:8">
      <c r="H616055" s="12"/>
    </row>
    <row r="616056" spans="8:8">
      <c r="H616056" s="12"/>
    </row>
    <row r="616057" spans="8:8">
      <c r="H616057" s="12"/>
    </row>
    <row r="616058" spans="8:8">
      <c r="H616058" s="12"/>
    </row>
    <row r="616059" spans="8:8">
      <c r="H616059" s="12"/>
    </row>
    <row r="616060" spans="8:8">
      <c r="H616060" s="12"/>
    </row>
    <row r="616061" spans="8:8">
      <c r="H616061" s="12"/>
    </row>
    <row r="616062" spans="8:8">
      <c r="H616062" s="12"/>
    </row>
    <row r="616063" spans="8:8">
      <c r="H616063" s="12"/>
    </row>
    <row r="616064" spans="8:8">
      <c r="H616064" s="12"/>
    </row>
    <row r="616065" spans="8:8">
      <c r="H616065" s="12"/>
    </row>
    <row r="616066" spans="8:8">
      <c r="H616066" s="12"/>
    </row>
    <row r="616067" spans="8:8">
      <c r="H616067" s="12"/>
    </row>
    <row r="616068" spans="8:8">
      <c r="H616068" s="12"/>
    </row>
    <row r="616069" spans="8:8">
      <c r="H616069" s="12"/>
    </row>
    <row r="616070" spans="8:8">
      <c r="H616070" s="12"/>
    </row>
    <row r="616071" spans="8:8">
      <c r="H616071" s="12"/>
    </row>
    <row r="616072" spans="8:8">
      <c r="H616072" s="12"/>
    </row>
    <row r="616073" spans="8:8">
      <c r="H616073" s="12"/>
    </row>
    <row r="616074" spans="8:8">
      <c r="H616074" s="12"/>
    </row>
    <row r="616075" spans="8:8">
      <c r="H616075" s="12"/>
    </row>
    <row r="616076" spans="8:8">
      <c r="H616076" s="12"/>
    </row>
    <row r="616077" spans="8:8">
      <c r="H616077" s="12"/>
    </row>
    <row r="616078" spans="8:8">
      <c r="H616078" s="12"/>
    </row>
    <row r="616079" spans="8:8">
      <c r="H616079" s="12"/>
    </row>
    <row r="616080" spans="8:8">
      <c r="H616080" s="12"/>
    </row>
    <row r="616081" spans="8:8">
      <c r="H616081" s="12"/>
    </row>
    <row r="616082" spans="8:8">
      <c r="H616082" s="12"/>
    </row>
    <row r="616083" spans="8:8">
      <c r="H616083" s="12"/>
    </row>
    <row r="616084" spans="8:8">
      <c r="H616084" s="12"/>
    </row>
    <row r="616085" spans="8:8">
      <c r="H616085" s="12"/>
    </row>
    <row r="616086" spans="8:8">
      <c r="H616086" s="12"/>
    </row>
    <row r="616087" spans="8:8">
      <c r="H616087" s="12"/>
    </row>
    <row r="616088" spans="8:8">
      <c r="H616088" s="12"/>
    </row>
    <row r="616089" spans="8:8">
      <c r="H616089" s="12"/>
    </row>
    <row r="616090" spans="8:8">
      <c r="H616090" s="12"/>
    </row>
    <row r="616091" spans="8:8">
      <c r="H616091" s="12"/>
    </row>
    <row r="616092" spans="8:8">
      <c r="H616092" s="12"/>
    </row>
    <row r="616093" spans="8:8">
      <c r="H616093" s="12"/>
    </row>
    <row r="616094" spans="8:8">
      <c r="H616094" s="12"/>
    </row>
    <row r="616095" spans="8:8">
      <c r="H616095" s="12"/>
    </row>
    <row r="616096" spans="8:8">
      <c r="H616096" s="12"/>
    </row>
    <row r="616097" spans="8:8">
      <c r="H616097" s="12"/>
    </row>
    <row r="616098" spans="8:8">
      <c r="H616098" s="12"/>
    </row>
    <row r="616099" spans="8:8">
      <c r="H616099" s="12"/>
    </row>
    <row r="616100" spans="8:8">
      <c r="H616100" s="12"/>
    </row>
    <row r="616101" spans="8:8">
      <c r="H616101" s="12"/>
    </row>
    <row r="616102" spans="8:8">
      <c r="H616102" s="12"/>
    </row>
    <row r="616103" spans="8:8">
      <c r="H616103" s="12"/>
    </row>
    <row r="616104" spans="8:8">
      <c r="H616104" s="12"/>
    </row>
    <row r="616105" spans="8:8">
      <c r="H616105" s="12"/>
    </row>
    <row r="616106" spans="8:8">
      <c r="H616106" s="12"/>
    </row>
    <row r="616107" spans="8:8">
      <c r="H616107" s="12"/>
    </row>
    <row r="616108" spans="8:8">
      <c r="H616108" s="12"/>
    </row>
    <row r="616109" spans="8:8">
      <c r="H616109" s="12"/>
    </row>
    <row r="616110" spans="8:8">
      <c r="H616110" s="12"/>
    </row>
    <row r="616111" spans="8:8">
      <c r="H616111" s="12"/>
    </row>
    <row r="616112" spans="8:8">
      <c r="H616112" s="12"/>
    </row>
    <row r="616113" spans="8:8">
      <c r="H616113" s="12"/>
    </row>
    <row r="616114" spans="8:8">
      <c r="H616114" s="12"/>
    </row>
    <row r="616115" spans="8:8">
      <c r="H616115" s="12"/>
    </row>
    <row r="616116" spans="8:8">
      <c r="H616116" s="12"/>
    </row>
    <row r="616117" spans="8:8">
      <c r="H616117" s="12"/>
    </row>
    <row r="616118" spans="8:8">
      <c r="H616118" s="12"/>
    </row>
    <row r="616119" spans="8:8">
      <c r="H616119" s="12"/>
    </row>
    <row r="616120" spans="8:8">
      <c r="H616120" s="12"/>
    </row>
    <row r="616121" spans="8:8">
      <c r="H616121" s="12"/>
    </row>
    <row r="616122" spans="8:8">
      <c r="H616122" s="12"/>
    </row>
    <row r="616123" spans="8:8">
      <c r="H616123" s="12"/>
    </row>
    <row r="616124" spans="8:8">
      <c r="H616124" s="12"/>
    </row>
    <row r="616125" spans="8:8">
      <c r="H616125" s="12"/>
    </row>
    <row r="616126" spans="8:8">
      <c r="H616126" s="12"/>
    </row>
    <row r="616127" spans="8:8">
      <c r="H616127" s="12"/>
    </row>
    <row r="616128" spans="8:8">
      <c r="H616128" s="12"/>
    </row>
    <row r="616129" spans="8:8">
      <c r="H616129" s="12"/>
    </row>
    <row r="616130" spans="8:8">
      <c r="H616130" s="12"/>
    </row>
    <row r="616131" spans="8:8">
      <c r="H616131" s="12"/>
    </row>
    <row r="616132" spans="8:8">
      <c r="H616132" s="12"/>
    </row>
    <row r="616133" spans="8:8">
      <c r="H616133" s="12"/>
    </row>
    <row r="616134" spans="8:8">
      <c r="H616134" s="12"/>
    </row>
    <row r="616135" spans="8:8">
      <c r="H616135" s="12"/>
    </row>
    <row r="616136" spans="8:8">
      <c r="H616136" s="12"/>
    </row>
    <row r="616137" spans="8:8">
      <c r="H616137" s="12"/>
    </row>
    <row r="616138" spans="8:8">
      <c r="H616138" s="12"/>
    </row>
    <row r="616139" spans="8:8">
      <c r="H616139" s="12"/>
    </row>
    <row r="616140" spans="8:8">
      <c r="H616140" s="12"/>
    </row>
    <row r="616141" spans="8:8">
      <c r="H616141" s="12"/>
    </row>
    <row r="616142" spans="8:8">
      <c r="H616142" s="12"/>
    </row>
    <row r="616143" spans="8:8">
      <c r="H616143" s="12"/>
    </row>
    <row r="616144" spans="8:8">
      <c r="H616144" s="12"/>
    </row>
    <row r="616145" spans="8:8">
      <c r="H616145" s="12"/>
    </row>
    <row r="616146" spans="8:8">
      <c r="H616146" s="12"/>
    </row>
    <row r="616147" spans="8:8">
      <c r="H616147" s="12"/>
    </row>
    <row r="616148" spans="8:8">
      <c r="H616148" s="12"/>
    </row>
    <row r="616149" spans="8:8">
      <c r="H616149" s="12"/>
    </row>
    <row r="616150" spans="8:8">
      <c r="H616150" s="12"/>
    </row>
    <row r="616151" spans="8:8">
      <c r="H616151" s="12"/>
    </row>
    <row r="616152" spans="8:8">
      <c r="H616152" s="12"/>
    </row>
    <row r="616153" spans="8:8">
      <c r="H616153" s="12"/>
    </row>
    <row r="616154" spans="8:8">
      <c r="H616154" s="12"/>
    </row>
    <row r="616155" spans="8:8">
      <c r="H616155" s="12"/>
    </row>
    <row r="616156" spans="8:8">
      <c r="H616156" s="12"/>
    </row>
    <row r="616157" spans="8:8">
      <c r="H616157" s="12"/>
    </row>
    <row r="616158" spans="8:8">
      <c r="H616158" s="12"/>
    </row>
    <row r="616159" spans="8:8">
      <c r="H616159" s="12"/>
    </row>
    <row r="616160" spans="8:8">
      <c r="H616160" s="12"/>
    </row>
    <row r="616161" spans="8:8">
      <c r="H616161" s="12"/>
    </row>
    <row r="616162" spans="8:8">
      <c r="H616162" s="12"/>
    </row>
    <row r="616163" spans="8:8">
      <c r="H616163" s="12"/>
    </row>
    <row r="616164" spans="8:8">
      <c r="H616164" s="12"/>
    </row>
    <row r="616165" spans="8:8">
      <c r="H616165" s="12"/>
    </row>
    <row r="616166" spans="8:8">
      <c r="H616166" s="12"/>
    </row>
    <row r="616167" spans="8:8">
      <c r="H616167" s="12"/>
    </row>
    <row r="616168" spans="8:8">
      <c r="H616168" s="12"/>
    </row>
    <row r="616169" spans="8:8">
      <c r="H616169" s="12"/>
    </row>
    <row r="616170" spans="8:8">
      <c r="H616170" s="12"/>
    </row>
    <row r="616171" spans="8:8">
      <c r="H616171" s="12"/>
    </row>
    <row r="616172" spans="8:8">
      <c r="H616172" s="12"/>
    </row>
    <row r="616173" spans="8:8">
      <c r="H616173" s="12"/>
    </row>
    <row r="616174" spans="8:8">
      <c r="H616174" s="12"/>
    </row>
    <row r="616175" spans="8:8">
      <c r="H616175" s="12"/>
    </row>
    <row r="616176" spans="8:8">
      <c r="H616176" s="12"/>
    </row>
    <row r="616177" spans="8:8">
      <c r="H616177" s="12"/>
    </row>
    <row r="616178" spans="8:8">
      <c r="H616178" s="12"/>
    </row>
    <row r="616179" spans="8:8">
      <c r="H616179" s="12"/>
    </row>
    <row r="616180" spans="8:8">
      <c r="H616180" s="12"/>
    </row>
    <row r="616181" spans="8:8">
      <c r="H616181" s="12"/>
    </row>
    <row r="616182" spans="8:8">
      <c r="H616182" s="12"/>
    </row>
    <row r="616183" spans="8:8">
      <c r="H616183" s="12"/>
    </row>
    <row r="616184" spans="8:8">
      <c r="H616184" s="12"/>
    </row>
    <row r="616185" spans="8:8">
      <c r="H616185" s="12"/>
    </row>
    <row r="616186" spans="8:8">
      <c r="H616186" s="12"/>
    </row>
    <row r="616187" spans="8:8">
      <c r="H616187" s="12"/>
    </row>
    <row r="616188" spans="8:8">
      <c r="H616188" s="12"/>
    </row>
    <row r="616189" spans="8:8">
      <c r="H616189" s="12"/>
    </row>
    <row r="616190" spans="8:8">
      <c r="H616190" s="12"/>
    </row>
    <row r="616191" spans="8:8">
      <c r="H616191" s="12"/>
    </row>
    <row r="616192" spans="8:8">
      <c r="H616192" s="12"/>
    </row>
    <row r="616193" spans="8:8">
      <c r="H616193" s="12"/>
    </row>
    <row r="616194" spans="8:8">
      <c r="H616194" s="12"/>
    </row>
    <row r="616195" spans="8:8">
      <c r="H616195" s="12"/>
    </row>
    <row r="616196" spans="8:8">
      <c r="H616196" s="12"/>
    </row>
    <row r="616197" spans="8:8">
      <c r="H616197" s="12"/>
    </row>
    <row r="616198" spans="8:8">
      <c r="H616198" s="12"/>
    </row>
    <row r="616199" spans="8:8">
      <c r="H616199" s="12"/>
    </row>
    <row r="616200" spans="8:8">
      <c r="H616200" s="12"/>
    </row>
    <row r="616201" spans="8:8">
      <c r="H616201" s="12"/>
    </row>
    <row r="616202" spans="8:8">
      <c r="H616202" s="12"/>
    </row>
    <row r="616203" spans="8:8">
      <c r="H616203" s="12"/>
    </row>
    <row r="616204" spans="8:8">
      <c r="H616204" s="12"/>
    </row>
    <row r="616205" spans="8:8">
      <c r="H616205" s="12"/>
    </row>
    <row r="616206" spans="8:8">
      <c r="H616206" s="12"/>
    </row>
    <row r="616207" spans="8:8">
      <c r="H616207" s="12"/>
    </row>
    <row r="616208" spans="8:8">
      <c r="H616208" s="12"/>
    </row>
    <row r="616209" spans="8:8">
      <c r="H616209" s="12"/>
    </row>
    <row r="616210" spans="8:8">
      <c r="H616210" s="12"/>
    </row>
    <row r="616211" spans="8:8">
      <c r="H616211" s="12"/>
    </row>
    <row r="616212" spans="8:8">
      <c r="H616212" s="12"/>
    </row>
    <row r="616213" spans="8:8">
      <c r="H616213" s="12"/>
    </row>
    <row r="616214" spans="8:8">
      <c r="H616214" s="12"/>
    </row>
    <row r="616215" spans="8:8">
      <c r="H616215" s="12"/>
    </row>
    <row r="616216" spans="8:8">
      <c r="H616216" s="12"/>
    </row>
    <row r="616217" spans="8:8">
      <c r="H616217" s="12"/>
    </row>
    <row r="616218" spans="8:8">
      <c r="H616218" s="12"/>
    </row>
    <row r="616219" spans="8:8">
      <c r="H616219" s="12"/>
    </row>
    <row r="616220" spans="8:8">
      <c r="H616220" s="12"/>
    </row>
    <row r="616221" spans="8:8">
      <c r="H616221" s="12"/>
    </row>
    <row r="616222" spans="8:8">
      <c r="H616222" s="12"/>
    </row>
    <row r="616223" spans="8:8">
      <c r="H616223" s="12"/>
    </row>
    <row r="616224" spans="8:8">
      <c r="H616224" s="12"/>
    </row>
    <row r="616225" spans="8:8">
      <c r="H616225" s="12"/>
    </row>
    <row r="616226" spans="8:8">
      <c r="H616226" s="12"/>
    </row>
    <row r="616227" spans="8:8">
      <c r="H616227" s="12"/>
    </row>
    <row r="616228" spans="8:8">
      <c r="H616228" s="12"/>
    </row>
    <row r="616229" spans="8:8">
      <c r="H616229" s="12"/>
    </row>
    <row r="616230" spans="8:8">
      <c r="H616230" s="12"/>
    </row>
    <row r="616231" spans="8:8">
      <c r="H616231" s="12"/>
    </row>
    <row r="616232" spans="8:8">
      <c r="H616232" s="12"/>
    </row>
    <row r="616233" spans="8:8">
      <c r="H616233" s="12"/>
    </row>
    <row r="616234" spans="8:8">
      <c r="H616234" s="12"/>
    </row>
    <row r="616235" spans="8:8">
      <c r="H616235" s="12"/>
    </row>
    <row r="616236" spans="8:8">
      <c r="H616236" s="12"/>
    </row>
    <row r="616237" spans="8:8">
      <c r="H616237" s="12"/>
    </row>
    <row r="616238" spans="8:8">
      <c r="H616238" s="12"/>
    </row>
    <row r="616239" spans="8:8">
      <c r="H616239" s="12"/>
    </row>
    <row r="616240" spans="8:8">
      <c r="H616240" s="12"/>
    </row>
    <row r="616241" spans="8:8">
      <c r="H616241" s="12"/>
    </row>
    <row r="616242" spans="8:8">
      <c r="H616242" s="12"/>
    </row>
    <row r="616243" spans="8:8">
      <c r="H616243" s="12"/>
    </row>
    <row r="616244" spans="8:8">
      <c r="H616244" s="12"/>
    </row>
    <row r="616245" spans="8:8">
      <c r="H616245" s="12"/>
    </row>
    <row r="616246" spans="8:8">
      <c r="H616246" s="12"/>
    </row>
    <row r="616247" spans="8:8">
      <c r="H616247" s="12"/>
    </row>
    <row r="616248" spans="8:8">
      <c r="H616248" s="12"/>
    </row>
    <row r="616249" spans="8:8">
      <c r="H616249" s="12"/>
    </row>
    <row r="616250" spans="8:8">
      <c r="H616250" s="12"/>
    </row>
    <row r="616251" spans="8:8">
      <c r="H616251" s="12"/>
    </row>
    <row r="616252" spans="8:8">
      <c r="H616252" s="12"/>
    </row>
    <row r="616253" spans="8:8">
      <c r="H616253" s="12"/>
    </row>
    <row r="616254" spans="8:8">
      <c r="H616254" s="12"/>
    </row>
    <row r="616255" spans="8:8">
      <c r="H616255" s="12"/>
    </row>
    <row r="616256" spans="8:8">
      <c r="H616256" s="12"/>
    </row>
    <row r="616257" spans="8:8">
      <c r="H616257" s="12"/>
    </row>
    <row r="616258" spans="8:8">
      <c r="H616258" s="12"/>
    </row>
    <row r="616259" spans="8:8">
      <c r="H616259" s="12"/>
    </row>
    <row r="616260" spans="8:8">
      <c r="H616260" s="12"/>
    </row>
    <row r="616261" spans="8:8">
      <c r="H616261" s="12"/>
    </row>
    <row r="616262" spans="8:8">
      <c r="H616262" s="12"/>
    </row>
    <row r="616263" spans="8:8">
      <c r="H616263" s="12"/>
    </row>
    <row r="616264" spans="8:8">
      <c r="H616264" s="12"/>
    </row>
    <row r="616265" spans="8:8">
      <c r="H616265" s="12"/>
    </row>
    <row r="616266" spans="8:8">
      <c r="H616266" s="12"/>
    </row>
    <row r="616267" spans="8:8">
      <c r="H616267" s="12"/>
    </row>
    <row r="616268" spans="8:8">
      <c r="H616268" s="12"/>
    </row>
    <row r="616269" spans="8:8">
      <c r="H616269" s="12"/>
    </row>
    <row r="616270" spans="8:8">
      <c r="H616270" s="12"/>
    </row>
    <row r="616271" spans="8:8">
      <c r="H616271" s="12"/>
    </row>
    <row r="616272" spans="8:8">
      <c r="H616272" s="12"/>
    </row>
    <row r="616273" spans="8:8">
      <c r="H616273" s="12"/>
    </row>
    <row r="616274" spans="8:8">
      <c r="H616274" s="12"/>
    </row>
    <row r="616275" spans="8:8">
      <c r="H616275" s="12"/>
    </row>
    <row r="616276" spans="8:8">
      <c r="H616276" s="12"/>
    </row>
    <row r="616277" spans="8:8">
      <c r="H616277" s="12"/>
    </row>
    <row r="616278" spans="8:8">
      <c r="H616278" s="12"/>
    </row>
    <row r="616279" spans="8:8">
      <c r="H616279" s="12"/>
    </row>
    <row r="616280" spans="8:8">
      <c r="H616280" s="12"/>
    </row>
    <row r="616281" spans="8:8">
      <c r="H616281" s="12"/>
    </row>
    <row r="616282" spans="8:8">
      <c r="H616282" s="12"/>
    </row>
    <row r="616283" spans="8:8">
      <c r="H616283" s="12"/>
    </row>
    <row r="616284" spans="8:8">
      <c r="H616284" s="12"/>
    </row>
    <row r="616285" spans="8:8">
      <c r="H616285" s="12"/>
    </row>
    <row r="616286" spans="8:8">
      <c r="H616286" s="12"/>
    </row>
    <row r="616287" spans="8:8">
      <c r="H616287" s="12"/>
    </row>
    <row r="616288" spans="8:8">
      <c r="H616288" s="12"/>
    </row>
    <row r="616289" spans="8:8">
      <c r="H616289" s="12"/>
    </row>
    <row r="616290" spans="8:8">
      <c r="H616290" s="12"/>
    </row>
    <row r="616291" spans="8:8">
      <c r="H616291" s="12"/>
    </row>
    <row r="616292" spans="8:8">
      <c r="H616292" s="12"/>
    </row>
    <row r="616293" spans="8:8">
      <c r="H616293" s="12"/>
    </row>
    <row r="616294" spans="8:8">
      <c r="H616294" s="12"/>
    </row>
    <row r="616295" spans="8:8">
      <c r="H616295" s="12"/>
    </row>
    <row r="616296" spans="8:8">
      <c r="H616296" s="12"/>
    </row>
    <row r="616297" spans="8:8">
      <c r="H616297" s="12"/>
    </row>
    <row r="616298" spans="8:8">
      <c r="H616298" s="12"/>
    </row>
    <row r="616299" spans="8:8">
      <c r="H616299" s="12"/>
    </row>
    <row r="616300" spans="8:8">
      <c r="H616300" s="12"/>
    </row>
    <row r="616301" spans="8:8">
      <c r="H616301" s="12"/>
    </row>
    <row r="616302" spans="8:8">
      <c r="H616302" s="12"/>
    </row>
    <row r="616303" spans="8:8">
      <c r="H616303" s="12"/>
    </row>
    <row r="616304" spans="8:8">
      <c r="H616304" s="12"/>
    </row>
    <row r="616305" spans="8:8">
      <c r="H616305" s="12"/>
    </row>
    <row r="616306" spans="8:8">
      <c r="H616306" s="12"/>
    </row>
    <row r="616307" spans="8:8">
      <c r="H616307" s="12"/>
    </row>
    <row r="616308" spans="8:8">
      <c r="H616308" s="12"/>
    </row>
    <row r="616309" spans="8:8">
      <c r="H616309" s="12"/>
    </row>
    <row r="616310" spans="8:8">
      <c r="H616310" s="12"/>
    </row>
    <row r="616311" spans="8:8">
      <c r="H616311" s="12"/>
    </row>
    <row r="616312" spans="8:8">
      <c r="H616312" s="12"/>
    </row>
    <row r="616313" spans="8:8">
      <c r="H616313" s="12"/>
    </row>
    <row r="616314" spans="8:8">
      <c r="H616314" s="12"/>
    </row>
    <row r="616315" spans="8:8">
      <c r="H616315" s="12"/>
    </row>
    <row r="616316" spans="8:8">
      <c r="H616316" s="12"/>
    </row>
    <row r="616317" spans="8:8">
      <c r="H616317" s="12"/>
    </row>
    <row r="616318" spans="8:8">
      <c r="H616318" s="12"/>
    </row>
    <row r="616319" spans="8:8">
      <c r="H616319" s="12"/>
    </row>
    <row r="616320" spans="8:8">
      <c r="H616320" s="12"/>
    </row>
    <row r="616321" spans="8:8">
      <c r="H616321" s="12"/>
    </row>
    <row r="616322" spans="8:8">
      <c r="H616322" s="12"/>
    </row>
    <row r="616323" spans="8:8">
      <c r="H616323" s="12"/>
    </row>
    <row r="616324" spans="8:8">
      <c r="H616324" s="12"/>
    </row>
    <row r="616325" spans="8:8">
      <c r="H616325" s="12"/>
    </row>
    <row r="616326" spans="8:8">
      <c r="H616326" s="12"/>
    </row>
    <row r="616327" spans="8:8">
      <c r="H616327" s="12"/>
    </row>
    <row r="616328" spans="8:8">
      <c r="H616328" s="12"/>
    </row>
    <row r="616329" spans="8:8">
      <c r="H616329" s="12"/>
    </row>
    <row r="616330" spans="8:8">
      <c r="H616330" s="12"/>
    </row>
    <row r="616331" spans="8:8">
      <c r="H616331" s="12"/>
    </row>
    <row r="616332" spans="8:8">
      <c r="H616332" s="12"/>
    </row>
    <row r="616333" spans="8:8">
      <c r="H616333" s="12"/>
    </row>
    <row r="616334" spans="8:8">
      <c r="H616334" s="12"/>
    </row>
    <row r="616335" spans="8:8">
      <c r="H616335" s="12"/>
    </row>
    <row r="616336" spans="8:8">
      <c r="H616336" s="12"/>
    </row>
    <row r="616337" spans="8:8">
      <c r="H616337" s="12"/>
    </row>
    <row r="616338" spans="8:8">
      <c r="H616338" s="12"/>
    </row>
    <row r="616339" spans="8:8">
      <c r="H616339" s="12"/>
    </row>
    <row r="616340" spans="8:8">
      <c r="H616340" s="12"/>
    </row>
    <row r="616341" spans="8:8">
      <c r="H616341" s="12"/>
    </row>
    <row r="616342" spans="8:8">
      <c r="H616342" s="12"/>
    </row>
    <row r="616343" spans="8:8">
      <c r="H616343" s="12"/>
    </row>
    <row r="616344" spans="8:8">
      <c r="H616344" s="12"/>
    </row>
    <row r="616345" spans="8:8">
      <c r="H616345" s="12"/>
    </row>
    <row r="616346" spans="8:8">
      <c r="H616346" s="12"/>
    </row>
    <row r="616347" spans="8:8">
      <c r="H616347" s="12"/>
    </row>
    <row r="616348" spans="8:8">
      <c r="H616348" s="12"/>
    </row>
    <row r="616349" spans="8:8">
      <c r="H616349" s="12"/>
    </row>
    <row r="616350" spans="8:8">
      <c r="H616350" s="12"/>
    </row>
    <row r="616351" spans="8:8">
      <c r="H616351" s="12"/>
    </row>
    <row r="616352" spans="8:8">
      <c r="H616352" s="12"/>
    </row>
    <row r="616353" spans="8:8">
      <c r="H616353" s="12"/>
    </row>
    <row r="616354" spans="8:8">
      <c r="H616354" s="12"/>
    </row>
    <row r="616355" spans="8:8">
      <c r="H616355" s="12"/>
    </row>
    <row r="616356" spans="8:8">
      <c r="H616356" s="12"/>
    </row>
    <row r="616357" spans="8:8">
      <c r="H616357" s="12"/>
    </row>
    <row r="616358" spans="8:8">
      <c r="H616358" s="12"/>
    </row>
    <row r="616359" spans="8:8">
      <c r="H616359" s="12"/>
    </row>
    <row r="616360" spans="8:8">
      <c r="H616360" s="12"/>
    </row>
    <row r="616361" spans="8:8">
      <c r="H616361" s="12"/>
    </row>
    <row r="616362" spans="8:8">
      <c r="H616362" s="12"/>
    </row>
    <row r="616363" spans="8:8">
      <c r="H616363" s="12"/>
    </row>
    <row r="616364" spans="8:8">
      <c r="H616364" s="12"/>
    </row>
    <row r="616365" spans="8:8">
      <c r="H616365" s="12"/>
    </row>
    <row r="616366" spans="8:8">
      <c r="H616366" s="12"/>
    </row>
    <row r="616367" spans="8:8">
      <c r="H616367" s="12"/>
    </row>
    <row r="616368" spans="8:8">
      <c r="H616368" s="12"/>
    </row>
    <row r="616369" spans="8:8">
      <c r="H616369" s="12"/>
    </row>
    <row r="616370" spans="8:8">
      <c r="H616370" s="12"/>
    </row>
    <row r="616371" spans="8:8">
      <c r="H616371" s="12"/>
    </row>
    <row r="616372" spans="8:8">
      <c r="H616372" s="12"/>
    </row>
    <row r="616373" spans="8:8">
      <c r="H616373" s="12"/>
    </row>
    <row r="616374" spans="8:8">
      <c r="H616374" s="12"/>
    </row>
    <row r="616375" spans="8:8">
      <c r="H616375" s="12"/>
    </row>
    <row r="616376" spans="8:8">
      <c r="H616376" s="12"/>
    </row>
    <row r="616377" spans="8:8">
      <c r="H616377" s="12"/>
    </row>
    <row r="616378" spans="8:8">
      <c r="H616378" s="12"/>
    </row>
    <row r="616379" spans="8:8">
      <c r="H616379" s="12"/>
    </row>
    <row r="616380" spans="8:8">
      <c r="H616380" s="12"/>
    </row>
    <row r="616381" spans="8:8">
      <c r="H616381" s="12"/>
    </row>
    <row r="616382" spans="8:8">
      <c r="H616382" s="12"/>
    </row>
    <row r="616383" spans="8:8">
      <c r="H616383" s="12"/>
    </row>
    <row r="616384" spans="8:8">
      <c r="H616384" s="12"/>
    </row>
    <row r="616385" spans="8:8">
      <c r="H616385" s="12"/>
    </row>
    <row r="616386" spans="8:8">
      <c r="H616386" s="12"/>
    </row>
    <row r="616387" spans="8:8">
      <c r="H616387" s="12"/>
    </row>
    <row r="616388" spans="8:8">
      <c r="H616388" s="12"/>
    </row>
    <row r="616389" spans="8:8">
      <c r="H616389" s="12"/>
    </row>
    <row r="616390" spans="8:8">
      <c r="H616390" s="12"/>
    </row>
    <row r="616391" spans="8:8">
      <c r="H616391" s="12"/>
    </row>
    <row r="616392" spans="8:8">
      <c r="H616392" s="12"/>
    </row>
    <row r="616393" spans="8:8">
      <c r="H616393" s="12"/>
    </row>
    <row r="616394" spans="8:8">
      <c r="H616394" s="12"/>
    </row>
    <row r="616395" spans="8:8">
      <c r="H616395" s="12"/>
    </row>
    <row r="616396" spans="8:8">
      <c r="H616396" s="12"/>
    </row>
    <row r="616397" spans="8:8">
      <c r="H616397" s="12"/>
    </row>
    <row r="616398" spans="8:8">
      <c r="H616398" s="12"/>
    </row>
    <row r="616399" spans="8:8">
      <c r="H616399" s="12"/>
    </row>
    <row r="616400" spans="8:8">
      <c r="H616400" s="12"/>
    </row>
    <row r="616401" spans="8:8">
      <c r="H616401" s="12"/>
    </row>
    <row r="616402" spans="8:8">
      <c r="H616402" s="12"/>
    </row>
    <row r="616403" spans="8:8">
      <c r="H616403" s="12"/>
    </row>
    <row r="616404" spans="8:8">
      <c r="H616404" s="12"/>
    </row>
    <row r="616405" spans="8:8">
      <c r="H616405" s="12"/>
    </row>
    <row r="616406" spans="8:8">
      <c r="H616406" s="12"/>
    </row>
    <row r="616407" spans="8:8">
      <c r="H616407" s="12"/>
    </row>
    <row r="616408" spans="8:8">
      <c r="H616408" s="12"/>
    </row>
    <row r="616409" spans="8:8">
      <c r="H616409" s="12"/>
    </row>
    <row r="616410" spans="8:8">
      <c r="H616410" s="12"/>
    </row>
    <row r="616411" spans="8:8">
      <c r="H616411" s="12"/>
    </row>
    <row r="616412" spans="8:8">
      <c r="H616412" s="12"/>
    </row>
    <row r="616413" spans="8:8">
      <c r="H616413" s="12"/>
    </row>
    <row r="616414" spans="8:8">
      <c r="H616414" s="12"/>
    </row>
    <row r="616415" spans="8:8">
      <c r="H616415" s="12"/>
    </row>
    <row r="616416" spans="8:8">
      <c r="H616416" s="12"/>
    </row>
    <row r="616417" spans="8:8">
      <c r="H616417" s="12"/>
    </row>
    <row r="616418" spans="8:8">
      <c r="H616418" s="12"/>
    </row>
    <row r="616419" spans="8:8">
      <c r="H616419" s="12"/>
    </row>
    <row r="616420" spans="8:8">
      <c r="H616420" s="12"/>
    </row>
    <row r="616421" spans="8:8">
      <c r="H616421" s="12"/>
    </row>
    <row r="616422" spans="8:8">
      <c r="H616422" s="12"/>
    </row>
    <row r="616423" spans="8:8">
      <c r="H616423" s="12"/>
    </row>
    <row r="616424" spans="8:8">
      <c r="H616424" s="12"/>
    </row>
    <row r="616425" spans="8:8">
      <c r="H616425" s="12"/>
    </row>
    <row r="616426" spans="8:8">
      <c r="H616426" s="12"/>
    </row>
    <row r="616427" spans="8:8">
      <c r="H616427" s="12"/>
    </row>
    <row r="616428" spans="8:8">
      <c r="H616428" s="12"/>
    </row>
    <row r="616429" spans="8:8">
      <c r="H616429" s="12"/>
    </row>
    <row r="616430" spans="8:8">
      <c r="H616430" s="12"/>
    </row>
    <row r="616431" spans="8:8">
      <c r="H616431" s="12"/>
    </row>
    <row r="616432" spans="8:8">
      <c r="H616432" s="12"/>
    </row>
    <row r="616433" spans="8:8">
      <c r="H616433" s="12"/>
    </row>
    <row r="616434" spans="8:8">
      <c r="H616434" s="12"/>
    </row>
    <row r="616435" spans="8:8">
      <c r="H616435" s="12"/>
    </row>
    <row r="616436" spans="8:8">
      <c r="H616436" s="12"/>
    </row>
    <row r="616437" spans="8:8">
      <c r="H616437" s="12"/>
    </row>
    <row r="616438" spans="8:8">
      <c r="H616438" s="12"/>
    </row>
    <row r="616439" spans="8:8">
      <c r="H616439" s="12"/>
    </row>
    <row r="616440" spans="8:8">
      <c r="H616440" s="12"/>
    </row>
    <row r="616441" spans="8:8">
      <c r="H616441" s="12"/>
    </row>
    <row r="616442" spans="8:8">
      <c r="H616442" s="12"/>
    </row>
    <row r="616443" spans="8:8">
      <c r="H616443" s="12"/>
    </row>
    <row r="616444" spans="8:8">
      <c r="H616444" s="12"/>
    </row>
    <row r="616445" spans="8:8">
      <c r="H616445" s="12"/>
    </row>
    <row r="616446" spans="8:8">
      <c r="H616446" s="12"/>
    </row>
    <row r="616447" spans="8:8">
      <c r="H616447" s="12"/>
    </row>
    <row r="616448" spans="8:8">
      <c r="H616448" s="12"/>
    </row>
    <row r="616449" spans="8:8">
      <c r="H616449" s="12"/>
    </row>
    <row r="616450" spans="8:8">
      <c r="H616450" s="12"/>
    </row>
    <row r="616451" spans="8:8">
      <c r="H616451" s="12"/>
    </row>
    <row r="616452" spans="8:8">
      <c r="H616452" s="12"/>
    </row>
    <row r="616453" spans="8:8">
      <c r="H616453" s="12"/>
    </row>
    <row r="616454" spans="8:8">
      <c r="H616454" s="12"/>
    </row>
    <row r="616455" spans="8:8">
      <c r="H616455" s="12"/>
    </row>
    <row r="616456" spans="8:8">
      <c r="H616456" s="12"/>
    </row>
    <row r="616457" spans="8:8">
      <c r="H616457" s="12"/>
    </row>
    <row r="616458" spans="8:8">
      <c r="H616458" s="12"/>
    </row>
    <row r="616459" spans="8:8">
      <c r="H616459" s="12"/>
    </row>
    <row r="616460" spans="8:8">
      <c r="H616460" s="12"/>
    </row>
    <row r="616461" spans="8:8">
      <c r="H616461" s="12"/>
    </row>
    <row r="616462" spans="8:8">
      <c r="H616462" s="12"/>
    </row>
    <row r="616463" spans="8:8">
      <c r="H616463" s="12"/>
    </row>
    <row r="616464" spans="8:8">
      <c r="H616464" s="12"/>
    </row>
    <row r="616465" spans="8:8">
      <c r="H616465" s="12"/>
    </row>
    <row r="616466" spans="8:8">
      <c r="H616466" s="12"/>
    </row>
    <row r="616467" spans="8:8">
      <c r="H616467" s="12"/>
    </row>
    <row r="616468" spans="8:8">
      <c r="H616468" s="12"/>
    </row>
    <row r="616469" spans="8:8">
      <c r="H616469" s="12"/>
    </row>
    <row r="616470" spans="8:8">
      <c r="H616470" s="12"/>
    </row>
    <row r="616471" spans="8:8">
      <c r="H616471" s="12"/>
    </row>
    <row r="616472" spans="8:8">
      <c r="H616472" s="12"/>
    </row>
    <row r="616473" spans="8:8">
      <c r="H616473" s="12"/>
    </row>
    <row r="616474" spans="8:8">
      <c r="H616474" s="12"/>
    </row>
    <row r="616475" spans="8:8">
      <c r="H616475" s="12"/>
    </row>
    <row r="616476" spans="8:8">
      <c r="H616476" s="12"/>
    </row>
    <row r="616477" spans="8:8">
      <c r="H616477" s="12"/>
    </row>
    <row r="616478" spans="8:8">
      <c r="H616478" s="12"/>
    </row>
    <row r="616479" spans="8:8">
      <c r="H616479" s="12"/>
    </row>
    <row r="616480" spans="8:8">
      <c r="H616480" s="12"/>
    </row>
    <row r="616481" spans="8:8">
      <c r="H616481" s="12"/>
    </row>
    <row r="616482" spans="8:8">
      <c r="H616482" s="12"/>
    </row>
    <row r="616483" spans="8:8">
      <c r="H616483" s="12"/>
    </row>
    <row r="616484" spans="8:8">
      <c r="H616484" s="12"/>
    </row>
    <row r="616485" spans="8:8">
      <c r="H616485" s="12"/>
    </row>
    <row r="616486" spans="8:8">
      <c r="H616486" s="12"/>
    </row>
    <row r="616487" spans="8:8">
      <c r="H616487" s="12"/>
    </row>
    <row r="616488" spans="8:8">
      <c r="H616488" s="12"/>
    </row>
    <row r="616489" spans="8:8">
      <c r="H616489" s="12"/>
    </row>
    <row r="616490" spans="8:8">
      <c r="H616490" s="12"/>
    </row>
    <row r="616491" spans="8:8">
      <c r="H616491" s="12"/>
    </row>
    <row r="616492" spans="8:8">
      <c r="H616492" s="12"/>
    </row>
    <row r="616493" spans="8:8">
      <c r="H616493" s="12"/>
    </row>
    <row r="616494" spans="8:8">
      <c r="H616494" s="12"/>
    </row>
    <row r="616495" spans="8:8">
      <c r="H616495" s="12"/>
    </row>
    <row r="616496" spans="8:8">
      <c r="H616496" s="12"/>
    </row>
    <row r="616497" spans="8:8">
      <c r="H616497" s="12"/>
    </row>
    <row r="616498" spans="8:8">
      <c r="H616498" s="12"/>
    </row>
    <row r="616499" spans="8:8">
      <c r="H616499" s="12"/>
    </row>
    <row r="616500" spans="8:8">
      <c r="H616500" s="12"/>
    </row>
    <row r="616501" spans="8:8">
      <c r="H616501" s="12"/>
    </row>
    <row r="616502" spans="8:8">
      <c r="H616502" s="12"/>
    </row>
    <row r="616503" spans="8:8">
      <c r="H616503" s="12"/>
    </row>
    <row r="616504" spans="8:8">
      <c r="H616504" s="12"/>
    </row>
    <row r="616505" spans="8:8">
      <c r="H616505" s="12"/>
    </row>
    <row r="616506" spans="8:8">
      <c r="H616506" s="12"/>
    </row>
    <row r="616507" spans="8:8">
      <c r="H616507" s="12"/>
    </row>
    <row r="616508" spans="8:8">
      <c r="H616508" s="12"/>
    </row>
    <row r="616509" spans="8:8">
      <c r="H616509" s="12"/>
    </row>
    <row r="616510" spans="8:8">
      <c r="H616510" s="12"/>
    </row>
    <row r="616511" spans="8:8">
      <c r="H616511" s="12"/>
    </row>
    <row r="616512" spans="8:8">
      <c r="H616512" s="12"/>
    </row>
    <row r="616513" spans="8:8">
      <c r="H616513" s="12"/>
    </row>
    <row r="616514" spans="8:8">
      <c r="H616514" s="12"/>
    </row>
    <row r="616515" spans="8:8">
      <c r="H616515" s="12"/>
    </row>
    <row r="616516" spans="8:8">
      <c r="H616516" s="12"/>
    </row>
    <row r="616517" spans="8:8">
      <c r="H616517" s="12"/>
    </row>
    <row r="616518" spans="8:8">
      <c r="H616518" s="12"/>
    </row>
    <row r="616519" spans="8:8">
      <c r="H616519" s="12"/>
    </row>
    <row r="616520" spans="8:8">
      <c r="H616520" s="12"/>
    </row>
    <row r="616521" spans="8:8">
      <c r="H616521" s="12"/>
    </row>
    <row r="616522" spans="8:8">
      <c r="H616522" s="12"/>
    </row>
    <row r="616523" spans="8:8">
      <c r="H616523" s="12"/>
    </row>
    <row r="616524" spans="8:8">
      <c r="H616524" s="12"/>
    </row>
    <row r="616525" spans="8:8">
      <c r="H616525" s="12"/>
    </row>
    <row r="616526" spans="8:8">
      <c r="H616526" s="12"/>
    </row>
    <row r="616527" spans="8:8">
      <c r="H616527" s="12"/>
    </row>
    <row r="616528" spans="8:8">
      <c r="H616528" s="12"/>
    </row>
    <row r="616529" spans="8:8">
      <c r="H616529" s="12"/>
    </row>
    <row r="616530" spans="8:8">
      <c r="H616530" s="12"/>
    </row>
    <row r="616531" spans="8:8">
      <c r="H616531" s="12"/>
    </row>
    <row r="616532" spans="8:8">
      <c r="H616532" s="12"/>
    </row>
    <row r="616533" spans="8:8">
      <c r="H616533" s="12"/>
    </row>
    <row r="616534" spans="8:8">
      <c r="H616534" s="12"/>
    </row>
    <row r="616535" spans="8:8">
      <c r="H616535" s="12"/>
    </row>
    <row r="616536" spans="8:8">
      <c r="H616536" s="12"/>
    </row>
    <row r="616537" spans="8:8">
      <c r="H616537" s="12"/>
    </row>
    <row r="616538" spans="8:8">
      <c r="H616538" s="12"/>
    </row>
    <row r="616539" spans="8:8">
      <c r="H616539" s="12"/>
    </row>
    <row r="616540" spans="8:8">
      <c r="H616540" s="12"/>
    </row>
    <row r="616541" spans="8:8">
      <c r="H616541" s="12"/>
    </row>
    <row r="616542" spans="8:8">
      <c r="H616542" s="12"/>
    </row>
    <row r="616543" spans="8:8">
      <c r="H616543" s="12"/>
    </row>
    <row r="616544" spans="8:8">
      <c r="H616544" s="12"/>
    </row>
    <row r="616545" spans="8:8">
      <c r="H616545" s="12"/>
    </row>
    <row r="616546" spans="8:8">
      <c r="H616546" s="12"/>
    </row>
    <row r="616547" spans="8:8">
      <c r="H616547" s="12"/>
    </row>
    <row r="616548" spans="8:8">
      <c r="H616548" s="12"/>
    </row>
    <row r="616549" spans="8:8">
      <c r="H616549" s="12"/>
    </row>
    <row r="616550" spans="8:8">
      <c r="H616550" s="12"/>
    </row>
    <row r="616551" spans="8:8">
      <c r="H616551" s="12"/>
    </row>
    <row r="616552" spans="8:8">
      <c r="H616552" s="12"/>
    </row>
    <row r="616553" spans="8:8">
      <c r="H616553" s="12"/>
    </row>
    <row r="616554" spans="8:8">
      <c r="H616554" s="12"/>
    </row>
    <row r="616555" spans="8:8">
      <c r="H616555" s="12"/>
    </row>
    <row r="616556" spans="8:8">
      <c r="H616556" s="12"/>
    </row>
    <row r="616557" spans="8:8">
      <c r="H616557" s="12"/>
    </row>
    <row r="616558" spans="8:8">
      <c r="H616558" s="12"/>
    </row>
    <row r="616559" spans="8:8">
      <c r="H616559" s="12"/>
    </row>
    <row r="616560" spans="8:8">
      <c r="H616560" s="12"/>
    </row>
    <row r="616561" spans="8:8">
      <c r="H616561" s="12"/>
    </row>
    <row r="616562" spans="8:8">
      <c r="H616562" s="12"/>
    </row>
    <row r="616563" spans="8:8">
      <c r="H616563" s="12"/>
    </row>
    <row r="616564" spans="8:8">
      <c r="H616564" s="12"/>
    </row>
    <row r="616565" spans="8:8">
      <c r="H616565" s="12"/>
    </row>
    <row r="616566" spans="8:8">
      <c r="H616566" s="12"/>
    </row>
    <row r="616567" spans="8:8">
      <c r="H616567" s="12"/>
    </row>
    <row r="616568" spans="8:8">
      <c r="H616568" s="12"/>
    </row>
    <row r="616569" spans="8:8">
      <c r="H616569" s="12"/>
    </row>
    <row r="616570" spans="8:8">
      <c r="H616570" s="12"/>
    </row>
    <row r="616571" spans="8:8">
      <c r="H616571" s="12"/>
    </row>
    <row r="616572" spans="8:8">
      <c r="H616572" s="12"/>
    </row>
    <row r="616573" spans="8:8">
      <c r="H616573" s="12"/>
    </row>
    <row r="616574" spans="8:8">
      <c r="H616574" s="12"/>
    </row>
    <row r="616575" spans="8:8">
      <c r="H616575" s="12"/>
    </row>
    <row r="616576" spans="8:8">
      <c r="H616576" s="12"/>
    </row>
    <row r="616577" spans="8:8">
      <c r="H616577" s="12"/>
    </row>
    <row r="616578" spans="8:8">
      <c r="H616578" s="12"/>
    </row>
    <row r="616579" spans="8:8">
      <c r="H616579" s="12"/>
    </row>
    <row r="616580" spans="8:8">
      <c r="H616580" s="12"/>
    </row>
    <row r="616581" spans="8:8">
      <c r="H616581" s="12"/>
    </row>
    <row r="616582" spans="8:8">
      <c r="H616582" s="12"/>
    </row>
    <row r="616583" spans="8:8">
      <c r="H616583" s="12"/>
    </row>
    <row r="616584" spans="8:8">
      <c r="H616584" s="12"/>
    </row>
    <row r="616585" spans="8:8">
      <c r="H616585" s="12"/>
    </row>
    <row r="616586" spans="8:8">
      <c r="H616586" s="12"/>
    </row>
    <row r="616587" spans="8:8">
      <c r="H616587" s="12"/>
    </row>
    <row r="616588" spans="8:8">
      <c r="H616588" s="12"/>
    </row>
    <row r="616589" spans="8:8">
      <c r="H616589" s="12"/>
    </row>
    <row r="616590" spans="8:8">
      <c r="H616590" s="12"/>
    </row>
    <row r="616591" spans="8:8">
      <c r="H616591" s="12"/>
    </row>
    <row r="616592" spans="8:8">
      <c r="H616592" s="12"/>
    </row>
    <row r="616593" spans="8:8">
      <c r="H616593" s="12"/>
    </row>
    <row r="616594" spans="8:8">
      <c r="H616594" s="12"/>
    </row>
    <row r="616595" spans="8:8">
      <c r="H616595" s="12"/>
    </row>
    <row r="616596" spans="8:8">
      <c r="H616596" s="12"/>
    </row>
    <row r="616597" spans="8:8">
      <c r="H616597" s="12"/>
    </row>
    <row r="616598" spans="8:8">
      <c r="H616598" s="12"/>
    </row>
    <row r="616599" spans="8:8">
      <c r="H616599" s="12"/>
    </row>
    <row r="616600" spans="8:8">
      <c r="H616600" s="12"/>
    </row>
    <row r="616601" spans="8:8">
      <c r="H616601" s="12"/>
    </row>
    <row r="616602" spans="8:8">
      <c r="H616602" s="12"/>
    </row>
    <row r="616603" spans="8:8">
      <c r="H616603" s="12"/>
    </row>
    <row r="616604" spans="8:8">
      <c r="H616604" s="12"/>
    </row>
    <row r="616605" spans="8:8">
      <c r="H616605" s="12"/>
    </row>
    <row r="616606" spans="8:8">
      <c r="H616606" s="12"/>
    </row>
    <row r="616607" spans="8:8">
      <c r="H616607" s="12"/>
    </row>
    <row r="616608" spans="8:8">
      <c r="H616608" s="12"/>
    </row>
    <row r="616609" spans="8:8">
      <c r="H616609" s="12"/>
    </row>
    <row r="616610" spans="8:8">
      <c r="H616610" s="12"/>
    </row>
    <row r="616611" spans="8:8">
      <c r="H616611" s="12"/>
    </row>
    <row r="616612" spans="8:8">
      <c r="H616612" s="12"/>
    </row>
    <row r="616613" spans="8:8">
      <c r="H616613" s="12"/>
    </row>
    <row r="616614" spans="8:8">
      <c r="H616614" s="12"/>
    </row>
    <row r="616615" spans="8:8">
      <c r="H616615" s="12"/>
    </row>
    <row r="616616" spans="8:8">
      <c r="H616616" s="12"/>
    </row>
    <row r="616617" spans="8:8">
      <c r="H616617" s="12"/>
    </row>
    <row r="616618" spans="8:8">
      <c r="H616618" s="12"/>
    </row>
    <row r="616619" spans="8:8">
      <c r="H616619" s="12"/>
    </row>
    <row r="616620" spans="8:8">
      <c r="H616620" s="12"/>
    </row>
    <row r="616621" spans="8:8">
      <c r="H616621" s="12"/>
    </row>
    <row r="616622" spans="8:8">
      <c r="H616622" s="12"/>
    </row>
    <row r="616623" spans="8:8">
      <c r="H616623" s="12"/>
    </row>
    <row r="616624" spans="8:8">
      <c r="H616624" s="12"/>
    </row>
    <row r="616625" spans="8:8">
      <c r="H616625" s="12"/>
    </row>
    <row r="616626" spans="8:8">
      <c r="H616626" s="12"/>
    </row>
    <row r="616627" spans="8:8">
      <c r="H616627" s="12"/>
    </row>
    <row r="616628" spans="8:8">
      <c r="H616628" s="12"/>
    </row>
    <row r="616629" spans="8:8">
      <c r="H616629" s="12"/>
    </row>
    <row r="616630" spans="8:8">
      <c r="H616630" s="12"/>
    </row>
    <row r="616631" spans="8:8">
      <c r="H616631" s="12"/>
    </row>
    <row r="616632" spans="8:8">
      <c r="H616632" s="12"/>
    </row>
    <row r="616633" spans="8:8">
      <c r="H616633" s="12"/>
    </row>
    <row r="616634" spans="8:8">
      <c r="H616634" s="12"/>
    </row>
    <row r="616635" spans="8:8">
      <c r="H616635" s="12"/>
    </row>
    <row r="616636" spans="8:8">
      <c r="H616636" s="12"/>
    </row>
    <row r="616637" spans="8:8">
      <c r="H616637" s="12"/>
    </row>
    <row r="616638" spans="8:8">
      <c r="H616638" s="12"/>
    </row>
    <row r="616639" spans="8:8">
      <c r="H616639" s="12"/>
    </row>
    <row r="616640" spans="8:8">
      <c r="H616640" s="12"/>
    </row>
    <row r="616641" spans="8:8">
      <c r="H616641" s="12"/>
    </row>
    <row r="616642" spans="8:8">
      <c r="H616642" s="12"/>
    </row>
    <row r="616643" spans="8:8">
      <c r="H616643" s="12"/>
    </row>
    <row r="616644" spans="8:8">
      <c r="H616644" s="12"/>
    </row>
    <row r="616645" spans="8:8">
      <c r="H616645" s="12"/>
    </row>
    <row r="616646" spans="8:8">
      <c r="H616646" s="12"/>
    </row>
    <row r="616647" spans="8:8">
      <c r="H616647" s="12"/>
    </row>
    <row r="616648" spans="8:8">
      <c r="H616648" s="12"/>
    </row>
    <row r="616649" spans="8:8">
      <c r="H616649" s="12"/>
    </row>
    <row r="616650" spans="8:8">
      <c r="H616650" s="12"/>
    </row>
    <row r="616651" spans="8:8">
      <c r="H616651" s="12"/>
    </row>
    <row r="616652" spans="8:8">
      <c r="H616652" s="12"/>
    </row>
    <row r="616653" spans="8:8">
      <c r="H616653" s="12"/>
    </row>
    <row r="616654" spans="8:8">
      <c r="H616654" s="12"/>
    </row>
    <row r="616655" spans="8:8">
      <c r="H616655" s="12"/>
    </row>
    <row r="616656" spans="8:8">
      <c r="H616656" s="12"/>
    </row>
    <row r="616657" spans="8:8">
      <c r="H616657" s="12"/>
    </row>
    <row r="616658" spans="8:8">
      <c r="H616658" s="12"/>
    </row>
    <row r="616659" spans="8:8">
      <c r="H616659" s="12"/>
    </row>
    <row r="616660" spans="8:8">
      <c r="H616660" s="12"/>
    </row>
    <row r="616661" spans="8:8">
      <c r="H616661" s="12"/>
    </row>
    <row r="616662" spans="8:8">
      <c r="H616662" s="12"/>
    </row>
    <row r="616663" spans="8:8">
      <c r="H616663" s="12"/>
    </row>
    <row r="616664" spans="8:8">
      <c r="H616664" s="12"/>
    </row>
    <row r="616665" spans="8:8">
      <c r="H616665" s="12"/>
    </row>
    <row r="616666" spans="8:8">
      <c r="H616666" s="12"/>
    </row>
    <row r="616667" spans="8:8">
      <c r="H616667" s="12"/>
    </row>
    <row r="616668" spans="8:8">
      <c r="H616668" s="12"/>
    </row>
    <row r="616669" spans="8:8">
      <c r="H616669" s="12"/>
    </row>
    <row r="616670" spans="8:8">
      <c r="H616670" s="12"/>
    </row>
    <row r="616671" spans="8:8">
      <c r="H616671" s="12"/>
    </row>
    <row r="616672" spans="8:8">
      <c r="H616672" s="12"/>
    </row>
    <row r="616673" spans="8:8">
      <c r="H616673" s="12"/>
    </row>
    <row r="616674" spans="8:8">
      <c r="H616674" s="12"/>
    </row>
    <row r="616675" spans="8:8">
      <c r="H616675" s="12"/>
    </row>
    <row r="616676" spans="8:8">
      <c r="H616676" s="12"/>
    </row>
    <row r="616677" spans="8:8">
      <c r="H616677" s="12"/>
    </row>
    <row r="616678" spans="8:8">
      <c r="H616678" s="12"/>
    </row>
    <row r="616679" spans="8:8">
      <c r="H616679" s="12"/>
    </row>
    <row r="616680" spans="8:8">
      <c r="H616680" s="12"/>
    </row>
    <row r="616681" spans="8:8">
      <c r="H616681" s="12"/>
    </row>
    <row r="616682" spans="8:8">
      <c r="H616682" s="12"/>
    </row>
    <row r="616683" spans="8:8">
      <c r="H616683" s="12"/>
    </row>
    <row r="616684" spans="8:8">
      <c r="H616684" s="12"/>
    </row>
    <row r="616685" spans="8:8">
      <c r="H616685" s="12"/>
    </row>
    <row r="616686" spans="8:8">
      <c r="H616686" s="12"/>
    </row>
    <row r="616687" spans="8:8">
      <c r="H616687" s="12"/>
    </row>
    <row r="616688" spans="8:8">
      <c r="H616688" s="12"/>
    </row>
    <row r="616689" spans="8:8">
      <c r="H616689" s="12"/>
    </row>
    <row r="616690" spans="8:8">
      <c r="H616690" s="12"/>
    </row>
    <row r="616691" spans="8:8">
      <c r="H616691" s="12"/>
    </row>
    <row r="616692" spans="8:8">
      <c r="H616692" s="12"/>
    </row>
    <row r="616693" spans="8:8">
      <c r="H616693" s="12"/>
    </row>
    <row r="616694" spans="8:8">
      <c r="H616694" s="12"/>
    </row>
    <row r="616695" spans="8:8">
      <c r="H616695" s="12"/>
    </row>
    <row r="616696" spans="8:8">
      <c r="H616696" s="12"/>
    </row>
    <row r="616697" spans="8:8">
      <c r="H616697" s="12"/>
    </row>
    <row r="616698" spans="8:8">
      <c r="H616698" s="12"/>
    </row>
    <row r="616699" spans="8:8">
      <c r="H616699" s="12"/>
    </row>
    <row r="616700" spans="8:8">
      <c r="H616700" s="12"/>
    </row>
    <row r="616701" spans="8:8">
      <c r="H616701" s="12"/>
    </row>
    <row r="616702" spans="8:8">
      <c r="H616702" s="12"/>
    </row>
    <row r="616703" spans="8:8">
      <c r="H616703" s="12"/>
    </row>
    <row r="616704" spans="8:8">
      <c r="H616704" s="12"/>
    </row>
    <row r="616705" spans="8:8">
      <c r="H616705" s="12"/>
    </row>
    <row r="616706" spans="8:8">
      <c r="H616706" s="12"/>
    </row>
    <row r="616707" spans="8:8">
      <c r="H616707" s="12"/>
    </row>
    <row r="616708" spans="8:8">
      <c r="H616708" s="12"/>
    </row>
    <row r="616709" spans="8:8">
      <c r="H616709" s="12"/>
    </row>
    <row r="616710" spans="8:8">
      <c r="H616710" s="12"/>
    </row>
    <row r="616711" spans="8:8">
      <c r="H616711" s="12"/>
    </row>
    <row r="616712" spans="8:8">
      <c r="H616712" s="12"/>
    </row>
    <row r="616713" spans="8:8">
      <c r="H616713" s="12"/>
    </row>
    <row r="616714" spans="8:8">
      <c r="H616714" s="12"/>
    </row>
    <row r="616715" spans="8:8">
      <c r="H616715" s="12"/>
    </row>
    <row r="616716" spans="8:8">
      <c r="H616716" s="12"/>
    </row>
    <row r="616717" spans="8:8">
      <c r="H616717" s="12"/>
    </row>
    <row r="616718" spans="8:8">
      <c r="H616718" s="12"/>
    </row>
    <row r="616719" spans="8:8">
      <c r="H616719" s="12"/>
    </row>
    <row r="616720" spans="8:8">
      <c r="H616720" s="12"/>
    </row>
    <row r="616721" spans="8:8">
      <c r="H616721" s="12"/>
    </row>
    <row r="616722" spans="8:8">
      <c r="H616722" s="12"/>
    </row>
    <row r="616723" spans="8:8">
      <c r="H616723" s="12"/>
    </row>
    <row r="616724" spans="8:8">
      <c r="H616724" s="12"/>
    </row>
    <row r="616725" spans="8:8">
      <c r="H616725" s="12"/>
    </row>
    <row r="616726" spans="8:8">
      <c r="H616726" s="12"/>
    </row>
    <row r="616727" spans="8:8">
      <c r="H616727" s="12"/>
    </row>
    <row r="616728" spans="8:8">
      <c r="H616728" s="12"/>
    </row>
    <row r="616729" spans="8:8">
      <c r="H616729" s="12"/>
    </row>
    <row r="616730" spans="8:8">
      <c r="H616730" s="12"/>
    </row>
    <row r="616731" spans="8:8">
      <c r="H616731" s="12"/>
    </row>
    <row r="616732" spans="8:8">
      <c r="H616732" s="12"/>
    </row>
    <row r="616733" spans="8:8">
      <c r="H616733" s="12"/>
    </row>
    <row r="616734" spans="8:8">
      <c r="H616734" s="12"/>
    </row>
    <row r="616735" spans="8:8">
      <c r="H616735" s="12"/>
    </row>
    <row r="616736" spans="8:8">
      <c r="H616736" s="12"/>
    </row>
    <row r="616737" spans="8:8">
      <c r="H616737" s="12"/>
    </row>
    <row r="616738" spans="8:8">
      <c r="H616738" s="12"/>
    </row>
    <row r="616739" spans="8:8">
      <c r="H616739" s="12"/>
    </row>
    <row r="616740" spans="8:8">
      <c r="H616740" s="12"/>
    </row>
    <row r="616741" spans="8:8">
      <c r="H616741" s="12"/>
    </row>
    <row r="616742" spans="8:8">
      <c r="H616742" s="12"/>
    </row>
    <row r="616743" spans="8:8">
      <c r="H616743" s="12"/>
    </row>
    <row r="616744" spans="8:8">
      <c r="H616744" s="12"/>
    </row>
    <row r="616745" spans="8:8">
      <c r="H616745" s="12"/>
    </row>
    <row r="616746" spans="8:8">
      <c r="H616746" s="12"/>
    </row>
    <row r="616747" spans="8:8">
      <c r="H616747" s="12"/>
    </row>
    <row r="616748" spans="8:8">
      <c r="H616748" s="12"/>
    </row>
    <row r="616749" spans="8:8">
      <c r="H616749" s="12"/>
    </row>
    <row r="616750" spans="8:8">
      <c r="H616750" s="12"/>
    </row>
    <row r="616751" spans="8:8">
      <c r="H616751" s="12"/>
    </row>
    <row r="616752" spans="8:8">
      <c r="H616752" s="12"/>
    </row>
    <row r="616753" spans="8:8">
      <c r="H616753" s="12"/>
    </row>
    <row r="616754" spans="8:8">
      <c r="H616754" s="12"/>
    </row>
    <row r="616755" spans="8:8">
      <c r="H616755" s="12"/>
    </row>
    <row r="616756" spans="8:8">
      <c r="H616756" s="12"/>
    </row>
    <row r="616757" spans="8:8">
      <c r="H616757" s="12"/>
    </row>
    <row r="616758" spans="8:8">
      <c r="H616758" s="12"/>
    </row>
    <row r="616759" spans="8:8">
      <c r="H616759" s="12"/>
    </row>
    <row r="616760" spans="8:8">
      <c r="H616760" s="12"/>
    </row>
    <row r="616761" spans="8:8">
      <c r="H616761" s="12"/>
    </row>
    <row r="616762" spans="8:8">
      <c r="H616762" s="12"/>
    </row>
    <row r="616763" spans="8:8">
      <c r="H616763" s="12"/>
    </row>
    <row r="616764" spans="8:8">
      <c r="H616764" s="12"/>
    </row>
    <row r="616765" spans="8:8">
      <c r="H616765" s="12"/>
    </row>
    <row r="616766" spans="8:8">
      <c r="H616766" s="12"/>
    </row>
    <row r="616767" spans="8:8">
      <c r="H616767" s="12"/>
    </row>
    <row r="616768" spans="8:8">
      <c r="H616768" s="12"/>
    </row>
    <row r="616769" spans="8:8">
      <c r="H616769" s="12"/>
    </row>
    <row r="616770" spans="8:8">
      <c r="H616770" s="12"/>
    </row>
    <row r="616771" spans="8:8">
      <c r="H616771" s="12"/>
    </row>
    <row r="616772" spans="8:8">
      <c r="H616772" s="12"/>
    </row>
    <row r="616773" spans="8:8">
      <c r="H616773" s="12"/>
    </row>
    <row r="616774" spans="8:8">
      <c r="H616774" s="12"/>
    </row>
    <row r="616775" spans="8:8">
      <c r="H616775" s="12"/>
    </row>
    <row r="616776" spans="8:8">
      <c r="H616776" s="12"/>
    </row>
    <row r="616777" spans="8:8">
      <c r="H616777" s="12"/>
    </row>
    <row r="616778" spans="8:8">
      <c r="H616778" s="12"/>
    </row>
    <row r="616779" spans="8:8">
      <c r="H616779" s="12"/>
    </row>
    <row r="616780" spans="8:8">
      <c r="H616780" s="12"/>
    </row>
    <row r="616781" spans="8:8">
      <c r="H616781" s="12"/>
    </row>
    <row r="616782" spans="8:8">
      <c r="H616782" s="12"/>
    </row>
    <row r="616783" spans="8:8">
      <c r="H616783" s="12"/>
    </row>
    <row r="616784" spans="8:8">
      <c r="H616784" s="12"/>
    </row>
    <row r="616785" spans="8:8">
      <c r="H616785" s="12"/>
    </row>
    <row r="616786" spans="8:8">
      <c r="H616786" s="12"/>
    </row>
    <row r="616787" spans="8:8">
      <c r="H616787" s="12"/>
    </row>
    <row r="616788" spans="8:8">
      <c r="H616788" s="12"/>
    </row>
    <row r="616789" spans="8:8">
      <c r="H616789" s="12"/>
    </row>
    <row r="616790" spans="8:8">
      <c r="H616790" s="12"/>
    </row>
    <row r="616791" spans="8:8">
      <c r="H616791" s="12"/>
    </row>
    <row r="616792" spans="8:8">
      <c r="H616792" s="12"/>
    </row>
    <row r="616793" spans="8:8">
      <c r="H616793" s="12"/>
    </row>
    <row r="616794" spans="8:8">
      <c r="H616794" s="12"/>
    </row>
    <row r="616795" spans="8:8">
      <c r="H616795" s="12"/>
    </row>
    <row r="616796" spans="8:8">
      <c r="H616796" s="12"/>
    </row>
    <row r="616797" spans="8:8">
      <c r="H616797" s="12"/>
    </row>
    <row r="616798" spans="8:8">
      <c r="H616798" s="12"/>
    </row>
    <row r="616799" spans="8:8">
      <c r="H616799" s="12"/>
    </row>
    <row r="616800" spans="8:8">
      <c r="H616800" s="12"/>
    </row>
    <row r="616801" spans="8:8">
      <c r="H616801" s="12"/>
    </row>
    <row r="616802" spans="8:8">
      <c r="H616802" s="12"/>
    </row>
    <row r="616803" spans="8:8">
      <c r="H616803" s="12"/>
    </row>
    <row r="616804" spans="8:8">
      <c r="H616804" s="12"/>
    </row>
    <row r="616805" spans="8:8">
      <c r="H616805" s="12"/>
    </row>
    <row r="616806" spans="8:8">
      <c r="H616806" s="12"/>
    </row>
    <row r="616807" spans="8:8">
      <c r="H616807" s="12"/>
    </row>
    <row r="616808" spans="8:8">
      <c r="H616808" s="12"/>
    </row>
    <row r="616809" spans="8:8">
      <c r="H616809" s="12"/>
    </row>
    <row r="616810" spans="8:8">
      <c r="H616810" s="12"/>
    </row>
    <row r="616811" spans="8:8">
      <c r="H616811" s="12"/>
    </row>
    <row r="616812" spans="8:8">
      <c r="H616812" s="12"/>
    </row>
    <row r="616813" spans="8:8">
      <c r="H616813" s="12"/>
    </row>
    <row r="616814" spans="8:8">
      <c r="H616814" s="12"/>
    </row>
    <row r="616815" spans="8:8">
      <c r="H616815" s="12"/>
    </row>
    <row r="616816" spans="8:8">
      <c r="H616816" s="12"/>
    </row>
    <row r="616817" spans="8:8">
      <c r="H616817" s="12"/>
    </row>
    <row r="616818" spans="8:8">
      <c r="H616818" s="12"/>
    </row>
    <row r="616819" spans="8:8">
      <c r="H616819" s="12"/>
    </row>
    <row r="616820" spans="8:8">
      <c r="H616820" s="12"/>
    </row>
    <row r="616821" spans="8:8">
      <c r="H616821" s="12"/>
    </row>
    <row r="616822" spans="8:8">
      <c r="H616822" s="12"/>
    </row>
    <row r="616823" spans="8:8">
      <c r="H616823" s="12"/>
    </row>
    <row r="616824" spans="8:8">
      <c r="H616824" s="12"/>
    </row>
    <row r="616825" spans="8:8">
      <c r="H616825" s="12"/>
    </row>
    <row r="616826" spans="8:8">
      <c r="H616826" s="12"/>
    </row>
    <row r="616827" spans="8:8">
      <c r="H616827" s="12"/>
    </row>
    <row r="616828" spans="8:8">
      <c r="H616828" s="12"/>
    </row>
    <row r="616829" spans="8:8">
      <c r="H616829" s="12"/>
    </row>
    <row r="616830" spans="8:8">
      <c r="H616830" s="12"/>
    </row>
    <row r="616831" spans="8:8">
      <c r="H616831" s="12"/>
    </row>
    <row r="616832" spans="8:8">
      <c r="H616832" s="12"/>
    </row>
    <row r="616833" spans="8:8">
      <c r="H616833" s="12"/>
    </row>
    <row r="616834" spans="8:8">
      <c r="H616834" s="12"/>
    </row>
    <row r="616835" spans="8:8">
      <c r="H616835" s="12"/>
    </row>
    <row r="616836" spans="8:8">
      <c r="H616836" s="12"/>
    </row>
    <row r="616837" spans="8:8">
      <c r="H616837" s="12"/>
    </row>
    <row r="616838" spans="8:8">
      <c r="H616838" s="12"/>
    </row>
    <row r="616839" spans="8:8">
      <c r="H616839" s="12"/>
    </row>
    <row r="616840" spans="8:8">
      <c r="H616840" s="12"/>
    </row>
    <row r="616841" spans="8:8">
      <c r="H616841" s="12"/>
    </row>
    <row r="616842" spans="8:8">
      <c r="H616842" s="12"/>
    </row>
    <row r="616843" spans="8:8">
      <c r="H616843" s="12"/>
    </row>
    <row r="616844" spans="8:8">
      <c r="H616844" s="12"/>
    </row>
    <row r="616845" spans="8:8">
      <c r="H616845" s="12"/>
    </row>
    <row r="616846" spans="8:8">
      <c r="H616846" s="12"/>
    </row>
    <row r="616847" spans="8:8">
      <c r="H616847" s="12"/>
    </row>
    <row r="616848" spans="8:8">
      <c r="H616848" s="12"/>
    </row>
    <row r="616849" spans="8:8">
      <c r="H616849" s="12"/>
    </row>
    <row r="616850" spans="8:8">
      <c r="H616850" s="12"/>
    </row>
    <row r="616851" spans="8:8">
      <c r="H616851" s="12"/>
    </row>
    <row r="616852" spans="8:8">
      <c r="H616852" s="12"/>
    </row>
    <row r="616853" spans="8:8">
      <c r="H616853" s="12"/>
    </row>
    <row r="616854" spans="8:8">
      <c r="H616854" s="12"/>
    </row>
    <row r="616855" spans="8:8">
      <c r="H616855" s="12"/>
    </row>
    <row r="616856" spans="8:8">
      <c r="H616856" s="12"/>
    </row>
    <row r="616857" spans="8:8">
      <c r="H616857" s="12"/>
    </row>
    <row r="616858" spans="8:8">
      <c r="H616858" s="12"/>
    </row>
    <row r="616859" spans="8:8">
      <c r="H616859" s="12"/>
    </row>
    <row r="616860" spans="8:8">
      <c r="H616860" s="12"/>
    </row>
    <row r="616861" spans="8:8">
      <c r="H616861" s="12"/>
    </row>
    <row r="616862" spans="8:8">
      <c r="H616862" s="12"/>
    </row>
    <row r="616863" spans="8:8">
      <c r="H616863" s="12"/>
    </row>
    <row r="616864" spans="8:8">
      <c r="H616864" s="12"/>
    </row>
    <row r="616865" spans="8:8">
      <c r="H616865" s="12"/>
    </row>
    <row r="616866" spans="8:8">
      <c r="H616866" s="12"/>
    </row>
    <row r="616867" spans="8:8">
      <c r="H616867" s="12"/>
    </row>
    <row r="616868" spans="8:8">
      <c r="H616868" s="12"/>
    </row>
    <row r="616869" spans="8:8">
      <c r="H616869" s="12"/>
    </row>
    <row r="616870" spans="8:8">
      <c r="H616870" s="12"/>
    </row>
    <row r="616871" spans="8:8">
      <c r="H616871" s="12"/>
    </row>
    <row r="616872" spans="8:8">
      <c r="H616872" s="12"/>
    </row>
    <row r="616873" spans="8:8">
      <c r="H616873" s="12"/>
    </row>
    <row r="616874" spans="8:8">
      <c r="H616874" s="12"/>
    </row>
    <row r="616875" spans="8:8">
      <c r="H616875" s="12"/>
    </row>
    <row r="616876" spans="8:8">
      <c r="H616876" s="12"/>
    </row>
    <row r="616877" spans="8:8">
      <c r="H616877" s="12"/>
    </row>
    <row r="616878" spans="8:8">
      <c r="H616878" s="12"/>
    </row>
    <row r="616879" spans="8:8">
      <c r="H616879" s="12"/>
    </row>
    <row r="616880" spans="8:8">
      <c r="H616880" s="12"/>
    </row>
    <row r="616881" spans="8:8">
      <c r="H616881" s="12"/>
    </row>
    <row r="616882" spans="8:8">
      <c r="H616882" s="12"/>
    </row>
    <row r="616883" spans="8:8">
      <c r="H616883" s="12"/>
    </row>
    <row r="616884" spans="8:8">
      <c r="H616884" s="12"/>
    </row>
    <row r="616885" spans="8:8">
      <c r="H616885" s="12"/>
    </row>
    <row r="616886" spans="8:8">
      <c r="H616886" s="12"/>
    </row>
    <row r="616887" spans="8:8">
      <c r="H616887" s="12"/>
    </row>
    <row r="616888" spans="8:8">
      <c r="H616888" s="12"/>
    </row>
    <row r="616889" spans="8:8">
      <c r="H616889" s="12"/>
    </row>
    <row r="616890" spans="8:8">
      <c r="H616890" s="12"/>
    </row>
    <row r="616891" spans="8:8">
      <c r="H616891" s="12"/>
    </row>
    <row r="616892" spans="8:8">
      <c r="H616892" s="12"/>
    </row>
    <row r="616893" spans="8:8">
      <c r="H616893" s="12"/>
    </row>
    <row r="616894" spans="8:8">
      <c r="H616894" s="12"/>
    </row>
    <row r="616895" spans="8:8">
      <c r="H616895" s="12"/>
    </row>
    <row r="616896" spans="8:8">
      <c r="H616896" s="12"/>
    </row>
    <row r="616897" spans="8:8">
      <c r="H616897" s="12"/>
    </row>
    <row r="616898" spans="8:8">
      <c r="H616898" s="12"/>
    </row>
    <row r="616899" spans="8:8">
      <c r="H616899" s="12"/>
    </row>
    <row r="616900" spans="8:8">
      <c r="H616900" s="12"/>
    </row>
    <row r="616901" spans="8:8">
      <c r="H616901" s="12"/>
    </row>
    <row r="616902" spans="8:8">
      <c r="H616902" s="12"/>
    </row>
    <row r="616903" spans="8:8">
      <c r="H616903" s="12"/>
    </row>
    <row r="616904" spans="8:8">
      <c r="H616904" s="12"/>
    </row>
    <row r="616905" spans="8:8">
      <c r="H616905" s="12"/>
    </row>
    <row r="616906" spans="8:8">
      <c r="H616906" s="12"/>
    </row>
    <row r="616907" spans="8:8">
      <c r="H616907" s="12"/>
    </row>
    <row r="616908" spans="8:8">
      <c r="H616908" s="12"/>
    </row>
    <row r="616909" spans="8:8">
      <c r="H616909" s="12"/>
    </row>
    <row r="616910" spans="8:8">
      <c r="H616910" s="12"/>
    </row>
    <row r="616911" spans="8:8">
      <c r="H616911" s="12"/>
    </row>
    <row r="616912" spans="8:8">
      <c r="H616912" s="12"/>
    </row>
    <row r="616913" spans="8:8">
      <c r="H616913" s="12"/>
    </row>
    <row r="616914" spans="8:8">
      <c r="H616914" s="12"/>
    </row>
    <row r="616915" spans="8:8">
      <c r="H616915" s="12"/>
    </row>
    <row r="616916" spans="8:8">
      <c r="H616916" s="12"/>
    </row>
    <row r="616917" spans="8:8">
      <c r="H616917" s="12"/>
    </row>
    <row r="616918" spans="8:8">
      <c r="H616918" s="12"/>
    </row>
    <row r="616919" spans="8:8">
      <c r="H616919" s="12"/>
    </row>
    <row r="616920" spans="8:8">
      <c r="H616920" s="12"/>
    </row>
    <row r="616921" spans="8:8">
      <c r="H616921" s="12"/>
    </row>
    <row r="616922" spans="8:8">
      <c r="H616922" s="12"/>
    </row>
    <row r="616923" spans="8:8">
      <c r="H616923" s="12"/>
    </row>
    <row r="616924" spans="8:8">
      <c r="H616924" s="12"/>
    </row>
    <row r="616925" spans="8:8">
      <c r="H616925" s="12"/>
    </row>
    <row r="616926" spans="8:8">
      <c r="H616926" s="12"/>
    </row>
    <row r="616927" spans="8:8">
      <c r="H616927" s="12"/>
    </row>
    <row r="616928" spans="8:8">
      <c r="H616928" s="12"/>
    </row>
    <row r="616929" spans="8:8">
      <c r="H616929" s="12"/>
    </row>
    <row r="616930" spans="8:8">
      <c r="H616930" s="12"/>
    </row>
    <row r="616931" spans="8:8">
      <c r="H616931" s="12"/>
    </row>
    <row r="616932" spans="8:8">
      <c r="H616932" s="12"/>
    </row>
    <row r="616933" spans="8:8">
      <c r="H616933" s="12"/>
    </row>
    <row r="616934" spans="8:8">
      <c r="H616934" s="12"/>
    </row>
    <row r="616935" spans="8:8">
      <c r="H616935" s="12"/>
    </row>
    <row r="616936" spans="8:8">
      <c r="H616936" s="12"/>
    </row>
    <row r="616937" spans="8:8">
      <c r="H616937" s="12"/>
    </row>
    <row r="616938" spans="8:8">
      <c r="H616938" s="12"/>
    </row>
    <row r="616939" spans="8:8">
      <c r="H616939" s="12"/>
    </row>
    <row r="616940" spans="8:8">
      <c r="H616940" s="12"/>
    </row>
    <row r="616941" spans="8:8">
      <c r="H616941" s="12"/>
    </row>
    <row r="616942" spans="8:8">
      <c r="H616942" s="12"/>
    </row>
    <row r="616943" spans="8:8">
      <c r="H616943" s="12"/>
    </row>
    <row r="616944" spans="8:8">
      <c r="H616944" s="12"/>
    </row>
    <row r="616945" spans="8:8">
      <c r="H616945" s="12"/>
    </row>
    <row r="616946" spans="8:8">
      <c r="H616946" s="12"/>
    </row>
    <row r="616947" spans="8:8">
      <c r="H616947" s="12"/>
    </row>
    <row r="616948" spans="8:8">
      <c r="H616948" s="12"/>
    </row>
    <row r="616949" spans="8:8">
      <c r="H616949" s="12"/>
    </row>
    <row r="616950" spans="8:8">
      <c r="H616950" s="12"/>
    </row>
    <row r="616951" spans="8:8">
      <c r="H616951" s="12"/>
    </row>
    <row r="616952" spans="8:8">
      <c r="H616952" s="12"/>
    </row>
    <row r="616953" spans="8:8">
      <c r="H616953" s="12"/>
    </row>
    <row r="616954" spans="8:8">
      <c r="H616954" s="12"/>
    </row>
    <row r="616955" spans="8:8">
      <c r="H616955" s="12"/>
    </row>
    <row r="616956" spans="8:8">
      <c r="H616956" s="12"/>
    </row>
    <row r="616957" spans="8:8">
      <c r="H616957" s="12"/>
    </row>
    <row r="616958" spans="8:8">
      <c r="H616958" s="12"/>
    </row>
    <row r="616959" spans="8:8">
      <c r="H616959" s="12"/>
    </row>
    <row r="616960" spans="8:8">
      <c r="H616960" s="12"/>
    </row>
    <row r="616961" spans="8:8">
      <c r="H616961" s="12"/>
    </row>
    <row r="616962" spans="8:8">
      <c r="H616962" s="12"/>
    </row>
    <row r="616963" spans="8:8">
      <c r="H616963" s="12"/>
    </row>
    <row r="616964" spans="8:8">
      <c r="H616964" s="12"/>
    </row>
    <row r="616965" spans="8:8">
      <c r="H616965" s="12"/>
    </row>
    <row r="616966" spans="8:8">
      <c r="H616966" s="12"/>
    </row>
    <row r="616967" spans="8:8">
      <c r="H616967" s="12"/>
    </row>
    <row r="616968" spans="8:8">
      <c r="H616968" s="12"/>
    </row>
    <row r="616969" spans="8:8">
      <c r="H616969" s="12"/>
    </row>
    <row r="616970" spans="8:8">
      <c r="H616970" s="12"/>
    </row>
    <row r="616971" spans="8:8">
      <c r="H616971" s="12"/>
    </row>
    <row r="616972" spans="8:8">
      <c r="H616972" s="12"/>
    </row>
    <row r="616973" spans="8:8">
      <c r="H616973" s="12"/>
    </row>
    <row r="616974" spans="8:8">
      <c r="H616974" s="12"/>
    </row>
    <row r="616975" spans="8:8">
      <c r="H616975" s="12"/>
    </row>
    <row r="616976" spans="8:8">
      <c r="H616976" s="12"/>
    </row>
    <row r="616977" spans="8:8">
      <c r="H616977" s="12"/>
    </row>
    <row r="616978" spans="8:8">
      <c r="H616978" s="12"/>
    </row>
    <row r="616979" spans="8:8">
      <c r="H616979" s="12"/>
    </row>
    <row r="616980" spans="8:8">
      <c r="H616980" s="12"/>
    </row>
    <row r="616981" spans="8:8">
      <c r="H616981" s="12"/>
    </row>
    <row r="616982" spans="8:8">
      <c r="H616982" s="12"/>
    </row>
    <row r="616983" spans="8:8">
      <c r="H616983" s="12"/>
    </row>
    <row r="616984" spans="8:8">
      <c r="H616984" s="12"/>
    </row>
    <row r="616985" spans="8:8">
      <c r="H616985" s="12"/>
    </row>
    <row r="616986" spans="8:8">
      <c r="H616986" s="12"/>
    </row>
    <row r="616987" spans="8:8">
      <c r="H616987" s="12"/>
    </row>
    <row r="616988" spans="8:8">
      <c r="H616988" s="12"/>
    </row>
    <row r="616989" spans="8:8">
      <c r="H616989" s="12"/>
    </row>
    <row r="616990" spans="8:8">
      <c r="H616990" s="12"/>
    </row>
    <row r="616991" spans="8:8">
      <c r="H616991" s="12"/>
    </row>
    <row r="616992" spans="8:8">
      <c r="H616992" s="12"/>
    </row>
    <row r="616993" spans="8:8">
      <c r="H616993" s="12"/>
    </row>
    <row r="616994" spans="8:8">
      <c r="H616994" s="12"/>
    </row>
    <row r="616995" spans="8:8">
      <c r="H616995" s="12"/>
    </row>
    <row r="616996" spans="8:8">
      <c r="H616996" s="12"/>
    </row>
    <row r="616997" spans="8:8">
      <c r="H616997" s="12"/>
    </row>
    <row r="616998" spans="8:8">
      <c r="H616998" s="12"/>
    </row>
    <row r="616999" spans="8:8">
      <c r="H616999" s="12"/>
    </row>
    <row r="617000" spans="8:8">
      <c r="H617000" s="12"/>
    </row>
    <row r="617001" spans="8:8">
      <c r="H617001" s="12"/>
    </row>
    <row r="617002" spans="8:8">
      <c r="H617002" s="12"/>
    </row>
    <row r="617003" spans="8:8">
      <c r="H617003" s="12"/>
    </row>
    <row r="617004" spans="8:8">
      <c r="H617004" s="12"/>
    </row>
    <row r="617005" spans="8:8">
      <c r="H617005" s="12"/>
    </row>
    <row r="617006" spans="8:8">
      <c r="H617006" s="12"/>
    </row>
    <row r="617007" spans="8:8">
      <c r="H617007" s="12"/>
    </row>
    <row r="617008" spans="8:8">
      <c r="H617008" s="12"/>
    </row>
    <row r="617009" spans="8:8">
      <c r="H617009" s="12"/>
    </row>
    <row r="617010" spans="8:8">
      <c r="H617010" s="12"/>
    </row>
    <row r="617011" spans="8:8">
      <c r="H617011" s="12"/>
    </row>
    <row r="617012" spans="8:8">
      <c r="H617012" s="12"/>
    </row>
    <row r="617013" spans="8:8">
      <c r="H617013" s="12"/>
    </row>
    <row r="617014" spans="8:8">
      <c r="H617014" s="12"/>
    </row>
    <row r="617015" spans="8:8">
      <c r="H617015" s="12"/>
    </row>
    <row r="617016" spans="8:8">
      <c r="H617016" s="12"/>
    </row>
    <row r="617017" spans="8:8">
      <c r="H617017" s="12"/>
    </row>
    <row r="617018" spans="8:8">
      <c r="H617018" s="12"/>
    </row>
    <row r="617019" spans="8:8">
      <c r="H617019" s="12"/>
    </row>
    <row r="617020" spans="8:8">
      <c r="H617020" s="12"/>
    </row>
    <row r="617021" spans="8:8">
      <c r="H617021" s="12"/>
    </row>
    <row r="617022" spans="8:8">
      <c r="H617022" s="12"/>
    </row>
    <row r="617023" spans="8:8">
      <c r="H617023" s="12"/>
    </row>
    <row r="617024" spans="8:8">
      <c r="H617024" s="12"/>
    </row>
    <row r="617025" spans="8:8">
      <c r="H617025" s="12"/>
    </row>
    <row r="617026" spans="8:8">
      <c r="H617026" s="12"/>
    </row>
    <row r="617027" spans="8:8">
      <c r="H617027" s="12"/>
    </row>
    <row r="617028" spans="8:8">
      <c r="H617028" s="12"/>
    </row>
    <row r="617029" spans="8:8">
      <c r="H617029" s="12"/>
    </row>
    <row r="617030" spans="8:8">
      <c r="H617030" s="12"/>
    </row>
    <row r="617031" spans="8:8">
      <c r="H617031" s="12"/>
    </row>
    <row r="617032" spans="8:8">
      <c r="H617032" s="12"/>
    </row>
    <row r="617033" spans="8:8">
      <c r="H617033" s="12"/>
    </row>
    <row r="617034" spans="8:8">
      <c r="H617034" s="12"/>
    </row>
    <row r="617035" spans="8:8">
      <c r="H617035" s="12"/>
    </row>
    <row r="617036" spans="8:8">
      <c r="H617036" s="12"/>
    </row>
    <row r="617037" spans="8:8">
      <c r="H617037" s="12"/>
    </row>
    <row r="617038" spans="8:8">
      <c r="H617038" s="12"/>
    </row>
    <row r="617039" spans="8:8">
      <c r="H617039" s="12"/>
    </row>
    <row r="617040" spans="8:8">
      <c r="H617040" s="12"/>
    </row>
    <row r="617041" spans="8:8">
      <c r="H617041" s="12"/>
    </row>
    <row r="617042" spans="8:8">
      <c r="H617042" s="12"/>
    </row>
    <row r="617043" spans="8:8">
      <c r="H617043" s="12"/>
    </row>
    <row r="617044" spans="8:8">
      <c r="H617044" s="12"/>
    </row>
    <row r="617045" spans="8:8">
      <c r="H617045" s="12"/>
    </row>
    <row r="617046" spans="8:8">
      <c r="H617046" s="12"/>
    </row>
    <row r="617047" spans="8:8">
      <c r="H617047" s="12"/>
    </row>
    <row r="617048" spans="8:8">
      <c r="H617048" s="12"/>
    </row>
    <row r="617049" spans="8:8">
      <c r="H617049" s="12"/>
    </row>
    <row r="617050" spans="8:8">
      <c r="H617050" s="12"/>
    </row>
    <row r="617051" spans="8:8">
      <c r="H617051" s="12"/>
    </row>
    <row r="617052" spans="8:8">
      <c r="H617052" s="12"/>
    </row>
    <row r="617053" spans="8:8">
      <c r="H617053" s="12"/>
    </row>
    <row r="617054" spans="8:8">
      <c r="H617054" s="12"/>
    </row>
    <row r="617055" spans="8:8">
      <c r="H617055" s="12"/>
    </row>
    <row r="617056" spans="8:8">
      <c r="H617056" s="12"/>
    </row>
    <row r="617057" spans="8:8">
      <c r="H617057" s="12"/>
    </row>
    <row r="617058" spans="8:8">
      <c r="H617058" s="12"/>
    </row>
    <row r="617059" spans="8:8">
      <c r="H617059" s="12"/>
    </row>
    <row r="617060" spans="8:8">
      <c r="H617060" s="12"/>
    </row>
    <row r="617061" spans="8:8">
      <c r="H617061" s="12"/>
    </row>
    <row r="617062" spans="8:8">
      <c r="H617062" s="12"/>
    </row>
    <row r="617063" spans="8:8">
      <c r="H617063" s="12"/>
    </row>
    <row r="617064" spans="8:8">
      <c r="H617064" s="12"/>
    </row>
    <row r="617065" spans="8:8">
      <c r="H617065" s="12"/>
    </row>
    <row r="617066" spans="8:8">
      <c r="H617066" s="12"/>
    </row>
    <row r="617067" spans="8:8">
      <c r="H617067" s="12"/>
    </row>
    <row r="617068" spans="8:8">
      <c r="H617068" s="12"/>
    </row>
    <row r="617069" spans="8:8">
      <c r="H617069" s="12"/>
    </row>
    <row r="617070" spans="8:8">
      <c r="H617070" s="12"/>
    </row>
    <row r="617071" spans="8:8">
      <c r="H617071" s="12"/>
    </row>
    <row r="617072" spans="8:8">
      <c r="H617072" s="12"/>
    </row>
    <row r="617073" spans="8:8">
      <c r="H617073" s="12"/>
    </row>
    <row r="617074" spans="8:8">
      <c r="H617074" s="12"/>
    </row>
    <row r="617075" spans="8:8">
      <c r="H617075" s="12"/>
    </row>
    <row r="617076" spans="8:8">
      <c r="H617076" s="12"/>
    </row>
    <row r="617077" spans="8:8">
      <c r="H617077" s="12"/>
    </row>
    <row r="617078" spans="8:8">
      <c r="H617078" s="12"/>
    </row>
    <row r="617079" spans="8:8">
      <c r="H617079" s="12"/>
    </row>
    <row r="617080" spans="8:8">
      <c r="H617080" s="12"/>
    </row>
    <row r="617081" spans="8:8">
      <c r="H617081" s="12"/>
    </row>
    <row r="617082" spans="8:8">
      <c r="H617082" s="12"/>
    </row>
    <row r="617083" spans="8:8">
      <c r="H617083" s="12"/>
    </row>
    <row r="617084" spans="8:8">
      <c r="H617084" s="12"/>
    </row>
    <row r="617085" spans="8:8">
      <c r="H617085" s="12"/>
    </row>
    <row r="617086" spans="8:8">
      <c r="H617086" s="12"/>
    </row>
    <row r="617087" spans="8:8">
      <c r="H617087" s="12"/>
    </row>
    <row r="617088" spans="8:8">
      <c r="H617088" s="12"/>
    </row>
    <row r="617089" spans="8:8">
      <c r="H617089" s="12"/>
    </row>
    <row r="617090" spans="8:8">
      <c r="H617090" s="12"/>
    </row>
    <row r="617091" spans="8:8">
      <c r="H617091" s="12"/>
    </row>
    <row r="617092" spans="8:8">
      <c r="H617092" s="12"/>
    </row>
    <row r="617093" spans="8:8">
      <c r="H617093" s="12"/>
    </row>
    <row r="617094" spans="8:8">
      <c r="H617094" s="12"/>
    </row>
    <row r="617095" spans="8:8">
      <c r="H617095" s="12"/>
    </row>
    <row r="617096" spans="8:8">
      <c r="H617096" s="12"/>
    </row>
    <row r="617097" spans="8:8">
      <c r="H617097" s="12"/>
    </row>
    <row r="617098" spans="8:8">
      <c r="H617098" s="12"/>
    </row>
    <row r="617099" spans="8:8">
      <c r="H617099" s="12"/>
    </row>
    <row r="617100" spans="8:8">
      <c r="H617100" s="12"/>
    </row>
    <row r="617101" spans="8:8">
      <c r="H617101" s="12"/>
    </row>
    <row r="617102" spans="8:8">
      <c r="H617102" s="12"/>
    </row>
    <row r="617103" spans="8:8">
      <c r="H617103" s="12"/>
    </row>
    <row r="617104" spans="8:8">
      <c r="H617104" s="12"/>
    </row>
    <row r="617105" spans="8:8">
      <c r="H617105" s="12"/>
    </row>
    <row r="617106" spans="8:8">
      <c r="H617106" s="12"/>
    </row>
    <row r="617107" spans="8:8">
      <c r="H617107" s="12"/>
    </row>
    <row r="617108" spans="8:8">
      <c r="H617108" s="12"/>
    </row>
    <row r="617109" spans="8:8">
      <c r="H617109" s="12"/>
    </row>
    <row r="617110" spans="8:8">
      <c r="H617110" s="12"/>
    </row>
    <row r="617111" spans="8:8">
      <c r="H617111" s="12"/>
    </row>
    <row r="617112" spans="8:8">
      <c r="H617112" s="12"/>
    </row>
    <row r="617113" spans="8:8">
      <c r="H617113" s="12"/>
    </row>
    <row r="617114" spans="8:8">
      <c r="H617114" s="12"/>
    </row>
    <row r="617115" spans="8:8">
      <c r="H617115" s="12"/>
    </row>
    <row r="617116" spans="8:8">
      <c r="H617116" s="12"/>
    </row>
    <row r="617117" spans="8:8">
      <c r="H617117" s="12"/>
    </row>
    <row r="617118" spans="8:8">
      <c r="H617118" s="12"/>
    </row>
    <row r="617119" spans="8:8">
      <c r="H617119" s="12"/>
    </row>
    <row r="617120" spans="8:8">
      <c r="H617120" s="12"/>
    </row>
    <row r="617121" spans="8:8">
      <c r="H617121" s="12"/>
    </row>
    <row r="617122" spans="8:8">
      <c r="H617122" s="12"/>
    </row>
    <row r="617123" spans="8:8">
      <c r="H617123" s="12"/>
    </row>
    <row r="617124" spans="8:8">
      <c r="H617124" s="12"/>
    </row>
    <row r="617125" spans="8:8">
      <c r="H617125" s="12"/>
    </row>
    <row r="617126" spans="8:8">
      <c r="H617126" s="12"/>
    </row>
    <row r="617127" spans="8:8">
      <c r="H617127" s="12"/>
    </row>
    <row r="617128" spans="8:8">
      <c r="H617128" s="12"/>
    </row>
    <row r="617129" spans="8:8">
      <c r="H617129" s="12"/>
    </row>
    <row r="617130" spans="8:8">
      <c r="H617130" s="12"/>
    </row>
    <row r="617131" spans="8:8">
      <c r="H617131" s="12"/>
    </row>
    <row r="617132" spans="8:8">
      <c r="H617132" s="12"/>
    </row>
    <row r="617133" spans="8:8">
      <c r="H617133" s="12"/>
    </row>
    <row r="617134" spans="8:8">
      <c r="H617134" s="12"/>
    </row>
    <row r="617135" spans="8:8">
      <c r="H617135" s="12"/>
    </row>
    <row r="617136" spans="8:8">
      <c r="H617136" s="12"/>
    </row>
    <row r="617137" spans="8:8">
      <c r="H617137" s="12"/>
    </row>
    <row r="617138" spans="8:8">
      <c r="H617138" s="12"/>
    </row>
    <row r="617139" spans="8:8">
      <c r="H617139" s="12"/>
    </row>
    <row r="617140" spans="8:8">
      <c r="H617140" s="12"/>
    </row>
    <row r="617141" spans="8:8">
      <c r="H617141" s="12"/>
    </row>
    <row r="617142" spans="8:8">
      <c r="H617142" s="12"/>
    </row>
    <row r="617143" spans="8:8">
      <c r="H617143" s="12"/>
    </row>
    <row r="617144" spans="8:8">
      <c r="H617144" s="12"/>
    </row>
    <row r="617145" spans="8:8">
      <c r="H617145" s="12"/>
    </row>
    <row r="617146" spans="8:8">
      <c r="H617146" s="12"/>
    </row>
    <row r="617147" spans="8:8">
      <c r="H617147" s="12"/>
    </row>
    <row r="617148" spans="8:8">
      <c r="H617148" s="12"/>
    </row>
    <row r="617149" spans="8:8">
      <c r="H617149" s="12"/>
    </row>
    <row r="617150" spans="8:8">
      <c r="H617150" s="12"/>
    </row>
    <row r="617151" spans="8:8">
      <c r="H617151" s="12"/>
    </row>
    <row r="617152" spans="8:8">
      <c r="H617152" s="12"/>
    </row>
    <row r="617153" spans="8:8">
      <c r="H617153" s="12"/>
    </row>
    <row r="617154" spans="8:8">
      <c r="H617154" s="12"/>
    </row>
    <row r="617155" spans="8:8">
      <c r="H617155" s="12"/>
    </row>
    <row r="617156" spans="8:8">
      <c r="H617156" s="12"/>
    </row>
    <row r="617157" spans="8:8">
      <c r="H617157" s="12"/>
    </row>
    <row r="617158" spans="8:8">
      <c r="H617158" s="12"/>
    </row>
    <row r="617159" spans="8:8">
      <c r="H617159" s="12"/>
    </row>
    <row r="617160" spans="8:8">
      <c r="H617160" s="12"/>
    </row>
    <row r="617161" spans="8:8">
      <c r="H617161" s="12"/>
    </row>
    <row r="617162" spans="8:8">
      <c r="H617162" s="12"/>
    </row>
    <row r="617163" spans="8:8">
      <c r="H617163" s="12"/>
    </row>
    <row r="617164" spans="8:8">
      <c r="H617164" s="12"/>
    </row>
    <row r="617165" spans="8:8">
      <c r="H617165" s="12"/>
    </row>
    <row r="617166" spans="8:8">
      <c r="H617166" s="12"/>
    </row>
    <row r="617167" spans="8:8">
      <c r="H617167" s="12"/>
    </row>
    <row r="617168" spans="8:8">
      <c r="H617168" s="12"/>
    </row>
    <row r="617169" spans="8:8">
      <c r="H617169" s="12"/>
    </row>
    <row r="617170" spans="8:8">
      <c r="H617170" s="12"/>
    </row>
    <row r="617171" spans="8:8">
      <c r="H617171" s="12"/>
    </row>
    <row r="617172" spans="8:8">
      <c r="H617172" s="12"/>
    </row>
    <row r="617173" spans="8:8">
      <c r="H617173" s="12"/>
    </row>
    <row r="617174" spans="8:8">
      <c r="H617174" s="12"/>
    </row>
    <row r="617175" spans="8:8">
      <c r="H617175" s="12"/>
    </row>
    <row r="617176" spans="8:8">
      <c r="H617176" s="12"/>
    </row>
    <row r="617177" spans="8:8">
      <c r="H617177" s="12"/>
    </row>
    <row r="617178" spans="8:8">
      <c r="H617178" s="12"/>
    </row>
    <row r="617179" spans="8:8">
      <c r="H617179" s="12"/>
    </row>
    <row r="617180" spans="8:8">
      <c r="H617180" s="12"/>
    </row>
    <row r="617181" spans="8:8">
      <c r="H617181" s="12"/>
    </row>
    <row r="617182" spans="8:8">
      <c r="H617182" s="12"/>
    </row>
    <row r="617183" spans="8:8">
      <c r="H617183" s="12"/>
    </row>
    <row r="617184" spans="8:8">
      <c r="H617184" s="12"/>
    </row>
    <row r="617185" spans="8:8">
      <c r="H617185" s="12"/>
    </row>
    <row r="617186" spans="8:8">
      <c r="H617186" s="12"/>
    </row>
    <row r="617187" spans="8:8">
      <c r="H617187" s="12"/>
    </row>
    <row r="617188" spans="8:8">
      <c r="H617188" s="12"/>
    </row>
    <row r="617189" spans="8:8">
      <c r="H617189" s="12"/>
    </row>
    <row r="617190" spans="8:8">
      <c r="H617190" s="12"/>
    </row>
    <row r="617191" spans="8:8">
      <c r="H617191" s="12"/>
    </row>
    <row r="617192" spans="8:8">
      <c r="H617192" s="12"/>
    </row>
    <row r="617193" spans="8:8">
      <c r="H617193" s="12"/>
    </row>
    <row r="617194" spans="8:8">
      <c r="H617194" s="12"/>
    </row>
    <row r="617195" spans="8:8">
      <c r="H617195" s="12"/>
    </row>
    <row r="617196" spans="8:8">
      <c r="H617196" s="12"/>
    </row>
    <row r="617197" spans="8:8">
      <c r="H617197" s="12"/>
    </row>
    <row r="617198" spans="8:8">
      <c r="H617198" s="12"/>
    </row>
    <row r="617199" spans="8:8">
      <c r="H617199" s="12"/>
    </row>
    <row r="617200" spans="8:8">
      <c r="H617200" s="12"/>
    </row>
    <row r="617201" spans="8:8">
      <c r="H617201" s="12"/>
    </row>
    <row r="617202" spans="8:8">
      <c r="H617202" s="12"/>
    </row>
    <row r="617203" spans="8:8">
      <c r="H617203" s="12"/>
    </row>
    <row r="617204" spans="8:8">
      <c r="H617204" s="12"/>
    </row>
    <row r="617205" spans="8:8">
      <c r="H617205" s="12"/>
    </row>
    <row r="617206" spans="8:8">
      <c r="H617206" s="12"/>
    </row>
    <row r="617207" spans="8:8">
      <c r="H617207" s="12"/>
    </row>
    <row r="617208" spans="8:8">
      <c r="H617208" s="12"/>
    </row>
    <row r="617209" spans="8:8">
      <c r="H617209" s="12"/>
    </row>
    <row r="617210" spans="8:8">
      <c r="H617210" s="12"/>
    </row>
    <row r="617211" spans="8:8">
      <c r="H617211" s="12"/>
    </row>
    <row r="617212" spans="8:8">
      <c r="H617212" s="12"/>
    </row>
    <row r="617213" spans="8:8">
      <c r="H617213" s="12"/>
    </row>
    <row r="617214" spans="8:8">
      <c r="H617214" s="12"/>
    </row>
    <row r="617215" spans="8:8">
      <c r="H617215" s="12"/>
    </row>
    <row r="617216" spans="8:8">
      <c r="H617216" s="12"/>
    </row>
    <row r="617217" spans="8:8">
      <c r="H617217" s="12"/>
    </row>
    <row r="617218" spans="8:8">
      <c r="H617218" s="12"/>
    </row>
    <row r="617219" spans="8:8">
      <c r="H617219" s="12"/>
    </row>
    <row r="617220" spans="8:8">
      <c r="H617220" s="12"/>
    </row>
    <row r="617221" spans="8:8">
      <c r="H617221" s="12"/>
    </row>
    <row r="617222" spans="8:8">
      <c r="H617222" s="12"/>
    </row>
    <row r="617223" spans="8:8">
      <c r="H617223" s="12"/>
    </row>
    <row r="617224" spans="8:8">
      <c r="H617224" s="12"/>
    </row>
    <row r="617225" spans="8:8">
      <c r="H617225" s="12"/>
    </row>
    <row r="617226" spans="8:8">
      <c r="H617226" s="12"/>
    </row>
    <row r="617227" spans="8:8">
      <c r="H617227" s="12"/>
    </row>
    <row r="617228" spans="8:8">
      <c r="H617228" s="12"/>
    </row>
    <row r="617229" spans="8:8">
      <c r="H617229" s="12"/>
    </row>
    <row r="617230" spans="8:8">
      <c r="H617230" s="12"/>
    </row>
    <row r="617231" spans="8:8">
      <c r="H617231" s="12"/>
    </row>
    <row r="617232" spans="8:8">
      <c r="H617232" s="12"/>
    </row>
    <row r="617233" spans="8:8">
      <c r="H617233" s="12"/>
    </row>
    <row r="617234" spans="8:8">
      <c r="H617234" s="12"/>
    </row>
    <row r="617235" spans="8:8">
      <c r="H617235" s="12"/>
    </row>
    <row r="617236" spans="8:8">
      <c r="H617236" s="12"/>
    </row>
    <row r="617237" spans="8:8">
      <c r="H617237" s="12"/>
    </row>
    <row r="617238" spans="8:8">
      <c r="H617238" s="12"/>
    </row>
    <row r="617239" spans="8:8">
      <c r="H617239" s="12"/>
    </row>
    <row r="617240" spans="8:8">
      <c r="H617240" s="12"/>
    </row>
    <row r="617241" spans="8:8">
      <c r="H617241" s="12"/>
    </row>
    <row r="617242" spans="8:8">
      <c r="H617242" s="12"/>
    </row>
    <row r="617243" spans="8:8">
      <c r="H617243" s="12"/>
    </row>
    <row r="617244" spans="8:8">
      <c r="H617244" s="12"/>
    </row>
    <row r="617245" spans="8:8">
      <c r="H617245" s="12"/>
    </row>
    <row r="617246" spans="8:8">
      <c r="H617246" s="12"/>
    </row>
    <row r="617247" spans="8:8">
      <c r="H617247" s="12"/>
    </row>
    <row r="617248" spans="8:8">
      <c r="H617248" s="12"/>
    </row>
    <row r="617249" spans="8:8">
      <c r="H617249" s="12"/>
    </row>
    <row r="617250" spans="8:8">
      <c r="H617250" s="12"/>
    </row>
    <row r="617251" spans="8:8">
      <c r="H617251" s="12"/>
    </row>
    <row r="617252" spans="8:8">
      <c r="H617252" s="12"/>
    </row>
    <row r="617253" spans="8:8">
      <c r="H617253" s="12"/>
    </row>
    <row r="617254" spans="8:8">
      <c r="H617254" s="12"/>
    </row>
    <row r="617255" spans="8:8">
      <c r="H617255" s="12"/>
    </row>
    <row r="617256" spans="8:8">
      <c r="H617256" s="12"/>
    </row>
    <row r="617257" spans="8:8">
      <c r="H617257" s="12"/>
    </row>
    <row r="617258" spans="8:8">
      <c r="H617258" s="12"/>
    </row>
    <row r="617259" spans="8:8">
      <c r="H617259" s="12"/>
    </row>
    <row r="617260" spans="8:8">
      <c r="H617260" s="12"/>
    </row>
    <row r="617261" spans="8:8">
      <c r="H617261" s="12"/>
    </row>
    <row r="617262" spans="8:8">
      <c r="H617262" s="12"/>
    </row>
    <row r="617263" spans="8:8">
      <c r="H617263" s="12"/>
    </row>
    <row r="617264" spans="8:8">
      <c r="H617264" s="12"/>
    </row>
    <row r="617265" spans="8:8">
      <c r="H617265" s="12"/>
    </row>
    <row r="617266" spans="8:8">
      <c r="H617266" s="12"/>
    </row>
    <row r="617267" spans="8:8">
      <c r="H617267" s="12"/>
    </row>
    <row r="617268" spans="8:8">
      <c r="H617268" s="12"/>
    </row>
    <row r="617269" spans="8:8">
      <c r="H617269" s="12"/>
    </row>
    <row r="617270" spans="8:8">
      <c r="H617270" s="12"/>
    </row>
    <row r="617271" spans="8:8">
      <c r="H617271" s="12"/>
    </row>
    <row r="617272" spans="8:8">
      <c r="H617272" s="12"/>
    </row>
    <row r="617273" spans="8:8">
      <c r="H617273" s="12"/>
    </row>
    <row r="617274" spans="8:8">
      <c r="H617274" s="12"/>
    </row>
    <row r="617275" spans="8:8">
      <c r="H617275" s="12"/>
    </row>
    <row r="617276" spans="8:8">
      <c r="H617276" s="12"/>
    </row>
    <row r="617277" spans="8:8">
      <c r="H617277" s="12"/>
    </row>
    <row r="617278" spans="8:8">
      <c r="H617278" s="12"/>
    </row>
    <row r="617279" spans="8:8">
      <c r="H617279" s="12"/>
    </row>
    <row r="617280" spans="8:8">
      <c r="H617280" s="12"/>
    </row>
    <row r="617281" spans="8:8">
      <c r="H617281" s="12"/>
    </row>
    <row r="617282" spans="8:8">
      <c r="H617282" s="12"/>
    </row>
    <row r="617283" spans="8:8">
      <c r="H617283" s="12"/>
    </row>
    <row r="617284" spans="8:8">
      <c r="H617284" s="12"/>
    </row>
    <row r="617285" spans="8:8">
      <c r="H617285" s="12"/>
    </row>
    <row r="617286" spans="8:8">
      <c r="H617286" s="12"/>
    </row>
    <row r="617287" spans="8:8">
      <c r="H617287" s="12"/>
    </row>
    <row r="617288" spans="8:8">
      <c r="H617288" s="12"/>
    </row>
    <row r="617289" spans="8:8">
      <c r="H617289" s="12"/>
    </row>
    <row r="617290" spans="8:8">
      <c r="H617290" s="12"/>
    </row>
    <row r="617291" spans="8:8">
      <c r="H617291" s="12"/>
    </row>
    <row r="617292" spans="8:8">
      <c r="H617292" s="12"/>
    </row>
    <row r="617293" spans="8:8">
      <c r="H617293" s="12"/>
    </row>
    <row r="617294" spans="8:8">
      <c r="H617294" s="12"/>
    </row>
    <row r="617295" spans="8:8">
      <c r="H617295" s="12"/>
    </row>
    <row r="617296" spans="8:8">
      <c r="H617296" s="12"/>
    </row>
    <row r="617297" spans="8:8">
      <c r="H617297" s="12"/>
    </row>
    <row r="617298" spans="8:8">
      <c r="H617298" s="12"/>
    </row>
    <row r="617299" spans="8:8">
      <c r="H617299" s="12"/>
    </row>
    <row r="617300" spans="8:8">
      <c r="H617300" s="12"/>
    </row>
    <row r="617301" spans="8:8">
      <c r="H617301" s="12"/>
    </row>
    <row r="617302" spans="8:8">
      <c r="H617302" s="12"/>
    </row>
    <row r="617303" spans="8:8">
      <c r="H617303" s="12"/>
    </row>
    <row r="617304" spans="8:8">
      <c r="H617304" s="12"/>
    </row>
    <row r="617305" spans="8:8">
      <c r="H617305" s="12"/>
    </row>
    <row r="617306" spans="8:8">
      <c r="H617306" s="12"/>
    </row>
    <row r="617307" spans="8:8">
      <c r="H617307" s="12"/>
    </row>
    <row r="617308" spans="8:8">
      <c r="H617308" s="12"/>
    </row>
    <row r="617309" spans="8:8">
      <c r="H617309" s="12"/>
    </row>
    <row r="617310" spans="8:8">
      <c r="H617310" s="12"/>
    </row>
    <row r="617311" spans="8:8">
      <c r="H617311" s="12"/>
    </row>
    <row r="617312" spans="8:8">
      <c r="H617312" s="12"/>
    </row>
    <row r="617313" spans="8:8">
      <c r="H617313" s="12"/>
    </row>
    <row r="617314" spans="8:8">
      <c r="H617314" s="12"/>
    </row>
    <row r="617315" spans="8:8">
      <c r="H617315" s="12"/>
    </row>
    <row r="617316" spans="8:8">
      <c r="H617316" s="12"/>
    </row>
    <row r="617317" spans="8:8">
      <c r="H617317" s="12"/>
    </row>
    <row r="617318" spans="8:8">
      <c r="H617318" s="12"/>
    </row>
    <row r="617319" spans="8:8">
      <c r="H617319" s="12"/>
    </row>
    <row r="617320" spans="8:8">
      <c r="H617320" s="12"/>
    </row>
    <row r="617321" spans="8:8">
      <c r="H617321" s="12"/>
    </row>
    <row r="617322" spans="8:8">
      <c r="H617322" s="12"/>
    </row>
    <row r="617323" spans="8:8">
      <c r="H617323" s="12"/>
    </row>
    <row r="617324" spans="8:8">
      <c r="H617324" s="12"/>
    </row>
    <row r="617325" spans="8:8">
      <c r="H617325" s="12"/>
    </row>
    <row r="617326" spans="8:8">
      <c r="H617326" s="12"/>
    </row>
    <row r="617327" spans="8:8">
      <c r="H617327" s="12"/>
    </row>
    <row r="617328" spans="8:8">
      <c r="H617328" s="12"/>
    </row>
    <row r="617329" spans="8:8">
      <c r="H617329" s="12"/>
    </row>
    <row r="617330" spans="8:8">
      <c r="H617330" s="12"/>
    </row>
    <row r="617331" spans="8:8">
      <c r="H617331" s="12"/>
    </row>
    <row r="617332" spans="8:8">
      <c r="H617332" s="12"/>
    </row>
    <row r="617333" spans="8:8">
      <c r="H617333" s="12"/>
    </row>
    <row r="617334" spans="8:8">
      <c r="H617334" s="12"/>
    </row>
    <row r="617335" spans="8:8">
      <c r="H617335" s="12"/>
    </row>
    <row r="617336" spans="8:8">
      <c r="H617336" s="12"/>
    </row>
    <row r="617337" spans="8:8">
      <c r="H617337" s="12"/>
    </row>
    <row r="617338" spans="8:8">
      <c r="H617338" s="12"/>
    </row>
    <row r="617339" spans="8:8">
      <c r="H617339" s="12"/>
    </row>
    <row r="617340" spans="8:8">
      <c r="H617340" s="12"/>
    </row>
    <row r="617341" spans="8:8">
      <c r="H617341" s="12"/>
    </row>
    <row r="617342" spans="8:8">
      <c r="H617342" s="12"/>
    </row>
    <row r="617343" spans="8:8">
      <c r="H617343" s="12"/>
    </row>
    <row r="617344" spans="8:8">
      <c r="H617344" s="12"/>
    </row>
    <row r="617345" spans="8:8">
      <c r="H617345" s="12"/>
    </row>
    <row r="617346" spans="8:8">
      <c r="H617346" s="12"/>
    </row>
    <row r="617347" spans="8:8">
      <c r="H617347" s="12"/>
    </row>
    <row r="617348" spans="8:8">
      <c r="H617348" s="12"/>
    </row>
    <row r="617349" spans="8:8">
      <c r="H617349" s="12"/>
    </row>
    <row r="617350" spans="8:8">
      <c r="H617350" s="12"/>
    </row>
    <row r="617351" spans="8:8">
      <c r="H617351" s="12"/>
    </row>
    <row r="617352" spans="8:8">
      <c r="H617352" s="12"/>
    </row>
    <row r="617353" spans="8:8">
      <c r="H617353" s="12"/>
    </row>
    <row r="617354" spans="8:8">
      <c r="H617354" s="12"/>
    </row>
    <row r="617355" spans="8:8">
      <c r="H617355" s="12"/>
    </row>
    <row r="617356" spans="8:8">
      <c r="H617356" s="12"/>
    </row>
    <row r="617357" spans="8:8">
      <c r="H617357" s="12"/>
    </row>
    <row r="617358" spans="8:8">
      <c r="H617358" s="12"/>
    </row>
    <row r="617359" spans="8:8">
      <c r="H617359" s="12"/>
    </row>
    <row r="617360" spans="8:8">
      <c r="H617360" s="12"/>
    </row>
    <row r="617361" spans="8:8">
      <c r="H617361" s="12"/>
    </row>
    <row r="617362" spans="8:8">
      <c r="H617362" s="12"/>
    </row>
    <row r="617363" spans="8:8">
      <c r="H617363" s="12"/>
    </row>
    <row r="617364" spans="8:8">
      <c r="H617364" s="12"/>
    </row>
    <row r="617365" spans="8:8">
      <c r="H617365" s="12"/>
    </row>
    <row r="617366" spans="8:8">
      <c r="H617366" s="12"/>
    </row>
    <row r="617367" spans="8:8">
      <c r="H617367" s="12"/>
    </row>
    <row r="617368" spans="8:8">
      <c r="H617368" s="12"/>
    </row>
    <row r="617369" spans="8:8">
      <c r="H617369" s="12"/>
    </row>
    <row r="617370" spans="8:8">
      <c r="H617370" s="12"/>
    </row>
    <row r="617371" spans="8:8">
      <c r="H617371" s="12"/>
    </row>
    <row r="617372" spans="8:8">
      <c r="H617372" s="12"/>
    </row>
    <row r="617373" spans="8:8">
      <c r="H617373" s="12"/>
    </row>
    <row r="617374" spans="8:8">
      <c r="H617374" s="12"/>
    </row>
    <row r="617375" spans="8:8">
      <c r="H617375" s="12"/>
    </row>
    <row r="617376" spans="8:8">
      <c r="H617376" s="12"/>
    </row>
    <row r="617377" spans="8:8">
      <c r="H617377" s="12"/>
    </row>
    <row r="617378" spans="8:8">
      <c r="H617378" s="12"/>
    </row>
    <row r="617379" spans="8:8">
      <c r="H617379" s="12"/>
    </row>
    <row r="617380" spans="8:8">
      <c r="H617380" s="12"/>
    </row>
    <row r="617381" spans="8:8">
      <c r="H617381" s="12"/>
    </row>
    <row r="617382" spans="8:8">
      <c r="H617382" s="12"/>
    </row>
    <row r="617383" spans="8:8">
      <c r="H617383" s="12"/>
    </row>
    <row r="617384" spans="8:8">
      <c r="H617384" s="12"/>
    </row>
    <row r="617385" spans="8:8">
      <c r="H617385" s="12"/>
    </row>
    <row r="617386" spans="8:8">
      <c r="H617386" s="12"/>
    </row>
    <row r="617387" spans="8:8">
      <c r="H617387" s="12"/>
    </row>
    <row r="617388" spans="8:8">
      <c r="H617388" s="12"/>
    </row>
    <row r="617389" spans="8:8">
      <c r="H617389" s="12"/>
    </row>
    <row r="617390" spans="8:8">
      <c r="H617390" s="12"/>
    </row>
    <row r="617391" spans="8:8">
      <c r="H617391" s="12"/>
    </row>
    <row r="617392" spans="8:8">
      <c r="H617392" s="12"/>
    </row>
    <row r="617393" spans="8:8">
      <c r="H617393" s="12"/>
    </row>
    <row r="617394" spans="8:8">
      <c r="H617394" s="12"/>
    </row>
    <row r="617395" spans="8:8">
      <c r="H617395" s="12"/>
    </row>
    <row r="617396" spans="8:8">
      <c r="H617396" s="12"/>
    </row>
    <row r="617397" spans="8:8">
      <c r="H617397" s="12"/>
    </row>
    <row r="617398" spans="8:8">
      <c r="H617398" s="12"/>
    </row>
    <row r="617399" spans="8:8">
      <c r="H617399" s="12"/>
    </row>
    <row r="617400" spans="8:8">
      <c r="H617400" s="12"/>
    </row>
    <row r="617401" spans="8:8">
      <c r="H617401" s="12"/>
    </row>
    <row r="617402" spans="8:8">
      <c r="H617402" s="12"/>
    </row>
    <row r="617403" spans="8:8">
      <c r="H617403" s="12"/>
    </row>
    <row r="617404" spans="8:8">
      <c r="H617404" s="12"/>
    </row>
    <row r="617405" spans="8:8">
      <c r="H617405" s="12"/>
    </row>
    <row r="617406" spans="8:8">
      <c r="H617406" s="12"/>
    </row>
    <row r="617407" spans="8:8">
      <c r="H617407" s="12"/>
    </row>
    <row r="617408" spans="8:8">
      <c r="H617408" s="12"/>
    </row>
    <row r="617409" spans="8:8">
      <c r="H617409" s="12"/>
    </row>
    <row r="617410" spans="8:8">
      <c r="H617410" s="12"/>
    </row>
    <row r="617411" spans="8:8">
      <c r="H617411" s="12"/>
    </row>
    <row r="617412" spans="8:8">
      <c r="H617412" s="12"/>
    </row>
    <row r="617413" spans="8:8">
      <c r="H617413" s="12"/>
    </row>
    <row r="617414" spans="8:8">
      <c r="H617414" s="12"/>
    </row>
    <row r="617415" spans="8:8">
      <c r="H617415" s="12"/>
    </row>
    <row r="617416" spans="8:8">
      <c r="H617416" s="12"/>
    </row>
    <row r="617417" spans="8:8">
      <c r="H617417" s="12"/>
    </row>
    <row r="617418" spans="8:8">
      <c r="H617418" s="12"/>
    </row>
    <row r="617419" spans="8:8">
      <c r="H617419" s="12"/>
    </row>
    <row r="617420" spans="8:8">
      <c r="H617420" s="12"/>
    </row>
    <row r="617421" spans="8:8">
      <c r="H617421" s="12"/>
    </row>
    <row r="617422" spans="8:8">
      <c r="H617422" s="12"/>
    </row>
    <row r="617423" spans="8:8">
      <c r="H617423" s="12"/>
    </row>
    <row r="617424" spans="8:8">
      <c r="H617424" s="12"/>
    </row>
    <row r="617425" spans="8:8">
      <c r="H617425" s="12"/>
    </row>
    <row r="617426" spans="8:8">
      <c r="H617426" s="12"/>
    </row>
    <row r="617427" spans="8:8">
      <c r="H617427" s="12"/>
    </row>
    <row r="617428" spans="8:8">
      <c r="H617428" s="12"/>
    </row>
    <row r="617429" spans="8:8">
      <c r="H617429" s="12"/>
    </row>
    <row r="617430" spans="8:8">
      <c r="H617430" s="12"/>
    </row>
    <row r="617431" spans="8:8">
      <c r="H617431" s="12"/>
    </row>
    <row r="617432" spans="8:8">
      <c r="H617432" s="12"/>
    </row>
    <row r="617433" spans="8:8">
      <c r="H617433" s="12"/>
    </row>
    <row r="617434" spans="8:8">
      <c r="H617434" s="12"/>
    </row>
    <row r="617435" spans="8:8">
      <c r="H617435" s="12"/>
    </row>
    <row r="617436" spans="8:8">
      <c r="H617436" s="12"/>
    </row>
    <row r="617437" spans="8:8">
      <c r="H617437" s="12"/>
    </row>
    <row r="617438" spans="8:8">
      <c r="H617438" s="12"/>
    </row>
    <row r="617439" spans="8:8">
      <c r="H617439" s="12"/>
    </row>
    <row r="617440" spans="8:8">
      <c r="H617440" s="12"/>
    </row>
    <row r="617441" spans="8:8">
      <c r="H617441" s="12"/>
    </row>
    <row r="617442" spans="8:8">
      <c r="H617442" s="12"/>
    </row>
    <row r="617443" spans="8:8">
      <c r="H617443" s="12"/>
    </row>
    <row r="617444" spans="8:8">
      <c r="H617444" s="12"/>
    </row>
    <row r="617445" spans="8:8">
      <c r="H617445" s="12"/>
    </row>
    <row r="617446" spans="8:8">
      <c r="H617446" s="12"/>
    </row>
    <row r="617447" spans="8:8">
      <c r="H617447" s="12"/>
    </row>
    <row r="617448" spans="8:8">
      <c r="H617448" s="12"/>
    </row>
    <row r="617449" spans="8:8">
      <c r="H617449" s="12"/>
    </row>
    <row r="617450" spans="8:8">
      <c r="H617450" s="12"/>
    </row>
    <row r="617451" spans="8:8">
      <c r="H617451" s="12"/>
    </row>
    <row r="617452" spans="8:8">
      <c r="H617452" s="12"/>
    </row>
    <row r="617453" spans="8:8">
      <c r="H617453" s="12"/>
    </row>
    <row r="617454" spans="8:8">
      <c r="H617454" s="12"/>
    </row>
    <row r="617455" spans="8:8">
      <c r="H617455" s="12"/>
    </row>
    <row r="617456" spans="8:8">
      <c r="H617456" s="12"/>
    </row>
    <row r="617457" spans="8:8">
      <c r="H617457" s="12"/>
    </row>
    <row r="617458" spans="8:8">
      <c r="H617458" s="12"/>
    </row>
    <row r="617459" spans="8:8">
      <c r="H617459" s="12"/>
    </row>
    <row r="617460" spans="8:8">
      <c r="H617460" s="12"/>
    </row>
    <row r="617461" spans="8:8">
      <c r="H617461" s="12"/>
    </row>
    <row r="617462" spans="8:8">
      <c r="H617462" s="12"/>
    </row>
    <row r="617463" spans="8:8">
      <c r="H617463" s="12"/>
    </row>
    <row r="617464" spans="8:8">
      <c r="H617464" s="12"/>
    </row>
    <row r="617465" spans="8:8">
      <c r="H617465" s="12"/>
    </row>
    <row r="617466" spans="8:8">
      <c r="H617466" s="12"/>
    </row>
    <row r="617467" spans="8:8">
      <c r="H617467" s="12"/>
    </row>
    <row r="617468" spans="8:8">
      <c r="H617468" s="12"/>
    </row>
    <row r="617469" spans="8:8">
      <c r="H617469" s="12"/>
    </row>
    <row r="617470" spans="8:8">
      <c r="H617470" s="12"/>
    </row>
    <row r="617471" spans="8:8">
      <c r="H617471" s="12"/>
    </row>
    <row r="617472" spans="8:8">
      <c r="H617472" s="12"/>
    </row>
    <row r="617473" spans="8:8">
      <c r="H617473" s="12"/>
    </row>
    <row r="617474" spans="8:8">
      <c r="H617474" s="12"/>
    </row>
    <row r="617475" spans="8:8">
      <c r="H617475" s="12"/>
    </row>
    <row r="617476" spans="8:8">
      <c r="H617476" s="12"/>
    </row>
    <row r="617477" spans="8:8">
      <c r="H617477" s="12"/>
    </row>
    <row r="617478" spans="8:8">
      <c r="H617478" s="12"/>
    </row>
    <row r="617479" spans="8:8">
      <c r="H617479" s="12"/>
    </row>
    <row r="617480" spans="8:8">
      <c r="H617480" s="12"/>
    </row>
    <row r="617481" spans="8:8">
      <c r="H617481" s="12"/>
    </row>
    <row r="617482" spans="8:8">
      <c r="H617482" s="12"/>
    </row>
    <row r="617483" spans="8:8">
      <c r="H617483" s="12"/>
    </row>
    <row r="617484" spans="8:8">
      <c r="H617484" s="12"/>
    </row>
    <row r="617485" spans="8:8">
      <c r="H617485" s="12"/>
    </row>
    <row r="617486" spans="8:8">
      <c r="H617486" s="12"/>
    </row>
    <row r="617487" spans="8:8">
      <c r="H617487" s="12"/>
    </row>
    <row r="617488" spans="8:8">
      <c r="H617488" s="12"/>
    </row>
    <row r="617489" spans="8:8">
      <c r="H617489" s="12"/>
    </row>
    <row r="617490" spans="8:8">
      <c r="H617490" s="12"/>
    </row>
    <row r="617491" spans="8:8">
      <c r="H617491" s="12"/>
    </row>
    <row r="617492" spans="8:8">
      <c r="H617492" s="12"/>
    </row>
    <row r="617493" spans="8:8">
      <c r="H617493" s="12"/>
    </row>
    <row r="617494" spans="8:8">
      <c r="H617494" s="12"/>
    </row>
    <row r="617495" spans="8:8">
      <c r="H617495" s="12"/>
    </row>
    <row r="617496" spans="8:8">
      <c r="H617496" s="12"/>
    </row>
    <row r="617497" spans="8:8">
      <c r="H617497" s="12"/>
    </row>
    <row r="617498" spans="8:8">
      <c r="H617498" s="12"/>
    </row>
    <row r="617499" spans="8:8">
      <c r="H617499" s="12"/>
    </row>
    <row r="617500" spans="8:8">
      <c r="H617500" s="12"/>
    </row>
    <row r="617501" spans="8:8">
      <c r="H617501" s="12"/>
    </row>
    <row r="617502" spans="8:8">
      <c r="H617502" s="12"/>
    </row>
    <row r="617503" spans="8:8">
      <c r="H617503" s="12"/>
    </row>
    <row r="617504" spans="8:8">
      <c r="H617504" s="12"/>
    </row>
    <row r="617505" spans="8:8">
      <c r="H617505" s="12"/>
    </row>
    <row r="617506" spans="8:8">
      <c r="H617506" s="12"/>
    </row>
    <row r="617507" spans="8:8">
      <c r="H617507" s="12"/>
    </row>
    <row r="617508" spans="8:8">
      <c r="H617508" s="12"/>
    </row>
    <row r="617509" spans="8:8">
      <c r="H617509" s="12"/>
    </row>
    <row r="617510" spans="8:8">
      <c r="H617510" s="12"/>
    </row>
    <row r="617511" spans="8:8">
      <c r="H617511" s="12"/>
    </row>
    <row r="617512" spans="8:8">
      <c r="H617512" s="12"/>
    </row>
    <row r="617513" spans="8:8">
      <c r="H617513" s="12"/>
    </row>
    <row r="617514" spans="8:8">
      <c r="H617514" s="12"/>
    </row>
    <row r="617515" spans="8:8">
      <c r="H617515" s="12"/>
    </row>
    <row r="617516" spans="8:8">
      <c r="H617516" s="12"/>
    </row>
    <row r="617517" spans="8:8">
      <c r="H617517" s="12"/>
    </row>
    <row r="617518" spans="8:8">
      <c r="H617518" s="12"/>
    </row>
    <row r="617519" spans="8:8">
      <c r="H617519" s="12"/>
    </row>
    <row r="617520" spans="8:8">
      <c r="H617520" s="12"/>
    </row>
    <row r="617521" spans="8:8">
      <c r="H617521" s="12"/>
    </row>
    <row r="617522" spans="8:8">
      <c r="H617522" s="12"/>
    </row>
    <row r="617523" spans="8:8">
      <c r="H617523" s="12"/>
    </row>
    <row r="617524" spans="8:8">
      <c r="H617524" s="12"/>
    </row>
    <row r="617525" spans="8:8">
      <c r="H617525" s="12"/>
    </row>
    <row r="617526" spans="8:8">
      <c r="H617526" s="12"/>
    </row>
    <row r="617527" spans="8:8">
      <c r="H617527" s="12"/>
    </row>
    <row r="617528" spans="8:8">
      <c r="H617528" s="12"/>
    </row>
    <row r="617529" spans="8:8">
      <c r="H617529" s="12"/>
    </row>
    <row r="617530" spans="8:8">
      <c r="H617530" s="12"/>
    </row>
    <row r="617531" spans="8:8">
      <c r="H617531" s="12"/>
    </row>
    <row r="617532" spans="8:8">
      <c r="H617532" s="12"/>
    </row>
    <row r="617533" spans="8:8">
      <c r="H617533" s="12"/>
    </row>
    <row r="617534" spans="8:8">
      <c r="H617534" s="12"/>
    </row>
    <row r="617535" spans="8:8">
      <c r="H617535" s="12"/>
    </row>
    <row r="617536" spans="8:8">
      <c r="H617536" s="12"/>
    </row>
    <row r="617537" spans="8:8">
      <c r="H617537" s="12"/>
    </row>
    <row r="617538" spans="8:8">
      <c r="H617538" s="12"/>
    </row>
    <row r="617539" spans="8:8">
      <c r="H617539" s="12"/>
    </row>
    <row r="617540" spans="8:8">
      <c r="H617540" s="12"/>
    </row>
    <row r="617541" spans="8:8">
      <c r="H617541" s="12"/>
    </row>
    <row r="617542" spans="8:8">
      <c r="H617542" s="12"/>
    </row>
    <row r="617543" spans="8:8">
      <c r="H617543" s="12"/>
    </row>
    <row r="617544" spans="8:8">
      <c r="H617544" s="12"/>
    </row>
    <row r="617545" spans="8:8">
      <c r="H617545" s="12"/>
    </row>
    <row r="617546" spans="8:8">
      <c r="H617546" s="12"/>
    </row>
    <row r="617547" spans="8:8">
      <c r="H617547" s="12"/>
    </row>
    <row r="617548" spans="8:8">
      <c r="H617548" s="12"/>
    </row>
    <row r="617549" spans="8:8">
      <c r="H617549" s="12"/>
    </row>
    <row r="617550" spans="8:8">
      <c r="H617550" s="12"/>
    </row>
    <row r="617551" spans="8:8">
      <c r="H617551" s="12"/>
    </row>
    <row r="617552" spans="8:8">
      <c r="H617552" s="12"/>
    </row>
    <row r="617553" spans="8:8">
      <c r="H617553" s="12"/>
    </row>
    <row r="617554" spans="8:8">
      <c r="H617554" s="12"/>
    </row>
    <row r="617555" spans="8:8">
      <c r="H617555" s="12"/>
    </row>
    <row r="617556" spans="8:8">
      <c r="H617556" s="12"/>
    </row>
    <row r="617557" spans="8:8">
      <c r="H617557" s="12"/>
    </row>
    <row r="617558" spans="8:8">
      <c r="H617558" s="12"/>
    </row>
    <row r="617559" spans="8:8">
      <c r="H617559" s="12"/>
    </row>
    <row r="617560" spans="8:8">
      <c r="H617560" s="12"/>
    </row>
    <row r="617561" spans="8:8">
      <c r="H617561" s="12"/>
    </row>
    <row r="617562" spans="8:8">
      <c r="H617562" s="12"/>
    </row>
    <row r="617563" spans="8:8">
      <c r="H617563" s="12"/>
    </row>
    <row r="617564" spans="8:8">
      <c r="H617564" s="12"/>
    </row>
    <row r="617565" spans="8:8">
      <c r="H617565" s="12"/>
    </row>
    <row r="617566" spans="8:8">
      <c r="H617566" s="12"/>
    </row>
    <row r="617567" spans="8:8">
      <c r="H617567" s="12"/>
    </row>
    <row r="617568" spans="8:8">
      <c r="H617568" s="12"/>
    </row>
    <row r="617569" spans="8:8">
      <c r="H617569" s="12"/>
    </row>
    <row r="617570" spans="8:8">
      <c r="H617570" s="12"/>
    </row>
    <row r="617571" spans="8:8">
      <c r="H617571" s="12"/>
    </row>
    <row r="617572" spans="8:8">
      <c r="H617572" s="12"/>
    </row>
    <row r="617573" spans="8:8">
      <c r="H617573" s="12"/>
    </row>
    <row r="617574" spans="8:8">
      <c r="H617574" s="12"/>
    </row>
    <row r="617575" spans="8:8">
      <c r="H617575" s="12"/>
    </row>
    <row r="617576" spans="8:8">
      <c r="H617576" s="12"/>
    </row>
    <row r="617577" spans="8:8">
      <c r="H617577" s="12"/>
    </row>
    <row r="617578" spans="8:8">
      <c r="H617578" s="12"/>
    </row>
    <row r="617579" spans="8:8">
      <c r="H617579" s="12"/>
    </row>
    <row r="617580" spans="8:8">
      <c r="H617580" s="12"/>
    </row>
    <row r="617581" spans="8:8">
      <c r="H617581" s="12"/>
    </row>
    <row r="617582" spans="8:8">
      <c r="H617582" s="12"/>
    </row>
    <row r="617583" spans="8:8">
      <c r="H617583" s="12"/>
    </row>
    <row r="617584" spans="8:8">
      <c r="H617584" s="12"/>
    </row>
    <row r="617585" spans="8:8">
      <c r="H617585" s="12"/>
    </row>
    <row r="617586" spans="8:8">
      <c r="H617586" s="12"/>
    </row>
    <row r="617587" spans="8:8">
      <c r="H617587" s="12"/>
    </row>
    <row r="617588" spans="8:8">
      <c r="H617588" s="12"/>
    </row>
    <row r="617589" spans="8:8">
      <c r="H617589" s="12"/>
    </row>
    <row r="617590" spans="8:8">
      <c r="H617590" s="12"/>
    </row>
    <row r="617591" spans="8:8">
      <c r="H617591" s="12"/>
    </row>
    <row r="617592" spans="8:8">
      <c r="H617592" s="12"/>
    </row>
    <row r="617593" spans="8:8">
      <c r="H617593" s="12"/>
    </row>
    <row r="617594" spans="8:8">
      <c r="H617594" s="12"/>
    </row>
    <row r="617595" spans="8:8">
      <c r="H617595" s="12"/>
    </row>
    <row r="617596" spans="8:8">
      <c r="H617596" s="12"/>
    </row>
    <row r="617597" spans="8:8">
      <c r="H617597" s="12"/>
    </row>
    <row r="617598" spans="8:8">
      <c r="H617598" s="12"/>
    </row>
    <row r="617599" spans="8:8">
      <c r="H617599" s="12"/>
    </row>
    <row r="617600" spans="8:8">
      <c r="H617600" s="12"/>
    </row>
    <row r="617601" spans="8:8">
      <c r="H617601" s="12"/>
    </row>
    <row r="617602" spans="8:8">
      <c r="H617602" s="12"/>
    </row>
    <row r="617603" spans="8:8">
      <c r="H617603" s="12"/>
    </row>
    <row r="617604" spans="8:8">
      <c r="H617604" s="12"/>
    </row>
    <row r="617605" spans="8:8">
      <c r="H617605" s="12"/>
    </row>
    <row r="617606" spans="8:8">
      <c r="H617606" s="12"/>
    </row>
    <row r="617607" spans="8:8">
      <c r="H617607" s="12"/>
    </row>
    <row r="617608" spans="8:8">
      <c r="H617608" s="12"/>
    </row>
    <row r="617609" spans="8:8">
      <c r="H617609" s="12"/>
    </row>
    <row r="617610" spans="8:8">
      <c r="H617610" s="12"/>
    </row>
    <row r="617611" spans="8:8">
      <c r="H617611" s="12"/>
    </row>
    <row r="617612" spans="8:8">
      <c r="H617612" s="12"/>
    </row>
    <row r="617613" spans="8:8">
      <c r="H617613" s="12"/>
    </row>
    <row r="617614" spans="8:8">
      <c r="H617614" s="12"/>
    </row>
    <row r="617615" spans="8:8">
      <c r="H617615" s="12"/>
    </row>
    <row r="617616" spans="8:8">
      <c r="H617616" s="12"/>
    </row>
    <row r="617617" spans="8:8">
      <c r="H617617" s="12"/>
    </row>
    <row r="617618" spans="8:8">
      <c r="H617618" s="12"/>
    </row>
    <row r="617619" spans="8:8">
      <c r="H617619" s="12"/>
    </row>
    <row r="617620" spans="8:8">
      <c r="H617620" s="12"/>
    </row>
    <row r="617621" spans="8:8">
      <c r="H617621" s="12"/>
    </row>
    <row r="617622" spans="8:8">
      <c r="H617622" s="12"/>
    </row>
    <row r="617623" spans="8:8">
      <c r="H617623" s="12"/>
    </row>
    <row r="617624" spans="8:8">
      <c r="H617624" s="12"/>
    </row>
    <row r="617625" spans="8:8">
      <c r="H617625" s="12"/>
    </row>
    <row r="617626" spans="8:8">
      <c r="H617626" s="12"/>
    </row>
    <row r="617627" spans="8:8">
      <c r="H617627" s="12"/>
    </row>
    <row r="617628" spans="8:8">
      <c r="H617628" s="12"/>
    </row>
    <row r="617629" spans="8:8">
      <c r="H617629" s="12"/>
    </row>
    <row r="617630" spans="8:8">
      <c r="H617630" s="12"/>
    </row>
    <row r="617631" spans="8:8">
      <c r="H617631" s="12"/>
    </row>
    <row r="617632" spans="8:8">
      <c r="H617632" s="12"/>
    </row>
    <row r="617633" spans="8:8">
      <c r="H617633" s="12"/>
    </row>
    <row r="617634" spans="8:8">
      <c r="H617634" s="12"/>
    </row>
    <row r="617635" spans="8:8">
      <c r="H617635" s="12"/>
    </row>
    <row r="617636" spans="8:8">
      <c r="H617636" s="12"/>
    </row>
    <row r="617637" spans="8:8">
      <c r="H617637" s="12"/>
    </row>
    <row r="617638" spans="8:8">
      <c r="H617638" s="12"/>
    </row>
    <row r="617639" spans="8:8">
      <c r="H617639" s="12"/>
    </row>
    <row r="617640" spans="8:8">
      <c r="H617640" s="12"/>
    </row>
    <row r="617641" spans="8:8">
      <c r="H617641" s="12"/>
    </row>
    <row r="617642" spans="8:8">
      <c r="H617642" s="12"/>
    </row>
    <row r="617643" spans="8:8">
      <c r="H617643" s="12"/>
    </row>
    <row r="617644" spans="8:8">
      <c r="H617644" s="12"/>
    </row>
    <row r="617645" spans="8:8">
      <c r="H617645" s="12"/>
    </row>
    <row r="617646" spans="8:8">
      <c r="H617646" s="12"/>
    </row>
    <row r="617647" spans="8:8">
      <c r="H617647" s="12"/>
    </row>
    <row r="617648" spans="8:8">
      <c r="H617648" s="12"/>
    </row>
    <row r="617649" spans="8:8">
      <c r="H617649" s="12"/>
    </row>
    <row r="617650" spans="8:8">
      <c r="H617650" s="12"/>
    </row>
    <row r="617651" spans="8:8">
      <c r="H617651" s="12"/>
    </row>
    <row r="617652" spans="8:8">
      <c r="H617652" s="12"/>
    </row>
    <row r="617653" spans="8:8">
      <c r="H617653" s="12"/>
    </row>
    <row r="617654" spans="8:8">
      <c r="H617654" s="12"/>
    </row>
    <row r="617655" spans="8:8">
      <c r="H617655" s="12"/>
    </row>
    <row r="617656" spans="8:8">
      <c r="H617656" s="12"/>
    </row>
    <row r="617657" spans="8:8">
      <c r="H617657" s="12"/>
    </row>
    <row r="617658" spans="8:8">
      <c r="H617658" s="12"/>
    </row>
    <row r="617659" spans="8:8">
      <c r="H617659" s="12"/>
    </row>
    <row r="617660" spans="8:8">
      <c r="H617660" s="12"/>
    </row>
    <row r="617661" spans="8:8">
      <c r="H617661" s="12"/>
    </row>
    <row r="617662" spans="8:8">
      <c r="H617662" s="12"/>
    </row>
    <row r="617663" spans="8:8">
      <c r="H617663" s="12"/>
    </row>
    <row r="617664" spans="8:8">
      <c r="H617664" s="12"/>
    </row>
    <row r="617665" spans="8:8">
      <c r="H617665" s="12"/>
    </row>
    <row r="617666" spans="8:8">
      <c r="H617666" s="12"/>
    </row>
    <row r="617667" spans="8:8">
      <c r="H617667" s="12"/>
    </row>
    <row r="617668" spans="8:8">
      <c r="H617668" s="12"/>
    </row>
    <row r="617669" spans="8:8">
      <c r="H617669" s="12"/>
    </row>
    <row r="617670" spans="8:8">
      <c r="H617670" s="12"/>
    </row>
    <row r="617671" spans="8:8">
      <c r="H617671" s="12"/>
    </row>
    <row r="617672" spans="8:8">
      <c r="H617672" s="12"/>
    </row>
    <row r="617673" spans="8:8">
      <c r="H617673" s="12"/>
    </row>
    <row r="617674" spans="8:8">
      <c r="H617674" s="12"/>
    </row>
    <row r="617675" spans="8:8">
      <c r="H617675" s="12"/>
    </row>
    <row r="617676" spans="8:8">
      <c r="H617676" s="12"/>
    </row>
    <row r="617677" spans="8:8">
      <c r="H617677" s="12"/>
    </row>
    <row r="617678" spans="8:8">
      <c r="H617678" s="12"/>
    </row>
    <row r="617679" spans="8:8">
      <c r="H617679" s="12"/>
    </row>
    <row r="617680" spans="8:8">
      <c r="H617680" s="12"/>
    </row>
    <row r="617681" spans="8:8">
      <c r="H617681" s="12"/>
    </row>
    <row r="617682" spans="8:8">
      <c r="H617682" s="12"/>
    </row>
    <row r="617683" spans="8:8">
      <c r="H617683" s="12"/>
    </row>
    <row r="617684" spans="8:8">
      <c r="H617684" s="12"/>
    </row>
    <row r="617685" spans="8:8">
      <c r="H617685" s="12"/>
    </row>
    <row r="617686" spans="8:8">
      <c r="H617686" s="12"/>
    </row>
    <row r="617687" spans="8:8">
      <c r="H617687" s="12"/>
    </row>
    <row r="617688" spans="8:8">
      <c r="H617688" s="12"/>
    </row>
    <row r="617689" spans="8:8">
      <c r="H617689" s="12"/>
    </row>
    <row r="617690" spans="8:8">
      <c r="H617690" s="12"/>
    </row>
    <row r="617691" spans="8:8">
      <c r="H617691" s="12"/>
    </row>
    <row r="617692" spans="8:8">
      <c r="H617692" s="12"/>
    </row>
    <row r="617693" spans="8:8">
      <c r="H617693" s="12"/>
    </row>
    <row r="617694" spans="8:8">
      <c r="H617694" s="12"/>
    </row>
    <row r="617695" spans="8:8">
      <c r="H617695" s="12"/>
    </row>
    <row r="617696" spans="8:8">
      <c r="H617696" s="12"/>
    </row>
    <row r="617697" spans="8:8">
      <c r="H617697" s="12"/>
    </row>
    <row r="617698" spans="8:8">
      <c r="H617698" s="12"/>
    </row>
    <row r="617699" spans="8:8">
      <c r="H617699" s="12"/>
    </row>
    <row r="617700" spans="8:8">
      <c r="H617700" s="12"/>
    </row>
    <row r="617701" spans="8:8">
      <c r="H617701" s="12"/>
    </row>
    <row r="617702" spans="8:8">
      <c r="H617702" s="12"/>
    </row>
    <row r="617703" spans="8:8">
      <c r="H617703" s="12"/>
    </row>
    <row r="617704" spans="8:8">
      <c r="H617704" s="12"/>
    </row>
    <row r="617705" spans="8:8">
      <c r="H617705" s="12"/>
    </row>
    <row r="617706" spans="8:8">
      <c r="H617706" s="12"/>
    </row>
    <row r="617707" spans="8:8">
      <c r="H617707" s="12"/>
    </row>
    <row r="617708" spans="8:8">
      <c r="H617708" s="12"/>
    </row>
    <row r="617709" spans="8:8">
      <c r="H617709" s="12"/>
    </row>
    <row r="617710" spans="8:8">
      <c r="H617710" s="12"/>
    </row>
    <row r="617711" spans="8:8">
      <c r="H617711" s="12"/>
    </row>
    <row r="617712" spans="8:8">
      <c r="H617712" s="12"/>
    </row>
    <row r="617713" spans="8:8">
      <c r="H617713" s="12"/>
    </row>
    <row r="617714" spans="8:8">
      <c r="H617714" s="12"/>
    </row>
    <row r="617715" spans="8:8">
      <c r="H617715" s="12"/>
    </row>
    <row r="617716" spans="8:8">
      <c r="H617716" s="12"/>
    </row>
    <row r="617717" spans="8:8">
      <c r="H617717" s="12"/>
    </row>
    <row r="617718" spans="8:8">
      <c r="H617718" s="12"/>
    </row>
    <row r="617719" spans="8:8">
      <c r="H617719" s="12"/>
    </row>
    <row r="617720" spans="8:8">
      <c r="H617720" s="12"/>
    </row>
    <row r="617721" spans="8:8">
      <c r="H617721" s="12"/>
    </row>
    <row r="617722" spans="8:8">
      <c r="H617722" s="12"/>
    </row>
    <row r="617723" spans="8:8">
      <c r="H617723" s="12"/>
    </row>
    <row r="617724" spans="8:8">
      <c r="H617724" s="12"/>
    </row>
    <row r="617725" spans="8:8">
      <c r="H617725" s="12"/>
    </row>
    <row r="617726" spans="8:8">
      <c r="H617726" s="12"/>
    </row>
    <row r="617727" spans="8:8">
      <c r="H617727" s="12"/>
    </row>
    <row r="617728" spans="8:8">
      <c r="H617728" s="12"/>
    </row>
    <row r="617729" spans="8:8">
      <c r="H617729" s="12"/>
    </row>
    <row r="617730" spans="8:8">
      <c r="H617730" s="12"/>
    </row>
    <row r="617731" spans="8:8">
      <c r="H617731" s="12"/>
    </row>
    <row r="617732" spans="8:8">
      <c r="H617732" s="12"/>
    </row>
    <row r="617733" spans="8:8">
      <c r="H617733" s="12"/>
    </row>
    <row r="617734" spans="8:8">
      <c r="H617734" s="12"/>
    </row>
    <row r="617735" spans="8:8">
      <c r="H617735" s="12"/>
    </row>
    <row r="617736" spans="8:8">
      <c r="H617736" s="12"/>
    </row>
    <row r="617737" spans="8:8">
      <c r="H617737" s="12"/>
    </row>
    <row r="617738" spans="8:8">
      <c r="H617738" s="12"/>
    </row>
    <row r="617739" spans="8:8">
      <c r="H617739" s="12"/>
    </row>
    <row r="617740" spans="8:8">
      <c r="H617740" s="12"/>
    </row>
    <row r="617741" spans="8:8">
      <c r="H617741" s="12"/>
    </row>
    <row r="617742" spans="8:8">
      <c r="H617742" s="12"/>
    </row>
    <row r="617743" spans="8:8">
      <c r="H617743" s="12"/>
    </row>
    <row r="617744" spans="8:8">
      <c r="H617744" s="12"/>
    </row>
    <row r="617745" spans="8:8">
      <c r="H617745" s="12"/>
    </row>
    <row r="617746" spans="8:8">
      <c r="H617746" s="12"/>
    </row>
    <row r="617747" spans="8:8">
      <c r="H617747" s="12"/>
    </row>
    <row r="617748" spans="8:8">
      <c r="H617748" s="12"/>
    </row>
    <row r="617749" spans="8:8">
      <c r="H617749" s="12"/>
    </row>
    <row r="617750" spans="8:8">
      <c r="H617750" s="12"/>
    </row>
    <row r="617751" spans="8:8">
      <c r="H617751" s="12"/>
    </row>
    <row r="617752" spans="8:8">
      <c r="H617752" s="12"/>
    </row>
    <row r="617753" spans="8:8">
      <c r="H617753" s="12"/>
    </row>
    <row r="617754" spans="8:8">
      <c r="H617754" s="12"/>
    </row>
    <row r="617755" spans="8:8">
      <c r="H617755" s="12"/>
    </row>
    <row r="617756" spans="8:8">
      <c r="H617756" s="12"/>
    </row>
    <row r="617757" spans="8:8">
      <c r="H617757" s="12"/>
    </row>
    <row r="617758" spans="8:8">
      <c r="H617758" s="12"/>
    </row>
    <row r="617759" spans="8:8">
      <c r="H617759" s="12"/>
    </row>
    <row r="617760" spans="8:8">
      <c r="H617760" s="12"/>
    </row>
    <row r="617761" spans="8:8">
      <c r="H617761" s="12"/>
    </row>
    <row r="617762" spans="8:8">
      <c r="H617762" s="12"/>
    </row>
    <row r="617763" spans="8:8">
      <c r="H617763" s="12"/>
    </row>
    <row r="617764" spans="8:8">
      <c r="H617764" s="12"/>
    </row>
    <row r="617765" spans="8:8">
      <c r="H617765" s="12"/>
    </row>
    <row r="617766" spans="8:8">
      <c r="H617766" s="12"/>
    </row>
    <row r="617767" spans="8:8">
      <c r="H617767" s="12"/>
    </row>
    <row r="617768" spans="8:8">
      <c r="H617768" s="12"/>
    </row>
    <row r="617769" spans="8:8">
      <c r="H617769" s="12"/>
    </row>
    <row r="617770" spans="8:8">
      <c r="H617770" s="12"/>
    </row>
    <row r="617771" spans="8:8">
      <c r="H617771" s="12"/>
    </row>
    <row r="617772" spans="8:8">
      <c r="H617772" s="12"/>
    </row>
    <row r="617773" spans="8:8">
      <c r="H617773" s="12"/>
    </row>
    <row r="617774" spans="8:8">
      <c r="H617774" s="12"/>
    </row>
    <row r="617775" spans="8:8">
      <c r="H617775" s="12"/>
    </row>
    <row r="617776" spans="8:8">
      <c r="H617776" s="12"/>
    </row>
    <row r="617777" spans="8:8">
      <c r="H617777" s="12"/>
    </row>
    <row r="617778" spans="8:8">
      <c r="H617778" s="12"/>
    </row>
    <row r="617779" spans="8:8">
      <c r="H617779" s="12"/>
    </row>
    <row r="617780" spans="8:8">
      <c r="H617780" s="12"/>
    </row>
    <row r="617781" spans="8:8">
      <c r="H617781" s="12"/>
    </row>
    <row r="617782" spans="8:8">
      <c r="H617782" s="12"/>
    </row>
    <row r="617783" spans="8:8">
      <c r="H617783" s="12"/>
    </row>
    <row r="617784" spans="8:8">
      <c r="H617784" s="12"/>
    </row>
    <row r="617785" spans="8:8">
      <c r="H617785" s="12"/>
    </row>
    <row r="617786" spans="8:8">
      <c r="H617786" s="12"/>
    </row>
    <row r="617787" spans="8:8">
      <c r="H617787" s="12"/>
    </row>
    <row r="617788" spans="8:8">
      <c r="H617788" s="12"/>
    </row>
    <row r="617789" spans="8:8">
      <c r="H617789" s="12"/>
    </row>
    <row r="617790" spans="8:8">
      <c r="H617790" s="12"/>
    </row>
    <row r="617791" spans="8:8">
      <c r="H617791" s="12"/>
    </row>
    <row r="617792" spans="8:8">
      <c r="H617792" s="12"/>
    </row>
    <row r="617793" spans="8:8">
      <c r="H617793" s="12"/>
    </row>
    <row r="617794" spans="8:8">
      <c r="H617794" s="12"/>
    </row>
    <row r="617795" spans="8:8">
      <c r="H617795" s="12"/>
    </row>
    <row r="617796" spans="8:8">
      <c r="H617796" s="12"/>
    </row>
    <row r="617797" spans="8:8">
      <c r="H617797" s="12"/>
    </row>
    <row r="617798" spans="8:8">
      <c r="H617798" s="12"/>
    </row>
    <row r="617799" spans="8:8">
      <c r="H617799" s="12"/>
    </row>
    <row r="617800" spans="8:8">
      <c r="H617800" s="12"/>
    </row>
    <row r="617801" spans="8:8">
      <c r="H617801" s="12"/>
    </row>
    <row r="617802" spans="8:8">
      <c r="H617802" s="12"/>
    </row>
    <row r="617803" spans="8:8">
      <c r="H617803" s="12"/>
    </row>
    <row r="617804" spans="8:8">
      <c r="H617804" s="12"/>
    </row>
    <row r="617805" spans="8:8">
      <c r="H617805" s="12"/>
    </row>
    <row r="617806" spans="8:8">
      <c r="H617806" s="12"/>
    </row>
    <row r="617807" spans="8:8">
      <c r="H617807" s="12"/>
    </row>
    <row r="617808" spans="8:8">
      <c r="H617808" s="12"/>
    </row>
    <row r="617809" spans="8:8">
      <c r="H617809" s="12"/>
    </row>
    <row r="617810" spans="8:8">
      <c r="H617810" s="12"/>
    </row>
    <row r="617811" spans="8:8">
      <c r="H617811" s="12"/>
    </row>
    <row r="617812" spans="8:8">
      <c r="H617812" s="12"/>
    </row>
    <row r="617813" spans="8:8">
      <c r="H617813" s="12"/>
    </row>
    <row r="617814" spans="8:8">
      <c r="H617814" s="12"/>
    </row>
    <row r="617815" spans="8:8">
      <c r="H617815" s="12"/>
    </row>
    <row r="617816" spans="8:8">
      <c r="H617816" s="12"/>
    </row>
    <row r="617817" spans="8:8">
      <c r="H617817" s="12"/>
    </row>
    <row r="617818" spans="8:8">
      <c r="H617818" s="12"/>
    </row>
    <row r="617819" spans="8:8">
      <c r="H617819" s="12"/>
    </row>
    <row r="617820" spans="8:8">
      <c r="H617820" s="12"/>
    </row>
    <row r="617821" spans="8:8">
      <c r="H617821" s="12"/>
    </row>
    <row r="617822" spans="8:8">
      <c r="H617822" s="12"/>
    </row>
    <row r="617823" spans="8:8">
      <c r="H617823" s="12"/>
    </row>
    <row r="617824" spans="8:8">
      <c r="H617824" s="12"/>
    </row>
    <row r="617825" spans="8:8">
      <c r="H617825" s="12"/>
    </row>
    <row r="617826" spans="8:8">
      <c r="H617826" s="12"/>
    </row>
    <row r="617827" spans="8:8">
      <c r="H617827" s="12"/>
    </row>
    <row r="617828" spans="8:8">
      <c r="H617828" s="12"/>
    </row>
    <row r="617829" spans="8:8">
      <c r="H617829" s="12"/>
    </row>
    <row r="617830" spans="8:8">
      <c r="H617830" s="12"/>
    </row>
    <row r="617831" spans="8:8">
      <c r="H617831" s="12"/>
    </row>
    <row r="617832" spans="8:8">
      <c r="H617832" s="12"/>
    </row>
    <row r="617833" spans="8:8">
      <c r="H617833" s="12"/>
    </row>
    <row r="617834" spans="8:8">
      <c r="H617834" s="12"/>
    </row>
    <row r="617835" spans="8:8">
      <c r="H617835" s="12"/>
    </row>
    <row r="617836" spans="8:8">
      <c r="H617836" s="12"/>
    </row>
    <row r="617837" spans="8:8">
      <c r="H617837" s="12"/>
    </row>
    <row r="617838" spans="8:8">
      <c r="H617838" s="12"/>
    </row>
    <row r="617839" spans="8:8">
      <c r="H617839" s="12"/>
    </row>
    <row r="617840" spans="8:8">
      <c r="H617840" s="12"/>
    </row>
    <row r="617841" spans="8:8">
      <c r="H617841" s="12"/>
    </row>
    <row r="617842" spans="8:8">
      <c r="H617842" s="12"/>
    </row>
    <row r="617843" spans="8:8">
      <c r="H617843" s="12"/>
    </row>
    <row r="617844" spans="8:8">
      <c r="H617844" s="12"/>
    </row>
    <row r="617845" spans="8:8">
      <c r="H617845" s="12"/>
    </row>
    <row r="617846" spans="8:8">
      <c r="H617846" s="12"/>
    </row>
    <row r="617847" spans="8:8">
      <c r="H617847" s="12"/>
    </row>
    <row r="617848" spans="8:8">
      <c r="H617848" s="12"/>
    </row>
    <row r="617849" spans="8:8">
      <c r="H617849" s="12"/>
    </row>
    <row r="617850" spans="8:8">
      <c r="H617850" s="12"/>
    </row>
    <row r="617851" spans="8:8">
      <c r="H617851" s="12"/>
    </row>
    <row r="617852" spans="8:8">
      <c r="H617852" s="12"/>
    </row>
    <row r="617853" spans="8:8">
      <c r="H617853" s="12"/>
    </row>
    <row r="617854" spans="8:8">
      <c r="H617854" s="12"/>
    </row>
    <row r="617855" spans="8:8">
      <c r="H617855" s="12"/>
    </row>
    <row r="617856" spans="8:8">
      <c r="H617856" s="12"/>
    </row>
    <row r="617857" spans="8:8">
      <c r="H617857" s="12"/>
    </row>
    <row r="617858" spans="8:8">
      <c r="H617858" s="12"/>
    </row>
    <row r="617859" spans="8:8">
      <c r="H617859" s="12"/>
    </row>
    <row r="617860" spans="8:8">
      <c r="H617860" s="12"/>
    </row>
    <row r="617861" spans="8:8">
      <c r="H617861" s="12"/>
    </row>
    <row r="617862" spans="8:8">
      <c r="H617862" s="12"/>
    </row>
    <row r="617863" spans="8:8">
      <c r="H617863" s="12"/>
    </row>
    <row r="617864" spans="8:8">
      <c r="H617864" s="12"/>
    </row>
    <row r="617865" spans="8:8">
      <c r="H617865" s="12"/>
    </row>
    <row r="617866" spans="8:8">
      <c r="H617866" s="12"/>
    </row>
    <row r="617867" spans="8:8">
      <c r="H617867" s="12"/>
    </row>
    <row r="617868" spans="8:8">
      <c r="H617868" s="12"/>
    </row>
    <row r="617869" spans="8:8">
      <c r="H617869" s="12"/>
    </row>
    <row r="617870" spans="8:8">
      <c r="H617870" s="12"/>
    </row>
    <row r="617871" spans="8:8">
      <c r="H617871" s="12"/>
    </row>
    <row r="617872" spans="8:8">
      <c r="H617872" s="12"/>
    </row>
    <row r="617873" spans="8:8">
      <c r="H617873" s="12"/>
    </row>
    <row r="617874" spans="8:8">
      <c r="H617874" s="12"/>
    </row>
    <row r="617875" spans="8:8">
      <c r="H617875" s="12"/>
    </row>
    <row r="617876" spans="8:8">
      <c r="H617876" s="12"/>
    </row>
    <row r="617877" spans="8:8">
      <c r="H617877" s="12"/>
    </row>
    <row r="617878" spans="8:8">
      <c r="H617878" s="12"/>
    </row>
    <row r="617879" spans="8:8">
      <c r="H617879" s="12"/>
    </row>
    <row r="617880" spans="8:8">
      <c r="H617880" s="12"/>
    </row>
    <row r="617881" spans="8:8">
      <c r="H617881" s="12"/>
    </row>
    <row r="617882" spans="8:8">
      <c r="H617882" s="12"/>
    </row>
    <row r="617883" spans="8:8">
      <c r="H617883" s="12"/>
    </row>
    <row r="617884" spans="8:8">
      <c r="H617884" s="12"/>
    </row>
    <row r="617885" spans="8:8">
      <c r="H617885" s="12"/>
    </row>
    <row r="617886" spans="8:8">
      <c r="H617886" s="12"/>
    </row>
    <row r="617887" spans="8:8">
      <c r="H617887" s="12"/>
    </row>
    <row r="617888" spans="8:8">
      <c r="H617888" s="12"/>
    </row>
    <row r="617889" spans="8:8">
      <c r="H617889" s="12"/>
    </row>
    <row r="617890" spans="8:8">
      <c r="H617890" s="12"/>
    </row>
    <row r="617891" spans="8:8">
      <c r="H617891" s="12"/>
    </row>
    <row r="617892" spans="8:8">
      <c r="H617892" s="12"/>
    </row>
    <row r="617893" spans="8:8">
      <c r="H617893" s="12"/>
    </row>
    <row r="617894" spans="8:8">
      <c r="H617894" s="12"/>
    </row>
    <row r="617895" spans="8:8">
      <c r="H617895" s="12"/>
    </row>
    <row r="617896" spans="8:8">
      <c r="H617896" s="12"/>
    </row>
    <row r="617897" spans="8:8">
      <c r="H617897" s="12"/>
    </row>
    <row r="617898" spans="8:8">
      <c r="H617898" s="12"/>
    </row>
    <row r="617899" spans="8:8">
      <c r="H617899" s="12"/>
    </row>
    <row r="617900" spans="8:8">
      <c r="H617900" s="12"/>
    </row>
    <row r="617901" spans="8:8">
      <c r="H617901" s="12"/>
    </row>
    <row r="617902" spans="8:8">
      <c r="H617902" s="12"/>
    </row>
    <row r="617903" spans="8:8">
      <c r="H617903" s="12"/>
    </row>
    <row r="617904" spans="8:8">
      <c r="H617904" s="12"/>
    </row>
    <row r="617905" spans="8:8">
      <c r="H617905" s="12"/>
    </row>
    <row r="617906" spans="8:8">
      <c r="H617906" s="12"/>
    </row>
    <row r="617907" spans="8:8">
      <c r="H617907" s="12"/>
    </row>
    <row r="617908" spans="8:8">
      <c r="H617908" s="12"/>
    </row>
    <row r="617909" spans="8:8">
      <c r="H617909" s="12"/>
    </row>
    <row r="617910" spans="8:8">
      <c r="H617910" s="12"/>
    </row>
    <row r="617911" spans="8:8">
      <c r="H617911" s="12"/>
    </row>
    <row r="617912" spans="8:8">
      <c r="H617912" s="12"/>
    </row>
    <row r="617913" spans="8:8">
      <c r="H617913" s="12"/>
    </row>
    <row r="617914" spans="8:8">
      <c r="H617914" s="12"/>
    </row>
    <row r="617915" spans="8:8">
      <c r="H617915" s="12"/>
    </row>
    <row r="617916" spans="8:8">
      <c r="H617916" s="12"/>
    </row>
    <row r="617917" spans="8:8">
      <c r="H617917" s="12"/>
    </row>
    <row r="617918" spans="8:8">
      <c r="H617918" s="12"/>
    </row>
    <row r="617919" spans="8:8">
      <c r="H617919" s="12"/>
    </row>
    <row r="617920" spans="8:8">
      <c r="H617920" s="12"/>
    </row>
    <row r="617921" spans="8:8">
      <c r="H617921" s="12"/>
    </row>
    <row r="617922" spans="8:8">
      <c r="H617922" s="12"/>
    </row>
    <row r="617923" spans="8:8">
      <c r="H617923" s="12"/>
    </row>
    <row r="617924" spans="8:8">
      <c r="H617924" s="12"/>
    </row>
    <row r="617925" spans="8:8">
      <c r="H617925" s="12"/>
    </row>
    <row r="617926" spans="8:8">
      <c r="H617926" s="12"/>
    </row>
    <row r="617927" spans="8:8">
      <c r="H617927" s="12"/>
    </row>
    <row r="617928" spans="8:8">
      <c r="H617928" s="12"/>
    </row>
    <row r="617929" spans="8:8">
      <c r="H617929" s="12"/>
    </row>
    <row r="617930" spans="8:8">
      <c r="H617930" s="12"/>
    </row>
    <row r="617931" spans="8:8">
      <c r="H617931" s="12"/>
    </row>
    <row r="617932" spans="8:8">
      <c r="H617932" s="12"/>
    </row>
    <row r="617933" spans="8:8">
      <c r="H617933" s="12"/>
    </row>
    <row r="617934" spans="8:8">
      <c r="H617934" s="12"/>
    </row>
    <row r="617935" spans="8:8">
      <c r="H617935" s="12"/>
    </row>
    <row r="617936" spans="8:8">
      <c r="H617936" s="12"/>
    </row>
    <row r="617937" spans="8:8">
      <c r="H617937" s="12"/>
    </row>
    <row r="617938" spans="8:8">
      <c r="H617938" s="12"/>
    </row>
    <row r="617939" spans="8:8">
      <c r="H617939" s="12"/>
    </row>
    <row r="617940" spans="8:8">
      <c r="H617940" s="12"/>
    </row>
    <row r="617941" spans="8:8">
      <c r="H617941" s="12"/>
    </row>
    <row r="617942" spans="8:8">
      <c r="H617942" s="12"/>
    </row>
    <row r="617943" spans="8:8">
      <c r="H617943" s="12"/>
    </row>
    <row r="617944" spans="8:8">
      <c r="H617944" s="12"/>
    </row>
    <row r="617945" spans="8:8">
      <c r="H617945" s="12"/>
    </row>
    <row r="617946" spans="8:8">
      <c r="H617946" s="12"/>
    </row>
    <row r="617947" spans="8:8">
      <c r="H617947" s="12"/>
    </row>
    <row r="617948" spans="8:8">
      <c r="H617948" s="12"/>
    </row>
    <row r="617949" spans="8:8">
      <c r="H617949" s="12"/>
    </row>
    <row r="617950" spans="8:8">
      <c r="H617950" s="12"/>
    </row>
    <row r="617951" spans="8:8">
      <c r="H617951" s="12"/>
    </row>
    <row r="617952" spans="8:8">
      <c r="H617952" s="12"/>
    </row>
    <row r="617953" spans="8:8">
      <c r="H617953" s="12"/>
    </row>
    <row r="617954" spans="8:8">
      <c r="H617954" s="12"/>
    </row>
    <row r="617955" spans="8:8">
      <c r="H617955" s="12"/>
    </row>
    <row r="617956" spans="8:8">
      <c r="H617956" s="12"/>
    </row>
    <row r="617957" spans="8:8">
      <c r="H617957" s="12"/>
    </row>
    <row r="617958" spans="8:8">
      <c r="H617958" s="12"/>
    </row>
    <row r="617959" spans="8:8">
      <c r="H617959" s="12"/>
    </row>
    <row r="617960" spans="8:8">
      <c r="H617960" s="12"/>
    </row>
    <row r="617961" spans="8:8">
      <c r="H617961" s="12"/>
    </row>
    <row r="617962" spans="8:8">
      <c r="H617962" s="12"/>
    </row>
    <row r="617963" spans="8:8">
      <c r="H617963" s="12"/>
    </row>
    <row r="617964" spans="8:8">
      <c r="H617964" s="12"/>
    </row>
    <row r="617965" spans="8:8">
      <c r="H617965" s="12"/>
    </row>
    <row r="617966" spans="8:8">
      <c r="H617966" s="12"/>
    </row>
    <row r="617967" spans="8:8">
      <c r="H617967" s="12"/>
    </row>
    <row r="617968" spans="8:8">
      <c r="H617968" s="12"/>
    </row>
    <row r="617969" spans="8:8">
      <c r="H617969" s="12"/>
    </row>
    <row r="617970" spans="8:8">
      <c r="H617970" s="12"/>
    </row>
    <row r="617971" spans="8:8">
      <c r="H617971" s="12"/>
    </row>
    <row r="617972" spans="8:8">
      <c r="H617972" s="12"/>
    </row>
    <row r="617973" spans="8:8">
      <c r="H617973" s="12"/>
    </row>
    <row r="617974" spans="8:8">
      <c r="H617974" s="12"/>
    </row>
    <row r="617975" spans="8:8">
      <c r="H617975" s="12"/>
    </row>
    <row r="617976" spans="8:8">
      <c r="H617976" s="12"/>
    </row>
    <row r="617977" spans="8:8">
      <c r="H617977" s="12"/>
    </row>
    <row r="617978" spans="8:8">
      <c r="H617978" s="12"/>
    </row>
    <row r="617979" spans="8:8">
      <c r="H617979" s="12"/>
    </row>
    <row r="617980" spans="8:8">
      <c r="H617980" s="12"/>
    </row>
    <row r="617981" spans="8:8">
      <c r="H617981" s="12"/>
    </row>
    <row r="617982" spans="8:8">
      <c r="H617982" s="12"/>
    </row>
    <row r="617983" spans="8:8">
      <c r="H617983" s="12"/>
    </row>
    <row r="617984" spans="8:8">
      <c r="H617984" s="12"/>
    </row>
    <row r="617985" spans="8:8">
      <c r="H617985" s="12"/>
    </row>
    <row r="617986" spans="8:8">
      <c r="H617986" s="12"/>
    </row>
    <row r="617987" spans="8:8">
      <c r="H617987" s="12"/>
    </row>
    <row r="617988" spans="8:8">
      <c r="H617988" s="12"/>
    </row>
    <row r="617989" spans="8:8">
      <c r="H617989" s="12"/>
    </row>
    <row r="617990" spans="8:8">
      <c r="H617990" s="12"/>
    </row>
    <row r="617991" spans="8:8">
      <c r="H617991" s="12"/>
    </row>
    <row r="617992" spans="8:8">
      <c r="H617992" s="12"/>
    </row>
    <row r="617993" spans="8:8">
      <c r="H617993" s="12"/>
    </row>
    <row r="617994" spans="8:8">
      <c r="H617994" s="12"/>
    </row>
    <row r="617995" spans="8:8">
      <c r="H617995" s="12"/>
    </row>
    <row r="617996" spans="8:8">
      <c r="H617996" s="12"/>
    </row>
    <row r="617997" spans="8:8">
      <c r="H617997" s="12"/>
    </row>
    <row r="617998" spans="8:8">
      <c r="H617998" s="12"/>
    </row>
    <row r="617999" spans="8:8">
      <c r="H617999" s="12"/>
    </row>
    <row r="618000" spans="8:8">
      <c r="H618000" s="12"/>
    </row>
    <row r="618001" spans="8:8">
      <c r="H618001" s="12"/>
    </row>
    <row r="618002" spans="8:8">
      <c r="H618002" s="12"/>
    </row>
    <row r="618003" spans="8:8">
      <c r="H618003" s="12"/>
    </row>
    <row r="618004" spans="8:8">
      <c r="H618004" s="12"/>
    </row>
    <row r="618005" spans="8:8">
      <c r="H618005" s="12"/>
    </row>
    <row r="618006" spans="8:8">
      <c r="H618006" s="12"/>
    </row>
    <row r="618007" spans="8:8">
      <c r="H618007" s="12"/>
    </row>
    <row r="618008" spans="8:8">
      <c r="H618008" s="12"/>
    </row>
    <row r="618009" spans="8:8">
      <c r="H618009" s="12"/>
    </row>
    <row r="618010" spans="8:8">
      <c r="H618010" s="12"/>
    </row>
    <row r="618011" spans="8:8">
      <c r="H618011" s="12"/>
    </row>
    <row r="618012" spans="8:8">
      <c r="H618012" s="12"/>
    </row>
    <row r="618013" spans="8:8">
      <c r="H618013" s="12"/>
    </row>
    <row r="618014" spans="8:8">
      <c r="H618014" s="12"/>
    </row>
    <row r="618015" spans="8:8">
      <c r="H618015" s="12"/>
    </row>
    <row r="618016" spans="8:8">
      <c r="H618016" s="12"/>
    </row>
    <row r="618017" spans="8:8">
      <c r="H618017" s="12"/>
    </row>
    <row r="618018" spans="8:8">
      <c r="H618018" s="12"/>
    </row>
    <row r="618019" spans="8:8">
      <c r="H618019" s="12"/>
    </row>
    <row r="618020" spans="8:8">
      <c r="H618020" s="12"/>
    </row>
    <row r="618021" spans="8:8">
      <c r="H618021" s="12"/>
    </row>
    <row r="618022" spans="8:8">
      <c r="H618022" s="12"/>
    </row>
    <row r="618023" spans="8:8">
      <c r="H618023" s="12"/>
    </row>
    <row r="618024" spans="8:8">
      <c r="H618024" s="12"/>
    </row>
    <row r="618025" spans="8:8">
      <c r="H618025" s="12"/>
    </row>
    <row r="618026" spans="8:8">
      <c r="H618026" s="12"/>
    </row>
    <row r="618027" spans="8:8">
      <c r="H618027" s="12"/>
    </row>
    <row r="618028" spans="8:8">
      <c r="H618028" s="12"/>
    </row>
    <row r="618029" spans="8:8">
      <c r="H618029" s="12"/>
    </row>
    <row r="618030" spans="8:8">
      <c r="H618030" s="12"/>
    </row>
    <row r="618031" spans="8:8">
      <c r="H618031" s="12"/>
    </row>
    <row r="618032" spans="8:8">
      <c r="H618032" s="12"/>
    </row>
    <row r="618033" spans="8:8">
      <c r="H618033" s="12"/>
    </row>
    <row r="618034" spans="8:8">
      <c r="H618034" s="12"/>
    </row>
    <row r="618035" spans="8:8">
      <c r="H618035" s="12"/>
    </row>
    <row r="618036" spans="8:8">
      <c r="H618036" s="12"/>
    </row>
    <row r="618037" spans="8:8">
      <c r="H618037" s="12"/>
    </row>
    <row r="618038" spans="8:8">
      <c r="H618038" s="12"/>
    </row>
    <row r="618039" spans="8:8">
      <c r="H618039" s="12"/>
    </row>
    <row r="618040" spans="8:8">
      <c r="H618040" s="12"/>
    </row>
    <row r="618041" spans="8:8">
      <c r="H618041" s="12"/>
    </row>
    <row r="618042" spans="8:8">
      <c r="H618042" s="12"/>
    </row>
    <row r="618043" spans="8:8">
      <c r="H618043" s="12"/>
    </row>
    <row r="618044" spans="8:8">
      <c r="H618044" s="12"/>
    </row>
    <row r="618045" spans="8:8">
      <c r="H618045" s="12"/>
    </row>
    <row r="618046" spans="8:8">
      <c r="H618046" s="12"/>
    </row>
    <row r="618047" spans="8:8">
      <c r="H618047" s="12"/>
    </row>
    <row r="618048" spans="8:8">
      <c r="H618048" s="12"/>
    </row>
    <row r="618049" spans="8:8">
      <c r="H618049" s="12"/>
    </row>
    <row r="618050" spans="8:8">
      <c r="H618050" s="12"/>
    </row>
    <row r="618051" spans="8:8">
      <c r="H618051" s="12"/>
    </row>
    <row r="618052" spans="8:8">
      <c r="H618052" s="12"/>
    </row>
    <row r="618053" spans="8:8">
      <c r="H618053" s="12"/>
    </row>
    <row r="618054" spans="8:8">
      <c r="H618054" s="12"/>
    </row>
    <row r="618055" spans="8:8">
      <c r="H618055" s="12"/>
    </row>
    <row r="618056" spans="8:8">
      <c r="H618056" s="12"/>
    </row>
    <row r="618057" spans="8:8">
      <c r="H618057" s="12"/>
    </row>
    <row r="618058" spans="8:8">
      <c r="H618058" s="12"/>
    </row>
    <row r="618059" spans="8:8">
      <c r="H618059" s="12"/>
    </row>
    <row r="618060" spans="8:8">
      <c r="H618060" s="12"/>
    </row>
    <row r="618061" spans="8:8">
      <c r="H618061" s="12"/>
    </row>
    <row r="618062" spans="8:8">
      <c r="H618062" s="12"/>
    </row>
    <row r="618063" spans="8:8">
      <c r="H618063" s="12"/>
    </row>
    <row r="618064" spans="8:8">
      <c r="H618064" s="12"/>
    </row>
    <row r="618065" spans="8:8">
      <c r="H618065" s="12"/>
    </row>
    <row r="618066" spans="8:8">
      <c r="H618066" s="12"/>
    </row>
    <row r="618067" spans="8:8">
      <c r="H618067" s="12"/>
    </row>
    <row r="618068" spans="8:8">
      <c r="H618068" s="12"/>
    </row>
    <row r="618069" spans="8:8">
      <c r="H618069" s="12"/>
    </row>
    <row r="618070" spans="8:8">
      <c r="H618070" s="12"/>
    </row>
    <row r="618071" spans="8:8">
      <c r="H618071" s="12"/>
    </row>
    <row r="618072" spans="8:8">
      <c r="H618072" s="12"/>
    </row>
    <row r="618073" spans="8:8">
      <c r="H618073" s="12"/>
    </row>
    <row r="618074" spans="8:8">
      <c r="H618074" s="12"/>
    </row>
    <row r="618075" spans="8:8">
      <c r="H618075" s="12"/>
    </row>
    <row r="618076" spans="8:8">
      <c r="H618076" s="12"/>
    </row>
    <row r="618077" spans="8:8">
      <c r="H618077" s="12"/>
    </row>
    <row r="618078" spans="8:8">
      <c r="H618078" s="12"/>
    </row>
    <row r="618079" spans="8:8">
      <c r="H618079" s="12"/>
    </row>
    <row r="618080" spans="8:8">
      <c r="H618080" s="12"/>
    </row>
    <row r="618081" spans="8:8">
      <c r="H618081" s="12"/>
    </row>
    <row r="618082" spans="8:8">
      <c r="H618082" s="12"/>
    </row>
    <row r="618083" spans="8:8">
      <c r="H618083" s="12"/>
    </row>
    <row r="618084" spans="8:8">
      <c r="H618084" s="12"/>
    </row>
    <row r="618085" spans="8:8">
      <c r="H618085" s="12"/>
    </row>
    <row r="618086" spans="8:8">
      <c r="H618086" s="12"/>
    </row>
    <row r="618087" spans="8:8">
      <c r="H618087" s="12"/>
    </row>
    <row r="618088" spans="8:8">
      <c r="H618088" s="12"/>
    </row>
    <row r="618089" spans="8:8">
      <c r="H618089" s="12"/>
    </row>
    <row r="618090" spans="8:8">
      <c r="H618090" s="12"/>
    </row>
    <row r="618091" spans="8:8">
      <c r="H618091" s="12"/>
    </row>
    <row r="618092" spans="8:8">
      <c r="H618092" s="12"/>
    </row>
    <row r="618093" spans="8:8">
      <c r="H618093" s="12"/>
    </row>
    <row r="618094" spans="8:8">
      <c r="H618094" s="12"/>
    </row>
    <row r="618095" spans="8:8">
      <c r="H618095" s="12"/>
    </row>
    <row r="618096" spans="8:8">
      <c r="H618096" s="12"/>
    </row>
    <row r="618097" spans="8:8">
      <c r="H618097" s="12"/>
    </row>
    <row r="618098" spans="8:8">
      <c r="H618098" s="12"/>
    </row>
    <row r="618099" spans="8:8">
      <c r="H618099" s="12"/>
    </row>
    <row r="618100" spans="8:8">
      <c r="H618100" s="12"/>
    </row>
    <row r="618101" spans="8:8">
      <c r="H618101" s="12"/>
    </row>
    <row r="618102" spans="8:8">
      <c r="H618102" s="12"/>
    </row>
    <row r="618103" spans="8:8">
      <c r="H618103" s="12"/>
    </row>
    <row r="618104" spans="8:8">
      <c r="H618104" s="12"/>
    </row>
    <row r="618105" spans="8:8">
      <c r="H618105" s="12"/>
    </row>
    <row r="618106" spans="8:8">
      <c r="H618106" s="12"/>
    </row>
    <row r="618107" spans="8:8">
      <c r="H618107" s="12"/>
    </row>
    <row r="618108" spans="8:8">
      <c r="H618108" s="12"/>
    </row>
    <row r="618109" spans="8:8">
      <c r="H618109" s="12"/>
    </row>
    <row r="618110" spans="8:8">
      <c r="H618110" s="12"/>
    </row>
    <row r="618111" spans="8:8">
      <c r="H618111" s="12"/>
    </row>
    <row r="618112" spans="8:8">
      <c r="H618112" s="12"/>
    </row>
    <row r="618113" spans="8:8">
      <c r="H618113" s="12"/>
    </row>
    <row r="618114" spans="8:8">
      <c r="H618114" s="12"/>
    </row>
    <row r="618115" spans="8:8">
      <c r="H618115" s="12"/>
    </row>
    <row r="618116" spans="8:8">
      <c r="H618116" s="12"/>
    </row>
    <row r="618117" spans="8:8">
      <c r="H618117" s="12"/>
    </row>
    <row r="618118" spans="8:8">
      <c r="H618118" s="12"/>
    </row>
    <row r="618119" spans="8:8">
      <c r="H618119" s="12"/>
    </row>
    <row r="618120" spans="8:8">
      <c r="H618120" s="12"/>
    </row>
    <row r="618121" spans="8:8">
      <c r="H618121" s="12"/>
    </row>
    <row r="618122" spans="8:8">
      <c r="H618122" s="12"/>
    </row>
    <row r="618123" spans="8:8">
      <c r="H618123" s="12"/>
    </row>
    <row r="618124" spans="8:8">
      <c r="H618124" s="12"/>
    </row>
    <row r="618125" spans="8:8">
      <c r="H618125" s="12"/>
    </row>
    <row r="618126" spans="8:8">
      <c r="H618126" s="12"/>
    </row>
    <row r="618127" spans="8:8">
      <c r="H618127" s="12"/>
    </row>
    <row r="618128" spans="8:8">
      <c r="H618128" s="12"/>
    </row>
    <row r="618129" spans="8:8">
      <c r="H618129" s="12"/>
    </row>
    <row r="618130" spans="8:8">
      <c r="H618130" s="12"/>
    </row>
    <row r="618131" spans="8:8">
      <c r="H618131" s="12"/>
    </row>
    <row r="618132" spans="8:8">
      <c r="H618132" s="12"/>
    </row>
    <row r="618133" spans="8:8">
      <c r="H618133" s="12"/>
    </row>
    <row r="618134" spans="8:8">
      <c r="H618134" s="12"/>
    </row>
    <row r="618135" spans="8:8">
      <c r="H618135" s="12"/>
    </row>
    <row r="618136" spans="8:8">
      <c r="H618136" s="12"/>
    </row>
    <row r="618137" spans="8:8">
      <c r="H618137" s="12"/>
    </row>
    <row r="618138" spans="8:8">
      <c r="H618138" s="12"/>
    </row>
    <row r="618139" spans="8:8">
      <c r="H618139" s="12"/>
    </row>
    <row r="618140" spans="8:8">
      <c r="H618140" s="12"/>
    </row>
    <row r="618141" spans="8:8">
      <c r="H618141" s="12"/>
    </row>
    <row r="618142" spans="8:8">
      <c r="H618142" s="12"/>
    </row>
    <row r="618143" spans="8:8">
      <c r="H618143" s="12"/>
    </row>
    <row r="618144" spans="8:8">
      <c r="H618144" s="12"/>
    </row>
    <row r="618145" spans="8:8">
      <c r="H618145" s="12"/>
    </row>
    <row r="618146" spans="8:8">
      <c r="H618146" s="12"/>
    </row>
    <row r="618147" spans="8:8">
      <c r="H618147" s="12"/>
    </row>
    <row r="618148" spans="8:8">
      <c r="H618148" s="12"/>
    </row>
    <row r="618149" spans="8:8">
      <c r="H618149" s="12"/>
    </row>
    <row r="618150" spans="8:8">
      <c r="H618150" s="12"/>
    </row>
    <row r="618151" spans="8:8">
      <c r="H618151" s="12"/>
    </row>
    <row r="618152" spans="8:8">
      <c r="H618152" s="12"/>
    </row>
    <row r="618153" spans="8:8">
      <c r="H618153" s="12"/>
    </row>
    <row r="618154" spans="8:8">
      <c r="H618154" s="12"/>
    </row>
    <row r="618155" spans="8:8">
      <c r="H618155" s="12"/>
    </row>
    <row r="618156" spans="8:8">
      <c r="H618156" s="12"/>
    </row>
    <row r="618157" spans="8:8">
      <c r="H618157" s="12"/>
    </row>
    <row r="618158" spans="8:8">
      <c r="H618158" s="12"/>
    </row>
    <row r="618159" spans="8:8">
      <c r="H618159" s="12"/>
    </row>
    <row r="618160" spans="8:8">
      <c r="H618160" s="12"/>
    </row>
    <row r="618161" spans="8:8">
      <c r="H618161" s="12"/>
    </row>
    <row r="618162" spans="8:8">
      <c r="H618162" s="12"/>
    </row>
    <row r="618163" spans="8:8">
      <c r="H618163" s="12"/>
    </row>
    <row r="618164" spans="8:8">
      <c r="H618164" s="12"/>
    </row>
    <row r="618165" spans="8:8">
      <c r="H618165" s="12"/>
    </row>
    <row r="618166" spans="8:8">
      <c r="H618166" s="12"/>
    </row>
    <row r="618167" spans="8:8">
      <c r="H618167" s="12"/>
    </row>
    <row r="618168" spans="8:8">
      <c r="H618168" s="12"/>
    </row>
    <row r="618169" spans="8:8">
      <c r="H618169" s="12"/>
    </row>
    <row r="618170" spans="8:8">
      <c r="H618170" s="12"/>
    </row>
    <row r="618171" spans="8:8">
      <c r="H618171" s="12"/>
    </row>
    <row r="618172" spans="8:8">
      <c r="H618172" s="12"/>
    </row>
    <row r="618173" spans="8:8">
      <c r="H618173" s="12"/>
    </row>
    <row r="618174" spans="8:8">
      <c r="H618174" s="12"/>
    </row>
    <row r="618175" spans="8:8">
      <c r="H618175" s="12"/>
    </row>
    <row r="618176" spans="8:8">
      <c r="H618176" s="12"/>
    </row>
    <row r="618177" spans="8:8">
      <c r="H618177" s="12"/>
    </row>
    <row r="618178" spans="8:8">
      <c r="H618178" s="12"/>
    </row>
    <row r="618179" spans="8:8">
      <c r="H618179" s="12"/>
    </row>
    <row r="618180" spans="8:8">
      <c r="H618180" s="12"/>
    </row>
    <row r="618181" spans="8:8">
      <c r="H618181" s="12"/>
    </row>
    <row r="618182" spans="8:8">
      <c r="H618182" s="12"/>
    </row>
    <row r="618183" spans="8:8">
      <c r="H618183" s="12"/>
    </row>
    <row r="618184" spans="8:8">
      <c r="H618184" s="12"/>
    </row>
    <row r="618185" spans="8:8">
      <c r="H618185" s="12"/>
    </row>
    <row r="618186" spans="8:8">
      <c r="H618186" s="12"/>
    </row>
    <row r="618187" spans="8:8">
      <c r="H618187" s="12"/>
    </row>
    <row r="618188" spans="8:8">
      <c r="H618188" s="12"/>
    </row>
    <row r="618189" spans="8:8">
      <c r="H618189" s="12"/>
    </row>
    <row r="618190" spans="8:8">
      <c r="H618190" s="12"/>
    </row>
    <row r="618191" spans="8:8">
      <c r="H618191" s="12"/>
    </row>
    <row r="618192" spans="8:8">
      <c r="H618192" s="12"/>
    </row>
    <row r="618193" spans="8:8">
      <c r="H618193" s="12"/>
    </row>
    <row r="618194" spans="8:8">
      <c r="H618194" s="12"/>
    </row>
    <row r="618195" spans="8:8">
      <c r="H618195" s="12"/>
    </row>
    <row r="618196" spans="8:8">
      <c r="H618196" s="12"/>
    </row>
    <row r="618197" spans="8:8">
      <c r="H618197" s="12"/>
    </row>
    <row r="618198" spans="8:8">
      <c r="H618198" s="12"/>
    </row>
    <row r="618199" spans="8:8">
      <c r="H618199" s="12"/>
    </row>
    <row r="618200" spans="8:8">
      <c r="H618200" s="12"/>
    </row>
    <row r="618201" spans="8:8">
      <c r="H618201" s="12"/>
    </row>
    <row r="618202" spans="8:8">
      <c r="H618202" s="12"/>
    </row>
    <row r="618203" spans="8:8">
      <c r="H618203" s="12"/>
    </row>
    <row r="618204" spans="8:8">
      <c r="H618204" s="12"/>
    </row>
    <row r="618205" spans="8:8">
      <c r="H618205" s="12"/>
    </row>
    <row r="618206" spans="8:8">
      <c r="H618206" s="12"/>
    </row>
    <row r="618207" spans="8:8">
      <c r="H618207" s="12"/>
    </row>
    <row r="618208" spans="8:8">
      <c r="H618208" s="12"/>
    </row>
    <row r="618209" spans="8:8">
      <c r="H618209" s="12"/>
    </row>
    <row r="618210" spans="8:8">
      <c r="H618210" s="12"/>
    </row>
    <row r="618211" spans="8:8">
      <c r="H618211" s="12"/>
    </row>
    <row r="618212" spans="8:8">
      <c r="H618212" s="12"/>
    </row>
    <row r="618213" spans="8:8">
      <c r="H618213" s="12"/>
    </row>
    <row r="618214" spans="8:8">
      <c r="H618214" s="12"/>
    </row>
    <row r="618215" spans="8:8">
      <c r="H618215" s="12"/>
    </row>
    <row r="618216" spans="8:8">
      <c r="H618216" s="12"/>
    </row>
    <row r="618217" spans="8:8">
      <c r="H618217" s="12"/>
    </row>
    <row r="618218" spans="8:8">
      <c r="H618218" s="12"/>
    </row>
    <row r="618219" spans="8:8">
      <c r="H618219" s="12"/>
    </row>
    <row r="618220" spans="8:8">
      <c r="H618220" s="12"/>
    </row>
    <row r="618221" spans="8:8">
      <c r="H618221" s="12"/>
    </row>
    <row r="618222" spans="8:8">
      <c r="H618222" s="12"/>
    </row>
    <row r="618223" spans="8:8">
      <c r="H618223" s="12"/>
    </row>
    <row r="618224" spans="8:8">
      <c r="H618224" s="12"/>
    </row>
    <row r="618225" spans="8:8">
      <c r="H618225" s="12"/>
    </row>
    <row r="618226" spans="8:8">
      <c r="H618226" s="12"/>
    </row>
    <row r="618227" spans="8:8">
      <c r="H618227" s="12"/>
    </row>
    <row r="618228" spans="8:8">
      <c r="H618228" s="12"/>
    </row>
    <row r="618229" spans="8:8">
      <c r="H618229" s="12"/>
    </row>
    <row r="618230" spans="8:8">
      <c r="H618230" s="12"/>
    </row>
    <row r="618231" spans="8:8">
      <c r="H618231" s="12"/>
    </row>
    <row r="618232" spans="8:8">
      <c r="H618232" s="12"/>
    </row>
    <row r="618233" spans="8:8">
      <c r="H618233" s="12"/>
    </row>
    <row r="618234" spans="8:8">
      <c r="H618234" s="12"/>
    </row>
    <row r="618235" spans="8:8">
      <c r="H618235" s="12"/>
    </row>
    <row r="618236" spans="8:8">
      <c r="H618236" s="12"/>
    </row>
    <row r="618237" spans="8:8">
      <c r="H618237" s="12"/>
    </row>
    <row r="618238" spans="8:8">
      <c r="H618238" s="12"/>
    </row>
    <row r="618239" spans="8:8">
      <c r="H618239" s="12"/>
    </row>
    <row r="618240" spans="8:8">
      <c r="H618240" s="12"/>
    </row>
    <row r="618241" spans="8:8">
      <c r="H618241" s="12"/>
    </row>
    <row r="618242" spans="8:8">
      <c r="H618242" s="12"/>
    </row>
    <row r="618243" spans="8:8">
      <c r="H618243" s="12"/>
    </row>
    <row r="618244" spans="8:8">
      <c r="H618244" s="12"/>
    </row>
    <row r="618245" spans="8:8">
      <c r="H618245" s="12"/>
    </row>
    <row r="618246" spans="8:8">
      <c r="H618246" s="12"/>
    </row>
    <row r="618247" spans="8:8">
      <c r="H618247" s="12"/>
    </row>
    <row r="618248" spans="8:8">
      <c r="H618248" s="12"/>
    </row>
    <row r="618249" spans="8:8">
      <c r="H618249" s="12"/>
    </row>
    <row r="618250" spans="8:8">
      <c r="H618250" s="12"/>
    </row>
    <row r="618251" spans="8:8">
      <c r="H618251" s="12"/>
    </row>
    <row r="618252" spans="8:8">
      <c r="H618252" s="12"/>
    </row>
    <row r="618253" spans="8:8">
      <c r="H618253" s="12"/>
    </row>
    <row r="618254" spans="8:8">
      <c r="H618254" s="12"/>
    </row>
    <row r="618255" spans="8:8">
      <c r="H618255" s="12"/>
    </row>
    <row r="618256" spans="8:8">
      <c r="H618256" s="12"/>
    </row>
    <row r="618257" spans="8:8">
      <c r="H618257" s="12"/>
    </row>
    <row r="618258" spans="8:8">
      <c r="H618258" s="12"/>
    </row>
    <row r="618259" spans="8:8">
      <c r="H618259" s="12"/>
    </row>
    <row r="618260" spans="8:8">
      <c r="H618260" s="12"/>
    </row>
    <row r="618261" spans="8:8">
      <c r="H618261" s="12"/>
    </row>
    <row r="618262" spans="8:8">
      <c r="H618262" s="12"/>
    </row>
    <row r="618263" spans="8:8">
      <c r="H618263" s="12"/>
    </row>
    <row r="618264" spans="8:8">
      <c r="H618264" s="12"/>
    </row>
    <row r="618265" spans="8:8">
      <c r="H618265" s="12"/>
    </row>
    <row r="618266" spans="8:8">
      <c r="H618266" s="12"/>
    </row>
    <row r="618267" spans="8:8">
      <c r="H618267" s="12"/>
    </row>
    <row r="618268" spans="8:8">
      <c r="H618268" s="12"/>
    </row>
    <row r="618269" spans="8:8">
      <c r="H618269" s="12"/>
    </row>
    <row r="618270" spans="8:8">
      <c r="H618270" s="12"/>
    </row>
    <row r="618271" spans="8:8">
      <c r="H618271" s="12"/>
    </row>
    <row r="618272" spans="8:8">
      <c r="H618272" s="12"/>
    </row>
    <row r="618273" spans="8:8">
      <c r="H618273" s="12"/>
    </row>
    <row r="618274" spans="8:8">
      <c r="H618274" s="12"/>
    </row>
    <row r="618275" spans="8:8">
      <c r="H618275" s="12"/>
    </row>
    <row r="618276" spans="8:8">
      <c r="H618276" s="12"/>
    </row>
    <row r="618277" spans="8:8">
      <c r="H618277" s="12"/>
    </row>
    <row r="618278" spans="8:8">
      <c r="H618278" s="12"/>
    </row>
    <row r="618279" spans="8:8">
      <c r="H618279" s="12"/>
    </row>
    <row r="618280" spans="8:8">
      <c r="H618280" s="12"/>
    </row>
    <row r="618281" spans="8:8">
      <c r="H618281" s="12"/>
    </row>
    <row r="618282" spans="8:8">
      <c r="H618282" s="12"/>
    </row>
    <row r="618283" spans="8:8">
      <c r="H618283" s="12"/>
    </row>
    <row r="618284" spans="8:8">
      <c r="H618284" s="12"/>
    </row>
    <row r="618285" spans="8:8">
      <c r="H618285" s="12"/>
    </row>
    <row r="618286" spans="8:8">
      <c r="H618286" s="12"/>
    </row>
    <row r="618287" spans="8:8">
      <c r="H618287" s="12"/>
    </row>
    <row r="618288" spans="8:8">
      <c r="H618288" s="12"/>
    </row>
    <row r="618289" spans="8:8">
      <c r="H618289" s="12"/>
    </row>
    <row r="618290" spans="8:8">
      <c r="H618290" s="12"/>
    </row>
    <row r="618291" spans="8:8">
      <c r="H618291" s="12"/>
    </row>
    <row r="618292" spans="8:8">
      <c r="H618292" s="12"/>
    </row>
    <row r="618293" spans="8:8">
      <c r="H618293" s="12"/>
    </row>
    <row r="618294" spans="8:8">
      <c r="H618294" s="12"/>
    </row>
    <row r="618295" spans="8:8">
      <c r="H618295" s="12"/>
    </row>
    <row r="618296" spans="8:8">
      <c r="H618296" s="12"/>
    </row>
    <row r="618297" spans="8:8">
      <c r="H618297" s="12"/>
    </row>
    <row r="618298" spans="8:8">
      <c r="H618298" s="12"/>
    </row>
    <row r="618299" spans="8:8">
      <c r="H618299" s="12"/>
    </row>
    <row r="618300" spans="8:8">
      <c r="H618300" s="12"/>
    </row>
    <row r="618301" spans="8:8">
      <c r="H618301" s="12"/>
    </row>
    <row r="618302" spans="8:8">
      <c r="H618302" s="12"/>
    </row>
    <row r="618303" spans="8:8">
      <c r="H618303" s="12"/>
    </row>
    <row r="618304" spans="8:8">
      <c r="H618304" s="12"/>
    </row>
    <row r="618305" spans="8:8">
      <c r="H618305" s="12"/>
    </row>
    <row r="618306" spans="8:8">
      <c r="H618306" s="12"/>
    </row>
    <row r="618307" spans="8:8">
      <c r="H618307" s="12"/>
    </row>
    <row r="618308" spans="8:8">
      <c r="H618308" s="12"/>
    </row>
    <row r="618309" spans="8:8">
      <c r="H618309" s="12"/>
    </row>
    <row r="618310" spans="8:8">
      <c r="H618310" s="12"/>
    </row>
    <row r="618311" spans="8:8">
      <c r="H618311" s="12"/>
    </row>
    <row r="618312" spans="8:8">
      <c r="H618312" s="12"/>
    </row>
    <row r="618313" spans="8:8">
      <c r="H618313" s="12"/>
    </row>
    <row r="618314" spans="8:8">
      <c r="H618314" s="12"/>
    </row>
    <row r="618315" spans="8:8">
      <c r="H618315" s="12"/>
    </row>
    <row r="618316" spans="8:8">
      <c r="H618316" s="12"/>
    </row>
    <row r="618317" spans="8:8">
      <c r="H618317" s="12"/>
    </row>
    <row r="618318" spans="8:8">
      <c r="H618318" s="12"/>
    </row>
    <row r="618319" spans="8:8">
      <c r="H618319" s="12"/>
    </row>
    <row r="618320" spans="8:8">
      <c r="H618320" s="12"/>
    </row>
    <row r="618321" spans="8:8">
      <c r="H618321" s="12"/>
    </row>
    <row r="618322" spans="8:8">
      <c r="H618322" s="12"/>
    </row>
    <row r="618323" spans="8:8">
      <c r="H618323" s="12"/>
    </row>
    <row r="618324" spans="8:8">
      <c r="H618324" s="12"/>
    </row>
    <row r="618325" spans="8:8">
      <c r="H618325" s="12"/>
    </row>
    <row r="618326" spans="8:8">
      <c r="H618326" s="12"/>
    </row>
    <row r="618327" spans="8:8">
      <c r="H618327" s="12"/>
    </row>
    <row r="618328" spans="8:8">
      <c r="H618328" s="12"/>
    </row>
    <row r="618329" spans="8:8">
      <c r="H618329" s="12"/>
    </row>
    <row r="618330" spans="8:8">
      <c r="H618330" s="12"/>
    </row>
    <row r="618331" spans="8:8">
      <c r="H618331" s="12"/>
    </row>
    <row r="618332" spans="8:8">
      <c r="H618332" s="12"/>
    </row>
    <row r="618333" spans="8:8">
      <c r="H618333" s="12"/>
    </row>
    <row r="618334" spans="8:8">
      <c r="H618334" s="12"/>
    </row>
    <row r="618335" spans="8:8">
      <c r="H618335" s="12"/>
    </row>
    <row r="618336" spans="8:8">
      <c r="H618336" s="12"/>
    </row>
    <row r="618337" spans="8:8">
      <c r="H618337" s="12"/>
    </row>
    <row r="618338" spans="8:8">
      <c r="H618338" s="12"/>
    </row>
    <row r="618339" spans="8:8">
      <c r="H618339" s="12"/>
    </row>
    <row r="618340" spans="8:8">
      <c r="H618340" s="12"/>
    </row>
    <row r="618341" spans="8:8">
      <c r="H618341" s="12"/>
    </row>
    <row r="618342" spans="8:8">
      <c r="H618342" s="12"/>
    </row>
    <row r="618343" spans="8:8">
      <c r="H618343" s="12"/>
    </row>
    <row r="618344" spans="8:8">
      <c r="H618344" s="12"/>
    </row>
    <row r="618345" spans="8:8">
      <c r="H618345" s="12"/>
    </row>
    <row r="618346" spans="8:8">
      <c r="H618346" s="12"/>
    </row>
    <row r="618347" spans="8:8">
      <c r="H618347" s="12"/>
    </row>
    <row r="618348" spans="8:8">
      <c r="H618348" s="12"/>
    </row>
    <row r="618349" spans="8:8">
      <c r="H618349" s="12"/>
    </row>
    <row r="618350" spans="8:8">
      <c r="H618350" s="12"/>
    </row>
    <row r="618351" spans="8:8">
      <c r="H618351" s="12"/>
    </row>
    <row r="618352" spans="8:8">
      <c r="H618352" s="12"/>
    </row>
    <row r="618353" spans="8:8">
      <c r="H618353" s="12"/>
    </row>
    <row r="618354" spans="8:8">
      <c r="H618354" s="12"/>
    </row>
    <row r="618355" spans="8:8">
      <c r="H618355" s="12"/>
    </row>
    <row r="618356" spans="8:8">
      <c r="H618356" s="12"/>
    </row>
    <row r="618357" spans="8:8">
      <c r="H618357" s="12"/>
    </row>
    <row r="618358" spans="8:8">
      <c r="H618358" s="12"/>
    </row>
    <row r="618359" spans="8:8">
      <c r="H618359" s="12"/>
    </row>
    <row r="618360" spans="8:8">
      <c r="H618360" s="12"/>
    </row>
    <row r="618361" spans="8:8">
      <c r="H618361" s="12"/>
    </row>
    <row r="618362" spans="8:8">
      <c r="H618362" s="12"/>
    </row>
    <row r="618363" spans="8:8">
      <c r="H618363" s="12"/>
    </row>
    <row r="618364" spans="8:8">
      <c r="H618364" s="12"/>
    </row>
    <row r="618365" spans="8:8">
      <c r="H618365" s="12"/>
    </row>
    <row r="618366" spans="8:8">
      <c r="H618366" s="12"/>
    </row>
    <row r="618367" spans="8:8">
      <c r="H618367" s="12"/>
    </row>
    <row r="618368" spans="8:8">
      <c r="H618368" s="12"/>
    </row>
    <row r="618369" spans="8:8">
      <c r="H618369" s="12"/>
    </row>
    <row r="618370" spans="8:8">
      <c r="H618370" s="12"/>
    </row>
    <row r="618371" spans="8:8">
      <c r="H618371" s="12"/>
    </row>
    <row r="618372" spans="8:8">
      <c r="H618372" s="12"/>
    </row>
    <row r="618373" spans="8:8">
      <c r="H618373" s="12"/>
    </row>
    <row r="618374" spans="8:8">
      <c r="H618374" s="12"/>
    </row>
    <row r="618375" spans="8:8">
      <c r="H618375" s="12"/>
    </row>
    <row r="618376" spans="8:8">
      <c r="H618376" s="12"/>
    </row>
    <row r="618377" spans="8:8">
      <c r="H618377" s="12"/>
    </row>
    <row r="618378" spans="8:8">
      <c r="H618378" s="12"/>
    </row>
    <row r="618379" spans="8:8">
      <c r="H618379" s="12"/>
    </row>
    <row r="618380" spans="8:8">
      <c r="H618380" s="12"/>
    </row>
    <row r="618381" spans="8:8">
      <c r="H618381" s="12"/>
    </row>
    <row r="618382" spans="8:8">
      <c r="H618382" s="12"/>
    </row>
    <row r="618383" spans="8:8">
      <c r="H618383" s="12"/>
    </row>
    <row r="618384" spans="8:8">
      <c r="H618384" s="12"/>
    </row>
    <row r="618385" spans="8:8">
      <c r="H618385" s="12"/>
    </row>
    <row r="618386" spans="8:8">
      <c r="H618386" s="12"/>
    </row>
    <row r="618387" spans="8:8">
      <c r="H618387" s="12"/>
    </row>
    <row r="618388" spans="8:8">
      <c r="H618388" s="12"/>
    </row>
    <row r="618389" spans="8:8">
      <c r="H618389" s="12"/>
    </row>
    <row r="618390" spans="8:8">
      <c r="H618390" s="12"/>
    </row>
    <row r="618391" spans="8:8">
      <c r="H618391" s="12"/>
    </row>
    <row r="618392" spans="8:8">
      <c r="H618392" s="12"/>
    </row>
    <row r="618393" spans="8:8">
      <c r="H618393" s="12"/>
    </row>
    <row r="618394" spans="8:8">
      <c r="H618394" s="12"/>
    </row>
    <row r="618395" spans="8:8">
      <c r="H618395" s="12"/>
    </row>
    <row r="618396" spans="8:8">
      <c r="H618396" s="12"/>
    </row>
    <row r="618397" spans="8:8">
      <c r="H618397" s="12"/>
    </row>
    <row r="618398" spans="8:8">
      <c r="H618398" s="12"/>
    </row>
    <row r="618399" spans="8:8">
      <c r="H618399" s="12"/>
    </row>
    <row r="618400" spans="8:8">
      <c r="H618400" s="12"/>
    </row>
    <row r="618401" spans="8:8">
      <c r="H618401" s="12"/>
    </row>
    <row r="618402" spans="8:8">
      <c r="H618402" s="12"/>
    </row>
    <row r="618403" spans="8:8">
      <c r="H618403" s="12"/>
    </row>
    <row r="618404" spans="8:8">
      <c r="H618404" s="12"/>
    </row>
    <row r="618405" spans="8:8">
      <c r="H618405" s="12"/>
    </row>
    <row r="618406" spans="8:8">
      <c r="H618406" s="12"/>
    </row>
    <row r="618407" spans="8:8">
      <c r="H618407" s="12"/>
    </row>
    <row r="618408" spans="8:8">
      <c r="H618408" s="12"/>
    </row>
    <row r="618409" spans="8:8">
      <c r="H618409" s="12"/>
    </row>
    <row r="618410" spans="8:8">
      <c r="H618410" s="12"/>
    </row>
    <row r="618411" spans="8:8">
      <c r="H618411" s="12"/>
    </row>
    <row r="618412" spans="8:8">
      <c r="H618412" s="12"/>
    </row>
    <row r="618413" spans="8:8">
      <c r="H618413" s="12"/>
    </row>
    <row r="618414" spans="8:8">
      <c r="H618414" s="12"/>
    </row>
    <row r="618415" spans="8:8">
      <c r="H618415" s="12"/>
    </row>
    <row r="618416" spans="8:8">
      <c r="H618416" s="12"/>
    </row>
    <row r="618417" spans="8:8">
      <c r="H618417" s="12"/>
    </row>
    <row r="618418" spans="8:8">
      <c r="H618418" s="12"/>
    </row>
    <row r="618419" spans="8:8">
      <c r="H618419" s="12"/>
    </row>
    <row r="618420" spans="8:8">
      <c r="H618420" s="12"/>
    </row>
    <row r="618421" spans="8:8">
      <c r="H618421" s="12"/>
    </row>
    <row r="618422" spans="8:8">
      <c r="H618422" s="12"/>
    </row>
    <row r="618423" spans="8:8">
      <c r="H618423" s="12"/>
    </row>
    <row r="618424" spans="8:8">
      <c r="H618424" s="12"/>
    </row>
    <row r="618425" spans="8:8">
      <c r="H618425" s="12"/>
    </row>
    <row r="618426" spans="8:8">
      <c r="H618426" s="12"/>
    </row>
    <row r="618427" spans="8:8">
      <c r="H618427" s="12"/>
    </row>
    <row r="618428" spans="8:8">
      <c r="H618428" s="12"/>
    </row>
    <row r="618429" spans="8:8">
      <c r="H618429" s="12"/>
    </row>
    <row r="618430" spans="8:8">
      <c r="H618430" s="12"/>
    </row>
    <row r="618431" spans="8:8">
      <c r="H618431" s="12"/>
    </row>
    <row r="618432" spans="8:8">
      <c r="H618432" s="12"/>
    </row>
    <row r="618433" spans="8:8">
      <c r="H618433" s="12"/>
    </row>
    <row r="618434" spans="8:8">
      <c r="H618434" s="12"/>
    </row>
    <row r="618435" spans="8:8">
      <c r="H618435" s="12"/>
    </row>
    <row r="618436" spans="8:8">
      <c r="H618436" s="12"/>
    </row>
    <row r="618437" spans="8:8">
      <c r="H618437" s="12"/>
    </row>
    <row r="618438" spans="8:8">
      <c r="H618438" s="12"/>
    </row>
    <row r="618439" spans="8:8">
      <c r="H618439" s="12"/>
    </row>
    <row r="618440" spans="8:8">
      <c r="H618440" s="12"/>
    </row>
    <row r="618441" spans="8:8">
      <c r="H618441" s="12"/>
    </row>
    <row r="618442" spans="8:8">
      <c r="H618442" s="12"/>
    </row>
    <row r="618443" spans="8:8">
      <c r="H618443" s="12"/>
    </row>
    <row r="618444" spans="8:8">
      <c r="H618444" s="12"/>
    </row>
    <row r="618445" spans="8:8">
      <c r="H618445" s="12"/>
    </row>
    <row r="618446" spans="8:8">
      <c r="H618446" s="12"/>
    </row>
    <row r="618447" spans="8:8">
      <c r="H618447" s="12"/>
    </row>
    <row r="618448" spans="8:8">
      <c r="H618448" s="12"/>
    </row>
    <row r="618449" spans="8:8">
      <c r="H618449" s="12"/>
    </row>
    <row r="618450" spans="8:8">
      <c r="H618450" s="12"/>
    </row>
    <row r="618451" spans="8:8">
      <c r="H618451" s="12"/>
    </row>
    <row r="618452" spans="8:8">
      <c r="H618452" s="12"/>
    </row>
    <row r="618453" spans="8:8">
      <c r="H618453" s="12"/>
    </row>
    <row r="618454" spans="8:8">
      <c r="H618454" s="12"/>
    </row>
    <row r="618455" spans="8:8">
      <c r="H618455" s="12"/>
    </row>
    <row r="618456" spans="8:8">
      <c r="H618456" s="12"/>
    </row>
    <row r="618457" spans="8:8">
      <c r="H618457" s="12"/>
    </row>
    <row r="618458" spans="8:8">
      <c r="H618458" s="12"/>
    </row>
    <row r="618459" spans="8:8">
      <c r="H618459" s="12"/>
    </row>
    <row r="618460" spans="8:8">
      <c r="H618460" s="12"/>
    </row>
    <row r="618461" spans="8:8">
      <c r="H618461" s="12"/>
    </row>
    <row r="618462" spans="8:8">
      <c r="H618462" s="12"/>
    </row>
    <row r="618463" spans="8:8">
      <c r="H618463" s="12"/>
    </row>
    <row r="618464" spans="8:8">
      <c r="H618464" s="12"/>
    </row>
    <row r="618465" spans="8:8">
      <c r="H618465" s="12"/>
    </row>
    <row r="618466" spans="8:8">
      <c r="H618466" s="12"/>
    </row>
    <row r="618467" spans="8:8">
      <c r="H618467" s="12"/>
    </row>
    <row r="618468" spans="8:8">
      <c r="H618468" s="12"/>
    </row>
    <row r="618469" spans="8:8">
      <c r="H618469" s="12"/>
    </row>
    <row r="618470" spans="8:8">
      <c r="H618470" s="12"/>
    </row>
    <row r="618471" spans="8:8">
      <c r="H618471" s="12"/>
    </row>
    <row r="618472" spans="8:8">
      <c r="H618472" s="12"/>
    </row>
    <row r="618473" spans="8:8">
      <c r="H618473" s="12"/>
    </row>
    <row r="618474" spans="8:8">
      <c r="H618474" s="12"/>
    </row>
    <row r="618475" spans="8:8">
      <c r="H618475" s="12"/>
    </row>
    <row r="618476" spans="8:8">
      <c r="H618476" s="12"/>
    </row>
    <row r="618477" spans="8:8">
      <c r="H618477" s="12"/>
    </row>
    <row r="618478" spans="8:8">
      <c r="H618478" s="12"/>
    </row>
    <row r="618479" spans="8:8">
      <c r="H618479" s="12"/>
    </row>
    <row r="618480" spans="8:8">
      <c r="H618480" s="12"/>
    </row>
    <row r="618481" spans="8:8">
      <c r="H618481" s="12"/>
    </row>
    <row r="618482" spans="8:8">
      <c r="H618482" s="12"/>
    </row>
    <row r="618483" spans="8:8">
      <c r="H618483" s="12"/>
    </row>
    <row r="618484" spans="8:8">
      <c r="H618484" s="12"/>
    </row>
    <row r="618485" spans="8:8">
      <c r="H618485" s="12"/>
    </row>
    <row r="618486" spans="8:8">
      <c r="H618486" s="12"/>
    </row>
    <row r="618487" spans="8:8">
      <c r="H618487" s="12"/>
    </row>
    <row r="618488" spans="8:8">
      <c r="H618488" s="12"/>
    </row>
    <row r="618489" spans="8:8">
      <c r="H618489" s="12"/>
    </row>
    <row r="618490" spans="8:8">
      <c r="H618490" s="12"/>
    </row>
    <row r="618491" spans="8:8">
      <c r="H618491" s="12"/>
    </row>
    <row r="618492" spans="8:8">
      <c r="H618492" s="12"/>
    </row>
    <row r="618493" spans="8:8">
      <c r="H618493" s="12"/>
    </row>
    <row r="618494" spans="8:8">
      <c r="H618494" s="12"/>
    </row>
    <row r="618495" spans="8:8">
      <c r="H618495" s="12"/>
    </row>
    <row r="618496" spans="8:8">
      <c r="H618496" s="12"/>
    </row>
    <row r="618497" spans="8:8">
      <c r="H618497" s="12"/>
    </row>
    <row r="618498" spans="8:8">
      <c r="H618498" s="12"/>
    </row>
    <row r="618499" spans="8:8">
      <c r="H618499" s="12"/>
    </row>
    <row r="618500" spans="8:8">
      <c r="H618500" s="12"/>
    </row>
    <row r="618501" spans="8:8">
      <c r="H618501" s="12"/>
    </row>
    <row r="618502" spans="8:8">
      <c r="H618502" s="12"/>
    </row>
    <row r="618503" spans="8:8">
      <c r="H618503" s="12"/>
    </row>
    <row r="618504" spans="8:8">
      <c r="H618504" s="12"/>
    </row>
    <row r="618505" spans="8:8">
      <c r="H618505" s="12"/>
    </row>
    <row r="618506" spans="8:8">
      <c r="H618506" s="12"/>
    </row>
    <row r="618507" spans="8:8">
      <c r="H618507" s="12"/>
    </row>
    <row r="618508" spans="8:8">
      <c r="H618508" s="12"/>
    </row>
    <row r="618509" spans="8:8">
      <c r="H618509" s="12"/>
    </row>
    <row r="618510" spans="8:8">
      <c r="H618510" s="12"/>
    </row>
    <row r="618511" spans="8:8">
      <c r="H618511" s="12"/>
    </row>
    <row r="618512" spans="8:8">
      <c r="H618512" s="12"/>
    </row>
    <row r="618513" spans="8:8">
      <c r="H618513" s="12"/>
    </row>
    <row r="618514" spans="8:8">
      <c r="H618514" s="12"/>
    </row>
    <row r="618515" spans="8:8">
      <c r="H618515" s="12"/>
    </row>
    <row r="618516" spans="8:8">
      <c r="H618516" s="12"/>
    </row>
    <row r="618517" spans="8:8">
      <c r="H618517" s="12"/>
    </row>
    <row r="618518" spans="8:8">
      <c r="H618518" s="12"/>
    </row>
    <row r="618519" spans="8:8">
      <c r="H618519" s="12"/>
    </row>
    <row r="618520" spans="8:8">
      <c r="H618520" s="12"/>
    </row>
    <row r="618521" spans="8:8">
      <c r="H618521" s="12"/>
    </row>
    <row r="618522" spans="8:8">
      <c r="H618522" s="12"/>
    </row>
    <row r="618523" spans="8:8">
      <c r="H618523" s="12"/>
    </row>
    <row r="618524" spans="8:8">
      <c r="H618524" s="12"/>
    </row>
    <row r="618525" spans="8:8">
      <c r="H618525" s="12"/>
    </row>
    <row r="618526" spans="8:8">
      <c r="H618526" s="12"/>
    </row>
    <row r="618527" spans="8:8">
      <c r="H618527" s="12"/>
    </row>
    <row r="618528" spans="8:8">
      <c r="H618528" s="12"/>
    </row>
    <row r="618529" spans="8:8">
      <c r="H618529" s="12"/>
    </row>
    <row r="618530" spans="8:8">
      <c r="H618530" s="12"/>
    </row>
    <row r="618531" spans="8:8">
      <c r="H618531" s="12"/>
    </row>
    <row r="618532" spans="8:8">
      <c r="H618532" s="12"/>
    </row>
    <row r="618533" spans="8:8">
      <c r="H618533" s="12"/>
    </row>
    <row r="618534" spans="8:8">
      <c r="H618534" s="12"/>
    </row>
    <row r="618535" spans="8:8">
      <c r="H618535" s="12"/>
    </row>
    <row r="618536" spans="8:8">
      <c r="H618536" s="12"/>
    </row>
    <row r="618537" spans="8:8">
      <c r="H618537" s="12"/>
    </row>
    <row r="618538" spans="8:8">
      <c r="H618538" s="12"/>
    </row>
    <row r="618539" spans="8:8">
      <c r="H618539" s="12"/>
    </row>
    <row r="618540" spans="8:8">
      <c r="H618540" s="12"/>
    </row>
    <row r="618541" spans="8:8">
      <c r="H618541" s="12"/>
    </row>
    <row r="618542" spans="8:8">
      <c r="H618542" s="12"/>
    </row>
    <row r="618543" spans="8:8">
      <c r="H618543" s="12"/>
    </row>
    <row r="618544" spans="8:8">
      <c r="H618544" s="12"/>
    </row>
    <row r="618545" spans="8:8">
      <c r="H618545" s="12"/>
    </row>
    <row r="618546" spans="8:8">
      <c r="H618546" s="12"/>
    </row>
    <row r="618547" spans="8:8">
      <c r="H618547" s="12"/>
    </row>
    <row r="618548" spans="8:8">
      <c r="H618548" s="12"/>
    </row>
    <row r="618549" spans="8:8">
      <c r="H618549" s="12"/>
    </row>
    <row r="618550" spans="8:8">
      <c r="H618550" s="12"/>
    </row>
    <row r="618551" spans="8:8">
      <c r="H618551" s="12"/>
    </row>
    <row r="618552" spans="8:8">
      <c r="H618552" s="12"/>
    </row>
    <row r="618553" spans="8:8">
      <c r="H618553" s="12"/>
    </row>
    <row r="618554" spans="8:8">
      <c r="H618554" s="12"/>
    </row>
    <row r="618555" spans="8:8">
      <c r="H618555" s="12"/>
    </row>
    <row r="618556" spans="8:8">
      <c r="H618556" s="12"/>
    </row>
    <row r="618557" spans="8:8">
      <c r="H618557" s="12"/>
    </row>
    <row r="618558" spans="8:8">
      <c r="H618558" s="12"/>
    </row>
    <row r="618559" spans="8:8">
      <c r="H618559" s="12"/>
    </row>
    <row r="618560" spans="8:8">
      <c r="H618560" s="12"/>
    </row>
    <row r="618561" spans="8:8">
      <c r="H618561" s="12"/>
    </row>
    <row r="618562" spans="8:8">
      <c r="H618562" s="12"/>
    </row>
    <row r="618563" spans="8:8">
      <c r="H618563" s="12"/>
    </row>
    <row r="618564" spans="8:8">
      <c r="H618564" s="12"/>
    </row>
    <row r="618565" spans="8:8">
      <c r="H618565" s="12"/>
    </row>
    <row r="618566" spans="8:8">
      <c r="H618566" s="12"/>
    </row>
    <row r="618567" spans="8:8">
      <c r="H618567" s="12"/>
    </row>
    <row r="618568" spans="8:8">
      <c r="H618568" s="12"/>
    </row>
    <row r="618569" spans="8:8">
      <c r="H618569" s="12"/>
    </row>
    <row r="618570" spans="8:8">
      <c r="H618570" s="12"/>
    </row>
    <row r="618571" spans="8:8">
      <c r="H618571" s="12"/>
    </row>
    <row r="618572" spans="8:8">
      <c r="H618572" s="12"/>
    </row>
    <row r="618573" spans="8:8">
      <c r="H618573" s="12"/>
    </row>
    <row r="618574" spans="8:8">
      <c r="H618574" s="12"/>
    </row>
    <row r="618575" spans="8:8">
      <c r="H618575" s="12"/>
    </row>
    <row r="618576" spans="8:8">
      <c r="H618576" s="12"/>
    </row>
    <row r="618577" spans="8:8">
      <c r="H618577" s="12"/>
    </row>
    <row r="618578" spans="8:8">
      <c r="H618578" s="12"/>
    </row>
    <row r="618579" spans="8:8">
      <c r="H618579" s="12"/>
    </row>
    <row r="618580" spans="8:8">
      <c r="H618580" s="12"/>
    </row>
    <row r="618581" spans="8:8">
      <c r="H618581" s="12"/>
    </row>
    <row r="618582" spans="8:8">
      <c r="H618582" s="12"/>
    </row>
    <row r="618583" spans="8:8">
      <c r="H618583" s="12"/>
    </row>
    <row r="618584" spans="8:8">
      <c r="H618584" s="12"/>
    </row>
    <row r="618585" spans="8:8">
      <c r="H618585" s="12"/>
    </row>
    <row r="618586" spans="8:8">
      <c r="H618586" s="12"/>
    </row>
    <row r="618587" spans="8:8">
      <c r="H618587" s="12"/>
    </row>
    <row r="618588" spans="8:8">
      <c r="H618588" s="12"/>
    </row>
    <row r="618589" spans="8:8">
      <c r="H618589" s="12"/>
    </row>
    <row r="618590" spans="8:8">
      <c r="H618590" s="12"/>
    </row>
    <row r="618591" spans="8:8">
      <c r="H618591" s="12"/>
    </row>
    <row r="618592" spans="8:8">
      <c r="H618592" s="12"/>
    </row>
    <row r="618593" spans="8:8">
      <c r="H618593" s="12"/>
    </row>
    <row r="618594" spans="8:8">
      <c r="H618594" s="12"/>
    </row>
    <row r="618595" spans="8:8">
      <c r="H618595" s="12"/>
    </row>
    <row r="618596" spans="8:8">
      <c r="H618596" s="12"/>
    </row>
    <row r="618597" spans="8:8">
      <c r="H618597" s="12"/>
    </row>
    <row r="618598" spans="8:8">
      <c r="H618598" s="12"/>
    </row>
    <row r="618599" spans="8:8">
      <c r="H618599" s="12"/>
    </row>
    <row r="618600" spans="8:8">
      <c r="H618600" s="12"/>
    </row>
    <row r="618601" spans="8:8">
      <c r="H618601" s="12"/>
    </row>
    <row r="618602" spans="8:8">
      <c r="H618602" s="12"/>
    </row>
    <row r="618603" spans="8:8">
      <c r="H618603" s="12"/>
    </row>
    <row r="618604" spans="8:8">
      <c r="H618604" s="12"/>
    </row>
    <row r="618605" spans="8:8">
      <c r="H618605" s="12"/>
    </row>
    <row r="618606" spans="8:8">
      <c r="H618606" s="12"/>
    </row>
    <row r="618607" spans="8:8">
      <c r="H618607" s="12"/>
    </row>
    <row r="618608" spans="8:8">
      <c r="H618608" s="12"/>
    </row>
    <row r="618609" spans="8:8">
      <c r="H618609" s="12"/>
    </row>
    <row r="618610" spans="8:8">
      <c r="H618610" s="12"/>
    </row>
    <row r="618611" spans="8:8">
      <c r="H618611" s="12"/>
    </row>
    <row r="618612" spans="8:8">
      <c r="H618612" s="12"/>
    </row>
    <row r="618613" spans="8:8">
      <c r="H618613" s="12"/>
    </row>
    <row r="618614" spans="8:8">
      <c r="H618614" s="12"/>
    </row>
    <row r="618615" spans="8:8">
      <c r="H618615" s="12"/>
    </row>
    <row r="618616" spans="8:8">
      <c r="H618616" s="12"/>
    </row>
    <row r="618617" spans="8:8">
      <c r="H618617" s="12"/>
    </row>
    <row r="618618" spans="8:8">
      <c r="H618618" s="12"/>
    </row>
    <row r="618619" spans="8:8">
      <c r="H618619" s="12"/>
    </row>
    <row r="618620" spans="8:8">
      <c r="H618620" s="12"/>
    </row>
    <row r="618621" spans="8:8">
      <c r="H618621" s="12"/>
    </row>
    <row r="618622" spans="8:8">
      <c r="H618622" s="12"/>
    </row>
    <row r="618623" spans="8:8">
      <c r="H618623" s="12"/>
    </row>
    <row r="618624" spans="8:8">
      <c r="H618624" s="12"/>
    </row>
    <row r="618625" spans="8:8">
      <c r="H618625" s="12"/>
    </row>
    <row r="618626" spans="8:8">
      <c r="H618626" s="12"/>
    </row>
    <row r="618627" spans="8:8">
      <c r="H618627" s="12"/>
    </row>
    <row r="618628" spans="8:8">
      <c r="H618628" s="12"/>
    </row>
    <row r="618629" spans="8:8">
      <c r="H618629" s="12"/>
    </row>
    <row r="618630" spans="8:8">
      <c r="H618630" s="12"/>
    </row>
    <row r="618631" spans="8:8">
      <c r="H618631" s="12"/>
    </row>
    <row r="618632" spans="8:8">
      <c r="H618632" s="12"/>
    </row>
    <row r="618633" spans="8:8">
      <c r="H618633" s="12"/>
    </row>
    <row r="618634" spans="8:8">
      <c r="H618634" s="12"/>
    </row>
    <row r="618635" spans="8:8">
      <c r="H618635" s="12"/>
    </row>
    <row r="618636" spans="8:8">
      <c r="H618636" s="12"/>
    </row>
    <row r="618637" spans="8:8">
      <c r="H618637" s="12"/>
    </row>
    <row r="618638" spans="8:8">
      <c r="H618638" s="12"/>
    </row>
    <row r="618639" spans="8:8">
      <c r="H618639" s="12"/>
    </row>
    <row r="618640" spans="8:8">
      <c r="H618640" s="12"/>
    </row>
    <row r="618641" spans="8:8">
      <c r="H618641" s="12"/>
    </row>
    <row r="618642" spans="8:8">
      <c r="H618642" s="12"/>
    </row>
    <row r="618643" spans="8:8">
      <c r="H618643" s="12"/>
    </row>
    <row r="618644" spans="8:8">
      <c r="H618644" s="12"/>
    </row>
    <row r="618645" spans="8:8">
      <c r="H618645" s="12"/>
    </row>
    <row r="618646" spans="8:8">
      <c r="H618646" s="12"/>
    </row>
    <row r="618647" spans="8:8">
      <c r="H618647" s="12"/>
    </row>
    <row r="618648" spans="8:8">
      <c r="H618648" s="12"/>
    </row>
    <row r="618649" spans="8:8">
      <c r="H618649" s="12"/>
    </row>
    <row r="618650" spans="8:8">
      <c r="H618650" s="12"/>
    </row>
    <row r="618651" spans="8:8">
      <c r="H618651" s="12"/>
    </row>
    <row r="618652" spans="8:8">
      <c r="H618652" s="12"/>
    </row>
    <row r="618653" spans="8:8">
      <c r="H618653" s="12"/>
    </row>
    <row r="618654" spans="8:8">
      <c r="H618654" s="12"/>
    </row>
    <row r="618655" spans="8:8">
      <c r="H618655" s="12"/>
    </row>
    <row r="618656" spans="8:8">
      <c r="H618656" s="12"/>
    </row>
    <row r="618657" spans="8:8">
      <c r="H618657" s="12"/>
    </row>
    <row r="618658" spans="8:8">
      <c r="H618658" s="12"/>
    </row>
    <row r="618659" spans="8:8">
      <c r="H618659" s="12"/>
    </row>
    <row r="618660" spans="8:8">
      <c r="H618660" s="12"/>
    </row>
    <row r="618661" spans="8:8">
      <c r="H618661" s="12"/>
    </row>
    <row r="618662" spans="8:8">
      <c r="H618662" s="12"/>
    </row>
    <row r="618663" spans="8:8">
      <c r="H618663" s="12"/>
    </row>
    <row r="618664" spans="8:8">
      <c r="H618664" s="12"/>
    </row>
    <row r="618665" spans="8:8">
      <c r="H618665" s="12"/>
    </row>
    <row r="618666" spans="8:8">
      <c r="H618666" s="12"/>
    </row>
    <row r="618667" spans="8:8">
      <c r="H618667" s="12"/>
    </row>
    <row r="618668" spans="8:8">
      <c r="H618668" s="12"/>
    </row>
    <row r="618669" spans="8:8">
      <c r="H618669" s="12"/>
    </row>
    <row r="618670" spans="8:8">
      <c r="H618670" s="12"/>
    </row>
    <row r="618671" spans="8:8">
      <c r="H618671" s="12"/>
    </row>
    <row r="618672" spans="8:8">
      <c r="H618672" s="12"/>
    </row>
    <row r="618673" spans="8:8">
      <c r="H618673" s="12"/>
    </row>
    <row r="618674" spans="8:8">
      <c r="H618674" s="12"/>
    </row>
    <row r="618675" spans="8:8">
      <c r="H618675" s="12"/>
    </row>
    <row r="618676" spans="8:8">
      <c r="H618676" s="12"/>
    </row>
    <row r="618677" spans="8:8">
      <c r="H618677" s="12"/>
    </row>
    <row r="618678" spans="8:8">
      <c r="H618678" s="12"/>
    </row>
    <row r="618679" spans="8:8">
      <c r="H618679" s="12"/>
    </row>
    <row r="618680" spans="8:8">
      <c r="H618680" s="12"/>
    </row>
    <row r="618681" spans="8:8">
      <c r="H618681" s="12"/>
    </row>
    <row r="618682" spans="8:8">
      <c r="H618682" s="12"/>
    </row>
    <row r="618683" spans="8:8">
      <c r="H618683" s="12"/>
    </row>
    <row r="618684" spans="8:8">
      <c r="H618684" s="12"/>
    </row>
    <row r="618685" spans="8:8">
      <c r="H618685" s="12"/>
    </row>
    <row r="618686" spans="8:8">
      <c r="H618686" s="12"/>
    </row>
    <row r="618687" spans="8:8">
      <c r="H618687" s="12"/>
    </row>
    <row r="618688" spans="8:8">
      <c r="H618688" s="12"/>
    </row>
    <row r="618689" spans="8:8">
      <c r="H618689" s="12"/>
    </row>
    <row r="618690" spans="8:8">
      <c r="H618690" s="12"/>
    </row>
    <row r="618691" spans="8:8">
      <c r="H618691" s="12"/>
    </row>
    <row r="618692" spans="8:8">
      <c r="H618692" s="12"/>
    </row>
    <row r="618693" spans="8:8">
      <c r="H618693" s="12"/>
    </row>
    <row r="618694" spans="8:8">
      <c r="H618694" s="12"/>
    </row>
    <row r="618695" spans="8:8">
      <c r="H618695" s="12"/>
    </row>
    <row r="618696" spans="8:8">
      <c r="H618696" s="12"/>
    </row>
    <row r="618697" spans="8:8">
      <c r="H618697" s="12"/>
    </row>
    <row r="618698" spans="8:8">
      <c r="H618698" s="12"/>
    </row>
    <row r="618699" spans="8:8">
      <c r="H618699" s="12"/>
    </row>
    <row r="618700" spans="8:8">
      <c r="H618700" s="12"/>
    </row>
    <row r="618701" spans="8:8">
      <c r="H618701" s="12"/>
    </row>
    <row r="618702" spans="8:8">
      <c r="H618702" s="12"/>
    </row>
    <row r="618703" spans="8:8">
      <c r="H618703" s="12"/>
    </row>
    <row r="618704" spans="8:8">
      <c r="H618704" s="12"/>
    </row>
    <row r="618705" spans="8:8">
      <c r="H618705" s="12"/>
    </row>
    <row r="618706" spans="8:8">
      <c r="H618706" s="12"/>
    </row>
    <row r="618707" spans="8:8">
      <c r="H618707" s="12"/>
    </row>
    <row r="618708" spans="8:8">
      <c r="H618708" s="12"/>
    </row>
    <row r="618709" spans="8:8">
      <c r="H618709" s="12"/>
    </row>
    <row r="618710" spans="8:8">
      <c r="H618710" s="12"/>
    </row>
    <row r="618711" spans="8:8">
      <c r="H618711" s="12"/>
    </row>
    <row r="618712" spans="8:8">
      <c r="H618712" s="12"/>
    </row>
    <row r="618713" spans="8:8">
      <c r="H618713" s="12"/>
    </row>
    <row r="618714" spans="8:8">
      <c r="H618714" s="12"/>
    </row>
    <row r="618715" spans="8:8">
      <c r="H618715" s="12"/>
    </row>
    <row r="618716" spans="8:8">
      <c r="H618716" s="12"/>
    </row>
    <row r="618717" spans="8:8">
      <c r="H618717" s="12"/>
    </row>
    <row r="618718" spans="8:8">
      <c r="H618718" s="12"/>
    </row>
    <row r="618719" spans="8:8">
      <c r="H618719" s="12"/>
    </row>
    <row r="618720" spans="8:8">
      <c r="H618720" s="12"/>
    </row>
    <row r="618721" spans="8:8">
      <c r="H618721" s="12"/>
    </row>
    <row r="618722" spans="8:8">
      <c r="H618722" s="12"/>
    </row>
    <row r="618723" spans="8:8">
      <c r="H618723" s="12"/>
    </row>
    <row r="618724" spans="8:8">
      <c r="H618724" s="12"/>
    </row>
    <row r="618725" spans="8:8">
      <c r="H618725" s="12"/>
    </row>
    <row r="618726" spans="8:8">
      <c r="H618726" s="12"/>
    </row>
    <row r="618727" spans="8:8">
      <c r="H618727" s="12"/>
    </row>
    <row r="618728" spans="8:8">
      <c r="H618728" s="12"/>
    </row>
    <row r="618729" spans="8:8">
      <c r="H618729" s="12"/>
    </row>
    <row r="618730" spans="8:8">
      <c r="H618730" s="12"/>
    </row>
    <row r="618731" spans="8:8">
      <c r="H618731" s="12"/>
    </row>
    <row r="618732" spans="8:8">
      <c r="H618732" s="12"/>
    </row>
    <row r="618733" spans="8:8">
      <c r="H618733" s="12"/>
    </row>
    <row r="618734" spans="8:8">
      <c r="H618734" s="12"/>
    </row>
    <row r="618735" spans="8:8">
      <c r="H618735" s="12"/>
    </row>
    <row r="618736" spans="8:8">
      <c r="H618736" s="12"/>
    </row>
    <row r="618737" spans="8:8">
      <c r="H618737" s="12"/>
    </row>
    <row r="618738" spans="8:8">
      <c r="H618738" s="12"/>
    </row>
    <row r="618739" spans="8:8">
      <c r="H618739" s="12"/>
    </row>
    <row r="618740" spans="8:8">
      <c r="H618740" s="12"/>
    </row>
    <row r="618741" spans="8:8">
      <c r="H618741" s="12"/>
    </row>
    <row r="618742" spans="8:8">
      <c r="H618742" s="12"/>
    </row>
    <row r="618743" spans="8:8">
      <c r="H618743" s="12"/>
    </row>
    <row r="618744" spans="8:8">
      <c r="H618744" s="12"/>
    </row>
    <row r="618745" spans="8:8">
      <c r="H618745" s="12"/>
    </row>
    <row r="618746" spans="8:8">
      <c r="H618746" s="12"/>
    </row>
    <row r="618747" spans="8:8">
      <c r="H618747" s="12"/>
    </row>
    <row r="618748" spans="8:8">
      <c r="H618748" s="12"/>
    </row>
    <row r="618749" spans="8:8">
      <c r="H618749" s="12"/>
    </row>
    <row r="618750" spans="8:8">
      <c r="H618750" s="12"/>
    </row>
    <row r="618751" spans="8:8">
      <c r="H618751" s="12"/>
    </row>
    <row r="618752" spans="8:8">
      <c r="H618752" s="12"/>
    </row>
    <row r="618753" spans="8:8">
      <c r="H618753" s="12"/>
    </row>
    <row r="618754" spans="8:8">
      <c r="H618754" s="12"/>
    </row>
    <row r="618755" spans="8:8">
      <c r="H618755" s="12"/>
    </row>
    <row r="618756" spans="8:8">
      <c r="H618756" s="12"/>
    </row>
    <row r="618757" spans="8:8">
      <c r="H618757" s="12"/>
    </row>
    <row r="618758" spans="8:8">
      <c r="H618758" s="12"/>
    </row>
    <row r="618759" spans="8:8">
      <c r="H618759" s="12"/>
    </row>
    <row r="618760" spans="8:8">
      <c r="H618760" s="12"/>
    </row>
    <row r="618761" spans="8:8">
      <c r="H618761" s="12"/>
    </row>
    <row r="618762" spans="8:8">
      <c r="H618762" s="12"/>
    </row>
    <row r="618763" spans="8:8">
      <c r="H618763" s="12"/>
    </row>
    <row r="618764" spans="8:8">
      <c r="H618764" s="12"/>
    </row>
    <row r="618765" spans="8:8">
      <c r="H618765" s="12"/>
    </row>
    <row r="618766" spans="8:8">
      <c r="H618766" s="12"/>
    </row>
    <row r="618767" spans="8:8">
      <c r="H618767" s="12"/>
    </row>
    <row r="618768" spans="8:8">
      <c r="H618768" s="12"/>
    </row>
    <row r="618769" spans="8:8">
      <c r="H618769" s="12"/>
    </row>
    <row r="618770" spans="8:8">
      <c r="H618770" s="12"/>
    </row>
    <row r="618771" spans="8:8">
      <c r="H618771" s="12"/>
    </row>
    <row r="618772" spans="8:8">
      <c r="H618772" s="12"/>
    </row>
    <row r="618773" spans="8:8">
      <c r="H618773" s="12"/>
    </row>
    <row r="618774" spans="8:8">
      <c r="H618774" s="12"/>
    </row>
    <row r="618775" spans="8:8">
      <c r="H618775" s="12"/>
    </row>
    <row r="618776" spans="8:8">
      <c r="H618776" s="12"/>
    </row>
    <row r="618777" spans="8:8">
      <c r="H618777" s="12"/>
    </row>
    <row r="618778" spans="8:8">
      <c r="H618778" s="12"/>
    </row>
    <row r="618779" spans="8:8">
      <c r="H618779" s="12"/>
    </row>
    <row r="618780" spans="8:8">
      <c r="H618780" s="12"/>
    </row>
    <row r="618781" spans="8:8">
      <c r="H618781" s="12"/>
    </row>
    <row r="618782" spans="8:8">
      <c r="H618782" s="12"/>
    </row>
    <row r="618783" spans="8:8">
      <c r="H618783" s="12"/>
    </row>
    <row r="618784" spans="8:8">
      <c r="H618784" s="12"/>
    </row>
    <row r="618785" spans="8:8">
      <c r="H618785" s="12"/>
    </row>
    <row r="618786" spans="8:8">
      <c r="H618786" s="12"/>
    </row>
    <row r="618787" spans="8:8">
      <c r="H618787" s="12"/>
    </row>
    <row r="618788" spans="8:8">
      <c r="H618788" s="12"/>
    </row>
    <row r="618789" spans="8:8">
      <c r="H618789" s="12"/>
    </row>
    <row r="618790" spans="8:8">
      <c r="H618790" s="12"/>
    </row>
    <row r="618791" spans="8:8">
      <c r="H618791" s="12"/>
    </row>
    <row r="618792" spans="8:8">
      <c r="H618792" s="12"/>
    </row>
    <row r="618793" spans="8:8">
      <c r="H618793" s="12"/>
    </row>
    <row r="618794" spans="8:8">
      <c r="H618794" s="12"/>
    </row>
    <row r="618795" spans="8:8">
      <c r="H618795" s="12"/>
    </row>
    <row r="618796" spans="8:8">
      <c r="H618796" s="12"/>
    </row>
    <row r="618797" spans="8:8">
      <c r="H618797" s="12"/>
    </row>
    <row r="618798" spans="8:8">
      <c r="H618798" s="12"/>
    </row>
    <row r="618799" spans="8:8">
      <c r="H618799" s="12"/>
    </row>
    <row r="618800" spans="8:8">
      <c r="H618800" s="12"/>
    </row>
    <row r="618801" spans="8:8">
      <c r="H618801" s="12"/>
    </row>
    <row r="618802" spans="8:8">
      <c r="H618802" s="12"/>
    </row>
    <row r="618803" spans="8:8">
      <c r="H618803" s="12"/>
    </row>
    <row r="618804" spans="8:8">
      <c r="H618804" s="12"/>
    </row>
    <row r="618805" spans="8:8">
      <c r="H618805" s="12"/>
    </row>
    <row r="618806" spans="8:8">
      <c r="H618806" s="12"/>
    </row>
    <row r="618807" spans="8:8">
      <c r="H618807" s="12"/>
    </row>
    <row r="618808" spans="8:8">
      <c r="H618808" s="12"/>
    </row>
    <row r="618809" spans="8:8">
      <c r="H618809" s="12"/>
    </row>
    <row r="618810" spans="8:8">
      <c r="H618810" s="12"/>
    </row>
    <row r="618811" spans="8:8">
      <c r="H618811" s="12"/>
    </row>
    <row r="618812" spans="8:8">
      <c r="H618812" s="12"/>
    </row>
    <row r="618813" spans="8:8">
      <c r="H618813" s="12"/>
    </row>
    <row r="618814" spans="8:8">
      <c r="H618814" s="12"/>
    </row>
    <row r="618815" spans="8:8">
      <c r="H618815" s="12"/>
    </row>
    <row r="618816" spans="8:8">
      <c r="H618816" s="12"/>
    </row>
    <row r="618817" spans="8:8">
      <c r="H618817" s="12"/>
    </row>
    <row r="618818" spans="8:8">
      <c r="H618818" s="12"/>
    </row>
    <row r="618819" spans="8:8">
      <c r="H618819" s="12"/>
    </row>
    <row r="618820" spans="8:8">
      <c r="H618820" s="12"/>
    </row>
    <row r="618821" spans="8:8">
      <c r="H618821" s="12"/>
    </row>
    <row r="618822" spans="8:8">
      <c r="H618822" s="12"/>
    </row>
    <row r="618823" spans="8:8">
      <c r="H618823" s="12"/>
    </row>
    <row r="618824" spans="8:8">
      <c r="H618824" s="12"/>
    </row>
    <row r="618825" spans="8:8">
      <c r="H618825" s="12"/>
    </row>
    <row r="618826" spans="8:8">
      <c r="H618826" s="12"/>
    </row>
    <row r="618827" spans="8:8">
      <c r="H618827" s="12"/>
    </row>
    <row r="618828" spans="8:8">
      <c r="H618828" s="12"/>
    </row>
    <row r="618829" spans="8:8">
      <c r="H618829" s="12"/>
    </row>
    <row r="618830" spans="8:8">
      <c r="H618830" s="12"/>
    </row>
    <row r="618831" spans="8:8">
      <c r="H618831" s="12"/>
    </row>
    <row r="618832" spans="8:8">
      <c r="H618832" s="12"/>
    </row>
    <row r="618833" spans="8:8">
      <c r="H618833" s="12"/>
    </row>
    <row r="618834" spans="8:8">
      <c r="H618834" s="12"/>
    </row>
    <row r="618835" spans="8:8">
      <c r="H618835" s="12"/>
    </row>
    <row r="618836" spans="8:8">
      <c r="H618836" s="12"/>
    </row>
    <row r="618837" spans="8:8">
      <c r="H618837" s="12"/>
    </row>
    <row r="618838" spans="8:8">
      <c r="H618838" s="12"/>
    </row>
    <row r="618839" spans="8:8">
      <c r="H618839" s="12"/>
    </row>
    <row r="618840" spans="8:8">
      <c r="H618840" s="12"/>
    </row>
    <row r="618841" spans="8:8">
      <c r="H618841" s="12"/>
    </row>
    <row r="618842" spans="8:8">
      <c r="H618842" s="12"/>
    </row>
    <row r="618843" spans="8:8">
      <c r="H618843" s="12"/>
    </row>
    <row r="618844" spans="8:8">
      <c r="H618844" s="12"/>
    </row>
    <row r="618845" spans="8:8">
      <c r="H618845" s="12"/>
    </row>
    <row r="618846" spans="8:8">
      <c r="H618846" s="12"/>
    </row>
    <row r="618847" spans="8:8">
      <c r="H618847" s="12"/>
    </row>
    <row r="618848" spans="8:8">
      <c r="H618848" s="12"/>
    </row>
    <row r="618849" spans="8:8">
      <c r="H618849" s="12"/>
    </row>
    <row r="618850" spans="8:8">
      <c r="H618850" s="12"/>
    </row>
    <row r="618851" spans="8:8">
      <c r="H618851" s="12"/>
    </row>
    <row r="618852" spans="8:8">
      <c r="H618852" s="12"/>
    </row>
    <row r="618853" spans="8:8">
      <c r="H618853" s="12"/>
    </row>
    <row r="618854" spans="8:8">
      <c r="H618854" s="12"/>
    </row>
    <row r="618855" spans="8:8">
      <c r="H618855" s="12"/>
    </row>
    <row r="618856" spans="8:8">
      <c r="H618856" s="12"/>
    </row>
    <row r="618857" spans="8:8">
      <c r="H618857" s="12"/>
    </row>
    <row r="618858" spans="8:8">
      <c r="H618858" s="12"/>
    </row>
    <row r="618859" spans="8:8">
      <c r="H618859" s="12"/>
    </row>
    <row r="618860" spans="8:8">
      <c r="H618860" s="12"/>
    </row>
    <row r="618861" spans="8:8">
      <c r="H618861" s="12"/>
    </row>
    <row r="618862" spans="8:8">
      <c r="H618862" s="12"/>
    </row>
    <row r="618863" spans="8:8">
      <c r="H618863" s="12"/>
    </row>
    <row r="618864" spans="8:8">
      <c r="H618864" s="12"/>
    </row>
    <row r="618865" spans="8:8">
      <c r="H618865" s="12"/>
    </row>
    <row r="618866" spans="8:8">
      <c r="H618866" s="12"/>
    </row>
    <row r="618867" spans="8:8">
      <c r="H618867" s="12"/>
    </row>
    <row r="618868" spans="8:8">
      <c r="H618868" s="12"/>
    </row>
    <row r="618869" spans="8:8">
      <c r="H618869" s="12"/>
    </row>
    <row r="618870" spans="8:8">
      <c r="H618870" s="12"/>
    </row>
    <row r="618871" spans="8:8">
      <c r="H618871" s="12"/>
    </row>
    <row r="618872" spans="8:8">
      <c r="H618872" s="12"/>
    </row>
    <row r="618873" spans="8:8">
      <c r="H618873" s="12"/>
    </row>
    <row r="618874" spans="8:8">
      <c r="H618874" s="12"/>
    </row>
    <row r="618875" spans="8:8">
      <c r="H618875" s="12"/>
    </row>
    <row r="618876" spans="8:8">
      <c r="H618876" s="12"/>
    </row>
    <row r="618877" spans="8:8">
      <c r="H618877" s="12"/>
    </row>
    <row r="618878" spans="8:8">
      <c r="H618878" s="12"/>
    </row>
    <row r="618879" spans="8:8">
      <c r="H618879" s="12"/>
    </row>
    <row r="618880" spans="8:8">
      <c r="H618880" s="12"/>
    </row>
    <row r="618881" spans="8:8">
      <c r="H618881" s="12"/>
    </row>
    <row r="618882" spans="8:8">
      <c r="H618882" s="12"/>
    </row>
    <row r="618883" spans="8:8">
      <c r="H618883" s="12"/>
    </row>
    <row r="618884" spans="8:8">
      <c r="H618884" s="12"/>
    </row>
    <row r="618885" spans="8:8">
      <c r="H618885" s="12"/>
    </row>
    <row r="618886" spans="8:8">
      <c r="H618886" s="12"/>
    </row>
    <row r="618887" spans="8:8">
      <c r="H618887" s="12"/>
    </row>
    <row r="618888" spans="8:8">
      <c r="H618888" s="12"/>
    </row>
    <row r="618889" spans="8:8">
      <c r="H618889" s="12"/>
    </row>
    <row r="618890" spans="8:8">
      <c r="H618890" s="12"/>
    </row>
    <row r="618891" spans="8:8">
      <c r="H618891" s="12"/>
    </row>
    <row r="618892" spans="8:8">
      <c r="H618892" s="12"/>
    </row>
    <row r="618893" spans="8:8">
      <c r="H618893" s="12"/>
    </row>
    <row r="618894" spans="8:8">
      <c r="H618894" s="12"/>
    </row>
    <row r="618895" spans="8:8">
      <c r="H618895" s="12"/>
    </row>
    <row r="618896" spans="8:8">
      <c r="H618896" s="12"/>
    </row>
    <row r="618897" spans="8:8">
      <c r="H618897" s="12"/>
    </row>
    <row r="618898" spans="8:8">
      <c r="H618898" s="12"/>
    </row>
    <row r="618899" spans="8:8">
      <c r="H618899" s="12"/>
    </row>
    <row r="618900" spans="8:8">
      <c r="H618900" s="12"/>
    </row>
    <row r="618901" spans="8:8">
      <c r="H618901" s="12"/>
    </row>
    <row r="618902" spans="8:8">
      <c r="H618902" s="12"/>
    </row>
    <row r="618903" spans="8:8">
      <c r="H618903" s="12"/>
    </row>
    <row r="618904" spans="8:8">
      <c r="H618904" s="12"/>
    </row>
    <row r="618905" spans="8:8">
      <c r="H618905" s="12"/>
    </row>
    <row r="618906" spans="8:8">
      <c r="H618906" s="12"/>
    </row>
    <row r="618907" spans="8:8">
      <c r="H618907" s="12"/>
    </row>
    <row r="618908" spans="8:8">
      <c r="H618908" s="12"/>
    </row>
    <row r="618909" spans="8:8">
      <c r="H618909" s="12"/>
    </row>
    <row r="618910" spans="8:8">
      <c r="H618910" s="12"/>
    </row>
    <row r="618911" spans="8:8">
      <c r="H618911" s="12"/>
    </row>
    <row r="618912" spans="8:8">
      <c r="H618912" s="12"/>
    </row>
    <row r="618913" spans="8:8">
      <c r="H618913" s="12"/>
    </row>
    <row r="618914" spans="8:8">
      <c r="H618914" s="12"/>
    </row>
    <row r="618915" spans="8:8">
      <c r="H618915" s="12"/>
    </row>
    <row r="618916" spans="8:8">
      <c r="H618916" s="12"/>
    </row>
    <row r="618917" spans="8:8">
      <c r="H618917" s="12"/>
    </row>
    <row r="618918" spans="8:8">
      <c r="H618918" s="12"/>
    </row>
    <row r="618919" spans="8:8">
      <c r="H618919" s="12"/>
    </row>
    <row r="618920" spans="8:8">
      <c r="H618920" s="12"/>
    </row>
    <row r="618921" spans="8:8">
      <c r="H618921" s="12"/>
    </row>
    <row r="618922" spans="8:8">
      <c r="H618922" s="12"/>
    </row>
    <row r="618923" spans="8:8">
      <c r="H618923" s="12"/>
    </row>
    <row r="618924" spans="8:8">
      <c r="H618924" s="12"/>
    </row>
    <row r="618925" spans="8:8">
      <c r="H618925" s="12"/>
    </row>
    <row r="618926" spans="8:8">
      <c r="H618926" s="12"/>
    </row>
    <row r="618927" spans="8:8">
      <c r="H618927" s="12"/>
    </row>
    <row r="618928" spans="8:8">
      <c r="H618928" s="12"/>
    </row>
    <row r="618929" spans="8:8">
      <c r="H618929" s="12"/>
    </row>
    <row r="618930" spans="8:8">
      <c r="H618930" s="12"/>
    </row>
    <row r="618931" spans="8:8">
      <c r="H618931" s="12"/>
    </row>
    <row r="618932" spans="8:8">
      <c r="H618932" s="12"/>
    </row>
    <row r="618933" spans="8:8">
      <c r="H618933" s="12"/>
    </row>
    <row r="618934" spans="8:8">
      <c r="H618934" s="12"/>
    </row>
    <row r="618935" spans="8:8">
      <c r="H618935" s="12"/>
    </row>
    <row r="618936" spans="8:8">
      <c r="H618936" s="12"/>
    </row>
    <row r="618937" spans="8:8">
      <c r="H618937" s="12"/>
    </row>
    <row r="618938" spans="8:8">
      <c r="H618938" s="12"/>
    </row>
    <row r="618939" spans="8:8">
      <c r="H618939" s="12"/>
    </row>
    <row r="618940" spans="8:8">
      <c r="H618940" s="12"/>
    </row>
    <row r="618941" spans="8:8">
      <c r="H618941" s="12"/>
    </row>
    <row r="618942" spans="8:8">
      <c r="H618942" s="12"/>
    </row>
    <row r="618943" spans="8:8">
      <c r="H618943" s="12"/>
    </row>
    <row r="618944" spans="8:8">
      <c r="H618944" s="12"/>
    </row>
    <row r="618945" spans="8:8">
      <c r="H618945" s="12"/>
    </row>
    <row r="618946" spans="8:8">
      <c r="H618946" s="12"/>
    </row>
    <row r="618947" spans="8:8">
      <c r="H618947" s="12"/>
    </row>
    <row r="618948" spans="8:8">
      <c r="H618948" s="12"/>
    </row>
    <row r="618949" spans="8:8">
      <c r="H618949" s="12"/>
    </row>
    <row r="618950" spans="8:8">
      <c r="H618950" s="12"/>
    </row>
    <row r="618951" spans="8:8">
      <c r="H618951" s="12"/>
    </row>
    <row r="618952" spans="8:8">
      <c r="H618952" s="12"/>
    </row>
    <row r="618953" spans="8:8">
      <c r="H618953" s="12"/>
    </row>
    <row r="618954" spans="8:8">
      <c r="H618954" s="12"/>
    </row>
    <row r="618955" spans="8:8">
      <c r="H618955" s="12"/>
    </row>
    <row r="618956" spans="8:8">
      <c r="H618956" s="12"/>
    </row>
    <row r="618957" spans="8:8">
      <c r="H618957" s="12"/>
    </row>
    <row r="618958" spans="8:8">
      <c r="H618958" s="12"/>
    </row>
    <row r="618959" spans="8:8">
      <c r="H618959" s="12"/>
    </row>
    <row r="618960" spans="8:8">
      <c r="H618960" s="12"/>
    </row>
    <row r="618961" spans="8:8">
      <c r="H618961" s="12"/>
    </row>
    <row r="618962" spans="8:8">
      <c r="H618962" s="12"/>
    </row>
    <row r="618963" spans="8:8">
      <c r="H618963" s="12"/>
    </row>
    <row r="618964" spans="8:8">
      <c r="H618964" s="12"/>
    </row>
    <row r="618965" spans="8:8">
      <c r="H618965" s="12"/>
    </row>
    <row r="618966" spans="8:8">
      <c r="H618966" s="12"/>
    </row>
    <row r="618967" spans="8:8">
      <c r="H618967" s="12"/>
    </row>
    <row r="618968" spans="8:8">
      <c r="H618968" s="12"/>
    </row>
    <row r="618969" spans="8:8">
      <c r="H618969" s="12"/>
    </row>
    <row r="618970" spans="8:8">
      <c r="H618970" s="12"/>
    </row>
    <row r="618971" spans="8:8">
      <c r="H618971" s="12"/>
    </row>
    <row r="618972" spans="8:8">
      <c r="H618972" s="12"/>
    </row>
    <row r="618973" spans="8:8">
      <c r="H618973" s="12"/>
    </row>
    <row r="618974" spans="8:8">
      <c r="H618974" s="12"/>
    </row>
    <row r="618975" spans="8:8">
      <c r="H618975" s="12"/>
    </row>
    <row r="618976" spans="8:8">
      <c r="H618976" s="12"/>
    </row>
    <row r="618977" spans="8:8">
      <c r="H618977" s="12"/>
    </row>
    <row r="618978" spans="8:8">
      <c r="H618978" s="12"/>
    </row>
    <row r="618979" spans="8:8">
      <c r="H618979" s="12"/>
    </row>
    <row r="618980" spans="8:8">
      <c r="H618980" s="12"/>
    </row>
    <row r="618981" spans="8:8">
      <c r="H618981" s="12"/>
    </row>
    <row r="618982" spans="8:8">
      <c r="H618982" s="12"/>
    </row>
    <row r="618983" spans="8:8">
      <c r="H618983" s="12"/>
    </row>
    <row r="618984" spans="8:8">
      <c r="H618984" s="12"/>
    </row>
    <row r="618985" spans="8:8">
      <c r="H618985" s="12"/>
    </row>
    <row r="618986" spans="8:8">
      <c r="H618986" s="12"/>
    </row>
    <row r="618987" spans="8:8">
      <c r="H618987" s="12"/>
    </row>
    <row r="618988" spans="8:8">
      <c r="H618988" s="12"/>
    </row>
    <row r="618989" spans="8:8">
      <c r="H618989" s="12"/>
    </row>
    <row r="618990" spans="8:8">
      <c r="H618990" s="12"/>
    </row>
    <row r="618991" spans="8:8">
      <c r="H618991" s="12"/>
    </row>
    <row r="618992" spans="8:8">
      <c r="H618992" s="12"/>
    </row>
    <row r="618993" spans="8:8">
      <c r="H618993" s="12"/>
    </row>
    <row r="618994" spans="8:8">
      <c r="H618994" s="12"/>
    </row>
    <row r="618995" spans="8:8">
      <c r="H618995" s="12"/>
    </row>
    <row r="618996" spans="8:8">
      <c r="H618996" s="12"/>
    </row>
    <row r="618997" spans="8:8">
      <c r="H618997" s="12"/>
    </row>
    <row r="618998" spans="8:8">
      <c r="H618998" s="12"/>
    </row>
    <row r="618999" spans="8:8">
      <c r="H618999" s="12"/>
    </row>
    <row r="619000" spans="8:8">
      <c r="H619000" s="12"/>
    </row>
    <row r="619001" spans="8:8">
      <c r="H619001" s="12"/>
    </row>
    <row r="619002" spans="8:8">
      <c r="H619002" s="12"/>
    </row>
    <row r="619003" spans="8:8">
      <c r="H619003" s="12"/>
    </row>
    <row r="619004" spans="8:8">
      <c r="H619004" s="12"/>
    </row>
    <row r="619005" spans="8:8">
      <c r="H619005" s="12"/>
    </row>
    <row r="619006" spans="8:8">
      <c r="H619006" s="12"/>
    </row>
    <row r="619007" spans="8:8">
      <c r="H619007" s="12"/>
    </row>
    <row r="619008" spans="8:8">
      <c r="H619008" s="12"/>
    </row>
    <row r="619009" spans="8:8">
      <c r="H619009" s="12"/>
    </row>
    <row r="619010" spans="8:8">
      <c r="H619010" s="12"/>
    </row>
    <row r="619011" spans="8:8">
      <c r="H619011" s="12"/>
    </row>
    <row r="619012" spans="8:8">
      <c r="H619012" s="12"/>
    </row>
    <row r="619013" spans="8:8">
      <c r="H619013" s="12"/>
    </row>
    <row r="619014" spans="8:8">
      <c r="H619014" s="12"/>
    </row>
    <row r="619015" spans="8:8">
      <c r="H619015" s="12"/>
    </row>
    <row r="619016" spans="8:8">
      <c r="H619016" s="12"/>
    </row>
    <row r="619017" spans="8:8">
      <c r="H619017" s="12"/>
    </row>
    <row r="619018" spans="8:8">
      <c r="H619018" s="12"/>
    </row>
    <row r="619019" spans="8:8">
      <c r="H619019" s="12"/>
    </row>
    <row r="619020" spans="8:8">
      <c r="H619020" s="12"/>
    </row>
    <row r="619021" spans="8:8">
      <c r="H619021" s="12"/>
    </row>
    <row r="619022" spans="8:8">
      <c r="H619022" s="12"/>
    </row>
    <row r="619023" spans="8:8">
      <c r="H619023" s="12"/>
    </row>
    <row r="619024" spans="8:8">
      <c r="H619024" s="12"/>
    </row>
    <row r="619025" spans="8:8">
      <c r="H619025" s="12"/>
    </row>
    <row r="619026" spans="8:8">
      <c r="H619026" s="12"/>
    </row>
    <row r="619027" spans="8:8">
      <c r="H619027" s="12"/>
    </row>
    <row r="619028" spans="8:8">
      <c r="H619028" s="12"/>
    </row>
    <row r="619029" spans="8:8">
      <c r="H619029" s="12"/>
    </row>
    <row r="619030" spans="8:8">
      <c r="H619030" s="12"/>
    </row>
    <row r="619031" spans="8:8">
      <c r="H619031" s="12"/>
    </row>
    <row r="619032" spans="8:8">
      <c r="H619032" s="12"/>
    </row>
    <row r="619033" spans="8:8">
      <c r="H619033" s="12"/>
    </row>
    <row r="619034" spans="8:8">
      <c r="H619034" s="12"/>
    </row>
    <row r="619035" spans="8:8">
      <c r="H619035" s="12"/>
    </row>
    <row r="619036" spans="8:8">
      <c r="H619036" s="12"/>
    </row>
    <row r="619037" spans="8:8">
      <c r="H619037" s="12"/>
    </row>
    <row r="619038" spans="8:8">
      <c r="H619038" s="12"/>
    </row>
    <row r="619039" spans="8:8">
      <c r="H619039" s="12"/>
    </row>
    <row r="619040" spans="8:8">
      <c r="H619040" s="12"/>
    </row>
    <row r="619041" spans="8:8">
      <c r="H619041" s="12"/>
    </row>
    <row r="619042" spans="8:8">
      <c r="H619042" s="12"/>
    </row>
    <row r="619043" spans="8:8">
      <c r="H619043" s="12"/>
    </row>
    <row r="619044" spans="8:8">
      <c r="H619044" s="12"/>
    </row>
    <row r="619045" spans="8:8">
      <c r="H619045" s="12"/>
    </row>
    <row r="619046" spans="8:8">
      <c r="H619046" s="12"/>
    </row>
    <row r="619047" spans="8:8">
      <c r="H619047" s="12"/>
    </row>
    <row r="619048" spans="8:8">
      <c r="H619048" s="12"/>
    </row>
    <row r="619049" spans="8:8">
      <c r="H619049" s="12"/>
    </row>
    <row r="619050" spans="8:8">
      <c r="H619050" s="12"/>
    </row>
    <row r="619051" spans="8:8">
      <c r="H619051" s="12"/>
    </row>
    <row r="619052" spans="8:8">
      <c r="H619052" s="12"/>
    </row>
    <row r="619053" spans="8:8">
      <c r="H619053" s="12"/>
    </row>
    <row r="619054" spans="8:8">
      <c r="H619054" s="12"/>
    </row>
    <row r="619055" spans="8:8">
      <c r="H619055" s="12"/>
    </row>
    <row r="619056" spans="8:8">
      <c r="H619056" s="12"/>
    </row>
    <row r="619057" spans="8:8">
      <c r="H619057" s="12"/>
    </row>
    <row r="619058" spans="8:8">
      <c r="H619058" s="12"/>
    </row>
    <row r="619059" spans="8:8">
      <c r="H619059" s="12"/>
    </row>
    <row r="619060" spans="8:8">
      <c r="H619060" s="12"/>
    </row>
    <row r="619061" spans="8:8">
      <c r="H619061" s="12"/>
    </row>
    <row r="619062" spans="8:8">
      <c r="H619062" s="12"/>
    </row>
    <row r="619063" spans="8:8">
      <c r="H619063" s="12"/>
    </row>
    <row r="619064" spans="8:8">
      <c r="H619064" s="12"/>
    </row>
    <row r="619065" spans="8:8">
      <c r="H619065" s="12"/>
    </row>
    <row r="619066" spans="8:8">
      <c r="H619066" s="12"/>
    </row>
    <row r="619067" spans="8:8">
      <c r="H619067" s="12"/>
    </row>
    <row r="619068" spans="8:8">
      <c r="H619068" s="12"/>
    </row>
    <row r="619069" spans="8:8">
      <c r="H619069" s="12"/>
    </row>
    <row r="619070" spans="8:8">
      <c r="H619070" s="12"/>
    </row>
    <row r="619071" spans="8:8">
      <c r="H619071" s="12"/>
    </row>
    <row r="619072" spans="8:8">
      <c r="H619072" s="12"/>
    </row>
    <row r="619073" spans="8:8">
      <c r="H619073" s="12"/>
    </row>
    <row r="619074" spans="8:8">
      <c r="H619074" s="12"/>
    </row>
    <row r="619075" spans="8:8">
      <c r="H619075" s="12"/>
    </row>
    <row r="619076" spans="8:8">
      <c r="H619076" s="12"/>
    </row>
    <row r="619077" spans="8:8">
      <c r="H619077" s="12"/>
    </row>
    <row r="619078" spans="8:8">
      <c r="H619078" s="12"/>
    </row>
    <row r="619079" spans="8:8">
      <c r="H619079" s="12"/>
    </row>
    <row r="619080" spans="8:8">
      <c r="H619080" s="12"/>
    </row>
    <row r="619081" spans="8:8">
      <c r="H619081" s="12"/>
    </row>
    <row r="619082" spans="8:8">
      <c r="H619082" s="12"/>
    </row>
    <row r="619083" spans="8:8">
      <c r="H619083" s="12"/>
    </row>
    <row r="619084" spans="8:8">
      <c r="H619084" s="12"/>
    </row>
    <row r="619085" spans="8:8">
      <c r="H619085" s="12"/>
    </row>
    <row r="619086" spans="8:8">
      <c r="H619086" s="12"/>
    </row>
    <row r="619087" spans="8:8">
      <c r="H619087" s="12"/>
    </row>
    <row r="619088" spans="8:8">
      <c r="H619088" s="12"/>
    </row>
    <row r="619089" spans="8:8">
      <c r="H619089" s="12"/>
    </row>
    <row r="619090" spans="8:8">
      <c r="H619090" s="12"/>
    </row>
    <row r="619091" spans="8:8">
      <c r="H619091" s="12"/>
    </row>
    <row r="619092" spans="8:8">
      <c r="H619092" s="12"/>
    </row>
    <row r="619093" spans="8:8">
      <c r="H619093" s="12"/>
    </row>
    <row r="619094" spans="8:8">
      <c r="H619094" s="12"/>
    </row>
    <row r="619095" spans="8:8">
      <c r="H619095" s="12"/>
    </row>
    <row r="619096" spans="8:8">
      <c r="H619096" s="12"/>
    </row>
    <row r="619097" spans="8:8">
      <c r="H619097" s="12"/>
    </row>
    <row r="619098" spans="8:8">
      <c r="H619098" s="12"/>
    </row>
    <row r="619099" spans="8:8">
      <c r="H619099" s="12"/>
    </row>
    <row r="619100" spans="8:8">
      <c r="H619100" s="12"/>
    </row>
    <row r="619101" spans="8:8">
      <c r="H619101" s="12"/>
    </row>
    <row r="619102" spans="8:8">
      <c r="H619102" s="12"/>
    </row>
    <row r="619103" spans="8:8">
      <c r="H619103" s="12"/>
    </row>
    <row r="619104" spans="8:8">
      <c r="H619104" s="12"/>
    </row>
    <row r="619105" spans="8:8">
      <c r="H619105" s="12"/>
    </row>
    <row r="619106" spans="8:8">
      <c r="H619106" s="12"/>
    </row>
    <row r="619107" spans="8:8">
      <c r="H619107" s="12"/>
    </row>
    <row r="619108" spans="8:8">
      <c r="H619108" s="12"/>
    </row>
    <row r="619109" spans="8:8">
      <c r="H619109" s="12"/>
    </row>
    <row r="619110" spans="8:8">
      <c r="H619110" s="12"/>
    </row>
    <row r="619111" spans="8:8">
      <c r="H619111" s="12"/>
    </row>
    <row r="619112" spans="8:8">
      <c r="H619112" s="12"/>
    </row>
    <row r="619113" spans="8:8">
      <c r="H619113" s="12"/>
    </row>
    <row r="619114" spans="8:8">
      <c r="H619114" s="12"/>
    </row>
    <row r="619115" spans="8:8">
      <c r="H619115" s="12"/>
    </row>
    <row r="619116" spans="8:8">
      <c r="H619116" s="12"/>
    </row>
    <row r="619117" spans="8:8">
      <c r="H619117" s="12"/>
    </row>
    <row r="619118" spans="8:8">
      <c r="H619118" s="12"/>
    </row>
    <row r="619119" spans="8:8">
      <c r="H619119" s="12"/>
    </row>
    <row r="619120" spans="8:8">
      <c r="H619120" s="12"/>
    </row>
    <row r="619121" spans="8:8">
      <c r="H619121" s="12"/>
    </row>
    <row r="619122" spans="8:8">
      <c r="H619122" s="12"/>
    </row>
    <row r="619123" spans="8:8">
      <c r="H619123" s="12"/>
    </row>
    <row r="619124" spans="8:8">
      <c r="H619124" s="12"/>
    </row>
    <row r="619125" spans="8:8">
      <c r="H619125" s="12"/>
    </row>
    <row r="619126" spans="8:8">
      <c r="H619126" s="12"/>
    </row>
    <row r="619127" spans="8:8">
      <c r="H619127" s="12"/>
    </row>
    <row r="619128" spans="8:8">
      <c r="H619128" s="12"/>
    </row>
    <row r="619129" spans="8:8">
      <c r="H619129" s="12"/>
    </row>
    <row r="619130" spans="8:8">
      <c r="H619130" s="12"/>
    </row>
    <row r="619131" spans="8:8">
      <c r="H619131" s="12"/>
    </row>
    <row r="619132" spans="8:8">
      <c r="H619132" s="12"/>
    </row>
    <row r="619133" spans="8:8">
      <c r="H619133" s="12"/>
    </row>
    <row r="619134" spans="8:8">
      <c r="H619134" s="12"/>
    </row>
    <row r="619135" spans="8:8">
      <c r="H619135" s="12"/>
    </row>
    <row r="619136" spans="8:8">
      <c r="H619136" s="12"/>
    </row>
    <row r="619137" spans="8:8">
      <c r="H619137" s="12"/>
    </row>
    <row r="619138" spans="8:8">
      <c r="H619138" s="12"/>
    </row>
    <row r="619139" spans="8:8">
      <c r="H619139" s="12"/>
    </row>
    <row r="619140" spans="8:8">
      <c r="H619140" s="12"/>
    </row>
    <row r="619141" spans="8:8">
      <c r="H619141" s="12"/>
    </row>
    <row r="619142" spans="8:8">
      <c r="H619142" s="12"/>
    </row>
    <row r="619143" spans="8:8">
      <c r="H619143" s="12"/>
    </row>
    <row r="619144" spans="8:8">
      <c r="H619144" s="12"/>
    </row>
    <row r="619145" spans="8:8">
      <c r="H619145" s="12"/>
    </row>
    <row r="619146" spans="8:8">
      <c r="H619146" s="12"/>
    </row>
    <row r="619147" spans="8:8">
      <c r="H619147" s="12"/>
    </row>
    <row r="619148" spans="8:8">
      <c r="H619148" s="12"/>
    </row>
    <row r="619149" spans="8:8">
      <c r="H619149" s="12"/>
    </row>
    <row r="619150" spans="8:8">
      <c r="H619150" s="12"/>
    </row>
    <row r="619151" spans="8:8">
      <c r="H619151" s="12"/>
    </row>
    <row r="619152" spans="8:8">
      <c r="H619152" s="12"/>
    </row>
    <row r="619153" spans="8:8">
      <c r="H619153" s="12"/>
    </row>
    <row r="619154" spans="8:8">
      <c r="H619154" s="12"/>
    </row>
    <row r="619155" spans="8:8">
      <c r="H619155" s="12"/>
    </row>
    <row r="619156" spans="8:8">
      <c r="H619156" s="12"/>
    </row>
    <row r="619157" spans="8:8">
      <c r="H619157" s="12"/>
    </row>
    <row r="619158" spans="8:8">
      <c r="H619158" s="12"/>
    </row>
    <row r="619159" spans="8:8">
      <c r="H619159" s="12"/>
    </row>
    <row r="619160" spans="8:8">
      <c r="H619160" s="12"/>
    </row>
    <row r="619161" spans="8:8">
      <c r="H619161" s="12"/>
    </row>
    <row r="619162" spans="8:8">
      <c r="H619162" s="12"/>
    </row>
    <row r="619163" spans="8:8">
      <c r="H619163" s="12"/>
    </row>
    <row r="619164" spans="8:8">
      <c r="H619164" s="12"/>
    </row>
    <row r="619165" spans="8:8">
      <c r="H619165" s="12"/>
    </row>
    <row r="619166" spans="8:8">
      <c r="H619166" s="12"/>
    </row>
    <row r="619167" spans="8:8">
      <c r="H619167" s="12"/>
    </row>
    <row r="619168" spans="8:8">
      <c r="H619168" s="12"/>
    </row>
    <row r="619169" spans="8:8">
      <c r="H619169" s="12"/>
    </row>
    <row r="619170" spans="8:8">
      <c r="H619170" s="12"/>
    </row>
    <row r="619171" spans="8:8">
      <c r="H619171" s="12"/>
    </row>
    <row r="619172" spans="8:8">
      <c r="H619172" s="12"/>
    </row>
    <row r="619173" spans="8:8">
      <c r="H619173" s="12"/>
    </row>
    <row r="619174" spans="8:8">
      <c r="H619174" s="12"/>
    </row>
    <row r="619175" spans="8:8">
      <c r="H619175" s="12"/>
    </row>
    <row r="619176" spans="8:8">
      <c r="H619176" s="12"/>
    </row>
    <row r="619177" spans="8:8">
      <c r="H619177" s="12"/>
    </row>
    <row r="619178" spans="8:8">
      <c r="H619178" s="12"/>
    </row>
    <row r="619179" spans="8:8">
      <c r="H619179" s="12"/>
    </row>
    <row r="619180" spans="8:8">
      <c r="H619180" s="12"/>
    </row>
    <row r="619181" spans="8:8">
      <c r="H619181" s="12"/>
    </row>
    <row r="619182" spans="8:8">
      <c r="H619182" s="12"/>
    </row>
    <row r="619183" spans="8:8">
      <c r="H619183" s="12"/>
    </row>
    <row r="619184" spans="8:8">
      <c r="H619184" s="12"/>
    </row>
    <row r="619185" spans="8:8">
      <c r="H619185" s="12"/>
    </row>
    <row r="619186" spans="8:8">
      <c r="H619186" s="12"/>
    </row>
    <row r="619187" spans="8:8">
      <c r="H619187" s="12"/>
    </row>
    <row r="619188" spans="8:8">
      <c r="H619188" s="12"/>
    </row>
    <row r="619189" spans="8:8">
      <c r="H619189" s="12"/>
    </row>
    <row r="619190" spans="8:8">
      <c r="H619190" s="12"/>
    </row>
    <row r="619191" spans="8:8">
      <c r="H619191" s="12"/>
    </row>
    <row r="619192" spans="8:8">
      <c r="H619192" s="12"/>
    </row>
    <row r="619193" spans="8:8">
      <c r="H619193" s="12"/>
    </row>
    <row r="619194" spans="8:8">
      <c r="H619194" s="12"/>
    </row>
    <row r="619195" spans="8:8">
      <c r="H619195" s="12"/>
    </row>
    <row r="619196" spans="8:8">
      <c r="H619196" s="12"/>
    </row>
    <row r="619197" spans="8:8">
      <c r="H619197" s="12"/>
    </row>
    <row r="619198" spans="8:8">
      <c r="H619198" s="12"/>
    </row>
    <row r="619199" spans="8:8">
      <c r="H619199" s="12"/>
    </row>
    <row r="619200" spans="8:8">
      <c r="H619200" s="12"/>
    </row>
    <row r="619201" spans="8:8">
      <c r="H619201" s="12"/>
    </row>
    <row r="619202" spans="8:8">
      <c r="H619202" s="12"/>
    </row>
    <row r="619203" spans="8:8">
      <c r="H619203" s="12"/>
    </row>
    <row r="619204" spans="8:8">
      <c r="H619204" s="12"/>
    </row>
    <row r="619205" spans="8:8">
      <c r="H619205" s="12"/>
    </row>
    <row r="619206" spans="8:8">
      <c r="H619206" s="12"/>
    </row>
    <row r="619207" spans="8:8">
      <c r="H619207" s="12"/>
    </row>
    <row r="619208" spans="8:8">
      <c r="H619208" s="12"/>
    </row>
    <row r="619209" spans="8:8">
      <c r="H619209" s="12"/>
    </row>
    <row r="619210" spans="8:8">
      <c r="H619210" s="12"/>
    </row>
    <row r="619211" spans="8:8">
      <c r="H619211" s="12"/>
    </row>
    <row r="619212" spans="8:8">
      <c r="H619212" s="12"/>
    </row>
    <row r="619213" spans="8:8">
      <c r="H619213" s="12"/>
    </row>
    <row r="619214" spans="8:8">
      <c r="H619214" s="12"/>
    </row>
    <row r="619215" spans="8:8">
      <c r="H619215" s="12"/>
    </row>
    <row r="619216" spans="8:8">
      <c r="H619216" s="12"/>
    </row>
    <row r="619217" spans="8:8">
      <c r="H619217" s="12"/>
    </row>
    <row r="619218" spans="8:8">
      <c r="H619218" s="12"/>
    </row>
    <row r="619219" spans="8:8">
      <c r="H619219" s="12"/>
    </row>
    <row r="619220" spans="8:8">
      <c r="H619220" s="12"/>
    </row>
    <row r="619221" spans="8:8">
      <c r="H619221" s="12"/>
    </row>
    <row r="619222" spans="8:8">
      <c r="H619222" s="12"/>
    </row>
    <row r="619223" spans="8:8">
      <c r="H619223" s="12"/>
    </row>
    <row r="619224" spans="8:8">
      <c r="H619224" s="12"/>
    </row>
    <row r="619225" spans="8:8">
      <c r="H619225" s="12"/>
    </row>
    <row r="619226" spans="8:8">
      <c r="H619226" s="12"/>
    </row>
    <row r="619227" spans="8:8">
      <c r="H619227" s="12"/>
    </row>
    <row r="619228" spans="8:8">
      <c r="H619228" s="12"/>
    </row>
    <row r="619229" spans="8:8">
      <c r="H619229" s="12"/>
    </row>
    <row r="619230" spans="8:8">
      <c r="H619230" s="12"/>
    </row>
    <row r="619231" spans="8:8">
      <c r="H619231" s="12"/>
    </row>
    <row r="619232" spans="8:8">
      <c r="H619232" s="12"/>
    </row>
    <row r="619233" spans="8:8">
      <c r="H619233" s="12"/>
    </row>
    <row r="619234" spans="8:8">
      <c r="H619234" s="12"/>
    </row>
    <row r="619235" spans="8:8">
      <c r="H619235" s="12"/>
    </row>
    <row r="619236" spans="8:8">
      <c r="H619236" s="12"/>
    </row>
    <row r="619237" spans="8:8">
      <c r="H619237" s="12"/>
    </row>
    <row r="619238" spans="8:8">
      <c r="H619238" s="12"/>
    </row>
    <row r="619239" spans="8:8">
      <c r="H619239" s="12"/>
    </row>
    <row r="619240" spans="8:8">
      <c r="H619240" s="12"/>
    </row>
    <row r="619241" spans="8:8">
      <c r="H619241" s="12"/>
    </row>
    <row r="619242" spans="8:8">
      <c r="H619242" s="12"/>
    </row>
    <row r="619243" spans="8:8">
      <c r="H619243" s="12"/>
    </row>
    <row r="619244" spans="8:8">
      <c r="H619244" s="12"/>
    </row>
    <row r="619245" spans="8:8">
      <c r="H619245" s="12"/>
    </row>
    <row r="619246" spans="8:8">
      <c r="H619246" s="12"/>
    </row>
    <row r="619247" spans="8:8">
      <c r="H619247" s="12"/>
    </row>
    <row r="619248" spans="8:8">
      <c r="H619248" s="12"/>
    </row>
    <row r="619249" spans="8:8">
      <c r="H619249" s="12"/>
    </row>
    <row r="619250" spans="8:8">
      <c r="H619250" s="12"/>
    </row>
    <row r="619251" spans="8:8">
      <c r="H619251" s="12"/>
    </row>
    <row r="619252" spans="8:8">
      <c r="H619252" s="12"/>
    </row>
    <row r="619253" spans="8:8">
      <c r="H619253" s="12"/>
    </row>
    <row r="619254" spans="8:8">
      <c r="H619254" s="12"/>
    </row>
    <row r="619255" spans="8:8">
      <c r="H619255" s="12"/>
    </row>
    <row r="619256" spans="8:8">
      <c r="H619256" s="12"/>
    </row>
    <row r="619257" spans="8:8">
      <c r="H619257" s="12"/>
    </row>
    <row r="619258" spans="8:8">
      <c r="H619258" s="12"/>
    </row>
    <row r="619259" spans="8:8">
      <c r="H619259" s="12"/>
    </row>
    <row r="619260" spans="8:8">
      <c r="H619260" s="12"/>
    </row>
    <row r="619261" spans="8:8">
      <c r="H619261" s="12"/>
    </row>
    <row r="619262" spans="8:8">
      <c r="H619262" s="12"/>
    </row>
    <row r="619263" spans="8:8">
      <c r="H619263" s="12"/>
    </row>
    <row r="619264" spans="8:8">
      <c r="H619264" s="12"/>
    </row>
    <row r="619265" spans="8:8">
      <c r="H619265" s="12"/>
    </row>
    <row r="619266" spans="8:8">
      <c r="H619266" s="12"/>
    </row>
    <row r="619267" spans="8:8">
      <c r="H619267" s="12"/>
    </row>
    <row r="619268" spans="8:8">
      <c r="H619268" s="12"/>
    </row>
    <row r="619269" spans="8:8">
      <c r="H619269" s="12"/>
    </row>
    <row r="619270" spans="8:8">
      <c r="H619270" s="12"/>
    </row>
    <row r="619271" spans="8:8">
      <c r="H619271" s="12"/>
    </row>
    <row r="619272" spans="8:8">
      <c r="H619272" s="12"/>
    </row>
    <row r="619273" spans="8:8">
      <c r="H619273" s="12"/>
    </row>
    <row r="619274" spans="8:8">
      <c r="H619274" s="12"/>
    </row>
    <row r="619275" spans="8:8">
      <c r="H619275" s="12"/>
    </row>
    <row r="619276" spans="8:8">
      <c r="H619276" s="12"/>
    </row>
    <row r="619277" spans="8:8">
      <c r="H619277" s="12"/>
    </row>
    <row r="619278" spans="8:8">
      <c r="H619278" s="12"/>
    </row>
    <row r="619279" spans="8:8">
      <c r="H619279" s="12"/>
    </row>
    <row r="619280" spans="8:8">
      <c r="H619280" s="12"/>
    </row>
    <row r="619281" spans="8:8">
      <c r="H619281" s="12"/>
    </row>
    <row r="619282" spans="8:8">
      <c r="H619282" s="12"/>
    </row>
    <row r="619283" spans="8:8">
      <c r="H619283" s="12"/>
    </row>
    <row r="619284" spans="8:8">
      <c r="H619284" s="12"/>
    </row>
    <row r="619285" spans="8:8">
      <c r="H619285" s="12"/>
    </row>
    <row r="619286" spans="8:8">
      <c r="H619286" s="12"/>
    </row>
    <row r="619287" spans="8:8">
      <c r="H619287" s="12"/>
    </row>
    <row r="619288" spans="8:8">
      <c r="H619288" s="12"/>
    </row>
    <row r="619289" spans="8:8">
      <c r="H619289" s="12"/>
    </row>
    <row r="619290" spans="8:8">
      <c r="H619290" s="12"/>
    </row>
    <row r="619291" spans="8:8">
      <c r="H619291" s="12"/>
    </row>
    <row r="619292" spans="8:8">
      <c r="H619292" s="12"/>
    </row>
    <row r="619293" spans="8:8">
      <c r="H619293" s="12"/>
    </row>
    <row r="619294" spans="8:8">
      <c r="H619294" s="12"/>
    </row>
    <row r="619295" spans="8:8">
      <c r="H619295" s="12"/>
    </row>
    <row r="619296" spans="8:8">
      <c r="H619296" s="12"/>
    </row>
    <row r="619297" spans="8:8">
      <c r="H619297" s="12"/>
    </row>
    <row r="619298" spans="8:8">
      <c r="H619298" s="12"/>
    </row>
    <row r="619299" spans="8:8">
      <c r="H619299" s="12"/>
    </row>
    <row r="619300" spans="8:8">
      <c r="H619300" s="12"/>
    </row>
    <row r="619301" spans="8:8">
      <c r="H619301" s="12"/>
    </row>
    <row r="619302" spans="8:8">
      <c r="H619302" s="12"/>
    </row>
    <row r="619303" spans="8:8">
      <c r="H619303" s="12"/>
    </row>
    <row r="619304" spans="8:8">
      <c r="H619304" s="12"/>
    </row>
    <row r="619305" spans="8:8">
      <c r="H619305" s="12"/>
    </row>
    <row r="619306" spans="8:8">
      <c r="H619306" s="12"/>
    </row>
    <row r="619307" spans="8:8">
      <c r="H619307" s="12"/>
    </row>
    <row r="619308" spans="8:8">
      <c r="H619308" s="12"/>
    </row>
    <row r="619309" spans="8:8">
      <c r="H619309" s="12"/>
    </row>
    <row r="619310" spans="8:8">
      <c r="H619310" s="12"/>
    </row>
    <row r="619311" spans="8:8">
      <c r="H619311" s="12"/>
    </row>
    <row r="619312" spans="8:8">
      <c r="H619312" s="12"/>
    </row>
    <row r="619313" spans="8:8">
      <c r="H619313" s="12"/>
    </row>
    <row r="619314" spans="8:8">
      <c r="H619314" s="12"/>
    </row>
    <row r="619315" spans="8:8">
      <c r="H619315" s="12"/>
    </row>
    <row r="619316" spans="8:8">
      <c r="H619316" s="12"/>
    </row>
    <row r="619317" spans="8:8">
      <c r="H619317" s="12"/>
    </row>
    <row r="619318" spans="8:8">
      <c r="H619318" s="12"/>
    </row>
    <row r="619319" spans="8:8">
      <c r="H619319" s="12"/>
    </row>
    <row r="619320" spans="8:8">
      <c r="H619320" s="12"/>
    </row>
    <row r="619321" spans="8:8">
      <c r="H619321" s="12"/>
    </row>
    <row r="619322" spans="8:8">
      <c r="H619322" s="12"/>
    </row>
    <row r="619323" spans="8:8">
      <c r="H619323" s="12"/>
    </row>
    <row r="619324" spans="8:8">
      <c r="H619324" s="12"/>
    </row>
    <row r="619325" spans="8:8">
      <c r="H619325" s="12"/>
    </row>
    <row r="619326" spans="8:8">
      <c r="H619326" s="12"/>
    </row>
    <row r="619327" spans="8:8">
      <c r="H619327" s="12"/>
    </row>
    <row r="619328" spans="8:8">
      <c r="H619328" s="12"/>
    </row>
    <row r="619329" spans="8:8">
      <c r="H619329" s="12"/>
    </row>
    <row r="619330" spans="8:8">
      <c r="H619330" s="12"/>
    </row>
    <row r="619331" spans="8:8">
      <c r="H619331" s="12"/>
    </row>
    <row r="619332" spans="8:8">
      <c r="H619332" s="12"/>
    </row>
    <row r="619333" spans="8:8">
      <c r="H619333" s="12"/>
    </row>
    <row r="619334" spans="8:8">
      <c r="H619334" s="12"/>
    </row>
    <row r="619335" spans="8:8">
      <c r="H619335" s="12"/>
    </row>
    <row r="619336" spans="8:8">
      <c r="H619336" s="12"/>
    </row>
    <row r="619337" spans="8:8">
      <c r="H619337" s="12"/>
    </row>
    <row r="619338" spans="8:8">
      <c r="H619338" s="12"/>
    </row>
    <row r="619339" spans="8:8">
      <c r="H619339" s="12"/>
    </row>
    <row r="619340" spans="8:8">
      <c r="H619340" s="12"/>
    </row>
    <row r="619341" spans="8:8">
      <c r="H619341" s="12"/>
    </row>
    <row r="619342" spans="8:8">
      <c r="H619342" s="12"/>
    </row>
    <row r="619343" spans="8:8">
      <c r="H619343" s="12"/>
    </row>
    <row r="619344" spans="8:8">
      <c r="H619344" s="12"/>
    </row>
    <row r="619345" spans="8:8">
      <c r="H619345" s="12"/>
    </row>
    <row r="619346" spans="8:8">
      <c r="H619346" s="12"/>
    </row>
    <row r="619347" spans="8:8">
      <c r="H619347" s="12"/>
    </row>
    <row r="619348" spans="8:8">
      <c r="H619348" s="12"/>
    </row>
    <row r="619349" spans="8:8">
      <c r="H619349" s="12"/>
    </row>
    <row r="619350" spans="8:8">
      <c r="H619350" s="12"/>
    </row>
    <row r="619351" spans="8:8">
      <c r="H619351" s="12"/>
    </row>
    <row r="619352" spans="8:8">
      <c r="H619352" s="12"/>
    </row>
    <row r="619353" spans="8:8">
      <c r="H619353" s="12"/>
    </row>
    <row r="619354" spans="8:8">
      <c r="H619354" s="12"/>
    </row>
    <row r="619355" spans="8:8">
      <c r="H619355" s="12"/>
    </row>
    <row r="619356" spans="8:8">
      <c r="H619356" s="12"/>
    </row>
    <row r="619357" spans="8:8">
      <c r="H619357" s="12"/>
    </row>
    <row r="619358" spans="8:8">
      <c r="H619358" s="12"/>
    </row>
    <row r="619359" spans="8:8">
      <c r="H619359" s="12"/>
    </row>
    <row r="619360" spans="8:8">
      <c r="H619360" s="12"/>
    </row>
    <row r="619361" spans="8:8">
      <c r="H619361" s="12"/>
    </row>
    <row r="619362" spans="8:8">
      <c r="H619362" s="12"/>
    </row>
    <row r="619363" spans="8:8">
      <c r="H619363" s="12"/>
    </row>
    <row r="619364" spans="8:8">
      <c r="H619364" s="12"/>
    </row>
    <row r="619365" spans="8:8">
      <c r="H619365" s="12"/>
    </row>
    <row r="619366" spans="8:8">
      <c r="H619366" s="12"/>
    </row>
    <row r="619367" spans="8:8">
      <c r="H619367" s="12"/>
    </row>
    <row r="619368" spans="8:8">
      <c r="H619368" s="12"/>
    </row>
    <row r="619369" spans="8:8">
      <c r="H619369" s="12"/>
    </row>
    <row r="619370" spans="8:8">
      <c r="H619370" s="12"/>
    </row>
    <row r="619371" spans="8:8">
      <c r="H619371" s="12"/>
    </row>
    <row r="619372" spans="8:8">
      <c r="H619372" s="12"/>
    </row>
    <row r="619373" spans="8:8">
      <c r="H619373" s="12"/>
    </row>
    <row r="619374" spans="8:8">
      <c r="H619374" s="12"/>
    </row>
    <row r="619375" spans="8:8">
      <c r="H619375" s="12"/>
    </row>
    <row r="619376" spans="8:8">
      <c r="H619376" s="12"/>
    </row>
    <row r="619377" spans="8:8">
      <c r="H619377" s="12"/>
    </row>
    <row r="619378" spans="8:8">
      <c r="H619378" s="12"/>
    </row>
    <row r="619379" spans="8:8">
      <c r="H619379" s="12"/>
    </row>
    <row r="619380" spans="8:8">
      <c r="H619380" s="12"/>
    </row>
    <row r="619381" spans="8:8">
      <c r="H619381" s="12"/>
    </row>
    <row r="619382" spans="8:8">
      <c r="H619382" s="12"/>
    </row>
    <row r="619383" spans="8:8">
      <c r="H619383" s="12"/>
    </row>
    <row r="619384" spans="8:8">
      <c r="H619384" s="12"/>
    </row>
    <row r="619385" spans="8:8">
      <c r="H619385" s="12"/>
    </row>
    <row r="619386" spans="8:8">
      <c r="H619386" s="12"/>
    </row>
    <row r="619387" spans="8:8">
      <c r="H619387" s="12"/>
    </row>
    <row r="619388" spans="8:8">
      <c r="H619388" s="12"/>
    </row>
    <row r="619389" spans="8:8">
      <c r="H619389" s="12"/>
    </row>
    <row r="619390" spans="8:8">
      <c r="H619390" s="12"/>
    </row>
    <row r="619391" spans="8:8">
      <c r="H619391" s="12"/>
    </row>
    <row r="619392" spans="8:8">
      <c r="H619392" s="12"/>
    </row>
    <row r="619393" spans="8:8">
      <c r="H619393" s="12"/>
    </row>
    <row r="619394" spans="8:8">
      <c r="H619394" s="12"/>
    </row>
    <row r="619395" spans="8:8">
      <c r="H619395" s="12"/>
    </row>
    <row r="619396" spans="8:8">
      <c r="H619396" s="12"/>
    </row>
    <row r="619397" spans="8:8">
      <c r="H619397" s="12"/>
    </row>
    <row r="619398" spans="8:8">
      <c r="H619398" s="12"/>
    </row>
    <row r="619399" spans="8:8">
      <c r="H619399" s="12"/>
    </row>
    <row r="619400" spans="8:8">
      <c r="H619400" s="12"/>
    </row>
    <row r="619401" spans="8:8">
      <c r="H619401" s="12"/>
    </row>
    <row r="619402" spans="8:8">
      <c r="H619402" s="12"/>
    </row>
    <row r="619403" spans="8:8">
      <c r="H619403" s="12"/>
    </row>
    <row r="619404" spans="8:8">
      <c r="H619404" s="12"/>
    </row>
    <row r="619405" spans="8:8">
      <c r="H619405" s="12"/>
    </row>
    <row r="619406" spans="8:8">
      <c r="H619406" s="12"/>
    </row>
    <row r="619407" spans="8:8">
      <c r="H619407" s="12"/>
    </row>
    <row r="619408" spans="8:8">
      <c r="H619408" s="12"/>
    </row>
    <row r="619409" spans="8:8">
      <c r="H619409" s="12"/>
    </row>
    <row r="619410" spans="8:8">
      <c r="H619410" s="12"/>
    </row>
    <row r="619411" spans="8:8">
      <c r="H619411" s="12"/>
    </row>
    <row r="619412" spans="8:8">
      <c r="H619412" s="12"/>
    </row>
    <row r="619413" spans="8:8">
      <c r="H619413" s="12"/>
    </row>
    <row r="619414" spans="8:8">
      <c r="H619414" s="12"/>
    </row>
    <row r="619415" spans="8:8">
      <c r="H619415" s="12"/>
    </row>
    <row r="619416" spans="8:8">
      <c r="H619416" s="12"/>
    </row>
    <row r="619417" spans="8:8">
      <c r="H619417" s="12"/>
    </row>
    <row r="619418" spans="8:8">
      <c r="H619418" s="12"/>
    </row>
    <row r="619419" spans="8:8">
      <c r="H619419" s="12"/>
    </row>
    <row r="619420" spans="8:8">
      <c r="H619420" s="12"/>
    </row>
    <row r="619421" spans="8:8">
      <c r="H619421" s="12"/>
    </row>
    <row r="619422" spans="8:8">
      <c r="H619422" s="12"/>
    </row>
    <row r="619423" spans="8:8">
      <c r="H619423" s="12"/>
    </row>
    <row r="619424" spans="8:8">
      <c r="H619424" s="12"/>
    </row>
    <row r="619425" spans="8:8">
      <c r="H619425" s="12"/>
    </row>
    <row r="619426" spans="8:8">
      <c r="H619426" s="12"/>
    </row>
    <row r="619427" spans="8:8">
      <c r="H619427" s="12"/>
    </row>
    <row r="619428" spans="8:8">
      <c r="H619428" s="12"/>
    </row>
    <row r="619429" spans="8:8">
      <c r="H619429" s="12"/>
    </row>
    <row r="619430" spans="8:8">
      <c r="H619430" s="12"/>
    </row>
    <row r="619431" spans="8:8">
      <c r="H619431" s="12"/>
    </row>
    <row r="619432" spans="8:8">
      <c r="H619432" s="12"/>
    </row>
    <row r="619433" spans="8:8">
      <c r="H619433" s="12"/>
    </row>
    <row r="619434" spans="8:8">
      <c r="H619434" s="12"/>
    </row>
    <row r="619435" spans="8:8">
      <c r="H619435" s="12"/>
    </row>
    <row r="619436" spans="8:8">
      <c r="H619436" s="12"/>
    </row>
    <row r="619437" spans="8:8">
      <c r="H619437" s="12"/>
    </row>
    <row r="619438" spans="8:8">
      <c r="H619438" s="12"/>
    </row>
    <row r="619439" spans="8:8">
      <c r="H619439" s="12"/>
    </row>
    <row r="619440" spans="8:8">
      <c r="H619440" s="12"/>
    </row>
    <row r="619441" spans="8:8">
      <c r="H619441" s="12"/>
    </row>
    <row r="619442" spans="8:8">
      <c r="H619442" s="12"/>
    </row>
    <row r="619443" spans="8:8">
      <c r="H619443" s="12"/>
    </row>
    <row r="619444" spans="8:8">
      <c r="H619444" s="12"/>
    </row>
    <row r="619445" spans="8:8">
      <c r="H619445" s="12"/>
    </row>
    <row r="619446" spans="8:8">
      <c r="H619446" s="12"/>
    </row>
    <row r="619447" spans="8:8">
      <c r="H619447" s="12"/>
    </row>
    <row r="619448" spans="8:8">
      <c r="H619448" s="12"/>
    </row>
    <row r="619449" spans="8:8">
      <c r="H619449" s="12"/>
    </row>
    <row r="619450" spans="8:8">
      <c r="H619450" s="12"/>
    </row>
    <row r="619451" spans="8:8">
      <c r="H619451" s="12"/>
    </row>
    <row r="619452" spans="8:8">
      <c r="H619452" s="12"/>
    </row>
    <row r="619453" spans="8:8">
      <c r="H619453" s="12"/>
    </row>
    <row r="619454" spans="8:8">
      <c r="H619454" s="12"/>
    </row>
    <row r="619455" spans="8:8">
      <c r="H619455" s="12"/>
    </row>
    <row r="619456" spans="8:8">
      <c r="H619456" s="12"/>
    </row>
    <row r="619457" spans="8:8">
      <c r="H619457" s="12"/>
    </row>
    <row r="619458" spans="8:8">
      <c r="H619458" s="12"/>
    </row>
    <row r="619459" spans="8:8">
      <c r="H619459" s="12"/>
    </row>
    <row r="619460" spans="8:8">
      <c r="H619460" s="12"/>
    </row>
    <row r="619461" spans="8:8">
      <c r="H619461" s="12"/>
    </row>
    <row r="619462" spans="8:8">
      <c r="H619462" s="12"/>
    </row>
    <row r="619463" spans="8:8">
      <c r="H619463" s="12"/>
    </row>
    <row r="619464" spans="8:8">
      <c r="H619464" s="12"/>
    </row>
    <row r="619465" spans="8:8">
      <c r="H619465" s="12"/>
    </row>
    <row r="619466" spans="8:8">
      <c r="H619466" s="12"/>
    </row>
    <row r="619467" spans="8:8">
      <c r="H619467" s="12"/>
    </row>
    <row r="619468" spans="8:8">
      <c r="H619468" s="12"/>
    </row>
    <row r="619469" spans="8:8">
      <c r="H619469" s="12"/>
    </row>
    <row r="619470" spans="8:8">
      <c r="H619470" s="12"/>
    </row>
    <row r="619471" spans="8:8">
      <c r="H619471" s="12"/>
    </row>
    <row r="619472" spans="8:8">
      <c r="H619472" s="12"/>
    </row>
    <row r="619473" spans="8:8">
      <c r="H619473" s="12"/>
    </row>
    <row r="619474" spans="8:8">
      <c r="H619474" s="12"/>
    </row>
    <row r="619475" spans="8:8">
      <c r="H619475" s="12"/>
    </row>
    <row r="619476" spans="8:8">
      <c r="H619476" s="12"/>
    </row>
    <row r="619477" spans="8:8">
      <c r="H619477" s="12"/>
    </row>
    <row r="619478" spans="8:8">
      <c r="H619478" s="12"/>
    </row>
    <row r="619479" spans="8:8">
      <c r="H619479" s="12"/>
    </row>
    <row r="619480" spans="8:8">
      <c r="H619480" s="12"/>
    </row>
    <row r="619481" spans="8:8">
      <c r="H619481" s="12"/>
    </row>
    <row r="619482" spans="8:8">
      <c r="H619482" s="12"/>
    </row>
    <row r="619483" spans="8:8">
      <c r="H619483" s="12"/>
    </row>
    <row r="619484" spans="8:8">
      <c r="H619484" s="12"/>
    </row>
    <row r="619485" spans="8:8">
      <c r="H619485" s="12"/>
    </row>
    <row r="619486" spans="8:8">
      <c r="H619486" s="12"/>
    </row>
    <row r="619487" spans="8:8">
      <c r="H619487" s="12"/>
    </row>
    <row r="619488" spans="8:8">
      <c r="H619488" s="12"/>
    </row>
    <row r="619489" spans="8:8">
      <c r="H619489" s="12"/>
    </row>
    <row r="619490" spans="8:8">
      <c r="H619490" s="12"/>
    </row>
    <row r="619491" spans="8:8">
      <c r="H619491" s="12"/>
    </row>
    <row r="619492" spans="8:8">
      <c r="H619492" s="12"/>
    </row>
    <row r="619493" spans="8:8">
      <c r="H619493" s="12"/>
    </row>
    <row r="619494" spans="8:8">
      <c r="H619494" s="12"/>
    </row>
    <row r="619495" spans="8:8">
      <c r="H619495" s="12"/>
    </row>
    <row r="619496" spans="8:8">
      <c r="H619496" s="12"/>
    </row>
    <row r="619497" spans="8:8">
      <c r="H619497" s="12"/>
    </row>
    <row r="619498" spans="8:8">
      <c r="H619498" s="12"/>
    </row>
    <row r="619499" spans="8:8">
      <c r="H619499" s="12"/>
    </row>
    <row r="619500" spans="8:8">
      <c r="H619500" s="12"/>
    </row>
    <row r="619501" spans="8:8">
      <c r="H619501" s="12"/>
    </row>
    <row r="619502" spans="8:8">
      <c r="H619502" s="12"/>
    </row>
    <row r="619503" spans="8:8">
      <c r="H619503" s="12"/>
    </row>
    <row r="619504" spans="8:8">
      <c r="H619504" s="12"/>
    </row>
    <row r="619505" spans="8:8">
      <c r="H619505" s="12"/>
    </row>
    <row r="619506" spans="8:8">
      <c r="H619506" s="12"/>
    </row>
    <row r="619507" spans="8:8">
      <c r="H619507" s="12"/>
    </row>
    <row r="619508" spans="8:8">
      <c r="H619508" s="12"/>
    </row>
    <row r="619509" spans="8:8">
      <c r="H619509" s="12"/>
    </row>
    <row r="619510" spans="8:8">
      <c r="H619510" s="12"/>
    </row>
    <row r="619511" spans="8:8">
      <c r="H619511" s="12"/>
    </row>
    <row r="619512" spans="8:8">
      <c r="H619512" s="12"/>
    </row>
    <row r="619513" spans="8:8">
      <c r="H619513" s="12"/>
    </row>
    <row r="619514" spans="8:8">
      <c r="H619514" s="12"/>
    </row>
    <row r="619515" spans="8:8">
      <c r="H619515" s="12"/>
    </row>
    <row r="619516" spans="8:8">
      <c r="H619516" s="12"/>
    </row>
    <row r="619517" spans="8:8">
      <c r="H619517" s="12"/>
    </row>
    <row r="619518" spans="8:8">
      <c r="H619518" s="12"/>
    </row>
    <row r="619519" spans="8:8">
      <c r="H619519" s="12"/>
    </row>
    <row r="619520" spans="8:8">
      <c r="H619520" s="12"/>
    </row>
    <row r="619521" spans="8:8">
      <c r="H619521" s="12"/>
    </row>
    <row r="619522" spans="8:8">
      <c r="H619522" s="12"/>
    </row>
    <row r="619523" spans="8:8">
      <c r="H619523" s="12"/>
    </row>
    <row r="619524" spans="8:8">
      <c r="H619524" s="12"/>
    </row>
    <row r="619525" spans="8:8">
      <c r="H619525" s="12"/>
    </row>
    <row r="619526" spans="8:8">
      <c r="H619526" s="12"/>
    </row>
    <row r="619527" spans="8:8">
      <c r="H619527" s="12"/>
    </row>
    <row r="619528" spans="8:8">
      <c r="H619528" s="12"/>
    </row>
    <row r="619529" spans="8:8">
      <c r="H619529" s="12"/>
    </row>
    <row r="619530" spans="8:8">
      <c r="H619530" s="12"/>
    </row>
    <row r="619531" spans="8:8">
      <c r="H619531" s="12"/>
    </row>
    <row r="619532" spans="8:8">
      <c r="H619532" s="12"/>
    </row>
    <row r="619533" spans="8:8">
      <c r="H619533" s="12"/>
    </row>
    <row r="619534" spans="8:8">
      <c r="H619534" s="12"/>
    </row>
    <row r="619535" spans="8:8">
      <c r="H619535" s="12"/>
    </row>
    <row r="619536" spans="8:8">
      <c r="H619536" s="12"/>
    </row>
    <row r="619537" spans="8:8">
      <c r="H619537" s="12"/>
    </row>
    <row r="619538" spans="8:8">
      <c r="H619538" s="12"/>
    </row>
    <row r="619539" spans="8:8">
      <c r="H619539" s="12"/>
    </row>
    <row r="619540" spans="8:8">
      <c r="H619540" s="12"/>
    </row>
    <row r="619541" spans="8:8">
      <c r="H619541" s="12"/>
    </row>
    <row r="619542" spans="8:8">
      <c r="H619542" s="12"/>
    </row>
    <row r="619543" spans="8:8">
      <c r="H619543" s="12"/>
    </row>
    <row r="619544" spans="8:8">
      <c r="H619544" s="12"/>
    </row>
    <row r="619545" spans="8:8">
      <c r="H619545" s="12"/>
    </row>
    <row r="619546" spans="8:8">
      <c r="H619546" s="12"/>
    </row>
    <row r="619547" spans="8:8">
      <c r="H619547" s="12"/>
    </row>
    <row r="619548" spans="8:8">
      <c r="H619548" s="12"/>
    </row>
    <row r="619549" spans="8:8">
      <c r="H619549" s="12"/>
    </row>
    <row r="619550" spans="8:8">
      <c r="H619550" s="12"/>
    </row>
    <row r="619551" spans="8:8">
      <c r="H619551" s="12"/>
    </row>
    <row r="619552" spans="8:8">
      <c r="H619552" s="12"/>
    </row>
    <row r="619553" spans="8:8">
      <c r="H619553" s="12"/>
    </row>
    <row r="619554" spans="8:8">
      <c r="H619554" s="12"/>
    </row>
    <row r="619555" spans="8:8">
      <c r="H619555" s="12"/>
    </row>
    <row r="619556" spans="8:8">
      <c r="H619556" s="12"/>
    </row>
    <row r="619557" spans="8:8">
      <c r="H619557" s="12"/>
    </row>
    <row r="619558" spans="8:8">
      <c r="H619558" s="12"/>
    </row>
    <row r="619559" spans="8:8">
      <c r="H619559" s="12"/>
    </row>
    <row r="619560" spans="8:8">
      <c r="H619560" s="12"/>
    </row>
    <row r="619561" spans="8:8">
      <c r="H619561" s="12"/>
    </row>
    <row r="619562" spans="8:8">
      <c r="H619562" s="12"/>
    </row>
    <row r="619563" spans="8:8">
      <c r="H619563" s="12"/>
    </row>
    <row r="619564" spans="8:8">
      <c r="H619564" s="12"/>
    </row>
    <row r="619565" spans="8:8">
      <c r="H619565" s="12"/>
    </row>
    <row r="619566" spans="8:8">
      <c r="H619566" s="12"/>
    </row>
    <row r="619567" spans="8:8">
      <c r="H619567" s="12"/>
    </row>
    <row r="619568" spans="8:8">
      <c r="H619568" s="12"/>
    </row>
    <row r="619569" spans="8:8">
      <c r="H619569" s="12"/>
    </row>
    <row r="619570" spans="8:8">
      <c r="H619570" s="12"/>
    </row>
    <row r="619571" spans="8:8">
      <c r="H619571" s="12"/>
    </row>
    <row r="619572" spans="8:8">
      <c r="H619572" s="12"/>
    </row>
    <row r="619573" spans="8:8">
      <c r="H619573" s="12"/>
    </row>
    <row r="619574" spans="8:8">
      <c r="H619574" s="12"/>
    </row>
    <row r="619575" spans="8:8">
      <c r="H619575" s="12"/>
    </row>
    <row r="619576" spans="8:8">
      <c r="H619576" s="12"/>
    </row>
    <row r="619577" spans="8:8">
      <c r="H619577" s="12"/>
    </row>
    <row r="619578" spans="8:8">
      <c r="H619578" s="12"/>
    </row>
    <row r="619579" spans="8:8">
      <c r="H619579" s="12"/>
    </row>
    <row r="619580" spans="8:8">
      <c r="H619580" s="12"/>
    </row>
    <row r="619581" spans="8:8">
      <c r="H619581" s="12"/>
    </row>
    <row r="619582" spans="8:8">
      <c r="H619582" s="12"/>
    </row>
    <row r="619583" spans="8:8">
      <c r="H619583" s="12"/>
    </row>
    <row r="619584" spans="8:8">
      <c r="H619584" s="12"/>
    </row>
    <row r="619585" spans="8:8">
      <c r="H619585" s="12"/>
    </row>
    <row r="619586" spans="8:8">
      <c r="H619586" s="12"/>
    </row>
    <row r="619587" spans="8:8">
      <c r="H619587" s="12"/>
    </row>
    <row r="619588" spans="8:8">
      <c r="H619588" s="12"/>
    </row>
    <row r="619589" spans="8:8">
      <c r="H619589" s="12"/>
    </row>
    <row r="619590" spans="8:8">
      <c r="H619590" s="12"/>
    </row>
    <row r="619591" spans="8:8">
      <c r="H619591" s="12"/>
    </row>
    <row r="619592" spans="8:8">
      <c r="H619592" s="12"/>
    </row>
    <row r="619593" spans="8:8">
      <c r="H619593" s="12"/>
    </row>
    <row r="619594" spans="8:8">
      <c r="H619594" s="12"/>
    </row>
    <row r="619595" spans="8:8">
      <c r="H619595" s="12"/>
    </row>
    <row r="619596" spans="8:8">
      <c r="H619596" s="12"/>
    </row>
    <row r="619597" spans="8:8">
      <c r="H619597" s="12"/>
    </row>
    <row r="619598" spans="8:8">
      <c r="H619598" s="12"/>
    </row>
    <row r="619599" spans="8:8">
      <c r="H619599" s="12"/>
    </row>
    <row r="619600" spans="8:8">
      <c r="H619600" s="12"/>
    </row>
    <row r="619601" spans="8:8">
      <c r="H619601" s="12"/>
    </row>
    <row r="619602" spans="8:8">
      <c r="H619602" s="12"/>
    </row>
    <row r="619603" spans="8:8">
      <c r="H619603" s="12"/>
    </row>
    <row r="619604" spans="8:8">
      <c r="H619604" s="12"/>
    </row>
    <row r="619605" spans="8:8">
      <c r="H619605" s="12"/>
    </row>
    <row r="619606" spans="8:8">
      <c r="H619606" s="12"/>
    </row>
    <row r="619607" spans="8:8">
      <c r="H619607" s="12"/>
    </row>
    <row r="619608" spans="8:8">
      <c r="H619608" s="12"/>
    </row>
    <row r="619609" spans="8:8">
      <c r="H619609" s="12"/>
    </row>
    <row r="619610" spans="8:8">
      <c r="H619610" s="12"/>
    </row>
    <row r="619611" spans="8:8">
      <c r="H619611" s="12"/>
    </row>
    <row r="619612" spans="8:8">
      <c r="H619612" s="12"/>
    </row>
    <row r="619613" spans="8:8">
      <c r="H619613" s="12"/>
    </row>
    <row r="619614" spans="8:8">
      <c r="H619614" s="12"/>
    </row>
    <row r="619615" spans="8:8">
      <c r="H619615" s="12"/>
    </row>
    <row r="619616" spans="8:8">
      <c r="H619616" s="12"/>
    </row>
    <row r="619617" spans="8:8">
      <c r="H619617" s="12"/>
    </row>
    <row r="619618" spans="8:8">
      <c r="H619618" s="12"/>
    </row>
    <row r="619619" spans="8:8">
      <c r="H619619" s="12"/>
    </row>
    <row r="619620" spans="8:8">
      <c r="H619620" s="12"/>
    </row>
    <row r="619621" spans="8:8">
      <c r="H619621" s="12"/>
    </row>
    <row r="619622" spans="8:8">
      <c r="H619622" s="12"/>
    </row>
    <row r="619623" spans="8:8">
      <c r="H619623" s="12"/>
    </row>
    <row r="619624" spans="8:8">
      <c r="H619624" s="12"/>
    </row>
    <row r="619625" spans="8:8">
      <c r="H619625" s="12"/>
    </row>
    <row r="619626" spans="8:8">
      <c r="H619626" s="12"/>
    </row>
    <row r="619627" spans="8:8">
      <c r="H619627" s="12"/>
    </row>
    <row r="619628" spans="8:8">
      <c r="H619628" s="12"/>
    </row>
    <row r="619629" spans="8:8">
      <c r="H619629" s="12"/>
    </row>
    <row r="619630" spans="8:8">
      <c r="H619630" s="12"/>
    </row>
    <row r="619631" spans="8:8">
      <c r="H619631" s="12"/>
    </row>
    <row r="619632" spans="8:8">
      <c r="H619632" s="12"/>
    </row>
    <row r="619633" spans="8:8">
      <c r="H619633" s="12"/>
    </row>
    <row r="619634" spans="8:8">
      <c r="H619634" s="12"/>
    </row>
    <row r="619635" spans="8:8">
      <c r="H619635" s="12"/>
    </row>
    <row r="619636" spans="8:8">
      <c r="H619636" s="12"/>
    </row>
    <row r="619637" spans="8:8">
      <c r="H619637" s="12"/>
    </row>
    <row r="619638" spans="8:8">
      <c r="H619638" s="12"/>
    </row>
    <row r="619639" spans="8:8">
      <c r="H619639" s="12"/>
    </row>
    <row r="619640" spans="8:8">
      <c r="H619640" s="12"/>
    </row>
    <row r="619641" spans="8:8">
      <c r="H619641" s="12"/>
    </row>
    <row r="619642" spans="8:8">
      <c r="H619642" s="12"/>
    </row>
    <row r="619643" spans="8:8">
      <c r="H619643" s="12"/>
    </row>
    <row r="619644" spans="8:8">
      <c r="H619644" s="12"/>
    </row>
    <row r="619645" spans="8:8">
      <c r="H619645" s="12"/>
    </row>
    <row r="619646" spans="8:8">
      <c r="H619646" s="12"/>
    </row>
    <row r="619647" spans="8:8">
      <c r="H619647" s="12"/>
    </row>
    <row r="619648" spans="8:8">
      <c r="H619648" s="12"/>
    </row>
    <row r="619649" spans="8:8">
      <c r="H619649" s="12"/>
    </row>
    <row r="619650" spans="8:8">
      <c r="H619650" s="12"/>
    </row>
    <row r="619651" spans="8:8">
      <c r="H619651" s="12"/>
    </row>
    <row r="619652" spans="8:8">
      <c r="H619652" s="12"/>
    </row>
    <row r="619653" spans="8:8">
      <c r="H619653" s="12"/>
    </row>
    <row r="619654" spans="8:8">
      <c r="H619654" s="12"/>
    </row>
    <row r="619655" spans="8:8">
      <c r="H619655" s="12"/>
    </row>
    <row r="619656" spans="8:8">
      <c r="H619656" s="12"/>
    </row>
    <row r="619657" spans="8:8">
      <c r="H619657" s="12"/>
    </row>
    <row r="619658" spans="8:8">
      <c r="H619658" s="12"/>
    </row>
    <row r="619659" spans="8:8">
      <c r="H619659" s="12"/>
    </row>
    <row r="619660" spans="8:8">
      <c r="H619660" s="12"/>
    </row>
    <row r="619661" spans="8:8">
      <c r="H619661" s="12"/>
    </row>
    <row r="619662" spans="8:8">
      <c r="H619662" s="12"/>
    </row>
    <row r="619663" spans="8:8">
      <c r="H619663" s="12"/>
    </row>
    <row r="619664" spans="8:8">
      <c r="H619664" s="12"/>
    </row>
    <row r="619665" spans="8:8">
      <c r="H619665" s="12"/>
    </row>
    <row r="619666" spans="8:8">
      <c r="H619666" s="12"/>
    </row>
    <row r="619667" spans="8:8">
      <c r="H619667" s="12"/>
    </row>
    <row r="619668" spans="8:8">
      <c r="H619668" s="12"/>
    </row>
    <row r="619669" spans="8:8">
      <c r="H619669" s="12"/>
    </row>
    <row r="619670" spans="8:8">
      <c r="H619670" s="12"/>
    </row>
    <row r="619671" spans="8:8">
      <c r="H619671" s="12"/>
    </row>
    <row r="619672" spans="8:8">
      <c r="H619672" s="12"/>
    </row>
    <row r="619673" spans="8:8">
      <c r="H619673" s="12"/>
    </row>
    <row r="619674" spans="8:8">
      <c r="H619674" s="12"/>
    </row>
    <row r="619675" spans="8:8">
      <c r="H619675" s="12"/>
    </row>
    <row r="619676" spans="8:8">
      <c r="H619676" s="12"/>
    </row>
    <row r="619677" spans="8:8">
      <c r="H619677" s="12"/>
    </row>
    <row r="619678" spans="8:8">
      <c r="H619678" s="12"/>
    </row>
    <row r="619679" spans="8:8">
      <c r="H619679" s="12"/>
    </row>
    <row r="619680" spans="8:8">
      <c r="H619680" s="12"/>
    </row>
    <row r="619681" spans="8:8">
      <c r="H619681" s="12"/>
    </row>
    <row r="619682" spans="8:8">
      <c r="H619682" s="12"/>
    </row>
    <row r="619683" spans="8:8">
      <c r="H619683" s="12"/>
    </row>
    <row r="619684" spans="8:8">
      <c r="H619684" s="12"/>
    </row>
    <row r="619685" spans="8:8">
      <c r="H619685" s="12"/>
    </row>
    <row r="619686" spans="8:8">
      <c r="H619686" s="12"/>
    </row>
    <row r="619687" spans="8:8">
      <c r="H619687" s="12"/>
    </row>
    <row r="619688" spans="8:8">
      <c r="H619688" s="12"/>
    </row>
    <row r="619689" spans="8:8">
      <c r="H619689" s="12"/>
    </row>
    <row r="619690" spans="8:8">
      <c r="H619690" s="12"/>
    </row>
    <row r="619691" spans="8:8">
      <c r="H619691" s="12"/>
    </row>
    <row r="619692" spans="8:8">
      <c r="H619692" s="12"/>
    </row>
    <row r="619693" spans="8:8">
      <c r="H619693" s="12"/>
    </row>
    <row r="619694" spans="8:8">
      <c r="H619694" s="12"/>
    </row>
    <row r="619695" spans="8:8">
      <c r="H619695" s="12"/>
    </row>
    <row r="619696" spans="8:8">
      <c r="H619696" s="12"/>
    </row>
    <row r="619697" spans="8:8">
      <c r="H619697" s="12"/>
    </row>
    <row r="619698" spans="8:8">
      <c r="H619698" s="12"/>
    </row>
    <row r="619699" spans="8:8">
      <c r="H619699" s="12"/>
    </row>
    <row r="619700" spans="8:8">
      <c r="H619700" s="12"/>
    </row>
    <row r="619701" spans="8:8">
      <c r="H619701" s="12"/>
    </row>
    <row r="619702" spans="8:8">
      <c r="H619702" s="12"/>
    </row>
    <row r="619703" spans="8:8">
      <c r="H619703" s="12"/>
    </row>
    <row r="619704" spans="8:8">
      <c r="H619704" s="12"/>
    </row>
    <row r="619705" spans="8:8">
      <c r="H619705" s="12"/>
    </row>
    <row r="619706" spans="8:8">
      <c r="H619706" s="12"/>
    </row>
    <row r="619707" spans="8:8">
      <c r="H619707" s="12"/>
    </row>
    <row r="619708" spans="8:8">
      <c r="H619708" s="12"/>
    </row>
    <row r="619709" spans="8:8">
      <c r="H619709" s="12"/>
    </row>
    <row r="619710" spans="8:8">
      <c r="H619710" s="12"/>
    </row>
    <row r="619711" spans="8:8">
      <c r="H619711" s="12"/>
    </row>
    <row r="619712" spans="8:8">
      <c r="H619712" s="12"/>
    </row>
    <row r="619713" spans="8:8">
      <c r="H619713" s="12"/>
    </row>
    <row r="619714" spans="8:8">
      <c r="H619714" s="12"/>
    </row>
    <row r="619715" spans="8:8">
      <c r="H619715" s="12"/>
    </row>
    <row r="619716" spans="8:8">
      <c r="H619716" s="12"/>
    </row>
    <row r="619717" spans="8:8">
      <c r="H619717" s="12"/>
    </row>
    <row r="619718" spans="8:8">
      <c r="H619718" s="12"/>
    </row>
    <row r="619719" spans="8:8">
      <c r="H619719" s="12"/>
    </row>
    <row r="619720" spans="8:8">
      <c r="H619720" s="12"/>
    </row>
    <row r="619721" spans="8:8">
      <c r="H619721" s="12"/>
    </row>
    <row r="619722" spans="8:8">
      <c r="H619722" s="12"/>
    </row>
    <row r="619723" spans="8:8">
      <c r="H619723" s="12"/>
    </row>
    <row r="619724" spans="8:8">
      <c r="H619724" s="12"/>
    </row>
    <row r="619725" spans="8:8">
      <c r="H619725" s="12"/>
    </row>
    <row r="619726" spans="8:8">
      <c r="H619726" s="12"/>
    </row>
    <row r="619727" spans="8:8">
      <c r="H619727" s="12"/>
    </row>
    <row r="619728" spans="8:8">
      <c r="H619728" s="12"/>
    </row>
    <row r="619729" spans="8:8">
      <c r="H619729" s="12"/>
    </row>
    <row r="619730" spans="8:8">
      <c r="H619730" s="12"/>
    </row>
    <row r="619731" spans="8:8">
      <c r="H619731" s="12"/>
    </row>
    <row r="619732" spans="8:8">
      <c r="H619732" s="12"/>
    </row>
    <row r="619733" spans="8:8">
      <c r="H619733" s="12"/>
    </row>
    <row r="619734" spans="8:8">
      <c r="H619734" s="12"/>
    </row>
    <row r="619735" spans="8:8">
      <c r="H619735" s="12"/>
    </row>
    <row r="619736" spans="8:8">
      <c r="H619736" s="12"/>
    </row>
    <row r="619737" spans="8:8">
      <c r="H619737" s="12"/>
    </row>
    <row r="619738" spans="8:8">
      <c r="H619738" s="12"/>
    </row>
    <row r="619739" spans="8:8">
      <c r="H619739" s="12"/>
    </row>
    <row r="619740" spans="8:8">
      <c r="H619740" s="12"/>
    </row>
    <row r="619741" spans="8:8">
      <c r="H619741" s="12"/>
    </row>
    <row r="619742" spans="8:8">
      <c r="H619742" s="12"/>
    </row>
    <row r="619743" spans="8:8">
      <c r="H619743" s="12"/>
    </row>
    <row r="619744" spans="8:8">
      <c r="H619744" s="12"/>
    </row>
    <row r="619745" spans="8:8">
      <c r="H619745" s="12"/>
    </row>
    <row r="619746" spans="8:8">
      <c r="H619746" s="12"/>
    </row>
    <row r="619747" spans="8:8">
      <c r="H619747" s="12"/>
    </row>
    <row r="619748" spans="8:8">
      <c r="H619748" s="12"/>
    </row>
    <row r="619749" spans="8:8">
      <c r="H619749" s="12"/>
    </row>
    <row r="619750" spans="8:8">
      <c r="H619750" s="12"/>
    </row>
    <row r="619751" spans="8:8">
      <c r="H619751" s="12"/>
    </row>
    <row r="619752" spans="8:8">
      <c r="H619752" s="12"/>
    </row>
    <row r="619753" spans="8:8">
      <c r="H619753" s="12"/>
    </row>
    <row r="619754" spans="8:8">
      <c r="H619754" s="12"/>
    </row>
    <row r="619755" spans="8:8">
      <c r="H619755" s="12"/>
    </row>
    <row r="619756" spans="8:8">
      <c r="H619756" s="12"/>
    </row>
    <row r="619757" spans="8:8">
      <c r="H619757" s="12"/>
    </row>
    <row r="619758" spans="8:8">
      <c r="H619758" s="12"/>
    </row>
    <row r="619759" spans="8:8">
      <c r="H619759" s="12"/>
    </row>
    <row r="619760" spans="8:8">
      <c r="H619760" s="12"/>
    </row>
    <row r="619761" spans="8:8">
      <c r="H619761" s="12"/>
    </row>
    <row r="619762" spans="8:8">
      <c r="H619762" s="12"/>
    </row>
    <row r="619763" spans="8:8">
      <c r="H619763" s="12"/>
    </row>
    <row r="619764" spans="8:8">
      <c r="H619764" s="12"/>
    </row>
    <row r="619765" spans="8:8">
      <c r="H619765" s="12"/>
    </row>
    <row r="619766" spans="8:8">
      <c r="H619766" s="12"/>
    </row>
    <row r="619767" spans="8:8">
      <c r="H619767" s="12"/>
    </row>
    <row r="619768" spans="8:8">
      <c r="H619768" s="12"/>
    </row>
    <row r="619769" spans="8:8">
      <c r="H619769" s="12"/>
    </row>
    <row r="619770" spans="8:8">
      <c r="H619770" s="12"/>
    </row>
    <row r="619771" spans="8:8">
      <c r="H619771" s="12"/>
    </row>
    <row r="619772" spans="8:8">
      <c r="H619772" s="12"/>
    </row>
    <row r="619773" spans="8:8">
      <c r="H619773" s="12"/>
    </row>
    <row r="619774" spans="8:8">
      <c r="H619774" s="12"/>
    </row>
    <row r="619775" spans="8:8">
      <c r="H619775" s="12"/>
    </row>
    <row r="619776" spans="8:8">
      <c r="H619776" s="12"/>
    </row>
    <row r="619777" spans="8:8">
      <c r="H619777" s="12"/>
    </row>
    <row r="619778" spans="8:8">
      <c r="H619778" s="12"/>
    </row>
    <row r="619779" spans="8:8">
      <c r="H619779" s="12"/>
    </row>
    <row r="619780" spans="8:8">
      <c r="H619780" s="12"/>
    </row>
    <row r="619781" spans="8:8">
      <c r="H619781" s="12"/>
    </row>
    <row r="619782" spans="8:8">
      <c r="H619782" s="12"/>
    </row>
    <row r="619783" spans="8:8">
      <c r="H619783" s="12"/>
    </row>
    <row r="619784" spans="8:8">
      <c r="H619784" s="12"/>
    </row>
    <row r="619785" spans="8:8">
      <c r="H619785" s="12"/>
    </row>
    <row r="619786" spans="8:8">
      <c r="H619786" s="12"/>
    </row>
    <row r="619787" spans="8:8">
      <c r="H619787" s="12"/>
    </row>
    <row r="619788" spans="8:8">
      <c r="H619788" s="12"/>
    </row>
    <row r="619789" spans="8:8">
      <c r="H619789" s="12"/>
    </row>
    <row r="619790" spans="8:8">
      <c r="H619790" s="12"/>
    </row>
    <row r="619791" spans="8:8">
      <c r="H619791" s="12"/>
    </row>
    <row r="619792" spans="8:8">
      <c r="H619792" s="12"/>
    </row>
    <row r="619793" spans="8:8">
      <c r="H619793" s="12"/>
    </row>
    <row r="619794" spans="8:8">
      <c r="H619794" s="12"/>
    </row>
    <row r="619795" spans="8:8">
      <c r="H619795" s="12"/>
    </row>
    <row r="619796" spans="8:8">
      <c r="H619796" s="12"/>
    </row>
    <row r="619797" spans="8:8">
      <c r="H619797" s="12"/>
    </row>
    <row r="619798" spans="8:8">
      <c r="H619798" s="12"/>
    </row>
    <row r="619799" spans="8:8">
      <c r="H619799" s="12"/>
    </row>
    <row r="619800" spans="8:8">
      <c r="H619800" s="12"/>
    </row>
    <row r="619801" spans="8:8">
      <c r="H619801" s="12"/>
    </row>
    <row r="619802" spans="8:8">
      <c r="H619802" s="12"/>
    </row>
    <row r="619803" spans="8:8">
      <c r="H619803" s="12"/>
    </row>
    <row r="619804" spans="8:8">
      <c r="H619804" s="12"/>
    </row>
    <row r="619805" spans="8:8">
      <c r="H619805" s="12"/>
    </row>
    <row r="619806" spans="8:8">
      <c r="H619806" s="12"/>
    </row>
    <row r="619807" spans="8:8">
      <c r="H619807" s="12"/>
    </row>
    <row r="619808" spans="8:8">
      <c r="H619808" s="12"/>
    </row>
    <row r="619809" spans="8:8">
      <c r="H619809" s="12"/>
    </row>
    <row r="619810" spans="8:8">
      <c r="H619810" s="12"/>
    </row>
    <row r="619811" spans="8:8">
      <c r="H619811" s="12"/>
    </row>
    <row r="619812" spans="8:8">
      <c r="H619812" s="12"/>
    </row>
    <row r="619813" spans="8:8">
      <c r="H619813" s="12"/>
    </row>
    <row r="619814" spans="8:8">
      <c r="H619814" s="12"/>
    </row>
    <row r="619815" spans="8:8">
      <c r="H619815" s="12"/>
    </row>
    <row r="619816" spans="8:8">
      <c r="H619816" s="12"/>
    </row>
    <row r="619817" spans="8:8">
      <c r="H619817" s="12"/>
    </row>
    <row r="619818" spans="8:8">
      <c r="H619818" s="12"/>
    </row>
    <row r="619819" spans="8:8">
      <c r="H619819" s="12"/>
    </row>
    <row r="619820" spans="8:8">
      <c r="H619820" s="12"/>
    </row>
    <row r="619821" spans="8:8">
      <c r="H619821" s="12"/>
    </row>
    <row r="619822" spans="8:8">
      <c r="H619822" s="12"/>
    </row>
    <row r="619823" spans="8:8">
      <c r="H619823" s="12"/>
    </row>
    <row r="619824" spans="8:8">
      <c r="H619824" s="12"/>
    </row>
    <row r="619825" spans="8:8">
      <c r="H619825" s="12"/>
    </row>
    <row r="619826" spans="8:8">
      <c r="H619826" s="12"/>
    </row>
    <row r="619827" spans="8:8">
      <c r="H619827" s="12"/>
    </row>
    <row r="619828" spans="8:8">
      <c r="H619828" s="12"/>
    </row>
    <row r="619829" spans="8:8">
      <c r="H619829" s="12"/>
    </row>
    <row r="619830" spans="8:8">
      <c r="H619830" s="12"/>
    </row>
    <row r="619831" spans="8:8">
      <c r="H619831" s="12"/>
    </row>
    <row r="619832" spans="8:8">
      <c r="H619832" s="12"/>
    </row>
    <row r="619833" spans="8:8">
      <c r="H619833" s="12"/>
    </row>
    <row r="619834" spans="8:8">
      <c r="H619834" s="12"/>
    </row>
    <row r="619835" spans="8:8">
      <c r="H619835" s="12"/>
    </row>
    <row r="619836" spans="8:8">
      <c r="H619836" s="12"/>
    </row>
    <row r="619837" spans="8:8">
      <c r="H619837" s="12"/>
    </row>
    <row r="619838" spans="8:8">
      <c r="H619838" s="12"/>
    </row>
    <row r="619839" spans="8:8">
      <c r="H619839" s="12"/>
    </row>
    <row r="619840" spans="8:8">
      <c r="H619840" s="12"/>
    </row>
    <row r="619841" spans="8:8">
      <c r="H619841" s="12"/>
    </row>
    <row r="619842" spans="8:8">
      <c r="H619842" s="12"/>
    </row>
    <row r="619843" spans="8:8">
      <c r="H619843" s="12"/>
    </row>
    <row r="619844" spans="8:8">
      <c r="H619844" s="12"/>
    </row>
    <row r="619845" spans="8:8">
      <c r="H619845" s="12"/>
    </row>
    <row r="619846" spans="8:8">
      <c r="H619846" s="12"/>
    </row>
    <row r="619847" spans="8:8">
      <c r="H619847" s="12"/>
    </row>
    <row r="619848" spans="8:8">
      <c r="H619848" s="12"/>
    </row>
    <row r="619849" spans="8:8">
      <c r="H619849" s="12"/>
    </row>
    <row r="619850" spans="8:8">
      <c r="H619850" s="12"/>
    </row>
    <row r="619851" spans="8:8">
      <c r="H619851" s="12"/>
    </row>
    <row r="619852" spans="8:8">
      <c r="H619852" s="12"/>
    </row>
    <row r="619853" spans="8:8">
      <c r="H619853" s="12"/>
    </row>
    <row r="619854" spans="8:8">
      <c r="H619854" s="12"/>
    </row>
    <row r="619855" spans="8:8">
      <c r="H619855" s="12"/>
    </row>
    <row r="619856" spans="8:8">
      <c r="H619856" s="12"/>
    </row>
    <row r="619857" spans="8:8">
      <c r="H619857" s="12"/>
    </row>
    <row r="619858" spans="8:8">
      <c r="H619858" s="12"/>
    </row>
    <row r="619859" spans="8:8">
      <c r="H619859" s="12"/>
    </row>
    <row r="619860" spans="8:8">
      <c r="H619860" s="12"/>
    </row>
    <row r="619861" spans="8:8">
      <c r="H619861" s="12"/>
    </row>
    <row r="619862" spans="8:8">
      <c r="H619862" s="12"/>
    </row>
    <row r="619863" spans="8:8">
      <c r="H619863" s="12"/>
    </row>
    <row r="619864" spans="8:8">
      <c r="H619864" s="12"/>
    </row>
    <row r="619865" spans="8:8">
      <c r="H619865" s="12"/>
    </row>
    <row r="619866" spans="8:8">
      <c r="H619866" s="12"/>
    </row>
    <row r="619867" spans="8:8">
      <c r="H619867" s="12"/>
    </row>
    <row r="619868" spans="8:8">
      <c r="H619868" s="12"/>
    </row>
    <row r="619869" spans="8:8">
      <c r="H619869" s="12"/>
    </row>
    <row r="619870" spans="8:8">
      <c r="H619870" s="12"/>
    </row>
    <row r="619871" spans="8:8">
      <c r="H619871" s="12"/>
    </row>
    <row r="619872" spans="8:8">
      <c r="H619872" s="12"/>
    </row>
    <row r="619873" spans="8:8">
      <c r="H619873" s="12"/>
    </row>
    <row r="619874" spans="8:8">
      <c r="H619874" s="12"/>
    </row>
    <row r="619875" spans="8:8">
      <c r="H619875" s="12"/>
    </row>
    <row r="619876" spans="8:8">
      <c r="H619876" s="12"/>
    </row>
    <row r="619877" spans="8:8">
      <c r="H619877" s="12"/>
    </row>
    <row r="619878" spans="8:8">
      <c r="H619878" s="12"/>
    </row>
    <row r="619879" spans="8:8">
      <c r="H619879" s="12"/>
    </row>
    <row r="619880" spans="8:8">
      <c r="H619880" s="12"/>
    </row>
    <row r="619881" spans="8:8">
      <c r="H619881" s="12"/>
    </row>
    <row r="619882" spans="8:8">
      <c r="H619882" s="12"/>
    </row>
    <row r="619883" spans="8:8">
      <c r="H619883" s="12"/>
    </row>
    <row r="619884" spans="8:8">
      <c r="H619884" s="12"/>
    </row>
    <row r="619885" spans="8:8">
      <c r="H619885" s="12"/>
    </row>
    <row r="619886" spans="8:8">
      <c r="H619886" s="12"/>
    </row>
    <row r="619887" spans="8:8">
      <c r="H619887" s="12"/>
    </row>
    <row r="619888" spans="8:8">
      <c r="H619888" s="12"/>
    </row>
    <row r="619889" spans="8:8">
      <c r="H619889" s="12"/>
    </row>
    <row r="619890" spans="8:8">
      <c r="H619890" s="12"/>
    </row>
    <row r="619891" spans="8:8">
      <c r="H619891" s="12"/>
    </row>
    <row r="619892" spans="8:8">
      <c r="H619892" s="12"/>
    </row>
    <row r="619893" spans="8:8">
      <c r="H619893" s="12"/>
    </row>
    <row r="619894" spans="8:8">
      <c r="H619894" s="12"/>
    </row>
    <row r="619895" spans="8:8">
      <c r="H619895" s="12"/>
    </row>
    <row r="619896" spans="8:8">
      <c r="H619896" s="12"/>
    </row>
    <row r="619897" spans="8:8">
      <c r="H619897" s="12"/>
    </row>
    <row r="619898" spans="8:8">
      <c r="H619898" s="12"/>
    </row>
    <row r="619899" spans="8:8">
      <c r="H619899" s="12"/>
    </row>
    <row r="619900" spans="8:8">
      <c r="H619900" s="12"/>
    </row>
    <row r="619901" spans="8:8">
      <c r="H619901" s="12"/>
    </row>
    <row r="619902" spans="8:8">
      <c r="H619902" s="12"/>
    </row>
    <row r="619903" spans="8:8">
      <c r="H619903" s="12"/>
    </row>
    <row r="619904" spans="8:8">
      <c r="H619904" s="12"/>
    </row>
    <row r="619905" spans="8:8">
      <c r="H619905" s="12"/>
    </row>
    <row r="619906" spans="8:8">
      <c r="H619906" s="12"/>
    </row>
    <row r="619907" spans="8:8">
      <c r="H619907" s="12"/>
    </row>
    <row r="619908" spans="8:8">
      <c r="H619908" s="12"/>
    </row>
    <row r="619909" spans="8:8">
      <c r="H619909" s="12"/>
    </row>
    <row r="619910" spans="8:8">
      <c r="H619910" s="12"/>
    </row>
    <row r="619911" spans="8:8">
      <c r="H619911" s="12"/>
    </row>
    <row r="619912" spans="8:8">
      <c r="H619912" s="12"/>
    </row>
    <row r="619913" spans="8:8">
      <c r="H619913" s="12"/>
    </row>
    <row r="619914" spans="8:8">
      <c r="H619914" s="12"/>
    </row>
    <row r="619915" spans="8:8">
      <c r="H619915" s="12"/>
    </row>
    <row r="619916" spans="8:8">
      <c r="H619916" s="12"/>
    </row>
    <row r="619917" spans="8:8">
      <c r="H619917" s="12"/>
    </row>
    <row r="619918" spans="8:8">
      <c r="H619918" s="12"/>
    </row>
    <row r="619919" spans="8:8">
      <c r="H619919" s="12"/>
    </row>
    <row r="619920" spans="8:8">
      <c r="H619920" s="12"/>
    </row>
    <row r="619921" spans="8:8">
      <c r="H619921" s="12"/>
    </row>
    <row r="619922" spans="8:8">
      <c r="H619922" s="12"/>
    </row>
    <row r="619923" spans="8:8">
      <c r="H619923" s="12"/>
    </row>
    <row r="619924" spans="8:8">
      <c r="H619924" s="12"/>
    </row>
    <row r="619925" spans="8:8">
      <c r="H619925" s="12"/>
    </row>
    <row r="619926" spans="8:8">
      <c r="H619926" s="12"/>
    </row>
    <row r="619927" spans="8:8">
      <c r="H619927" s="12"/>
    </row>
    <row r="619928" spans="8:8">
      <c r="H619928" s="12"/>
    </row>
    <row r="619929" spans="8:8">
      <c r="H619929" s="12"/>
    </row>
    <row r="619930" spans="8:8">
      <c r="H619930" s="12"/>
    </row>
    <row r="619931" spans="8:8">
      <c r="H619931" s="12"/>
    </row>
    <row r="619932" spans="8:8">
      <c r="H619932" s="12"/>
    </row>
    <row r="619933" spans="8:8">
      <c r="H619933" s="12"/>
    </row>
    <row r="619934" spans="8:8">
      <c r="H619934" s="12"/>
    </row>
    <row r="619935" spans="8:8">
      <c r="H619935" s="12"/>
    </row>
    <row r="619936" spans="8:8">
      <c r="H619936" s="12"/>
    </row>
    <row r="619937" spans="8:8">
      <c r="H619937" s="12"/>
    </row>
    <row r="619938" spans="8:8">
      <c r="H619938" s="12"/>
    </row>
    <row r="619939" spans="8:8">
      <c r="H619939" s="12"/>
    </row>
    <row r="619940" spans="8:8">
      <c r="H619940" s="12"/>
    </row>
    <row r="619941" spans="8:8">
      <c r="H619941" s="12"/>
    </row>
    <row r="619942" spans="8:8">
      <c r="H619942" s="12"/>
    </row>
    <row r="619943" spans="8:8">
      <c r="H619943" s="12"/>
    </row>
    <row r="619944" spans="8:8">
      <c r="H619944" s="12"/>
    </row>
    <row r="619945" spans="8:8">
      <c r="H619945" s="12"/>
    </row>
    <row r="619946" spans="8:8">
      <c r="H619946" s="12"/>
    </row>
    <row r="619947" spans="8:8">
      <c r="H619947" s="12"/>
    </row>
    <row r="619948" spans="8:8">
      <c r="H619948" s="12"/>
    </row>
    <row r="619949" spans="8:8">
      <c r="H619949" s="12"/>
    </row>
    <row r="619950" spans="8:8">
      <c r="H619950" s="12"/>
    </row>
    <row r="619951" spans="8:8">
      <c r="H619951" s="12"/>
    </row>
    <row r="619952" spans="8:8">
      <c r="H619952" s="12"/>
    </row>
    <row r="619953" spans="8:8">
      <c r="H619953" s="12"/>
    </row>
    <row r="619954" spans="8:8">
      <c r="H619954" s="12"/>
    </row>
    <row r="619955" spans="8:8">
      <c r="H619955" s="12"/>
    </row>
    <row r="619956" spans="8:8">
      <c r="H619956" s="12"/>
    </row>
    <row r="619957" spans="8:8">
      <c r="H619957" s="12"/>
    </row>
    <row r="619958" spans="8:8">
      <c r="H619958" s="12"/>
    </row>
    <row r="619959" spans="8:8">
      <c r="H619959" s="12"/>
    </row>
    <row r="619960" spans="8:8">
      <c r="H619960" s="12"/>
    </row>
    <row r="619961" spans="8:8">
      <c r="H619961" s="12"/>
    </row>
    <row r="619962" spans="8:8">
      <c r="H619962" s="12"/>
    </row>
    <row r="619963" spans="8:8">
      <c r="H619963" s="12"/>
    </row>
    <row r="619964" spans="8:8">
      <c r="H619964" s="12"/>
    </row>
    <row r="619965" spans="8:8">
      <c r="H619965" s="12"/>
    </row>
    <row r="619966" spans="8:8">
      <c r="H619966" s="12"/>
    </row>
    <row r="619967" spans="8:8">
      <c r="H619967" s="12"/>
    </row>
    <row r="619968" spans="8:8">
      <c r="H619968" s="12"/>
    </row>
    <row r="619969" spans="8:8">
      <c r="H619969" s="12"/>
    </row>
    <row r="619970" spans="8:8">
      <c r="H619970" s="12"/>
    </row>
    <row r="619971" spans="8:8">
      <c r="H619971" s="12"/>
    </row>
    <row r="619972" spans="8:8">
      <c r="H619972" s="12"/>
    </row>
    <row r="619973" spans="8:8">
      <c r="H619973" s="12"/>
    </row>
    <row r="619974" spans="8:8">
      <c r="H619974" s="12"/>
    </row>
    <row r="619975" spans="8:8">
      <c r="H619975" s="12"/>
    </row>
    <row r="619976" spans="8:8">
      <c r="H619976" s="12"/>
    </row>
    <row r="619977" spans="8:8">
      <c r="H619977" s="12"/>
    </row>
    <row r="619978" spans="8:8">
      <c r="H619978" s="12"/>
    </row>
    <row r="619979" spans="8:8">
      <c r="H619979" s="12"/>
    </row>
    <row r="619980" spans="8:8">
      <c r="H619980" s="12"/>
    </row>
    <row r="619981" spans="8:8">
      <c r="H619981" s="12"/>
    </row>
    <row r="619982" spans="8:8">
      <c r="H619982" s="12"/>
    </row>
    <row r="619983" spans="8:8">
      <c r="H619983" s="12"/>
    </row>
    <row r="619984" spans="8:8">
      <c r="H619984" s="12"/>
    </row>
    <row r="619985" spans="8:8">
      <c r="H619985" s="12"/>
    </row>
    <row r="619986" spans="8:8">
      <c r="H619986" s="12"/>
    </row>
    <row r="619987" spans="8:8">
      <c r="H619987" s="12"/>
    </row>
    <row r="619988" spans="8:8">
      <c r="H619988" s="12"/>
    </row>
    <row r="619989" spans="8:8">
      <c r="H619989" s="12"/>
    </row>
    <row r="619990" spans="8:8">
      <c r="H619990" s="12"/>
    </row>
    <row r="619991" spans="8:8">
      <c r="H619991" s="12"/>
    </row>
    <row r="619992" spans="8:8">
      <c r="H619992" s="12"/>
    </row>
    <row r="619993" spans="8:8">
      <c r="H619993" s="12"/>
    </row>
    <row r="619994" spans="8:8">
      <c r="H619994" s="12"/>
    </row>
    <row r="619995" spans="8:8">
      <c r="H619995" s="12"/>
    </row>
    <row r="619996" spans="8:8">
      <c r="H619996" s="12"/>
    </row>
    <row r="619997" spans="8:8">
      <c r="H619997" s="12"/>
    </row>
    <row r="619998" spans="8:8">
      <c r="H619998" s="12"/>
    </row>
    <row r="619999" spans="8:8">
      <c r="H619999" s="12"/>
    </row>
    <row r="620000" spans="8:8">
      <c r="H620000" s="12"/>
    </row>
    <row r="620001" spans="8:8">
      <c r="H620001" s="12"/>
    </row>
    <row r="620002" spans="8:8">
      <c r="H620002" s="12"/>
    </row>
    <row r="620003" spans="8:8">
      <c r="H620003" s="12"/>
    </row>
    <row r="620004" spans="8:8">
      <c r="H620004" s="12"/>
    </row>
    <row r="620005" spans="8:8">
      <c r="H620005" s="12"/>
    </row>
    <row r="620006" spans="8:8">
      <c r="H620006" s="12"/>
    </row>
    <row r="620007" spans="8:8">
      <c r="H620007" s="12"/>
    </row>
    <row r="620008" spans="8:8">
      <c r="H620008" s="12"/>
    </row>
    <row r="620009" spans="8:8">
      <c r="H620009" s="12"/>
    </row>
    <row r="620010" spans="8:8">
      <c r="H620010" s="12"/>
    </row>
    <row r="620011" spans="8:8">
      <c r="H620011" s="12"/>
    </row>
    <row r="620012" spans="8:8">
      <c r="H620012" s="12"/>
    </row>
    <row r="620013" spans="8:8">
      <c r="H620013" s="12"/>
    </row>
    <row r="620014" spans="8:8">
      <c r="H620014" s="12"/>
    </row>
    <row r="620015" spans="8:8">
      <c r="H620015" s="12"/>
    </row>
    <row r="620016" spans="8:8">
      <c r="H620016" s="12"/>
    </row>
    <row r="620017" spans="8:8">
      <c r="H620017" s="12"/>
    </row>
    <row r="620018" spans="8:8">
      <c r="H620018" s="12"/>
    </row>
    <row r="620019" spans="8:8">
      <c r="H620019" s="12"/>
    </row>
    <row r="620020" spans="8:8">
      <c r="H620020" s="12"/>
    </row>
    <row r="620021" spans="8:8">
      <c r="H620021" s="12"/>
    </row>
    <row r="620022" spans="8:8">
      <c r="H620022" s="12"/>
    </row>
    <row r="620023" spans="8:8">
      <c r="H620023" s="12"/>
    </row>
    <row r="620024" spans="8:8">
      <c r="H620024" s="12"/>
    </row>
    <row r="620025" spans="8:8">
      <c r="H620025" s="12"/>
    </row>
    <row r="620026" spans="8:8">
      <c r="H620026" s="12"/>
    </row>
    <row r="620027" spans="8:8">
      <c r="H620027" s="12"/>
    </row>
    <row r="620028" spans="8:8">
      <c r="H620028" s="12"/>
    </row>
    <row r="620029" spans="8:8">
      <c r="H620029" s="12"/>
    </row>
    <row r="620030" spans="8:8">
      <c r="H620030" s="12"/>
    </row>
    <row r="620031" spans="8:8">
      <c r="H620031" s="12"/>
    </row>
    <row r="620032" spans="8:8">
      <c r="H620032" s="12"/>
    </row>
    <row r="620033" spans="8:8">
      <c r="H620033" s="12"/>
    </row>
    <row r="620034" spans="8:8">
      <c r="H620034" s="12"/>
    </row>
    <row r="620035" spans="8:8">
      <c r="H620035" s="12"/>
    </row>
    <row r="620036" spans="8:8">
      <c r="H620036" s="12"/>
    </row>
    <row r="620037" spans="8:8">
      <c r="H620037" s="12"/>
    </row>
    <row r="620038" spans="8:8">
      <c r="H620038" s="12"/>
    </row>
    <row r="620039" spans="8:8">
      <c r="H620039" s="12"/>
    </row>
    <row r="620040" spans="8:8">
      <c r="H620040" s="12"/>
    </row>
    <row r="620041" spans="8:8">
      <c r="H620041" s="12"/>
    </row>
    <row r="620042" spans="8:8">
      <c r="H620042" s="12"/>
    </row>
    <row r="620043" spans="8:8">
      <c r="H620043" s="12"/>
    </row>
    <row r="620044" spans="8:8">
      <c r="H620044" s="12"/>
    </row>
    <row r="620045" spans="8:8">
      <c r="H620045" s="12"/>
    </row>
    <row r="620046" spans="8:8">
      <c r="H620046" s="12"/>
    </row>
    <row r="620047" spans="8:8">
      <c r="H620047" s="12"/>
    </row>
    <row r="620048" spans="8:8">
      <c r="H620048" s="12"/>
    </row>
    <row r="620049" spans="8:8">
      <c r="H620049" s="12"/>
    </row>
    <row r="620050" spans="8:8">
      <c r="H620050" s="12"/>
    </row>
    <row r="620051" spans="8:8">
      <c r="H620051" s="12"/>
    </row>
    <row r="620052" spans="8:8">
      <c r="H620052" s="12"/>
    </row>
    <row r="620053" spans="8:8">
      <c r="H620053" s="12"/>
    </row>
    <row r="620054" spans="8:8">
      <c r="H620054" s="12"/>
    </row>
    <row r="620055" spans="8:8">
      <c r="H620055" s="12"/>
    </row>
    <row r="620056" spans="8:8">
      <c r="H620056" s="12"/>
    </row>
    <row r="620057" spans="8:8">
      <c r="H620057" s="12"/>
    </row>
    <row r="620058" spans="8:8">
      <c r="H620058" s="12"/>
    </row>
    <row r="620059" spans="8:8">
      <c r="H620059" s="12"/>
    </row>
    <row r="620060" spans="8:8">
      <c r="H620060" s="12"/>
    </row>
    <row r="620061" spans="8:8">
      <c r="H620061" s="12"/>
    </row>
    <row r="620062" spans="8:8">
      <c r="H620062" s="12"/>
    </row>
    <row r="620063" spans="8:8">
      <c r="H620063" s="12"/>
    </row>
    <row r="620064" spans="8:8">
      <c r="H620064" s="12"/>
    </row>
    <row r="620065" spans="8:8">
      <c r="H620065" s="12"/>
    </row>
    <row r="620066" spans="8:8">
      <c r="H620066" s="12"/>
    </row>
    <row r="620067" spans="8:8">
      <c r="H620067" s="12"/>
    </row>
    <row r="620068" spans="8:8">
      <c r="H620068" s="12"/>
    </row>
    <row r="620069" spans="8:8">
      <c r="H620069" s="12"/>
    </row>
    <row r="620070" spans="8:8">
      <c r="H620070" s="12"/>
    </row>
    <row r="620071" spans="8:8">
      <c r="H620071" s="12"/>
    </row>
    <row r="620072" spans="8:8">
      <c r="H620072" s="12"/>
    </row>
    <row r="620073" spans="8:8">
      <c r="H620073" s="12"/>
    </row>
    <row r="620074" spans="8:8">
      <c r="H620074" s="12"/>
    </row>
    <row r="620075" spans="8:8">
      <c r="H620075" s="12"/>
    </row>
    <row r="620076" spans="8:8">
      <c r="H620076" s="12"/>
    </row>
    <row r="620077" spans="8:8">
      <c r="H620077" s="12"/>
    </row>
    <row r="620078" spans="8:8">
      <c r="H620078" s="12"/>
    </row>
    <row r="620079" spans="8:8">
      <c r="H620079" s="12"/>
    </row>
    <row r="620080" spans="8:8">
      <c r="H620080" s="12"/>
    </row>
    <row r="620081" spans="8:8">
      <c r="H620081" s="12"/>
    </row>
    <row r="620082" spans="8:8">
      <c r="H620082" s="12"/>
    </row>
    <row r="620083" spans="8:8">
      <c r="H620083" s="12"/>
    </row>
    <row r="620084" spans="8:8">
      <c r="H620084" s="12"/>
    </row>
    <row r="620085" spans="8:8">
      <c r="H620085" s="12"/>
    </row>
    <row r="620086" spans="8:8">
      <c r="H620086" s="12"/>
    </row>
    <row r="620087" spans="8:8">
      <c r="H620087" s="12"/>
    </row>
    <row r="620088" spans="8:8">
      <c r="H620088" s="12"/>
    </row>
    <row r="620089" spans="8:8">
      <c r="H620089" s="12"/>
    </row>
    <row r="620090" spans="8:8">
      <c r="H620090" s="12"/>
    </row>
    <row r="620091" spans="8:8">
      <c r="H620091" s="12"/>
    </row>
    <row r="620092" spans="8:8">
      <c r="H620092" s="12"/>
    </row>
    <row r="620093" spans="8:8">
      <c r="H620093" s="12"/>
    </row>
    <row r="620094" spans="8:8">
      <c r="H620094" s="12"/>
    </row>
    <row r="620095" spans="8:8">
      <c r="H620095" s="12"/>
    </row>
    <row r="620096" spans="8:8">
      <c r="H620096" s="12"/>
    </row>
    <row r="620097" spans="8:8">
      <c r="H620097" s="12"/>
    </row>
    <row r="620098" spans="8:8">
      <c r="H620098" s="12"/>
    </row>
    <row r="620099" spans="8:8">
      <c r="H620099" s="12"/>
    </row>
    <row r="620100" spans="8:8">
      <c r="H620100" s="12"/>
    </row>
    <row r="620101" spans="8:8">
      <c r="H620101" s="12"/>
    </row>
    <row r="620102" spans="8:8">
      <c r="H620102" s="12"/>
    </row>
    <row r="620103" spans="8:8">
      <c r="H620103" s="12"/>
    </row>
    <row r="620104" spans="8:8">
      <c r="H620104" s="12"/>
    </row>
    <row r="620105" spans="8:8">
      <c r="H620105" s="12"/>
    </row>
    <row r="620106" spans="8:8">
      <c r="H620106" s="12"/>
    </row>
    <row r="620107" spans="8:8">
      <c r="H620107" s="12"/>
    </row>
    <row r="620108" spans="8:8">
      <c r="H620108" s="12"/>
    </row>
    <row r="620109" spans="8:8">
      <c r="H620109" s="12"/>
    </row>
    <row r="620110" spans="8:8">
      <c r="H620110" s="12"/>
    </row>
    <row r="620111" spans="8:8">
      <c r="H620111" s="12"/>
    </row>
    <row r="620112" spans="8:8">
      <c r="H620112" s="12"/>
    </row>
    <row r="620113" spans="8:8">
      <c r="H620113" s="12"/>
    </row>
    <row r="620114" spans="8:8">
      <c r="H620114" s="12"/>
    </row>
    <row r="620115" spans="8:8">
      <c r="H620115" s="12"/>
    </row>
    <row r="620116" spans="8:8">
      <c r="H620116" s="12"/>
    </row>
    <row r="620117" spans="8:8">
      <c r="H620117" s="12"/>
    </row>
    <row r="620118" spans="8:8">
      <c r="H620118" s="12"/>
    </row>
    <row r="620119" spans="8:8">
      <c r="H620119" s="12"/>
    </row>
    <row r="620120" spans="8:8">
      <c r="H620120" s="12"/>
    </row>
    <row r="620121" spans="8:8">
      <c r="H620121" s="12"/>
    </row>
    <row r="620122" spans="8:8">
      <c r="H620122" s="12"/>
    </row>
    <row r="620123" spans="8:8">
      <c r="H620123" s="12"/>
    </row>
    <row r="620124" spans="8:8">
      <c r="H620124" s="12"/>
    </row>
    <row r="620125" spans="8:8">
      <c r="H620125" s="12"/>
    </row>
    <row r="620126" spans="8:8">
      <c r="H620126" s="12"/>
    </row>
    <row r="620127" spans="8:8">
      <c r="H620127" s="12"/>
    </row>
    <row r="620128" spans="8:8">
      <c r="H620128" s="12"/>
    </row>
    <row r="620129" spans="8:8">
      <c r="H620129" s="12"/>
    </row>
    <row r="620130" spans="8:8">
      <c r="H620130" s="12"/>
    </row>
    <row r="620131" spans="8:8">
      <c r="H620131" s="12"/>
    </row>
    <row r="620132" spans="8:8">
      <c r="H620132" s="12"/>
    </row>
    <row r="620133" spans="8:8">
      <c r="H620133" s="12"/>
    </row>
    <row r="620134" spans="8:8">
      <c r="H620134" s="12"/>
    </row>
    <row r="620135" spans="8:8">
      <c r="H620135" s="12"/>
    </row>
    <row r="620136" spans="8:8">
      <c r="H620136" s="12"/>
    </row>
    <row r="620137" spans="8:8">
      <c r="H620137" s="12"/>
    </row>
    <row r="620138" spans="8:8">
      <c r="H620138" s="12"/>
    </row>
    <row r="620139" spans="8:8">
      <c r="H620139" s="12"/>
    </row>
    <row r="620140" spans="8:8">
      <c r="H620140" s="12"/>
    </row>
    <row r="620141" spans="8:8">
      <c r="H620141" s="12"/>
    </row>
    <row r="620142" spans="8:8">
      <c r="H620142" s="12"/>
    </row>
    <row r="620143" spans="8:8">
      <c r="H620143" s="12"/>
    </row>
    <row r="620144" spans="8:8">
      <c r="H620144" s="12"/>
    </row>
    <row r="620145" spans="8:8">
      <c r="H620145" s="12"/>
    </row>
    <row r="620146" spans="8:8">
      <c r="H620146" s="12"/>
    </row>
    <row r="620147" spans="8:8">
      <c r="H620147" s="12"/>
    </row>
    <row r="620148" spans="8:8">
      <c r="H620148" s="12"/>
    </row>
    <row r="620149" spans="8:8">
      <c r="H620149" s="12"/>
    </row>
    <row r="620150" spans="8:8">
      <c r="H620150" s="12"/>
    </row>
    <row r="620151" spans="8:8">
      <c r="H620151" s="12"/>
    </row>
    <row r="620152" spans="8:8">
      <c r="H620152" s="12"/>
    </row>
    <row r="620153" spans="8:8">
      <c r="H620153" s="12"/>
    </row>
    <row r="620154" spans="8:8">
      <c r="H620154" s="12"/>
    </row>
    <row r="620155" spans="8:8">
      <c r="H620155" s="12"/>
    </row>
    <row r="620156" spans="8:8">
      <c r="H620156" s="12"/>
    </row>
    <row r="620157" spans="8:8">
      <c r="H620157" s="12"/>
    </row>
    <row r="620158" spans="8:8">
      <c r="H620158" s="12"/>
    </row>
    <row r="620159" spans="8:8">
      <c r="H620159" s="12"/>
    </row>
    <row r="620160" spans="8:8">
      <c r="H620160" s="12"/>
    </row>
    <row r="620161" spans="8:8">
      <c r="H620161" s="12"/>
    </row>
    <row r="620162" spans="8:8">
      <c r="H620162" s="12"/>
    </row>
    <row r="620163" spans="8:8">
      <c r="H620163" s="12"/>
    </row>
    <row r="620164" spans="8:8">
      <c r="H620164" s="12"/>
    </row>
    <row r="620165" spans="8:8">
      <c r="H620165" s="12"/>
    </row>
    <row r="620166" spans="8:8">
      <c r="H620166" s="12"/>
    </row>
    <row r="620167" spans="8:8">
      <c r="H620167" s="12"/>
    </row>
    <row r="620168" spans="8:8">
      <c r="H620168" s="12"/>
    </row>
    <row r="620169" spans="8:8">
      <c r="H620169" s="12"/>
    </row>
    <row r="620170" spans="8:8">
      <c r="H620170" s="12"/>
    </row>
    <row r="620171" spans="8:8">
      <c r="H620171" s="12"/>
    </row>
    <row r="620172" spans="8:8">
      <c r="H620172" s="12"/>
    </row>
    <row r="620173" spans="8:8">
      <c r="H620173" s="12"/>
    </row>
    <row r="620174" spans="8:8">
      <c r="H620174" s="12"/>
    </row>
    <row r="620175" spans="8:8">
      <c r="H620175" s="12"/>
    </row>
    <row r="620176" spans="8:8">
      <c r="H620176" s="12"/>
    </row>
    <row r="620177" spans="8:8">
      <c r="H620177" s="12"/>
    </row>
    <row r="620178" spans="8:8">
      <c r="H620178" s="12"/>
    </row>
    <row r="620179" spans="8:8">
      <c r="H620179" s="12"/>
    </row>
    <row r="620180" spans="8:8">
      <c r="H620180" s="12"/>
    </row>
    <row r="620181" spans="8:8">
      <c r="H620181" s="12"/>
    </row>
    <row r="620182" spans="8:8">
      <c r="H620182" s="12"/>
    </row>
    <row r="620183" spans="8:8">
      <c r="H620183" s="12"/>
    </row>
    <row r="620184" spans="8:8">
      <c r="H620184" s="12"/>
    </row>
    <row r="620185" spans="8:8">
      <c r="H620185" s="12"/>
    </row>
    <row r="620186" spans="8:8">
      <c r="H620186" s="12"/>
    </row>
    <row r="620187" spans="8:8">
      <c r="H620187" s="12"/>
    </row>
    <row r="620188" spans="8:8">
      <c r="H620188" s="12"/>
    </row>
    <row r="620189" spans="8:8">
      <c r="H620189" s="12"/>
    </row>
    <row r="620190" spans="8:8">
      <c r="H620190" s="12"/>
    </row>
    <row r="620191" spans="8:8">
      <c r="H620191" s="12"/>
    </row>
    <row r="620192" spans="8:8">
      <c r="H620192" s="12"/>
    </row>
    <row r="620193" spans="8:8">
      <c r="H620193" s="12"/>
    </row>
    <row r="620194" spans="8:8">
      <c r="H620194" s="12"/>
    </row>
    <row r="620195" spans="8:8">
      <c r="H620195" s="12"/>
    </row>
    <row r="620196" spans="8:8">
      <c r="H620196" s="12"/>
    </row>
    <row r="620197" spans="8:8">
      <c r="H620197" s="12"/>
    </row>
    <row r="620198" spans="8:8">
      <c r="H620198" s="12"/>
    </row>
    <row r="620199" spans="8:8">
      <c r="H620199" s="12"/>
    </row>
    <row r="620200" spans="8:8">
      <c r="H620200" s="12"/>
    </row>
    <row r="620201" spans="8:8">
      <c r="H620201" s="12"/>
    </row>
    <row r="620202" spans="8:8">
      <c r="H620202" s="12"/>
    </row>
    <row r="620203" spans="8:8">
      <c r="H620203" s="12"/>
    </row>
    <row r="620204" spans="8:8">
      <c r="H620204" s="12"/>
    </row>
    <row r="620205" spans="8:8">
      <c r="H620205" s="12"/>
    </row>
    <row r="620206" spans="8:8">
      <c r="H620206" s="12"/>
    </row>
    <row r="620207" spans="8:8">
      <c r="H620207" s="12"/>
    </row>
    <row r="620208" spans="8:8">
      <c r="H620208" s="12"/>
    </row>
    <row r="620209" spans="8:8">
      <c r="H620209" s="12"/>
    </row>
    <row r="620210" spans="8:8">
      <c r="H620210" s="12"/>
    </row>
    <row r="620211" spans="8:8">
      <c r="H620211" s="12"/>
    </row>
    <row r="620212" spans="8:8">
      <c r="H620212" s="12"/>
    </row>
    <row r="620213" spans="8:8">
      <c r="H620213" s="12"/>
    </row>
    <row r="620214" spans="8:8">
      <c r="H620214" s="12"/>
    </row>
    <row r="620215" spans="8:8">
      <c r="H620215" s="12"/>
    </row>
    <row r="620216" spans="8:8">
      <c r="H620216" s="12"/>
    </row>
    <row r="620217" spans="8:8">
      <c r="H620217" s="12"/>
    </row>
    <row r="620218" spans="8:8">
      <c r="H620218" s="12"/>
    </row>
    <row r="620219" spans="8:8">
      <c r="H620219" s="12"/>
    </row>
    <row r="620220" spans="8:8">
      <c r="H620220" s="12"/>
    </row>
    <row r="620221" spans="8:8">
      <c r="H620221" s="12"/>
    </row>
    <row r="620222" spans="8:8">
      <c r="H620222" s="12"/>
    </row>
    <row r="620223" spans="8:8">
      <c r="H620223" s="12"/>
    </row>
    <row r="620224" spans="8:8">
      <c r="H620224" s="12"/>
    </row>
    <row r="620225" spans="8:8">
      <c r="H620225" s="12"/>
    </row>
    <row r="620226" spans="8:8">
      <c r="H620226" s="12"/>
    </row>
    <row r="620227" spans="8:8">
      <c r="H620227" s="12"/>
    </row>
    <row r="620228" spans="8:8">
      <c r="H620228" s="12"/>
    </row>
    <row r="620229" spans="8:8">
      <c r="H620229" s="12"/>
    </row>
    <row r="620230" spans="8:8">
      <c r="H620230" s="12"/>
    </row>
    <row r="620231" spans="8:8">
      <c r="H620231" s="12"/>
    </row>
    <row r="620232" spans="8:8">
      <c r="H620232" s="12"/>
    </row>
    <row r="620233" spans="8:8">
      <c r="H620233" s="12"/>
    </row>
    <row r="620234" spans="8:8">
      <c r="H620234" s="12"/>
    </row>
    <row r="620235" spans="8:8">
      <c r="H620235" s="12"/>
    </row>
    <row r="620236" spans="8:8">
      <c r="H620236" s="12"/>
    </row>
    <row r="620237" spans="8:8">
      <c r="H620237" s="12"/>
    </row>
    <row r="620238" spans="8:8">
      <c r="H620238" s="12"/>
    </row>
    <row r="620239" spans="8:8">
      <c r="H620239" s="12"/>
    </row>
    <row r="620240" spans="8:8">
      <c r="H620240" s="12"/>
    </row>
    <row r="620241" spans="8:8">
      <c r="H620241" s="12"/>
    </row>
    <row r="620242" spans="8:8">
      <c r="H620242" s="12"/>
    </row>
    <row r="620243" spans="8:8">
      <c r="H620243" s="12"/>
    </row>
    <row r="620244" spans="8:8">
      <c r="H620244" s="12"/>
    </row>
    <row r="620245" spans="8:8">
      <c r="H620245" s="12"/>
    </row>
    <row r="620246" spans="8:8">
      <c r="H620246" s="12"/>
    </row>
    <row r="620247" spans="8:8">
      <c r="H620247" s="12"/>
    </row>
    <row r="620248" spans="8:8">
      <c r="H620248" s="12"/>
    </row>
    <row r="620249" spans="8:8">
      <c r="H620249" s="12"/>
    </row>
    <row r="620250" spans="8:8">
      <c r="H620250" s="12"/>
    </row>
    <row r="620251" spans="8:8">
      <c r="H620251" s="12"/>
    </row>
    <row r="620252" spans="8:8">
      <c r="H620252" s="12"/>
    </row>
    <row r="620253" spans="8:8">
      <c r="H620253" s="12"/>
    </row>
    <row r="620254" spans="8:8">
      <c r="H620254" s="12"/>
    </row>
    <row r="620255" spans="8:8">
      <c r="H620255" s="12"/>
    </row>
    <row r="620256" spans="8:8">
      <c r="H620256" s="12"/>
    </row>
    <row r="620257" spans="8:8">
      <c r="H620257" s="12"/>
    </row>
    <row r="620258" spans="8:8">
      <c r="H620258" s="12"/>
    </row>
    <row r="620259" spans="8:8">
      <c r="H620259" s="12"/>
    </row>
    <row r="620260" spans="8:8">
      <c r="H620260" s="12"/>
    </row>
    <row r="620261" spans="8:8">
      <c r="H620261" s="12"/>
    </row>
    <row r="620262" spans="8:8">
      <c r="H620262" s="12"/>
    </row>
    <row r="620263" spans="8:8">
      <c r="H620263" s="12"/>
    </row>
    <row r="620264" spans="8:8">
      <c r="H620264" s="12"/>
    </row>
    <row r="620265" spans="8:8">
      <c r="H620265" s="12"/>
    </row>
    <row r="620266" spans="8:8">
      <c r="H620266" s="12"/>
    </row>
    <row r="620267" spans="8:8">
      <c r="H620267" s="12"/>
    </row>
    <row r="620268" spans="8:8">
      <c r="H620268" s="12"/>
    </row>
    <row r="620269" spans="8:8">
      <c r="H620269" s="12"/>
    </row>
    <row r="620270" spans="8:8">
      <c r="H620270" s="12"/>
    </row>
    <row r="620271" spans="8:8">
      <c r="H620271" s="12"/>
    </row>
    <row r="620272" spans="8:8">
      <c r="H620272" s="12"/>
    </row>
    <row r="620273" spans="8:8">
      <c r="H620273" s="12"/>
    </row>
    <row r="620274" spans="8:8">
      <c r="H620274" s="12"/>
    </row>
    <row r="620275" spans="8:8">
      <c r="H620275" s="12"/>
    </row>
    <row r="620276" spans="8:8">
      <c r="H620276" s="12"/>
    </row>
    <row r="620277" spans="8:8">
      <c r="H620277" s="12"/>
    </row>
    <row r="620278" spans="8:8">
      <c r="H620278" s="12"/>
    </row>
    <row r="620279" spans="8:8">
      <c r="H620279" s="12"/>
    </row>
    <row r="620280" spans="8:8">
      <c r="H620280" s="12"/>
    </row>
    <row r="620281" spans="8:8">
      <c r="H620281" s="12"/>
    </row>
    <row r="620282" spans="8:8">
      <c r="H620282" s="12"/>
    </row>
    <row r="620283" spans="8:8">
      <c r="H620283" s="12"/>
    </row>
    <row r="620284" spans="8:8">
      <c r="H620284" s="12"/>
    </row>
    <row r="620285" spans="8:8">
      <c r="H620285" s="12"/>
    </row>
    <row r="620286" spans="8:8">
      <c r="H620286" s="12"/>
    </row>
    <row r="620287" spans="8:8">
      <c r="H620287" s="12"/>
    </row>
    <row r="620288" spans="8:8">
      <c r="H620288" s="12"/>
    </row>
    <row r="620289" spans="8:8">
      <c r="H620289" s="12"/>
    </row>
    <row r="620290" spans="8:8">
      <c r="H620290" s="12"/>
    </row>
    <row r="620291" spans="8:8">
      <c r="H620291" s="12"/>
    </row>
    <row r="620292" spans="8:8">
      <c r="H620292" s="12"/>
    </row>
    <row r="620293" spans="8:8">
      <c r="H620293" s="12"/>
    </row>
    <row r="620294" spans="8:8">
      <c r="H620294" s="12"/>
    </row>
    <row r="620295" spans="8:8">
      <c r="H620295" s="12"/>
    </row>
    <row r="620296" spans="8:8">
      <c r="H620296" s="12"/>
    </row>
    <row r="620297" spans="8:8">
      <c r="H620297" s="12"/>
    </row>
    <row r="620298" spans="8:8">
      <c r="H620298" s="12"/>
    </row>
    <row r="620299" spans="8:8">
      <c r="H620299" s="12"/>
    </row>
    <row r="620300" spans="8:8">
      <c r="H620300" s="12"/>
    </row>
    <row r="620301" spans="8:8">
      <c r="H620301" s="12"/>
    </row>
    <row r="620302" spans="8:8">
      <c r="H620302" s="12"/>
    </row>
    <row r="620303" spans="8:8">
      <c r="H620303" s="12"/>
    </row>
    <row r="620304" spans="8:8">
      <c r="H620304" s="12"/>
    </row>
    <row r="620305" spans="8:8">
      <c r="H620305" s="12"/>
    </row>
    <row r="620306" spans="8:8">
      <c r="H620306" s="12"/>
    </row>
    <row r="620307" spans="8:8">
      <c r="H620307" s="12"/>
    </row>
    <row r="620308" spans="8:8">
      <c r="H620308" s="12"/>
    </row>
    <row r="620309" spans="8:8">
      <c r="H620309" s="12"/>
    </row>
    <row r="620310" spans="8:8">
      <c r="H620310" s="12"/>
    </row>
    <row r="620311" spans="8:8">
      <c r="H620311" s="12"/>
    </row>
    <row r="620312" spans="8:8">
      <c r="H620312" s="12"/>
    </row>
    <row r="620313" spans="8:8">
      <c r="H620313" s="12"/>
    </row>
    <row r="620314" spans="8:8">
      <c r="H620314" s="12"/>
    </row>
    <row r="620315" spans="8:8">
      <c r="H620315" s="12"/>
    </row>
    <row r="620316" spans="8:8">
      <c r="H620316" s="12"/>
    </row>
    <row r="620317" spans="8:8">
      <c r="H620317" s="12"/>
    </row>
    <row r="620318" spans="8:8">
      <c r="H620318" s="12"/>
    </row>
    <row r="620319" spans="8:8">
      <c r="H620319" s="12"/>
    </row>
    <row r="620320" spans="8:8">
      <c r="H620320" s="12"/>
    </row>
    <row r="620321" spans="8:8">
      <c r="H620321" s="12"/>
    </row>
    <row r="620322" spans="8:8">
      <c r="H620322" s="12"/>
    </row>
    <row r="620323" spans="8:8">
      <c r="H620323" s="12"/>
    </row>
    <row r="620324" spans="8:8">
      <c r="H620324" s="12"/>
    </row>
    <row r="620325" spans="8:8">
      <c r="H620325" s="12"/>
    </row>
    <row r="620326" spans="8:8">
      <c r="H620326" s="12"/>
    </row>
    <row r="620327" spans="8:8">
      <c r="H620327" s="12"/>
    </row>
    <row r="620328" spans="8:8">
      <c r="H620328" s="12"/>
    </row>
    <row r="620329" spans="8:8">
      <c r="H620329" s="12"/>
    </row>
    <row r="620330" spans="8:8">
      <c r="H620330" s="12"/>
    </row>
    <row r="620331" spans="8:8">
      <c r="H620331" s="12"/>
    </row>
    <row r="620332" spans="8:8">
      <c r="H620332" s="12"/>
    </row>
    <row r="620333" spans="8:8">
      <c r="H620333" s="12"/>
    </row>
    <row r="620334" spans="8:8">
      <c r="H620334" s="12"/>
    </row>
    <row r="620335" spans="8:8">
      <c r="H620335" s="12"/>
    </row>
    <row r="620336" spans="8:8">
      <c r="H620336" s="12"/>
    </row>
    <row r="620337" spans="8:8">
      <c r="H620337" s="12"/>
    </row>
    <row r="620338" spans="8:8">
      <c r="H620338" s="12"/>
    </row>
    <row r="620339" spans="8:8">
      <c r="H620339" s="12"/>
    </row>
    <row r="620340" spans="8:8">
      <c r="H620340" s="12"/>
    </row>
    <row r="620341" spans="8:8">
      <c r="H620341" s="12"/>
    </row>
    <row r="620342" spans="8:8">
      <c r="H620342" s="12"/>
    </row>
    <row r="620343" spans="8:8">
      <c r="H620343" s="12"/>
    </row>
    <row r="620344" spans="8:8">
      <c r="H620344" s="12"/>
    </row>
    <row r="620345" spans="8:8">
      <c r="H620345" s="12"/>
    </row>
    <row r="620346" spans="8:8">
      <c r="H620346" s="12"/>
    </row>
    <row r="620347" spans="8:8">
      <c r="H620347" s="12"/>
    </row>
    <row r="620348" spans="8:8">
      <c r="H620348" s="12"/>
    </row>
    <row r="620349" spans="8:8">
      <c r="H620349" s="12"/>
    </row>
    <row r="620350" spans="8:8">
      <c r="H620350" s="12"/>
    </row>
    <row r="620351" spans="8:8">
      <c r="H620351" s="12"/>
    </row>
    <row r="620352" spans="8:8">
      <c r="H620352" s="12"/>
    </row>
    <row r="620353" spans="8:8">
      <c r="H620353" s="12"/>
    </row>
    <row r="620354" spans="8:8">
      <c r="H620354" s="12"/>
    </row>
    <row r="620355" spans="8:8">
      <c r="H620355" s="12"/>
    </row>
    <row r="620356" spans="8:8">
      <c r="H620356" s="12"/>
    </row>
    <row r="620357" spans="8:8">
      <c r="H620357" s="12"/>
    </row>
    <row r="620358" spans="8:8">
      <c r="H620358" s="12"/>
    </row>
    <row r="620359" spans="8:8">
      <c r="H620359" s="12"/>
    </row>
    <row r="620360" spans="8:8">
      <c r="H620360" s="12"/>
    </row>
    <row r="620361" spans="8:8">
      <c r="H620361" s="12"/>
    </row>
    <row r="620362" spans="8:8">
      <c r="H620362" s="12"/>
    </row>
    <row r="620363" spans="8:8">
      <c r="H620363" s="12"/>
    </row>
    <row r="620364" spans="8:8">
      <c r="H620364" s="12"/>
    </row>
    <row r="620365" spans="8:8">
      <c r="H620365" s="12"/>
    </row>
    <row r="620366" spans="8:8">
      <c r="H620366" s="12"/>
    </row>
    <row r="620367" spans="8:8">
      <c r="H620367" s="12"/>
    </row>
    <row r="620368" spans="8:8">
      <c r="H620368" s="12"/>
    </row>
    <row r="620369" spans="8:8">
      <c r="H620369" s="12"/>
    </row>
    <row r="620370" spans="8:8">
      <c r="H620370" s="12"/>
    </row>
    <row r="620371" spans="8:8">
      <c r="H620371" s="12"/>
    </row>
    <row r="620372" spans="8:8">
      <c r="H620372" s="12"/>
    </row>
    <row r="620373" spans="8:8">
      <c r="H620373" s="12"/>
    </row>
    <row r="620374" spans="8:8">
      <c r="H620374" s="12"/>
    </row>
    <row r="620375" spans="8:8">
      <c r="H620375" s="12"/>
    </row>
    <row r="620376" spans="8:8">
      <c r="H620376" s="12"/>
    </row>
    <row r="620377" spans="8:8">
      <c r="H620377" s="12"/>
    </row>
    <row r="620378" spans="8:8">
      <c r="H620378" s="12"/>
    </row>
    <row r="620379" spans="8:8">
      <c r="H620379" s="12"/>
    </row>
    <row r="620380" spans="8:8">
      <c r="H620380" s="12"/>
    </row>
    <row r="620381" spans="8:8">
      <c r="H620381" s="12"/>
    </row>
    <row r="620382" spans="8:8">
      <c r="H620382" s="12"/>
    </row>
    <row r="620383" spans="8:8">
      <c r="H620383" s="12"/>
    </row>
    <row r="620384" spans="8:8">
      <c r="H620384" s="12"/>
    </row>
    <row r="620385" spans="8:8">
      <c r="H620385" s="12"/>
    </row>
    <row r="620386" spans="8:8">
      <c r="H620386" s="12"/>
    </row>
    <row r="620387" spans="8:8">
      <c r="H620387" s="12"/>
    </row>
    <row r="620388" spans="8:8">
      <c r="H620388" s="12"/>
    </row>
    <row r="620389" spans="8:8">
      <c r="H620389" s="12"/>
    </row>
    <row r="620390" spans="8:8">
      <c r="H620390" s="12"/>
    </row>
    <row r="620391" spans="8:8">
      <c r="H620391" s="12"/>
    </row>
    <row r="620392" spans="8:8">
      <c r="H620392" s="12"/>
    </row>
    <row r="620393" spans="8:8">
      <c r="H620393" s="12"/>
    </row>
    <row r="620394" spans="8:8">
      <c r="H620394" s="12"/>
    </row>
    <row r="620395" spans="8:8">
      <c r="H620395" s="12"/>
    </row>
    <row r="620396" spans="8:8">
      <c r="H620396" s="12"/>
    </row>
    <row r="620397" spans="8:8">
      <c r="H620397" s="12"/>
    </row>
    <row r="620398" spans="8:8">
      <c r="H620398" s="12"/>
    </row>
    <row r="620399" spans="8:8">
      <c r="H620399" s="12"/>
    </row>
    <row r="620400" spans="8:8">
      <c r="H620400" s="12"/>
    </row>
    <row r="620401" spans="8:8">
      <c r="H620401" s="12"/>
    </row>
    <row r="620402" spans="8:8">
      <c r="H620402" s="12"/>
    </row>
    <row r="620403" spans="8:8">
      <c r="H620403" s="12"/>
    </row>
    <row r="620404" spans="8:8">
      <c r="H620404" s="12"/>
    </row>
    <row r="620405" spans="8:8">
      <c r="H620405" s="12"/>
    </row>
    <row r="620406" spans="8:8">
      <c r="H620406" s="12"/>
    </row>
    <row r="620407" spans="8:8">
      <c r="H620407" s="12"/>
    </row>
    <row r="620408" spans="8:8">
      <c r="H620408" s="12"/>
    </row>
    <row r="620409" spans="8:8">
      <c r="H620409" s="12"/>
    </row>
    <row r="620410" spans="8:8">
      <c r="H620410" s="12"/>
    </row>
    <row r="620411" spans="8:8">
      <c r="H620411" s="12"/>
    </row>
    <row r="620412" spans="8:8">
      <c r="H620412" s="12"/>
    </row>
    <row r="620413" spans="8:8">
      <c r="H620413" s="12"/>
    </row>
    <row r="620414" spans="8:8">
      <c r="H620414" s="12"/>
    </row>
    <row r="620415" spans="8:8">
      <c r="H620415" s="12"/>
    </row>
    <row r="620416" spans="8:8">
      <c r="H620416" s="12"/>
    </row>
    <row r="620417" spans="8:8">
      <c r="H620417" s="12"/>
    </row>
    <row r="620418" spans="8:8">
      <c r="H620418" s="12"/>
    </row>
    <row r="620419" spans="8:8">
      <c r="H620419" s="12"/>
    </row>
    <row r="620420" spans="8:8">
      <c r="H620420" s="12"/>
    </row>
    <row r="620421" spans="8:8">
      <c r="H620421" s="12"/>
    </row>
    <row r="620422" spans="8:8">
      <c r="H620422" s="12"/>
    </row>
    <row r="620423" spans="8:8">
      <c r="H620423" s="12"/>
    </row>
    <row r="620424" spans="8:8">
      <c r="H620424" s="12"/>
    </row>
    <row r="620425" spans="8:8">
      <c r="H620425" s="12"/>
    </row>
    <row r="620426" spans="8:8">
      <c r="H620426" s="12"/>
    </row>
    <row r="620427" spans="8:8">
      <c r="H620427" s="12"/>
    </row>
    <row r="620428" spans="8:8">
      <c r="H620428" s="12"/>
    </row>
    <row r="620429" spans="8:8">
      <c r="H620429" s="12"/>
    </row>
    <row r="620430" spans="8:8">
      <c r="H620430" s="12"/>
    </row>
    <row r="620431" spans="8:8">
      <c r="H620431" s="12"/>
    </row>
    <row r="620432" spans="8:8">
      <c r="H620432" s="12"/>
    </row>
    <row r="620433" spans="8:8">
      <c r="H620433" s="12"/>
    </row>
    <row r="620434" spans="8:8">
      <c r="H620434" s="12"/>
    </row>
    <row r="620435" spans="8:8">
      <c r="H620435" s="12"/>
    </row>
    <row r="620436" spans="8:8">
      <c r="H620436" s="12"/>
    </row>
    <row r="620437" spans="8:8">
      <c r="H620437" s="12"/>
    </row>
    <row r="620438" spans="8:8">
      <c r="H620438" s="12"/>
    </row>
    <row r="620439" spans="8:8">
      <c r="H620439" s="12"/>
    </row>
    <row r="620440" spans="8:8">
      <c r="H620440" s="12"/>
    </row>
    <row r="620441" spans="8:8">
      <c r="H620441" s="12"/>
    </row>
    <row r="620442" spans="8:8">
      <c r="H620442" s="12"/>
    </row>
    <row r="620443" spans="8:8">
      <c r="H620443" s="12"/>
    </row>
    <row r="620444" spans="8:8">
      <c r="H620444" s="12"/>
    </row>
    <row r="620445" spans="8:8">
      <c r="H620445" s="12"/>
    </row>
    <row r="620446" spans="8:8">
      <c r="H620446" s="12"/>
    </row>
    <row r="620447" spans="8:8">
      <c r="H620447" s="12"/>
    </row>
    <row r="620448" spans="8:8">
      <c r="H620448" s="12"/>
    </row>
    <row r="620449" spans="8:8">
      <c r="H620449" s="12"/>
    </row>
    <row r="620450" spans="8:8">
      <c r="H620450" s="12"/>
    </row>
    <row r="620451" spans="8:8">
      <c r="H620451" s="12"/>
    </row>
    <row r="620452" spans="8:8">
      <c r="H620452" s="12"/>
    </row>
    <row r="620453" spans="8:8">
      <c r="H620453" s="12"/>
    </row>
    <row r="620454" spans="8:8">
      <c r="H620454" s="12"/>
    </row>
    <row r="620455" spans="8:8">
      <c r="H620455" s="12"/>
    </row>
    <row r="620456" spans="8:8">
      <c r="H620456" s="12"/>
    </row>
    <row r="620457" spans="8:8">
      <c r="H620457" s="12"/>
    </row>
    <row r="620458" spans="8:8">
      <c r="H620458" s="12"/>
    </row>
    <row r="620459" spans="8:8">
      <c r="H620459" s="12"/>
    </row>
    <row r="620460" spans="8:8">
      <c r="H620460" s="12"/>
    </row>
    <row r="620461" spans="8:8">
      <c r="H620461" s="12"/>
    </row>
    <row r="620462" spans="8:8">
      <c r="H620462" s="12"/>
    </row>
    <row r="620463" spans="8:8">
      <c r="H620463" s="12"/>
    </row>
    <row r="620464" spans="8:8">
      <c r="H620464" s="12"/>
    </row>
    <row r="620465" spans="8:8">
      <c r="H620465" s="12"/>
    </row>
    <row r="620466" spans="8:8">
      <c r="H620466" s="12"/>
    </row>
    <row r="620467" spans="8:8">
      <c r="H620467" s="12"/>
    </row>
    <row r="620468" spans="8:8">
      <c r="H620468" s="12"/>
    </row>
    <row r="620469" spans="8:8">
      <c r="H620469" s="12"/>
    </row>
    <row r="620470" spans="8:8">
      <c r="H620470" s="12"/>
    </row>
    <row r="620471" spans="8:8">
      <c r="H620471" s="12"/>
    </row>
    <row r="620472" spans="8:8">
      <c r="H620472" s="12"/>
    </row>
    <row r="620473" spans="8:8">
      <c r="H620473" s="12"/>
    </row>
    <row r="620474" spans="8:8">
      <c r="H620474" s="12"/>
    </row>
    <row r="620475" spans="8:8">
      <c r="H620475" s="12"/>
    </row>
    <row r="620476" spans="8:8">
      <c r="H620476" s="12"/>
    </row>
    <row r="620477" spans="8:8">
      <c r="H620477" s="12"/>
    </row>
    <row r="620478" spans="8:8">
      <c r="H620478" s="12"/>
    </row>
    <row r="620479" spans="8:8">
      <c r="H620479" s="12"/>
    </row>
    <row r="620480" spans="8:8">
      <c r="H620480" s="12"/>
    </row>
    <row r="620481" spans="8:8">
      <c r="H620481" s="12"/>
    </row>
    <row r="620482" spans="8:8">
      <c r="H620482" s="12"/>
    </row>
    <row r="620483" spans="8:8">
      <c r="H620483" s="12"/>
    </row>
    <row r="620484" spans="8:8">
      <c r="H620484" s="12"/>
    </row>
    <row r="620485" spans="8:8">
      <c r="H620485" s="12"/>
    </row>
    <row r="620486" spans="8:8">
      <c r="H620486" s="12"/>
    </row>
    <row r="620487" spans="8:8">
      <c r="H620487" s="12"/>
    </row>
    <row r="620488" spans="8:8">
      <c r="H620488" s="12"/>
    </row>
    <row r="620489" spans="8:8">
      <c r="H620489" s="12"/>
    </row>
    <row r="620490" spans="8:8">
      <c r="H620490" s="12"/>
    </row>
    <row r="620491" spans="8:8">
      <c r="H620491" s="12"/>
    </row>
    <row r="620492" spans="8:8">
      <c r="H620492" s="12"/>
    </row>
    <row r="620493" spans="8:8">
      <c r="H620493" s="12"/>
    </row>
    <row r="620494" spans="8:8">
      <c r="H620494" s="12"/>
    </row>
    <row r="620495" spans="8:8">
      <c r="H620495" s="12"/>
    </row>
    <row r="620496" spans="8:8">
      <c r="H620496" s="12"/>
    </row>
    <row r="620497" spans="8:8">
      <c r="H620497" s="12"/>
    </row>
    <row r="620498" spans="8:8">
      <c r="H620498" s="12"/>
    </row>
    <row r="620499" spans="8:8">
      <c r="H620499" s="12"/>
    </row>
    <row r="620500" spans="8:8">
      <c r="H620500" s="12"/>
    </row>
    <row r="620501" spans="8:8">
      <c r="H620501" s="12"/>
    </row>
    <row r="620502" spans="8:8">
      <c r="H620502" s="12"/>
    </row>
    <row r="620503" spans="8:8">
      <c r="H620503" s="12"/>
    </row>
    <row r="620504" spans="8:8">
      <c r="H620504" s="12"/>
    </row>
    <row r="620505" spans="8:8">
      <c r="H620505" s="12"/>
    </row>
    <row r="620506" spans="8:8">
      <c r="H620506" s="12"/>
    </row>
    <row r="620507" spans="8:8">
      <c r="H620507" s="12"/>
    </row>
    <row r="620508" spans="8:8">
      <c r="H620508" s="12"/>
    </row>
    <row r="620509" spans="8:8">
      <c r="H620509" s="12"/>
    </row>
    <row r="620510" spans="8:8">
      <c r="H620510" s="12"/>
    </row>
    <row r="620511" spans="8:8">
      <c r="H620511" s="12"/>
    </row>
    <row r="620512" spans="8:8">
      <c r="H620512" s="12"/>
    </row>
    <row r="620513" spans="8:8">
      <c r="H620513" s="12"/>
    </row>
    <row r="620514" spans="8:8">
      <c r="H620514" s="12"/>
    </row>
    <row r="620515" spans="8:8">
      <c r="H620515" s="12"/>
    </row>
    <row r="620516" spans="8:8">
      <c r="H620516" s="12"/>
    </row>
    <row r="620517" spans="8:8">
      <c r="H620517" s="12"/>
    </row>
    <row r="620518" spans="8:8">
      <c r="H620518" s="12"/>
    </row>
    <row r="620519" spans="8:8">
      <c r="H620519" s="12"/>
    </row>
    <row r="620520" spans="8:8">
      <c r="H620520" s="12"/>
    </row>
    <row r="620521" spans="8:8">
      <c r="H620521" s="12"/>
    </row>
    <row r="620522" spans="8:8">
      <c r="H620522" s="12"/>
    </row>
    <row r="620523" spans="8:8">
      <c r="H620523" s="12"/>
    </row>
    <row r="620524" spans="8:8">
      <c r="H620524" s="12"/>
    </row>
    <row r="620525" spans="8:8">
      <c r="H620525" s="12"/>
    </row>
    <row r="620526" spans="8:8">
      <c r="H620526" s="12"/>
    </row>
    <row r="620527" spans="8:8">
      <c r="H620527" s="12"/>
    </row>
    <row r="620528" spans="8:8">
      <c r="H620528" s="12"/>
    </row>
    <row r="620529" spans="8:8">
      <c r="H620529" s="12"/>
    </row>
    <row r="620530" spans="8:8">
      <c r="H620530" s="12"/>
    </row>
    <row r="620531" spans="8:8">
      <c r="H620531" s="12"/>
    </row>
    <row r="620532" spans="8:8">
      <c r="H620532" s="12"/>
    </row>
    <row r="620533" spans="8:8">
      <c r="H620533" s="12"/>
    </row>
    <row r="620534" spans="8:8">
      <c r="H620534" s="12"/>
    </row>
    <row r="620535" spans="8:8">
      <c r="H620535" s="12"/>
    </row>
    <row r="620536" spans="8:8">
      <c r="H620536" s="12"/>
    </row>
    <row r="620537" spans="8:8">
      <c r="H620537" s="12"/>
    </row>
    <row r="620538" spans="8:8">
      <c r="H620538" s="12"/>
    </row>
    <row r="620539" spans="8:8">
      <c r="H620539" s="12"/>
    </row>
    <row r="620540" spans="8:8">
      <c r="H620540" s="12"/>
    </row>
    <row r="620541" spans="8:8">
      <c r="H620541" s="12"/>
    </row>
    <row r="620542" spans="8:8">
      <c r="H620542" s="12"/>
    </row>
    <row r="620543" spans="8:8">
      <c r="H620543" s="12"/>
    </row>
    <row r="620544" spans="8:8">
      <c r="H620544" s="12"/>
    </row>
    <row r="620545" spans="8:8">
      <c r="H620545" s="12"/>
    </row>
    <row r="620546" spans="8:8">
      <c r="H620546" s="12"/>
    </row>
    <row r="620547" spans="8:8">
      <c r="H620547" s="12"/>
    </row>
    <row r="620548" spans="8:8">
      <c r="H620548" s="12"/>
    </row>
    <row r="620549" spans="8:8">
      <c r="H620549" s="12"/>
    </row>
    <row r="620550" spans="8:8">
      <c r="H620550" s="12"/>
    </row>
    <row r="620551" spans="8:8">
      <c r="H620551" s="12"/>
    </row>
    <row r="620552" spans="8:8">
      <c r="H620552" s="12"/>
    </row>
    <row r="620553" spans="8:8">
      <c r="H620553" s="12"/>
    </row>
    <row r="620554" spans="8:8">
      <c r="H620554" s="12"/>
    </row>
    <row r="620555" spans="8:8">
      <c r="H620555" s="12"/>
    </row>
    <row r="620556" spans="8:8">
      <c r="H620556" s="12"/>
    </row>
    <row r="620557" spans="8:8">
      <c r="H620557" s="12"/>
    </row>
    <row r="620558" spans="8:8">
      <c r="H620558" s="12"/>
    </row>
    <row r="620559" spans="8:8">
      <c r="H620559" s="12"/>
    </row>
    <row r="620560" spans="8:8">
      <c r="H620560" s="12"/>
    </row>
    <row r="620561" spans="8:8">
      <c r="H620561" s="12"/>
    </row>
    <row r="620562" spans="8:8">
      <c r="H620562" s="12"/>
    </row>
    <row r="620563" spans="8:8">
      <c r="H620563" s="12"/>
    </row>
    <row r="620564" spans="8:8">
      <c r="H620564" s="12"/>
    </row>
    <row r="620565" spans="8:8">
      <c r="H620565" s="12"/>
    </row>
    <row r="620566" spans="8:8">
      <c r="H620566" s="12"/>
    </row>
    <row r="620567" spans="8:8">
      <c r="H620567" s="12"/>
    </row>
    <row r="620568" spans="8:8">
      <c r="H620568" s="12"/>
    </row>
    <row r="620569" spans="8:8">
      <c r="H620569" s="12"/>
    </row>
    <row r="620570" spans="8:8">
      <c r="H620570" s="12"/>
    </row>
    <row r="620571" spans="8:8">
      <c r="H620571" s="12"/>
    </row>
    <row r="620572" spans="8:8">
      <c r="H620572" s="12"/>
    </row>
    <row r="620573" spans="8:8">
      <c r="H620573" s="12"/>
    </row>
    <row r="620574" spans="8:8">
      <c r="H620574" s="12"/>
    </row>
    <row r="620575" spans="8:8">
      <c r="H620575" s="12"/>
    </row>
    <row r="620576" spans="8:8">
      <c r="H620576" s="12"/>
    </row>
    <row r="620577" spans="8:8">
      <c r="H620577" s="12"/>
    </row>
    <row r="620578" spans="8:8">
      <c r="H620578" s="12"/>
    </row>
    <row r="620579" spans="8:8">
      <c r="H620579" s="12"/>
    </row>
    <row r="620580" spans="8:8">
      <c r="H620580" s="12"/>
    </row>
    <row r="620581" spans="8:8">
      <c r="H620581" s="12"/>
    </row>
    <row r="620582" spans="8:8">
      <c r="H620582" s="12"/>
    </row>
    <row r="620583" spans="8:8">
      <c r="H620583" s="12"/>
    </row>
    <row r="620584" spans="8:8">
      <c r="H620584" s="12"/>
    </row>
    <row r="620585" spans="8:8">
      <c r="H620585" s="12"/>
    </row>
    <row r="620586" spans="8:8">
      <c r="H620586" s="12"/>
    </row>
    <row r="620587" spans="8:8">
      <c r="H620587" s="12"/>
    </row>
    <row r="620588" spans="8:8">
      <c r="H620588" s="12"/>
    </row>
    <row r="620589" spans="8:8">
      <c r="H620589" s="12"/>
    </row>
    <row r="620590" spans="8:8">
      <c r="H620590" s="12"/>
    </row>
    <row r="620591" spans="8:8">
      <c r="H620591" s="12"/>
    </row>
    <row r="620592" spans="8:8">
      <c r="H620592" s="12"/>
    </row>
    <row r="620593" spans="8:8">
      <c r="H620593" s="12"/>
    </row>
    <row r="620594" spans="8:8">
      <c r="H620594" s="12"/>
    </row>
    <row r="620595" spans="8:8">
      <c r="H620595" s="12"/>
    </row>
    <row r="620596" spans="8:8">
      <c r="H620596" s="12"/>
    </row>
    <row r="620597" spans="8:8">
      <c r="H620597" s="12"/>
    </row>
    <row r="620598" spans="8:8">
      <c r="H620598" s="12"/>
    </row>
    <row r="620599" spans="8:8">
      <c r="H620599" s="12"/>
    </row>
    <row r="620600" spans="8:8">
      <c r="H620600" s="12"/>
    </row>
    <row r="620601" spans="8:8">
      <c r="H620601" s="12"/>
    </row>
    <row r="620602" spans="8:8">
      <c r="H620602" s="12"/>
    </row>
    <row r="620603" spans="8:8">
      <c r="H620603" s="12"/>
    </row>
    <row r="620604" spans="8:8">
      <c r="H620604" s="12"/>
    </row>
    <row r="620605" spans="8:8">
      <c r="H620605" s="12"/>
    </row>
    <row r="620606" spans="8:8">
      <c r="H620606" s="12"/>
    </row>
    <row r="620607" spans="8:8">
      <c r="H620607" s="12"/>
    </row>
    <row r="620608" spans="8:8">
      <c r="H620608" s="12"/>
    </row>
    <row r="620609" spans="8:8">
      <c r="H620609" s="12"/>
    </row>
    <row r="620610" spans="8:8">
      <c r="H620610" s="12"/>
    </row>
    <row r="620611" spans="8:8">
      <c r="H620611" s="12"/>
    </row>
    <row r="620612" spans="8:8">
      <c r="H620612" s="12"/>
    </row>
    <row r="620613" spans="8:8">
      <c r="H620613" s="12"/>
    </row>
    <row r="620614" spans="8:8">
      <c r="H620614" s="12"/>
    </row>
    <row r="620615" spans="8:8">
      <c r="H620615" s="12"/>
    </row>
    <row r="620616" spans="8:8">
      <c r="H620616" s="12"/>
    </row>
    <row r="620617" spans="8:8">
      <c r="H620617" s="12"/>
    </row>
    <row r="620618" spans="8:8">
      <c r="H620618" s="12"/>
    </row>
    <row r="620619" spans="8:8">
      <c r="H620619" s="12"/>
    </row>
    <row r="620620" spans="8:8">
      <c r="H620620" s="12"/>
    </row>
    <row r="620621" spans="8:8">
      <c r="H620621" s="12"/>
    </row>
    <row r="620622" spans="8:8">
      <c r="H620622" s="12"/>
    </row>
    <row r="620623" spans="8:8">
      <c r="H620623" s="12"/>
    </row>
    <row r="620624" spans="8:8">
      <c r="H620624" s="12"/>
    </row>
    <row r="620625" spans="8:8">
      <c r="H620625" s="12"/>
    </row>
    <row r="620626" spans="8:8">
      <c r="H620626" s="12"/>
    </row>
    <row r="620627" spans="8:8">
      <c r="H620627" s="12"/>
    </row>
    <row r="620628" spans="8:8">
      <c r="H620628" s="12"/>
    </row>
    <row r="620629" spans="8:8">
      <c r="H620629" s="12"/>
    </row>
    <row r="620630" spans="8:8">
      <c r="H620630" s="12"/>
    </row>
    <row r="620631" spans="8:8">
      <c r="H620631" s="12"/>
    </row>
    <row r="620632" spans="8:8">
      <c r="H620632" s="12"/>
    </row>
    <row r="620633" spans="8:8">
      <c r="H620633" s="12"/>
    </row>
    <row r="620634" spans="8:8">
      <c r="H620634" s="12"/>
    </row>
    <row r="620635" spans="8:8">
      <c r="H620635" s="12"/>
    </row>
    <row r="620636" spans="8:8">
      <c r="H620636" s="12"/>
    </row>
    <row r="620637" spans="8:8">
      <c r="H620637" s="12"/>
    </row>
    <row r="620638" spans="8:8">
      <c r="H620638" s="12"/>
    </row>
    <row r="620639" spans="8:8">
      <c r="H620639" s="12"/>
    </row>
    <row r="620640" spans="8:8">
      <c r="H620640" s="12"/>
    </row>
    <row r="620641" spans="8:8">
      <c r="H620641" s="12"/>
    </row>
    <row r="620642" spans="8:8">
      <c r="H620642" s="12"/>
    </row>
    <row r="620643" spans="8:8">
      <c r="H620643" s="12"/>
    </row>
    <row r="620644" spans="8:8">
      <c r="H620644" s="12"/>
    </row>
    <row r="620645" spans="8:8">
      <c r="H620645" s="12"/>
    </row>
    <row r="620646" spans="8:8">
      <c r="H620646" s="12"/>
    </row>
    <row r="620647" spans="8:8">
      <c r="H620647" s="12"/>
    </row>
    <row r="620648" spans="8:8">
      <c r="H620648" s="12"/>
    </row>
    <row r="620649" spans="8:8">
      <c r="H620649" s="12"/>
    </row>
    <row r="620650" spans="8:8">
      <c r="H620650" s="12"/>
    </row>
    <row r="620651" spans="8:8">
      <c r="H620651" s="12"/>
    </row>
    <row r="620652" spans="8:8">
      <c r="H620652" s="12"/>
    </row>
    <row r="620653" spans="8:8">
      <c r="H620653" s="12"/>
    </row>
    <row r="620654" spans="8:8">
      <c r="H620654" s="12"/>
    </row>
    <row r="620655" spans="8:8">
      <c r="H620655" s="12"/>
    </row>
    <row r="620656" spans="8:8">
      <c r="H620656" s="12"/>
    </row>
    <row r="620657" spans="8:8">
      <c r="H620657" s="12"/>
    </row>
    <row r="620658" spans="8:8">
      <c r="H620658" s="12"/>
    </row>
    <row r="620659" spans="8:8">
      <c r="H620659" s="12"/>
    </row>
    <row r="620660" spans="8:8">
      <c r="H620660" s="12"/>
    </row>
    <row r="620661" spans="8:8">
      <c r="H620661" s="12"/>
    </row>
    <row r="620662" spans="8:8">
      <c r="H620662" s="12"/>
    </row>
    <row r="620663" spans="8:8">
      <c r="H620663" s="12"/>
    </row>
    <row r="620664" spans="8:8">
      <c r="H620664" s="12"/>
    </row>
    <row r="620665" spans="8:8">
      <c r="H620665" s="12"/>
    </row>
    <row r="620666" spans="8:8">
      <c r="H620666" s="12"/>
    </row>
    <row r="620667" spans="8:8">
      <c r="H620667" s="12"/>
    </row>
    <row r="620668" spans="8:8">
      <c r="H620668" s="12"/>
    </row>
    <row r="620669" spans="8:8">
      <c r="H620669" s="12"/>
    </row>
    <row r="620670" spans="8:8">
      <c r="H620670" s="12"/>
    </row>
    <row r="620671" spans="8:8">
      <c r="H620671" s="12"/>
    </row>
    <row r="620672" spans="8:8">
      <c r="H620672" s="12"/>
    </row>
    <row r="620673" spans="8:8">
      <c r="H620673" s="12"/>
    </row>
    <row r="620674" spans="8:8">
      <c r="H620674" s="12"/>
    </row>
    <row r="620675" spans="8:8">
      <c r="H620675" s="12"/>
    </row>
    <row r="620676" spans="8:8">
      <c r="H620676" s="12"/>
    </row>
    <row r="620677" spans="8:8">
      <c r="H620677" s="12"/>
    </row>
    <row r="620678" spans="8:8">
      <c r="H620678" s="12"/>
    </row>
    <row r="620679" spans="8:8">
      <c r="H620679" s="12"/>
    </row>
    <row r="620680" spans="8:8">
      <c r="H620680" s="12"/>
    </row>
    <row r="620681" spans="8:8">
      <c r="H620681" s="12"/>
    </row>
    <row r="620682" spans="8:8">
      <c r="H620682" s="12"/>
    </row>
    <row r="620683" spans="8:8">
      <c r="H620683" s="12"/>
    </row>
    <row r="620684" spans="8:8">
      <c r="H620684" s="12"/>
    </row>
    <row r="620685" spans="8:8">
      <c r="H620685" s="12"/>
    </row>
    <row r="620686" spans="8:8">
      <c r="H620686" s="12"/>
    </row>
    <row r="620687" spans="8:8">
      <c r="H620687" s="12"/>
    </row>
    <row r="620688" spans="8:8">
      <c r="H620688" s="12"/>
    </row>
    <row r="620689" spans="8:8">
      <c r="H620689" s="12"/>
    </row>
    <row r="620690" spans="8:8">
      <c r="H620690" s="12"/>
    </row>
    <row r="620691" spans="8:8">
      <c r="H620691" s="12"/>
    </row>
    <row r="620692" spans="8:8">
      <c r="H620692" s="12"/>
    </row>
    <row r="620693" spans="8:8">
      <c r="H620693" s="12"/>
    </row>
    <row r="620694" spans="8:8">
      <c r="H620694" s="12"/>
    </row>
    <row r="620695" spans="8:8">
      <c r="H620695" s="12"/>
    </row>
    <row r="620696" spans="8:8">
      <c r="H620696" s="12"/>
    </row>
    <row r="620697" spans="8:8">
      <c r="H620697" s="12"/>
    </row>
    <row r="620698" spans="8:8">
      <c r="H620698" s="12"/>
    </row>
    <row r="620699" spans="8:8">
      <c r="H620699" s="12"/>
    </row>
    <row r="620700" spans="8:8">
      <c r="H620700" s="12"/>
    </row>
    <row r="620701" spans="8:8">
      <c r="H620701" s="12"/>
    </row>
    <row r="620702" spans="8:8">
      <c r="H620702" s="12"/>
    </row>
    <row r="620703" spans="8:8">
      <c r="H620703" s="12"/>
    </row>
    <row r="620704" spans="8:8">
      <c r="H620704" s="12"/>
    </row>
    <row r="620705" spans="8:8">
      <c r="H620705" s="12"/>
    </row>
    <row r="620706" spans="8:8">
      <c r="H620706" s="12"/>
    </row>
    <row r="620707" spans="8:8">
      <c r="H620707" s="12"/>
    </row>
    <row r="620708" spans="8:8">
      <c r="H620708" s="12"/>
    </row>
    <row r="620709" spans="8:8">
      <c r="H620709" s="12"/>
    </row>
    <row r="620710" spans="8:8">
      <c r="H620710" s="12"/>
    </row>
    <row r="620711" spans="8:8">
      <c r="H620711" s="12"/>
    </row>
    <row r="620712" spans="8:8">
      <c r="H620712" s="12"/>
    </row>
    <row r="620713" spans="8:8">
      <c r="H620713" s="12"/>
    </row>
    <row r="620714" spans="8:8">
      <c r="H620714" s="12"/>
    </row>
    <row r="620715" spans="8:8">
      <c r="H620715" s="12"/>
    </row>
    <row r="620716" spans="8:8">
      <c r="H620716" s="12"/>
    </row>
    <row r="620717" spans="8:8">
      <c r="H620717" s="12"/>
    </row>
    <row r="620718" spans="8:8">
      <c r="H620718" s="12"/>
    </row>
    <row r="620719" spans="8:8">
      <c r="H620719" s="12"/>
    </row>
    <row r="620720" spans="8:8">
      <c r="H620720" s="12"/>
    </row>
    <row r="620721" spans="8:8">
      <c r="H620721" s="12"/>
    </row>
    <row r="620722" spans="8:8">
      <c r="H620722" s="12"/>
    </row>
    <row r="620723" spans="8:8">
      <c r="H620723" s="12"/>
    </row>
    <row r="620724" spans="8:8">
      <c r="H620724" s="12"/>
    </row>
    <row r="620725" spans="8:8">
      <c r="H620725" s="12"/>
    </row>
    <row r="620726" spans="8:8">
      <c r="H620726" s="12"/>
    </row>
    <row r="620727" spans="8:8">
      <c r="H620727" s="12"/>
    </row>
    <row r="620728" spans="8:8">
      <c r="H620728" s="12"/>
    </row>
    <row r="620729" spans="8:8">
      <c r="H620729" s="12"/>
    </row>
    <row r="620730" spans="8:8">
      <c r="H620730" s="12"/>
    </row>
    <row r="620731" spans="8:8">
      <c r="H620731" s="12"/>
    </row>
    <row r="620732" spans="8:8">
      <c r="H620732" s="12"/>
    </row>
    <row r="620733" spans="8:8">
      <c r="H620733" s="12"/>
    </row>
    <row r="620734" spans="8:8">
      <c r="H620734" s="12"/>
    </row>
    <row r="620735" spans="8:8">
      <c r="H620735" s="12"/>
    </row>
    <row r="620736" spans="8:8">
      <c r="H620736" s="12"/>
    </row>
    <row r="620737" spans="8:8">
      <c r="H620737" s="12"/>
    </row>
    <row r="620738" spans="8:8">
      <c r="H620738" s="12"/>
    </row>
    <row r="620739" spans="8:8">
      <c r="H620739" s="12"/>
    </row>
    <row r="620740" spans="8:8">
      <c r="H620740" s="12"/>
    </row>
    <row r="620741" spans="8:8">
      <c r="H620741" s="12"/>
    </row>
    <row r="620742" spans="8:8">
      <c r="H620742" s="12"/>
    </row>
    <row r="620743" spans="8:8">
      <c r="H620743" s="12"/>
    </row>
    <row r="620744" spans="8:8">
      <c r="H620744" s="12"/>
    </row>
    <row r="620745" spans="8:8">
      <c r="H620745" s="12"/>
    </row>
    <row r="620746" spans="8:8">
      <c r="H620746" s="12"/>
    </row>
    <row r="620747" spans="8:8">
      <c r="H620747" s="12"/>
    </row>
    <row r="620748" spans="8:8">
      <c r="H620748" s="12"/>
    </row>
    <row r="620749" spans="8:8">
      <c r="H620749" s="12"/>
    </row>
    <row r="620750" spans="8:8">
      <c r="H620750" s="12"/>
    </row>
    <row r="620751" spans="8:8">
      <c r="H620751" s="12"/>
    </row>
    <row r="620752" spans="8:8">
      <c r="H620752" s="12"/>
    </row>
    <row r="620753" spans="8:8">
      <c r="H620753" s="12"/>
    </row>
    <row r="620754" spans="8:8">
      <c r="H620754" s="12"/>
    </row>
    <row r="620755" spans="8:8">
      <c r="H620755" s="12"/>
    </row>
    <row r="620756" spans="8:8">
      <c r="H620756" s="12"/>
    </row>
    <row r="620757" spans="8:8">
      <c r="H620757" s="12"/>
    </row>
    <row r="620758" spans="8:8">
      <c r="H620758" s="12"/>
    </row>
    <row r="620759" spans="8:8">
      <c r="H620759" s="12"/>
    </row>
    <row r="620760" spans="8:8">
      <c r="H620760" s="12"/>
    </row>
    <row r="620761" spans="8:8">
      <c r="H620761" s="12"/>
    </row>
    <row r="620762" spans="8:8">
      <c r="H620762" s="12"/>
    </row>
    <row r="620763" spans="8:8">
      <c r="H620763" s="12"/>
    </row>
    <row r="620764" spans="8:8">
      <c r="H620764" s="12"/>
    </row>
    <row r="620765" spans="8:8">
      <c r="H620765" s="12"/>
    </row>
    <row r="620766" spans="8:8">
      <c r="H620766" s="12"/>
    </row>
    <row r="620767" spans="8:8">
      <c r="H620767" s="12"/>
    </row>
    <row r="620768" spans="8:8">
      <c r="H620768" s="12"/>
    </row>
    <row r="620769" spans="8:8">
      <c r="H620769" s="12"/>
    </row>
    <row r="620770" spans="8:8">
      <c r="H620770" s="12"/>
    </row>
    <row r="620771" spans="8:8">
      <c r="H620771" s="12"/>
    </row>
    <row r="620772" spans="8:8">
      <c r="H620772" s="12"/>
    </row>
    <row r="620773" spans="8:8">
      <c r="H620773" s="12"/>
    </row>
    <row r="620774" spans="8:8">
      <c r="H620774" s="12"/>
    </row>
    <row r="620775" spans="8:8">
      <c r="H620775" s="12"/>
    </row>
    <row r="620776" spans="8:8">
      <c r="H620776" s="12"/>
    </row>
    <row r="620777" spans="8:8">
      <c r="H620777" s="12"/>
    </row>
    <row r="620778" spans="8:8">
      <c r="H620778" s="12"/>
    </row>
    <row r="620779" spans="8:8">
      <c r="H620779" s="12"/>
    </row>
    <row r="620780" spans="8:8">
      <c r="H620780" s="12"/>
    </row>
    <row r="620781" spans="8:8">
      <c r="H620781" s="12"/>
    </row>
    <row r="620782" spans="8:8">
      <c r="H620782" s="12"/>
    </row>
    <row r="620783" spans="8:8">
      <c r="H620783" s="12"/>
    </row>
    <row r="620784" spans="8:8">
      <c r="H620784" s="12"/>
    </row>
    <row r="620785" spans="8:8">
      <c r="H620785" s="12"/>
    </row>
    <row r="620786" spans="8:8">
      <c r="H620786" s="12"/>
    </row>
    <row r="620787" spans="8:8">
      <c r="H620787" s="12"/>
    </row>
    <row r="620788" spans="8:8">
      <c r="H620788" s="12"/>
    </row>
    <row r="620789" spans="8:8">
      <c r="H620789" s="12"/>
    </row>
    <row r="620790" spans="8:8">
      <c r="H620790" s="12"/>
    </row>
    <row r="620791" spans="8:8">
      <c r="H620791" s="12"/>
    </row>
    <row r="620792" spans="8:8">
      <c r="H620792" s="12"/>
    </row>
    <row r="620793" spans="8:8">
      <c r="H620793" s="12"/>
    </row>
    <row r="620794" spans="8:8">
      <c r="H620794" s="12"/>
    </row>
    <row r="620795" spans="8:8">
      <c r="H620795" s="12"/>
    </row>
    <row r="620796" spans="8:8">
      <c r="H620796" s="12"/>
    </row>
    <row r="620797" spans="8:8">
      <c r="H620797" s="12"/>
    </row>
    <row r="620798" spans="8:8">
      <c r="H620798" s="12"/>
    </row>
    <row r="620799" spans="8:8">
      <c r="H620799" s="12"/>
    </row>
    <row r="620800" spans="8:8">
      <c r="H620800" s="12"/>
    </row>
    <row r="620801" spans="8:8">
      <c r="H620801" s="12"/>
    </row>
    <row r="620802" spans="8:8">
      <c r="H620802" s="12"/>
    </row>
    <row r="620803" spans="8:8">
      <c r="H620803" s="12"/>
    </row>
    <row r="620804" spans="8:8">
      <c r="H620804" s="12"/>
    </row>
    <row r="620805" spans="8:8">
      <c r="H620805" s="12"/>
    </row>
    <row r="620806" spans="8:8">
      <c r="H620806" s="12"/>
    </row>
    <row r="620807" spans="8:8">
      <c r="H620807" s="12"/>
    </row>
    <row r="620808" spans="8:8">
      <c r="H620808" s="12"/>
    </row>
    <row r="620809" spans="8:8">
      <c r="H620809" s="12"/>
    </row>
    <row r="620810" spans="8:8">
      <c r="H620810" s="12"/>
    </row>
    <row r="620811" spans="8:8">
      <c r="H620811" s="12"/>
    </row>
    <row r="620812" spans="8:8">
      <c r="H620812" s="12"/>
    </row>
    <row r="620813" spans="8:8">
      <c r="H620813" s="12"/>
    </row>
    <row r="620814" spans="8:8">
      <c r="H620814" s="12"/>
    </row>
    <row r="620815" spans="8:8">
      <c r="H620815" s="12"/>
    </row>
    <row r="620816" spans="8:8">
      <c r="H620816" s="12"/>
    </row>
    <row r="620817" spans="8:8">
      <c r="H620817" s="12"/>
    </row>
    <row r="620818" spans="8:8">
      <c r="H620818" s="12"/>
    </row>
    <row r="620819" spans="8:8">
      <c r="H620819" s="12"/>
    </row>
    <row r="620820" spans="8:8">
      <c r="H620820" s="12"/>
    </row>
    <row r="620821" spans="8:8">
      <c r="H620821" s="12"/>
    </row>
    <row r="620822" spans="8:8">
      <c r="H620822" s="12"/>
    </row>
    <row r="620823" spans="8:8">
      <c r="H620823" s="12"/>
    </row>
    <row r="620824" spans="8:8">
      <c r="H620824" s="12"/>
    </row>
    <row r="620825" spans="8:8">
      <c r="H620825" s="12"/>
    </row>
    <row r="620826" spans="8:8">
      <c r="H620826" s="12"/>
    </row>
    <row r="620827" spans="8:8">
      <c r="H620827" s="12"/>
    </row>
    <row r="620828" spans="8:8">
      <c r="H620828" s="12"/>
    </row>
    <row r="620829" spans="8:8">
      <c r="H620829" s="12"/>
    </row>
    <row r="620830" spans="8:8">
      <c r="H620830" s="12"/>
    </row>
    <row r="620831" spans="8:8">
      <c r="H620831" s="12"/>
    </row>
    <row r="620832" spans="8:8">
      <c r="H620832" s="12"/>
    </row>
    <row r="620833" spans="8:8">
      <c r="H620833" s="12"/>
    </row>
    <row r="620834" spans="8:8">
      <c r="H620834" s="12"/>
    </row>
    <row r="620835" spans="8:8">
      <c r="H620835" s="12"/>
    </row>
    <row r="620836" spans="8:8">
      <c r="H620836" s="12"/>
    </row>
    <row r="620837" spans="8:8">
      <c r="H620837" s="12"/>
    </row>
    <row r="620838" spans="8:8">
      <c r="H620838" s="12"/>
    </row>
    <row r="620839" spans="8:8">
      <c r="H620839" s="12"/>
    </row>
    <row r="620840" spans="8:8">
      <c r="H620840" s="12"/>
    </row>
    <row r="620841" spans="8:8">
      <c r="H620841" s="12"/>
    </row>
    <row r="620842" spans="8:8">
      <c r="H620842" s="12"/>
    </row>
    <row r="620843" spans="8:8">
      <c r="H620843" s="12"/>
    </row>
    <row r="620844" spans="8:8">
      <c r="H620844" s="12"/>
    </row>
    <row r="620845" spans="8:8">
      <c r="H620845" s="12"/>
    </row>
    <row r="620846" spans="8:8">
      <c r="H620846" s="12"/>
    </row>
    <row r="620847" spans="8:8">
      <c r="H620847" s="12"/>
    </row>
    <row r="620848" spans="8:8">
      <c r="H620848" s="12"/>
    </row>
    <row r="620849" spans="8:8">
      <c r="H620849" s="12"/>
    </row>
    <row r="620850" spans="8:8">
      <c r="H620850" s="12"/>
    </row>
    <row r="620851" spans="8:8">
      <c r="H620851" s="12"/>
    </row>
    <row r="620852" spans="8:8">
      <c r="H620852" s="12"/>
    </row>
    <row r="620853" spans="8:8">
      <c r="H620853" s="12"/>
    </row>
    <row r="620854" spans="8:8">
      <c r="H620854" s="12"/>
    </row>
    <row r="620855" spans="8:8">
      <c r="H620855" s="12"/>
    </row>
    <row r="620856" spans="8:8">
      <c r="H620856" s="12"/>
    </row>
    <row r="620857" spans="8:8">
      <c r="H620857" s="12"/>
    </row>
    <row r="620858" spans="8:8">
      <c r="H620858" s="12"/>
    </row>
    <row r="620859" spans="8:8">
      <c r="H620859" s="12"/>
    </row>
    <row r="620860" spans="8:8">
      <c r="H620860" s="12"/>
    </row>
    <row r="620861" spans="8:8">
      <c r="H620861" s="12"/>
    </row>
    <row r="620862" spans="8:8">
      <c r="H620862" s="12"/>
    </row>
    <row r="620863" spans="8:8">
      <c r="H620863" s="12"/>
    </row>
    <row r="620864" spans="8:8">
      <c r="H620864" s="12"/>
    </row>
    <row r="620865" spans="8:8">
      <c r="H620865" s="12"/>
    </row>
    <row r="620866" spans="8:8">
      <c r="H620866" s="12"/>
    </row>
    <row r="620867" spans="8:8">
      <c r="H620867" s="12"/>
    </row>
    <row r="620868" spans="8:8">
      <c r="H620868" s="12"/>
    </row>
    <row r="620869" spans="8:8">
      <c r="H620869" s="12"/>
    </row>
    <row r="620870" spans="8:8">
      <c r="H620870" s="12"/>
    </row>
    <row r="620871" spans="8:8">
      <c r="H620871" s="12"/>
    </row>
    <row r="620872" spans="8:8">
      <c r="H620872" s="12"/>
    </row>
    <row r="620873" spans="8:8">
      <c r="H620873" s="12"/>
    </row>
    <row r="620874" spans="8:8">
      <c r="H620874" s="12"/>
    </row>
    <row r="620875" spans="8:8">
      <c r="H620875" s="12"/>
    </row>
    <row r="620876" spans="8:8">
      <c r="H620876" s="12"/>
    </row>
    <row r="620877" spans="8:8">
      <c r="H620877" s="12"/>
    </row>
    <row r="620878" spans="8:8">
      <c r="H620878" s="12"/>
    </row>
    <row r="620879" spans="8:8">
      <c r="H620879" s="12"/>
    </row>
    <row r="620880" spans="8:8">
      <c r="H620880" s="12"/>
    </row>
    <row r="620881" spans="8:8">
      <c r="H620881" s="12"/>
    </row>
    <row r="620882" spans="8:8">
      <c r="H620882" s="12"/>
    </row>
    <row r="620883" spans="8:8">
      <c r="H620883" s="12"/>
    </row>
    <row r="620884" spans="8:8">
      <c r="H620884" s="12"/>
    </row>
    <row r="620885" spans="8:8">
      <c r="H620885" s="12"/>
    </row>
    <row r="620886" spans="8:8">
      <c r="H620886" s="12"/>
    </row>
    <row r="620887" spans="8:8">
      <c r="H620887" s="12"/>
    </row>
    <row r="620888" spans="8:8">
      <c r="H620888" s="12"/>
    </row>
    <row r="620889" spans="8:8">
      <c r="H620889" s="12"/>
    </row>
    <row r="620890" spans="8:8">
      <c r="H620890" s="12"/>
    </row>
    <row r="620891" spans="8:8">
      <c r="H620891" s="12"/>
    </row>
    <row r="620892" spans="8:8">
      <c r="H620892" s="12"/>
    </row>
    <row r="620893" spans="8:8">
      <c r="H620893" s="12"/>
    </row>
    <row r="620894" spans="8:8">
      <c r="H620894" s="12"/>
    </row>
    <row r="620895" spans="8:8">
      <c r="H620895" s="12"/>
    </row>
    <row r="620896" spans="8:8">
      <c r="H620896" s="12"/>
    </row>
    <row r="620897" spans="8:8">
      <c r="H620897" s="12"/>
    </row>
    <row r="620898" spans="8:8">
      <c r="H620898" s="12"/>
    </row>
    <row r="620899" spans="8:8">
      <c r="H620899" s="12"/>
    </row>
    <row r="620900" spans="8:8">
      <c r="H620900" s="12"/>
    </row>
    <row r="620901" spans="8:8">
      <c r="H620901" s="12"/>
    </row>
    <row r="620902" spans="8:8">
      <c r="H620902" s="12"/>
    </row>
    <row r="620903" spans="8:8">
      <c r="H620903" s="12"/>
    </row>
    <row r="620904" spans="8:8">
      <c r="H620904" s="12"/>
    </row>
    <row r="620905" spans="8:8">
      <c r="H620905" s="12"/>
    </row>
    <row r="620906" spans="8:8">
      <c r="H620906" s="12"/>
    </row>
    <row r="620907" spans="8:8">
      <c r="H620907" s="12"/>
    </row>
    <row r="620908" spans="8:8">
      <c r="H620908" s="12"/>
    </row>
    <row r="620909" spans="8:8">
      <c r="H620909" s="12"/>
    </row>
    <row r="620910" spans="8:8">
      <c r="H620910" s="12"/>
    </row>
    <row r="620911" spans="8:8">
      <c r="H620911" s="12"/>
    </row>
    <row r="620912" spans="8:8">
      <c r="H620912" s="12"/>
    </row>
    <row r="620913" spans="8:8">
      <c r="H620913" s="12"/>
    </row>
    <row r="620914" spans="8:8">
      <c r="H620914" s="12"/>
    </row>
    <row r="620915" spans="8:8">
      <c r="H620915" s="12"/>
    </row>
    <row r="620916" spans="8:8">
      <c r="H620916" s="12"/>
    </row>
    <row r="620917" spans="8:8">
      <c r="H620917" s="12"/>
    </row>
    <row r="620918" spans="8:8">
      <c r="H620918" s="12"/>
    </row>
    <row r="620919" spans="8:8">
      <c r="H620919" s="12"/>
    </row>
    <row r="620920" spans="8:8">
      <c r="H620920" s="12"/>
    </row>
    <row r="620921" spans="8:8">
      <c r="H620921" s="12"/>
    </row>
    <row r="620922" spans="8:8">
      <c r="H620922" s="12"/>
    </row>
    <row r="620923" spans="8:8">
      <c r="H620923" s="12"/>
    </row>
    <row r="620924" spans="8:8">
      <c r="H620924" s="12"/>
    </row>
    <row r="620925" spans="8:8">
      <c r="H620925" s="12"/>
    </row>
    <row r="620926" spans="8:8">
      <c r="H620926" s="12"/>
    </row>
    <row r="620927" spans="8:8">
      <c r="H620927" s="12"/>
    </row>
    <row r="620928" spans="8:8">
      <c r="H620928" s="12"/>
    </row>
    <row r="620929" spans="8:8">
      <c r="H620929" s="12"/>
    </row>
    <row r="620930" spans="8:8">
      <c r="H620930" s="12"/>
    </row>
    <row r="620931" spans="8:8">
      <c r="H620931" s="12"/>
    </row>
    <row r="620932" spans="8:8">
      <c r="H620932" s="12"/>
    </row>
    <row r="620933" spans="8:8">
      <c r="H620933" s="12"/>
    </row>
    <row r="620934" spans="8:8">
      <c r="H620934" s="12"/>
    </row>
    <row r="620935" spans="8:8">
      <c r="H620935" s="12"/>
    </row>
    <row r="620936" spans="8:8">
      <c r="H620936" s="12"/>
    </row>
    <row r="620937" spans="8:8">
      <c r="H620937" s="12"/>
    </row>
    <row r="620938" spans="8:8">
      <c r="H620938" s="12"/>
    </row>
    <row r="620939" spans="8:8">
      <c r="H620939" s="12"/>
    </row>
    <row r="620940" spans="8:8">
      <c r="H620940" s="12"/>
    </row>
    <row r="620941" spans="8:8">
      <c r="H620941" s="12"/>
    </row>
    <row r="620942" spans="8:8">
      <c r="H620942" s="12"/>
    </row>
    <row r="620943" spans="8:8">
      <c r="H620943" s="12"/>
    </row>
    <row r="620944" spans="8:8">
      <c r="H620944" s="12"/>
    </row>
    <row r="620945" spans="8:8">
      <c r="H620945" s="12"/>
    </row>
    <row r="620946" spans="8:8">
      <c r="H620946" s="12"/>
    </row>
    <row r="620947" spans="8:8">
      <c r="H620947" s="12"/>
    </row>
    <row r="620948" spans="8:8">
      <c r="H620948" s="12"/>
    </row>
    <row r="620949" spans="8:8">
      <c r="H620949" s="12"/>
    </row>
    <row r="620950" spans="8:8">
      <c r="H620950" s="12"/>
    </row>
    <row r="620951" spans="8:8">
      <c r="H620951" s="12"/>
    </row>
    <row r="620952" spans="8:8">
      <c r="H620952" s="12"/>
    </row>
    <row r="620953" spans="8:8">
      <c r="H620953" s="12"/>
    </row>
    <row r="620954" spans="8:8">
      <c r="H620954" s="12"/>
    </row>
    <row r="620955" spans="8:8">
      <c r="H620955" s="12"/>
    </row>
    <row r="620956" spans="8:8">
      <c r="H620956" s="12"/>
    </row>
    <row r="620957" spans="8:8">
      <c r="H620957" s="12"/>
    </row>
    <row r="620958" spans="8:8">
      <c r="H620958" s="12"/>
    </row>
    <row r="620959" spans="8:8">
      <c r="H620959" s="12"/>
    </row>
    <row r="620960" spans="8:8">
      <c r="H620960" s="12"/>
    </row>
    <row r="620961" spans="8:8">
      <c r="H620961" s="12"/>
    </row>
    <row r="620962" spans="8:8">
      <c r="H620962" s="12"/>
    </row>
    <row r="620963" spans="8:8">
      <c r="H620963" s="12"/>
    </row>
    <row r="620964" spans="8:8">
      <c r="H620964" s="12"/>
    </row>
    <row r="620965" spans="8:8">
      <c r="H620965" s="12"/>
    </row>
    <row r="620966" spans="8:8">
      <c r="H620966" s="12"/>
    </row>
    <row r="620967" spans="8:8">
      <c r="H620967" s="12"/>
    </row>
    <row r="620968" spans="8:8">
      <c r="H620968" s="12"/>
    </row>
    <row r="620969" spans="8:8">
      <c r="H620969" s="12"/>
    </row>
    <row r="620970" spans="8:8">
      <c r="H620970" s="12"/>
    </row>
    <row r="620971" spans="8:8">
      <c r="H620971" s="12"/>
    </row>
    <row r="620972" spans="8:8">
      <c r="H620972" s="12"/>
    </row>
    <row r="620973" spans="8:8">
      <c r="H620973" s="12"/>
    </row>
    <row r="620974" spans="8:8">
      <c r="H620974" s="12"/>
    </row>
    <row r="620975" spans="8:8">
      <c r="H620975" s="12"/>
    </row>
    <row r="620976" spans="8:8">
      <c r="H620976" s="12"/>
    </row>
    <row r="620977" spans="8:8">
      <c r="H620977" s="12"/>
    </row>
    <row r="620978" spans="8:8">
      <c r="H620978" s="12"/>
    </row>
    <row r="620979" spans="8:8">
      <c r="H620979" s="12"/>
    </row>
    <row r="620980" spans="8:8">
      <c r="H620980" s="12"/>
    </row>
    <row r="620981" spans="8:8">
      <c r="H620981" s="12"/>
    </row>
    <row r="620982" spans="8:8">
      <c r="H620982" s="12"/>
    </row>
    <row r="620983" spans="8:8">
      <c r="H620983" s="12"/>
    </row>
    <row r="620984" spans="8:8">
      <c r="H620984" s="12"/>
    </row>
    <row r="620985" spans="8:8">
      <c r="H620985" s="12"/>
    </row>
    <row r="620986" spans="8:8">
      <c r="H620986" s="12"/>
    </row>
    <row r="620987" spans="8:8">
      <c r="H620987" s="12"/>
    </row>
    <row r="620988" spans="8:8">
      <c r="H620988" s="12"/>
    </row>
    <row r="620989" spans="8:8">
      <c r="H620989" s="12"/>
    </row>
    <row r="620990" spans="8:8">
      <c r="H620990" s="12"/>
    </row>
    <row r="620991" spans="8:8">
      <c r="H620991" s="12"/>
    </row>
    <row r="620992" spans="8:8">
      <c r="H620992" s="12"/>
    </row>
    <row r="620993" spans="8:8">
      <c r="H620993" s="12"/>
    </row>
    <row r="620994" spans="8:8">
      <c r="H620994" s="12"/>
    </row>
    <row r="620995" spans="8:8">
      <c r="H620995" s="12"/>
    </row>
    <row r="620996" spans="8:8">
      <c r="H620996" s="12"/>
    </row>
    <row r="620997" spans="8:8">
      <c r="H620997" s="12"/>
    </row>
    <row r="620998" spans="8:8">
      <c r="H620998" s="12"/>
    </row>
    <row r="620999" spans="8:8">
      <c r="H620999" s="12"/>
    </row>
    <row r="621000" spans="8:8">
      <c r="H621000" s="12"/>
    </row>
    <row r="621001" spans="8:8">
      <c r="H621001" s="12"/>
    </row>
    <row r="621002" spans="8:8">
      <c r="H621002" s="12"/>
    </row>
    <row r="621003" spans="8:8">
      <c r="H621003" s="12"/>
    </row>
    <row r="621004" spans="8:8">
      <c r="H621004" s="12"/>
    </row>
    <row r="621005" spans="8:8">
      <c r="H621005" s="12"/>
    </row>
    <row r="621006" spans="8:8">
      <c r="H621006" s="12"/>
    </row>
    <row r="621007" spans="8:8">
      <c r="H621007" s="12"/>
    </row>
    <row r="621008" spans="8:8">
      <c r="H621008" s="12"/>
    </row>
    <row r="621009" spans="8:8">
      <c r="H621009" s="12"/>
    </row>
    <row r="621010" spans="8:8">
      <c r="H621010" s="12"/>
    </row>
    <row r="621011" spans="8:8">
      <c r="H621011" s="12"/>
    </row>
    <row r="621012" spans="8:8">
      <c r="H621012" s="12"/>
    </row>
    <row r="621013" spans="8:8">
      <c r="H621013" s="12"/>
    </row>
    <row r="621014" spans="8:8">
      <c r="H621014" s="12"/>
    </row>
    <row r="621015" spans="8:8">
      <c r="H621015" s="12"/>
    </row>
    <row r="621016" spans="8:8">
      <c r="H621016" s="12"/>
    </row>
    <row r="621017" spans="8:8">
      <c r="H621017" s="12"/>
    </row>
    <row r="621018" spans="8:8">
      <c r="H621018" s="12"/>
    </row>
    <row r="621019" spans="8:8">
      <c r="H621019" s="12"/>
    </row>
    <row r="621020" spans="8:8">
      <c r="H621020" s="12"/>
    </row>
    <row r="621021" spans="8:8">
      <c r="H621021" s="12"/>
    </row>
    <row r="621022" spans="8:8">
      <c r="H621022" s="12"/>
    </row>
    <row r="621023" spans="8:8">
      <c r="H621023" s="12"/>
    </row>
    <row r="621024" spans="8:8">
      <c r="H621024" s="12"/>
    </row>
    <row r="621025" spans="8:8">
      <c r="H621025" s="12"/>
    </row>
    <row r="621026" spans="8:8">
      <c r="H621026" s="12"/>
    </row>
    <row r="621027" spans="8:8">
      <c r="H621027" s="12"/>
    </row>
    <row r="621028" spans="8:8">
      <c r="H621028" s="12"/>
    </row>
    <row r="621029" spans="8:8">
      <c r="H621029" s="12"/>
    </row>
    <row r="621030" spans="8:8">
      <c r="H621030" s="12"/>
    </row>
    <row r="621031" spans="8:8">
      <c r="H621031" s="12"/>
    </row>
    <row r="621032" spans="8:8">
      <c r="H621032" s="12"/>
    </row>
    <row r="621033" spans="8:8">
      <c r="H621033" s="12"/>
    </row>
    <row r="621034" spans="8:8">
      <c r="H621034" s="12"/>
    </row>
    <row r="621035" spans="8:8">
      <c r="H621035" s="12"/>
    </row>
    <row r="621036" spans="8:8">
      <c r="H621036" s="12"/>
    </row>
    <row r="621037" spans="8:8">
      <c r="H621037" s="12"/>
    </row>
    <row r="621038" spans="8:8">
      <c r="H621038" s="12"/>
    </row>
    <row r="621039" spans="8:8">
      <c r="H621039" s="12"/>
    </row>
    <row r="621040" spans="8:8">
      <c r="H621040" s="12"/>
    </row>
    <row r="621041" spans="8:8">
      <c r="H621041" s="12"/>
    </row>
    <row r="621042" spans="8:8">
      <c r="H621042" s="12"/>
    </row>
    <row r="621043" spans="8:8">
      <c r="H621043" s="12"/>
    </row>
    <row r="621044" spans="8:8">
      <c r="H621044" s="12"/>
    </row>
    <row r="621045" spans="8:8">
      <c r="H621045" s="12"/>
    </row>
    <row r="621046" spans="8:8">
      <c r="H621046" s="12"/>
    </row>
    <row r="621047" spans="8:8">
      <c r="H621047" s="12"/>
    </row>
    <row r="621048" spans="8:8">
      <c r="H621048" s="12"/>
    </row>
    <row r="621049" spans="8:8">
      <c r="H621049" s="12"/>
    </row>
    <row r="621050" spans="8:8">
      <c r="H621050" s="12"/>
    </row>
    <row r="621051" spans="8:8">
      <c r="H621051" s="12"/>
    </row>
    <row r="621052" spans="8:8">
      <c r="H621052" s="12"/>
    </row>
    <row r="621053" spans="8:8">
      <c r="H621053" s="12"/>
    </row>
    <row r="621054" spans="8:8">
      <c r="H621054" s="12"/>
    </row>
    <row r="621055" spans="8:8">
      <c r="H621055" s="12"/>
    </row>
    <row r="621056" spans="8:8">
      <c r="H621056" s="12"/>
    </row>
    <row r="621057" spans="8:8">
      <c r="H621057" s="12"/>
    </row>
    <row r="621058" spans="8:8">
      <c r="H621058" s="12"/>
    </row>
    <row r="621059" spans="8:8">
      <c r="H621059" s="12"/>
    </row>
    <row r="621060" spans="8:8">
      <c r="H621060" s="12"/>
    </row>
    <row r="621061" spans="8:8">
      <c r="H621061" s="12"/>
    </row>
    <row r="621062" spans="8:8">
      <c r="H621062" s="12"/>
    </row>
    <row r="621063" spans="8:8">
      <c r="H621063" s="12"/>
    </row>
    <row r="621064" spans="8:8">
      <c r="H621064" s="12"/>
    </row>
    <row r="621065" spans="8:8">
      <c r="H621065" s="12"/>
    </row>
    <row r="621066" spans="8:8">
      <c r="H621066" s="12"/>
    </row>
    <row r="621067" spans="8:8">
      <c r="H621067" s="12"/>
    </row>
    <row r="621068" spans="8:8">
      <c r="H621068" s="12"/>
    </row>
    <row r="621069" spans="8:8">
      <c r="H621069" s="12"/>
    </row>
    <row r="621070" spans="8:8">
      <c r="H621070" s="12"/>
    </row>
    <row r="621071" spans="8:8">
      <c r="H621071" s="12"/>
    </row>
    <row r="621072" spans="8:8">
      <c r="H621072" s="12"/>
    </row>
    <row r="621073" spans="8:8">
      <c r="H621073" s="12"/>
    </row>
    <row r="621074" spans="8:8">
      <c r="H621074" s="12"/>
    </row>
    <row r="621075" spans="8:8">
      <c r="H621075" s="12"/>
    </row>
    <row r="621076" spans="8:8">
      <c r="H621076" s="12"/>
    </row>
    <row r="621077" spans="8:8">
      <c r="H621077" s="12"/>
    </row>
    <row r="621078" spans="8:8">
      <c r="H621078" s="12"/>
    </row>
    <row r="621079" spans="8:8">
      <c r="H621079" s="12"/>
    </row>
    <row r="621080" spans="8:8">
      <c r="H621080" s="12"/>
    </row>
    <row r="621081" spans="8:8">
      <c r="H621081" s="12"/>
    </row>
    <row r="621082" spans="8:8">
      <c r="H621082" s="12"/>
    </row>
    <row r="621083" spans="8:8">
      <c r="H621083" s="12"/>
    </row>
    <row r="621084" spans="8:8">
      <c r="H621084" s="12"/>
    </row>
    <row r="621085" spans="8:8">
      <c r="H621085" s="12"/>
    </row>
    <row r="621086" spans="8:8">
      <c r="H621086" s="12"/>
    </row>
    <row r="621087" spans="8:8">
      <c r="H621087" s="12"/>
    </row>
    <row r="621088" spans="8:8">
      <c r="H621088" s="12"/>
    </row>
    <row r="621089" spans="8:8">
      <c r="H621089" s="12"/>
    </row>
    <row r="621090" spans="8:8">
      <c r="H621090" s="12"/>
    </row>
    <row r="621091" spans="8:8">
      <c r="H621091" s="12"/>
    </row>
    <row r="621092" spans="8:8">
      <c r="H621092" s="12"/>
    </row>
    <row r="621093" spans="8:8">
      <c r="H621093" s="12"/>
    </row>
    <row r="621094" spans="8:8">
      <c r="H621094" s="12"/>
    </row>
    <row r="621095" spans="8:8">
      <c r="H621095" s="12"/>
    </row>
    <row r="621096" spans="8:8">
      <c r="H621096" s="12"/>
    </row>
    <row r="621097" spans="8:8">
      <c r="H621097" s="12"/>
    </row>
    <row r="621098" spans="8:8">
      <c r="H621098" s="12"/>
    </row>
    <row r="621099" spans="8:8">
      <c r="H621099" s="12"/>
    </row>
    <row r="621100" spans="8:8">
      <c r="H621100" s="12"/>
    </row>
    <row r="621101" spans="8:8">
      <c r="H621101" s="12"/>
    </row>
    <row r="621102" spans="8:8">
      <c r="H621102" s="12"/>
    </row>
    <row r="621103" spans="8:8">
      <c r="H621103" s="12"/>
    </row>
    <row r="621104" spans="8:8">
      <c r="H621104" s="12"/>
    </row>
    <row r="621105" spans="8:8">
      <c r="H621105" s="12"/>
    </row>
    <row r="621106" spans="8:8">
      <c r="H621106" s="12"/>
    </row>
    <row r="621107" spans="8:8">
      <c r="H621107" s="12"/>
    </row>
    <row r="621108" spans="8:8">
      <c r="H621108" s="12"/>
    </row>
    <row r="621109" spans="8:8">
      <c r="H621109" s="12"/>
    </row>
    <row r="621110" spans="8:8">
      <c r="H621110" s="12"/>
    </row>
    <row r="621111" spans="8:8">
      <c r="H621111" s="12"/>
    </row>
    <row r="621112" spans="8:8">
      <c r="H621112" s="12"/>
    </row>
    <row r="621113" spans="8:8">
      <c r="H621113" s="12"/>
    </row>
    <row r="621114" spans="8:8">
      <c r="H621114" s="12"/>
    </row>
    <row r="621115" spans="8:8">
      <c r="H621115" s="12"/>
    </row>
    <row r="621116" spans="8:8">
      <c r="H621116" s="12"/>
    </row>
    <row r="621117" spans="8:8">
      <c r="H621117" s="12"/>
    </row>
    <row r="621118" spans="8:8">
      <c r="H621118" s="12"/>
    </row>
    <row r="621119" spans="8:8">
      <c r="H621119" s="12"/>
    </row>
    <row r="621120" spans="8:8">
      <c r="H621120" s="12"/>
    </row>
    <row r="621121" spans="8:8">
      <c r="H621121" s="12"/>
    </row>
    <row r="621122" spans="8:8">
      <c r="H621122" s="12"/>
    </row>
    <row r="621123" spans="8:8">
      <c r="H621123" s="12"/>
    </row>
    <row r="621124" spans="8:8">
      <c r="H621124" s="12"/>
    </row>
    <row r="621125" spans="8:8">
      <c r="H621125" s="12"/>
    </row>
    <row r="621126" spans="8:8">
      <c r="H621126" s="12"/>
    </row>
    <row r="621127" spans="8:8">
      <c r="H621127" s="12"/>
    </row>
    <row r="621128" spans="8:8">
      <c r="H621128" s="12"/>
    </row>
    <row r="621129" spans="8:8">
      <c r="H621129" s="12"/>
    </row>
    <row r="621130" spans="8:8">
      <c r="H621130" s="12"/>
    </row>
    <row r="621131" spans="8:8">
      <c r="H621131" s="12"/>
    </row>
    <row r="621132" spans="8:8">
      <c r="H621132" s="12"/>
    </row>
    <row r="621133" spans="8:8">
      <c r="H621133" s="12"/>
    </row>
    <row r="621134" spans="8:8">
      <c r="H621134" s="12"/>
    </row>
    <row r="621135" spans="8:8">
      <c r="H621135" s="12"/>
    </row>
    <row r="621136" spans="8:8">
      <c r="H621136" s="12"/>
    </row>
    <row r="621137" spans="8:8">
      <c r="H621137" s="12"/>
    </row>
    <row r="621138" spans="8:8">
      <c r="H621138" s="12"/>
    </row>
    <row r="621139" spans="8:8">
      <c r="H621139" s="12"/>
    </row>
    <row r="621140" spans="8:8">
      <c r="H621140" s="12"/>
    </row>
    <row r="621141" spans="8:8">
      <c r="H621141" s="12"/>
    </row>
    <row r="621142" spans="8:8">
      <c r="H621142" s="12"/>
    </row>
    <row r="621143" spans="8:8">
      <c r="H621143" s="12"/>
    </row>
    <row r="621144" spans="8:8">
      <c r="H621144" s="12"/>
    </row>
    <row r="621145" spans="8:8">
      <c r="H621145" s="12"/>
    </row>
    <row r="621146" spans="8:8">
      <c r="H621146" s="12"/>
    </row>
    <row r="621147" spans="8:8">
      <c r="H621147" s="12"/>
    </row>
    <row r="621148" spans="8:8">
      <c r="H621148" s="12"/>
    </row>
    <row r="621149" spans="8:8">
      <c r="H621149" s="12"/>
    </row>
    <row r="621150" spans="8:8">
      <c r="H621150" s="12"/>
    </row>
    <row r="621151" spans="8:8">
      <c r="H621151" s="12"/>
    </row>
    <row r="621152" spans="8:8">
      <c r="H621152" s="12"/>
    </row>
    <row r="621153" spans="8:8">
      <c r="H621153" s="12"/>
    </row>
    <row r="621154" spans="8:8">
      <c r="H621154" s="12"/>
    </row>
    <row r="621155" spans="8:8">
      <c r="H621155" s="12"/>
    </row>
    <row r="621156" spans="8:8">
      <c r="H621156" s="12"/>
    </row>
    <row r="621157" spans="8:8">
      <c r="H621157" s="12"/>
    </row>
    <row r="621158" spans="8:8">
      <c r="H621158" s="12"/>
    </row>
    <row r="621159" spans="8:8">
      <c r="H621159" s="12"/>
    </row>
    <row r="621160" spans="8:8">
      <c r="H621160" s="12"/>
    </row>
    <row r="621161" spans="8:8">
      <c r="H621161" s="12"/>
    </row>
    <row r="621162" spans="8:8">
      <c r="H621162" s="12"/>
    </row>
    <row r="621163" spans="8:8">
      <c r="H621163" s="12"/>
    </row>
    <row r="621164" spans="8:8">
      <c r="H621164" s="12"/>
    </row>
    <row r="621165" spans="8:8">
      <c r="H621165" s="12"/>
    </row>
    <row r="621166" spans="8:8">
      <c r="H621166" s="12"/>
    </row>
    <row r="621167" spans="8:8">
      <c r="H621167" s="12"/>
    </row>
    <row r="621168" spans="8:8">
      <c r="H621168" s="12"/>
    </row>
    <row r="621169" spans="8:8">
      <c r="H621169" s="12"/>
    </row>
    <row r="621170" spans="8:8">
      <c r="H621170" s="12"/>
    </row>
    <row r="621171" spans="8:8">
      <c r="H621171" s="12"/>
    </row>
    <row r="621172" spans="8:8">
      <c r="H621172" s="12"/>
    </row>
    <row r="621173" spans="8:8">
      <c r="H621173" s="12"/>
    </row>
    <row r="621174" spans="8:8">
      <c r="H621174" s="12"/>
    </row>
    <row r="621175" spans="8:8">
      <c r="H621175" s="12"/>
    </row>
    <row r="621176" spans="8:8">
      <c r="H621176" s="12"/>
    </row>
    <row r="621177" spans="8:8">
      <c r="H621177" s="12"/>
    </row>
    <row r="621178" spans="8:8">
      <c r="H621178" s="12"/>
    </row>
    <row r="621179" spans="8:8">
      <c r="H621179" s="12"/>
    </row>
    <row r="621180" spans="8:8">
      <c r="H621180" s="12"/>
    </row>
    <row r="621181" spans="8:8">
      <c r="H621181" s="12"/>
    </row>
    <row r="621182" spans="8:8">
      <c r="H621182" s="12"/>
    </row>
    <row r="621183" spans="8:8">
      <c r="H621183" s="12"/>
    </row>
    <row r="621184" spans="8:8">
      <c r="H621184" s="12"/>
    </row>
    <row r="621185" spans="8:8">
      <c r="H621185" s="12"/>
    </row>
    <row r="621186" spans="8:8">
      <c r="H621186" s="12"/>
    </row>
    <row r="621187" spans="8:8">
      <c r="H621187" s="12"/>
    </row>
    <row r="621188" spans="8:8">
      <c r="H621188" s="12"/>
    </row>
    <row r="621189" spans="8:8">
      <c r="H621189" s="12"/>
    </row>
    <row r="621190" spans="8:8">
      <c r="H621190" s="12"/>
    </row>
    <row r="621191" spans="8:8">
      <c r="H621191" s="12"/>
    </row>
    <row r="621192" spans="8:8">
      <c r="H621192" s="12"/>
    </row>
    <row r="621193" spans="8:8">
      <c r="H621193" s="12"/>
    </row>
    <row r="621194" spans="8:8">
      <c r="H621194" s="12"/>
    </row>
    <row r="621195" spans="8:8">
      <c r="H621195" s="12"/>
    </row>
    <row r="621196" spans="8:8">
      <c r="H621196" s="12"/>
    </row>
    <row r="621197" spans="8:8">
      <c r="H621197" s="12"/>
    </row>
    <row r="621198" spans="8:8">
      <c r="H621198" s="12"/>
    </row>
    <row r="621199" spans="8:8">
      <c r="H621199" s="12"/>
    </row>
    <row r="621200" spans="8:8">
      <c r="H621200" s="12"/>
    </row>
    <row r="621201" spans="8:8">
      <c r="H621201" s="12"/>
    </row>
    <row r="621202" spans="8:8">
      <c r="H621202" s="12"/>
    </row>
    <row r="621203" spans="8:8">
      <c r="H621203" s="12"/>
    </row>
    <row r="621204" spans="8:8">
      <c r="H621204" s="12"/>
    </row>
    <row r="621205" spans="8:8">
      <c r="H621205" s="12"/>
    </row>
    <row r="621206" spans="8:8">
      <c r="H621206" s="12"/>
    </row>
    <row r="621207" spans="8:8">
      <c r="H621207" s="12"/>
    </row>
    <row r="621208" spans="8:8">
      <c r="H621208" s="12"/>
    </row>
    <row r="621209" spans="8:8">
      <c r="H621209" s="12"/>
    </row>
    <row r="621210" spans="8:8">
      <c r="H621210" s="12"/>
    </row>
    <row r="621211" spans="8:8">
      <c r="H621211" s="12"/>
    </row>
    <row r="621212" spans="8:8">
      <c r="H621212" s="12"/>
    </row>
    <row r="621213" spans="8:8">
      <c r="H621213" s="12"/>
    </row>
    <row r="621214" spans="8:8">
      <c r="H621214" s="12"/>
    </row>
    <row r="621215" spans="8:8">
      <c r="H621215" s="12"/>
    </row>
    <row r="621216" spans="8:8">
      <c r="H621216" s="12"/>
    </row>
    <row r="621217" spans="8:8">
      <c r="H621217" s="12"/>
    </row>
    <row r="621218" spans="8:8">
      <c r="H621218" s="12"/>
    </row>
    <row r="621219" spans="8:8">
      <c r="H621219" s="12"/>
    </row>
    <row r="621220" spans="8:8">
      <c r="H621220" s="12"/>
    </row>
    <row r="621221" spans="8:8">
      <c r="H621221" s="12"/>
    </row>
    <row r="621222" spans="8:8">
      <c r="H621222" s="12"/>
    </row>
    <row r="621223" spans="8:8">
      <c r="H621223" s="12"/>
    </row>
    <row r="621224" spans="8:8">
      <c r="H621224" s="12"/>
    </row>
    <row r="621225" spans="8:8">
      <c r="H621225" s="12"/>
    </row>
    <row r="621226" spans="8:8">
      <c r="H621226" s="12"/>
    </row>
    <row r="621227" spans="8:8">
      <c r="H621227" s="12"/>
    </row>
    <row r="621228" spans="8:8">
      <c r="H621228" s="12"/>
    </row>
    <row r="621229" spans="8:8">
      <c r="H621229" s="12"/>
    </row>
    <row r="621230" spans="8:8">
      <c r="H621230" s="12"/>
    </row>
    <row r="621231" spans="8:8">
      <c r="H621231" s="12"/>
    </row>
    <row r="621232" spans="8:8">
      <c r="H621232" s="12"/>
    </row>
    <row r="621233" spans="8:8">
      <c r="H621233" s="12"/>
    </row>
    <row r="621234" spans="8:8">
      <c r="H621234" s="12"/>
    </row>
    <row r="621235" spans="8:8">
      <c r="H621235" s="12"/>
    </row>
    <row r="621236" spans="8:8">
      <c r="H621236" s="12"/>
    </row>
    <row r="621237" spans="8:8">
      <c r="H621237" s="12"/>
    </row>
    <row r="621238" spans="8:8">
      <c r="H621238" s="12"/>
    </row>
    <row r="621239" spans="8:8">
      <c r="H621239" s="12"/>
    </row>
    <row r="621240" spans="8:8">
      <c r="H621240" s="12"/>
    </row>
    <row r="621241" spans="8:8">
      <c r="H621241" s="12"/>
    </row>
    <row r="621242" spans="8:8">
      <c r="H621242" s="12"/>
    </row>
    <row r="621243" spans="8:8">
      <c r="H621243" s="12"/>
    </row>
    <row r="621244" spans="8:8">
      <c r="H621244" s="12"/>
    </row>
    <row r="621245" spans="8:8">
      <c r="H621245" s="12"/>
    </row>
    <row r="621246" spans="8:8">
      <c r="H621246" s="12"/>
    </row>
    <row r="621247" spans="8:8">
      <c r="H621247" s="12"/>
    </row>
    <row r="621248" spans="8:8">
      <c r="H621248" s="12"/>
    </row>
    <row r="621249" spans="8:8">
      <c r="H621249" s="12"/>
    </row>
    <row r="621250" spans="8:8">
      <c r="H621250" s="12"/>
    </row>
    <row r="621251" spans="8:8">
      <c r="H621251" s="12"/>
    </row>
    <row r="621252" spans="8:8">
      <c r="H621252" s="12"/>
    </row>
    <row r="621253" spans="8:8">
      <c r="H621253" s="12"/>
    </row>
    <row r="621254" spans="8:8">
      <c r="H621254" s="12"/>
    </row>
    <row r="621255" spans="8:8">
      <c r="H621255" s="12"/>
    </row>
    <row r="621256" spans="8:8">
      <c r="H621256" s="12"/>
    </row>
    <row r="621257" spans="8:8">
      <c r="H621257" s="12"/>
    </row>
    <row r="621258" spans="8:8">
      <c r="H621258" s="12"/>
    </row>
    <row r="621259" spans="8:8">
      <c r="H621259" s="12"/>
    </row>
    <row r="621260" spans="8:8">
      <c r="H621260" s="12"/>
    </row>
    <row r="621261" spans="8:8">
      <c r="H621261" s="12"/>
    </row>
    <row r="621262" spans="8:8">
      <c r="H621262" s="12"/>
    </row>
    <row r="621263" spans="8:8">
      <c r="H621263" s="12"/>
    </row>
    <row r="621264" spans="8:8">
      <c r="H621264" s="12"/>
    </row>
    <row r="621265" spans="8:8">
      <c r="H621265" s="12"/>
    </row>
    <row r="621266" spans="8:8">
      <c r="H621266" s="12"/>
    </row>
    <row r="621267" spans="8:8">
      <c r="H621267" s="12"/>
    </row>
    <row r="621268" spans="8:8">
      <c r="H621268" s="12"/>
    </row>
    <row r="621269" spans="8:8">
      <c r="H621269" s="12"/>
    </row>
    <row r="621270" spans="8:8">
      <c r="H621270" s="12"/>
    </row>
    <row r="621271" spans="8:8">
      <c r="H621271" s="12"/>
    </row>
    <row r="621272" spans="8:8">
      <c r="H621272" s="12"/>
    </row>
    <row r="621273" spans="8:8">
      <c r="H621273" s="12"/>
    </row>
    <row r="621274" spans="8:8">
      <c r="H621274" s="12"/>
    </row>
    <row r="621275" spans="8:8">
      <c r="H621275" s="12"/>
    </row>
    <row r="621276" spans="8:8">
      <c r="H621276" s="12"/>
    </row>
    <row r="621277" spans="8:8">
      <c r="H621277" s="12"/>
    </row>
    <row r="621278" spans="8:8">
      <c r="H621278" s="12"/>
    </row>
    <row r="621279" spans="8:8">
      <c r="H621279" s="12"/>
    </row>
    <row r="621280" spans="8:8">
      <c r="H621280" s="12"/>
    </row>
    <row r="621281" spans="8:8">
      <c r="H621281" s="12"/>
    </row>
    <row r="621282" spans="8:8">
      <c r="H621282" s="12"/>
    </row>
    <row r="621283" spans="8:8">
      <c r="H621283" s="12"/>
    </row>
    <row r="621284" spans="8:8">
      <c r="H621284" s="12"/>
    </row>
    <row r="621285" spans="8:8">
      <c r="H621285" s="12"/>
    </row>
    <row r="621286" spans="8:8">
      <c r="H621286" s="12"/>
    </row>
    <row r="621287" spans="8:8">
      <c r="H621287" s="12"/>
    </row>
    <row r="621288" spans="8:8">
      <c r="H621288" s="12"/>
    </row>
    <row r="621289" spans="8:8">
      <c r="H621289" s="12"/>
    </row>
    <row r="621290" spans="8:8">
      <c r="H621290" s="12"/>
    </row>
    <row r="621291" spans="8:8">
      <c r="H621291" s="12"/>
    </row>
    <row r="621292" spans="8:8">
      <c r="H621292" s="12"/>
    </row>
    <row r="621293" spans="8:8">
      <c r="H621293" s="12"/>
    </row>
    <row r="621294" spans="8:8">
      <c r="H621294" s="12"/>
    </row>
    <row r="621295" spans="8:8">
      <c r="H621295" s="12"/>
    </row>
    <row r="621296" spans="8:8">
      <c r="H621296" s="12"/>
    </row>
    <row r="621297" spans="8:8">
      <c r="H621297" s="12"/>
    </row>
    <row r="621298" spans="8:8">
      <c r="H621298" s="12"/>
    </row>
    <row r="621299" spans="8:8">
      <c r="H621299" s="12"/>
    </row>
    <row r="621300" spans="8:8">
      <c r="H621300" s="12"/>
    </row>
    <row r="621301" spans="8:8">
      <c r="H621301" s="12"/>
    </row>
    <row r="621302" spans="8:8">
      <c r="H621302" s="12"/>
    </row>
    <row r="621303" spans="8:8">
      <c r="H621303" s="12"/>
    </row>
    <row r="621304" spans="8:8">
      <c r="H621304" s="12"/>
    </row>
    <row r="621305" spans="8:8">
      <c r="H621305" s="12"/>
    </row>
    <row r="621306" spans="8:8">
      <c r="H621306" s="12"/>
    </row>
    <row r="621307" spans="8:8">
      <c r="H621307" s="12"/>
    </row>
    <row r="621308" spans="8:8">
      <c r="H621308" s="12"/>
    </row>
    <row r="621309" spans="8:8">
      <c r="H621309" s="12"/>
    </row>
    <row r="621310" spans="8:8">
      <c r="H621310" s="12"/>
    </row>
    <row r="621311" spans="8:8">
      <c r="H621311" s="12"/>
    </row>
    <row r="621312" spans="8:8">
      <c r="H621312" s="12"/>
    </row>
    <row r="621313" spans="8:8">
      <c r="H621313" s="12"/>
    </row>
    <row r="621314" spans="8:8">
      <c r="H621314" s="12"/>
    </row>
    <row r="621315" spans="8:8">
      <c r="H621315" s="12"/>
    </row>
    <row r="621316" spans="8:8">
      <c r="H621316" s="12"/>
    </row>
    <row r="621317" spans="8:8">
      <c r="H621317" s="12"/>
    </row>
    <row r="621318" spans="8:8">
      <c r="H621318" s="12"/>
    </row>
    <row r="621319" spans="8:8">
      <c r="H621319" s="12"/>
    </row>
    <row r="621320" spans="8:8">
      <c r="H621320" s="12"/>
    </row>
    <row r="621321" spans="8:8">
      <c r="H621321" s="12"/>
    </row>
    <row r="621322" spans="8:8">
      <c r="H621322" s="12"/>
    </row>
    <row r="621323" spans="8:8">
      <c r="H621323" s="12"/>
    </row>
    <row r="621324" spans="8:8">
      <c r="H621324" s="12"/>
    </row>
    <row r="621325" spans="8:8">
      <c r="H621325" s="12"/>
    </row>
    <row r="621326" spans="8:8">
      <c r="H621326" s="12"/>
    </row>
    <row r="621327" spans="8:8">
      <c r="H621327" s="12"/>
    </row>
    <row r="621328" spans="8:8">
      <c r="H621328" s="12"/>
    </row>
    <row r="621329" spans="8:8">
      <c r="H621329" s="12"/>
    </row>
    <row r="621330" spans="8:8">
      <c r="H621330" s="12"/>
    </row>
    <row r="621331" spans="8:8">
      <c r="H621331" s="12"/>
    </row>
    <row r="621332" spans="8:8">
      <c r="H621332" s="12"/>
    </row>
    <row r="621333" spans="8:8">
      <c r="H621333" s="12"/>
    </row>
    <row r="621334" spans="8:8">
      <c r="H621334" s="12"/>
    </row>
    <row r="621335" spans="8:8">
      <c r="H621335" s="12"/>
    </row>
    <row r="621336" spans="8:8">
      <c r="H621336" s="12"/>
    </row>
    <row r="621337" spans="8:8">
      <c r="H621337" s="12"/>
    </row>
    <row r="621338" spans="8:8">
      <c r="H621338" s="12"/>
    </row>
    <row r="621339" spans="8:8">
      <c r="H621339" s="12"/>
    </row>
    <row r="621340" spans="8:8">
      <c r="H621340" s="12"/>
    </row>
    <row r="621341" spans="8:8">
      <c r="H621341" s="12"/>
    </row>
    <row r="621342" spans="8:8">
      <c r="H621342" s="12"/>
    </row>
    <row r="621343" spans="8:8">
      <c r="H621343" s="12"/>
    </row>
    <row r="621344" spans="8:8">
      <c r="H621344" s="12"/>
    </row>
    <row r="621345" spans="8:8">
      <c r="H621345" s="12"/>
    </row>
    <row r="621346" spans="8:8">
      <c r="H621346" s="12"/>
    </row>
    <row r="621347" spans="8:8">
      <c r="H621347" s="12"/>
    </row>
    <row r="621348" spans="8:8">
      <c r="H621348" s="12"/>
    </row>
    <row r="621349" spans="8:8">
      <c r="H621349" s="12"/>
    </row>
    <row r="621350" spans="8:8">
      <c r="H621350" s="12"/>
    </row>
    <row r="621351" spans="8:8">
      <c r="H621351" s="12"/>
    </row>
    <row r="621352" spans="8:8">
      <c r="H621352" s="12"/>
    </row>
    <row r="621353" spans="8:8">
      <c r="H621353" s="12"/>
    </row>
    <row r="621354" spans="8:8">
      <c r="H621354" s="12"/>
    </row>
    <row r="621355" spans="8:8">
      <c r="H621355" s="12"/>
    </row>
    <row r="621356" spans="8:8">
      <c r="H621356" s="12"/>
    </row>
    <row r="621357" spans="8:8">
      <c r="H621357" s="12"/>
    </row>
    <row r="621358" spans="8:8">
      <c r="H621358" s="12"/>
    </row>
    <row r="621359" spans="8:8">
      <c r="H621359" s="12"/>
    </row>
    <row r="621360" spans="8:8">
      <c r="H621360" s="12"/>
    </row>
    <row r="621361" spans="8:8">
      <c r="H621361" s="12"/>
    </row>
    <row r="621362" spans="8:8">
      <c r="H621362" s="12"/>
    </row>
    <row r="621363" spans="8:8">
      <c r="H621363" s="12"/>
    </row>
    <row r="621364" spans="8:8">
      <c r="H621364" s="12"/>
    </row>
    <row r="621365" spans="8:8">
      <c r="H621365" s="12"/>
    </row>
    <row r="621366" spans="8:8">
      <c r="H621366" s="12"/>
    </row>
    <row r="621367" spans="8:8">
      <c r="H621367" s="12"/>
    </row>
    <row r="621368" spans="8:8">
      <c r="H621368" s="12"/>
    </row>
    <row r="621369" spans="8:8">
      <c r="H621369" s="12"/>
    </row>
    <row r="621370" spans="8:8">
      <c r="H621370" s="12"/>
    </row>
    <row r="621371" spans="8:8">
      <c r="H621371" s="12"/>
    </row>
    <row r="621372" spans="8:8">
      <c r="H621372" s="12"/>
    </row>
    <row r="621373" spans="8:8">
      <c r="H621373" s="12"/>
    </row>
    <row r="621374" spans="8:8">
      <c r="H621374" s="12"/>
    </row>
    <row r="621375" spans="8:8">
      <c r="H621375" s="12"/>
    </row>
    <row r="621376" spans="8:8">
      <c r="H621376" s="12"/>
    </row>
    <row r="621377" spans="8:8">
      <c r="H621377" s="12"/>
    </row>
    <row r="621378" spans="8:8">
      <c r="H621378" s="12"/>
    </row>
    <row r="621379" spans="8:8">
      <c r="H621379" s="12"/>
    </row>
    <row r="621380" spans="8:8">
      <c r="H621380" s="12"/>
    </row>
    <row r="621381" spans="8:8">
      <c r="H621381" s="12"/>
    </row>
    <row r="621382" spans="8:8">
      <c r="H621382" s="12"/>
    </row>
    <row r="621383" spans="8:8">
      <c r="H621383" s="12"/>
    </row>
    <row r="621384" spans="8:8">
      <c r="H621384" s="12"/>
    </row>
    <row r="621385" spans="8:8">
      <c r="H621385" s="12"/>
    </row>
    <row r="621386" spans="8:8">
      <c r="H621386" s="12"/>
    </row>
    <row r="621387" spans="8:8">
      <c r="H621387" s="12"/>
    </row>
    <row r="621388" spans="8:8">
      <c r="H621388" s="12"/>
    </row>
    <row r="621389" spans="8:8">
      <c r="H621389" s="12"/>
    </row>
    <row r="621390" spans="8:8">
      <c r="H621390" s="12"/>
    </row>
    <row r="621391" spans="8:8">
      <c r="H621391" s="12"/>
    </row>
    <row r="621392" spans="8:8">
      <c r="H621392" s="12"/>
    </row>
    <row r="621393" spans="8:8">
      <c r="H621393" s="12"/>
    </row>
    <row r="621394" spans="8:8">
      <c r="H621394" s="12"/>
    </row>
    <row r="621395" spans="8:8">
      <c r="H621395" s="12"/>
    </row>
    <row r="621396" spans="8:8">
      <c r="H621396" s="12"/>
    </row>
    <row r="621397" spans="8:8">
      <c r="H621397" s="12"/>
    </row>
    <row r="621398" spans="8:8">
      <c r="H621398" s="12"/>
    </row>
    <row r="621399" spans="8:8">
      <c r="H621399" s="12"/>
    </row>
    <row r="621400" spans="8:8">
      <c r="H621400" s="12"/>
    </row>
    <row r="621401" spans="8:8">
      <c r="H621401" s="12"/>
    </row>
    <row r="621402" spans="8:8">
      <c r="H621402" s="12"/>
    </row>
    <row r="621403" spans="8:8">
      <c r="H621403" s="12"/>
    </row>
    <row r="621404" spans="8:8">
      <c r="H621404" s="12"/>
    </row>
    <row r="621405" spans="8:8">
      <c r="H621405" s="12"/>
    </row>
    <row r="621406" spans="8:8">
      <c r="H621406" s="12"/>
    </row>
    <row r="621407" spans="8:8">
      <c r="H621407" s="12"/>
    </row>
    <row r="621408" spans="8:8">
      <c r="H621408" s="12"/>
    </row>
    <row r="621409" spans="8:8">
      <c r="H621409" s="12"/>
    </row>
    <row r="621410" spans="8:8">
      <c r="H621410" s="12"/>
    </row>
    <row r="621411" spans="8:8">
      <c r="H621411" s="12"/>
    </row>
    <row r="621412" spans="8:8">
      <c r="H621412" s="12"/>
    </row>
    <row r="621413" spans="8:8">
      <c r="H621413" s="12"/>
    </row>
    <row r="621414" spans="8:8">
      <c r="H621414" s="12"/>
    </row>
    <row r="621415" spans="8:8">
      <c r="H621415" s="12"/>
    </row>
    <row r="621416" spans="8:8">
      <c r="H621416" s="12"/>
    </row>
    <row r="621417" spans="8:8">
      <c r="H621417" s="12"/>
    </row>
    <row r="621418" spans="8:8">
      <c r="H621418" s="12"/>
    </row>
    <row r="621419" spans="8:8">
      <c r="H621419" s="12"/>
    </row>
    <row r="621420" spans="8:8">
      <c r="H621420" s="12"/>
    </row>
    <row r="621421" spans="8:8">
      <c r="H621421" s="12"/>
    </row>
    <row r="621422" spans="8:8">
      <c r="H621422" s="12"/>
    </row>
    <row r="621423" spans="8:8">
      <c r="H621423" s="12"/>
    </row>
    <row r="621424" spans="8:8">
      <c r="H621424" s="12"/>
    </row>
    <row r="621425" spans="8:8">
      <c r="H621425" s="12"/>
    </row>
    <row r="621426" spans="8:8">
      <c r="H621426" s="12"/>
    </row>
    <row r="621427" spans="8:8">
      <c r="H621427" s="12"/>
    </row>
    <row r="621428" spans="8:8">
      <c r="H621428" s="12"/>
    </row>
    <row r="621429" spans="8:8">
      <c r="H621429" s="12"/>
    </row>
    <row r="621430" spans="8:8">
      <c r="H621430" s="12"/>
    </row>
    <row r="621431" spans="8:8">
      <c r="H621431" s="12"/>
    </row>
    <row r="621432" spans="8:8">
      <c r="H621432" s="12"/>
    </row>
    <row r="621433" spans="8:8">
      <c r="H621433" s="12"/>
    </row>
    <row r="621434" spans="8:8">
      <c r="H621434" s="12"/>
    </row>
    <row r="621435" spans="8:8">
      <c r="H621435" s="12"/>
    </row>
    <row r="621436" spans="8:8">
      <c r="H621436" s="12"/>
    </row>
    <row r="621437" spans="8:8">
      <c r="H621437" s="12"/>
    </row>
    <row r="621438" spans="8:8">
      <c r="H621438" s="12"/>
    </row>
    <row r="621439" spans="8:8">
      <c r="H621439" s="12"/>
    </row>
    <row r="621440" spans="8:8">
      <c r="H621440" s="12"/>
    </row>
    <row r="621441" spans="8:8">
      <c r="H621441" s="12"/>
    </row>
    <row r="621442" spans="8:8">
      <c r="H621442" s="12"/>
    </row>
    <row r="621443" spans="8:8">
      <c r="H621443" s="12"/>
    </row>
    <row r="621444" spans="8:8">
      <c r="H621444" s="12"/>
    </row>
    <row r="621445" spans="8:8">
      <c r="H621445" s="12"/>
    </row>
    <row r="621446" spans="8:8">
      <c r="H621446" s="12"/>
    </row>
    <row r="621447" spans="8:8">
      <c r="H621447" s="12"/>
    </row>
    <row r="621448" spans="8:8">
      <c r="H621448" s="12"/>
    </row>
    <row r="621449" spans="8:8">
      <c r="H621449" s="12"/>
    </row>
    <row r="621450" spans="8:8">
      <c r="H621450" s="12"/>
    </row>
    <row r="621451" spans="8:8">
      <c r="H621451" s="12"/>
    </row>
    <row r="621452" spans="8:8">
      <c r="H621452" s="12"/>
    </row>
    <row r="621453" spans="8:8">
      <c r="H621453" s="12"/>
    </row>
    <row r="621454" spans="8:8">
      <c r="H621454" s="12"/>
    </row>
    <row r="621455" spans="8:8">
      <c r="H621455" s="12"/>
    </row>
    <row r="621456" spans="8:8">
      <c r="H621456" s="12"/>
    </row>
    <row r="621457" spans="8:8">
      <c r="H621457" s="12"/>
    </row>
    <row r="621458" spans="8:8">
      <c r="H621458" s="12"/>
    </row>
    <row r="621459" spans="8:8">
      <c r="H621459" s="12"/>
    </row>
    <row r="621460" spans="8:8">
      <c r="H621460" s="12"/>
    </row>
    <row r="621461" spans="8:8">
      <c r="H621461" s="12"/>
    </row>
    <row r="621462" spans="8:8">
      <c r="H621462" s="12"/>
    </row>
    <row r="621463" spans="8:8">
      <c r="H621463" s="12"/>
    </row>
    <row r="621464" spans="8:8">
      <c r="H621464" s="12"/>
    </row>
    <row r="621465" spans="8:8">
      <c r="H621465" s="12"/>
    </row>
    <row r="621466" spans="8:8">
      <c r="H621466" s="12"/>
    </row>
    <row r="621467" spans="8:8">
      <c r="H621467" s="12"/>
    </row>
    <row r="621468" spans="8:8">
      <c r="H621468" s="12"/>
    </row>
    <row r="621469" spans="8:8">
      <c r="H621469" s="12"/>
    </row>
    <row r="621470" spans="8:8">
      <c r="H621470" s="12"/>
    </row>
    <row r="621471" spans="8:8">
      <c r="H621471" s="12"/>
    </row>
    <row r="621472" spans="8:8">
      <c r="H621472" s="12"/>
    </row>
    <row r="621473" spans="8:8">
      <c r="H621473" s="12"/>
    </row>
    <row r="621474" spans="8:8">
      <c r="H621474" s="12"/>
    </row>
    <row r="621475" spans="8:8">
      <c r="H621475" s="12"/>
    </row>
    <row r="621476" spans="8:8">
      <c r="H621476" s="12"/>
    </row>
    <row r="621477" spans="8:8">
      <c r="H621477" s="12"/>
    </row>
    <row r="621478" spans="8:8">
      <c r="H621478" s="12"/>
    </row>
    <row r="621479" spans="8:8">
      <c r="H621479" s="12"/>
    </row>
    <row r="621480" spans="8:8">
      <c r="H621480" s="12"/>
    </row>
    <row r="621481" spans="8:8">
      <c r="H621481" s="12"/>
    </row>
    <row r="621482" spans="8:8">
      <c r="H621482" s="12"/>
    </row>
    <row r="621483" spans="8:8">
      <c r="H621483" s="12"/>
    </row>
    <row r="621484" spans="8:8">
      <c r="H621484" s="12"/>
    </row>
    <row r="621485" spans="8:8">
      <c r="H621485" s="12"/>
    </row>
    <row r="621486" spans="8:8">
      <c r="H621486" s="12"/>
    </row>
    <row r="621487" spans="8:8">
      <c r="H621487" s="12"/>
    </row>
    <row r="621488" spans="8:8">
      <c r="H621488" s="12"/>
    </row>
    <row r="621489" spans="8:8">
      <c r="H621489" s="12"/>
    </row>
    <row r="621490" spans="8:8">
      <c r="H621490" s="12"/>
    </row>
    <row r="621491" spans="8:8">
      <c r="H621491" s="12"/>
    </row>
    <row r="621492" spans="8:8">
      <c r="H621492" s="12"/>
    </row>
    <row r="621493" spans="8:8">
      <c r="H621493" s="12"/>
    </row>
    <row r="621494" spans="8:8">
      <c r="H621494" s="12"/>
    </row>
    <row r="621495" spans="8:8">
      <c r="H621495" s="12"/>
    </row>
    <row r="621496" spans="8:8">
      <c r="H621496" s="12"/>
    </row>
    <row r="621497" spans="8:8">
      <c r="H621497" s="12"/>
    </row>
    <row r="621498" spans="8:8">
      <c r="H621498" s="12"/>
    </row>
    <row r="621499" spans="8:8">
      <c r="H621499" s="12"/>
    </row>
    <row r="621500" spans="8:8">
      <c r="H621500" s="12"/>
    </row>
    <row r="621501" spans="8:8">
      <c r="H621501" s="12"/>
    </row>
    <row r="621502" spans="8:8">
      <c r="H621502" s="12"/>
    </row>
    <row r="621503" spans="8:8">
      <c r="H621503" s="12"/>
    </row>
    <row r="621504" spans="8:8">
      <c r="H621504" s="12"/>
    </row>
    <row r="621505" spans="8:8">
      <c r="H621505" s="12"/>
    </row>
    <row r="621506" spans="8:8">
      <c r="H621506" s="12"/>
    </row>
    <row r="621507" spans="8:8">
      <c r="H621507" s="12"/>
    </row>
    <row r="621508" spans="8:8">
      <c r="H621508" s="12"/>
    </row>
    <row r="621509" spans="8:8">
      <c r="H621509" s="12"/>
    </row>
    <row r="621510" spans="8:8">
      <c r="H621510" s="12"/>
    </row>
    <row r="621511" spans="8:8">
      <c r="H621511" s="12"/>
    </row>
    <row r="621512" spans="8:8">
      <c r="H621512" s="12"/>
    </row>
    <row r="621513" spans="8:8">
      <c r="H621513" s="12"/>
    </row>
    <row r="621514" spans="8:8">
      <c r="H621514" s="12"/>
    </row>
    <row r="621515" spans="8:8">
      <c r="H621515" s="12"/>
    </row>
    <row r="621516" spans="8:8">
      <c r="H621516" s="12"/>
    </row>
    <row r="621517" spans="8:8">
      <c r="H621517" s="12"/>
    </row>
    <row r="621518" spans="8:8">
      <c r="H621518" s="12"/>
    </row>
    <row r="621519" spans="8:8">
      <c r="H621519" s="12"/>
    </row>
    <row r="621520" spans="8:8">
      <c r="H621520" s="12"/>
    </row>
    <row r="621521" spans="8:8">
      <c r="H621521" s="12"/>
    </row>
    <row r="621522" spans="8:8">
      <c r="H621522" s="12"/>
    </row>
    <row r="621523" spans="8:8">
      <c r="H621523" s="12"/>
    </row>
    <row r="621524" spans="8:8">
      <c r="H621524" s="12"/>
    </row>
    <row r="621525" spans="8:8">
      <c r="H621525" s="12"/>
    </row>
    <row r="621526" spans="8:8">
      <c r="H621526" s="12"/>
    </row>
    <row r="621527" spans="8:8">
      <c r="H621527" s="12"/>
    </row>
    <row r="621528" spans="8:8">
      <c r="H621528" s="12"/>
    </row>
    <row r="621529" spans="8:8">
      <c r="H621529" s="12"/>
    </row>
    <row r="621530" spans="8:8">
      <c r="H621530" s="12"/>
    </row>
    <row r="621531" spans="8:8">
      <c r="H621531" s="12"/>
    </row>
    <row r="621532" spans="8:8">
      <c r="H621532" s="12"/>
    </row>
    <row r="621533" spans="8:8">
      <c r="H621533" s="12"/>
    </row>
    <row r="621534" spans="8:8">
      <c r="H621534" s="12"/>
    </row>
    <row r="621535" spans="8:8">
      <c r="H621535" s="12"/>
    </row>
    <row r="621536" spans="8:8">
      <c r="H621536" s="12"/>
    </row>
    <row r="621537" spans="8:8">
      <c r="H621537" s="12"/>
    </row>
    <row r="621538" spans="8:8">
      <c r="H621538" s="12"/>
    </row>
    <row r="621539" spans="8:8">
      <c r="H621539" s="12"/>
    </row>
    <row r="621540" spans="8:8">
      <c r="H621540" s="12"/>
    </row>
    <row r="621541" spans="8:8">
      <c r="H621541" s="12"/>
    </row>
    <row r="621542" spans="8:8">
      <c r="H621542" s="12"/>
    </row>
    <row r="621543" spans="8:8">
      <c r="H621543" s="12"/>
    </row>
    <row r="621544" spans="8:8">
      <c r="H621544" s="12"/>
    </row>
    <row r="621545" spans="8:8">
      <c r="H621545" s="12"/>
    </row>
    <row r="621546" spans="8:8">
      <c r="H621546" s="12"/>
    </row>
    <row r="621547" spans="8:8">
      <c r="H621547" s="12"/>
    </row>
    <row r="621548" spans="8:8">
      <c r="H621548" s="12"/>
    </row>
    <row r="621549" spans="8:8">
      <c r="H621549" s="12"/>
    </row>
    <row r="621550" spans="8:8">
      <c r="H621550" s="12"/>
    </row>
    <row r="621551" spans="8:8">
      <c r="H621551" s="12"/>
    </row>
    <row r="621552" spans="8:8">
      <c r="H621552" s="12"/>
    </row>
    <row r="621553" spans="8:8">
      <c r="H621553" s="12"/>
    </row>
    <row r="621554" spans="8:8">
      <c r="H621554" s="12"/>
    </row>
    <row r="621555" spans="8:8">
      <c r="H621555" s="12"/>
    </row>
    <row r="621556" spans="8:8">
      <c r="H621556" s="12"/>
    </row>
    <row r="621557" spans="8:8">
      <c r="H621557" s="12"/>
    </row>
    <row r="621558" spans="8:8">
      <c r="H621558" s="12"/>
    </row>
    <row r="621559" spans="8:8">
      <c r="H621559" s="12"/>
    </row>
    <row r="621560" spans="8:8">
      <c r="H621560" s="12"/>
    </row>
    <row r="621561" spans="8:8">
      <c r="H621561" s="12"/>
    </row>
    <row r="621562" spans="8:8">
      <c r="H621562" s="12"/>
    </row>
    <row r="621563" spans="8:8">
      <c r="H621563" s="12"/>
    </row>
    <row r="621564" spans="8:8">
      <c r="H621564" s="12"/>
    </row>
    <row r="621565" spans="8:8">
      <c r="H621565" s="12"/>
    </row>
    <row r="621566" spans="8:8">
      <c r="H621566" s="12"/>
    </row>
    <row r="621567" spans="8:8">
      <c r="H621567" s="12"/>
    </row>
    <row r="621568" spans="8:8">
      <c r="H621568" s="12"/>
    </row>
    <row r="621569" spans="8:8">
      <c r="H621569" s="12"/>
    </row>
    <row r="621570" spans="8:8">
      <c r="H621570" s="12"/>
    </row>
    <row r="621571" spans="8:8">
      <c r="H621571" s="12"/>
    </row>
    <row r="621572" spans="8:8">
      <c r="H621572" s="12"/>
    </row>
    <row r="621573" spans="8:8">
      <c r="H621573" s="12"/>
    </row>
    <row r="621574" spans="8:8">
      <c r="H621574" s="12"/>
    </row>
    <row r="621575" spans="8:8">
      <c r="H621575" s="12"/>
    </row>
    <row r="621576" spans="8:8">
      <c r="H621576" s="12"/>
    </row>
    <row r="621577" spans="8:8">
      <c r="H621577" s="12"/>
    </row>
    <row r="621578" spans="8:8">
      <c r="H621578" s="12"/>
    </row>
    <row r="621579" spans="8:8">
      <c r="H621579" s="12"/>
    </row>
    <row r="621580" spans="8:8">
      <c r="H621580" s="12"/>
    </row>
    <row r="621581" spans="8:8">
      <c r="H621581" s="12"/>
    </row>
    <row r="621582" spans="8:8">
      <c r="H621582" s="12"/>
    </row>
    <row r="621583" spans="8:8">
      <c r="H621583" s="12"/>
    </row>
    <row r="621584" spans="8:8">
      <c r="H621584" s="12"/>
    </row>
    <row r="621585" spans="8:8">
      <c r="H621585" s="12"/>
    </row>
    <row r="621586" spans="8:8">
      <c r="H621586" s="12"/>
    </row>
    <row r="621587" spans="8:8">
      <c r="H621587" s="12"/>
    </row>
    <row r="621588" spans="8:8">
      <c r="H621588" s="12"/>
    </row>
    <row r="621589" spans="8:8">
      <c r="H621589" s="12"/>
    </row>
    <row r="621590" spans="8:8">
      <c r="H621590" s="12"/>
    </row>
    <row r="621591" spans="8:8">
      <c r="H621591" s="12"/>
    </row>
    <row r="621592" spans="8:8">
      <c r="H621592" s="12"/>
    </row>
    <row r="621593" spans="8:8">
      <c r="H621593" s="12"/>
    </row>
    <row r="621594" spans="8:8">
      <c r="H621594" s="12"/>
    </row>
    <row r="621595" spans="8:8">
      <c r="H621595" s="12"/>
    </row>
    <row r="621596" spans="8:8">
      <c r="H621596" s="12"/>
    </row>
    <row r="621597" spans="8:8">
      <c r="H621597" s="12"/>
    </row>
    <row r="621598" spans="8:8">
      <c r="H621598" s="12"/>
    </row>
    <row r="621599" spans="8:8">
      <c r="H621599" s="12"/>
    </row>
    <row r="621600" spans="8:8">
      <c r="H621600" s="12"/>
    </row>
    <row r="621601" spans="8:8">
      <c r="H621601" s="12"/>
    </row>
    <row r="621602" spans="8:8">
      <c r="H621602" s="12"/>
    </row>
    <row r="621603" spans="8:8">
      <c r="H621603" s="12"/>
    </row>
    <row r="621604" spans="8:8">
      <c r="H621604" s="12"/>
    </row>
    <row r="621605" spans="8:8">
      <c r="H621605" s="12"/>
    </row>
    <row r="621606" spans="8:8">
      <c r="H621606" s="12"/>
    </row>
    <row r="621607" spans="8:8">
      <c r="H621607" s="12"/>
    </row>
    <row r="621608" spans="8:8">
      <c r="H621608" s="12"/>
    </row>
    <row r="621609" spans="8:8">
      <c r="H621609" s="12"/>
    </row>
    <row r="621610" spans="8:8">
      <c r="H621610" s="12"/>
    </row>
    <row r="621611" spans="8:8">
      <c r="H621611" s="12"/>
    </row>
    <row r="621612" spans="8:8">
      <c r="H621612" s="12"/>
    </row>
    <row r="621613" spans="8:8">
      <c r="H621613" s="12"/>
    </row>
    <row r="621614" spans="8:8">
      <c r="H621614" s="12"/>
    </row>
    <row r="621615" spans="8:8">
      <c r="H621615" s="12"/>
    </row>
    <row r="621616" spans="8:8">
      <c r="H621616" s="12"/>
    </row>
    <row r="621617" spans="8:8">
      <c r="H621617" s="12"/>
    </row>
    <row r="621618" spans="8:8">
      <c r="H621618" s="12"/>
    </row>
    <row r="621619" spans="8:8">
      <c r="H621619" s="12"/>
    </row>
    <row r="621620" spans="8:8">
      <c r="H621620" s="12"/>
    </row>
    <row r="621621" spans="8:8">
      <c r="H621621" s="12"/>
    </row>
    <row r="621622" spans="8:8">
      <c r="H621622" s="12"/>
    </row>
    <row r="621623" spans="8:8">
      <c r="H621623" s="12"/>
    </row>
    <row r="621624" spans="8:8">
      <c r="H621624" s="12"/>
    </row>
    <row r="621625" spans="8:8">
      <c r="H621625" s="12"/>
    </row>
    <row r="621626" spans="8:8">
      <c r="H621626" s="12"/>
    </row>
    <row r="621627" spans="8:8">
      <c r="H621627" s="12"/>
    </row>
    <row r="621628" spans="8:8">
      <c r="H621628" s="12"/>
    </row>
    <row r="621629" spans="8:8">
      <c r="H621629" s="12"/>
    </row>
    <row r="621630" spans="8:8">
      <c r="H621630" s="12"/>
    </row>
    <row r="621631" spans="8:8">
      <c r="H621631" s="12"/>
    </row>
    <row r="621632" spans="8:8">
      <c r="H621632" s="12"/>
    </row>
    <row r="621633" spans="8:8">
      <c r="H621633" s="12"/>
    </row>
    <row r="621634" spans="8:8">
      <c r="H621634" s="12"/>
    </row>
    <row r="621635" spans="8:8">
      <c r="H621635" s="12"/>
    </row>
    <row r="621636" spans="8:8">
      <c r="H621636" s="12"/>
    </row>
    <row r="621637" spans="8:8">
      <c r="H621637" s="12"/>
    </row>
    <row r="621638" spans="8:8">
      <c r="H621638" s="12"/>
    </row>
    <row r="621639" spans="8:8">
      <c r="H621639" s="12"/>
    </row>
    <row r="621640" spans="8:8">
      <c r="H621640" s="12"/>
    </row>
    <row r="621641" spans="8:8">
      <c r="H621641" s="12"/>
    </row>
    <row r="621642" spans="8:8">
      <c r="H621642" s="12"/>
    </row>
    <row r="621643" spans="8:8">
      <c r="H621643" s="12"/>
    </row>
    <row r="621644" spans="8:8">
      <c r="H621644" s="12"/>
    </row>
    <row r="621645" spans="8:8">
      <c r="H621645" s="12"/>
    </row>
    <row r="621646" spans="8:8">
      <c r="H621646" s="12"/>
    </row>
    <row r="621647" spans="8:8">
      <c r="H621647" s="12"/>
    </row>
    <row r="621648" spans="8:8">
      <c r="H621648" s="12"/>
    </row>
    <row r="621649" spans="8:8">
      <c r="H621649" s="12"/>
    </row>
    <row r="621650" spans="8:8">
      <c r="H621650" s="12"/>
    </row>
    <row r="621651" spans="8:8">
      <c r="H621651" s="12"/>
    </row>
    <row r="621652" spans="8:8">
      <c r="H621652" s="12"/>
    </row>
    <row r="621653" spans="8:8">
      <c r="H621653" s="12"/>
    </row>
    <row r="621654" spans="8:8">
      <c r="H621654" s="12"/>
    </row>
    <row r="621655" spans="8:8">
      <c r="H621655" s="12"/>
    </row>
    <row r="621656" spans="8:8">
      <c r="H621656" s="12"/>
    </row>
    <row r="621657" spans="8:8">
      <c r="H621657" s="12"/>
    </row>
    <row r="621658" spans="8:8">
      <c r="H621658" s="12"/>
    </row>
    <row r="621659" spans="8:8">
      <c r="H621659" s="12"/>
    </row>
    <row r="621660" spans="8:8">
      <c r="H621660" s="12"/>
    </row>
    <row r="621661" spans="8:8">
      <c r="H621661" s="12"/>
    </row>
    <row r="621662" spans="8:8">
      <c r="H621662" s="12"/>
    </row>
    <row r="621663" spans="8:8">
      <c r="H621663" s="12"/>
    </row>
    <row r="621664" spans="8:8">
      <c r="H621664" s="12"/>
    </row>
    <row r="621665" spans="8:8">
      <c r="H621665" s="12"/>
    </row>
    <row r="621666" spans="8:8">
      <c r="H621666" s="12"/>
    </row>
    <row r="621667" spans="8:8">
      <c r="H621667" s="12"/>
    </row>
    <row r="621668" spans="8:8">
      <c r="H621668" s="12"/>
    </row>
    <row r="621669" spans="8:8">
      <c r="H621669" s="12"/>
    </row>
    <row r="621670" spans="8:8">
      <c r="H621670" s="12"/>
    </row>
    <row r="621671" spans="8:8">
      <c r="H621671" s="12"/>
    </row>
    <row r="621672" spans="8:8">
      <c r="H621672" s="12"/>
    </row>
    <row r="621673" spans="8:8">
      <c r="H621673" s="12"/>
    </row>
    <row r="621674" spans="8:8">
      <c r="H621674" s="12"/>
    </row>
    <row r="621675" spans="8:8">
      <c r="H621675" s="12"/>
    </row>
    <row r="621676" spans="8:8">
      <c r="H621676" s="12"/>
    </row>
    <row r="621677" spans="8:8">
      <c r="H621677" s="12"/>
    </row>
    <row r="621678" spans="8:8">
      <c r="H621678" s="12"/>
    </row>
    <row r="621679" spans="8:8">
      <c r="H621679" s="12"/>
    </row>
    <row r="621680" spans="8:8">
      <c r="H621680" s="12"/>
    </row>
    <row r="621681" spans="8:8">
      <c r="H621681" s="12"/>
    </row>
    <row r="621682" spans="8:8">
      <c r="H621682" s="12"/>
    </row>
    <row r="621683" spans="8:8">
      <c r="H621683" s="12"/>
    </row>
    <row r="621684" spans="8:8">
      <c r="H621684" s="12"/>
    </row>
    <row r="621685" spans="8:8">
      <c r="H621685" s="12"/>
    </row>
    <row r="621686" spans="8:8">
      <c r="H621686" s="12"/>
    </row>
    <row r="621687" spans="8:8">
      <c r="H621687" s="12"/>
    </row>
    <row r="621688" spans="8:8">
      <c r="H621688" s="12"/>
    </row>
    <row r="621689" spans="8:8">
      <c r="H621689" s="12"/>
    </row>
    <row r="621690" spans="8:8">
      <c r="H621690" s="12"/>
    </row>
    <row r="621691" spans="8:8">
      <c r="H621691" s="12"/>
    </row>
    <row r="621692" spans="8:8">
      <c r="H621692" s="12"/>
    </row>
    <row r="621693" spans="8:8">
      <c r="H621693" s="12"/>
    </row>
    <row r="621694" spans="8:8">
      <c r="H621694" s="12"/>
    </row>
    <row r="621695" spans="8:8">
      <c r="H621695" s="12"/>
    </row>
    <row r="621696" spans="8:8">
      <c r="H621696" s="12"/>
    </row>
    <row r="621697" spans="8:8">
      <c r="H621697" s="12"/>
    </row>
    <row r="621698" spans="8:8">
      <c r="H621698" s="12"/>
    </row>
    <row r="621699" spans="8:8">
      <c r="H621699" s="12"/>
    </row>
    <row r="621700" spans="8:8">
      <c r="H621700" s="12"/>
    </row>
    <row r="621701" spans="8:8">
      <c r="H621701" s="12"/>
    </row>
    <row r="621702" spans="8:8">
      <c r="H621702" s="12"/>
    </row>
    <row r="621703" spans="8:8">
      <c r="H621703" s="12"/>
    </row>
    <row r="621704" spans="8:8">
      <c r="H621704" s="12"/>
    </row>
    <row r="621705" spans="8:8">
      <c r="H621705" s="12"/>
    </row>
    <row r="621706" spans="8:8">
      <c r="H621706" s="12"/>
    </row>
    <row r="621707" spans="8:8">
      <c r="H621707" s="12"/>
    </row>
    <row r="621708" spans="8:8">
      <c r="H621708" s="12"/>
    </row>
    <row r="621709" spans="8:8">
      <c r="H621709" s="12"/>
    </row>
    <row r="621710" spans="8:8">
      <c r="H621710" s="12"/>
    </row>
    <row r="621711" spans="8:8">
      <c r="H621711" s="12"/>
    </row>
    <row r="621712" spans="8:8">
      <c r="H621712" s="12"/>
    </row>
    <row r="621713" spans="8:8">
      <c r="H621713" s="12"/>
    </row>
    <row r="621714" spans="8:8">
      <c r="H621714" s="12"/>
    </row>
    <row r="621715" spans="8:8">
      <c r="H621715" s="12"/>
    </row>
    <row r="621716" spans="8:8">
      <c r="H621716" s="12"/>
    </row>
    <row r="621717" spans="8:8">
      <c r="H621717" s="12"/>
    </row>
    <row r="621718" spans="8:8">
      <c r="H621718" s="12"/>
    </row>
    <row r="621719" spans="8:8">
      <c r="H621719" s="12"/>
    </row>
    <row r="621720" spans="8:8">
      <c r="H621720" s="12"/>
    </row>
    <row r="621721" spans="8:8">
      <c r="H621721" s="12"/>
    </row>
    <row r="621722" spans="8:8">
      <c r="H621722" s="12"/>
    </row>
    <row r="621723" spans="8:8">
      <c r="H621723" s="12"/>
    </row>
    <row r="621724" spans="8:8">
      <c r="H621724" s="12"/>
    </row>
    <row r="621725" spans="8:8">
      <c r="H621725" s="12"/>
    </row>
    <row r="621726" spans="8:8">
      <c r="H621726" s="12"/>
    </row>
    <row r="621727" spans="8:8">
      <c r="H621727" s="12"/>
    </row>
    <row r="621728" spans="8:8">
      <c r="H621728" s="12"/>
    </row>
    <row r="621729" spans="8:8">
      <c r="H621729" s="12"/>
    </row>
    <row r="621730" spans="8:8">
      <c r="H621730" s="12"/>
    </row>
    <row r="621731" spans="8:8">
      <c r="H621731" s="12"/>
    </row>
    <row r="621732" spans="8:8">
      <c r="H621732" s="12"/>
    </row>
    <row r="621733" spans="8:8">
      <c r="H621733" s="12"/>
    </row>
    <row r="621734" spans="8:8">
      <c r="H621734" s="12"/>
    </row>
    <row r="621735" spans="8:8">
      <c r="H621735" s="12"/>
    </row>
    <row r="621736" spans="8:8">
      <c r="H621736" s="12"/>
    </row>
    <row r="621737" spans="8:8">
      <c r="H621737" s="12"/>
    </row>
    <row r="621738" spans="8:8">
      <c r="H621738" s="12"/>
    </row>
    <row r="621739" spans="8:8">
      <c r="H621739" s="12"/>
    </row>
    <row r="621740" spans="8:8">
      <c r="H621740" s="12"/>
    </row>
    <row r="621741" spans="8:8">
      <c r="H621741" s="12"/>
    </row>
    <row r="621742" spans="8:8">
      <c r="H621742" s="12"/>
    </row>
    <row r="621743" spans="8:8">
      <c r="H621743" s="12"/>
    </row>
    <row r="621744" spans="8:8">
      <c r="H621744" s="12"/>
    </row>
    <row r="621745" spans="8:8">
      <c r="H621745" s="12"/>
    </row>
    <row r="621746" spans="8:8">
      <c r="H621746" s="12"/>
    </row>
    <row r="621747" spans="8:8">
      <c r="H621747" s="12"/>
    </row>
    <row r="621748" spans="8:8">
      <c r="H621748" s="12"/>
    </row>
    <row r="621749" spans="8:8">
      <c r="H621749" s="12"/>
    </row>
    <row r="621750" spans="8:8">
      <c r="H621750" s="12"/>
    </row>
    <row r="621751" spans="8:8">
      <c r="H621751" s="12"/>
    </row>
    <row r="621752" spans="8:8">
      <c r="H621752" s="12"/>
    </row>
    <row r="621753" spans="8:8">
      <c r="H621753" s="12"/>
    </row>
    <row r="621754" spans="8:8">
      <c r="H621754" s="12"/>
    </row>
    <row r="621755" spans="8:8">
      <c r="H621755" s="12"/>
    </row>
    <row r="621756" spans="8:8">
      <c r="H621756" s="12"/>
    </row>
    <row r="621757" spans="8:8">
      <c r="H621757" s="12"/>
    </row>
    <row r="621758" spans="8:8">
      <c r="H621758" s="12"/>
    </row>
    <row r="621759" spans="8:8">
      <c r="H621759" s="12"/>
    </row>
    <row r="621760" spans="8:8">
      <c r="H621760" s="12"/>
    </row>
    <row r="621761" spans="8:8">
      <c r="H621761" s="12"/>
    </row>
    <row r="621762" spans="8:8">
      <c r="H621762" s="12"/>
    </row>
    <row r="621763" spans="8:8">
      <c r="H621763" s="12"/>
    </row>
    <row r="621764" spans="8:8">
      <c r="H621764" s="12"/>
    </row>
    <row r="621765" spans="8:8">
      <c r="H621765" s="12"/>
    </row>
    <row r="621766" spans="8:8">
      <c r="H621766" s="12"/>
    </row>
    <row r="621767" spans="8:8">
      <c r="H621767" s="12"/>
    </row>
    <row r="621768" spans="8:8">
      <c r="H621768" s="12"/>
    </row>
    <row r="621769" spans="8:8">
      <c r="H621769" s="12"/>
    </row>
    <row r="621770" spans="8:8">
      <c r="H621770" s="12"/>
    </row>
    <row r="621771" spans="8:8">
      <c r="H621771" s="12"/>
    </row>
    <row r="621772" spans="8:8">
      <c r="H621772" s="12"/>
    </row>
    <row r="621773" spans="8:8">
      <c r="H621773" s="12"/>
    </row>
    <row r="621774" spans="8:8">
      <c r="H621774" s="12"/>
    </row>
    <row r="621775" spans="8:8">
      <c r="H621775" s="12"/>
    </row>
    <row r="621776" spans="8:8">
      <c r="H621776" s="12"/>
    </row>
    <row r="621777" spans="8:8">
      <c r="H621777" s="12"/>
    </row>
    <row r="621778" spans="8:8">
      <c r="H621778" s="12"/>
    </row>
    <row r="621779" spans="8:8">
      <c r="H621779" s="12"/>
    </row>
    <row r="621780" spans="8:8">
      <c r="H621780" s="12"/>
    </row>
    <row r="621781" spans="8:8">
      <c r="H621781" s="12"/>
    </row>
    <row r="621782" spans="8:8">
      <c r="H621782" s="12"/>
    </row>
    <row r="621783" spans="8:8">
      <c r="H621783" s="12"/>
    </row>
    <row r="621784" spans="8:8">
      <c r="H621784" s="12"/>
    </row>
    <row r="621785" spans="8:8">
      <c r="H621785" s="12"/>
    </row>
    <row r="621786" spans="8:8">
      <c r="H621786" s="12"/>
    </row>
    <row r="621787" spans="8:8">
      <c r="H621787" s="12"/>
    </row>
    <row r="621788" spans="8:8">
      <c r="H621788" s="12"/>
    </row>
    <row r="621789" spans="8:8">
      <c r="H621789" s="12"/>
    </row>
    <row r="621790" spans="8:8">
      <c r="H621790" s="12"/>
    </row>
    <row r="621791" spans="8:8">
      <c r="H621791" s="12"/>
    </row>
    <row r="621792" spans="8:8">
      <c r="H621792" s="12"/>
    </row>
    <row r="621793" spans="8:8">
      <c r="H621793" s="12"/>
    </row>
    <row r="621794" spans="8:8">
      <c r="H621794" s="12"/>
    </row>
    <row r="621795" spans="8:8">
      <c r="H621795" s="12"/>
    </row>
    <row r="621796" spans="8:8">
      <c r="H621796" s="12"/>
    </row>
    <row r="621797" spans="8:8">
      <c r="H621797" s="12"/>
    </row>
    <row r="621798" spans="8:8">
      <c r="H621798" s="12"/>
    </row>
    <row r="621799" spans="8:8">
      <c r="H621799" s="12"/>
    </row>
    <row r="621800" spans="8:8">
      <c r="H621800" s="12"/>
    </row>
    <row r="621801" spans="8:8">
      <c r="H621801" s="12"/>
    </row>
    <row r="621802" spans="8:8">
      <c r="H621802" s="12"/>
    </row>
    <row r="621803" spans="8:8">
      <c r="H621803" s="12"/>
    </row>
    <row r="621804" spans="8:8">
      <c r="H621804" s="12"/>
    </row>
    <row r="621805" spans="8:8">
      <c r="H621805" s="12"/>
    </row>
    <row r="621806" spans="8:8">
      <c r="H621806" s="12"/>
    </row>
    <row r="621807" spans="8:8">
      <c r="H621807" s="12"/>
    </row>
    <row r="621808" spans="8:8">
      <c r="H621808" s="12"/>
    </row>
    <row r="621809" spans="8:8">
      <c r="H621809" s="12"/>
    </row>
    <row r="621810" spans="8:8">
      <c r="H621810" s="12"/>
    </row>
    <row r="621811" spans="8:8">
      <c r="H621811" s="12"/>
    </row>
    <row r="621812" spans="8:8">
      <c r="H621812" s="12"/>
    </row>
    <row r="621813" spans="8:8">
      <c r="H621813" s="12"/>
    </row>
    <row r="621814" spans="8:8">
      <c r="H621814" s="12"/>
    </row>
    <row r="621815" spans="8:8">
      <c r="H621815" s="12"/>
    </row>
    <row r="621816" spans="8:8">
      <c r="H621816" s="12"/>
    </row>
    <row r="621817" spans="8:8">
      <c r="H621817" s="12"/>
    </row>
    <row r="621818" spans="8:8">
      <c r="H621818" s="12"/>
    </row>
    <row r="621819" spans="8:8">
      <c r="H621819" s="12"/>
    </row>
    <row r="621820" spans="8:8">
      <c r="H621820" s="12"/>
    </row>
    <row r="621821" spans="8:8">
      <c r="H621821" s="12"/>
    </row>
    <row r="621822" spans="8:8">
      <c r="H621822" s="12"/>
    </row>
    <row r="621823" spans="8:8">
      <c r="H621823" s="12"/>
    </row>
    <row r="621824" spans="8:8">
      <c r="H621824" s="12"/>
    </row>
    <row r="621825" spans="8:8">
      <c r="H621825" s="12"/>
    </row>
    <row r="621826" spans="8:8">
      <c r="H621826" s="12"/>
    </row>
    <row r="621827" spans="8:8">
      <c r="H621827" s="12"/>
    </row>
    <row r="621828" spans="8:8">
      <c r="H621828" s="12"/>
    </row>
    <row r="621829" spans="8:8">
      <c r="H621829" s="12"/>
    </row>
    <row r="621830" spans="8:8">
      <c r="H621830" s="12"/>
    </row>
    <row r="621831" spans="8:8">
      <c r="H621831" s="12"/>
    </row>
    <row r="621832" spans="8:8">
      <c r="H621832" s="12"/>
    </row>
    <row r="621833" spans="8:8">
      <c r="H621833" s="12"/>
    </row>
    <row r="621834" spans="8:8">
      <c r="H621834" s="12"/>
    </row>
    <row r="621835" spans="8:8">
      <c r="H621835" s="12"/>
    </row>
    <row r="621836" spans="8:8">
      <c r="H621836" s="12"/>
    </row>
    <row r="621837" spans="8:8">
      <c r="H621837" s="12"/>
    </row>
    <row r="621838" spans="8:8">
      <c r="H621838" s="12"/>
    </row>
    <row r="621839" spans="8:8">
      <c r="H621839" s="12"/>
    </row>
    <row r="621840" spans="8:8">
      <c r="H621840" s="12"/>
    </row>
    <row r="621841" spans="8:8">
      <c r="H621841" s="12"/>
    </row>
    <row r="621842" spans="8:8">
      <c r="H621842" s="12"/>
    </row>
    <row r="621843" spans="8:8">
      <c r="H621843" s="12"/>
    </row>
    <row r="621844" spans="8:8">
      <c r="H621844" s="12"/>
    </row>
    <row r="621845" spans="8:8">
      <c r="H621845" s="12"/>
    </row>
    <row r="621846" spans="8:8">
      <c r="H621846" s="12"/>
    </row>
    <row r="621847" spans="8:8">
      <c r="H621847" s="12"/>
    </row>
    <row r="621848" spans="8:8">
      <c r="H621848" s="12"/>
    </row>
    <row r="621849" spans="8:8">
      <c r="H621849" s="12"/>
    </row>
    <row r="621850" spans="8:8">
      <c r="H621850" s="12"/>
    </row>
    <row r="621851" spans="8:8">
      <c r="H621851" s="12"/>
    </row>
    <row r="621852" spans="8:8">
      <c r="H621852" s="12"/>
    </row>
    <row r="621853" spans="8:8">
      <c r="H621853" s="12"/>
    </row>
    <row r="621854" spans="8:8">
      <c r="H621854" s="12"/>
    </row>
    <row r="621855" spans="8:8">
      <c r="H621855" s="12"/>
    </row>
    <row r="621856" spans="8:8">
      <c r="H621856" s="12"/>
    </row>
    <row r="621857" spans="8:8">
      <c r="H621857" s="12"/>
    </row>
    <row r="621858" spans="8:8">
      <c r="H621858" s="12"/>
    </row>
    <row r="621859" spans="8:8">
      <c r="H621859" s="12"/>
    </row>
    <row r="621860" spans="8:8">
      <c r="H621860" s="12"/>
    </row>
    <row r="621861" spans="8:8">
      <c r="H621861" s="12"/>
    </row>
    <row r="621862" spans="8:8">
      <c r="H621862" s="12"/>
    </row>
    <row r="621863" spans="8:8">
      <c r="H621863" s="12"/>
    </row>
    <row r="621864" spans="8:8">
      <c r="H621864" s="12"/>
    </row>
    <row r="621865" spans="8:8">
      <c r="H621865" s="12"/>
    </row>
    <row r="621866" spans="8:8">
      <c r="H621866" s="12"/>
    </row>
    <row r="621867" spans="8:8">
      <c r="H621867" s="12"/>
    </row>
    <row r="621868" spans="8:8">
      <c r="H621868" s="12"/>
    </row>
    <row r="621869" spans="8:8">
      <c r="H621869" s="12"/>
    </row>
    <row r="621870" spans="8:8">
      <c r="H621870" s="12"/>
    </row>
    <row r="621871" spans="8:8">
      <c r="H621871" s="12"/>
    </row>
    <row r="621872" spans="8:8">
      <c r="H621872" s="12"/>
    </row>
    <row r="621873" spans="8:8">
      <c r="H621873" s="12"/>
    </row>
    <row r="621874" spans="8:8">
      <c r="H621874" s="12"/>
    </row>
    <row r="621875" spans="8:8">
      <c r="H621875" s="12"/>
    </row>
    <row r="621876" spans="8:8">
      <c r="H621876" s="12"/>
    </row>
    <row r="621877" spans="8:8">
      <c r="H621877" s="12"/>
    </row>
    <row r="621878" spans="8:8">
      <c r="H621878" s="12"/>
    </row>
    <row r="621879" spans="8:8">
      <c r="H621879" s="12"/>
    </row>
    <row r="621880" spans="8:8">
      <c r="H621880" s="12"/>
    </row>
    <row r="621881" spans="8:8">
      <c r="H621881" s="12"/>
    </row>
    <row r="621882" spans="8:8">
      <c r="H621882" s="12"/>
    </row>
    <row r="621883" spans="8:8">
      <c r="H621883" s="12"/>
    </row>
    <row r="621884" spans="8:8">
      <c r="H621884" s="12"/>
    </row>
    <row r="621885" spans="8:8">
      <c r="H621885" s="12"/>
    </row>
    <row r="621886" spans="8:8">
      <c r="H621886" s="12"/>
    </row>
    <row r="621887" spans="8:8">
      <c r="H621887" s="12"/>
    </row>
    <row r="621888" spans="8:8">
      <c r="H621888" s="12"/>
    </row>
    <row r="621889" spans="8:8">
      <c r="H621889" s="12"/>
    </row>
    <row r="621890" spans="8:8">
      <c r="H621890" s="12"/>
    </row>
    <row r="621891" spans="8:8">
      <c r="H621891" s="12"/>
    </row>
    <row r="621892" spans="8:8">
      <c r="H621892" s="12"/>
    </row>
    <row r="621893" spans="8:8">
      <c r="H621893" s="12"/>
    </row>
    <row r="621894" spans="8:8">
      <c r="H621894" s="12"/>
    </row>
    <row r="621895" spans="8:8">
      <c r="H621895" s="12"/>
    </row>
    <row r="621896" spans="8:8">
      <c r="H621896" s="12"/>
    </row>
    <row r="621897" spans="8:8">
      <c r="H621897" s="12"/>
    </row>
    <row r="621898" spans="8:8">
      <c r="H621898" s="12"/>
    </row>
    <row r="621899" spans="8:8">
      <c r="H621899" s="12"/>
    </row>
    <row r="621900" spans="8:8">
      <c r="H621900" s="12"/>
    </row>
    <row r="621901" spans="8:8">
      <c r="H621901" s="12"/>
    </row>
    <row r="621902" spans="8:8">
      <c r="H621902" s="12"/>
    </row>
    <row r="621903" spans="8:8">
      <c r="H621903" s="12"/>
    </row>
    <row r="621904" spans="8:8">
      <c r="H621904" s="12"/>
    </row>
    <row r="621905" spans="8:8">
      <c r="H621905" s="12"/>
    </row>
    <row r="621906" spans="8:8">
      <c r="H621906" s="12"/>
    </row>
    <row r="621907" spans="8:8">
      <c r="H621907" s="12"/>
    </row>
    <row r="621908" spans="8:8">
      <c r="H621908" s="12"/>
    </row>
    <row r="621909" spans="8:8">
      <c r="H621909" s="12"/>
    </row>
    <row r="621910" spans="8:8">
      <c r="H621910" s="12"/>
    </row>
    <row r="621911" spans="8:8">
      <c r="H621911" s="12"/>
    </row>
    <row r="621912" spans="8:8">
      <c r="H621912" s="12"/>
    </row>
    <row r="621913" spans="8:8">
      <c r="H621913" s="12"/>
    </row>
    <row r="621914" spans="8:8">
      <c r="H621914" s="12"/>
    </row>
    <row r="621915" spans="8:8">
      <c r="H621915" s="12"/>
    </row>
    <row r="621916" spans="8:8">
      <c r="H621916" s="12"/>
    </row>
    <row r="621917" spans="8:8">
      <c r="H621917" s="12"/>
    </row>
    <row r="621918" spans="8:8">
      <c r="H621918" s="12"/>
    </row>
    <row r="621919" spans="8:8">
      <c r="H621919" s="12"/>
    </row>
    <row r="621920" spans="8:8">
      <c r="H621920" s="12"/>
    </row>
    <row r="621921" spans="8:8">
      <c r="H621921" s="12"/>
    </row>
    <row r="621922" spans="8:8">
      <c r="H621922" s="12"/>
    </row>
    <row r="621923" spans="8:8">
      <c r="H621923" s="12"/>
    </row>
    <row r="621924" spans="8:8">
      <c r="H621924" s="12"/>
    </row>
    <row r="621925" spans="8:8">
      <c r="H621925" s="12"/>
    </row>
    <row r="621926" spans="8:8">
      <c r="H621926" s="12"/>
    </row>
    <row r="621927" spans="8:8">
      <c r="H621927" s="12"/>
    </row>
    <row r="621928" spans="8:8">
      <c r="H621928" s="12"/>
    </row>
    <row r="621929" spans="8:8">
      <c r="H621929" s="12"/>
    </row>
    <row r="621930" spans="8:8">
      <c r="H621930" s="12"/>
    </row>
    <row r="621931" spans="8:8">
      <c r="H621931" s="12"/>
    </row>
    <row r="621932" spans="8:8">
      <c r="H621932" s="12"/>
    </row>
    <row r="621933" spans="8:8">
      <c r="H621933" s="12"/>
    </row>
    <row r="621934" spans="8:8">
      <c r="H621934" s="12"/>
    </row>
    <row r="621935" spans="8:8">
      <c r="H621935" s="12"/>
    </row>
    <row r="621936" spans="8:8">
      <c r="H621936" s="12"/>
    </row>
    <row r="621937" spans="8:8">
      <c r="H621937" s="12"/>
    </row>
    <row r="621938" spans="8:8">
      <c r="H621938" s="12"/>
    </row>
    <row r="621939" spans="8:8">
      <c r="H621939" s="12"/>
    </row>
    <row r="621940" spans="8:8">
      <c r="H621940" s="12"/>
    </row>
    <row r="621941" spans="8:8">
      <c r="H621941" s="12"/>
    </row>
    <row r="621942" spans="8:8">
      <c r="H621942" s="12"/>
    </row>
    <row r="621943" spans="8:8">
      <c r="H621943" s="12"/>
    </row>
    <row r="621944" spans="8:8">
      <c r="H621944" s="12"/>
    </row>
    <row r="621945" spans="8:8">
      <c r="H621945" s="12"/>
    </row>
    <row r="621946" spans="8:8">
      <c r="H621946" s="12"/>
    </row>
    <row r="621947" spans="8:8">
      <c r="H621947" s="12"/>
    </row>
    <row r="621948" spans="8:8">
      <c r="H621948" s="12"/>
    </row>
    <row r="621949" spans="8:8">
      <c r="H621949" s="12"/>
    </row>
    <row r="621950" spans="8:8">
      <c r="H621950" s="12"/>
    </row>
    <row r="621951" spans="8:8">
      <c r="H621951" s="12"/>
    </row>
    <row r="621952" spans="8:8">
      <c r="H621952" s="12"/>
    </row>
    <row r="621953" spans="8:8">
      <c r="H621953" s="12"/>
    </row>
    <row r="621954" spans="8:8">
      <c r="H621954" s="12"/>
    </row>
    <row r="621955" spans="8:8">
      <c r="H621955" s="12"/>
    </row>
    <row r="621956" spans="8:8">
      <c r="H621956" s="12"/>
    </row>
    <row r="621957" spans="8:8">
      <c r="H621957" s="12"/>
    </row>
    <row r="621958" spans="8:8">
      <c r="H621958" s="12"/>
    </row>
    <row r="621959" spans="8:8">
      <c r="H621959" s="12"/>
    </row>
    <row r="621960" spans="8:8">
      <c r="H621960" s="12"/>
    </row>
    <row r="621961" spans="8:8">
      <c r="H621961" s="12"/>
    </row>
    <row r="621962" spans="8:8">
      <c r="H621962" s="12"/>
    </row>
    <row r="621963" spans="8:8">
      <c r="H621963" s="12"/>
    </row>
    <row r="621964" spans="8:8">
      <c r="H621964" s="12"/>
    </row>
    <row r="621965" spans="8:8">
      <c r="H621965" s="12"/>
    </row>
    <row r="621966" spans="8:8">
      <c r="H621966" s="12"/>
    </row>
    <row r="621967" spans="8:8">
      <c r="H621967" s="12"/>
    </row>
    <row r="621968" spans="8:8">
      <c r="H621968" s="12"/>
    </row>
    <row r="621969" spans="8:8">
      <c r="H621969" s="12"/>
    </row>
    <row r="621970" spans="8:8">
      <c r="H621970" s="12"/>
    </row>
    <row r="621971" spans="8:8">
      <c r="H621971" s="12"/>
    </row>
    <row r="621972" spans="8:8">
      <c r="H621972" s="12"/>
    </row>
    <row r="621973" spans="8:8">
      <c r="H621973" s="12"/>
    </row>
    <row r="621974" spans="8:8">
      <c r="H621974" s="12"/>
    </row>
    <row r="621975" spans="8:8">
      <c r="H621975" s="12"/>
    </row>
    <row r="621976" spans="8:8">
      <c r="H621976" s="12"/>
    </row>
    <row r="621977" spans="8:8">
      <c r="H621977" s="12"/>
    </row>
    <row r="621978" spans="8:8">
      <c r="H621978" s="12"/>
    </row>
    <row r="621979" spans="8:8">
      <c r="H621979" s="12"/>
    </row>
    <row r="621980" spans="8:8">
      <c r="H621980" s="12"/>
    </row>
    <row r="621981" spans="8:8">
      <c r="H621981" s="12"/>
    </row>
    <row r="621982" spans="8:8">
      <c r="H621982" s="12"/>
    </row>
    <row r="621983" spans="8:8">
      <c r="H621983" s="12"/>
    </row>
    <row r="621984" spans="8:8">
      <c r="H621984" s="12"/>
    </row>
    <row r="621985" spans="8:8">
      <c r="H621985" s="12"/>
    </row>
    <row r="621986" spans="8:8">
      <c r="H621986" s="12"/>
    </row>
    <row r="621987" spans="8:8">
      <c r="H621987" s="12"/>
    </row>
    <row r="621988" spans="8:8">
      <c r="H621988" s="12"/>
    </row>
    <row r="621989" spans="8:8">
      <c r="H621989" s="12"/>
    </row>
    <row r="621990" spans="8:8">
      <c r="H621990" s="12"/>
    </row>
    <row r="621991" spans="8:8">
      <c r="H621991" s="12"/>
    </row>
    <row r="621992" spans="8:8">
      <c r="H621992" s="12"/>
    </row>
    <row r="621993" spans="8:8">
      <c r="H621993" s="12"/>
    </row>
    <row r="621994" spans="8:8">
      <c r="H621994" s="12"/>
    </row>
    <row r="621995" spans="8:8">
      <c r="H621995" s="12"/>
    </row>
    <row r="621996" spans="8:8">
      <c r="H621996" s="12"/>
    </row>
    <row r="621997" spans="8:8">
      <c r="H621997" s="12"/>
    </row>
    <row r="621998" spans="8:8">
      <c r="H621998" s="12"/>
    </row>
    <row r="621999" spans="8:8">
      <c r="H621999" s="12"/>
    </row>
    <row r="622000" spans="8:8">
      <c r="H622000" s="12"/>
    </row>
    <row r="622001" spans="8:8">
      <c r="H622001" s="12"/>
    </row>
    <row r="622002" spans="8:8">
      <c r="H622002" s="12"/>
    </row>
    <row r="622003" spans="8:8">
      <c r="H622003" s="12"/>
    </row>
    <row r="622004" spans="8:8">
      <c r="H622004" s="12"/>
    </row>
    <row r="622005" spans="8:8">
      <c r="H622005" s="12"/>
    </row>
    <row r="622006" spans="8:8">
      <c r="H622006" s="12"/>
    </row>
    <row r="622007" spans="8:8">
      <c r="H622007" s="12"/>
    </row>
    <row r="622008" spans="8:8">
      <c r="H622008" s="12"/>
    </row>
    <row r="622009" spans="8:8">
      <c r="H622009" s="12"/>
    </row>
    <row r="622010" spans="8:8">
      <c r="H622010" s="12"/>
    </row>
    <row r="622011" spans="8:8">
      <c r="H622011" s="12"/>
    </row>
    <row r="622012" spans="8:8">
      <c r="H622012" s="12"/>
    </row>
    <row r="622013" spans="8:8">
      <c r="H622013" s="12"/>
    </row>
    <row r="622014" spans="8:8">
      <c r="H622014" s="12"/>
    </row>
    <row r="622015" spans="8:8">
      <c r="H622015" s="12"/>
    </row>
    <row r="622016" spans="8:8">
      <c r="H622016" s="12"/>
    </row>
    <row r="622017" spans="8:8">
      <c r="H622017" s="12"/>
    </row>
    <row r="622018" spans="8:8">
      <c r="H622018" s="12"/>
    </row>
    <row r="622019" spans="8:8">
      <c r="H622019" s="12"/>
    </row>
    <row r="622020" spans="8:8">
      <c r="H622020" s="12"/>
    </row>
    <row r="622021" spans="8:8">
      <c r="H622021" s="12"/>
    </row>
    <row r="622022" spans="8:8">
      <c r="H622022" s="12"/>
    </row>
    <row r="622023" spans="8:8">
      <c r="H622023" s="12"/>
    </row>
    <row r="622024" spans="8:8">
      <c r="H622024" s="12"/>
    </row>
    <row r="622025" spans="8:8">
      <c r="H622025" s="12"/>
    </row>
    <row r="622026" spans="8:8">
      <c r="H622026" s="12"/>
    </row>
    <row r="622027" spans="8:8">
      <c r="H622027" s="12"/>
    </row>
    <row r="622028" spans="8:8">
      <c r="H622028" s="12"/>
    </row>
    <row r="622029" spans="8:8">
      <c r="H622029" s="12"/>
    </row>
    <row r="622030" spans="8:8">
      <c r="H622030" s="12"/>
    </row>
    <row r="622031" spans="8:8">
      <c r="H622031" s="12"/>
    </row>
    <row r="622032" spans="8:8">
      <c r="H622032" s="12"/>
    </row>
    <row r="622033" spans="8:8">
      <c r="H622033" s="12"/>
    </row>
    <row r="622034" spans="8:8">
      <c r="H622034" s="12"/>
    </row>
    <row r="622035" spans="8:8">
      <c r="H622035" s="12"/>
    </row>
    <row r="622036" spans="8:8">
      <c r="H622036" s="12"/>
    </row>
    <row r="622037" spans="8:8">
      <c r="H622037" s="12"/>
    </row>
    <row r="622038" spans="8:8">
      <c r="H622038" s="12"/>
    </row>
    <row r="622039" spans="8:8">
      <c r="H622039" s="12"/>
    </row>
    <row r="622040" spans="8:8">
      <c r="H622040" s="12"/>
    </row>
    <row r="622041" spans="8:8">
      <c r="H622041" s="12"/>
    </row>
    <row r="622042" spans="8:8">
      <c r="H622042" s="12"/>
    </row>
    <row r="622043" spans="8:8">
      <c r="H622043" s="12"/>
    </row>
    <row r="622044" spans="8:8">
      <c r="H622044" s="12"/>
    </row>
    <row r="622045" spans="8:8">
      <c r="H622045" s="12"/>
    </row>
    <row r="622046" spans="8:8">
      <c r="H622046" s="12"/>
    </row>
    <row r="622047" spans="8:8">
      <c r="H622047" s="12"/>
    </row>
    <row r="622048" spans="8:8">
      <c r="H622048" s="12"/>
    </row>
    <row r="622049" spans="8:8">
      <c r="H622049" s="12"/>
    </row>
    <row r="622050" spans="8:8">
      <c r="H622050" s="12"/>
    </row>
    <row r="622051" spans="8:8">
      <c r="H622051" s="12"/>
    </row>
    <row r="622052" spans="8:8">
      <c r="H622052" s="12"/>
    </row>
    <row r="622053" spans="8:8">
      <c r="H622053" s="12"/>
    </row>
    <row r="622054" spans="8:8">
      <c r="H622054" s="12"/>
    </row>
    <row r="622055" spans="8:8">
      <c r="H622055" s="12"/>
    </row>
    <row r="622056" spans="8:8">
      <c r="H622056" s="12"/>
    </row>
    <row r="622057" spans="8:8">
      <c r="H622057" s="12"/>
    </row>
    <row r="622058" spans="8:8">
      <c r="H622058" s="12"/>
    </row>
    <row r="622059" spans="8:8">
      <c r="H622059" s="12"/>
    </row>
    <row r="622060" spans="8:8">
      <c r="H622060" s="12"/>
    </row>
    <row r="622061" spans="8:8">
      <c r="H622061" s="12"/>
    </row>
    <row r="622062" spans="8:8">
      <c r="H622062" s="12"/>
    </row>
    <row r="622063" spans="8:8">
      <c r="H622063" s="12"/>
    </row>
    <row r="622064" spans="8:8">
      <c r="H622064" s="12"/>
    </row>
    <row r="622065" spans="8:8">
      <c r="H622065" s="12"/>
    </row>
    <row r="622066" spans="8:8">
      <c r="H622066" s="12"/>
    </row>
    <row r="622067" spans="8:8">
      <c r="H622067" s="12"/>
    </row>
    <row r="622068" spans="8:8">
      <c r="H622068" s="12"/>
    </row>
    <row r="622069" spans="8:8">
      <c r="H622069" s="12"/>
    </row>
    <row r="622070" spans="8:8">
      <c r="H622070" s="12"/>
    </row>
    <row r="622071" spans="8:8">
      <c r="H622071" s="12"/>
    </row>
    <row r="622072" spans="8:8">
      <c r="H622072" s="12"/>
    </row>
    <row r="622073" spans="8:8">
      <c r="H622073" s="12"/>
    </row>
    <row r="622074" spans="8:8">
      <c r="H622074" s="12"/>
    </row>
    <row r="622075" spans="8:8">
      <c r="H622075" s="12"/>
    </row>
    <row r="622076" spans="8:8">
      <c r="H622076" s="12"/>
    </row>
    <row r="622077" spans="8:8">
      <c r="H622077" s="12"/>
    </row>
    <row r="622078" spans="8:8">
      <c r="H622078" s="12"/>
    </row>
    <row r="622079" spans="8:8">
      <c r="H622079" s="12"/>
    </row>
    <row r="622080" spans="8:8">
      <c r="H622080" s="12"/>
    </row>
    <row r="622081" spans="8:8">
      <c r="H622081" s="12"/>
    </row>
    <row r="622082" spans="8:8">
      <c r="H622082" s="12"/>
    </row>
    <row r="622083" spans="8:8">
      <c r="H622083" s="12"/>
    </row>
    <row r="622084" spans="8:8">
      <c r="H622084" s="12"/>
    </row>
    <row r="622085" spans="8:8">
      <c r="H622085" s="12"/>
    </row>
    <row r="622086" spans="8:8">
      <c r="H622086" s="12"/>
    </row>
    <row r="622087" spans="8:8">
      <c r="H622087" s="12"/>
    </row>
    <row r="622088" spans="8:8">
      <c r="H622088" s="12"/>
    </row>
    <row r="622089" spans="8:8">
      <c r="H622089" s="12"/>
    </row>
    <row r="622090" spans="8:8">
      <c r="H622090" s="12"/>
    </row>
    <row r="622091" spans="8:8">
      <c r="H622091" s="12"/>
    </row>
    <row r="622092" spans="8:8">
      <c r="H622092" s="12"/>
    </row>
    <row r="622093" spans="8:8">
      <c r="H622093" s="12"/>
    </row>
    <row r="622094" spans="8:8">
      <c r="H622094" s="12"/>
    </row>
    <row r="622095" spans="8:8">
      <c r="H622095" s="12"/>
    </row>
    <row r="622096" spans="8:8">
      <c r="H622096" s="12"/>
    </row>
    <row r="622097" spans="8:8">
      <c r="H622097" s="12"/>
    </row>
    <row r="622098" spans="8:8">
      <c r="H622098" s="12"/>
    </row>
    <row r="622099" spans="8:8">
      <c r="H622099" s="12"/>
    </row>
    <row r="622100" spans="8:8">
      <c r="H622100" s="12"/>
    </row>
    <row r="622101" spans="8:8">
      <c r="H622101" s="12"/>
    </row>
    <row r="622102" spans="8:8">
      <c r="H622102" s="12"/>
    </row>
    <row r="622103" spans="8:8">
      <c r="H622103" s="12"/>
    </row>
    <row r="622104" spans="8:8">
      <c r="H622104" s="12"/>
    </row>
    <row r="622105" spans="8:8">
      <c r="H622105" s="12"/>
    </row>
    <row r="622106" spans="8:8">
      <c r="H622106" s="12"/>
    </row>
    <row r="622107" spans="8:8">
      <c r="H622107" s="12"/>
    </row>
    <row r="622108" spans="8:8">
      <c r="H622108" s="12"/>
    </row>
    <row r="622109" spans="8:8">
      <c r="H622109" s="12"/>
    </row>
    <row r="622110" spans="8:8">
      <c r="H622110" s="12"/>
    </row>
    <row r="622111" spans="8:8">
      <c r="H622111" s="12"/>
    </row>
    <row r="622112" spans="8:8">
      <c r="H622112" s="12"/>
    </row>
    <row r="622113" spans="8:8">
      <c r="H622113" s="12"/>
    </row>
    <row r="622114" spans="8:8">
      <c r="H622114" s="12"/>
    </row>
    <row r="622115" spans="8:8">
      <c r="H622115" s="12"/>
    </row>
    <row r="622116" spans="8:8">
      <c r="H622116" s="12"/>
    </row>
    <row r="622117" spans="8:8">
      <c r="H622117" s="12"/>
    </row>
    <row r="622118" spans="8:8">
      <c r="H622118" s="12"/>
    </row>
    <row r="622119" spans="8:8">
      <c r="H622119" s="12"/>
    </row>
    <row r="622120" spans="8:8">
      <c r="H622120" s="12"/>
    </row>
    <row r="622121" spans="8:8">
      <c r="H622121" s="12"/>
    </row>
    <row r="622122" spans="8:8">
      <c r="H622122" s="12"/>
    </row>
    <row r="622123" spans="8:8">
      <c r="H622123" s="12"/>
    </row>
    <row r="622124" spans="8:8">
      <c r="H622124" s="12"/>
    </row>
    <row r="622125" spans="8:8">
      <c r="H622125" s="12"/>
    </row>
    <row r="622126" spans="8:8">
      <c r="H622126" s="12"/>
    </row>
    <row r="622127" spans="8:8">
      <c r="H622127" s="12"/>
    </row>
    <row r="622128" spans="8:8">
      <c r="H622128" s="12"/>
    </row>
    <row r="622129" spans="8:8">
      <c r="H622129" s="12"/>
    </row>
    <row r="622130" spans="8:8">
      <c r="H622130" s="12"/>
    </row>
    <row r="622131" spans="8:8">
      <c r="H622131" s="12"/>
    </row>
    <row r="622132" spans="8:8">
      <c r="H622132" s="12"/>
    </row>
    <row r="622133" spans="8:8">
      <c r="H622133" s="12"/>
    </row>
    <row r="622134" spans="8:8">
      <c r="H622134" s="12"/>
    </row>
    <row r="622135" spans="8:8">
      <c r="H622135" s="12"/>
    </row>
    <row r="622136" spans="8:8">
      <c r="H622136" s="12"/>
    </row>
    <row r="622137" spans="8:8">
      <c r="H622137" s="12"/>
    </row>
    <row r="622138" spans="8:8">
      <c r="H622138" s="12"/>
    </row>
    <row r="622139" spans="8:8">
      <c r="H622139" s="12"/>
    </row>
    <row r="622140" spans="8:8">
      <c r="H622140" s="12"/>
    </row>
    <row r="622141" spans="8:8">
      <c r="H622141" s="12"/>
    </row>
    <row r="622142" spans="8:8">
      <c r="H622142" s="12"/>
    </row>
    <row r="622143" spans="8:8">
      <c r="H622143" s="12"/>
    </row>
    <row r="622144" spans="8:8">
      <c r="H622144" s="12"/>
    </row>
    <row r="622145" spans="8:8">
      <c r="H622145" s="12"/>
    </row>
    <row r="622146" spans="8:8">
      <c r="H622146" s="12"/>
    </row>
    <row r="622147" spans="8:8">
      <c r="H622147" s="12"/>
    </row>
    <row r="622148" spans="8:8">
      <c r="H622148" s="12"/>
    </row>
    <row r="622149" spans="8:8">
      <c r="H622149" s="12"/>
    </row>
    <row r="622150" spans="8:8">
      <c r="H622150" s="12"/>
    </row>
    <row r="622151" spans="8:8">
      <c r="H622151" s="12"/>
    </row>
    <row r="622152" spans="8:8">
      <c r="H622152" s="12"/>
    </row>
    <row r="622153" spans="8:8">
      <c r="H622153" s="12"/>
    </row>
    <row r="622154" spans="8:8">
      <c r="H622154" s="12"/>
    </row>
    <row r="622155" spans="8:8">
      <c r="H622155" s="12"/>
    </row>
    <row r="622156" spans="8:8">
      <c r="H622156" s="12"/>
    </row>
    <row r="622157" spans="8:8">
      <c r="H622157" s="12"/>
    </row>
    <row r="622158" spans="8:8">
      <c r="H622158" s="12"/>
    </row>
    <row r="622159" spans="8:8">
      <c r="H622159" s="12"/>
    </row>
    <row r="622160" spans="8:8">
      <c r="H622160" s="12"/>
    </row>
    <row r="622161" spans="8:8">
      <c r="H622161" s="12"/>
    </row>
    <row r="622162" spans="8:8">
      <c r="H622162" s="12"/>
    </row>
    <row r="622163" spans="8:8">
      <c r="H622163" s="12"/>
    </row>
    <row r="622164" spans="8:8">
      <c r="H622164" s="12"/>
    </row>
    <row r="622165" spans="8:8">
      <c r="H622165" s="12"/>
    </row>
    <row r="622166" spans="8:8">
      <c r="H622166" s="12"/>
    </row>
    <row r="622167" spans="8:8">
      <c r="H622167" s="12"/>
    </row>
    <row r="622168" spans="8:8">
      <c r="H622168" s="12"/>
    </row>
    <row r="622169" spans="8:8">
      <c r="H622169" s="12"/>
    </row>
    <row r="622170" spans="8:8">
      <c r="H622170" s="12"/>
    </row>
    <row r="622171" spans="8:8">
      <c r="H622171" s="12"/>
    </row>
    <row r="622172" spans="8:8">
      <c r="H622172" s="12"/>
    </row>
    <row r="622173" spans="8:8">
      <c r="H622173" s="12"/>
    </row>
    <row r="622174" spans="8:8">
      <c r="H622174" s="12"/>
    </row>
    <row r="622175" spans="8:8">
      <c r="H622175" s="12"/>
    </row>
    <row r="622176" spans="8:8">
      <c r="H622176" s="12"/>
    </row>
    <row r="622177" spans="8:8">
      <c r="H622177" s="12"/>
    </row>
    <row r="622178" spans="8:8">
      <c r="H622178" s="12"/>
    </row>
    <row r="622179" spans="8:8">
      <c r="H622179" s="12"/>
    </row>
    <row r="622180" spans="8:8">
      <c r="H622180" s="12"/>
    </row>
    <row r="622181" spans="8:8">
      <c r="H622181" s="12"/>
    </row>
    <row r="622182" spans="8:8">
      <c r="H622182" s="12"/>
    </row>
    <row r="622183" spans="8:8">
      <c r="H622183" s="12"/>
    </row>
    <row r="622184" spans="8:8">
      <c r="H622184" s="12"/>
    </row>
    <row r="622185" spans="8:8">
      <c r="H622185" s="12"/>
    </row>
    <row r="622186" spans="8:8">
      <c r="H622186" s="12"/>
    </row>
    <row r="622187" spans="8:8">
      <c r="H622187" s="12"/>
    </row>
    <row r="622188" spans="8:8">
      <c r="H622188" s="12"/>
    </row>
    <row r="622189" spans="8:8">
      <c r="H622189" s="12"/>
    </row>
    <row r="622190" spans="8:8">
      <c r="H622190" s="12"/>
    </row>
    <row r="622191" spans="8:8">
      <c r="H622191" s="12"/>
    </row>
    <row r="622192" spans="8:8">
      <c r="H622192" s="12"/>
    </row>
    <row r="622193" spans="8:8">
      <c r="H622193" s="12"/>
    </row>
    <row r="622194" spans="8:8">
      <c r="H622194" s="12"/>
    </row>
    <row r="622195" spans="8:8">
      <c r="H622195" s="12"/>
    </row>
    <row r="622196" spans="8:8">
      <c r="H622196" s="12"/>
    </row>
    <row r="622197" spans="8:8">
      <c r="H622197" s="12"/>
    </row>
    <row r="622198" spans="8:8">
      <c r="H622198" s="12"/>
    </row>
    <row r="622199" spans="8:8">
      <c r="H622199" s="12"/>
    </row>
    <row r="622200" spans="8:8">
      <c r="H622200" s="12"/>
    </row>
    <row r="622201" spans="8:8">
      <c r="H622201" s="12"/>
    </row>
    <row r="622202" spans="8:8">
      <c r="H622202" s="12"/>
    </row>
    <row r="622203" spans="8:8">
      <c r="H622203" s="12"/>
    </row>
    <row r="622204" spans="8:8">
      <c r="H622204" s="12"/>
    </row>
    <row r="622205" spans="8:8">
      <c r="H622205" s="12"/>
    </row>
    <row r="622206" spans="8:8">
      <c r="H622206" s="12"/>
    </row>
    <row r="622207" spans="8:8">
      <c r="H622207" s="12"/>
    </row>
    <row r="622208" spans="8:8">
      <c r="H622208" s="12"/>
    </row>
    <row r="622209" spans="8:8">
      <c r="H622209" s="12"/>
    </row>
    <row r="622210" spans="8:8">
      <c r="H622210" s="12"/>
    </row>
    <row r="622211" spans="8:8">
      <c r="H622211" s="12"/>
    </row>
    <row r="622212" spans="8:8">
      <c r="H622212" s="12"/>
    </row>
    <row r="622213" spans="8:8">
      <c r="H622213" s="12"/>
    </row>
    <row r="622214" spans="8:8">
      <c r="H622214" s="12"/>
    </row>
    <row r="622215" spans="8:8">
      <c r="H622215" s="12"/>
    </row>
    <row r="622216" spans="8:8">
      <c r="H622216" s="12"/>
    </row>
    <row r="622217" spans="8:8">
      <c r="H622217" s="12"/>
    </row>
    <row r="622218" spans="8:8">
      <c r="H622218" s="12"/>
    </row>
    <row r="622219" spans="8:8">
      <c r="H622219" s="12"/>
    </row>
    <row r="622220" spans="8:8">
      <c r="H622220" s="12"/>
    </row>
    <row r="622221" spans="8:8">
      <c r="H622221" s="12"/>
    </row>
    <row r="622222" spans="8:8">
      <c r="H622222" s="12"/>
    </row>
    <row r="622223" spans="8:8">
      <c r="H622223" s="12"/>
    </row>
    <row r="622224" spans="8:8">
      <c r="H622224" s="12"/>
    </row>
    <row r="622225" spans="8:8">
      <c r="H622225" s="12"/>
    </row>
    <row r="622226" spans="8:8">
      <c r="H622226" s="12"/>
    </row>
    <row r="622227" spans="8:8">
      <c r="H622227" s="12"/>
    </row>
    <row r="622228" spans="8:8">
      <c r="H622228" s="12"/>
    </row>
    <row r="622229" spans="8:8">
      <c r="H622229" s="12"/>
    </row>
    <row r="622230" spans="8:8">
      <c r="H622230" s="12"/>
    </row>
    <row r="622231" spans="8:8">
      <c r="H622231" s="12"/>
    </row>
    <row r="622232" spans="8:8">
      <c r="H622232" s="12"/>
    </row>
    <row r="622233" spans="8:8">
      <c r="H622233" s="12"/>
    </row>
    <row r="622234" spans="8:8">
      <c r="H622234" s="12"/>
    </row>
    <row r="622235" spans="8:8">
      <c r="H622235" s="12"/>
    </row>
    <row r="622236" spans="8:8">
      <c r="H622236" s="12"/>
    </row>
    <row r="622237" spans="8:8">
      <c r="H622237" s="12"/>
    </row>
    <row r="622238" spans="8:8">
      <c r="H622238" s="12"/>
    </row>
    <row r="622239" spans="8:8">
      <c r="H622239" s="12"/>
    </row>
    <row r="622240" spans="8:8">
      <c r="H622240" s="12"/>
    </row>
    <row r="622241" spans="8:8">
      <c r="H622241" s="12"/>
    </row>
    <row r="622242" spans="8:8">
      <c r="H622242" s="12"/>
    </row>
    <row r="622243" spans="8:8">
      <c r="H622243" s="12"/>
    </row>
    <row r="622244" spans="8:8">
      <c r="H622244" s="12"/>
    </row>
    <row r="622245" spans="8:8">
      <c r="H622245" s="12"/>
    </row>
    <row r="622246" spans="8:8">
      <c r="H622246" s="12"/>
    </row>
    <row r="622247" spans="8:8">
      <c r="H622247" s="12"/>
    </row>
    <row r="622248" spans="8:8">
      <c r="H622248" s="12"/>
    </row>
    <row r="622249" spans="8:8">
      <c r="H622249" s="12"/>
    </row>
    <row r="622250" spans="8:8">
      <c r="H622250" s="12"/>
    </row>
    <row r="622251" spans="8:8">
      <c r="H622251" s="12"/>
    </row>
    <row r="622252" spans="8:8">
      <c r="H622252" s="12"/>
    </row>
    <row r="622253" spans="8:8">
      <c r="H622253" s="12"/>
    </row>
    <row r="622254" spans="8:8">
      <c r="H622254" s="12"/>
    </row>
    <row r="622255" spans="8:8">
      <c r="H622255" s="12"/>
    </row>
    <row r="622256" spans="8:8">
      <c r="H622256" s="12"/>
    </row>
    <row r="622257" spans="8:8">
      <c r="H622257" s="12"/>
    </row>
    <row r="622258" spans="8:8">
      <c r="H622258" s="12"/>
    </row>
    <row r="622259" spans="8:8">
      <c r="H622259" s="12"/>
    </row>
    <row r="622260" spans="8:8">
      <c r="H622260" s="12"/>
    </row>
    <row r="622261" spans="8:8">
      <c r="H622261" s="12"/>
    </row>
    <row r="622262" spans="8:8">
      <c r="H622262" s="12"/>
    </row>
    <row r="622263" spans="8:8">
      <c r="H622263" s="12"/>
    </row>
    <row r="622264" spans="8:8">
      <c r="H622264" s="12"/>
    </row>
    <row r="622265" spans="8:8">
      <c r="H622265" s="12"/>
    </row>
    <row r="622266" spans="8:8">
      <c r="H622266" s="12"/>
    </row>
    <row r="622267" spans="8:8">
      <c r="H622267" s="12"/>
    </row>
    <row r="622268" spans="8:8">
      <c r="H622268" s="12"/>
    </row>
    <row r="622269" spans="8:8">
      <c r="H622269" s="12"/>
    </row>
    <row r="622270" spans="8:8">
      <c r="H622270" s="12"/>
    </row>
    <row r="622271" spans="8:8">
      <c r="H622271" s="12"/>
    </row>
    <row r="622272" spans="8:8">
      <c r="H622272" s="12"/>
    </row>
    <row r="622273" spans="8:8">
      <c r="H622273" s="12"/>
    </row>
    <row r="622274" spans="8:8">
      <c r="H622274" s="12"/>
    </row>
    <row r="622275" spans="8:8">
      <c r="H622275" s="12"/>
    </row>
    <row r="622276" spans="8:8">
      <c r="H622276" s="12"/>
    </row>
    <row r="622277" spans="8:8">
      <c r="H622277" s="12"/>
    </row>
    <row r="622278" spans="8:8">
      <c r="H622278" s="12"/>
    </row>
    <row r="622279" spans="8:8">
      <c r="H622279" s="12"/>
    </row>
    <row r="622280" spans="8:8">
      <c r="H622280" s="12"/>
    </row>
    <row r="622281" spans="8:8">
      <c r="H622281" s="12"/>
    </row>
    <row r="622282" spans="8:8">
      <c r="H622282" s="12"/>
    </row>
    <row r="622283" spans="8:8">
      <c r="H622283" s="12"/>
    </row>
    <row r="622284" spans="8:8">
      <c r="H622284" s="12"/>
    </row>
    <row r="622285" spans="8:8">
      <c r="H622285" s="12"/>
    </row>
    <row r="622286" spans="8:8">
      <c r="H622286" s="12"/>
    </row>
    <row r="622287" spans="8:8">
      <c r="H622287" s="12"/>
    </row>
    <row r="622288" spans="8:8">
      <c r="H622288" s="12"/>
    </row>
    <row r="622289" spans="8:8">
      <c r="H622289" s="12"/>
    </row>
    <row r="622290" spans="8:8">
      <c r="H622290" s="12"/>
    </row>
    <row r="622291" spans="8:8">
      <c r="H622291" s="12"/>
    </row>
    <row r="622292" spans="8:8">
      <c r="H622292" s="12"/>
    </row>
    <row r="622293" spans="8:8">
      <c r="H622293" s="12"/>
    </row>
    <row r="622294" spans="8:8">
      <c r="H622294" s="12"/>
    </row>
    <row r="622295" spans="8:8">
      <c r="H622295" s="12"/>
    </row>
    <row r="622296" spans="8:8">
      <c r="H622296" s="12"/>
    </row>
    <row r="622297" spans="8:8">
      <c r="H622297" s="12"/>
    </row>
    <row r="622298" spans="8:8">
      <c r="H622298" s="12"/>
    </row>
    <row r="622299" spans="8:8">
      <c r="H622299" s="12"/>
    </row>
    <row r="622300" spans="8:8">
      <c r="H622300" s="12"/>
    </row>
    <row r="622301" spans="8:8">
      <c r="H622301" s="12"/>
    </row>
    <row r="622302" spans="8:8">
      <c r="H622302" s="12"/>
    </row>
    <row r="622303" spans="8:8">
      <c r="H622303" s="12"/>
    </row>
    <row r="622304" spans="8:8">
      <c r="H622304" s="12"/>
    </row>
    <row r="622305" spans="8:8">
      <c r="H622305" s="12"/>
    </row>
    <row r="622306" spans="8:8">
      <c r="H622306" s="12"/>
    </row>
    <row r="622307" spans="8:8">
      <c r="H622307" s="12"/>
    </row>
    <row r="622308" spans="8:8">
      <c r="H622308" s="12"/>
    </row>
    <row r="622309" spans="8:8">
      <c r="H622309" s="12"/>
    </row>
    <row r="622310" spans="8:8">
      <c r="H622310" s="12"/>
    </row>
    <row r="622311" spans="8:8">
      <c r="H622311" s="12"/>
    </row>
    <row r="622312" spans="8:8">
      <c r="H622312" s="12"/>
    </row>
    <row r="622313" spans="8:8">
      <c r="H622313" s="12"/>
    </row>
    <row r="622314" spans="8:8">
      <c r="H622314" s="12"/>
    </row>
    <row r="622315" spans="8:8">
      <c r="H622315" s="12"/>
    </row>
    <row r="622316" spans="8:8">
      <c r="H622316" s="12"/>
    </row>
    <row r="622317" spans="8:8">
      <c r="H622317" s="12"/>
    </row>
    <row r="622318" spans="8:8">
      <c r="H622318" s="12"/>
    </row>
    <row r="622319" spans="8:8">
      <c r="H622319" s="12"/>
    </row>
    <row r="622320" spans="8:8">
      <c r="H622320" s="12"/>
    </row>
    <row r="622321" spans="8:8">
      <c r="H622321" s="12"/>
    </row>
    <row r="622322" spans="8:8">
      <c r="H622322" s="12"/>
    </row>
    <row r="622323" spans="8:8">
      <c r="H622323" s="12"/>
    </row>
    <row r="622324" spans="8:8">
      <c r="H622324" s="12"/>
    </row>
    <row r="622325" spans="8:8">
      <c r="H622325" s="12"/>
    </row>
    <row r="622326" spans="8:8">
      <c r="H622326" s="12"/>
    </row>
    <row r="622327" spans="8:8">
      <c r="H622327" s="12"/>
    </row>
    <row r="622328" spans="8:8">
      <c r="H622328" s="12"/>
    </row>
    <row r="622329" spans="8:8">
      <c r="H622329" s="12"/>
    </row>
    <row r="622330" spans="8:8">
      <c r="H622330" s="12"/>
    </row>
    <row r="622331" spans="8:8">
      <c r="H622331" s="12"/>
    </row>
    <row r="622332" spans="8:8">
      <c r="H622332" s="12"/>
    </row>
    <row r="622333" spans="8:8">
      <c r="H622333" s="12"/>
    </row>
    <row r="622334" spans="8:8">
      <c r="H622334" s="12"/>
    </row>
    <row r="622335" spans="8:8">
      <c r="H622335" s="12"/>
    </row>
    <row r="622336" spans="8:8">
      <c r="H622336" s="12"/>
    </row>
    <row r="622337" spans="8:8">
      <c r="H622337" s="12"/>
    </row>
    <row r="622338" spans="8:8">
      <c r="H622338" s="12"/>
    </row>
    <row r="622339" spans="8:8">
      <c r="H622339" s="12"/>
    </row>
    <row r="622340" spans="8:8">
      <c r="H622340" s="12"/>
    </row>
    <row r="622341" spans="8:8">
      <c r="H622341" s="12"/>
    </row>
    <row r="622342" spans="8:8">
      <c r="H622342" s="12"/>
    </row>
    <row r="622343" spans="8:8">
      <c r="H622343" s="12"/>
    </row>
    <row r="622344" spans="8:8">
      <c r="H622344" s="12"/>
    </row>
    <row r="622345" spans="8:8">
      <c r="H622345" s="12"/>
    </row>
    <row r="622346" spans="8:8">
      <c r="H622346" s="12"/>
    </row>
    <row r="622347" spans="8:8">
      <c r="H622347" s="12"/>
    </row>
    <row r="622348" spans="8:8">
      <c r="H622348" s="12"/>
    </row>
    <row r="622349" spans="8:8">
      <c r="H622349" s="12"/>
    </row>
    <row r="622350" spans="8:8">
      <c r="H622350" s="12"/>
    </row>
    <row r="622351" spans="8:8">
      <c r="H622351" s="12"/>
    </row>
    <row r="622352" spans="8:8">
      <c r="H622352" s="12"/>
    </row>
    <row r="622353" spans="8:8">
      <c r="H622353" s="12"/>
    </row>
    <row r="622354" spans="8:8">
      <c r="H622354" s="12"/>
    </row>
    <row r="622355" spans="8:8">
      <c r="H622355" s="12"/>
    </row>
    <row r="622356" spans="8:8">
      <c r="H622356" s="12"/>
    </row>
    <row r="622357" spans="8:8">
      <c r="H622357" s="12"/>
    </row>
    <row r="622358" spans="8:8">
      <c r="H622358" s="12"/>
    </row>
    <row r="622359" spans="8:8">
      <c r="H622359" s="12"/>
    </row>
    <row r="622360" spans="8:8">
      <c r="H622360" s="12"/>
    </row>
    <row r="622361" spans="8:8">
      <c r="H622361" s="12"/>
    </row>
    <row r="622362" spans="8:8">
      <c r="H622362" s="12"/>
    </row>
    <row r="622363" spans="8:8">
      <c r="H622363" s="12"/>
    </row>
    <row r="622364" spans="8:8">
      <c r="H622364" s="12"/>
    </row>
    <row r="622365" spans="8:8">
      <c r="H622365" s="12"/>
    </row>
    <row r="622366" spans="8:8">
      <c r="H622366" s="12"/>
    </row>
    <row r="622367" spans="8:8">
      <c r="H622367" s="12"/>
    </row>
    <row r="622368" spans="8:8">
      <c r="H622368" s="12"/>
    </row>
    <row r="622369" spans="8:8">
      <c r="H622369" s="12"/>
    </row>
    <row r="622370" spans="8:8">
      <c r="H622370" s="12"/>
    </row>
    <row r="622371" spans="8:8">
      <c r="H622371" s="12"/>
    </row>
    <row r="622372" spans="8:8">
      <c r="H622372" s="12"/>
    </row>
    <row r="622373" spans="8:8">
      <c r="H622373" s="12"/>
    </row>
    <row r="622374" spans="8:8">
      <c r="H622374" s="12"/>
    </row>
    <row r="622375" spans="8:8">
      <c r="H622375" s="12"/>
    </row>
    <row r="622376" spans="8:8">
      <c r="H622376" s="12"/>
    </row>
    <row r="622377" spans="8:8">
      <c r="H622377" s="12"/>
    </row>
    <row r="622378" spans="8:8">
      <c r="H622378" s="12"/>
    </row>
    <row r="622379" spans="8:8">
      <c r="H622379" s="12"/>
    </row>
    <row r="622380" spans="8:8">
      <c r="H622380" s="12"/>
    </row>
    <row r="622381" spans="8:8">
      <c r="H622381" s="12"/>
    </row>
    <row r="622382" spans="8:8">
      <c r="H622382" s="12"/>
    </row>
    <row r="622383" spans="8:8">
      <c r="H622383" s="12"/>
    </row>
    <row r="622384" spans="8:8">
      <c r="H622384" s="12"/>
    </row>
    <row r="622385" spans="8:8">
      <c r="H622385" s="12"/>
    </row>
    <row r="622386" spans="8:8">
      <c r="H622386" s="12"/>
    </row>
    <row r="622387" spans="8:8">
      <c r="H622387" s="12"/>
    </row>
    <row r="622388" spans="8:8">
      <c r="H622388" s="12"/>
    </row>
    <row r="622389" spans="8:8">
      <c r="H622389" s="12"/>
    </row>
    <row r="622390" spans="8:8">
      <c r="H622390" s="12"/>
    </row>
    <row r="622391" spans="8:8">
      <c r="H622391" s="12"/>
    </row>
    <row r="622392" spans="8:8">
      <c r="H622392" s="12"/>
    </row>
    <row r="622393" spans="8:8">
      <c r="H622393" s="12"/>
    </row>
    <row r="622394" spans="8:8">
      <c r="H622394" s="12"/>
    </row>
    <row r="622395" spans="8:8">
      <c r="H622395" s="12"/>
    </row>
    <row r="622396" spans="8:8">
      <c r="H622396" s="12"/>
    </row>
    <row r="622397" spans="8:8">
      <c r="H622397" s="12"/>
    </row>
    <row r="622398" spans="8:8">
      <c r="H622398" s="12"/>
    </row>
    <row r="622399" spans="8:8">
      <c r="H622399" s="12"/>
    </row>
    <row r="622400" spans="8:8">
      <c r="H622400" s="12"/>
    </row>
    <row r="622401" spans="8:8">
      <c r="H622401" s="12"/>
    </row>
    <row r="622402" spans="8:8">
      <c r="H622402" s="12"/>
    </row>
    <row r="622403" spans="8:8">
      <c r="H622403" s="12"/>
    </row>
    <row r="622404" spans="8:8">
      <c r="H622404" s="12"/>
    </row>
    <row r="622405" spans="8:8">
      <c r="H622405" s="12"/>
    </row>
    <row r="622406" spans="8:8">
      <c r="H622406" s="12"/>
    </row>
    <row r="622407" spans="8:8">
      <c r="H622407" s="12"/>
    </row>
    <row r="622408" spans="8:8">
      <c r="H622408" s="12"/>
    </row>
    <row r="622409" spans="8:8">
      <c r="H622409" s="12"/>
    </row>
    <row r="622410" spans="8:8">
      <c r="H622410" s="12"/>
    </row>
    <row r="622411" spans="8:8">
      <c r="H622411" s="12"/>
    </row>
    <row r="622412" spans="8:8">
      <c r="H622412" s="12"/>
    </row>
    <row r="622413" spans="8:8">
      <c r="H622413" s="12"/>
    </row>
    <row r="622414" spans="8:8">
      <c r="H622414" s="12"/>
    </row>
    <row r="622415" spans="8:8">
      <c r="H622415" s="12"/>
    </row>
    <row r="622416" spans="8:8">
      <c r="H622416" s="12"/>
    </row>
    <row r="622417" spans="8:8">
      <c r="H622417" s="12"/>
    </row>
    <row r="622418" spans="8:8">
      <c r="H622418" s="12"/>
    </row>
    <row r="622419" spans="8:8">
      <c r="H622419" s="12"/>
    </row>
    <row r="622420" spans="8:8">
      <c r="H622420" s="12"/>
    </row>
    <row r="622421" spans="8:8">
      <c r="H622421" s="12"/>
    </row>
    <row r="622422" spans="8:8">
      <c r="H622422" s="12"/>
    </row>
    <row r="622423" spans="8:8">
      <c r="H622423" s="12"/>
    </row>
    <row r="622424" spans="8:8">
      <c r="H622424" s="12"/>
    </row>
    <row r="622425" spans="8:8">
      <c r="H622425" s="12"/>
    </row>
    <row r="622426" spans="8:8">
      <c r="H622426" s="12"/>
    </row>
    <row r="622427" spans="8:8">
      <c r="H622427" s="12"/>
    </row>
    <row r="622428" spans="8:8">
      <c r="H622428" s="12"/>
    </row>
    <row r="622429" spans="8:8">
      <c r="H622429" s="12"/>
    </row>
    <row r="622430" spans="8:8">
      <c r="H622430" s="12"/>
    </row>
    <row r="622431" spans="8:8">
      <c r="H622431" s="12"/>
    </row>
    <row r="622432" spans="8:8">
      <c r="H622432" s="12"/>
    </row>
    <row r="622433" spans="8:8">
      <c r="H622433" s="12"/>
    </row>
    <row r="622434" spans="8:8">
      <c r="H622434" s="12"/>
    </row>
    <row r="622435" spans="8:8">
      <c r="H622435" s="12"/>
    </row>
    <row r="622436" spans="8:8">
      <c r="H622436" s="12"/>
    </row>
    <row r="622437" spans="8:8">
      <c r="H622437" s="12"/>
    </row>
    <row r="622438" spans="8:8">
      <c r="H622438" s="12"/>
    </row>
    <row r="622439" spans="8:8">
      <c r="H622439" s="12"/>
    </row>
    <row r="622440" spans="8:8">
      <c r="H622440" s="12"/>
    </row>
    <row r="622441" spans="8:8">
      <c r="H622441" s="12"/>
    </row>
    <row r="622442" spans="8:8">
      <c r="H622442" s="12"/>
    </row>
    <row r="622443" spans="8:8">
      <c r="H622443" s="12"/>
    </row>
    <row r="622444" spans="8:8">
      <c r="H622444" s="12"/>
    </row>
    <row r="622445" spans="8:8">
      <c r="H622445" s="12"/>
    </row>
    <row r="622446" spans="8:8">
      <c r="H622446" s="12"/>
    </row>
    <row r="622447" spans="8:8">
      <c r="H622447" s="12"/>
    </row>
    <row r="622448" spans="8:8">
      <c r="H622448" s="12"/>
    </row>
    <row r="622449" spans="8:8">
      <c r="H622449" s="12"/>
    </row>
    <row r="622450" spans="8:8">
      <c r="H622450" s="12"/>
    </row>
    <row r="622451" spans="8:8">
      <c r="H622451" s="12"/>
    </row>
    <row r="622452" spans="8:8">
      <c r="H622452" s="12"/>
    </row>
    <row r="622453" spans="8:8">
      <c r="H622453" s="12"/>
    </row>
    <row r="622454" spans="8:8">
      <c r="H622454" s="12"/>
    </row>
    <row r="622455" spans="8:8">
      <c r="H622455" s="12"/>
    </row>
    <row r="622456" spans="8:8">
      <c r="H622456" s="12"/>
    </row>
    <row r="622457" spans="8:8">
      <c r="H622457" s="12"/>
    </row>
    <row r="622458" spans="8:8">
      <c r="H622458" s="12"/>
    </row>
    <row r="622459" spans="8:8">
      <c r="H622459" s="12"/>
    </row>
    <row r="622460" spans="8:8">
      <c r="H622460" s="12"/>
    </row>
    <row r="622461" spans="8:8">
      <c r="H622461" s="12"/>
    </row>
    <row r="622462" spans="8:8">
      <c r="H622462" s="12"/>
    </row>
    <row r="622463" spans="8:8">
      <c r="H622463" s="12"/>
    </row>
    <row r="622464" spans="8:8">
      <c r="H622464" s="12"/>
    </row>
    <row r="622465" spans="8:8">
      <c r="H622465" s="12"/>
    </row>
    <row r="622466" spans="8:8">
      <c r="H622466" s="12"/>
    </row>
    <row r="622467" spans="8:8">
      <c r="H622467" s="12"/>
    </row>
    <row r="622468" spans="8:8">
      <c r="H622468" s="12"/>
    </row>
    <row r="622469" spans="8:8">
      <c r="H622469" s="12"/>
    </row>
    <row r="622470" spans="8:8">
      <c r="H622470" s="12"/>
    </row>
    <row r="622471" spans="8:8">
      <c r="H622471" s="12"/>
    </row>
    <row r="622472" spans="8:8">
      <c r="H622472" s="12"/>
    </row>
    <row r="622473" spans="8:8">
      <c r="H622473" s="12"/>
    </row>
    <row r="622474" spans="8:8">
      <c r="H622474" s="12"/>
    </row>
    <row r="622475" spans="8:8">
      <c r="H622475" s="12"/>
    </row>
    <row r="622476" spans="8:8">
      <c r="H622476" s="12"/>
    </row>
    <row r="622477" spans="8:8">
      <c r="H622477" s="12"/>
    </row>
    <row r="622478" spans="8:8">
      <c r="H622478" s="12"/>
    </row>
    <row r="622479" spans="8:8">
      <c r="H622479" s="12"/>
    </row>
    <row r="622480" spans="8:8">
      <c r="H622480" s="12"/>
    </row>
    <row r="622481" spans="8:8">
      <c r="H622481" s="12"/>
    </row>
    <row r="622482" spans="8:8">
      <c r="H622482" s="12"/>
    </row>
    <row r="622483" spans="8:8">
      <c r="H622483" s="12"/>
    </row>
    <row r="622484" spans="8:8">
      <c r="H622484" s="12"/>
    </row>
    <row r="622485" spans="8:8">
      <c r="H622485" s="12"/>
    </row>
    <row r="622486" spans="8:8">
      <c r="H622486" s="12"/>
    </row>
    <row r="622487" spans="8:8">
      <c r="H622487" s="12"/>
    </row>
    <row r="622488" spans="8:8">
      <c r="H622488" s="12"/>
    </row>
    <row r="622489" spans="8:8">
      <c r="H622489" s="12"/>
    </row>
    <row r="622490" spans="8:8">
      <c r="H622490" s="12"/>
    </row>
    <row r="622491" spans="8:8">
      <c r="H622491" s="12"/>
    </row>
    <row r="622492" spans="8:8">
      <c r="H622492" s="12"/>
    </row>
    <row r="622493" spans="8:8">
      <c r="H622493" s="12"/>
    </row>
    <row r="622494" spans="8:8">
      <c r="H622494" s="12"/>
    </row>
    <row r="622495" spans="8:8">
      <c r="H622495" s="12"/>
    </row>
    <row r="622496" spans="8:8">
      <c r="H622496" s="12"/>
    </row>
    <row r="622497" spans="8:8">
      <c r="H622497" s="12"/>
    </row>
    <row r="622498" spans="8:8">
      <c r="H622498" s="12"/>
    </row>
    <row r="622499" spans="8:8">
      <c r="H622499" s="12"/>
    </row>
    <row r="622500" spans="8:8">
      <c r="H622500" s="12"/>
    </row>
    <row r="622501" spans="8:8">
      <c r="H622501" s="12"/>
    </row>
    <row r="622502" spans="8:8">
      <c r="H622502" s="12"/>
    </row>
    <row r="622503" spans="8:8">
      <c r="H622503" s="12"/>
    </row>
    <row r="622504" spans="8:8">
      <c r="H622504" s="12"/>
    </row>
    <row r="622505" spans="8:8">
      <c r="H622505" s="12"/>
    </row>
    <row r="622506" spans="8:8">
      <c r="H622506" s="12"/>
    </row>
    <row r="622507" spans="8:8">
      <c r="H622507" s="12"/>
    </row>
    <row r="622508" spans="8:8">
      <c r="H622508" s="12"/>
    </row>
    <row r="622509" spans="8:8">
      <c r="H622509" s="12"/>
    </row>
    <row r="622510" spans="8:8">
      <c r="H622510" s="12"/>
    </row>
    <row r="622511" spans="8:8">
      <c r="H622511" s="12"/>
    </row>
    <row r="622512" spans="8:8">
      <c r="H622512" s="12"/>
    </row>
    <row r="622513" spans="8:8">
      <c r="H622513" s="12"/>
    </row>
    <row r="622514" spans="8:8">
      <c r="H622514" s="12"/>
    </row>
    <row r="622515" spans="8:8">
      <c r="H622515" s="12"/>
    </row>
    <row r="622516" spans="8:8">
      <c r="H622516" s="12"/>
    </row>
    <row r="622517" spans="8:8">
      <c r="H622517" s="12"/>
    </row>
    <row r="622518" spans="8:8">
      <c r="H622518" s="12"/>
    </row>
    <row r="622519" spans="8:8">
      <c r="H622519" s="12"/>
    </row>
    <row r="622520" spans="8:8">
      <c r="H622520" s="12"/>
    </row>
    <row r="622521" spans="8:8">
      <c r="H622521" s="12"/>
    </row>
    <row r="622522" spans="8:8">
      <c r="H622522" s="12"/>
    </row>
    <row r="622523" spans="8:8">
      <c r="H622523" s="12"/>
    </row>
    <row r="622524" spans="8:8">
      <c r="H622524" s="12"/>
    </row>
    <row r="622525" spans="8:8">
      <c r="H622525" s="12"/>
    </row>
    <row r="622526" spans="8:8">
      <c r="H622526" s="12"/>
    </row>
    <row r="622527" spans="8:8">
      <c r="H622527" s="12"/>
    </row>
    <row r="622528" spans="8:8">
      <c r="H622528" s="12"/>
    </row>
    <row r="622529" spans="8:8">
      <c r="H622529" s="12"/>
    </row>
    <row r="622530" spans="8:8">
      <c r="H622530" s="12"/>
    </row>
    <row r="622531" spans="8:8">
      <c r="H622531" s="12"/>
    </row>
    <row r="622532" spans="8:8">
      <c r="H622532" s="12"/>
    </row>
    <row r="622533" spans="8:8">
      <c r="H622533" s="12"/>
    </row>
    <row r="622534" spans="8:8">
      <c r="H622534" s="12"/>
    </row>
    <row r="622535" spans="8:8">
      <c r="H622535" s="12"/>
    </row>
    <row r="622536" spans="8:8">
      <c r="H622536" s="12"/>
    </row>
    <row r="622537" spans="8:8">
      <c r="H622537" s="12"/>
    </row>
    <row r="622538" spans="8:8">
      <c r="H622538" s="12"/>
    </row>
    <row r="622539" spans="8:8">
      <c r="H622539" s="12"/>
    </row>
    <row r="622540" spans="8:8">
      <c r="H622540" s="12"/>
    </row>
    <row r="622541" spans="8:8">
      <c r="H622541" s="12"/>
    </row>
    <row r="622542" spans="8:8">
      <c r="H622542" s="12"/>
    </row>
    <row r="622543" spans="8:8">
      <c r="H622543" s="12"/>
    </row>
    <row r="622544" spans="8:8">
      <c r="H622544" s="12"/>
    </row>
    <row r="622545" spans="8:8">
      <c r="H622545" s="12"/>
    </row>
    <row r="622546" spans="8:8">
      <c r="H622546" s="12"/>
    </row>
    <row r="622547" spans="8:8">
      <c r="H622547" s="12"/>
    </row>
    <row r="622548" spans="8:8">
      <c r="H622548" s="12"/>
    </row>
    <row r="622549" spans="8:8">
      <c r="H622549" s="12"/>
    </row>
    <row r="622550" spans="8:8">
      <c r="H622550" s="12"/>
    </row>
    <row r="622551" spans="8:8">
      <c r="H622551" s="12"/>
    </row>
    <row r="622552" spans="8:8">
      <c r="H622552" s="12"/>
    </row>
    <row r="622553" spans="8:8">
      <c r="H622553" s="12"/>
    </row>
    <row r="622554" spans="8:8">
      <c r="H622554" s="12"/>
    </row>
    <row r="622555" spans="8:8">
      <c r="H622555" s="12"/>
    </row>
    <row r="622556" spans="8:8">
      <c r="H622556" s="12"/>
    </row>
    <row r="622557" spans="8:8">
      <c r="H622557" s="12"/>
    </row>
    <row r="622558" spans="8:8">
      <c r="H622558" s="12"/>
    </row>
    <row r="622559" spans="8:8">
      <c r="H622559" s="12"/>
    </row>
    <row r="622560" spans="8:8">
      <c r="H622560" s="12"/>
    </row>
    <row r="622561" spans="8:8">
      <c r="H622561" s="12"/>
    </row>
    <row r="622562" spans="8:8">
      <c r="H622562" s="12"/>
    </row>
    <row r="622563" spans="8:8">
      <c r="H622563" s="12"/>
    </row>
    <row r="622564" spans="8:8">
      <c r="H622564" s="12"/>
    </row>
    <row r="622565" spans="8:8">
      <c r="H622565" s="12"/>
    </row>
    <row r="622566" spans="8:8">
      <c r="H622566" s="12"/>
    </row>
    <row r="622567" spans="8:8">
      <c r="H622567" s="12"/>
    </row>
    <row r="622568" spans="8:8">
      <c r="H622568" s="12"/>
    </row>
    <row r="622569" spans="8:8">
      <c r="H622569" s="12"/>
    </row>
    <row r="622570" spans="8:8">
      <c r="H622570" s="12"/>
    </row>
    <row r="622571" spans="8:8">
      <c r="H622571" s="12"/>
    </row>
    <row r="622572" spans="8:8">
      <c r="H622572" s="12"/>
    </row>
    <row r="622573" spans="8:8">
      <c r="H622573" s="12"/>
    </row>
    <row r="622574" spans="8:8">
      <c r="H622574" s="12"/>
    </row>
    <row r="622575" spans="8:8">
      <c r="H622575" s="12"/>
    </row>
    <row r="622576" spans="8:8">
      <c r="H622576" s="12"/>
    </row>
    <row r="622577" spans="8:8">
      <c r="H622577" s="12"/>
    </row>
    <row r="622578" spans="8:8">
      <c r="H622578" s="12"/>
    </row>
    <row r="622579" spans="8:8">
      <c r="H622579" s="12"/>
    </row>
    <row r="622580" spans="8:8">
      <c r="H622580" s="12"/>
    </row>
    <row r="622581" spans="8:8">
      <c r="H622581" s="12"/>
    </row>
    <row r="622582" spans="8:8">
      <c r="H622582" s="12"/>
    </row>
    <row r="622583" spans="8:8">
      <c r="H622583" s="12"/>
    </row>
    <row r="622584" spans="8:8">
      <c r="H622584" s="12"/>
    </row>
    <row r="622585" spans="8:8">
      <c r="H622585" s="12"/>
    </row>
    <row r="622586" spans="8:8">
      <c r="H622586" s="12"/>
    </row>
    <row r="622587" spans="8:8">
      <c r="H622587" s="12"/>
    </row>
    <row r="622588" spans="8:8">
      <c r="H622588" s="12"/>
    </row>
    <row r="622589" spans="8:8">
      <c r="H622589" s="12"/>
    </row>
    <row r="622590" spans="8:8">
      <c r="H622590" s="12"/>
    </row>
    <row r="622591" spans="8:8">
      <c r="H622591" s="12"/>
    </row>
    <row r="622592" spans="8:8">
      <c r="H622592" s="12"/>
    </row>
    <row r="622593" spans="8:8">
      <c r="H622593" s="12"/>
    </row>
    <row r="622594" spans="8:8">
      <c r="H622594" s="12"/>
    </row>
    <row r="622595" spans="8:8">
      <c r="H622595" s="12"/>
    </row>
    <row r="622596" spans="8:8">
      <c r="H622596" s="12"/>
    </row>
    <row r="622597" spans="8:8">
      <c r="H622597" s="12"/>
    </row>
    <row r="622598" spans="8:8">
      <c r="H622598" s="12"/>
    </row>
    <row r="622599" spans="8:8">
      <c r="H622599" s="12"/>
    </row>
    <row r="622600" spans="8:8">
      <c r="H622600" s="12"/>
    </row>
    <row r="622601" spans="8:8">
      <c r="H622601" s="12"/>
    </row>
    <row r="622602" spans="8:8">
      <c r="H622602" s="12"/>
    </row>
    <row r="622603" spans="8:8">
      <c r="H622603" s="12"/>
    </row>
    <row r="622604" spans="8:8">
      <c r="H622604" s="12"/>
    </row>
    <row r="622605" spans="8:8">
      <c r="H622605" s="12"/>
    </row>
    <row r="622606" spans="8:8">
      <c r="H622606" s="12"/>
    </row>
    <row r="622607" spans="8:8">
      <c r="H622607" s="12"/>
    </row>
    <row r="622608" spans="8:8">
      <c r="H622608" s="12"/>
    </row>
    <row r="622609" spans="8:8">
      <c r="H622609" s="12"/>
    </row>
    <row r="622610" spans="8:8">
      <c r="H622610" s="12"/>
    </row>
    <row r="622611" spans="8:8">
      <c r="H622611" s="12"/>
    </row>
    <row r="622612" spans="8:8">
      <c r="H622612" s="12"/>
    </row>
    <row r="622613" spans="8:8">
      <c r="H622613" s="12"/>
    </row>
    <row r="622614" spans="8:8">
      <c r="H622614" s="12"/>
    </row>
    <row r="622615" spans="8:8">
      <c r="H622615" s="12"/>
    </row>
    <row r="622616" spans="8:8">
      <c r="H622616" s="12"/>
    </row>
    <row r="622617" spans="8:8">
      <c r="H622617" s="12"/>
    </row>
    <row r="622618" spans="8:8">
      <c r="H622618" s="12"/>
    </row>
    <row r="622619" spans="8:8">
      <c r="H622619" s="12"/>
    </row>
    <row r="622620" spans="8:8">
      <c r="H622620" s="12"/>
    </row>
    <row r="622621" spans="8:8">
      <c r="H622621" s="12"/>
    </row>
    <row r="622622" spans="8:8">
      <c r="H622622" s="12"/>
    </row>
    <row r="622623" spans="8:8">
      <c r="H622623" s="12"/>
    </row>
    <row r="622624" spans="8:8">
      <c r="H622624" s="12"/>
    </row>
    <row r="622625" spans="8:8">
      <c r="H622625" s="12"/>
    </row>
    <row r="622626" spans="8:8">
      <c r="H622626" s="12"/>
    </row>
    <row r="622627" spans="8:8">
      <c r="H622627" s="12"/>
    </row>
    <row r="622628" spans="8:8">
      <c r="H622628" s="12"/>
    </row>
    <row r="622629" spans="8:8">
      <c r="H622629" s="12"/>
    </row>
    <row r="622630" spans="8:8">
      <c r="H622630" s="12"/>
    </row>
    <row r="622631" spans="8:8">
      <c r="H622631" s="12"/>
    </row>
    <row r="622632" spans="8:8">
      <c r="H622632" s="12"/>
    </row>
    <row r="622633" spans="8:8">
      <c r="H622633" s="12"/>
    </row>
    <row r="622634" spans="8:8">
      <c r="H622634" s="12"/>
    </row>
    <row r="622635" spans="8:8">
      <c r="H622635" s="12"/>
    </row>
    <row r="622636" spans="8:8">
      <c r="H622636" s="12"/>
    </row>
    <row r="622637" spans="8:8">
      <c r="H622637" s="12"/>
    </row>
    <row r="622638" spans="8:8">
      <c r="H622638" s="12"/>
    </row>
    <row r="622639" spans="8:8">
      <c r="H622639" s="12"/>
    </row>
    <row r="622640" spans="8:8">
      <c r="H622640" s="12"/>
    </row>
    <row r="622641" spans="8:8">
      <c r="H622641" s="12"/>
    </row>
    <row r="622642" spans="8:8">
      <c r="H622642" s="12"/>
    </row>
    <row r="622643" spans="8:8">
      <c r="H622643" s="12"/>
    </row>
    <row r="622644" spans="8:8">
      <c r="H622644" s="12"/>
    </row>
    <row r="622645" spans="8:8">
      <c r="H622645" s="12"/>
    </row>
    <row r="622646" spans="8:8">
      <c r="H622646" s="12"/>
    </row>
    <row r="622647" spans="8:8">
      <c r="H622647" s="12"/>
    </row>
    <row r="622648" spans="8:8">
      <c r="H622648" s="12"/>
    </row>
    <row r="622649" spans="8:8">
      <c r="H622649" s="12"/>
    </row>
    <row r="622650" spans="8:8">
      <c r="H622650" s="12"/>
    </row>
    <row r="622651" spans="8:8">
      <c r="H622651" s="12"/>
    </row>
    <row r="622652" spans="8:8">
      <c r="H622652" s="12"/>
    </row>
    <row r="622653" spans="8:8">
      <c r="H622653" s="12"/>
    </row>
    <row r="622654" spans="8:8">
      <c r="H622654" s="12"/>
    </row>
    <row r="622655" spans="8:8">
      <c r="H622655" s="12"/>
    </row>
    <row r="622656" spans="8:8">
      <c r="H622656" s="12"/>
    </row>
    <row r="622657" spans="8:8">
      <c r="H622657" s="12"/>
    </row>
    <row r="622658" spans="8:8">
      <c r="H622658" s="12"/>
    </row>
    <row r="622659" spans="8:8">
      <c r="H622659" s="12"/>
    </row>
    <row r="622660" spans="8:8">
      <c r="H622660" s="12"/>
    </row>
    <row r="622661" spans="8:8">
      <c r="H622661" s="12"/>
    </row>
    <row r="622662" spans="8:8">
      <c r="H622662" s="12"/>
    </row>
    <row r="622663" spans="8:8">
      <c r="H622663" s="12"/>
    </row>
    <row r="622664" spans="8:8">
      <c r="H622664" s="12"/>
    </row>
    <row r="622665" spans="8:8">
      <c r="H622665" s="12"/>
    </row>
    <row r="622666" spans="8:8">
      <c r="H622666" s="12"/>
    </row>
    <row r="622667" spans="8:8">
      <c r="H622667" s="12"/>
    </row>
    <row r="622668" spans="8:8">
      <c r="H622668" s="12"/>
    </row>
    <row r="622669" spans="8:8">
      <c r="H622669" s="12"/>
    </row>
    <row r="622670" spans="8:8">
      <c r="H622670" s="12"/>
    </row>
    <row r="622671" spans="8:8">
      <c r="H622671" s="12"/>
    </row>
    <row r="622672" spans="8:8">
      <c r="H622672" s="12"/>
    </row>
    <row r="622673" spans="8:8">
      <c r="H622673" s="12"/>
    </row>
    <row r="622674" spans="8:8">
      <c r="H622674" s="12"/>
    </row>
    <row r="622675" spans="8:8">
      <c r="H622675" s="12"/>
    </row>
    <row r="622676" spans="8:8">
      <c r="H622676" s="12"/>
    </row>
    <row r="622677" spans="8:8">
      <c r="H622677" s="12"/>
    </row>
    <row r="622678" spans="8:8">
      <c r="H622678" s="12"/>
    </row>
    <row r="622679" spans="8:8">
      <c r="H622679" s="12"/>
    </row>
    <row r="622680" spans="8:8">
      <c r="H622680" s="12"/>
    </row>
    <row r="622681" spans="8:8">
      <c r="H622681" s="12"/>
    </row>
    <row r="622682" spans="8:8">
      <c r="H622682" s="12"/>
    </row>
    <row r="622683" spans="8:8">
      <c r="H622683" s="12"/>
    </row>
    <row r="622684" spans="8:8">
      <c r="H622684" s="12"/>
    </row>
    <row r="622685" spans="8:8">
      <c r="H622685" s="12"/>
    </row>
    <row r="622686" spans="8:8">
      <c r="H622686" s="12"/>
    </row>
    <row r="622687" spans="8:8">
      <c r="H622687" s="12"/>
    </row>
    <row r="622688" spans="8:8">
      <c r="H622688" s="12"/>
    </row>
    <row r="622689" spans="8:8">
      <c r="H622689" s="12"/>
    </row>
    <row r="622690" spans="8:8">
      <c r="H622690" s="12"/>
    </row>
    <row r="622691" spans="8:8">
      <c r="H622691" s="12"/>
    </row>
    <row r="622692" spans="8:8">
      <c r="H622692" s="12"/>
    </row>
    <row r="622693" spans="8:8">
      <c r="H622693" s="12"/>
    </row>
    <row r="622694" spans="8:8">
      <c r="H622694" s="12"/>
    </row>
    <row r="622695" spans="8:8">
      <c r="H622695" s="12"/>
    </row>
    <row r="622696" spans="8:8">
      <c r="H622696" s="12"/>
    </row>
    <row r="622697" spans="8:8">
      <c r="H622697" s="12"/>
    </row>
    <row r="622698" spans="8:8">
      <c r="H622698" s="12"/>
    </row>
    <row r="622699" spans="8:8">
      <c r="H622699" s="12"/>
    </row>
    <row r="622700" spans="8:8">
      <c r="H622700" s="12"/>
    </row>
    <row r="622701" spans="8:8">
      <c r="H622701" s="12"/>
    </row>
    <row r="622702" spans="8:8">
      <c r="H622702" s="12"/>
    </row>
    <row r="622703" spans="8:8">
      <c r="H622703" s="12"/>
    </row>
    <row r="622704" spans="8:8">
      <c r="H622704" s="12"/>
    </row>
    <row r="622705" spans="8:8">
      <c r="H622705" s="12"/>
    </row>
    <row r="622706" spans="8:8">
      <c r="H622706" s="12"/>
    </row>
    <row r="622707" spans="8:8">
      <c r="H622707" s="12"/>
    </row>
    <row r="622708" spans="8:8">
      <c r="H622708" s="12"/>
    </row>
    <row r="622709" spans="8:8">
      <c r="H622709" s="12"/>
    </row>
    <row r="622710" spans="8:8">
      <c r="H622710" s="12"/>
    </row>
    <row r="622711" spans="8:8">
      <c r="H622711" s="12"/>
    </row>
    <row r="622712" spans="8:8">
      <c r="H622712" s="12"/>
    </row>
    <row r="622713" spans="8:8">
      <c r="H622713" s="12"/>
    </row>
    <row r="622714" spans="8:8">
      <c r="H622714" s="12"/>
    </row>
    <row r="622715" spans="8:8">
      <c r="H622715" s="12"/>
    </row>
    <row r="622716" spans="8:8">
      <c r="H622716" s="12"/>
    </row>
    <row r="622717" spans="8:8">
      <c r="H622717" s="12"/>
    </row>
    <row r="622718" spans="8:8">
      <c r="H622718" s="12"/>
    </row>
    <row r="622719" spans="8:8">
      <c r="H622719" s="12"/>
    </row>
    <row r="622720" spans="8:8">
      <c r="H622720" s="12"/>
    </row>
    <row r="622721" spans="8:8">
      <c r="H622721" s="12"/>
    </row>
    <row r="622722" spans="8:8">
      <c r="H622722" s="12"/>
    </row>
    <row r="622723" spans="8:8">
      <c r="H622723" s="12"/>
    </row>
    <row r="622724" spans="8:8">
      <c r="H622724" s="12"/>
    </row>
    <row r="622725" spans="8:8">
      <c r="H622725" s="12"/>
    </row>
    <row r="622726" spans="8:8">
      <c r="H622726" s="12"/>
    </row>
    <row r="622727" spans="8:8">
      <c r="H622727" s="12"/>
    </row>
    <row r="622728" spans="8:8">
      <c r="H622728" s="12"/>
    </row>
    <row r="622729" spans="8:8">
      <c r="H622729" s="12"/>
    </row>
    <row r="622730" spans="8:8">
      <c r="H622730" s="12"/>
    </row>
    <row r="622731" spans="8:8">
      <c r="H622731" s="12"/>
    </row>
    <row r="622732" spans="8:8">
      <c r="H622732" s="12"/>
    </row>
    <row r="622733" spans="8:8">
      <c r="H622733" s="12"/>
    </row>
    <row r="622734" spans="8:8">
      <c r="H622734" s="12"/>
    </row>
    <row r="622735" spans="8:8">
      <c r="H622735" s="12"/>
    </row>
    <row r="622736" spans="8:8">
      <c r="H622736" s="12"/>
    </row>
    <row r="622737" spans="8:8">
      <c r="H622737" s="12"/>
    </row>
    <row r="622738" spans="8:8">
      <c r="H622738" s="12"/>
    </row>
    <row r="622739" spans="8:8">
      <c r="H622739" s="12"/>
    </row>
    <row r="622740" spans="8:8">
      <c r="H622740" s="12"/>
    </row>
    <row r="622741" spans="8:8">
      <c r="H622741" s="12"/>
    </row>
    <row r="622742" spans="8:8">
      <c r="H622742" s="12"/>
    </row>
    <row r="622743" spans="8:8">
      <c r="H622743" s="12"/>
    </row>
    <row r="622744" spans="8:8">
      <c r="H622744" s="12"/>
    </row>
    <row r="622745" spans="8:8">
      <c r="H622745" s="12"/>
    </row>
    <row r="622746" spans="8:8">
      <c r="H622746" s="12"/>
    </row>
    <row r="622747" spans="8:8">
      <c r="H622747" s="12"/>
    </row>
    <row r="622748" spans="8:8">
      <c r="H622748" s="12"/>
    </row>
    <row r="622749" spans="8:8">
      <c r="H622749" s="12"/>
    </row>
    <row r="622750" spans="8:8">
      <c r="H622750" s="12"/>
    </row>
    <row r="622751" spans="8:8">
      <c r="H622751" s="12"/>
    </row>
    <row r="622752" spans="8:8">
      <c r="H622752" s="12"/>
    </row>
    <row r="622753" spans="8:8">
      <c r="H622753" s="12"/>
    </row>
    <row r="622754" spans="8:8">
      <c r="H622754" s="12"/>
    </row>
    <row r="622755" spans="8:8">
      <c r="H622755" s="12"/>
    </row>
    <row r="622756" spans="8:8">
      <c r="H622756" s="12"/>
    </row>
    <row r="622757" spans="8:8">
      <c r="H622757" s="12"/>
    </row>
    <row r="622758" spans="8:8">
      <c r="H622758" s="12"/>
    </row>
    <row r="622759" spans="8:8">
      <c r="H622759" s="12"/>
    </row>
    <row r="622760" spans="8:8">
      <c r="H622760" s="12"/>
    </row>
    <row r="622761" spans="8:8">
      <c r="H622761" s="12"/>
    </row>
    <row r="622762" spans="8:8">
      <c r="H622762" s="12"/>
    </row>
    <row r="622763" spans="8:8">
      <c r="H622763" s="12"/>
    </row>
    <row r="622764" spans="8:8">
      <c r="H622764" s="12"/>
    </row>
    <row r="622765" spans="8:8">
      <c r="H622765" s="12"/>
    </row>
    <row r="622766" spans="8:8">
      <c r="H622766" s="12"/>
    </row>
    <row r="622767" spans="8:8">
      <c r="H622767" s="12"/>
    </row>
    <row r="622768" spans="8:8">
      <c r="H622768" s="12"/>
    </row>
    <row r="622769" spans="8:8">
      <c r="H622769" s="12"/>
    </row>
    <row r="622770" spans="8:8">
      <c r="H622770" s="12"/>
    </row>
    <row r="622771" spans="8:8">
      <c r="H622771" s="12"/>
    </row>
    <row r="622772" spans="8:8">
      <c r="H622772" s="12"/>
    </row>
    <row r="622773" spans="8:8">
      <c r="H622773" s="12"/>
    </row>
    <row r="622774" spans="8:8">
      <c r="H622774" s="12"/>
    </row>
    <row r="622775" spans="8:8">
      <c r="H622775" s="12"/>
    </row>
    <row r="622776" spans="8:8">
      <c r="H622776" s="12"/>
    </row>
    <row r="622777" spans="8:8">
      <c r="H622777" s="12"/>
    </row>
    <row r="622778" spans="8:8">
      <c r="H622778" s="12"/>
    </row>
    <row r="622779" spans="8:8">
      <c r="H622779" s="12"/>
    </row>
    <row r="622780" spans="8:8">
      <c r="H622780" s="12"/>
    </row>
    <row r="622781" spans="8:8">
      <c r="H622781" s="12"/>
    </row>
    <row r="622782" spans="8:8">
      <c r="H622782" s="12"/>
    </row>
    <row r="622783" spans="8:8">
      <c r="H622783" s="12"/>
    </row>
    <row r="622784" spans="8:8">
      <c r="H622784" s="12"/>
    </row>
    <row r="622785" spans="8:8">
      <c r="H622785" s="12"/>
    </row>
    <row r="622786" spans="8:8">
      <c r="H622786" s="12"/>
    </row>
    <row r="622787" spans="8:8">
      <c r="H622787" s="12"/>
    </row>
    <row r="622788" spans="8:8">
      <c r="H622788" s="12"/>
    </row>
    <row r="622789" spans="8:8">
      <c r="H622789" s="12"/>
    </row>
    <row r="622790" spans="8:8">
      <c r="H622790" s="12"/>
    </row>
    <row r="622791" spans="8:8">
      <c r="H622791" s="12"/>
    </row>
    <row r="622792" spans="8:8">
      <c r="H622792" s="12"/>
    </row>
    <row r="622793" spans="8:8">
      <c r="H622793" s="12"/>
    </row>
    <row r="622794" spans="8:8">
      <c r="H622794" s="12"/>
    </row>
    <row r="622795" spans="8:8">
      <c r="H622795" s="12"/>
    </row>
    <row r="622796" spans="8:8">
      <c r="H622796" s="12"/>
    </row>
    <row r="622797" spans="8:8">
      <c r="H622797" s="12"/>
    </row>
    <row r="622798" spans="8:8">
      <c r="H622798" s="12"/>
    </row>
    <row r="622799" spans="8:8">
      <c r="H622799" s="12"/>
    </row>
    <row r="622800" spans="8:8">
      <c r="H622800" s="12"/>
    </row>
    <row r="622801" spans="8:8">
      <c r="H622801" s="12"/>
    </row>
    <row r="622802" spans="8:8">
      <c r="H622802" s="12"/>
    </row>
    <row r="622803" spans="8:8">
      <c r="H622803" s="12"/>
    </row>
    <row r="622804" spans="8:8">
      <c r="H622804" s="12"/>
    </row>
    <row r="622805" spans="8:8">
      <c r="H622805" s="12"/>
    </row>
    <row r="622806" spans="8:8">
      <c r="H622806" s="12"/>
    </row>
    <row r="622807" spans="8:8">
      <c r="H622807" s="12"/>
    </row>
    <row r="622808" spans="8:8">
      <c r="H622808" s="12"/>
    </row>
    <row r="622809" spans="8:8">
      <c r="H622809" s="12"/>
    </row>
    <row r="622810" spans="8:8">
      <c r="H622810" s="12"/>
    </row>
    <row r="622811" spans="8:8">
      <c r="H622811" s="12"/>
    </row>
    <row r="622812" spans="8:8">
      <c r="H622812" s="12"/>
    </row>
    <row r="622813" spans="8:8">
      <c r="H622813" s="12"/>
    </row>
    <row r="622814" spans="8:8">
      <c r="H622814" s="12"/>
    </row>
    <row r="622815" spans="8:8">
      <c r="H622815" s="12"/>
    </row>
    <row r="622816" spans="8:8">
      <c r="H622816" s="12"/>
    </row>
    <row r="622817" spans="8:8">
      <c r="H622817" s="12"/>
    </row>
    <row r="622818" spans="8:8">
      <c r="H622818" s="12"/>
    </row>
    <row r="622819" spans="8:8">
      <c r="H622819" s="12"/>
    </row>
    <row r="622820" spans="8:8">
      <c r="H622820" s="12"/>
    </row>
    <row r="622821" spans="8:8">
      <c r="H622821" s="12"/>
    </row>
    <row r="622822" spans="8:8">
      <c r="H622822" s="12"/>
    </row>
    <row r="622823" spans="8:8">
      <c r="H622823" s="12"/>
    </row>
    <row r="622824" spans="8:8">
      <c r="H622824" s="12"/>
    </row>
    <row r="622825" spans="8:8">
      <c r="H622825" s="12"/>
    </row>
    <row r="622826" spans="8:8">
      <c r="H622826" s="12"/>
    </row>
    <row r="622827" spans="8:8">
      <c r="H622827" s="12"/>
    </row>
    <row r="622828" spans="8:8">
      <c r="H622828" s="12"/>
    </row>
    <row r="622829" spans="8:8">
      <c r="H622829" s="12"/>
    </row>
    <row r="622830" spans="8:8">
      <c r="H622830" s="12"/>
    </row>
    <row r="622831" spans="8:8">
      <c r="H622831" s="12"/>
    </row>
    <row r="622832" spans="8:8">
      <c r="H622832" s="12"/>
    </row>
    <row r="622833" spans="8:8">
      <c r="H622833" s="12"/>
    </row>
    <row r="622834" spans="8:8">
      <c r="H622834" s="12"/>
    </row>
    <row r="622835" spans="8:8">
      <c r="H622835" s="12"/>
    </row>
    <row r="622836" spans="8:8">
      <c r="H622836" s="12"/>
    </row>
    <row r="622837" spans="8:8">
      <c r="H622837" s="12"/>
    </row>
    <row r="622838" spans="8:8">
      <c r="H622838" s="12"/>
    </row>
    <row r="622839" spans="8:8">
      <c r="H622839" s="12"/>
    </row>
    <row r="622840" spans="8:8">
      <c r="H622840" s="12"/>
    </row>
    <row r="622841" spans="8:8">
      <c r="H622841" s="12"/>
    </row>
    <row r="622842" spans="8:8">
      <c r="H622842" s="12"/>
    </row>
    <row r="622843" spans="8:8">
      <c r="H622843" s="12"/>
    </row>
    <row r="622844" spans="8:8">
      <c r="H622844" s="12"/>
    </row>
    <row r="622845" spans="8:8">
      <c r="H622845" s="12"/>
    </row>
    <row r="622846" spans="8:8">
      <c r="H622846" s="12"/>
    </row>
    <row r="622847" spans="8:8">
      <c r="H622847" s="12"/>
    </row>
    <row r="622848" spans="8:8">
      <c r="H622848" s="12"/>
    </row>
    <row r="622849" spans="8:8">
      <c r="H622849" s="12"/>
    </row>
    <row r="622850" spans="8:8">
      <c r="H622850" s="12"/>
    </row>
    <row r="622851" spans="8:8">
      <c r="H622851" s="12"/>
    </row>
    <row r="622852" spans="8:8">
      <c r="H622852" s="12"/>
    </row>
    <row r="622853" spans="8:8">
      <c r="H622853" s="12"/>
    </row>
    <row r="622854" spans="8:8">
      <c r="H622854" s="12"/>
    </row>
    <row r="622855" spans="8:8">
      <c r="H622855" s="12"/>
    </row>
    <row r="622856" spans="8:8">
      <c r="H622856" s="12"/>
    </row>
    <row r="622857" spans="8:8">
      <c r="H622857" s="12"/>
    </row>
    <row r="622858" spans="8:8">
      <c r="H622858" s="12"/>
    </row>
    <row r="622859" spans="8:8">
      <c r="H622859" s="12"/>
    </row>
    <row r="622860" spans="8:8">
      <c r="H622860" s="12"/>
    </row>
    <row r="622861" spans="8:8">
      <c r="H622861" s="12"/>
    </row>
    <row r="622862" spans="8:8">
      <c r="H622862" s="12"/>
    </row>
    <row r="622863" spans="8:8">
      <c r="H622863" s="12"/>
    </row>
    <row r="622864" spans="8:8">
      <c r="H622864" s="12"/>
    </row>
    <row r="622865" spans="8:8">
      <c r="H622865" s="12"/>
    </row>
    <row r="622866" spans="8:8">
      <c r="H622866" s="12"/>
    </row>
    <row r="622867" spans="8:8">
      <c r="H622867" s="12"/>
    </row>
    <row r="622868" spans="8:8">
      <c r="H622868" s="12"/>
    </row>
    <row r="622869" spans="8:8">
      <c r="H622869" s="12"/>
    </row>
    <row r="622870" spans="8:8">
      <c r="H622870" s="12"/>
    </row>
    <row r="622871" spans="8:8">
      <c r="H622871" s="12"/>
    </row>
    <row r="622872" spans="8:8">
      <c r="H622872" s="12"/>
    </row>
    <row r="622873" spans="8:8">
      <c r="H622873" s="12"/>
    </row>
    <row r="622874" spans="8:8">
      <c r="H622874" s="12"/>
    </row>
    <row r="622875" spans="8:8">
      <c r="H622875" s="12"/>
    </row>
    <row r="622876" spans="8:8">
      <c r="H622876" s="12"/>
    </row>
    <row r="622877" spans="8:8">
      <c r="H622877" s="12"/>
    </row>
    <row r="622878" spans="8:8">
      <c r="H622878" s="12"/>
    </row>
    <row r="622879" spans="8:8">
      <c r="H622879" s="12"/>
    </row>
    <row r="622880" spans="8:8">
      <c r="H622880" s="12"/>
    </row>
    <row r="622881" spans="8:8">
      <c r="H622881" s="12"/>
    </row>
    <row r="622882" spans="8:8">
      <c r="H622882" s="12"/>
    </row>
    <row r="622883" spans="8:8">
      <c r="H622883" s="12"/>
    </row>
    <row r="622884" spans="8:8">
      <c r="H622884" s="12"/>
    </row>
    <row r="622885" spans="8:8">
      <c r="H622885" s="12"/>
    </row>
    <row r="622886" spans="8:8">
      <c r="H622886" s="12"/>
    </row>
    <row r="622887" spans="8:8">
      <c r="H622887" s="12"/>
    </row>
    <row r="622888" spans="8:8">
      <c r="H622888" s="12"/>
    </row>
    <row r="622889" spans="8:8">
      <c r="H622889" s="12"/>
    </row>
    <row r="622890" spans="8:8">
      <c r="H622890" s="12"/>
    </row>
    <row r="622891" spans="8:8">
      <c r="H622891" s="12"/>
    </row>
    <row r="622892" spans="8:8">
      <c r="H622892" s="12"/>
    </row>
    <row r="622893" spans="8:8">
      <c r="H622893" s="12"/>
    </row>
    <row r="622894" spans="8:8">
      <c r="H622894" s="12"/>
    </row>
    <row r="622895" spans="8:8">
      <c r="H622895" s="12"/>
    </row>
    <row r="622896" spans="8:8">
      <c r="H622896" s="12"/>
    </row>
    <row r="622897" spans="8:8">
      <c r="H622897" s="12"/>
    </row>
    <row r="622898" spans="8:8">
      <c r="H622898" s="12"/>
    </row>
    <row r="622899" spans="8:8">
      <c r="H622899" s="12"/>
    </row>
    <row r="622900" spans="8:8">
      <c r="H622900" s="12"/>
    </row>
    <row r="622901" spans="8:8">
      <c r="H622901" s="12"/>
    </row>
    <row r="622902" spans="8:8">
      <c r="H622902" s="12"/>
    </row>
    <row r="622903" spans="8:8">
      <c r="H622903" s="12"/>
    </row>
    <row r="622904" spans="8:8">
      <c r="H622904" s="12"/>
    </row>
    <row r="622905" spans="8:8">
      <c r="H622905" s="12"/>
    </row>
    <row r="622906" spans="8:8">
      <c r="H622906" s="12"/>
    </row>
    <row r="622907" spans="8:8">
      <c r="H622907" s="12"/>
    </row>
    <row r="622908" spans="8:8">
      <c r="H622908" s="12"/>
    </row>
    <row r="622909" spans="8:8">
      <c r="H622909" s="12"/>
    </row>
    <row r="622910" spans="8:8">
      <c r="H622910" s="12"/>
    </row>
    <row r="622911" spans="8:8">
      <c r="H622911" s="12"/>
    </row>
    <row r="622912" spans="8:8">
      <c r="H622912" s="12"/>
    </row>
    <row r="622913" spans="8:8">
      <c r="H622913" s="12"/>
    </row>
    <row r="622914" spans="8:8">
      <c r="H622914" s="12"/>
    </row>
    <row r="622915" spans="8:8">
      <c r="H622915" s="12"/>
    </row>
    <row r="622916" spans="8:8">
      <c r="H622916" s="12"/>
    </row>
    <row r="622917" spans="8:8">
      <c r="H622917" s="12"/>
    </row>
    <row r="622918" spans="8:8">
      <c r="H622918" s="12"/>
    </row>
    <row r="622919" spans="8:8">
      <c r="H622919" s="12"/>
    </row>
    <row r="622920" spans="8:8">
      <c r="H622920" s="12"/>
    </row>
    <row r="622921" spans="8:8">
      <c r="H622921" s="12"/>
    </row>
    <row r="622922" spans="8:8">
      <c r="H622922" s="12"/>
    </row>
    <row r="622923" spans="8:8">
      <c r="H622923" s="12"/>
    </row>
    <row r="622924" spans="8:8">
      <c r="H622924" s="12"/>
    </row>
    <row r="622925" spans="8:8">
      <c r="H622925" s="12"/>
    </row>
    <row r="622926" spans="8:8">
      <c r="H622926" s="12"/>
    </row>
    <row r="622927" spans="8:8">
      <c r="H622927" s="12"/>
    </row>
    <row r="622928" spans="8:8">
      <c r="H622928" s="12"/>
    </row>
    <row r="622929" spans="8:8">
      <c r="H622929" s="12"/>
    </row>
    <row r="622930" spans="8:8">
      <c r="H622930" s="12"/>
    </row>
    <row r="622931" spans="8:8">
      <c r="H622931" s="12"/>
    </row>
    <row r="622932" spans="8:8">
      <c r="H622932" s="12"/>
    </row>
    <row r="622933" spans="8:8">
      <c r="H622933" s="12"/>
    </row>
    <row r="622934" spans="8:8">
      <c r="H622934" s="12"/>
    </row>
    <row r="622935" spans="8:8">
      <c r="H622935" s="12"/>
    </row>
    <row r="622936" spans="8:8">
      <c r="H622936" s="12"/>
    </row>
    <row r="622937" spans="8:8">
      <c r="H622937" s="12"/>
    </row>
    <row r="622938" spans="8:8">
      <c r="H622938" s="12"/>
    </row>
    <row r="622939" spans="8:8">
      <c r="H622939" s="12"/>
    </row>
    <row r="622940" spans="8:8">
      <c r="H622940" s="12"/>
    </row>
    <row r="622941" spans="8:8">
      <c r="H622941" s="12"/>
    </row>
    <row r="622942" spans="8:8">
      <c r="H622942" s="12"/>
    </row>
    <row r="622943" spans="8:8">
      <c r="H622943" s="12"/>
    </row>
    <row r="622944" spans="8:8">
      <c r="H622944" s="12"/>
    </row>
    <row r="622945" spans="8:8">
      <c r="H622945" s="12"/>
    </row>
    <row r="622946" spans="8:8">
      <c r="H622946" s="12"/>
    </row>
    <row r="622947" spans="8:8">
      <c r="H622947" s="12"/>
    </row>
    <row r="622948" spans="8:8">
      <c r="H622948" s="12"/>
    </row>
    <row r="622949" spans="8:8">
      <c r="H622949" s="12"/>
    </row>
    <row r="622950" spans="8:8">
      <c r="H622950" s="12"/>
    </row>
    <row r="622951" spans="8:8">
      <c r="H622951" s="12"/>
    </row>
    <row r="622952" spans="8:8">
      <c r="H622952" s="12"/>
    </row>
    <row r="622953" spans="8:8">
      <c r="H622953" s="12"/>
    </row>
    <row r="622954" spans="8:8">
      <c r="H622954" s="12"/>
    </row>
    <row r="622955" spans="8:8">
      <c r="H622955" s="12"/>
    </row>
    <row r="622956" spans="8:8">
      <c r="H622956" s="12"/>
    </row>
    <row r="622957" spans="8:8">
      <c r="H622957" s="12"/>
    </row>
    <row r="622958" spans="8:8">
      <c r="H622958" s="12"/>
    </row>
    <row r="622959" spans="8:8">
      <c r="H622959" s="12"/>
    </row>
    <row r="622960" spans="8:8">
      <c r="H622960" s="12"/>
    </row>
    <row r="622961" spans="8:8">
      <c r="H622961" s="12"/>
    </row>
    <row r="622962" spans="8:8">
      <c r="H622962" s="12"/>
    </row>
    <row r="622963" spans="8:8">
      <c r="H622963" s="12"/>
    </row>
    <row r="622964" spans="8:8">
      <c r="H622964" s="12"/>
    </row>
    <row r="622965" spans="8:8">
      <c r="H622965" s="12"/>
    </row>
    <row r="622966" spans="8:8">
      <c r="H622966" s="12"/>
    </row>
    <row r="622967" spans="8:8">
      <c r="H622967" s="12"/>
    </row>
    <row r="622968" spans="8:8">
      <c r="H622968" s="12"/>
    </row>
    <row r="622969" spans="8:8">
      <c r="H622969" s="12"/>
    </row>
    <row r="622970" spans="8:8">
      <c r="H622970" s="12"/>
    </row>
    <row r="622971" spans="8:8">
      <c r="H622971" s="12"/>
    </row>
    <row r="622972" spans="8:8">
      <c r="H622972" s="12"/>
    </row>
    <row r="622973" spans="8:8">
      <c r="H622973" s="12"/>
    </row>
    <row r="622974" spans="8:8">
      <c r="H622974" s="12"/>
    </row>
    <row r="622975" spans="8:8">
      <c r="H622975" s="12"/>
    </row>
    <row r="622976" spans="8:8">
      <c r="H622976" s="12"/>
    </row>
    <row r="622977" spans="8:8">
      <c r="H622977" s="12"/>
    </row>
    <row r="622978" spans="8:8">
      <c r="H622978" s="12"/>
    </row>
    <row r="622979" spans="8:8">
      <c r="H622979" s="12"/>
    </row>
    <row r="622980" spans="8:8">
      <c r="H622980" s="12"/>
    </row>
    <row r="622981" spans="8:8">
      <c r="H622981" s="12"/>
    </row>
    <row r="622982" spans="8:8">
      <c r="H622982" s="12"/>
    </row>
    <row r="622983" spans="8:8">
      <c r="H622983" s="12"/>
    </row>
    <row r="622984" spans="8:8">
      <c r="H622984" s="12"/>
    </row>
    <row r="622985" spans="8:8">
      <c r="H622985" s="12"/>
    </row>
    <row r="622986" spans="8:8">
      <c r="H622986" s="12"/>
    </row>
    <row r="622987" spans="8:8">
      <c r="H622987" s="12"/>
    </row>
    <row r="622988" spans="8:8">
      <c r="H622988" s="12"/>
    </row>
    <row r="622989" spans="8:8">
      <c r="H622989" s="12"/>
    </row>
    <row r="622990" spans="8:8">
      <c r="H622990" s="12"/>
    </row>
    <row r="622991" spans="8:8">
      <c r="H622991" s="12"/>
    </row>
    <row r="622992" spans="8:8">
      <c r="H622992" s="12"/>
    </row>
    <row r="622993" spans="8:8">
      <c r="H622993" s="12"/>
    </row>
    <row r="622994" spans="8:8">
      <c r="H622994" s="12"/>
    </row>
    <row r="622995" spans="8:8">
      <c r="H622995" s="12"/>
    </row>
    <row r="622996" spans="8:8">
      <c r="H622996" s="12"/>
    </row>
    <row r="622997" spans="8:8">
      <c r="H622997" s="12"/>
    </row>
    <row r="622998" spans="8:8">
      <c r="H622998" s="12"/>
    </row>
    <row r="622999" spans="8:8">
      <c r="H622999" s="12"/>
    </row>
    <row r="623000" spans="8:8">
      <c r="H623000" s="12"/>
    </row>
    <row r="623001" spans="8:8">
      <c r="H623001" s="12"/>
    </row>
    <row r="623002" spans="8:8">
      <c r="H623002" s="12"/>
    </row>
    <row r="623003" spans="8:8">
      <c r="H623003" s="12"/>
    </row>
    <row r="623004" spans="8:8">
      <c r="H623004" s="12"/>
    </row>
    <row r="623005" spans="8:8">
      <c r="H623005" s="12"/>
    </row>
    <row r="623006" spans="8:8">
      <c r="H623006" s="12"/>
    </row>
    <row r="623007" spans="8:8">
      <c r="H623007" s="12"/>
    </row>
    <row r="623008" spans="8:8">
      <c r="H623008" s="12"/>
    </row>
    <row r="623009" spans="8:8">
      <c r="H623009" s="12"/>
    </row>
    <row r="623010" spans="8:8">
      <c r="H623010" s="12"/>
    </row>
    <row r="623011" spans="8:8">
      <c r="H623011" s="12"/>
    </row>
    <row r="623012" spans="8:8">
      <c r="H623012" s="12"/>
    </row>
    <row r="623013" spans="8:8">
      <c r="H623013" s="12"/>
    </row>
    <row r="623014" spans="8:8">
      <c r="H623014" s="12"/>
    </row>
    <row r="623015" spans="8:8">
      <c r="H623015" s="12"/>
    </row>
    <row r="623016" spans="8:8">
      <c r="H623016" s="12"/>
    </row>
    <row r="623017" spans="8:8">
      <c r="H623017" s="12"/>
    </row>
    <row r="623018" spans="8:8">
      <c r="H623018" s="12"/>
    </row>
    <row r="623019" spans="8:8">
      <c r="H623019" s="12"/>
    </row>
    <row r="623020" spans="8:8">
      <c r="H623020" s="12"/>
    </row>
    <row r="623021" spans="8:8">
      <c r="H623021" s="12"/>
    </row>
    <row r="623022" spans="8:8">
      <c r="H623022" s="12"/>
    </row>
    <row r="623023" spans="8:8">
      <c r="H623023" s="12"/>
    </row>
    <row r="623024" spans="8:8">
      <c r="H623024" s="12"/>
    </row>
    <row r="623025" spans="8:8">
      <c r="H623025" s="12"/>
    </row>
    <row r="623026" spans="8:8">
      <c r="H623026" s="12"/>
    </row>
    <row r="623027" spans="8:8">
      <c r="H623027" s="12"/>
    </row>
    <row r="623028" spans="8:8">
      <c r="H623028" s="12"/>
    </row>
    <row r="623029" spans="8:8">
      <c r="H623029" s="12"/>
    </row>
    <row r="623030" spans="8:8">
      <c r="H623030" s="12"/>
    </row>
    <row r="623031" spans="8:8">
      <c r="H623031" s="12"/>
    </row>
    <row r="623032" spans="8:8">
      <c r="H623032" s="12"/>
    </row>
    <row r="623033" spans="8:8">
      <c r="H623033" s="12"/>
    </row>
    <row r="623034" spans="8:8">
      <c r="H623034" s="12"/>
    </row>
    <row r="623035" spans="8:8">
      <c r="H623035" s="12"/>
    </row>
    <row r="623036" spans="8:8">
      <c r="H623036" s="12"/>
    </row>
    <row r="623037" spans="8:8">
      <c r="H623037" s="12"/>
    </row>
    <row r="623038" spans="8:8">
      <c r="H623038" s="12"/>
    </row>
    <row r="623039" spans="8:8">
      <c r="H623039" s="12"/>
    </row>
    <row r="623040" spans="8:8">
      <c r="H623040" s="12"/>
    </row>
    <row r="623041" spans="8:8">
      <c r="H623041" s="12"/>
    </row>
    <row r="623042" spans="8:8">
      <c r="H623042" s="12"/>
    </row>
    <row r="623043" spans="8:8">
      <c r="H623043" s="12"/>
    </row>
    <row r="623044" spans="8:8">
      <c r="H623044" s="12"/>
    </row>
    <row r="623045" spans="8:8">
      <c r="H623045" s="12"/>
    </row>
    <row r="623046" spans="8:8">
      <c r="H623046" s="12"/>
    </row>
    <row r="623047" spans="8:8">
      <c r="H623047" s="12"/>
    </row>
    <row r="623048" spans="8:8">
      <c r="H623048" s="12"/>
    </row>
    <row r="623049" spans="8:8">
      <c r="H623049" s="12"/>
    </row>
    <row r="623050" spans="8:8">
      <c r="H623050" s="12"/>
    </row>
    <row r="623051" spans="8:8">
      <c r="H623051" s="12"/>
    </row>
    <row r="623052" spans="8:8">
      <c r="H623052" s="12"/>
    </row>
    <row r="623053" spans="8:8">
      <c r="H623053" s="12"/>
    </row>
    <row r="623054" spans="8:8">
      <c r="H623054" s="12"/>
    </row>
    <row r="623055" spans="8:8">
      <c r="H623055" s="12"/>
    </row>
    <row r="623056" spans="8:8">
      <c r="H623056" s="12"/>
    </row>
    <row r="623057" spans="8:8">
      <c r="H623057" s="12"/>
    </row>
    <row r="623058" spans="8:8">
      <c r="H623058" s="12"/>
    </row>
    <row r="623059" spans="8:8">
      <c r="H623059" s="12"/>
    </row>
    <row r="623060" spans="8:8">
      <c r="H623060" s="12"/>
    </row>
    <row r="623061" spans="8:8">
      <c r="H623061" s="12"/>
    </row>
    <row r="623062" spans="8:8">
      <c r="H623062" s="12"/>
    </row>
    <row r="623063" spans="8:8">
      <c r="H623063" s="12"/>
    </row>
    <row r="623064" spans="8:8">
      <c r="H623064" s="12"/>
    </row>
    <row r="623065" spans="8:8">
      <c r="H623065" s="12"/>
    </row>
    <row r="623066" spans="8:8">
      <c r="H623066" s="12"/>
    </row>
    <row r="623067" spans="8:8">
      <c r="H623067" s="12"/>
    </row>
    <row r="623068" spans="8:8">
      <c r="H623068" s="12"/>
    </row>
    <row r="623069" spans="8:8">
      <c r="H623069" s="12"/>
    </row>
    <row r="623070" spans="8:8">
      <c r="H623070" s="12"/>
    </row>
    <row r="623071" spans="8:8">
      <c r="H623071" s="12"/>
    </row>
    <row r="623072" spans="8:8">
      <c r="H623072" s="12"/>
    </row>
    <row r="623073" spans="8:8">
      <c r="H623073" s="12"/>
    </row>
    <row r="623074" spans="8:8">
      <c r="H623074" s="12"/>
    </row>
    <row r="623075" spans="8:8">
      <c r="H623075" s="12"/>
    </row>
    <row r="623076" spans="8:8">
      <c r="H623076" s="12"/>
    </row>
    <row r="623077" spans="8:8">
      <c r="H623077" s="12"/>
    </row>
    <row r="623078" spans="8:8">
      <c r="H623078" s="12"/>
    </row>
    <row r="623079" spans="8:8">
      <c r="H623079" s="12"/>
    </row>
    <row r="623080" spans="8:8">
      <c r="H623080" s="12"/>
    </row>
    <row r="623081" spans="8:8">
      <c r="H623081" s="12"/>
    </row>
    <row r="623082" spans="8:8">
      <c r="H623082" s="12"/>
    </row>
    <row r="623083" spans="8:8">
      <c r="H623083" s="12"/>
    </row>
    <row r="623084" spans="8:8">
      <c r="H623084" s="12"/>
    </row>
    <row r="623085" spans="8:8">
      <c r="H623085" s="12"/>
    </row>
    <row r="623086" spans="8:8">
      <c r="H623086" s="12"/>
    </row>
    <row r="623087" spans="8:8">
      <c r="H623087" s="12"/>
    </row>
    <row r="623088" spans="8:8">
      <c r="H623088" s="12"/>
    </row>
    <row r="623089" spans="8:8">
      <c r="H623089" s="12"/>
    </row>
    <row r="623090" spans="8:8">
      <c r="H623090" s="12"/>
    </row>
    <row r="623091" spans="8:8">
      <c r="H623091" s="12"/>
    </row>
    <row r="623092" spans="8:8">
      <c r="H623092" s="12"/>
    </row>
    <row r="623093" spans="8:8">
      <c r="H623093" s="12"/>
    </row>
    <row r="623094" spans="8:8">
      <c r="H623094" s="12"/>
    </row>
    <row r="623095" spans="8:8">
      <c r="H623095" s="12"/>
    </row>
    <row r="623096" spans="8:8">
      <c r="H623096" s="12"/>
    </row>
    <row r="623097" spans="8:8">
      <c r="H623097" s="12"/>
    </row>
    <row r="623098" spans="8:8">
      <c r="H623098" s="12"/>
    </row>
    <row r="623099" spans="8:8">
      <c r="H623099" s="12"/>
    </row>
    <row r="623100" spans="8:8">
      <c r="H623100" s="12"/>
    </row>
    <row r="623101" spans="8:8">
      <c r="H623101" s="12"/>
    </row>
    <row r="623102" spans="8:8">
      <c r="H623102" s="12"/>
    </row>
    <row r="623103" spans="8:8">
      <c r="H623103" s="12"/>
    </row>
    <row r="623104" spans="8:8">
      <c r="H623104" s="12"/>
    </row>
    <row r="623105" spans="8:8">
      <c r="H623105" s="12"/>
    </row>
    <row r="623106" spans="8:8">
      <c r="H623106" s="12"/>
    </row>
    <row r="623107" spans="8:8">
      <c r="H623107" s="12"/>
    </row>
    <row r="623108" spans="8:8">
      <c r="H623108" s="12"/>
    </row>
    <row r="623109" spans="8:8">
      <c r="H623109" s="12"/>
    </row>
    <row r="623110" spans="8:8">
      <c r="H623110" s="12"/>
    </row>
    <row r="623111" spans="8:8">
      <c r="H623111" s="12"/>
    </row>
    <row r="623112" spans="8:8">
      <c r="H623112" s="12"/>
    </row>
    <row r="623113" spans="8:8">
      <c r="H623113" s="12"/>
    </row>
    <row r="623114" spans="8:8">
      <c r="H623114" s="12"/>
    </row>
    <row r="623115" spans="8:8">
      <c r="H623115" s="12"/>
    </row>
    <row r="623116" spans="8:8">
      <c r="H623116" s="12"/>
    </row>
    <row r="623117" spans="8:8">
      <c r="H623117" s="12"/>
    </row>
    <row r="623118" spans="8:8">
      <c r="H623118" s="12"/>
    </row>
    <row r="623119" spans="8:8">
      <c r="H623119" s="12"/>
    </row>
    <row r="623120" spans="8:8">
      <c r="H623120" s="12"/>
    </row>
    <row r="623121" spans="8:8">
      <c r="H623121" s="12"/>
    </row>
    <row r="623122" spans="8:8">
      <c r="H623122" s="12"/>
    </row>
    <row r="623123" spans="8:8">
      <c r="H623123" s="12"/>
    </row>
    <row r="623124" spans="8:8">
      <c r="H623124" s="12"/>
    </row>
    <row r="623125" spans="8:8">
      <c r="H623125" s="12"/>
    </row>
    <row r="623126" spans="8:8">
      <c r="H623126" s="12"/>
    </row>
    <row r="623127" spans="8:8">
      <c r="H623127" s="12"/>
    </row>
    <row r="623128" spans="8:8">
      <c r="H623128" s="12"/>
    </row>
    <row r="623129" spans="8:8">
      <c r="H623129" s="12"/>
    </row>
    <row r="623130" spans="8:8">
      <c r="H623130" s="12"/>
    </row>
    <row r="623131" spans="8:8">
      <c r="H623131" s="12"/>
    </row>
    <row r="623132" spans="8:8">
      <c r="H623132" s="12"/>
    </row>
    <row r="623133" spans="8:8">
      <c r="H623133" s="12"/>
    </row>
    <row r="623134" spans="8:8">
      <c r="H623134" s="12"/>
    </row>
    <row r="623135" spans="8:8">
      <c r="H623135" s="12"/>
    </row>
    <row r="623136" spans="8:8">
      <c r="H623136" s="12"/>
    </row>
    <row r="623137" spans="8:8">
      <c r="H623137" s="12"/>
    </row>
    <row r="623138" spans="8:8">
      <c r="H623138" s="12"/>
    </row>
    <row r="623139" spans="8:8">
      <c r="H623139" s="12"/>
    </row>
    <row r="623140" spans="8:8">
      <c r="H623140" s="12"/>
    </row>
    <row r="623141" spans="8:8">
      <c r="H623141" s="12"/>
    </row>
    <row r="623142" spans="8:8">
      <c r="H623142" s="12"/>
    </row>
    <row r="623143" spans="8:8">
      <c r="H623143" s="12"/>
    </row>
    <row r="623144" spans="8:8">
      <c r="H623144" s="12"/>
    </row>
    <row r="623145" spans="8:8">
      <c r="H623145" s="12"/>
    </row>
    <row r="623146" spans="8:8">
      <c r="H623146" s="12"/>
    </row>
    <row r="623147" spans="8:8">
      <c r="H623147" s="12"/>
    </row>
    <row r="623148" spans="8:8">
      <c r="H623148" s="12"/>
    </row>
    <row r="623149" spans="8:8">
      <c r="H623149" s="12"/>
    </row>
    <row r="623150" spans="8:8">
      <c r="H623150" s="12"/>
    </row>
    <row r="623151" spans="8:8">
      <c r="H623151" s="12"/>
    </row>
    <row r="623152" spans="8:8">
      <c r="H623152" s="12"/>
    </row>
    <row r="623153" spans="8:8">
      <c r="H623153" s="12"/>
    </row>
    <row r="623154" spans="8:8">
      <c r="H623154" s="12"/>
    </row>
    <row r="623155" spans="8:8">
      <c r="H623155" s="12"/>
    </row>
    <row r="623156" spans="8:8">
      <c r="H623156" s="12"/>
    </row>
    <row r="623157" spans="8:8">
      <c r="H623157" s="12"/>
    </row>
    <row r="623158" spans="8:8">
      <c r="H623158" s="12"/>
    </row>
    <row r="623159" spans="8:8">
      <c r="H623159" s="12"/>
    </row>
    <row r="623160" spans="8:8">
      <c r="H623160" s="12"/>
    </row>
    <row r="623161" spans="8:8">
      <c r="H623161" s="12"/>
    </row>
    <row r="623162" spans="8:8">
      <c r="H623162" s="12"/>
    </row>
    <row r="623163" spans="8:8">
      <c r="H623163" s="12"/>
    </row>
    <row r="623164" spans="8:8">
      <c r="H623164" s="12"/>
    </row>
    <row r="623165" spans="8:8">
      <c r="H623165" s="12"/>
    </row>
    <row r="623166" spans="8:8">
      <c r="H623166" s="12"/>
    </row>
    <row r="623167" spans="8:8">
      <c r="H623167" s="12"/>
    </row>
    <row r="623168" spans="8:8">
      <c r="H623168" s="12"/>
    </row>
    <row r="623169" spans="8:8">
      <c r="H623169" s="12"/>
    </row>
    <row r="623170" spans="8:8">
      <c r="H623170" s="12"/>
    </row>
    <row r="623171" spans="8:8">
      <c r="H623171" s="12"/>
    </row>
    <row r="623172" spans="8:8">
      <c r="H623172" s="12"/>
    </row>
    <row r="623173" spans="8:8">
      <c r="H623173" s="12"/>
    </row>
    <row r="623174" spans="8:8">
      <c r="H623174" s="12"/>
    </row>
    <row r="623175" spans="8:8">
      <c r="H623175" s="12"/>
    </row>
    <row r="623176" spans="8:8">
      <c r="H623176" s="12"/>
    </row>
    <row r="623177" spans="8:8">
      <c r="H623177" s="12"/>
    </row>
    <row r="623178" spans="8:8">
      <c r="H623178" s="12"/>
    </row>
    <row r="623179" spans="8:8">
      <c r="H623179" s="12"/>
    </row>
    <row r="623180" spans="8:8">
      <c r="H623180" s="12"/>
    </row>
    <row r="623181" spans="8:8">
      <c r="H623181" s="12"/>
    </row>
    <row r="623182" spans="8:8">
      <c r="H623182" s="12"/>
    </row>
    <row r="623183" spans="8:8">
      <c r="H623183" s="12"/>
    </row>
    <row r="623184" spans="8:8">
      <c r="H623184" s="12"/>
    </row>
    <row r="623185" spans="8:8">
      <c r="H623185" s="12"/>
    </row>
    <row r="623186" spans="8:8">
      <c r="H623186" s="12"/>
    </row>
    <row r="623187" spans="8:8">
      <c r="H623187" s="12"/>
    </row>
    <row r="623188" spans="8:8">
      <c r="H623188" s="12"/>
    </row>
    <row r="623189" spans="8:8">
      <c r="H623189" s="12"/>
    </row>
    <row r="623190" spans="8:8">
      <c r="H623190" s="12"/>
    </row>
    <row r="623191" spans="8:8">
      <c r="H623191" s="12"/>
    </row>
    <row r="623192" spans="8:8">
      <c r="H623192" s="12"/>
    </row>
    <row r="623193" spans="8:8">
      <c r="H623193" s="12"/>
    </row>
    <row r="623194" spans="8:8">
      <c r="H623194" s="12"/>
    </row>
    <row r="623195" spans="8:8">
      <c r="H623195" s="12"/>
    </row>
    <row r="623196" spans="8:8">
      <c r="H623196" s="12"/>
    </row>
    <row r="623197" spans="8:8">
      <c r="H623197" s="12"/>
    </row>
    <row r="623198" spans="8:8">
      <c r="H623198" s="12"/>
    </row>
    <row r="623199" spans="8:8">
      <c r="H623199" s="12"/>
    </row>
    <row r="623200" spans="8:8">
      <c r="H623200" s="12"/>
    </row>
    <row r="623201" spans="8:8">
      <c r="H623201" s="12"/>
    </row>
    <row r="623202" spans="8:8">
      <c r="H623202" s="12"/>
    </row>
    <row r="623203" spans="8:8">
      <c r="H623203" s="12"/>
    </row>
    <row r="623204" spans="8:8">
      <c r="H623204" s="12"/>
    </row>
    <row r="623205" spans="8:8">
      <c r="H623205" s="12"/>
    </row>
    <row r="623206" spans="8:8">
      <c r="H623206" s="12"/>
    </row>
    <row r="623207" spans="8:8">
      <c r="H623207" s="12"/>
    </row>
    <row r="623208" spans="8:8">
      <c r="H623208" s="12"/>
    </row>
    <row r="623209" spans="8:8">
      <c r="H623209" s="12"/>
    </row>
    <row r="623210" spans="8:8">
      <c r="H623210" s="12"/>
    </row>
    <row r="623211" spans="8:8">
      <c r="H623211" s="12"/>
    </row>
    <row r="623212" spans="8:8">
      <c r="H623212" s="12"/>
    </row>
    <row r="623213" spans="8:8">
      <c r="H623213" s="12"/>
    </row>
    <row r="623214" spans="8:8">
      <c r="H623214" s="12"/>
    </row>
    <row r="623215" spans="8:8">
      <c r="H623215" s="12"/>
    </row>
    <row r="623216" spans="8:8">
      <c r="H623216" s="12"/>
    </row>
    <row r="623217" spans="8:8">
      <c r="H623217" s="12"/>
    </row>
    <row r="623218" spans="8:8">
      <c r="H623218" s="12"/>
    </row>
    <row r="623219" spans="8:8">
      <c r="H623219" s="12"/>
    </row>
    <row r="623220" spans="8:8">
      <c r="H623220" s="12"/>
    </row>
    <row r="623221" spans="8:8">
      <c r="H623221" s="12"/>
    </row>
    <row r="623222" spans="8:8">
      <c r="H623222" s="12"/>
    </row>
    <row r="623223" spans="8:8">
      <c r="H623223" s="12"/>
    </row>
    <row r="623224" spans="8:8">
      <c r="H623224" s="12"/>
    </row>
    <row r="623225" spans="8:8">
      <c r="H623225" s="12"/>
    </row>
    <row r="623226" spans="8:8">
      <c r="H623226" s="12"/>
    </row>
    <row r="623227" spans="8:8">
      <c r="H623227" s="12"/>
    </row>
    <row r="623228" spans="8:8">
      <c r="H623228" s="12"/>
    </row>
    <row r="623229" spans="8:8">
      <c r="H623229" s="12"/>
    </row>
    <row r="623230" spans="8:8">
      <c r="H623230" s="12"/>
    </row>
    <row r="623231" spans="8:8">
      <c r="H623231" s="12"/>
    </row>
    <row r="623232" spans="8:8">
      <c r="H623232" s="12"/>
    </row>
    <row r="623233" spans="8:8">
      <c r="H623233" s="12"/>
    </row>
    <row r="623234" spans="8:8">
      <c r="H623234" s="12"/>
    </row>
    <row r="623235" spans="8:8">
      <c r="H623235" s="12"/>
    </row>
    <row r="623236" spans="8:8">
      <c r="H623236" s="12"/>
    </row>
    <row r="623237" spans="8:8">
      <c r="H623237" s="12"/>
    </row>
    <row r="623238" spans="8:8">
      <c r="H623238" s="12"/>
    </row>
    <row r="623239" spans="8:8">
      <c r="H623239" s="12"/>
    </row>
    <row r="623240" spans="8:8">
      <c r="H623240" s="12"/>
    </row>
    <row r="623241" spans="8:8">
      <c r="H623241" s="12"/>
    </row>
    <row r="623242" spans="8:8">
      <c r="H623242" s="12"/>
    </row>
    <row r="623243" spans="8:8">
      <c r="H623243" s="12"/>
    </row>
    <row r="623244" spans="8:8">
      <c r="H623244" s="12"/>
    </row>
    <row r="623245" spans="8:8">
      <c r="H623245" s="12"/>
    </row>
    <row r="623246" spans="8:8">
      <c r="H623246" s="12"/>
    </row>
    <row r="623247" spans="8:8">
      <c r="H623247" s="12"/>
    </row>
    <row r="623248" spans="8:8">
      <c r="H623248" s="12"/>
    </row>
    <row r="623249" spans="8:8">
      <c r="H623249" s="12"/>
    </row>
    <row r="623250" spans="8:8">
      <c r="H623250" s="12"/>
    </row>
    <row r="623251" spans="8:8">
      <c r="H623251" s="12"/>
    </row>
    <row r="623252" spans="8:8">
      <c r="H623252" s="12"/>
    </row>
    <row r="623253" spans="8:8">
      <c r="H623253" s="12"/>
    </row>
    <row r="623254" spans="8:8">
      <c r="H623254" s="12"/>
    </row>
    <row r="623255" spans="8:8">
      <c r="H623255" s="12"/>
    </row>
    <row r="623256" spans="8:8">
      <c r="H623256" s="12"/>
    </row>
    <row r="623257" spans="8:8">
      <c r="H623257" s="12"/>
    </row>
    <row r="623258" spans="8:8">
      <c r="H623258" s="12"/>
    </row>
    <row r="623259" spans="8:8">
      <c r="H623259" s="12"/>
    </row>
    <row r="623260" spans="8:8">
      <c r="H623260" s="12"/>
    </row>
    <row r="623261" spans="8:8">
      <c r="H623261" s="12"/>
    </row>
    <row r="623262" spans="8:8">
      <c r="H623262" s="12"/>
    </row>
    <row r="623263" spans="8:8">
      <c r="H623263" s="12"/>
    </row>
    <row r="623264" spans="8:8">
      <c r="H623264" s="12"/>
    </row>
    <row r="623265" spans="8:8">
      <c r="H623265" s="12"/>
    </row>
    <row r="623266" spans="8:8">
      <c r="H623266" s="12"/>
    </row>
    <row r="623267" spans="8:8">
      <c r="H623267" s="12"/>
    </row>
    <row r="623268" spans="8:8">
      <c r="H623268" s="12"/>
    </row>
    <row r="623269" spans="8:8">
      <c r="H623269" s="12"/>
    </row>
    <row r="623270" spans="8:8">
      <c r="H623270" s="12"/>
    </row>
    <row r="623271" spans="8:8">
      <c r="H623271" s="12"/>
    </row>
    <row r="623272" spans="8:8">
      <c r="H623272" s="12"/>
    </row>
    <row r="623273" spans="8:8">
      <c r="H623273" s="12"/>
    </row>
    <row r="623274" spans="8:8">
      <c r="H623274" s="12"/>
    </row>
    <row r="623275" spans="8:8">
      <c r="H623275" s="12"/>
    </row>
    <row r="623276" spans="8:8">
      <c r="H623276" s="12"/>
    </row>
    <row r="623277" spans="8:8">
      <c r="H623277" s="12"/>
    </row>
    <row r="623278" spans="8:8">
      <c r="H623278" s="12"/>
    </row>
    <row r="623279" spans="8:8">
      <c r="H623279" s="12"/>
    </row>
    <row r="623280" spans="8:8">
      <c r="H623280" s="12"/>
    </row>
    <row r="623281" spans="8:8">
      <c r="H623281" s="12"/>
    </row>
    <row r="623282" spans="8:8">
      <c r="H623282" s="12"/>
    </row>
    <row r="623283" spans="8:8">
      <c r="H623283" s="12"/>
    </row>
    <row r="623284" spans="8:8">
      <c r="H623284" s="12"/>
    </row>
    <row r="623285" spans="8:8">
      <c r="H623285" s="12"/>
    </row>
    <row r="623286" spans="8:8">
      <c r="H623286" s="12"/>
    </row>
    <row r="623287" spans="8:8">
      <c r="H623287" s="12"/>
    </row>
    <row r="623288" spans="8:8">
      <c r="H623288" s="12"/>
    </row>
    <row r="623289" spans="8:8">
      <c r="H623289" s="12"/>
    </row>
    <row r="623290" spans="8:8">
      <c r="H623290" s="12"/>
    </row>
    <row r="623291" spans="8:8">
      <c r="H623291" s="12"/>
    </row>
    <row r="623292" spans="8:8">
      <c r="H623292" s="12"/>
    </row>
    <row r="623293" spans="8:8">
      <c r="H623293" s="12"/>
    </row>
    <row r="623294" spans="8:8">
      <c r="H623294" s="12"/>
    </row>
    <row r="623295" spans="8:8">
      <c r="H623295" s="12"/>
    </row>
    <row r="623296" spans="8:8">
      <c r="H623296" s="12"/>
    </row>
    <row r="623297" spans="8:8">
      <c r="H623297" s="12"/>
    </row>
    <row r="623298" spans="8:8">
      <c r="H623298" s="12"/>
    </row>
    <row r="623299" spans="8:8">
      <c r="H623299" s="12"/>
    </row>
    <row r="623300" spans="8:8">
      <c r="H623300" s="12"/>
    </row>
    <row r="623301" spans="8:8">
      <c r="H623301" s="12"/>
    </row>
    <row r="623302" spans="8:8">
      <c r="H623302" s="12"/>
    </row>
    <row r="623303" spans="8:8">
      <c r="H623303" s="12"/>
    </row>
    <row r="623304" spans="8:8">
      <c r="H623304" s="12"/>
    </row>
    <row r="623305" spans="8:8">
      <c r="H623305" s="12"/>
    </row>
    <row r="623306" spans="8:8">
      <c r="H623306" s="12"/>
    </row>
    <row r="623307" spans="8:8">
      <c r="H623307" s="12"/>
    </row>
    <row r="623308" spans="8:8">
      <c r="H623308" s="12"/>
    </row>
    <row r="623309" spans="8:8">
      <c r="H623309" s="12"/>
    </row>
    <row r="623310" spans="8:8">
      <c r="H623310" s="12"/>
    </row>
    <row r="623311" spans="8:8">
      <c r="H623311" s="12"/>
    </row>
    <row r="623312" spans="8:8">
      <c r="H623312" s="12"/>
    </row>
    <row r="623313" spans="8:8">
      <c r="H623313" s="12"/>
    </row>
    <row r="623314" spans="8:8">
      <c r="H623314" s="12"/>
    </row>
    <row r="623315" spans="8:8">
      <c r="H623315" s="12"/>
    </row>
    <row r="623316" spans="8:8">
      <c r="H623316" s="12"/>
    </row>
    <row r="623317" spans="8:8">
      <c r="H623317" s="12"/>
    </row>
    <row r="623318" spans="8:8">
      <c r="H623318" s="12"/>
    </row>
    <row r="623319" spans="8:8">
      <c r="H623319" s="12"/>
    </row>
    <row r="623320" spans="8:8">
      <c r="H623320" s="12"/>
    </row>
    <row r="623321" spans="8:8">
      <c r="H623321" s="12"/>
    </row>
    <row r="623322" spans="8:8">
      <c r="H623322" s="12"/>
    </row>
    <row r="623323" spans="8:8">
      <c r="H623323" s="12"/>
    </row>
    <row r="623324" spans="8:8">
      <c r="H623324" s="12"/>
    </row>
    <row r="623325" spans="8:8">
      <c r="H623325" s="12"/>
    </row>
    <row r="623326" spans="8:8">
      <c r="H623326" s="12"/>
    </row>
    <row r="623327" spans="8:8">
      <c r="H623327" s="12"/>
    </row>
    <row r="623328" spans="8:8">
      <c r="H623328" s="12"/>
    </row>
    <row r="623329" spans="8:8">
      <c r="H623329" s="12"/>
    </row>
    <row r="623330" spans="8:8">
      <c r="H623330" s="12"/>
    </row>
    <row r="623331" spans="8:8">
      <c r="H623331" s="12"/>
    </row>
    <row r="623332" spans="8:8">
      <c r="H623332" s="12"/>
    </row>
    <row r="623333" spans="8:8">
      <c r="H623333" s="12"/>
    </row>
    <row r="623334" spans="8:8">
      <c r="H623334" s="12"/>
    </row>
    <row r="623335" spans="8:8">
      <c r="H623335" s="12"/>
    </row>
    <row r="623336" spans="8:8">
      <c r="H623336" s="12"/>
    </row>
    <row r="623337" spans="8:8">
      <c r="H623337" s="12"/>
    </row>
    <row r="623338" spans="8:8">
      <c r="H623338" s="12"/>
    </row>
    <row r="623339" spans="8:8">
      <c r="H623339" s="12"/>
    </row>
    <row r="623340" spans="8:8">
      <c r="H623340" s="12"/>
    </row>
    <row r="623341" spans="8:8">
      <c r="H623341" s="12"/>
    </row>
    <row r="623342" spans="8:8">
      <c r="H623342" s="12"/>
    </row>
    <row r="623343" spans="8:8">
      <c r="H623343" s="12"/>
    </row>
    <row r="623344" spans="8:8">
      <c r="H623344" s="12"/>
    </row>
    <row r="623345" spans="8:8">
      <c r="H623345" s="12"/>
    </row>
    <row r="623346" spans="8:8">
      <c r="H623346" s="12"/>
    </row>
    <row r="623347" spans="8:8">
      <c r="H623347" s="12"/>
    </row>
    <row r="623348" spans="8:8">
      <c r="H623348" s="12"/>
    </row>
    <row r="623349" spans="8:8">
      <c r="H623349" s="12"/>
    </row>
    <row r="623350" spans="8:8">
      <c r="H623350" s="12"/>
    </row>
    <row r="623351" spans="8:8">
      <c r="H623351" s="12"/>
    </row>
    <row r="623352" spans="8:8">
      <c r="H623352" s="12"/>
    </row>
    <row r="623353" spans="8:8">
      <c r="H623353" s="12"/>
    </row>
    <row r="623354" spans="8:8">
      <c r="H623354" s="12"/>
    </row>
    <row r="623355" spans="8:8">
      <c r="H623355" s="12"/>
    </row>
    <row r="623356" spans="8:8">
      <c r="H623356" s="12"/>
    </row>
    <row r="623357" spans="8:8">
      <c r="H623357" s="12"/>
    </row>
    <row r="623358" spans="8:8">
      <c r="H623358" s="12"/>
    </row>
    <row r="623359" spans="8:8">
      <c r="H623359" s="12"/>
    </row>
    <row r="623360" spans="8:8">
      <c r="H623360" s="12"/>
    </row>
    <row r="623361" spans="8:8">
      <c r="H623361" s="12"/>
    </row>
    <row r="623362" spans="8:8">
      <c r="H623362" s="12"/>
    </row>
    <row r="623363" spans="8:8">
      <c r="H623363" s="12"/>
    </row>
    <row r="623364" spans="8:8">
      <c r="H623364" s="12"/>
    </row>
    <row r="623365" spans="8:8">
      <c r="H623365" s="12"/>
    </row>
    <row r="623366" spans="8:8">
      <c r="H623366" s="12"/>
    </row>
    <row r="623367" spans="8:8">
      <c r="H623367" s="12"/>
    </row>
    <row r="623368" spans="8:8">
      <c r="H623368" s="12"/>
    </row>
    <row r="623369" spans="8:8">
      <c r="H623369" s="12"/>
    </row>
    <row r="623370" spans="8:8">
      <c r="H623370" s="12"/>
    </row>
    <row r="623371" spans="8:8">
      <c r="H623371" s="12"/>
    </row>
    <row r="623372" spans="8:8">
      <c r="H623372" s="12"/>
    </row>
    <row r="623373" spans="8:8">
      <c r="H623373" s="12"/>
    </row>
    <row r="623374" spans="8:8">
      <c r="H623374" s="12"/>
    </row>
    <row r="623375" spans="8:8">
      <c r="H623375" s="12"/>
    </row>
    <row r="623376" spans="8:8">
      <c r="H623376" s="12"/>
    </row>
    <row r="623377" spans="8:8">
      <c r="H623377" s="12"/>
    </row>
    <row r="623378" spans="8:8">
      <c r="H623378" s="12"/>
    </row>
    <row r="623379" spans="8:8">
      <c r="H623379" s="12"/>
    </row>
    <row r="623380" spans="8:8">
      <c r="H623380" s="12"/>
    </row>
    <row r="623381" spans="8:8">
      <c r="H623381" s="12"/>
    </row>
    <row r="623382" spans="8:8">
      <c r="H623382" s="12"/>
    </row>
    <row r="623383" spans="8:8">
      <c r="H623383" s="12"/>
    </row>
    <row r="623384" spans="8:8">
      <c r="H623384" s="12"/>
    </row>
    <row r="623385" spans="8:8">
      <c r="H623385" s="12"/>
    </row>
    <row r="623386" spans="8:8">
      <c r="H623386" s="12"/>
    </row>
    <row r="623387" spans="8:8">
      <c r="H623387" s="12"/>
    </row>
    <row r="623388" spans="8:8">
      <c r="H623388" s="12"/>
    </row>
    <row r="623389" spans="8:8">
      <c r="H623389" s="12"/>
    </row>
    <row r="623390" spans="8:8">
      <c r="H623390" s="12"/>
    </row>
    <row r="623391" spans="8:8">
      <c r="H623391" s="12"/>
    </row>
    <row r="623392" spans="8:8">
      <c r="H623392" s="12"/>
    </row>
    <row r="623393" spans="8:8">
      <c r="H623393" s="12"/>
    </row>
    <row r="623394" spans="8:8">
      <c r="H623394" s="12"/>
    </row>
    <row r="623395" spans="8:8">
      <c r="H623395" s="12"/>
    </row>
    <row r="623396" spans="8:8">
      <c r="H623396" s="12"/>
    </row>
    <row r="623397" spans="8:8">
      <c r="H623397" s="12"/>
    </row>
    <row r="623398" spans="8:8">
      <c r="H623398" s="12"/>
    </row>
    <row r="623399" spans="8:8">
      <c r="H623399" s="12"/>
    </row>
    <row r="623400" spans="8:8">
      <c r="H623400" s="12"/>
    </row>
    <row r="623401" spans="8:8">
      <c r="H623401" s="12"/>
    </row>
    <row r="623402" spans="8:8">
      <c r="H623402" s="12"/>
    </row>
    <row r="623403" spans="8:8">
      <c r="H623403" s="12"/>
    </row>
    <row r="623404" spans="8:8">
      <c r="H623404" s="12"/>
    </row>
    <row r="623405" spans="8:8">
      <c r="H623405" s="12"/>
    </row>
    <row r="623406" spans="8:8">
      <c r="H623406" s="12"/>
    </row>
    <row r="623407" spans="8:8">
      <c r="H623407" s="12"/>
    </row>
    <row r="623408" spans="8:8">
      <c r="H623408" s="12"/>
    </row>
    <row r="623409" spans="8:8">
      <c r="H623409" s="12"/>
    </row>
    <row r="623410" spans="8:8">
      <c r="H623410" s="12"/>
    </row>
    <row r="623411" spans="8:8">
      <c r="H623411" s="12"/>
    </row>
    <row r="623412" spans="8:8">
      <c r="H623412" s="12"/>
    </row>
    <row r="623413" spans="8:8">
      <c r="H623413" s="12"/>
    </row>
    <row r="623414" spans="8:8">
      <c r="H623414" s="12"/>
    </row>
    <row r="623415" spans="8:8">
      <c r="H623415" s="12"/>
    </row>
    <row r="623416" spans="8:8">
      <c r="H623416" s="12"/>
    </row>
    <row r="623417" spans="8:8">
      <c r="H623417" s="12"/>
    </row>
    <row r="623418" spans="8:8">
      <c r="H623418" s="12"/>
    </row>
    <row r="623419" spans="8:8">
      <c r="H623419" s="12"/>
    </row>
    <row r="623420" spans="8:8">
      <c r="H623420" s="12"/>
    </row>
    <row r="623421" spans="8:8">
      <c r="H623421" s="12"/>
    </row>
    <row r="623422" spans="8:8">
      <c r="H623422" s="12"/>
    </row>
    <row r="623423" spans="8:8">
      <c r="H623423" s="12"/>
    </row>
    <row r="623424" spans="8:8">
      <c r="H623424" s="12"/>
    </row>
    <row r="623425" spans="8:8">
      <c r="H623425" s="12"/>
    </row>
    <row r="623426" spans="8:8">
      <c r="H623426" s="12"/>
    </row>
    <row r="623427" spans="8:8">
      <c r="H623427" s="12"/>
    </row>
    <row r="623428" spans="8:8">
      <c r="H623428" s="12"/>
    </row>
    <row r="623429" spans="8:8">
      <c r="H623429" s="12"/>
    </row>
    <row r="623430" spans="8:8">
      <c r="H623430" s="12"/>
    </row>
    <row r="623431" spans="8:8">
      <c r="H623431" s="12"/>
    </row>
    <row r="623432" spans="8:8">
      <c r="H623432" s="12"/>
    </row>
    <row r="623433" spans="8:8">
      <c r="H623433" s="12"/>
    </row>
    <row r="623434" spans="8:8">
      <c r="H623434" s="12"/>
    </row>
    <row r="623435" spans="8:8">
      <c r="H623435" s="12"/>
    </row>
    <row r="623436" spans="8:8">
      <c r="H623436" s="12"/>
    </row>
    <row r="623437" spans="8:8">
      <c r="H623437" s="12"/>
    </row>
    <row r="623438" spans="8:8">
      <c r="H623438" s="12"/>
    </row>
    <row r="623439" spans="8:8">
      <c r="H623439" s="12"/>
    </row>
    <row r="623440" spans="8:8">
      <c r="H623440" s="12"/>
    </row>
    <row r="623441" spans="8:8">
      <c r="H623441" s="12"/>
    </row>
    <row r="623442" spans="8:8">
      <c r="H623442" s="12"/>
    </row>
    <row r="623443" spans="8:8">
      <c r="H623443" s="12"/>
    </row>
    <row r="623444" spans="8:8">
      <c r="H623444" s="12"/>
    </row>
    <row r="623445" spans="8:8">
      <c r="H623445" s="12"/>
    </row>
    <row r="623446" spans="8:8">
      <c r="H623446" s="12"/>
    </row>
    <row r="623447" spans="8:8">
      <c r="H623447" s="12"/>
    </row>
    <row r="623448" spans="8:8">
      <c r="H623448" s="12"/>
    </row>
    <row r="623449" spans="8:8">
      <c r="H623449" s="12"/>
    </row>
    <row r="623450" spans="8:8">
      <c r="H623450" s="12"/>
    </row>
    <row r="623451" spans="8:8">
      <c r="H623451" s="12"/>
    </row>
    <row r="623452" spans="8:8">
      <c r="H623452" s="12"/>
    </row>
    <row r="623453" spans="8:8">
      <c r="H623453" s="12"/>
    </row>
    <row r="623454" spans="8:8">
      <c r="H623454" s="12"/>
    </row>
    <row r="623455" spans="8:8">
      <c r="H623455" s="12"/>
    </row>
    <row r="623456" spans="8:8">
      <c r="H623456" s="12"/>
    </row>
    <row r="623457" spans="8:8">
      <c r="H623457" s="12"/>
    </row>
    <row r="623458" spans="8:8">
      <c r="H623458" s="12"/>
    </row>
    <row r="623459" spans="8:8">
      <c r="H623459" s="12"/>
    </row>
    <row r="623460" spans="8:8">
      <c r="H623460" s="12"/>
    </row>
    <row r="623461" spans="8:8">
      <c r="H623461" s="12"/>
    </row>
    <row r="623462" spans="8:8">
      <c r="H623462" s="12"/>
    </row>
    <row r="623463" spans="8:8">
      <c r="H623463" s="12"/>
    </row>
    <row r="623464" spans="8:8">
      <c r="H623464" s="12"/>
    </row>
    <row r="623465" spans="8:8">
      <c r="H623465" s="12"/>
    </row>
    <row r="623466" spans="8:8">
      <c r="H623466" s="12"/>
    </row>
    <row r="623467" spans="8:8">
      <c r="H623467" s="12"/>
    </row>
    <row r="623468" spans="8:8">
      <c r="H623468" s="12"/>
    </row>
    <row r="623469" spans="8:8">
      <c r="H623469" s="12"/>
    </row>
    <row r="623470" spans="8:8">
      <c r="H623470" s="12"/>
    </row>
    <row r="623471" spans="8:8">
      <c r="H623471" s="12"/>
    </row>
    <row r="623472" spans="8:8">
      <c r="H623472" s="12"/>
    </row>
    <row r="623473" spans="8:8">
      <c r="H623473" s="12"/>
    </row>
    <row r="623474" spans="8:8">
      <c r="H623474" s="12"/>
    </row>
    <row r="623475" spans="8:8">
      <c r="H623475" s="12"/>
    </row>
    <row r="623476" spans="8:8">
      <c r="H623476" s="12"/>
    </row>
    <row r="623477" spans="8:8">
      <c r="H623477" s="12"/>
    </row>
    <row r="623478" spans="8:8">
      <c r="H623478" s="12"/>
    </row>
    <row r="623479" spans="8:8">
      <c r="H623479" s="12"/>
    </row>
    <row r="623480" spans="8:8">
      <c r="H623480" s="12"/>
    </row>
    <row r="623481" spans="8:8">
      <c r="H623481" s="12"/>
    </row>
    <row r="623482" spans="8:8">
      <c r="H623482" s="12"/>
    </row>
    <row r="623483" spans="8:8">
      <c r="H623483" s="12"/>
    </row>
    <row r="623484" spans="8:8">
      <c r="H623484" s="12"/>
    </row>
    <row r="623485" spans="8:8">
      <c r="H623485" s="12"/>
    </row>
    <row r="623486" spans="8:8">
      <c r="H623486" s="12"/>
    </row>
    <row r="623487" spans="8:8">
      <c r="H623487" s="12"/>
    </row>
    <row r="623488" spans="8:8">
      <c r="H623488" s="12"/>
    </row>
    <row r="623489" spans="8:8">
      <c r="H623489" s="12"/>
    </row>
    <row r="623490" spans="8:8">
      <c r="H623490" s="12"/>
    </row>
    <row r="623491" spans="8:8">
      <c r="H623491" s="12"/>
    </row>
    <row r="623492" spans="8:8">
      <c r="H623492" s="12"/>
    </row>
    <row r="623493" spans="8:8">
      <c r="H623493" s="12"/>
    </row>
    <row r="623494" spans="8:8">
      <c r="H623494" s="12"/>
    </row>
    <row r="623495" spans="8:8">
      <c r="H623495" s="12"/>
    </row>
    <row r="623496" spans="8:8">
      <c r="H623496" s="12"/>
    </row>
    <row r="623497" spans="8:8">
      <c r="H623497" s="12"/>
    </row>
    <row r="623498" spans="8:8">
      <c r="H623498" s="12"/>
    </row>
    <row r="623499" spans="8:8">
      <c r="H623499" s="12"/>
    </row>
    <row r="623500" spans="8:8">
      <c r="H623500" s="12"/>
    </row>
    <row r="623501" spans="8:8">
      <c r="H623501" s="12"/>
    </row>
    <row r="623502" spans="8:8">
      <c r="H623502" s="12"/>
    </row>
    <row r="623503" spans="8:8">
      <c r="H623503" s="12"/>
    </row>
    <row r="623504" spans="8:8">
      <c r="H623504" s="12"/>
    </row>
    <row r="623505" spans="8:8">
      <c r="H623505" s="12"/>
    </row>
    <row r="623506" spans="8:8">
      <c r="H623506" s="12"/>
    </row>
    <row r="623507" spans="8:8">
      <c r="H623507" s="12"/>
    </row>
    <row r="623508" spans="8:8">
      <c r="H623508" s="12"/>
    </row>
    <row r="623509" spans="8:8">
      <c r="H623509" s="12"/>
    </row>
    <row r="623510" spans="8:8">
      <c r="H623510" s="12"/>
    </row>
    <row r="623511" spans="8:8">
      <c r="H623511" s="12"/>
    </row>
    <row r="623512" spans="8:8">
      <c r="H623512" s="12"/>
    </row>
    <row r="623513" spans="8:8">
      <c r="H623513" s="12"/>
    </row>
    <row r="623514" spans="8:8">
      <c r="H623514" s="12"/>
    </row>
    <row r="623515" spans="8:8">
      <c r="H623515" s="12"/>
    </row>
    <row r="623516" spans="8:8">
      <c r="H623516" s="12"/>
    </row>
    <row r="623517" spans="8:8">
      <c r="H623517" s="12"/>
    </row>
    <row r="623518" spans="8:8">
      <c r="H623518" s="12"/>
    </row>
    <row r="623519" spans="8:8">
      <c r="H623519" s="12"/>
    </row>
    <row r="623520" spans="8:8">
      <c r="H623520" s="12"/>
    </row>
    <row r="623521" spans="8:8">
      <c r="H623521" s="12"/>
    </row>
    <row r="623522" spans="8:8">
      <c r="H623522" s="12"/>
    </row>
    <row r="623523" spans="8:8">
      <c r="H623523" s="12"/>
    </row>
    <row r="623524" spans="8:8">
      <c r="H623524" s="12"/>
    </row>
    <row r="623525" spans="8:8">
      <c r="H623525" s="12"/>
    </row>
    <row r="623526" spans="8:8">
      <c r="H623526" s="12"/>
    </row>
    <row r="623527" spans="8:8">
      <c r="H623527" s="12"/>
    </row>
    <row r="623528" spans="8:8">
      <c r="H623528" s="12"/>
    </row>
    <row r="623529" spans="8:8">
      <c r="H623529" s="12"/>
    </row>
    <row r="623530" spans="8:8">
      <c r="H623530" s="12"/>
    </row>
    <row r="623531" spans="8:8">
      <c r="H623531" s="12"/>
    </row>
    <row r="623532" spans="8:8">
      <c r="H623532" s="12"/>
    </row>
    <row r="623533" spans="8:8">
      <c r="H623533" s="12"/>
    </row>
    <row r="623534" spans="8:8">
      <c r="H623534" s="12"/>
    </row>
    <row r="623535" spans="8:8">
      <c r="H623535" s="12"/>
    </row>
    <row r="623536" spans="8:8">
      <c r="H623536" s="12"/>
    </row>
    <row r="623537" spans="8:8">
      <c r="H623537" s="12"/>
    </row>
    <row r="623538" spans="8:8">
      <c r="H623538" s="12"/>
    </row>
    <row r="623539" spans="8:8">
      <c r="H623539" s="12"/>
    </row>
    <row r="623540" spans="8:8">
      <c r="H623540" s="12"/>
    </row>
    <row r="623541" spans="8:8">
      <c r="H623541" s="12"/>
    </row>
    <row r="623542" spans="8:8">
      <c r="H623542" s="12"/>
    </row>
    <row r="623543" spans="8:8">
      <c r="H623543" s="12"/>
    </row>
    <row r="623544" spans="8:8">
      <c r="H623544" s="12"/>
    </row>
    <row r="623545" spans="8:8">
      <c r="H623545" s="12"/>
    </row>
    <row r="623546" spans="8:8">
      <c r="H623546" s="12"/>
    </row>
    <row r="623547" spans="8:8">
      <c r="H623547" s="12"/>
    </row>
    <row r="623548" spans="8:8">
      <c r="H623548" s="12"/>
    </row>
    <row r="623549" spans="8:8">
      <c r="H623549" s="12"/>
    </row>
    <row r="623550" spans="8:8">
      <c r="H623550" s="12"/>
    </row>
    <row r="623551" spans="8:8">
      <c r="H623551" s="12"/>
    </row>
    <row r="623552" spans="8:8">
      <c r="H623552" s="12"/>
    </row>
    <row r="623553" spans="8:8">
      <c r="H623553" s="12"/>
    </row>
    <row r="623554" spans="8:8">
      <c r="H623554" s="12"/>
    </row>
    <row r="623555" spans="8:8">
      <c r="H623555" s="12"/>
    </row>
    <row r="623556" spans="8:8">
      <c r="H623556" s="12"/>
    </row>
    <row r="623557" spans="8:8">
      <c r="H623557" s="12"/>
    </row>
    <row r="623558" spans="8:8">
      <c r="H623558" s="12"/>
    </row>
    <row r="623559" spans="8:8">
      <c r="H623559" s="12"/>
    </row>
    <row r="623560" spans="8:8">
      <c r="H623560" s="12"/>
    </row>
    <row r="623561" spans="8:8">
      <c r="H623561" s="12"/>
    </row>
    <row r="623562" spans="8:8">
      <c r="H623562" s="12"/>
    </row>
    <row r="623563" spans="8:8">
      <c r="H623563" s="12"/>
    </row>
    <row r="623564" spans="8:8">
      <c r="H623564" s="12"/>
    </row>
    <row r="623565" spans="8:8">
      <c r="H623565" s="12"/>
    </row>
    <row r="623566" spans="8:8">
      <c r="H623566" s="12"/>
    </row>
    <row r="623567" spans="8:8">
      <c r="H623567" s="12"/>
    </row>
    <row r="623568" spans="8:8">
      <c r="H623568" s="12"/>
    </row>
    <row r="623569" spans="8:8">
      <c r="H623569" s="12"/>
    </row>
    <row r="623570" spans="8:8">
      <c r="H623570" s="12"/>
    </row>
    <row r="623571" spans="8:8">
      <c r="H623571" s="12"/>
    </row>
    <row r="623572" spans="8:8">
      <c r="H623572" s="12"/>
    </row>
    <row r="623573" spans="8:8">
      <c r="H623573" s="12"/>
    </row>
    <row r="623574" spans="8:8">
      <c r="H623574" s="12"/>
    </row>
    <row r="623575" spans="8:8">
      <c r="H623575" s="12"/>
    </row>
    <row r="623576" spans="8:8">
      <c r="H623576" s="12"/>
    </row>
    <row r="623577" spans="8:8">
      <c r="H623577" s="12"/>
    </row>
    <row r="623578" spans="8:8">
      <c r="H623578" s="12"/>
    </row>
    <row r="623579" spans="8:8">
      <c r="H623579" s="12"/>
    </row>
    <row r="623580" spans="8:8">
      <c r="H623580" s="12"/>
    </row>
    <row r="623581" spans="8:8">
      <c r="H623581" s="12"/>
    </row>
    <row r="623582" spans="8:8">
      <c r="H623582" s="12"/>
    </row>
    <row r="623583" spans="8:8">
      <c r="H623583" s="12"/>
    </row>
    <row r="623584" spans="8:8">
      <c r="H623584" s="12"/>
    </row>
    <row r="623585" spans="8:8">
      <c r="H623585" s="12"/>
    </row>
    <row r="623586" spans="8:8">
      <c r="H623586" s="12"/>
    </row>
    <row r="623587" spans="8:8">
      <c r="H623587" s="12"/>
    </row>
    <row r="623588" spans="8:8">
      <c r="H623588" s="12"/>
    </row>
    <row r="623589" spans="8:8">
      <c r="H623589" s="12"/>
    </row>
    <row r="623590" spans="8:8">
      <c r="H623590" s="12"/>
    </row>
    <row r="623591" spans="8:8">
      <c r="H623591" s="12"/>
    </row>
    <row r="623592" spans="8:8">
      <c r="H623592" s="12"/>
    </row>
    <row r="623593" spans="8:8">
      <c r="H623593" s="12"/>
    </row>
    <row r="623594" spans="8:8">
      <c r="H623594" s="12"/>
    </row>
    <row r="623595" spans="8:8">
      <c r="H623595" s="12"/>
    </row>
    <row r="623596" spans="8:8">
      <c r="H623596" s="12"/>
    </row>
    <row r="623597" spans="8:8">
      <c r="H623597" s="12"/>
    </row>
    <row r="623598" spans="8:8">
      <c r="H623598" s="12"/>
    </row>
    <row r="623599" spans="8:8">
      <c r="H623599" s="12"/>
    </row>
    <row r="623600" spans="8:8">
      <c r="H623600" s="12"/>
    </row>
    <row r="623601" spans="8:8">
      <c r="H623601" s="12"/>
    </row>
    <row r="623602" spans="8:8">
      <c r="H623602" s="12"/>
    </row>
    <row r="623603" spans="8:8">
      <c r="H623603" s="12"/>
    </row>
    <row r="623604" spans="8:8">
      <c r="H623604" s="12"/>
    </row>
    <row r="623605" spans="8:8">
      <c r="H623605" s="12"/>
    </row>
    <row r="623606" spans="8:8">
      <c r="H623606" s="12"/>
    </row>
    <row r="623607" spans="8:8">
      <c r="H623607" s="12"/>
    </row>
    <row r="623608" spans="8:8">
      <c r="H623608" s="12"/>
    </row>
    <row r="623609" spans="8:8">
      <c r="H623609" s="12"/>
    </row>
    <row r="623610" spans="8:8">
      <c r="H623610" s="12"/>
    </row>
    <row r="623611" spans="8:8">
      <c r="H623611" s="12"/>
    </row>
    <row r="623612" spans="8:8">
      <c r="H623612" s="12"/>
    </row>
    <row r="623613" spans="8:8">
      <c r="H623613" s="12"/>
    </row>
    <row r="623614" spans="8:8">
      <c r="H623614" s="12"/>
    </row>
    <row r="623615" spans="8:8">
      <c r="H623615" s="12"/>
    </row>
    <row r="623616" spans="8:8">
      <c r="H623616" s="12"/>
    </row>
    <row r="623617" spans="8:8">
      <c r="H623617" s="12"/>
    </row>
    <row r="623618" spans="8:8">
      <c r="H623618" s="12"/>
    </row>
    <row r="623619" spans="8:8">
      <c r="H623619" s="12"/>
    </row>
    <row r="623620" spans="8:8">
      <c r="H623620" s="12"/>
    </row>
    <row r="623621" spans="8:8">
      <c r="H623621" s="12"/>
    </row>
    <row r="623622" spans="8:8">
      <c r="H623622" s="12"/>
    </row>
    <row r="623623" spans="8:8">
      <c r="H623623" s="12"/>
    </row>
    <row r="623624" spans="8:8">
      <c r="H623624" s="12"/>
    </row>
    <row r="623625" spans="8:8">
      <c r="H623625" s="12"/>
    </row>
    <row r="623626" spans="8:8">
      <c r="H623626" s="12"/>
    </row>
    <row r="623627" spans="8:8">
      <c r="H623627" s="12"/>
    </row>
    <row r="623628" spans="8:8">
      <c r="H623628" s="12"/>
    </row>
    <row r="623629" spans="8:8">
      <c r="H623629" s="12"/>
    </row>
    <row r="623630" spans="8:8">
      <c r="H623630" s="12"/>
    </row>
    <row r="623631" spans="8:8">
      <c r="H623631" s="12"/>
    </row>
    <row r="623632" spans="8:8">
      <c r="H623632" s="12"/>
    </row>
    <row r="623633" spans="8:8">
      <c r="H623633" s="12"/>
    </row>
    <row r="623634" spans="8:8">
      <c r="H623634" s="12"/>
    </row>
    <row r="623635" spans="8:8">
      <c r="H623635" s="12"/>
    </row>
    <row r="623636" spans="8:8">
      <c r="H623636" s="12"/>
    </row>
    <row r="623637" spans="8:8">
      <c r="H623637" s="12"/>
    </row>
    <row r="623638" spans="8:8">
      <c r="H623638" s="12"/>
    </row>
    <row r="623639" spans="8:8">
      <c r="H623639" s="12"/>
    </row>
    <row r="623640" spans="8:8">
      <c r="H623640" s="12"/>
    </row>
    <row r="623641" spans="8:8">
      <c r="H623641" s="12"/>
    </row>
    <row r="623642" spans="8:8">
      <c r="H623642" s="12"/>
    </row>
    <row r="623643" spans="8:8">
      <c r="H623643" s="12"/>
    </row>
    <row r="623644" spans="8:8">
      <c r="H623644" s="12"/>
    </row>
    <row r="623645" spans="8:8">
      <c r="H623645" s="12"/>
    </row>
    <row r="623646" spans="8:8">
      <c r="H623646" s="12"/>
    </row>
    <row r="623647" spans="8:8">
      <c r="H623647" s="12"/>
    </row>
    <row r="623648" spans="8:8">
      <c r="H623648" s="12"/>
    </row>
    <row r="623649" spans="8:8">
      <c r="H623649" s="12"/>
    </row>
    <row r="623650" spans="8:8">
      <c r="H623650" s="12"/>
    </row>
    <row r="623651" spans="8:8">
      <c r="H623651" s="12"/>
    </row>
    <row r="623652" spans="8:8">
      <c r="H623652" s="12"/>
    </row>
    <row r="623653" spans="8:8">
      <c r="H623653" s="12"/>
    </row>
    <row r="623654" spans="8:8">
      <c r="H623654" s="12"/>
    </row>
    <row r="623655" spans="8:8">
      <c r="H623655" s="12"/>
    </row>
    <row r="623656" spans="8:8">
      <c r="H623656" s="12"/>
    </row>
    <row r="623657" spans="8:8">
      <c r="H623657" s="12"/>
    </row>
    <row r="623658" spans="8:8">
      <c r="H623658" s="12"/>
    </row>
    <row r="623659" spans="8:8">
      <c r="H623659" s="12"/>
    </row>
    <row r="623660" spans="8:8">
      <c r="H623660" s="12"/>
    </row>
    <row r="623661" spans="8:8">
      <c r="H623661" s="12"/>
    </row>
    <row r="623662" spans="8:8">
      <c r="H623662" s="12"/>
    </row>
    <row r="623663" spans="8:8">
      <c r="H623663" s="12"/>
    </row>
    <row r="623664" spans="8:8">
      <c r="H623664" s="12"/>
    </row>
    <row r="623665" spans="8:8">
      <c r="H623665" s="12"/>
    </row>
    <row r="623666" spans="8:8">
      <c r="H623666" s="12"/>
    </row>
    <row r="623667" spans="8:8">
      <c r="H623667" s="12"/>
    </row>
    <row r="623668" spans="8:8">
      <c r="H623668" s="12"/>
    </row>
    <row r="623669" spans="8:8">
      <c r="H623669" s="12"/>
    </row>
    <row r="623670" spans="8:8">
      <c r="H623670" s="12"/>
    </row>
    <row r="623671" spans="8:8">
      <c r="H623671" s="12"/>
    </row>
    <row r="623672" spans="8:8">
      <c r="H623672" s="12"/>
    </row>
    <row r="623673" spans="8:8">
      <c r="H623673" s="12"/>
    </row>
    <row r="623674" spans="8:8">
      <c r="H623674" s="12"/>
    </row>
    <row r="623675" spans="8:8">
      <c r="H623675" s="12"/>
    </row>
    <row r="623676" spans="8:8">
      <c r="H623676" s="12"/>
    </row>
    <row r="623677" spans="8:8">
      <c r="H623677" s="12"/>
    </row>
    <row r="623678" spans="8:8">
      <c r="H623678" s="12"/>
    </row>
    <row r="623679" spans="8:8">
      <c r="H623679" s="12"/>
    </row>
    <row r="623680" spans="8:8">
      <c r="H623680" s="12"/>
    </row>
    <row r="623681" spans="8:8">
      <c r="H623681" s="12"/>
    </row>
    <row r="623682" spans="8:8">
      <c r="H623682" s="12"/>
    </row>
    <row r="623683" spans="8:8">
      <c r="H623683" s="12"/>
    </row>
    <row r="623684" spans="8:8">
      <c r="H623684" s="12"/>
    </row>
    <row r="623685" spans="8:8">
      <c r="H623685" s="12"/>
    </row>
    <row r="623686" spans="8:8">
      <c r="H623686" s="12"/>
    </row>
    <row r="623687" spans="8:8">
      <c r="H623687" s="12"/>
    </row>
    <row r="623688" spans="8:8">
      <c r="H623688" s="12"/>
    </row>
    <row r="623689" spans="8:8">
      <c r="H623689" s="12"/>
    </row>
    <row r="623690" spans="8:8">
      <c r="H623690" s="12"/>
    </row>
    <row r="623691" spans="8:8">
      <c r="H623691" s="12"/>
    </row>
    <row r="623692" spans="8:8">
      <c r="H623692" s="12"/>
    </row>
    <row r="623693" spans="8:8">
      <c r="H623693" s="12"/>
    </row>
    <row r="623694" spans="8:8">
      <c r="H623694" s="12"/>
    </row>
    <row r="623695" spans="8:8">
      <c r="H623695" s="12"/>
    </row>
    <row r="623696" spans="8:8">
      <c r="H623696" s="12"/>
    </row>
    <row r="623697" spans="8:8">
      <c r="H623697" s="12"/>
    </row>
    <row r="623698" spans="8:8">
      <c r="H623698" s="12"/>
    </row>
    <row r="623699" spans="8:8">
      <c r="H623699" s="12"/>
    </row>
    <row r="623700" spans="8:8">
      <c r="H623700" s="12"/>
    </row>
    <row r="623701" spans="8:8">
      <c r="H623701" s="12"/>
    </row>
    <row r="623702" spans="8:8">
      <c r="H623702" s="12"/>
    </row>
    <row r="623703" spans="8:8">
      <c r="H623703" s="12"/>
    </row>
    <row r="623704" spans="8:8">
      <c r="H623704" s="12"/>
    </row>
    <row r="623705" spans="8:8">
      <c r="H623705" s="12"/>
    </row>
    <row r="623706" spans="8:8">
      <c r="H623706" s="12"/>
    </row>
    <row r="623707" spans="8:8">
      <c r="H623707" s="12"/>
    </row>
    <row r="623708" spans="8:8">
      <c r="H623708" s="12"/>
    </row>
    <row r="623709" spans="8:8">
      <c r="H623709" s="12"/>
    </row>
    <row r="623710" spans="8:8">
      <c r="H623710" s="12"/>
    </row>
    <row r="623711" spans="8:8">
      <c r="H623711" s="12"/>
    </row>
    <row r="623712" spans="8:8">
      <c r="H623712" s="12"/>
    </row>
    <row r="623713" spans="8:8">
      <c r="H623713" s="12"/>
    </row>
    <row r="623714" spans="8:8">
      <c r="H623714" s="12"/>
    </row>
    <row r="623715" spans="8:8">
      <c r="H623715" s="12"/>
    </row>
    <row r="623716" spans="8:8">
      <c r="H623716" s="12"/>
    </row>
    <row r="623717" spans="8:8">
      <c r="H623717" s="12"/>
    </row>
    <row r="623718" spans="8:8">
      <c r="H623718" s="12"/>
    </row>
    <row r="623719" spans="8:8">
      <c r="H623719" s="12"/>
    </row>
    <row r="623720" spans="8:8">
      <c r="H623720" s="12"/>
    </row>
    <row r="623721" spans="8:8">
      <c r="H623721" s="12"/>
    </row>
    <row r="623722" spans="8:8">
      <c r="H623722" s="12"/>
    </row>
    <row r="623723" spans="8:8">
      <c r="H623723" s="12"/>
    </row>
    <row r="623724" spans="8:8">
      <c r="H623724" s="12"/>
    </row>
    <row r="623725" spans="8:8">
      <c r="H623725" s="12"/>
    </row>
    <row r="623726" spans="8:8">
      <c r="H623726" s="12"/>
    </row>
    <row r="623727" spans="8:8">
      <c r="H623727" s="12"/>
    </row>
    <row r="623728" spans="8:8">
      <c r="H623728" s="12"/>
    </row>
    <row r="623729" spans="8:8">
      <c r="H623729" s="12"/>
    </row>
    <row r="623730" spans="8:8">
      <c r="H623730" s="12"/>
    </row>
    <row r="623731" spans="8:8">
      <c r="H623731" s="12"/>
    </row>
    <row r="623732" spans="8:8">
      <c r="H623732" s="12"/>
    </row>
    <row r="623733" spans="8:8">
      <c r="H623733" s="12"/>
    </row>
    <row r="623734" spans="8:8">
      <c r="H623734" s="12"/>
    </row>
    <row r="623735" spans="8:8">
      <c r="H623735" s="12"/>
    </row>
    <row r="623736" spans="8:8">
      <c r="H623736" s="12"/>
    </row>
    <row r="623737" spans="8:8">
      <c r="H623737" s="12"/>
    </row>
    <row r="623738" spans="8:8">
      <c r="H623738" s="12"/>
    </row>
    <row r="623739" spans="8:8">
      <c r="H623739" s="12"/>
    </row>
    <row r="623740" spans="8:8">
      <c r="H623740" s="12"/>
    </row>
    <row r="623741" spans="8:8">
      <c r="H623741" s="12"/>
    </row>
    <row r="623742" spans="8:8">
      <c r="H623742" s="12"/>
    </row>
    <row r="623743" spans="8:8">
      <c r="H623743" s="12"/>
    </row>
    <row r="623744" spans="8:8">
      <c r="H623744" s="12"/>
    </row>
    <row r="623745" spans="8:8">
      <c r="H623745" s="12"/>
    </row>
    <row r="623746" spans="8:8">
      <c r="H623746" s="12"/>
    </row>
    <row r="623747" spans="8:8">
      <c r="H623747" s="12"/>
    </row>
    <row r="623748" spans="8:8">
      <c r="H623748" s="12"/>
    </row>
    <row r="623749" spans="8:8">
      <c r="H623749" s="12"/>
    </row>
    <row r="623750" spans="8:8">
      <c r="H623750" s="12"/>
    </row>
    <row r="623751" spans="8:8">
      <c r="H623751" s="12"/>
    </row>
    <row r="623752" spans="8:8">
      <c r="H623752" s="12"/>
    </row>
    <row r="623753" spans="8:8">
      <c r="H623753" s="12"/>
    </row>
    <row r="623754" spans="8:8">
      <c r="H623754" s="12"/>
    </row>
    <row r="623755" spans="8:8">
      <c r="H623755" s="12"/>
    </row>
    <row r="623756" spans="8:8">
      <c r="H623756" s="12"/>
    </row>
    <row r="623757" spans="8:8">
      <c r="H623757" s="12"/>
    </row>
    <row r="623758" spans="8:8">
      <c r="H623758" s="12"/>
    </row>
    <row r="623759" spans="8:8">
      <c r="H623759" s="12"/>
    </row>
    <row r="623760" spans="8:8">
      <c r="H623760" s="12"/>
    </row>
    <row r="623761" spans="8:8">
      <c r="H623761" s="12"/>
    </row>
    <row r="623762" spans="8:8">
      <c r="H623762" s="12"/>
    </row>
    <row r="623763" spans="8:8">
      <c r="H623763" s="12"/>
    </row>
    <row r="623764" spans="8:8">
      <c r="H623764" s="12"/>
    </row>
    <row r="623765" spans="8:8">
      <c r="H623765" s="12"/>
    </row>
    <row r="623766" spans="8:8">
      <c r="H623766" s="12"/>
    </row>
    <row r="623767" spans="8:8">
      <c r="H623767" s="12"/>
    </row>
    <row r="623768" spans="8:8">
      <c r="H623768" s="12"/>
    </row>
    <row r="623769" spans="8:8">
      <c r="H623769" s="12"/>
    </row>
    <row r="623770" spans="8:8">
      <c r="H623770" s="12"/>
    </row>
    <row r="623771" spans="8:8">
      <c r="H623771" s="12"/>
    </row>
    <row r="623772" spans="8:8">
      <c r="H623772" s="12"/>
    </row>
    <row r="623773" spans="8:8">
      <c r="H623773" s="12"/>
    </row>
    <row r="623774" spans="8:8">
      <c r="H623774" s="12"/>
    </row>
    <row r="623775" spans="8:8">
      <c r="H623775" s="12"/>
    </row>
    <row r="623776" spans="8:8">
      <c r="H623776" s="12"/>
    </row>
    <row r="623777" spans="8:8">
      <c r="H623777" s="12"/>
    </row>
    <row r="623778" spans="8:8">
      <c r="H623778" s="12"/>
    </row>
    <row r="623779" spans="8:8">
      <c r="H623779" s="12"/>
    </row>
    <row r="623780" spans="8:8">
      <c r="H623780" s="12"/>
    </row>
    <row r="623781" spans="8:8">
      <c r="H623781" s="12"/>
    </row>
    <row r="623782" spans="8:8">
      <c r="H623782" s="12"/>
    </row>
    <row r="623783" spans="8:8">
      <c r="H623783" s="12"/>
    </row>
    <row r="623784" spans="8:8">
      <c r="H623784" s="12"/>
    </row>
    <row r="623785" spans="8:8">
      <c r="H623785" s="12"/>
    </row>
    <row r="623786" spans="8:8">
      <c r="H623786" s="12"/>
    </row>
    <row r="623787" spans="8:8">
      <c r="H623787" s="12"/>
    </row>
    <row r="623788" spans="8:8">
      <c r="H623788" s="12"/>
    </row>
    <row r="623789" spans="8:8">
      <c r="H623789" s="12"/>
    </row>
    <row r="623790" spans="8:8">
      <c r="H623790" s="12"/>
    </row>
    <row r="623791" spans="8:8">
      <c r="H623791" s="12"/>
    </row>
    <row r="623792" spans="8:8">
      <c r="H623792" s="12"/>
    </row>
    <row r="623793" spans="8:8">
      <c r="H623793" s="12"/>
    </row>
    <row r="623794" spans="8:8">
      <c r="H623794" s="12"/>
    </row>
    <row r="623795" spans="8:8">
      <c r="H623795" s="12"/>
    </row>
    <row r="623796" spans="8:8">
      <c r="H623796" s="12"/>
    </row>
    <row r="623797" spans="8:8">
      <c r="H623797" s="12"/>
    </row>
    <row r="623798" spans="8:8">
      <c r="H623798" s="12"/>
    </row>
    <row r="623799" spans="8:8">
      <c r="H623799" s="12"/>
    </row>
    <row r="623800" spans="8:8">
      <c r="H623800" s="12"/>
    </row>
    <row r="623801" spans="8:8">
      <c r="H623801" s="12"/>
    </row>
    <row r="623802" spans="8:8">
      <c r="H623802" s="12"/>
    </row>
    <row r="623803" spans="8:8">
      <c r="H623803" s="12"/>
    </row>
    <row r="623804" spans="8:8">
      <c r="H623804" s="12"/>
    </row>
    <row r="623805" spans="8:8">
      <c r="H623805" s="12"/>
    </row>
    <row r="623806" spans="8:8">
      <c r="H623806" s="12"/>
    </row>
    <row r="623807" spans="8:8">
      <c r="H623807" s="12"/>
    </row>
    <row r="623808" spans="8:8">
      <c r="H623808" s="12"/>
    </row>
    <row r="623809" spans="8:8">
      <c r="H623809" s="12"/>
    </row>
    <row r="623810" spans="8:8">
      <c r="H623810" s="12"/>
    </row>
    <row r="623811" spans="8:8">
      <c r="H623811" s="12"/>
    </row>
    <row r="623812" spans="8:8">
      <c r="H623812" s="12"/>
    </row>
    <row r="623813" spans="8:8">
      <c r="H623813" s="12"/>
    </row>
    <row r="623814" spans="8:8">
      <c r="H623814" s="12"/>
    </row>
    <row r="623815" spans="8:8">
      <c r="H623815" s="12"/>
    </row>
    <row r="623816" spans="8:8">
      <c r="H623816" s="12"/>
    </row>
    <row r="623817" spans="8:8">
      <c r="H623817" s="12"/>
    </row>
    <row r="623818" spans="8:8">
      <c r="H623818" s="12"/>
    </row>
    <row r="623819" spans="8:8">
      <c r="H623819" s="12"/>
    </row>
    <row r="623820" spans="8:8">
      <c r="H623820" s="12"/>
    </row>
    <row r="623821" spans="8:8">
      <c r="H623821" s="12"/>
    </row>
    <row r="623822" spans="8:8">
      <c r="H623822" s="12"/>
    </row>
    <row r="623823" spans="8:8">
      <c r="H623823" s="12"/>
    </row>
    <row r="623824" spans="8:8">
      <c r="H623824" s="12"/>
    </row>
    <row r="623825" spans="8:8">
      <c r="H623825" s="12"/>
    </row>
    <row r="623826" spans="8:8">
      <c r="H623826" s="12"/>
    </row>
    <row r="623827" spans="8:8">
      <c r="H623827" s="12"/>
    </row>
    <row r="623828" spans="8:8">
      <c r="H623828" s="12"/>
    </row>
    <row r="623829" spans="8:8">
      <c r="H623829" s="12"/>
    </row>
    <row r="623830" spans="8:8">
      <c r="H623830" s="12"/>
    </row>
    <row r="623831" spans="8:8">
      <c r="H623831" s="12"/>
    </row>
    <row r="623832" spans="8:8">
      <c r="H623832" s="12"/>
    </row>
    <row r="623833" spans="8:8">
      <c r="H623833" s="12"/>
    </row>
    <row r="623834" spans="8:8">
      <c r="H623834" s="12"/>
    </row>
    <row r="623835" spans="8:8">
      <c r="H623835" s="12"/>
    </row>
    <row r="623836" spans="8:8">
      <c r="H623836" s="12"/>
    </row>
    <row r="623837" spans="8:8">
      <c r="H623837" s="12"/>
    </row>
    <row r="623838" spans="8:8">
      <c r="H623838" s="12"/>
    </row>
    <row r="623839" spans="8:8">
      <c r="H623839" s="12"/>
    </row>
    <row r="623840" spans="8:8">
      <c r="H623840" s="12"/>
    </row>
    <row r="623841" spans="8:8">
      <c r="H623841" s="12"/>
    </row>
    <row r="623842" spans="8:8">
      <c r="H623842" s="12"/>
    </row>
    <row r="623843" spans="8:8">
      <c r="H623843" s="12"/>
    </row>
    <row r="623844" spans="8:8">
      <c r="H623844" s="12"/>
    </row>
    <row r="623845" spans="8:8">
      <c r="H623845" s="12"/>
    </row>
    <row r="623846" spans="8:8">
      <c r="H623846" s="12"/>
    </row>
    <row r="623847" spans="8:8">
      <c r="H623847" s="12"/>
    </row>
    <row r="623848" spans="8:8">
      <c r="H623848" s="12"/>
    </row>
    <row r="623849" spans="8:8">
      <c r="H623849" s="12"/>
    </row>
    <row r="623850" spans="8:8">
      <c r="H623850" s="12"/>
    </row>
    <row r="623851" spans="8:8">
      <c r="H623851" s="12"/>
    </row>
    <row r="623852" spans="8:8">
      <c r="H623852" s="12"/>
    </row>
    <row r="623853" spans="8:8">
      <c r="H623853" s="12"/>
    </row>
    <row r="623854" spans="8:8">
      <c r="H623854" s="12"/>
    </row>
    <row r="623855" spans="8:8">
      <c r="H623855" s="12"/>
    </row>
    <row r="623856" spans="8:8">
      <c r="H623856" s="12"/>
    </row>
    <row r="623857" spans="8:8">
      <c r="H623857" s="12"/>
    </row>
    <row r="623858" spans="8:8">
      <c r="H623858" s="12"/>
    </row>
    <row r="623859" spans="8:8">
      <c r="H623859" s="12"/>
    </row>
    <row r="623860" spans="8:8">
      <c r="H623860" s="12"/>
    </row>
    <row r="623861" spans="8:8">
      <c r="H623861" s="12"/>
    </row>
    <row r="623862" spans="8:8">
      <c r="H623862" s="12"/>
    </row>
    <row r="623863" spans="8:8">
      <c r="H623863" s="12"/>
    </row>
    <row r="623864" spans="8:8">
      <c r="H623864" s="12"/>
    </row>
    <row r="623865" spans="8:8">
      <c r="H623865" s="12"/>
    </row>
    <row r="623866" spans="8:8">
      <c r="H623866" s="12"/>
    </row>
    <row r="623867" spans="8:8">
      <c r="H623867" s="12"/>
    </row>
    <row r="623868" spans="8:8">
      <c r="H623868" s="12"/>
    </row>
    <row r="623869" spans="8:8">
      <c r="H623869" s="12"/>
    </row>
    <row r="623870" spans="8:8">
      <c r="H623870" s="12"/>
    </row>
    <row r="623871" spans="8:8">
      <c r="H623871" s="12"/>
    </row>
    <row r="623872" spans="8:8">
      <c r="H623872" s="12"/>
    </row>
    <row r="623873" spans="8:8">
      <c r="H623873" s="12"/>
    </row>
    <row r="623874" spans="8:8">
      <c r="H623874" s="12"/>
    </row>
    <row r="623875" spans="8:8">
      <c r="H623875" s="12"/>
    </row>
    <row r="623876" spans="8:8">
      <c r="H623876" s="12"/>
    </row>
    <row r="623877" spans="8:8">
      <c r="H623877" s="12"/>
    </row>
    <row r="623878" spans="8:8">
      <c r="H623878" s="12"/>
    </row>
    <row r="623879" spans="8:8">
      <c r="H623879" s="12"/>
    </row>
    <row r="623880" spans="8:8">
      <c r="H623880" s="12"/>
    </row>
    <row r="623881" spans="8:8">
      <c r="H623881" s="12"/>
    </row>
    <row r="623882" spans="8:8">
      <c r="H623882" s="12"/>
    </row>
    <row r="623883" spans="8:8">
      <c r="H623883" s="12"/>
    </row>
    <row r="623884" spans="8:8">
      <c r="H623884" s="12"/>
    </row>
    <row r="623885" spans="8:8">
      <c r="H623885" s="12"/>
    </row>
    <row r="623886" spans="8:8">
      <c r="H623886" s="12"/>
    </row>
    <row r="623887" spans="8:8">
      <c r="H623887" s="12"/>
    </row>
    <row r="623888" spans="8:8">
      <c r="H623888" s="12"/>
    </row>
    <row r="623889" spans="8:8">
      <c r="H623889" s="12"/>
    </row>
    <row r="623890" spans="8:8">
      <c r="H623890" s="12"/>
    </row>
    <row r="623891" spans="8:8">
      <c r="H623891" s="12"/>
    </row>
    <row r="623892" spans="8:8">
      <c r="H623892" s="12"/>
    </row>
    <row r="623893" spans="8:8">
      <c r="H623893" s="12"/>
    </row>
    <row r="623894" spans="8:8">
      <c r="H623894" s="12"/>
    </row>
    <row r="623895" spans="8:8">
      <c r="H623895" s="12"/>
    </row>
    <row r="623896" spans="8:8">
      <c r="H623896" s="12"/>
    </row>
    <row r="623897" spans="8:8">
      <c r="H623897" s="12"/>
    </row>
    <row r="623898" spans="8:8">
      <c r="H623898" s="12"/>
    </row>
    <row r="623899" spans="8:8">
      <c r="H623899" s="12"/>
    </row>
    <row r="623900" spans="8:8">
      <c r="H623900" s="12"/>
    </row>
    <row r="623901" spans="8:8">
      <c r="H623901" s="12"/>
    </row>
    <row r="623902" spans="8:8">
      <c r="H623902" s="12"/>
    </row>
    <row r="623903" spans="8:8">
      <c r="H623903" s="12"/>
    </row>
    <row r="623904" spans="8:8">
      <c r="H623904" s="12"/>
    </row>
    <row r="623905" spans="8:8">
      <c r="H623905" s="12"/>
    </row>
    <row r="623906" spans="8:8">
      <c r="H623906" s="12"/>
    </row>
    <row r="623907" spans="8:8">
      <c r="H623907" s="12"/>
    </row>
    <row r="623908" spans="8:8">
      <c r="H623908" s="12"/>
    </row>
    <row r="623909" spans="8:8">
      <c r="H623909" s="12"/>
    </row>
    <row r="623910" spans="8:8">
      <c r="H623910" s="12"/>
    </row>
    <row r="623911" spans="8:8">
      <c r="H623911" s="12"/>
    </row>
    <row r="623912" spans="8:8">
      <c r="H623912" s="12"/>
    </row>
    <row r="623913" spans="8:8">
      <c r="H623913" s="12"/>
    </row>
    <row r="623914" spans="8:8">
      <c r="H623914" s="12"/>
    </row>
    <row r="623915" spans="8:8">
      <c r="H623915" s="12"/>
    </row>
    <row r="623916" spans="8:8">
      <c r="H623916" s="12"/>
    </row>
    <row r="623917" spans="8:8">
      <c r="H623917" s="12"/>
    </row>
    <row r="623918" spans="8:8">
      <c r="H623918" s="12"/>
    </row>
    <row r="623919" spans="8:8">
      <c r="H623919" s="12"/>
    </row>
    <row r="623920" spans="8:8">
      <c r="H623920" s="12"/>
    </row>
    <row r="623921" spans="8:8">
      <c r="H623921" s="12"/>
    </row>
    <row r="623922" spans="8:8">
      <c r="H623922" s="12"/>
    </row>
    <row r="623923" spans="8:8">
      <c r="H623923" s="12"/>
    </row>
    <row r="623924" spans="8:8">
      <c r="H623924" s="12"/>
    </row>
    <row r="623925" spans="8:8">
      <c r="H623925" s="12"/>
    </row>
    <row r="623926" spans="8:8">
      <c r="H623926" s="12"/>
    </row>
    <row r="623927" spans="8:8">
      <c r="H623927" s="12"/>
    </row>
    <row r="623928" spans="8:8">
      <c r="H623928" s="12"/>
    </row>
    <row r="623929" spans="8:8">
      <c r="H623929" s="12"/>
    </row>
    <row r="623930" spans="8:8">
      <c r="H623930" s="12"/>
    </row>
    <row r="623931" spans="8:8">
      <c r="H623931" s="12"/>
    </row>
    <row r="623932" spans="8:8">
      <c r="H623932" s="12"/>
    </row>
    <row r="623933" spans="8:8">
      <c r="H623933" s="12"/>
    </row>
    <row r="623934" spans="8:8">
      <c r="H623934" s="12"/>
    </row>
    <row r="623935" spans="8:8">
      <c r="H623935" s="12"/>
    </row>
    <row r="623936" spans="8:8">
      <c r="H623936" s="12"/>
    </row>
    <row r="623937" spans="8:8">
      <c r="H623937" s="12"/>
    </row>
    <row r="623938" spans="8:8">
      <c r="H623938" s="12"/>
    </row>
    <row r="623939" spans="8:8">
      <c r="H623939" s="12"/>
    </row>
    <row r="623940" spans="8:8">
      <c r="H623940" s="12"/>
    </row>
    <row r="623941" spans="8:8">
      <c r="H623941" s="12"/>
    </row>
    <row r="623942" spans="8:8">
      <c r="H623942" s="12"/>
    </row>
    <row r="623943" spans="8:8">
      <c r="H623943" s="12"/>
    </row>
    <row r="623944" spans="8:8">
      <c r="H623944" s="12"/>
    </row>
    <row r="623945" spans="8:8">
      <c r="H623945" s="12"/>
    </row>
    <row r="623946" spans="8:8">
      <c r="H623946" s="12"/>
    </row>
    <row r="623947" spans="8:8">
      <c r="H623947" s="12"/>
    </row>
    <row r="623948" spans="8:8">
      <c r="H623948" s="12"/>
    </row>
    <row r="623949" spans="8:8">
      <c r="H623949" s="12"/>
    </row>
    <row r="623950" spans="8:8">
      <c r="H623950" s="12"/>
    </row>
    <row r="623951" spans="8:8">
      <c r="H623951" s="12"/>
    </row>
    <row r="623952" spans="8:8">
      <c r="H623952" s="12"/>
    </row>
    <row r="623953" spans="8:8">
      <c r="H623953" s="12"/>
    </row>
    <row r="623954" spans="8:8">
      <c r="H623954" s="12"/>
    </row>
    <row r="623955" spans="8:8">
      <c r="H623955" s="12"/>
    </row>
    <row r="623956" spans="8:8">
      <c r="H623956" s="12"/>
    </row>
    <row r="623957" spans="8:8">
      <c r="H623957" s="12"/>
    </row>
    <row r="623958" spans="8:8">
      <c r="H623958" s="12"/>
    </row>
    <row r="623959" spans="8:8">
      <c r="H623959" s="12"/>
    </row>
    <row r="623960" spans="8:8">
      <c r="H623960" s="12"/>
    </row>
    <row r="623961" spans="8:8">
      <c r="H623961" s="12"/>
    </row>
    <row r="623962" spans="8:8">
      <c r="H623962" s="12"/>
    </row>
    <row r="623963" spans="8:8">
      <c r="H623963" s="12"/>
    </row>
    <row r="623964" spans="8:8">
      <c r="H623964" s="12"/>
    </row>
    <row r="623965" spans="8:8">
      <c r="H623965" s="12"/>
    </row>
    <row r="623966" spans="8:8">
      <c r="H623966" s="12"/>
    </row>
    <row r="623967" spans="8:8">
      <c r="H623967" s="12"/>
    </row>
    <row r="623968" spans="8:8">
      <c r="H623968" s="12"/>
    </row>
    <row r="623969" spans="8:8">
      <c r="H623969" s="12"/>
    </row>
    <row r="623970" spans="8:8">
      <c r="H623970" s="12"/>
    </row>
    <row r="623971" spans="8:8">
      <c r="H623971" s="12"/>
    </row>
    <row r="623972" spans="8:8">
      <c r="H623972" s="12"/>
    </row>
    <row r="623973" spans="8:8">
      <c r="H623973" s="12"/>
    </row>
    <row r="623974" spans="8:8">
      <c r="H623974" s="12"/>
    </row>
    <row r="623975" spans="8:8">
      <c r="H623975" s="12"/>
    </row>
    <row r="623976" spans="8:8">
      <c r="H623976" s="12"/>
    </row>
    <row r="623977" spans="8:8">
      <c r="H623977" s="12"/>
    </row>
    <row r="623978" spans="8:8">
      <c r="H623978" s="12"/>
    </row>
    <row r="623979" spans="8:8">
      <c r="H623979" s="12"/>
    </row>
    <row r="623980" spans="8:8">
      <c r="H623980" s="12"/>
    </row>
    <row r="623981" spans="8:8">
      <c r="H623981" s="12"/>
    </row>
    <row r="623982" spans="8:8">
      <c r="H623982" s="12"/>
    </row>
    <row r="623983" spans="8:8">
      <c r="H623983" s="12"/>
    </row>
    <row r="623984" spans="8:8">
      <c r="H623984" s="12"/>
    </row>
    <row r="623985" spans="8:8">
      <c r="H623985" s="12"/>
    </row>
    <row r="623986" spans="8:8">
      <c r="H623986" s="12"/>
    </row>
    <row r="623987" spans="8:8">
      <c r="H623987" s="12"/>
    </row>
    <row r="623988" spans="8:8">
      <c r="H623988" s="12"/>
    </row>
    <row r="623989" spans="8:8">
      <c r="H623989" s="12"/>
    </row>
    <row r="623990" spans="8:8">
      <c r="H623990" s="12"/>
    </row>
    <row r="623991" spans="8:8">
      <c r="H623991" s="12"/>
    </row>
    <row r="623992" spans="8:8">
      <c r="H623992" s="12"/>
    </row>
    <row r="623993" spans="8:8">
      <c r="H623993" s="12"/>
    </row>
    <row r="623994" spans="8:8">
      <c r="H623994" s="12"/>
    </row>
    <row r="623995" spans="8:8">
      <c r="H623995" s="12"/>
    </row>
    <row r="623996" spans="8:8">
      <c r="H623996" s="12"/>
    </row>
    <row r="623997" spans="8:8">
      <c r="H623997" s="12"/>
    </row>
    <row r="623998" spans="8:8">
      <c r="H623998" s="12"/>
    </row>
    <row r="623999" spans="8:8">
      <c r="H623999" s="12"/>
    </row>
    <row r="624000" spans="8:8">
      <c r="H624000" s="12"/>
    </row>
    <row r="624001" spans="8:8">
      <c r="H624001" s="12"/>
    </row>
    <row r="624002" spans="8:8">
      <c r="H624002" s="12"/>
    </row>
    <row r="624003" spans="8:8">
      <c r="H624003" s="12"/>
    </row>
    <row r="624004" spans="8:8">
      <c r="H624004" s="12"/>
    </row>
    <row r="624005" spans="8:8">
      <c r="H624005" s="12"/>
    </row>
    <row r="624006" spans="8:8">
      <c r="H624006" s="12"/>
    </row>
    <row r="624007" spans="8:8">
      <c r="H624007" s="12"/>
    </row>
    <row r="624008" spans="8:8">
      <c r="H624008" s="12"/>
    </row>
    <row r="624009" spans="8:8">
      <c r="H624009" s="12"/>
    </row>
    <row r="624010" spans="8:8">
      <c r="H624010" s="12"/>
    </row>
    <row r="624011" spans="8:8">
      <c r="H624011" s="12"/>
    </row>
    <row r="624012" spans="8:8">
      <c r="H624012" s="12"/>
    </row>
    <row r="624013" spans="8:8">
      <c r="H624013" s="12"/>
    </row>
    <row r="624014" spans="8:8">
      <c r="H624014" s="12"/>
    </row>
    <row r="624015" spans="8:8">
      <c r="H624015" s="12"/>
    </row>
    <row r="624016" spans="8:8">
      <c r="H624016" s="12"/>
    </row>
    <row r="624017" spans="8:8">
      <c r="H624017" s="12"/>
    </row>
    <row r="624018" spans="8:8">
      <c r="H624018" s="12"/>
    </row>
    <row r="624019" spans="8:8">
      <c r="H624019" s="12"/>
    </row>
    <row r="624020" spans="8:8">
      <c r="H624020" s="12"/>
    </row>
    <row r="624021" spans="8:8">
      <c r="H624021" s="12"/>
    </row>
    <row r="624022" spans="8:8">
      <c r="H624022" s="12"/>
    </row>
    <row r="624023" spans="8:8">
      <c r="H624023" s="12"/>
    </row>
    <row r="624024" spans="8:8">
      <c r="H624024" s="12"/>
    </row>
    <row r="624025" spans="8:8">
      <c r="H624025" s="12"/>
    </row>
    <row r="624026" spans="8:8">
      <c r="H624026" s="12"/>
    </row>
    <row r="624027" spans="8:8">
      <c r="H624027" s="12"/>
    </row>
    <row r="624028" spans="8:8">
      <c r="H624028" s="12"/>
    </row>
    <row r="624029" spans="8:8">
      <c r="H624029" s="12"/>
    </row>
    <row r="624030" spans="8:8">
      <c r="H624030" s="12"/>
    </row>
    <row r="624031" spans="8:8">
      <c r="H624031" s="12"/>
    </row>
    <row r="624032" spans="8:8">
      <c r="H624032" s="12"/>
    </row>
    <row r="624033" spans="8:8">
      <c r="H624033" s="12"/>
    </row>
    <row r="624034" spans="8:8">
      <c r="H624034" s="12"/>
    </row>
    <row r="624035" spans="8:8">
      <c r="H624035" s="12"/>
    </row>
    <row r="624036" spans="8:8">
      <c r="H624036" s="12"/>
    </row>
    <row r="624037" spans="8:8">
      <c r="H624037" s="12"/>
    </row>
    <row r="624038" spans="8:8">
      <c r="H624038" s="12"/>
    </row>
    <row r="624039" spans="8:8">
      <c r="H624039" s="12"/>
    </row>
    <row r="624040" spans="8:8">
      <c r="H624040" s="12"/>
    </row>
    <row r="624041" spans="8:8">
      <c r="H624041" s="12"/>
    </row>
    <row r="624042" spans="8:8">
      <c r="H624042" s="12"/>
    </row>
    <row r="624043" spans="8:8">
      <c r="H624043" s="12"/>
    </row>
    <row r="624044" spans="8:8">
      <c r="H624044" s="12"/>
    </row>
    <row r="624045" spans="8:8">
      <c r="H624045" s="12"/>
    </row>
    <row r="624046" spans="8:8">
      <c r="H624046" s="12"/>
    </row>
    <row r="624047" spans="8:8">
      <c r="H624047" s="12"/>
    </row>
    <row r="624048" spans="8:8">
      <c r="H624048" s="12"/>
    </row>
    <row r="624049" spans="8:8">
      <c r="H624049" s="12"/>
    </row>
    <row r="624050" spans="8:8">
      <c r="H624050" s="12"/>
    </row>
    <row r="624051" spans="8:8">
      <c r="H624051" s="12"/>
    </row>
    <row r="624052" spans="8:8">
      <c r="H624052" s="12"/>
    </row>
    <row r="624053" spans="8:8">
      <c r="H624053" s="12"/>
    </row>
    <row r="624054" spans="8:8">
      <c r="H624054" s="12"/>
    </row>
    <row r="624055" spans="8:8">
      <c r="H624055" s="12"/>
    </row>
    <row r="624056" spans="8:8">
      <c r="H624056" s="12"/>
    </row>
    <row r="624057" spans="8:8">
      <c r="H624057" s="12"/>
    </row>
    <row r="624058" spans="8:8">
      <c r="H624058" s="12"/>
    </row>
    <row r="624059" spans="8:8">
      <c r="H624059" s="12"/>
    </row>
    <row r="624060" spans="8:8">
      <c r="H624060" s="12"/>
    </row>
    <row r="624061" spans="8:8">
      <c r="H624061" s="12"/>
    </row>
    <row r="624062" spans="8:8">
      <c r="H624062" s="12"/>
    </row>
    <row r="624063" spans="8:8">
      <c r="H624063" s="12"/>
    </row>
    <row r="624064" spans="8:8">
      <c r="H624064" s="12"/>
    </row>
    <row r="624065" spans="8:8">
      <c r="H624065" s="12"/>
    </row>
    <row r="624066" spans="8:8">
      <c r="H624066" s="12"/>
    </row>
    <row r="624067" spans="8:8">
      <c r="H624067" s="12"/>
    </row>
    <row r="624068" spans="8:8">
      <c r="H624068" s="12"/>
    </row>
    <row r="624069" spans="8:8">
      <c r="H624069" s="12"/>
    </row>
    <row r="624070" spans="8:8">
      <c r="H624070" s="12"/>
    </row>
    <row r="624071" spans="8:8">
      <c r="H624071" s="12"/>
    </row>
    <row r="624072" spans="8:8">
      <c r="H624072" s="12"/>
    </row>
    <row r="624073" spans="8:8">
      <c r="H624073" s="12"/>
    </row>
    <row r="624074" spans="8:8">
      <c r="H624074" s="12"/>
    </row>
    <row r="624075" spans="8:8">
      <c r="H624075" s="12"/>
    </row>
    <row r="624076" spans="8:8">
      <c r="H624076" s="12"/>
    </row>
    <row r="624077" spans="8:8">
      <c r="H624077" s="12"/>
    </row>
    <row r="624078" spans="8:8">
      <c r="H624078" s="12"/>
    </row>
    <row r="624079" spans="8:8">
      <c r="H624079" s="12"/>
    </row>
    <row r="624080" spans="8:8">
      <c r="H624080" s="12"/>
    </row>
    <row r="624081" spans="8:8">
      <c r="H624081" s="12"/>
    </row>
    <row r="624082" spans="8:8">
      <c r="H624082" s="12"/>
    </row>
    <row r="624083" spans="8:8">
      <c r="H624083" s="12"/>
    </row>
    <row r="624084" spans="8:8">
      <c r="H624084" s="12"/>
    </row>
    <row r="624085" spans="8:8">
      <c r="H624085" s="12"/>
    </row>
    <row r="624086" spans="8:8">
      <c r="H624086" s="12"/>
    </row>
    <row r="624087" spans="8:8">
      <c r="H624087" s="12"/>
    </row>
    <row r="624088" spans="8:8">
      <c r="H624088" s="12"/>
    </row>
    <row r="624089" spans="8:8">
      <c r="H624089" s="12"/>
    </row>
    <row r="624090" spans="8:8">
      <c r="H624090" s="12"/>
    </row>
    <row r="624091" spans="8:8">
      <c r="H624091" s="12"/>
    </row>
    <row r="624092" spans="8:8">
      <c r="H624092" s="12"/>
    </row>
    <row r="624093" spans="8:8">
      <c r="H624093" s="12"/>
    </row>
    <row r="624094" spans="8:8">
      <c r="H624094" s="12"/>
    </row>
    <row r="624095" spans="8:8">
      <c r="H624095" s="12"/>
    </row>
    <row r="624096" spans="8:8">
      <c r="H624096" s="12"/>
    </row>
    <row r="624097" spans="8:8">
      <c r="H624097" s="12"/>
    </row>
    <row r="624098" spans="8:8">
      <c r="H624098" s="12"/>
    </row>
    <row r="624099" spans="8:8">
      <c r="H624099" s="12"/>
    </row>
    <row r="624100" spans="8:8">
      <c r="H624100" s="12"/>
    </row>
    <row r="624101" spans="8:8">
      <c r="H624101" s="12"/>
    </row>
    <row r="624102" spans="8:8">
      <c r="H624102" s="12"/>
    </row>
    <row r="624103" spans="8:8">
      <c r="H624103" s="12"/>
    </row>
    <row r="624104" spans="8:8">
      <c r="H624104" s="12"/>
    </row>
    <row r="624105" spans="8:8">
      <c r="H624105" s="12"/>
    </row>
    <row r="624106" spans="8:8">
      <c r="H624106" s="12"/>
    </row>
    <row r="624107" spans="8:8">
      <c r="H624107" s="12"/>
    </row>
    <row r="624108" spans="8:8">
      <c r="H624108" s="12"/>
    </row>
    <row r="624109" spans="8:8">
      <c r="H624109" s="12"/>
    </row>
    <row r="624110" spans="8:8">
      <c r="H624110" s="12"/>
    </row>
    <row r="624111" spans="8:8">
      <c r="H624111" s="12"/>
    </row>
    <row r="624112" spans="8:8">
      <c r="H624112" s="12"/>
    </row>
    <row r="624113" spans="8:8">
      <c r="H624113" s="12"/>
    </row>
    <row r="624114" spans="8:8">
      <c r="H624114" s="12"/>
    </row>
    <row r="624115" spans="8:8">
      <c r="H624115" s="12"/>
    </row>
    <row r="624116" spans="8:8">
      <c r="H624116" s="12"/>
    </row>
    <row r="624117" spans="8:8">
      <c r="H624117" s="12"/>
    </row>
    <row r="624118" spans="8:8">
      <c r="H624118" s="12"/>
    </row>
    <row r="624119" spans="8:8">
      <c r="H624119" s="12"/>
    </row>
    <row r="624120" spans="8:8">
      <c r="H624120" s="12"/>
    </row>
    <row r="624121" spans="8:8">
      <c r="H624121" s="12"/>
    </row>
    <row r="624122" spans="8:8">
      <c r="H624122" s="12"/>
    </row>
    <row r="624123" spans="8:8">
      <c r="H624123" s="12"/>
    </row>
    <row r="624124" spans="8:8">
      <c r="H624124" s="12"/>
    </row>
    <row r="624125" spans="8:8">
      <c r="H624125" s="12"/>
    </row>
    <row r="624126" spans="8:8">
      <c r="H624126" s="12"/>
    </row>
    <row r="624127" spans="8:8">
      <c r="H624127" s="12"/>
    </row>
    <row r="624128" spans="8:8">
      <c r="H624128" s="12"/>
    </row>
    <row r="624129" spans="8:8">
      <c r="H624129" s="12"/>
    </row>
    <row r="624130" spans="8:8">
      <c r="H624130" s="12"/>
    </row>
    <row r="624131" spans="8:8">
      <c r="H624131" s="12"/>
    </row>
    <row r="624132" spans="8:8">
      <c r="H624132" s="12"/>
    </row>
    <row r="624133" spans="8:8">
      <c r="H624133" s="12"/>
    </row>
    <row r="624134" spans="8:8">
      <c r="H624134" s="12"/>
    </row>
    <row r="624135" spans="8:8">
      <c r="H624135" s="12"/>
    </row>
    <row r="624136" spans="8:8">
      <c r="H624136" s="12"/>
    </row>
    <row r="624137" spans="8:8">
      <c r="H624137" s="12"/>
    </row>
    <row r="624138" spans="8:8">
      <c r="H624138" s="12"/>
    </row>
    <row r="624139" spans="8:8">
      <c r="H624139" s="12"/>
    </row>
    <row r="624140" spans="8:8">
      <c r="H624140" s="12"/>
    </row>
    <row r="624141" spans="8:8">
      <c r="H624141" s="12"/>
    </row>
    <row r="624142" spans="8:8">
      <c r="H624142" s="12"/>
    </row>
    <row r="624143" spans="8:8">
      <c r="H624143" s="12"/>
    </row>
    <row r="624144" spans="8:8">
      <c r="H624144" s="12"/>
    </row>
    <row r="624145" spans="8:8">
      <c r="H624145" s="12"/>
    </row>
    <row r="624146" spans="8:8">
      <c r="H624146" s="12"/>
    </row>
    <row r="624147" spans="8:8">
      <c r="H624147" s="12"/>
    </row>
    <row r="624148" spans="8:8">
      <c r="H624148" s="12"/>
    </row>
    <row r="624149" spans="8:8">
      <c r="H624149" s="12"/>
    </row>
    <row r="624150" spans="8:8">
      <c r="H624150" s="12"/>
    </row>
    <row r="624151" spans="8:8">
      <c r="H624151" s="12"/>
    </row>
    <row r="624152" spans="8:8">
      <c r="H624152" s="12"/>
    </row>
    <row r="624153" spans="8:8">
      <c r="H624153" s="12"/>
    </row>
    <row r="624154" spans="8:8">
      <c r="H624154" s="12"/>
    </row>
    <row r="624155" spans="8:8">
      <c r="H624155" s="12"/>
    </row>
    <row r="624156" spans="8:8">
      <c r="H624156" s="12"/>
    </row>
    <row r="624157" spans="8:8">
      <c r="H624157" s="12"/>
    </row>
    <row r="624158" spans="8:8">
      <c r="H624158" s="12"/>
    </row>
    <row r="624159" spans="8:8">
      <c r="H624159" s="12"/>
    </row>
    <row r="624160" spans="8:8">
      <c r="H624160" s="12"/>
    </row>
    <row r="624161" spans="8:8">
      <c r="H624161" s="12"/>
    </row>
    <row r="624162" spans="8:8">
      <c r="H624162" s="12"/>
    </row>
    <row r="624163" spans="8:8">
      <c r="H624163" s="12"/>
    </row>
    <row r="624164" spans="8:8">
      <c r="H624164" s="12"/>
    </row>
    <row r="624165" spans="8:8">
      <c r="H624165" s="12"/>
    </row>
    <row r="624166" spans="8:8">
      <c r="H624166" s="12"/>
    </row>
    <row r="624167" spans="8:8">
      <c r="H624167" s="12"/>
    </row>
    <row r="624168" spans="8:8">
      <c r="H624168" s="12"/>
    </row>
    <row r="624169" spans="8:8">
      <c r="H624169" s="12"/>
    </row>
    <row r="624170" spans="8:8">
      <c r="H624170" s="12"/>
    </row>
    <row r="624171" spans="8:8">
      <c r="H624171" s="12"/>
    </row>
    <row r="624172" spans="8:8">
      <c r="H624172" s="12"/>
    </row>
    <row r="624173" spans="8:8">
      <c r="H624173" s="12"/>
    </row>
    <row r="624174" spans="8:8">
      <c r="H624174" s="12"/>
    </row>
    <row r="624175" spans="8:8">
      <c r="H624175" s="12"/>
    </row>
    <row r="624176" spans="8:8">
      <c r="H624176" s="12"/>
    </row>
    <row r="624177" spans="8:8">
      <c r="H624177" s="12"/>
    </row>
    <row r="624178" spans="8:8">
      <c r="H624178" s="12"/>
    </row>
    <row r="624179" spans="8:8">
      <c r="H624179" s="12"/>
    </row>
    <row r="624180" spans="8:8">
      <c r="H624180" s="12"/>
    </row>
    <row r="624181" spans="8:8">
      <c r="H624181" s="12"/>
    </row>
    <row r="624182" spans="8:8">
      <c r="H624182" s="12"/>
    </row>
    <row r="624183" spans="8:8">
      <c r="H624183" s="12"/>
    </row>
    <row r="624184" spans="8:8">
      <c r="H624184" s="12"/>
    </row>
    <row r="624185" spans="8:8">
      <c r="H624185" s="12"/>
    </row>
    <row r="624186" spans="8:8">
      <c r="H624186" s="12"/>
    </row>
    <row r="624187" spans="8:8">
      <c r="H624187" s="12"/>
    </row>
    <row r="624188" spans="8:8">
      <c r="H624188" s="12"/>
    </row>
    <row r="624189" spans="8:8">
      <c r="H624189" s="12"/>
    </row>
    <row r="624190" spans="8:8">
      <c r="H624190" s="12"/>
    </row>
    <row r="624191" spans="8:8">
      <c r="H624191" s="12"/>
    </row>
    <row r="624192" spans="8:8">
      <c r="H624192" s="12"/>
    </row>
    <row r="624193" spans="8:8">
      <c r="H624193" s="12"/>
    </row>
    <row r="624194" spans="8:8">
      <c r="H624194" s="12"/>
    </row>
    <row r="624195" spans="8:8">
      <c r="H624195" s="12"/>
    </row>
    <row r="624196" spans="8:8">
      <c r="H624196" s="12"/>
    </row>
    <row r="624197" spans="8:8">
      <c r="H624197" s="12"/>
    </row>
    <row r="624198" spans="8:8">
      <c r="H624198" s="12"/>
    </row>
    <row r="624199" spans="8:8">
      <c r="H624199" s="12"/>
    </row>
    <row r="624200" spans="8:8">
      <c r="H624200" s="12"/>
    </row>
    <row r="624201" spans="8:8">
      <c r="H624201" s="12"/>
    </row>
    <row r="624202" spans="8:8">
      <c r="H624202" s="12"/>
    </row>
    <row r="624203" spans="8:8">
      <c r="H624203" s="12"/>
    </row>
    <row r="624204" spans="8:8">
      <c r="H624204" s="12"/>
    </row>
    <row r="624205" spans="8:8">
      <c r="H624205" s="12"/>
    </row>
    <row r="624206" spans="8:8">
      <c r="H624206" s="12"/>
    </row>
    <row r="624207" spans="8:8">
      <c r="H624207" s="12"/>
    </row>
    <row r="624208" spans="8:8">
      <c r="H624208" s="12"/>
    </row>
    <row r="624209" spans="8:8">
      <c r="H624209" s="12"/>
    </row>
    <row r="624210" spans="8:8">
      <c r="H624210" s="12"/>
    </row>
    <row r="624211" spans="8:8">
      <c r="H624211" s="12"/>
    </row>
    <row r="624212" spans="8:8">
      <c r="H624212" s="12"/>
    </row>
    <row r="624213" spans="8:8">
      <c r="H624213" s="12"/>
    </row>
    <row r="624214" spans="8:8">
      <c r="H624214" s="12"/>
    </row>
    <row r="624215" spans="8:8">
      <c r="H624215" s="12"/>
    </row>
    <row r="624216" spans="8:8">
      <c r="H624216" s="12"/>
    </row>
    <row r="624217" spans="8:8">
      <c r="H624217" s="12"/>
    </row>
    <row r="624218" spans="8:8">
      <c r="H624218" s="12"/>
    </row>
    <row r="624219" spans="8:8">
      <c r="H624219" s="12"/>
    </row>
    <row r="624220" spans="8:8">
      <c r="H624220" s="12"/>
    </row>
    <row r="624221" spans="8:8">
      <c r="H624221" s="12"/>
    </row>
    <row r="624222" spans="8:8">
      <c r="H624222" s="12"/>
    </row>
    <row r="624223" spans="8:8">
      <c r="H624223" s="12"/>
    </row>
    <row r="624224" spans="8:8">
      <c r="H624224" s="12"/>
    </row>
    <row r="624225" spans="8:8">
      <c r="H624225" s="12"/>
    </row>
    <row r="624226" spans="8:8">
      <c r="H624226" s="12"/>
    </row>
    <row r="624227" spans="8:8">
      <c r="H624227" s="12"/>
    </row>
    <row r="624228" spans="8:8">
      <c r="H624228" s="12"/>
    </row>
    <row r="624229" spans="8:8">
      <c r="H624229" s="12"/>
    </row>
    <row r="624230" spans="8:8">
      <c r="H624230" s="12"/>
    </row>
    <row r="624231" spans="8:8">
      <c r="H624231" s="12"/>
    </row>
    <row r="624232" spans="8:8">
      <c r="H624232" s="12"/>
    </row>
    <row r="624233" spans="8:8">
      <c r="H624233" s="12"/>
    </row>
    <row r="624234" spans="8:8">
      <c r="H624234" s="12"/>
    </row>
    <row r="624235" spans="8:8">
      <c r="H624235" s="12"/>
    </row>
    <row r="624236" spans="8:8">
      <c r="H624236" s="12"/>
    </row>
    <row r="624237" spans="8:8">
      <c r="H624237" s="12"/>
    </row>
    <row r="624238" spans="8:8">
      <c r="H624238" s="12"/>
    </row>
    <row r="624239" spans="8:8">
      <c r="H624239" s="12"/>
    </row>
    <row r="624240" spans="8:8">
      <c r="H624240" s="12"/>
    </row>
    <row r="624241" spans="8:8">
      <c r="H624241" s="12"/>
    </row>
    <row r="624242" spans="8:8">
      <c r="H624242" s="12"/>
    </row>
    <row r="624243" spans="8:8">
      <c r="H624243" s="12"/>
    </row>
    <row r="624244" spans="8:8">
      <c r="H624244" s="12"/>
    </row>
    <row r="624245" spans="8:8">
      <c r="H624245" s="12"/>
    </row>
    <row r="624246" spans="8:8">
      <c r="H624246" s="12"/>
    </row>
    <row r="624247" spans="8:8">
      <c r="H624247" s="12"/>
    </row>
    <row r="624248" spans="8:8">
      <c r="H624248" s="12"/>
    </row>
    <row r="624249" spans="8:8">
      <c r="H624249" s="12"/>
    </row>
    <row r="624250" spans="8:8">
      <c r="H624250" s="12"/>
    </row>
    <row r="624251" spans="8:8">
      <c r="H624251" s="12"/>
    </row>
    <row r="624252" spans="8:8">
      <c r="H624252" s="12"/>
    </row>
    <row r="624253" spans="8:8">
      <c r="H624253" s="12"/>
    </row>
    <row r="624254" spans="8:8">
      <c r="H624254" s="12"/>
    </row>
    <row r="624255" spans="8:8">
      <c r="H624255" s="12"/>
    </row>
    <row r="624256" spans="8:8">
      <c r="H624256" s="12"/>
    </row>
    <row r="624257" spans="8:8">
      <c r="H624257" s="12"/>
    </row>
    <row r="624258" spans="8:8">
      <c r="H624258" s="12"/>
    </row>
    <row r="624259" spans="8:8">
      <c r="H624259" s="12"/>
    </row>
    <row r="624260" spans="8:8">
      <c r="H624260" s="12"/>
    </row>
    <row r="624261" spans="8:8">
      <c r="H624261" s="12"/>
    </row>
    <row r="624262" spans="8:8">
      <c r="H624262" s="12"/>
    </row>
    <row r="624263" spans="8:8">
      <c r="H624263" s="12"/>
    </row>
    <row r="624264" spans="8:8">
      <c r="H624264" s="12"/>
    </row>
    <row r="624265" spans="8:8">
      <c r="H624265" s="12"/>
    </row>
    <row r="624266" spans="8:8">
      <c r="H624266" s="12"/>
    </row>
    <row r="624267" spans="8:8">
      <c r="H624267" s="12"/>
    </row>
    <row r="624268" spans="8:8">
      <c r="H624268" s="12"/>
    </row>
    <row r="624269" spans="8:8">
      <c r="H624269" s="12"/>
    </row>
    <row r="624270" spans="8:8">
      <c r="H624270" s="12"/>
    </row>
    <row r="624271" spans="8:8">
      <c r="H624271" s="12"/>
    </row>
    <row r="624272" spans="8:8">
      <c r="H624272" s="12"/>
    </row>
    <row r="624273" spans="8:8">
      <c r="H624273" s="12"/>
    </row>
    <row r="624274" spans="8:8">
      <c r="H624274" s="12"/>
    </row>
    <row r="624275" spans="8:8">
      <c r="H624275" s="12"/>
    </row>
    <row r="624276" spans="8:8">
      <c r="H624276" s="12"/>
    </row>
    <row r="624277" spans="8:8">
      <c r="H624277" s="12"/>
    </row>
    <row r="624278" spans="8:8">
      <c r="H624278" s="12"/>
    </row>
    <row r="624279" spans="8:8">
      <c r="H624279" s="12"/>
    </row>
    <row r="624280" spans="8:8">
      <c r="H624280" s="12"/>
    </row>
    <row r="624281" spans="8:8">
      <c r="H624281" s="12"/>
    </row>
    <row r="624282" spans="8:8">
      <c r="H624282" s="12"/>
    </row>
    <row r="624283" spans="8:8">
      <c r="H624283" s="12"/>
    </row>
    <row r="624284" spans="8:8">
      <c r="H624284" s="12"/>
    </row>
    <row r="624285" spans="8:8">
      <c r="H624285" s="12"/>
    </row>
    <row r="624286" spans="8:8">
      <c r="H624286" s="12"/>
    </row>
    <row r="624287" spans="8:8">
      <c r="H624287" s="12"/>
    </row>
    <row r="624288" spans="8:8">
      <c r="H624288" s="12"/>
    </row>
    <row r="624289" spans="8:8">
      <c r="H624289" s="12"/>
    </row>
    <row r="624290" spans="8:8">
      <c r="H624290" s="12"/>
    </row>
    <row r="624291" spans="8:8">
      <c r="H624291" s="12"/>
    </row>
    <row r="624292" spans="8:8">
      <c r="H624292" s="12"/>
    </row>
    <row r="624293" spans="8:8">
      <c r="H624293" s="12"/>
    </row>
    <row r="624294" spans="8:8">
      <c r="H624294" s="12"/>
    </row>
    <row r="624295" spans="8:8">
      <c r="H624295" s="12"/>
    </row>
    <row r="624296" spans="8:8">
      <c r="H624296" s="12"/>
    </row>
    <row r="624297" spans="8:8">
      <c r="H624297" s="12"/>
    </row>
    <row r="624298" spans="8:8">
      <c r="H624298" s="12"/>
    </row>
    <row r="624299" spans="8:8">
      <c r="H624299" s="12"/>
    </row>
    <row r="624300" spans="8:8">
      <c r="H624300" s="12"/>
    </row>
    <row r="624301" spans="8:8">
      <c r="H624301" s="12"/>
    </row>
    <row r="624302" spans="8:8">
      <c r="H624302" s="12"/>
    </row>
    <row r="624303" spans="8:8">
      <c r="H624303" s="12"/>
    </row>
    <row r="624304" spans="8:8">
      <c r="H624304" s="12"/>
    </row>
    <row r="624305" spans="8:8">
      <c r="H624305" s="12"/>
    </row>
    <row r="624306" spans="8:8">
      <c r="H624306" s="12"/>
    </row>
    <row r="624307" spans="8:8">
      <c r="H624307" s="12"/>
    </row>
    <row r="624308" spans="8:8">
      <c r="H624308" s="12"/>
    </row>
    <row r="624309" spans="8:8">
      <c r="H624309" s="12"/>
    </row>
    <row r="624310" spans="8:8">
      <c r="H624310" s="12"/>
    </row>
    <row r="624311" spans="8:8">
      <c r="H624311" s="12"/>
    </row>
    <row r="624312" spans="8:8">
      <c r="H624312" s="12"/>
    </row>
    <row r="624313" spans="8:8">
      <c r="H624313" s="12"/>
    </row>
    <row r="624314" spans="8:8">
      <c r="H624314" s="12"/>
    </row>
    <row r="624315" spans="8:8">
      <c r="H624315" s="12"/>
    </row>
    <row r="624316" spans="8:8">
      <c r="H624316" s="12"/>
    </row>
    <row r="624317" spans="8:8">
      <c r="H624317" s="12"/>
    </row>
    <row r="624318" spans="8:8">
      <c r="H624318" s="12"/>
    </row>
    <row r="624319" spans="8:8">
      <c r="H624319" s="12"/>
    </row>
    <row r="624320" spans="8:8">
      <c r="H624320" s="12"/>
    </row>
    <row r="624321" spans="8:8">
      <c r="H624321" s="12"/>
    </row>
    <row r="624322" spans="8:8">
      <c r="H624322" s="12"/>
    </row>
    <row r="624323" spans="8:8">
      <c r="H624323" s="12"/>
    </row>
    <row r="624324" spans="8:8">
      <c r="H624324" s="12"/>
    </row>
    <row r="624325" spans="8:8">
      <c r="H624325" s="12"/>
    </row>
    <row r="624326" spans="8:8">
      <c r="H624326" s="12"/>
    </row>
    <row r="624327" spans="8:8">
      <c r="H624327" s="12"/>
    </row>
    <row r="624328" spans="8:8">
      <c r="H624328" s="12"/>
    </row>
    <row r="624329" spans="8:8">
      <c r="H624329" s="12"/>
    </row>
    <row r="624330" spans="8:8">
      <c r="H624330" s="12"/>
    </row>
    <row r="624331" spans="8:8">
      <c r="H624331" s="12"/>
    </row>
    <row r="624332" spans="8:8">
      <c r="H624332" s="12"/>
    </row>
    <row r="624333" spans="8:8">
      <c r="H624333" s="12"/>
    </row>
    <row r="624334" spans="8:8">
      <c r="H624334" s="12"/>
    </row>
    <row r="624335" spans="8:8">
      <c r="H624335" s="12"/>
    </row>
    <row r="624336" spans="8:8">
      <c r="H624336" s="12"/>
    </row>
    <row r="624337" spans="8:8">
      <c r="H624337" s="12"/>
    </row>
    <row r="624338" spans="8:8">
      <c r="H624338" s="12"/>
    </row>
    <row r="624339" spans="8:8">
      <c r="H624339" s="12"/>
    </row>
    <row r="624340" spans="8:8">
      <c r="H624340" s="12"/>
    </row>
    <row r="624341" spans="8:8">
      <c r="H624341" s="12"/>
    </row>
    <row r="624342" spans="8:8">
      <c r="H624342" s="12"/>
    </row>
    <row r="624343" spans="8:8">
      <c r="H624343" s="12"/>
    </row>
    <row r="624344" spans="8:8">
      <c r="H624344" s="12"/>
    </row>
    <row r="624345" spans="8:8">
      <c r="H624345" s="12"/>
    </row>
    <row r="624346" spans="8:8">
      <c r="H624346" s="12"/>
    </row>
    <row r="624347" spans="8:8">
      <c r="H624347" s="12"/>
    </row>
    <row r="624348" spans="8:8">
      <c r="H624348" s="12"/>
    </row>
    <row r="624349" spans="8:8">
      <c r="H624349" s="12"/>
    </row>
    <row r="624350" spans="8:8">
      <c r="H624350" s="12"/>
    </row>
    <row r="624351" spans="8:8">
      <c r="H624351" s="12"/>
    </row>
    <row r="624352" spans="8:8">
      <c r="H624352" s="12"/>
    </row>
    <row r="624353" spans="8:8">
      <c r="H624353" s="12"/>
    </row>
    <row r="624354" spans="8:8">
      <c r="H624354" s="12"/>
    </row>
    <row r="624355" spans="8:8">
      <c r="H624355" s="12"/>
    </row>
    <row r="624356" spans="8:8">
      <c r="H624356" s="12"/>
    </row>
    <row r="624357" spans="8:8">
      <c r="H624357" s="12"/>
    </row>
    <row r="624358" spans="8:8">
      <c r="H624358" s="12"/>
    </row>
    <row r="624359" spans="8:8">
      <c r="H624359" s="12"/>
    </row>
    <row r="624360" spans="8:8">
      <c r="H624360" s="12"/>
    </row>
    <row r="624361" spans="8:8">
      <c r="H624361" s="12"/>
    </row>
    <row r="624362" spans="8:8">
      <c r="H624362" s="12"/>
    </row>
    <row r="624363" spans="8:8">
      <c r="H624363" s="12"/>
    </row>
    <row r="624364" spans="8:8">
      <c r="H624364" s="12"/>
    </row>
    <row r="624365" spans="8:8">
      <c r="H624365" s="12"/>
    </row>
    <row r="624366" spans="8:8">
      <c r="H624366" s="12"/>
    </row>
    <row r="624367" spans="8:8">
      <c r="H624367" s="12"/>
    </row>
    <row r="624368" spans="8:8">
      <c r="H624368" s="12"/>
    </row>
    <row r="624369" spans="8:8">
      <c r="H624369" s="12"/>
    </row>
    <row r="624370" spans="8:8">
      <c r="H624370" s="12"/>
    </row>
    <row r="624371" spans="8:8">
      <c r="H624371" s="12"/>
    </row>
    <row r="624372" spans="8:8">
      <c r="H624372" s="12"/>
    </row>
    <row r="624373" spans="8:8">
      <c r="H624373" s="12"/>
    </row>
    <row r="624374" spans="8:8">
      <c r="H624374" s="12"/>
    </row>
    <row r="624375" spans="8:8">
      <c r="H624375" s="12"/>
    </row>
    <row r="624376" spans="8:8">
      <c r="H624376" s="12"/>
    </row>
    <row r="624377" spans="8:8">
      <c r="H624377" s="12"/>
    </row>
    <row r="624378" spans="8:8">
      <c r="H624378" s="12"/>
    </row>
    <row r="624379" spans="8:8">
      <c r="H624379" s="12"/>
    </row>
    <row r="624380" spans="8:8">
      <c r="H624380" s="12"/>
    </row>
    <row r="624381" spans="8:8">
      <c r="H624381" s="12"/>
    </row>
    <row r="624382" spans="8:8">
      <c r="H624382" s="12"/>
    </row>
    <row r="624383" spans="8:8">
      <c r="H624383" s="12"/>
    </row>
    <row r="624384" spans="8:8">
      <c r="H624384" s="12"/>
    </row>
    <row r="624385" spans="8:8">
      <c r="H624385" s="12"/>
    </row>
    <row r="624386" spans="8:8">
      <c r="H624386" s="12"/>
    </row>
    <row r="624387" spans="8:8">
      <c r="H624387" s="12"/>
    </row>
    <row r="624388" spans="8:8">
      <c r="H624388" s="12"/>
    </row>
    <row r="624389" spans="8:8">
      <c r="H624389" s="12"/>
    </row>
    <row r="624390" spans="8:8">
      <c r="H624390" s="12"/>
    </row>
    <row r="624391" spans="8:8">
      <c r="H624391" s="12"/>
    </row>
    <row r="624392" spans="8:8">
      <c r="H624392" s="12"/>
    </row>
    <row r="624393" spans="8:8">
      <c r="H624393" s="12"/>
    </row>
    <row r="624394" spans="8:8">
      <c r="H624394" s="12"/>
    </row>
    <row r="624395" spans="8:8">
      <c r="H624395" s="12"/>
    </row>
    <row r="624396" spans="8:8">
      <c r="H624396" s="12"/>
    </row>
    <row r="624397" spans="8:8">
      <c r="H624397" s="12"/>
    </row>
    <row r="624398" spans="8:8">
      <c r="H624398" s="12"/>
    </row>
    <row r="624399" spans="8:8">
      <c r="H624399" s="12"/>
    </row>
    <row r="624400" spans="8:8">
      <c r="H624400" s="12"/>
    </row>
    <row r="624401" spans="8:8">
      <c r="H624401" s="12"/>
    </row>
    <row r="624402" spans="8:8">
      <c r="H624402" s="12"/>
    </row>
    <row r="624403" spans="8:8">
      <c r="H624403" s="12"/>
    </row>
    <row r="624404" spans="8:8">
      <c r="H624404" s="12"/>
    </row>
    <row r="624405" spans="8:8">
      <c r="H624405" s="12"/>
    </row>
    <row r="624406" spans="8:8">
      <c r="H624406" s="12"/>
    </row>
    <row r="624407" spans="8:8">
      <c r="H624407" s="12"/>
    </row>
    <row r="624408" spans="8:8">
      <c r="H624408" s="12"/>
    </row>
    <row r="624409" spans="8:8">
      <c r="H624409" s="12"/>
    </row>
    <row r="624410" spans="8:8">
      <c r="H624410" s="12"/>
    </row>
    <row r="624411" spans="8:8">
      <c r="H624411" s="12"/>
    </row>
    <row r="624412" spans="8:8">
      <c r="H624412" s="12"/>
    </row>
    <row r="624413" spans="8:8">
      <c r="H624413" s="12"/>
    </row>
    <row r="624414" spans="8:8">
      <c r="H624414" s="12"/>
    </row>
    <row r="624415" spans="8:8">
      <c r="H624415" s="12"/>
    </row>
    <row r="624416" spans="8:8">
      <c r="H624416" s="12"/>
    </row>
    <row r="624417" spans="8:8">
      <c r="H624417" s="12"/>
    </row>
    <row r="624418" spans="8:8">
      <c r="H624418" s="12"/>
    </row>
    <row r="624419" spans="8:8">
      <c r="H624419" s="12"/>
    </row>
    <row r="624420" spans="8:8">
      <c r="H624420" s="12"/>
    </row>
    <row r="624421" spans="8:8">
      <c r="H624421" s="12"/>
    </row>
    <row r="624422" spans="8:8">
      <c r="H624422" s="12"/>
    </row>
    <row r="624423" spans="8:8">
      <c r="H624423" s="12"/>
    </row>
    <row r="624424" spans="8:8">
      <c r="H624424" s="12"/>
    </row>
    <row r="624425" spans="8:8">
      <c r="H624425" s="12"/>
    </row>
    <row r="624426" spans="8:8">
      <c r="H624426" s="12"/>
    </row>
    <row r="624427" spans="8:8">
      <c r="H624427" s="12"/>
    </row>
    <row r="624428" spans="8:8">
      <c r="H624428" s="12"/>
    </row>
    <row r="624429" spans="8:8">
      <c r="H624429" s="12"/>
    </row>
    <row r="624430" spans="8:8">
      <c r="H624430" s="12"/>
    </row>
    <row r="624431" spans="8:8">
      <c r="H624431" s="12"/>
    </row>
    <row r="624432" spans="8:8">
      <c r="H624432" s="12"/>
    </row>
    <row r="624433" spans="8:8">
      <c r="H624433" s="12"/>
    </row>
    <row r="624434" spans="8:8">
      <c r="H624434" s="12"/>
    </row>
    <row r="624435" spans="8:8">
      <c r="H624435" s="12"/>
    </row>
    <row r="624436" spans="8:8">
      <c r="H624436" s="12"/>
    </row>
    <row r="624437" spans="8:8">
      <c r="H624437" s="12"/>
    </row>
    <row r="624438" spans="8:8">
      <c r="H624438" s="12"/>
    </row>
    <row r="624439" spans="8:8">
      <c r="H624439" s="12"/>
    </row>
    <row r="624440" spans="8:8">
      <c r="H624440" s="12"/>
    </row>
    <row r="624441" spans="8:8">
      <c r="H624441" s="12"/>
    </row>
    <row r="624442" spans="8:8">
      <c r="H624442" s="12"/>
    </row>
    <row r="624443" spans="8:8">
      <c r="H624443" s="12"/>
    </row>
    <row r="624444" spans="8:8">
      <c r="H624444" s="12"/>
    </row>
    <row r="624445" spans="8:8">
      <c r="H624445" s="12"/>
    </row>
    <row r="624446" spans="8:8">
      <c r="H624446" s="12"/>
    </row>
    <row r="624447" spans="8:8">
      <c r="H624447" s="12"/>
    </row>
    <row r="624448" spans="8:8">
      <c r="H624448" s="12"/>
    </row>
    <row r="624449" spans="8:8">
      <c r="H624449" s="12"/>
    </row>
    <row r="624450" spans="8:8">
      <c r="H624450" s="12"/>
    </row>
    <row r="624451" spans="8:8">
      <c r="H624451" s="12"/>
    </row>
    <row r="624452" spans="8:8">
      <c r="H624452" s="12"/>
    </row>
    <row r="624453" spans="8:8">
      <c r="H624453" s="12"/>
    </row>
    <row r="624454" spans="8:8">
      <c r="H624454" s="12"/>
    </row>
    <row r="624455" spans="8:8">
      <c r="H624455" s="12"/>
    </row>
    <row r="624456" spans="8:8">
      <c r="H624456" s="12"/>
    </row>
    <row r="624457" spans="8:8">
      <c r="H624457" s="12"/>
    </row>
    <row r="624458" spans="8:8">
      <c r="H624458" s="12"/>
    </row>
    <row r="624459" spans="8:8">
      <c r="H624459" s="12"/>
    </row>
    <row r="624460" spans="8:8">
      <c r="H624460" s="12"/>
    </row>
    <row r="624461" spans="8:8">
      <c r="H624461" s="12"/>
    </row>
    <row r="624462" spans="8:8">
      <c r="H624462" s="12"/>
    </row>
    <row r="624463" spans="8:8">
      <c r="H624463" s="12"/>
    </row>
    <row r="624464" spans="8:8">
      <c r="H624464" s="12"/>
    </row>
    <row r="624465" spans="8:8">
      <c r="H624465" s="12"/>
    </row>
    <row r="624466" spans="8:8">
      <c r="H624466" s="12"/>
    </row>
    <row r="624467" spans="8:8">
      <c r="H624467" s="12"/>
    </row>
    <row r="624468" spans="8:8">
      <c r="H624468" s="12"/>
    </row>
    <row r="624469" spans="8:8">
      <c r="H624469" s="12"/>
    </row>
    <row r="624470" spans="8:8">
      <c r="H624470" s="12"/>
    </row>
    <row r="624471" spans="8:8">
      <c r="H624471" s="12"/>
    </row>
    <row r="624472" spans="8:8">
      <c r="H624472" s="12"/>
    </row>
    <row r="624473" spans="8:8">
      <c r="H624473" s="12"/>
    </row>
    <row r="624474" spans="8:8">
      <c r="H624474" s="12"/>
    </row>
    <row r="624475" spans="8:8">
      <c r="H624475" s="12"/>
    </row>
    <row r="624476" spans="8:8">
      <c r="H624476" s="12"/>
    </row>
    <row r="624477" spans="8:8">
      <c r="H624477" s="12"/>
    </row>
    <row r="624478" spans="8:8">
      <c r="H624478" s="12"/>
    </row>
    <row r="624479" spans="8:8">
      <c r="H624479" s="12"/>
    </row>
    <row r="624480" spans="8:8">
      <c r="H624480" s="12"/>
    </row>
    <row r="624481" spans="8:8">
      <c r="H624481" s="12"/>
    </row>
    <row r="624482" spans="8:8">
      <c r="H624482" s="12"/>
    </row>
    <row r="624483" spans="8:8">
      <c r="H624483" s="12"/>
    </row>
    <row r="624484" spans="8:8">
      <c r="H624484" s="12"/>
    </row>
    <row r="624485" spans="8:8">
      <c r="H624485" s="12"/>
    </row>
    <row r="624486" spans="8:8">
      <c r="H624486" s="12"/>
    </row>
    <row r="624487" spans="8:8">
      <c r="H624487" s="12"/>
    </row>
    <row r="624488" spans="8:8">
      <c r="H624488" s="12"/>
    </row>
    <row r="624489" spans="8:8">
      <c r="H624489" s="12"/>
    </row>
    <row r="624490" spans="8:8">
      <c r="H624490" s="12"/>
    </row>
    <row r="624491" spans="8:8">
      <c r="H624491" s="12"/>
    </row>
    <row r="624492" spans="8:8">
      <c r="H624492" s="12"/>
    </row>
    <row r="624493" spans="8:8">
      <c r="H624493" s="12"/>
    </row>
    <row r="624494" spans="8:8">
      <c r="H624494" s="12"/>
    </row>
    <row r="624495" spans="8:8">
      <c r="H624495" s="12"/>
    </row>
    <row r="624496" spans="8:8">
      <c r="H624496" s="12"/>
    </row>
    <row r="624497" spans="8:8">
      <c r="H624497" s="12"/>
    </row>
    <row r="624498" spans="8:8">
      <c r="H624498" s="12"/>
    </row>
    <row r="624499" spans="8:8">
      <c r="H624499" s="12"/>
    </row>
    <row r="624500" spans="8:8">
      <c r="H624500" s="12"/>
    </row>
    <row r="624501" spans="8:8">
      <c r="H624501" s="12"/>
    </row>
    <row r="624502" spans="8:8">
      <c r="H624502" s="12"/>
    </row>
    <row r="624503" spans="8:8">
      <c r="H624503" s="12"/>
    </row>
    <row r="624504" spans="8:8">
      <c r="H624504" s="12"/>
    </row>
    <row r="624505" spans="8:8">
      <c r="H624505" s="12"/>
    </row>
    <row r="624506" spans="8:8">
      <c r="H624506" s="12"/>
    </row>
    <row r="624507" spans="8:8">
      <c r="H624507" s="12"/>
    </row>
    <row r="624508" spans="8:8">
      <c r="H624508" s="12"/>
    </row>
    <row r="624509" spans="8:8">
      <c r="H624509" s="12"/>
    </row>
    <row r="624510" spans="8:8">
      <c r="H624510" s="12"/>
    </row>
    <row r="624511" spans="8:8">
      <c r="H624511" s="12"/>
    </row>
    <row r="624512" spans="8:8">
      <c r="H624512" s="12"/>
    </row>
    <row r="624513" spans="8:8">
      <c r="H624513" s="12"/>
    </row>
    <row r="624514" spans="8:8">
      <c r="H624514" s="12"/>
    </row>
    <row r="624515" spans="8:8">
      <c r="H624515" s="12"/>
    </row>
    <row r="624516" spans="8:8">
      <c r="H624516" s="12"/>
    </row>
    <row r="624517" spans="8:8">
      <c r="H624517" s="12"/>
    </row>
    <row r="624518" spans="8:8">
      <c r="H624518" s="12"/>
    </row>
    <row r="624519" spans="8:8">
      <c r="H624519" s="12"/>
    </row>
    <row r="624520" spans="8:8">
      <c r="H624520" s="12"/>
    </row>
    <row r="624521" spans="8:8">
      <c r="H624521" s="12"/>
    </row>
    <row r="624522" spans="8:8">
      <c r="H624522" s="12"/>
    </row>
    <row r="624523" spans="8:8">
      <c r="H624523" s="12"/>
    </row>
    <row r="624524" spans="8:8">
      <c r="H624524" s="12"/>
    </row>
    <row r="624525" spans="8:8">
      <c r="H624525" s="12"/>
    </row>
    <row r="624526" spans="8:8">
      <c r="H624526" s="12"/>
    </row>
    <row r="624527" spans="8:8">
      <c r="H624527" s="12"/>
    </row>
    <row r="624528" spans="8:8">
      <c r="H624528" s="12"/>
    </row>
    <row r="624529" spans="8:8">
      <c r="H624529" s="12"/>
    </row>
    <row r="624530" spans="8:8">
      <c r="H624530" s="12"/>
    </row>
    <row r="624531" spans="8:8">
      <c r="H624531" s="12"/>
    </row>
    <row r="624532" spans="8:8">
      <c r="H624532" s="12"/>
    </row>
    <row r="624533" spans="8:8">
      <c r="H624533" s="12"/>
    </row>
    <row r="624534" spans="8:8">
      <c r="H624534" s="12"/>
    </row>
    <row r="624535" spans="8:8">
      <c r="H624535" s="12"/>
    </row>
    <row r="624536" spans="8:8">
      <c r="H624536" s="12"/>
    </row>
    <row r="624537" spans="8:8">
      <c r="H624537" s="12"/>
    </row>
    <row r="624538" spans="8:8">
      <c r="H624538" s="12"/>
    </row>
    <row r="624539" spans="8:8">
      <c r="H624539" s="12"/>
    </row>
    <row r="624540" spans="8:8">
      <c r="H624540" s="12"/>
    </row>
    <row r="624541" spans="8:8">
      <c r="H624541" s="12"/>
    </row>
    <row r="624542" spans="8:8">
      <c r="H624542" s="12"/>
    </row>
    <row r="624543" spans="8:8">
      <c r="H624543" s="12"/>
    </row>
    <row r="624544" spans="8:8">
      <c r="H624544" s="12"/>
    </row>
    <row r="624545" spans="8:8">
      <c r="H624545" s="12"/>
    </row>
    <row r="624546" spans="8:8">
      <c r="H624546" s="12"/>
    </row>
    <row r="624547" spans="8:8">
      <c r="H624547" s="12"/>
    </row>
    <row r="624548" spans="8:8">
      <c r="H624548" s="12"/>
    </row>
    <row r="624549" spans="8:8">
      <c r="H624549" s="12"/>
    </row>
    <row r="624550" spans="8:8">
      <c r="H624550" s="12"/>
    </row>
    <row r="624551" spans="8:8">
      <c r="H624551" s="12"/>
    </row>
    <row r="624552" spans="8:8">
      <c r="H624552" s="12"/>
    </row>
    <row r="624553" spans="8:8">
      <c r="H624553" s="12"/>
    </row>
    <row r="624554" spans="8:8">
      <c r="H624554" s="12"/>
    </row>
    <row r="624555" spans="8:8">
      <c r="H624555" s="12"/>
    </row>
    <row r="624556" spans="8:8">
      <c r="H624556" s="12"/>
    </row>
    <row r="624557" spans="8:8">
      <c r="H624557" s="12"/>
    </row>
    <row r="624558" spans="8:8">
      <c r="H624558" s="12"/>
    </row>
    <row r="624559" spans="8:8">
      <c r="H624559" s="12"/>
    </row>
    <row r="624560" spans="8:8">
      <c r="H624560" s="12"/>
    </row>
    <row r="624561" spans="8:8">
      <c r="H624561" s="12"/>
    </row>
    <row r="624562" spans="8:8">
      <c r="H624562" s="12"/>
    </row>
    <row r="624563" spans="8:8">
      <c r="H624563" s="12"/>
    </row>
    <row r="624564" spans="8:8">
      <c r="H624564" s="12"/>
    </row>
    <row r="624565" spans="8:8">
      <c r="H624565" s="12"/>
    </row>
    <row r="624566" spans="8:8">
      <c r="H624566" s="12"/>
    </row>
    <row r="624567" spans="8:8">
      <c r="H624567" s="12"/>
    </row>
    <row r="624568" spans="8:8">
      <c r="H624568" s="12"/>
    </row>
    <row r="624569" spans="8:8">
      <c r="H624569" s="12"/>
    </row>
    <row r="624570" spans="8:8">
      <c r="H624570" s="12"/>
    </row>
    <row r="624571" spans="8:8">
      <c r="H624571" s="12"/>
    </row>
    <row r="624572" spans="8:8">
      <c r="H624572" s="12"/>
    </row>
    <row r="624573" spans="8:8">
      <c r="H624573" s="12"/>
    </row>
    <row r="624574" spans="8:8">
      <c r="H624574" s="12"/>
    </row>
    <row r="624575" spans="8:8">
      <c r="H624575" s="12"/>
    </row>
    <row r="624576" spans="8:8">
      <c r="H624576" s="12"/>
    </row>
    <row r="624577" spans="8:8">
      <c r="H624577" s="12"/>
    </row>
    <row r="624578" spans="8:8">
      <c r="H624578" s="12"/>
    </row>
    <row r="624579" spans="8:8">
      <c r="H624579" s="12"/>
    </row>
    <row r="624580" spans="8:8">
      <c r="H624580" s="12"/>
    </row>
    <row r="624581" spans="8:8">
      <c r="H624581" s="12"/>
    </row>
    <row r="624582" spans="8:8">
      <c r="H624582" s="12"/>
    </row>
    <row r="624583" spans="8:8">
      <c r="H624583" s="12"/>
    </row>
    <row r="624584" spans="8:8">
      <c r="H624584" s="12"/>
    </row>
    <row r="624585" spans="8:8">
      <c r="H624585" s="12"/>
    </row>
    <row r="624586" spans="8:8">
      <c r="H624586" s="12"/>
    </row>
    <row r="624587" spans="8:8">
      <c r="H624587" s="12"/>
    </row>
    <row r="624588" spans="8:8">
      <c r="H624588" s="12"/>
    </row>
    <row r="624589" spans="8:8">
      <c r="H624589" s="12"/>
    </row>
    <row r="624590" spans="8:8">
      <c r="H624590" s="12"/>
    </row>
    <row r="624591" spans="8:8">
      <c r="H624591" s="12"/>
    </row>
    <row r="624592" spans="8:8">
      <c r="H624592" s="12"/>
    </row>
    <row r="624593" spans="8:8">
      <c r="H624593" s="12"/>
    </row>
    <row r="624594" spans="8:8">
      <c r="H624594" s="12"/>
    </row>
    <row r="624595" spans="8:8">
      <c r="H624595" s="12"/>
    </row>
    <row r="624596" spans="8:8">
      <c r="H624596" s="12"/>
    </row>
    <row r="624597" spans="8:8">
      <c r="H624597" s="12"/>
    </row>
    <row r="624598" spans="8:8">
      <c r="H624598" s="12"/>
    </row>
    <row r="624599" spans="8:8">
      <c r="H624599" s="12"/>
    </row>
    <row r="624600" spans="8:8">
      <c r="H624600" s="12"/>
    </row>
    <row r="624601" spans="8:8">
      <c r="H624601" s="12"/>
    </row>
    <row r="624602" spans="8:8">
      <c r="H624602" s="12"/>
    </row>
    <row r="624603" spans="8:8">
      <c r="H624603" s="12"/>
    </row>
    <row r="624604" spans="8:8">
      <c r="H624604" s="12"/>
    </row>
    <row r="624605" spans="8:8">
      <c r="H624605" s="12"/>
    </row>
    <row r="624606" spans="8:8">
      <c r="H624606" s="12"/>
    </row>
    <row r="624607" spans="8:8">
      <c r="H624607" s="12"/>
    </row>
    <row r="624608" spans="8:8">
      <c r="H624608" s="12"/>
    </row>
    <row r="624609" spans="8:8">
      <c r="H624609" s="12"/>
    </row>
    <row r="624610" spans="8:8">
      <c r="H624610" s="12"/>
    </row>
    <row r="624611" spans="8:8">
      <c r="H624611" s="12"/>
    </row>
    <row r="624612" spans="8:8">
      <c r="H624612" s="12"/>
    </row>
    <row r="624613" spans="8:8">
      <c r="H624613" s="12"/>
    </row>
    <row r="624614" spans="8:8">
      <c r="H624614" s="12"/>
    </row>
    <row r="624615" spans="8:8">
      <c r="H624615" s="12"/>
    </row>
    <row r="624616" spans="8:8">
      <c r="H624616" s="12"/>
    </row>
    <row r="624617" spans="8:8">
      <c r="H624617" s="12"/>
    </row>
    <row r="624618" spans="8:8">
      <c r="H624618" s="12"/>
    </row>
    <row r="624619" spans="8:8">
      <c r="H624619" s="12"/>
    </row>
    <row r="624620" spans="8:8">
      <c r="H624620" s="12"/>
    </row>
    <row r="624621" spans="8:8">
      <c r="H624621" s="12"/>
    </row>
    <row r="624622" spans="8:8">
      <c r="H624622" s="12"/>
    </row>
    <row r="624623" spans="8:8">
      <c r="H624623" s="12"/>
    </row>
    <row r="624624" spans="8:8">
      <c r="H624624" s="12"/>
    </row>
    <row r="624625" spans="8:8">
      <c r="H624625" s="12"/>
    </row>
    <row r="624626" spans="8:8">
      <c r="H624626" s="12"/>
    </row>
    <row r="624627" spans="8:8">
      <c r="H624627" s="12"/>
    </row>
    <row r="624628" spans="8:8">
      <c r="H624628" s="12"/>
    </row>
    <row r="624629" spans="8:8">
      <c r="H624629" s="12"/>
    </row>
    <row r="624630" spans="8:8">
      <c r="H624630" s="12"/>
    </row>
    <row r="624631" spans="8:8">
      <c r="H624631" s="12"/>
    </row>
    <row r="624632" spans="8:8">
      <c r="H624632" s="12"/>
    </row>
    <row r="624633" spans="8:8">
      <c r="H624633" s="12"/>
    </row>
    <row r="624634" spans="8:8">
      <c r="H624634" s="12"/>
    </row>
    <row r="624635" spans="8:8">
      <c r="H624635" s="12"/>
    </row>
    <row r="624636" spans="8:8">
      <c r="H624636" s="12"/>
    </row>
    <row r="624637" spans="8:8">
      <c r="H624637" s="12"/>
    </row>
    <row r="624638" spans="8:8">
      <c r="H624638" s="12"/>
    </row>
    <row r="624639" spans="8:8">
      <c r="H624639" s="12"/>
    </row>
    <row r="624640" spans="8:8">
      <c r="H624640" s="12"/>
    </row>
    <row r="624641" spans="8:8">
      <c r="H624641" s="12"/>
    </row>
    <row r="624642" spans="8:8">
      <c r="H624642" s="12"/>
    </row>
    <row r="624643" spans="8:8">
      <c r="H624643" s="12"/>
    </row>
    <row r="624644" spans="8:8">
      <c r="H624644" s="12"/>
    </row>
    <row r="624645" spans="8:8">
      <c r="H624645" s="12"/>
    </row>
    <row r="624646" spans="8:8">
      <c r="H624646" s="12"/>
    </row>
    <row r="624647" spans="8:8">
      <c r="H624647" s="12"/>
    </row>
    <row r="624648" spans="8:8">
      <c r="H624648" s="12"/>
    </row>
    <row r="624649" spans="8:8">
      <c r="H624649" s="12"/>
    </row>
    <row r="624650" spans="8:8">
      <c r="H624650" s="12"/>
    </row>
    <row r="624651" spans="8:8">
      <c r="H624651" s="12"/>
    </row>
    <row r="624652" spans="8:8">
      <c r="H624652" s="12"/>
    </row>
    <row r="624653" spans="8:8">
      <c r="H624653" s="12"/>
    </row>
    <row r="624654" spans="8:8">
      <c r="H624654" s="12"/>
    </row>
    <row r="624655" spans="8:8">
      <c r="H624655" s="12"/>
    </row>
    <row r="624656" spans="8:8">
      <c r="H624656" s="12"/>
    </row>
    <row r="624657" spans="8:8">
      <c r="H624657" s="12"/>
    </row>
    <row r="624658" spans="8:8">
      <c r="H624658" s="12"/>
    </row>
    <row r="624659" spans="8:8">
      <c r="H624659" s="12"/>
    </row>
    <row r="624660" spans="8:8">
      <c r="H624660" s="12"/>
    </row>
    <row r="624661" spans="8:8">
      <c r="H624661" s="12"/>
    </row>
    <row r="624662" spans="8:8">
      <c r="H624662" s="12"/>
    </row>
    <row r="624663" spans="8:8">
      <c r="H624663" s="12"/>
    </row>
    <row r="624664" spans="8:8">
      <c r="H624664" s="12"/>
    </row>
    <row r="624665" spans="8:8">
      <c r="H624665" s="12"/>
    </row>
    <row r="624666" spans="8:8">
      <c r="H624666" s="12"/>
    </row>
    <row r="624667" spans="8:8">
      <c r="H624667" s="12"/>
    </row>
    <row r="624668" spans="8:8">
      <c r="H624668" s="12"/>
    </row>
    <row r="624669" spans="8:8">
      <c r="H624669" s="12"/>
    </row>
    <row r="624670" spans="8:8">
      <c r="H624670" s="12"/>
    </row>
    <row r="624671" spans="8:8">
      <c r="H624671" s="12"/>
    </row>
    <row r="624672" spans="8:8">
      <c r="H624672" s="12"/>
    </row>
    <row r="624673" spans="8:8">
      <c r="H624673" s="12"/>
    </row>
    <row r="624674" spans="8:8">
      <c r="H624674" s="12"/>
    </row>
    <row r="624675" spans="8:8">
      <c r="H624675" s="12"/>
    </row>
    <row r="624676" spans="8:8">
      <c r="H624676" s="12"/>
    </row>
    <row r="624677" spans="8:8">
      <c r="H624677" s="12"/>
    </row>
    <row r="624678" spans="8:8">
      <c r="H624678" s="12"/>
    </row>
    <row r="624679" spans="8:8">
      <c r="H624679" s="12"/>
    </row>
    <row r="624680" spans="8:8">
      <c r="H624680" s="12"/>
    </row>
    <row r="624681" spans="8:8">
      <c r="H624681" s="12"/>
    </row>
    <row r="624682" spans="8:8">
      <c r="H624682" s="12"/>
    </row>
    <row r="624683" spans="8:8">
      <c r="H624683" s="12"/>
    </row>
    <row r="624684" spans="8:8">
      <c r="H624684" s="12"/>
    </row>
    <row r="624685" spans="8:8">
      <c r="H624685" s="12"/>
    </row>
    <row r="624686" spans="8:8">
      <c r="H624686" s="12"/>
    </row>
    <row r="624687" spans="8:8">
      <c r="H624687" s="12"/>
    </row>
    <row r="624688" spans="8:8">
      <c r="H624688" s="12"/>
    </row>
    <row r="624689" spans="8:8">
      <c r="H624689" s="12"/>
    </row>
    <row r="624690" spans="8:8">
      <c r="H624690" s="12"/>
    </row>
    <row r="624691" spans="8:8">
      <c r="H624691" s="12"/>
    </row>
    <row r="624692" spans="8:8">
      <c r="H624692" s="12"/>
    </row>
    <row r="624693" spans="8:8">
      <c r="H624693" s="12"/>
    </row>
    <row r="624694" spans="8:8">
      <c r="H624694" s="12"/>
    </row>
    <row r="624695" spans="8:8">
      <c r="H624695" s="12"/>
    </row>
    <row r="624696" spans="8:8">
      <c r="H624696" s="12"/>
    </row>
    <row r="624697" spans="8:8">
      <c r="H624697" s="12"/>
    </row>
    <row r="624698" spans="8:8">
      <c r="H624698" s="12"/>
    </row>
    <row r="624699" spans="8:8">
      <c r="H624699" s="12"/>
    </row>
    <row r="624700" spans="8:8">
      <c r="H624700" s="12"/>
    </row>
    <row r="624701" spans="8:8">
      <c r="H624701" s="12"/>
    </row>
    <row r="624702" spans="8:8">
      <c r="H624702" s="12"/>
    </row>
    <row r="624703" spans="8:8">
      <c r="H624703" s="12"/>
    </row>
    <row r="624704" spans="8:8">
      <c r="H624704" s="12"/>
    </row>
    <row r="624705" spans="8:8">
      <c r="H624705" s="12"/>
    </row>
    <row r="624706" spans="8:8">
      <c r="H624706" s="12"/>
    </row>
    <row r="624707" spans="8:8">
      <c r="H624707" s="12"/>
    </row>
    <row r="624708" spans="8:8">
      <c r="H624708" s="12"/>
    </row>
    <row r="624709" spans="8:8">
      <c r="H624709" s="12"/>
    </row>
    <row r="624710" spans="8:8">
      <c r="H624710" s="12"/>
    </row>
    <row r="624711" spans="8:8">
      <c r="H624711" s="12"/>
    </row>
    <row r="624712" spans="8:8">
      <c r="H624712" s="12"/>
    </row>
    <row r="624713" spans="8:8">
      <c r="H624713" s="12"/>
    </row>
    <row r="624714" spans="8:8">
      <c r="H624714" s="12"/>
    </row>
    <row r="624715" spans="8:8">
      <c r="H624715" s="12"/>
    </row>
    <row r="624716" spans="8:8">
      <c r="H624716" s="12"/>
    </row>
    <row r="624717" spans="8:8">
      <c r="H624717" s="12"/>
    </row>
    <row r="624718" spans="8:8">
      <c r="H624718" s="12"/>
    </row>
    <row r="624719" spans="8:8">
      <c r="H624719" s="12"/>
    </row>
    <row r="624720" spans="8:8">
      <c r="H624720" s="12"/>
    </row>
    <row r="624721" spans="8:8">
      <c r="H624721" s="12"/>
    </row>
    <row r="624722" spans="8:8">
      <c r="H624722" s="12"/>
    </row>
    <row r="624723" spans="8:8">
      <c r="H624723" s="12"/>
    </row>
    <row r="624724" spans="8:8">
      <c r="H624724" s="12"/>
    </row>
    <row r="624725" spans="8:8">
      <c r="H624725" s="12"/>
    </row>
    <row r="624726" spans="8:8">
      <c r="H624726" s="12"/>
    </row>
    <row r="624727" spans="8:8">
      <c r="H624727" s="12"/>
    </row>
    <row r="624728" spans="8:8">
      <c r="H624728" s="12"/>
    </row>
    <row r="624729" spans="8:8">
      <c r="H624729" s="12"/>
    </row>
    <row r="624730" spans="8:8">
      <c r="H624730" s="12"/>
    </row>
    <row r="624731" spans="8:8">
      <c r="H624731" s="12"/>
    </row>
    <row r="624732" spans="8:8">
      <c r="H624732" s="12"/>
    </row>
    <row r="624733" spans="8:8">
      <c r="H624733" s="12"/>
    </row>
    <row r="624734" spans="8:8">
      <c r="H624734" s="12"/>
    </row>
    <row r="624735" spans="8:8">
      <c r="H624735" s="12"/>
    </row>
    <row r="624736" spans="8:8">
      <c r="H624736" s="12"/>
    </row>
    <row r="624737" spans="8:8">
      <c r="H624737" s="12"/>
    </row>
    <row r="624738" spans="8:8">
      <c r="H624738" s="12"/>
    </row>
    <row r="624739" spans="8:8">
      <c r="H624739" s="12"/>
    </row>
    <row r="624740" spans="8:8">
      <c r="H624740" s="12"/>
    </row>
    <row r="624741" spans="8:8">
      <c r="H624741" s="12"/>
    </row>
    <row r="624742" spans="8:8">
      <c r="H624742" s="12"/>
    </row>
    <row r="624743" spans="8:8">
      <c r="H624743" s="12"/>
    </row>
    <row r="624744" spans="8:8">
      <c r="H624744" s="12"/>
    </row>
    <row r="624745" spans="8:8">
      <c r="H624745" s="12"/>
    </row>
    <row r="624746" spans="8:8">
      <c r="H624746" s="12"/>
    </row>
    <row r="624747" spans="8:8">
      <c r="H624747" s="12"/>
    </row>
    <row r="624748" spans="8:8">
      <c r="H624748" s="12"/>
    </row>
    <row r="624749" spans="8:8">
      <c r="H624749" s="12"/>
    </row>
    <row r="624750" spans="8:8">
      <c r="H624750" s="12"/>
    </row>
    <row r="624751" spans="8:8">
      <c r="H624751" s="12"/>
    </row>
    <row r="624752" spans="8:8">
      <c r="H624752" s="12"/>
    </row>
    <row r="624753" spans="8:8">
      <c r="H624753" s="12"/>
    </row>
    <row r="624754" spans="8:8">
      <c r="H624754" s="12"/>
    </row>
    <row r="624755" spans="8:8">
      <c r="H624755" s="12"/>
    </row>
    <row r="624756" spans="8:8">
      <c r="H624756" s="12"/>
    </row>
    <row r="624757" spans="8:8">
      <c r="H624757" s="12"/>
    </row>
    <row r="624758" spans="8:8">
      <c r="H624758" s="12"/>
    </row>
    <row r="624759" spans="8:8">
      <c r="H624759" s="12"/>
    </row>
    <row r="624760" spans="8:8">
      <c r="H624760" s="12"/>
    </row>
    <row r="624761" spans="8:8">
      <c r="H624761" s="12"/>
    </row>
    <row r="624762" spans="8:8">
      <c r="H624762" s="12"/>
    </row>
    <row r="624763" spans="8:8">
      <c r="H624763" s="12"/>
    </row>
    <row r="624764" spans="8:8">
      <c r="H624764" s="12"/>
    </row>
    <row r="624765" spans="8:8">
      <c r="H624765" s="12"/>
    </row>
    <row r="624766" spans="8:8">
      <c r="H624766" s="12"/>
    </row>
    <row r="624767" spans="8:8">
      <c r="H624767" s="12"/>
    </row>
    <row r="624768" spans="8:8">
      <c r="H624768" s="12"/>
    </row>
    <row r="624769" spans="8:8">
      <c r="H624769" s="12"/>
    </row>
    <row r="624770" spans="8:8">
      <c r="H624770" s="12"/>
    </row>
    <row r="624771" spans="8:8">
      <c r="H624771" s="12"/>
    </row>
    <row r="624772" spans="8:8">
      <c r="H624772" s="12"/>
    </row>
    <row r="624773" spans="8:8">
      <c r="H624773" s="12"/>
    </row>
    <row r="624774" spans="8:8">
      <c r="H624774" s="12"/>
    </row>
    <row r="624775" spans="8:8">
      <c r="H624775" s="12"/>
    </row>
    <row r="624776" spans="8:8">
      <c r="H624776" s="12"/>
    </row>
    <row r="624777" spans="8:8">
      <c r="H624777" s="12"/>
    </row>
    <row r="624778" spans="8:8">
      <c r="H624778" s="12"/>
    </row>
    <row r="624779" spans="8:8">
      <c r="H624779" s="12"/>
    </row>
    <row r="624780" spans="8:8">
      <c r="H624780" s="12"/>
    </row>
    <row r="624781" spans="8:8">
      <c r="H624781" s="12"/>
    </row>
    <row r="624782" spans="8:8">
      <c r="H624782" s="12"/>
    </row>
    <row r="624783" spans="8:8">
      <c r="H624783" s="12"/>
    </row>
    <row r="624784" spans="8:8">
      <c r="H624784" s="12"/>
    </row>
    <row r="624785" spans="8:8">
      <c r="H624785" s="12"/>
    </row>
    <row r="624786" spans="8:8">
      <c r="H624786" s="12"/>
    </row>
    <row r="624787" spans="8:8">
      <c r="H624787" s="12"/>
    </row>
    <row r="624788" spans="8:8">
      <c r="H624788" s="12"/>
    </row>
    <row r="624789" spans="8:8">
      <c r="H624789" s="12"/>
    </row>
    <row r="624790" spans="8:8">
      <c r="H624790" s="12"/>
    </row>
    <row r="624791" spans="8:8">
      <c r="H624791" s="12"/>
    </row>
    <row r="624792" spans="8:8">
      <c r="H624792" s="12"/>
    </row>
    <row r="624793" spans="8:8">
      <c r="H624793" s="12"/>
    </row>
    <row r="624794" spans="8:8">
      <c r="H624794" s="12"/>
    </row>
    <row r="624795" spans="8:8">
      <c r="H624795" s="12"/>
    </row>
    <row r="624796" spans="8:8">
      <c r="H624796" s="12"/>
    </row>
    <row r="624797" spans="8:8">
      <c r="H624797" s="12"/>
    </row>
    <row r="624798" spans="8:8">
      <c r="H624798" s="12"/>
    </row>
    <row r="624799" spans="8:8">
      <c r="H624799" s="12"/>
    </row>
    <row r="624800" spans="8:8">
      <c r="H624800" s="12"/>
    </row>
    <row r="624801" spans="8:8">
      <c r="H624801" s="12"/>
    </row>
    <row r="624802" spans="8:8">
      <c r="H624802" s="12"/>
    </row>
    <row r="624803" spans="8:8">
      <c r="H624803" s="12"/>
    </row>
    <row r="624804" spans="8:8">
      <c r="H624804" s="12"/>
    </row>
    <row r="624805" spans="8:8">
      <c r="H624805" s="12"/>
    </row>
    <row r="624806" spans="8:8">
      <c r="H624806" s="12"/>
    </row>
    <row r="624807" spans="8:8">
      <c r="H624807" s="12"/>
    </row>
    <row r="624808" spans="8:8">
      <c r="H624808" s="12"/>
    </row>
    <row r="624809" spans="8:8">
      <c r="H624809" s="12"/>
    </row>
    <row r="624810" spans="8:8">
      <c r="H624810" s="12"/>
    </row>
    <row r="624811" spans="8:8">
      <c r="H624811" s="12"/>
    </row>
    <row r="624812" spans="8:8">
      <c r="H624812" s="12"/>
    </row>
    <row r="624813" spans="8:8">
      <c r="H624813" s="12"/>
    </row>
    <row r="624814" spans="8:8">
      <c r="H624814" s="12"/>
    </row>
    <row r="624815" spans="8:8">
      <c r="H624815" s="12"/>
    </row>
    <row r="624816" spans="8:8">
      <c r="H624816" s="12"/>
    </row>
    <row r="624817" spans="8:8">
      <c r="H624817" s="12"/>
    </row>
    <row r="624818" spans="8:8">
      <c r="H624818" s="12"/>
    </row>
    <row r="624819" spans="8:8">
      <c r="H624819" s="12"/>
    </row>
    <row r="624820" spans="8:8">
      <c r="H624820" s="12"/>
    </row>
    <row r="624821" spans="8:8">
      <c r="H624821" s="12"/>
    </row>
    <row r="624822" spans="8:8">
      <c r="H624822" s="12"/>
    </row>
    <row r="624823" spans="8:8">
      <c r="H624823" s="12"/>
    </row>
    <row r="624824" spans="8:8">
      <c r="H624824" s="12"/>
    </row>
    <row r="624825" spans="8:8">
      <c r="H624825" s="12"/>
    </row>
    <row r="624826" spans="8:8">
      <c r="H624826" s="12"/>
    </row>
    <row r="624827" spans="8:8">
      <c r="H624827" s="12"/>
    </row>
    <row r="624828" spans="8:8">
      <c r="H624828" s="12"/>
    </row>
    <row r="624829" spans="8:8">
      <c r="H624829" s="12"/>
    </row>
    <row r="624830" spans="8:8">
      <c r="H624830" s="12"/>
    </row>
    <row r="624831" spans="8:8">
      <c r="H624831" s="12"/>
    </row>
    <row r="624832" spans="8:8">
      <c r="H624832" s="12"/>
    </row>
    <row r="624833" spans="8:8">
      <c r="H624833" s="12"/>
    </row>
    <row r="624834" spans="8:8">
      <c r="H624834" s="12"/>
    </row>
    <row r="624835" spans="8:8">
      <c r="H624835" s="12"/>
    </row>
    <row r="624836" spans="8:8">
      <c r="H624836" s="12"/>
    </row>
    <row r="624837" spans="8:8">
      <c r="H624837" s="12"/>
    </row>
    <row r="624838" spans="8:8">
      <c r="H624838" s="12"/>
    </row>
    <row r="624839" spans="8:8">
      <c r="H624839" s="12"/>
    </row>
    <row r="624840" spans="8:8">
      <c r="H624840" s="12"/>
    </row>
    <row r="624841" spans="8:8">
      <c r="H624841" s="12"/>
    </row>
    <row r="624842" spans="8:8">
      <c r="H624842" s="12"/>
    </row>
    <row r="624843" spans="8:8">
      <c r="H624843" s="12"/>
    </row>
    <row r="624844" spans="8:8">
      <c r="H624844" s="12"/>
    </row>
    <row r="624845" spans="8:8">
      <c r="H624845" s="12"/>
    </row>
    <row r="624846" spans="8:8">
      <c r="H624846" s="12"/>
    </row>
    <row r="624847" spans="8:8">
      <c r="H624847" s="12"/>
    </row>
    <row r="624848" spans="8:8">
      <c r="H624848" s="12"/>
    </row>
    <row r="624849" spans="8:8">
      <c r="H624849" s="12"/>
    </row>
    <row r="624850" spans="8:8">
      <c r="H624850" s="12"/>
    </row>
    <row r="624851" spans="8:8">
      <c r="H624851" s="12"/>
    </row>
    <row r="624852" spans="8:8">
      <c r="H624852" s="12"/>
    </row>
    <row r="624853" spans="8:8">
      <c r="H624853" s="12"/>
    </row>
    <row r="624854" spans="8:8">
      <c r="H624854" s="12"/>
    </row>
    <row r="624855" spans="8:8">
      <c r="H624855" s="12"/>
    </row>
    <row r="624856" spans="8:8">
      <c r="H624856" s="12"/>
    </row>
    <row r="624857" spans="8:8">
      <c r="H624857" s="12"/>
    </row>
    <row r="624858" spans="8:8">
      <c r="H624858" s="12"/>
    </row>
    <row r="624859" spans="8:8">
      <c r="H624859" s="12"/>
    </row>
    <row r="624860" spans="8:8">
      <c r="H624860" s="12"/>
    </row>
    <row r="624861" spans="8:8">
      <c r="H624861" s="12"/>
    </row>
    <row r="624862" spans="8:8">
      <c r="H624862" s="12"/>
    </row>
    <row r="624863" spans="8:8">
      <c r="H624863" s="12"/>
    </row>
    <row r="624864" spans="8:8">
      <c r="H624864" s="12"/>
    </row>
    <row r="624865" spans="8:8">
      <c r="H624865" s="12"/>
    </row>
    <row r="624866" spans="8:8">
      <c r="H624866" s="12"/>
    </row>
    <row r="624867" spans="8:8">
      <c r="H624867" s="12"/>
    </row>
    <row r="624868" spans="8:8">
      <c r="H624868" s="12"/>
    </row>
    <row r="624869" spans="8:8">
      <c r="H624869" s="12"/>
    </row>
    <row r="624870" spans="8:8">
      <c r="H624870" s="12"/>
    </row>
    <row r="624871" spans="8:8">
      <c r="H624871" s="12"/>
    </row>
    <row r="624872" spans="8:8">
      <c r="H624872" s="12"/>
    </row>
    <row r="624873" spans="8:8">
      <c r="H624873" s="12"/>
    </row>
    <row r="624874" spans="8:8">
      <c r="H624874" s="12"/>
    </row>
    <row r="624875" spans="8:8">
      <c r="H624875" s="12"/>
    </row>
    <row r="624876" spans="8:8">
      <c r="H624876" s="12"/>
    </row>
    <row r="624877" spans="8:8">
      <c r="H624877" s="12"/>
    </row>
    <row r="624878" spans="8:8">
      <c r="H624878" s="12"/>
    </row>
    <row r="624879" spans="8:8">
      <c r="H624879" s="12"/>
    </row>
    <row r="624880" spans="8:8">
      <c r="H624880" s="12"/>
    </row>
    <row r="624881" spans="8:8">
      <c r="H624881" s="12"/>
    </row>
    <row r="624882" spans="8:8">
      <c r="H624882" s="12"/>
    </row>
    <row r="624883" spans="8:8">
      <c r="H624883" s="12"/>
    </row>
    <row r="624884" spans="8:8">
      <c r="H624884" s="12"/>
    </row>
    <row r="624885" spans="8:8">
      <c r="H624885" s="12"/>
    </row>
    <row r="624886" spans="8:8">
      <c r="H624886" s="12"/>
    </row>
    <row r="624887" spans="8:8">
      <c r="H624887" s="12"/>
    </row>
    <row r="624888" spans="8:8">
      <c r="H624888" s="12"/>
    </row>
    <row r="624889" spans="8:8">
      <c r="H624889" s="12"/>
    </row>
    <row r="624890" spans="8:8">
      <c r="H624890" s="12"/>
    </row>
    <row r="624891" spans="8:8">
      <c r="H624891" s="12"/>
    </row>
    <row r="624892" spans="8:8">
      <c r="H624892" s="12"/>
    </row>
    <row r="624893" spans="8:8">
      <c r="H624893" s="12"/>
    </row>
    <row r="624894" spans="8:8">
      <c r="H624894" s="12"/>
    </row>
    <row r="624895" spans="8:8">
      <c r="H624895" s="12"/>
    </row>
    <row r="624896" spans="8:8">
      <c r="H624896" s="12"/>
    </row>
    <row r="624897" spans="8:8">
      <c r="H624897" s="12"/>
    </row>
    <row r="624898" spans="8:8">
      <c r="H624898" s="12"/>
    </row>
    <row r="624899" spans="8:8">
      <c r="H624899" s="12"/>
    </row>
    <row r="624900" spans="8:8">
      <c r="H624900" s="12"/>
    </row>
    <row r="624901" spans="8:8">
      <c r="H624901" s="12"/>
    </row>
    <row r="624902" spans="8:8">
      <c r="H624902" s="12"/>
    </row>
    <row r="624903" spans="8:8">
      <c r="H624903" s="12"/>
    </row>
    <row r="624904" spans="8:8">
      <c r="H624904" s="12"/>
    </row>
    <row r="624905" spans="8:8">
      <c r="H624905" s="12"/>
    </row>
    <row r="624906" spans="8:8">
      <c r="H624906" s="12"/>
    </row>
    <row r="624907" spans="8:8">
      <c r="H624907" s="12"/>
    </row>
    <row r="624908" spans="8:8">
      <c r="H624908" s="12"/>
    </row>
    <row r="624909" spans="8:8">
      <c r="H624909" s="12"/>
    </row>
    <row r="624910" spans="8:8">
      <c r="H624910" s="12"/>
    </row>
    <row r="624911" spans="8:8">
      <c r="H624911" s="12"/>
    </row>
    <row r="624912" spans="8:8">
      <c r="H624912" s="12"/>
    </row>
    <row r="624913" spans="8:8">
      <c r="H624913" s="12"/>
    </row>
    <row r="624914" spans="8:8">
      <c r="H624914" s="12"/>
    </row>
    <row r="624915" spans="8:8">
      <c r="H624915" s="12"/>
    </row>
    <row r="624916" spans="8:8">
      <c r="H624916" s="12"/>
    </row>
    <row r="624917" spans="8:8">
      <c r="H624917" s="12"/>
    </row>
    <row r="624918" spans="8:8">
      <c r="H624918" s="12"/>
    </row>
    <row r="624919" spans="8:8">
      <c r="H624919" s="12"/>
    </row>
    <row r="624920" spans="8:8">
      <c r="H624920" s="12"/>
    </row>
    <row r="624921" spans="8:8">
      <c r="H624921" s="12"/>
    </row>
    <row r="624922" spans="8:8">
      <c r="H624922" s="12"/>
    </row>
    <row r="624923" spans="8:8">
      <c r="H624923" s="12"/>
    </row>
    <row r="624924" spans="8:8">
      <c r="H624924" s="12"/>
    </row>
    <row r="624925" spans="8:8">
      <c r="H624925" s="12"/>
    </row>
    <row r="624926" spans="8:8">
      <c r="H624926" s="12"/>
    </row>
    <row r="624927" spans="8:8">
      <c r="H624927" s="12"/>
    </row>
    <row r="624928" spans="8:8">
      <c r="H624928" s="12"/>
    </row>
    <row r="624929" spans="8:8">
      <c r="H624929" s="12"/>
    </row>
    <row r="624930" spans="8:8">
      <c r="H624930" s="12"/>
    </row>
    <row r="624931" spans="8:8">
      <c r="H624931" s="12"/>
    </row>
    <row r="624932" spans="8:8">
      <c r="H624932" s="12"/>
    </row>
    <row r="624933" spans="8:8">
      <c r="H624933" s="12"/>
    </row>
    <row r="624934" spans="8:8">
      <c r="H624934" s="12"/>
    </row>
    <row r="624935" spans="8:8">
      <c r="H624935" s="12"/>
    </row>
    <row r="624936" spans="8:8">
      <c r="H624936" s="12"/>
    </row>
    <row r="624937" spans="8:8">
      <c r="H624937" s="12"/>
    </row>
    <row r="624938" spans="8:8">
      <c r="H624938" s="12"/>
    </row>
    <row r="624939" spans="8:8">
      <c r="H624939" s="12"/>
    </row>
    <row r="624940" spans="8:8">
      <c r="H624940" s="12"/>
    </row>
    <row r="624941" spans="8:8">
      <c r="H624941" s="12"/>
    </row>
    <row r="624942" spans="8:8">
      <c r="H624942" s="12"/>
    </row>
    <row r="624943" spans="8:8">
      <c r="H624943" s="12"/>
    </row>
    <row r="624944" spans="8:8">
      <c r="H624944" s="12"/>
    </row>
    <row r="624945" spans="8:8">
      <c r="H624945" s="12"/>
    </row>
    <row r="624946" spans="8:8">
      <c r="H624946" s="12"/>
    </row>
    <row r="624947" spans="8:8">
      <c r="H624947" s="12"/>
    </row>
    <row r="624948" spans="8:8">
      <c r="H624948" s="12"/>
    </row>
    <row r="624949" spans="8:8">
      <c r="H624949" s="12"/>
    </row>
    <row r="624950" spans="8:8">
      <c r="H624950" s="12"/>
    </row>
    <row r="624951" spans="8:8">
      <c r="H624951" s="12"/>
    </row>
    <row r="624952" spans="8:8">
      <c r="H624952" s="12"/>
    </row>
    <row r="624953" spans="8:8">
      <c r="H624953" s="12"/>
    </row>
    <row r="624954" spans="8:8">
      <c r="H624954" s="12"/>
    </row>
    <row r="624955" spans="8:8">
      <c r="H624955" s="12"/>
    </row>
    <row r="624956" spans="8:8">
      <c r="H624956" s="12"/>
    </row>
    <row r="624957" spans="8:8">
      <c r="H624957" s="12"/>
    </row>
    <row r="624958" spans="8:8">
      <c r="H624958" s="12"/>
    </row>
    <row r="624959" spans="8:8">
      <c r="H624959" s="12"/>
    </row>
    <row r="624960" spans="8:8">
      <c r="H624960" s="12"/>
    </row>
    <row r="624961" spans="8:8">
      <c r="H624961" s="12"/>
    </row>
    <row r="624962" spans="8:8">
      <c r="H624962" s="12"/>
    </row>
    <row r="624963" spans="8:8">
      <c r="H624963" s="12"/>
    </row>
    <row r="624964" spans="8:8">
      <c r="H624964" s="12"/>
    </row>
    <row r="624965" spans="8:8">
      <c r="H624965" s="12"/>
    </row>
    <row r="624966" spans="8:8">
      <c r="H624966" s="12"/>
    </row>
    <row r="624967" spans="8:8">
      <c r="H624967" s="12"/>
    </row>
    <row r="624968" spans="8:8">
      <c r="H624968" s="12"/>
    </row>
    <row r="624969" spans="8:8">
      <c r="H624969" s="12"/>
    </row>
    <row r="624970" spans="8:8">
      <c r="H624970" s="12"/>
    </row>
    <row r="624971" spans="8:8">
      <c r="H624971" s="12"/>
    </row>
    <row r="624972" spans="8:8">
      <c r="H624972" s="12"/>
    </row>
    <row r="624973" spans="8:8">
      <c r="H624973" s="12"/>
    </row>
    <row r="624974" spans="8:8">
      <c r="H624974" s="12"/>
    </row>
    <row r="624975" spans="8:8">
      <c r="H624975" s="12"/>
    </row>
    <row r="624976" spans="8:8">
      <c r="H624976" s="12"/>
    </row>
    <row r="624977" spans="8:8">
      <c r="H624977" s="12"/>
    </row>
    <row r="624978" spans="8:8">
      <c r="H624978" s="12"/>
    </row>
    <row r="624979" spans="8:8">
      <c r="H624979" s="12"/>
    </row>
    <row r="624980" spans="8:8">
      <c r="H624980" s="12"/>
    </row>
    <row r="624981" spans="8:8">
      <c r="H624981" s="12"/>
    </row>
    <row r="624982" spans="8:8">
      <c r="H624982" s="12"/>
    </row>
    <row r="624983" spans="8:8">
      <c r="H624983" s="12"/>
    </row>
    <row r="624984" spans="8:8">
      <c r="H624984" s="12"/>
    </row>
    <row r="624985" spans="8:8">
      <c r="H624985" s="12"/>
    </row>
    <row r="624986" spans="8:8">
      <c r="H624986" s="12"/>
    </row>
    <row r="624987" spans="8:8">
      <c r="H624987" s="12"/>
    </row>
    <row r="624988" spans="8:8">
      <c r="H624988" s="12"/>
    </row>
    <row r="624989" spans="8:8">
      <c r="H624989" s="12"/>
    </row>
    <row r="624990" spans="8:8">
      <c r="H624990" s="12"/>
    </row>
    <row r="624991" spans="8:8">
      <c r="H624991" s="12"/>
    </row>
    <row r="624992" spans="8:8">
      <c r="H624992" s="12"/>
    </row>
    <row r="624993" spans="8:8">
      <c r="H624993" s="12"/>
    </row>
    <row r="624994" spans="8:8">
      <c r="H624994" s="12"/>
    </row>
    <row r="624995" spans="8:8">
      <c r="H624995" s="12"/>
    </row>
    <row r="624996" spans="8:8">
      <c r="H624996" s="12"/>
    </row>
    <row r="624997" spans="8:8">
      <c r="H624997" s="12"/>
    </row>
    <row r="624998" spans="8:8">
      <c r="H624998" s="12"/>
    </row>
    <row r="624999" spans="8:8">
      <c r="H624999" s="12"/>
    </row>
    <row r="625000" spans="8:8">
      <c r="H625000" s="12"/>
    </row>
    <row r="625001" spans="8:8">
      <c r="H625001" s="12"/>
    </row>
    <row r="625002" spans="8:8">
      <c r="H625002" s="12"/>
    </row>
    <row r="625003" spans="8:8">
      <c r="H625003" s="12"/>
    </row>
    <row r="625004" spans="8:8">
      <c r="H625004" s="12"/>
    </row>
    <row r="625005" spans="8:8">
      <c r="H625005" s="12"/>
    </row>
    <row r="625006" spans="8:8">
      <c r="H625006" s="12"/>
    </row>
    <row r="625007" spans="8:8">
      <c r="H625007" s="12"/>
    </row>
    <row r="625008" spans="8:8">
      <c r="H625008" s="12"/>
    </row>
    <row r="625009" spans="8:8">
      <c r="H625009" s="12"/>
    </row>
    <row r="625010" spans="8:8">
      <c r="H625010" s="12"/>
    </row>
    <row r="625011" spans="8:8">
      <c r="H625011" s="12"/>
    </row>
    <row r="625012" spans="8:8">
      <c r="H625012" s="12"/>
    </row>
    <row r="625013" spans="8:8">
      <c r="H625013" s="12"/>
    </row>
    <row r="625014" spans="8:8">
      <c r="H625014" s="12"/>
    </row>
    <row r="625015" spans="8:8">
      <c r="H625015" s="12"/>
    </row>
    <row r="625016" spans="8:8">
      <c r="H625016" s="12"/>
    </row>
    <row r="625017" spans="8:8">
      <c r="H625017" s="12"/>
    </row>
    <row r="625018" spans="8:8">
      <c r="H625018" s="12"/>
    </row>
    <row r="625019" spans="8:8">
      <c r="H625019" s="12"/>
    </row>
    <row r="625020" spans="8:8">
      <c r="H625020" s="12"/>
    </row>
    <row r="625021" spans="8:8">
      <c r="H625021" s="12"/>
    </row>
    <row r="625022" spans="8:8">
      <c r="H625022" s="12"/>
    </row>
    <row r="625023" spans="8:8">
      <c r="H625023" s="12"/>
    </row>
    <row r="625024" spans="8:8">
      <c r="H625024" s="12"/>
    </row>
    <row r="625025" spans="8:8">
      <c r="H625025" s="12"/>
    </row>
    <row r="625026" spans="8:8">
      <c r="H625026" s="12"/>
    </row>
    <row r="625027" spans="8:8">
      <c r="H625027" s="12"/>
    </row>
    <row r="625028" spans="8:8">
      <c r="H625028" s="12"/>
    </row>
    <row r="625029" spans="8:8">
      <c r="H625029" s="12"/>
    </row>
    <row r="625030" spans="8:8">
      <c r="H625030" s="12"/>
    </row>
    <row r="625031" spans="8:8">
      <c r="H625031" s="12"/>
    </row>
    <row r="625032" spans="8:8">
      <c r="H625032" s="12"/>
    </row>
    <row r="625033" spans="8:8">
      <c r="H625033" s="12"/>
    </row>
    <row r="625034" spans="8:8">
      <c r="H625034" s="12"/>
    </row>
    <row r="625035" spans="8:8">
      <c r="H625035" s="12"/>
    </row>
    <row r="625036" spans="8:8">
      <c r="H625036" s="12"/>
    </row>
    <row r="625037" spans="8:8">
      <c r="H625037" s="12"/>
    </row>
    <row r="625038" spans="8:8">
      <c r="H625038" s="12"/>
    </row>
    <row r="625039" spans="8:8">
      <c r="H625039" s="12"/>
    </row>
    <row r="625040" spans="8:8">
      <c r="H625040" s="12"/>
    </row>
    <row r="625041" spans="8:8">
      <c r="H625041" s="12"/>
    </row>
    <row r="625042" spans="8:8">
      <c r="H625042" s="12"/>
    </row>
    <row r="625043" spans="8:8">
      <c r="H625043" s="12"/>
    </row>
    <row r="625044" spans="8:8">
      <c r="H625044" s="12"/>
    </row>
    <row r="625045" spans="8:8">
      <c r="H625045" s="12"/>
    </row>
    <row r="625046" spans="8:8">
      <c r="H625046" s="12"/>
    </row>
    <row r="625047" spans="8:8">
      <c r="H625047" s="12"/>
    </row>
    <row r="625048" spans="8:8">
      <c r="H625048" s="12"/>
    </row>
    <row r="625049" spans="8:8">
      <c r="H625049" s="12"/>
    </row>
    <row r="625050" spans="8:8">
      <c r="H625050" s="12"/>
    </row>
    <row r="625051" spans="8:8">
      <c r="H625051" s="12"/>
    </row>
    <row r="625052" spans="8:8">
      <c r="H625052" s="12"/>
    </row>
    <row r="625053" spans="8:8">
      <c r="H625053" s="12"/>
    </row>
    <row r="625054" spans="8:8">
      <c r="H625054" s="12"/>
    </row>
    <row r="625055" spans="8:8">
      <c r="H625055" s="12"/>
    </row>
    <row r="625056" spans="8:8">
      <c r="H625056" s="12"/>
    </row>
    <row r="625057" spans="8:8">
      <c r="H625057" s="12"/>
    </row>
    <row r="625058" spans="8:8">
      <c r="H625058" s="12"/>
    </row>
    <row r="625059" spans="8:8">
      <c r="H625059" s="12"/>
    </row>
    <row r="625060" spans="8:8">
      <c r="H625060" s="12"/>
    </row>
    <row r="625061" spans="8:8">
      <c r="H625061" s="12"/>
    </row>
    <row r="625062" spans="8:8">
      <c r="H625062" s="12"/>
    </row>
    <row r="625063" spans="8:8">
      <c r="H625063" s="12"/>
    </row>
    <row r="625064" spans="8:8">
      <c r="H625064" s="12"/>
    </row>
    <row r="625065" spans="8:8">
      <c r="H625065" s="12"/>
    </row>
    <row r="625066" spans="8:8">
      <c r="H625066" s="12"/>
    </row>
    <row r="625067" spans="8:8">
      <c r="H625067" s="12"/>
    </row>
    <row r="625068" spans="8:8">
      <c r="H625068" s="12"/>
    </row>
    <row r="625069" spans="8:8">
      <c r="H625069" s="12"/>
    </row>
    <row r="625070" spans="8:8">
      <c r="H625070" s="12"/>
    </row>
    <row r="625071" spans="8:8">
      <c r="H625071" s="12"/>
    </row>
    <row r="625072" spans="8:8">
      <c r="H625072" s="12"/>
    </row>
    <row r="625073" spans="8:8">
      <c r="H625073" s="12"/>
    </row>
    <row r="625074" spans="8:8">
      <c r="H625074" s="12"/>
    </row>
    <row r="625075" spans="8:8">
      <c r="H625075" s="12"/>
    </row>
    <row r="625076" spans="8:8">
      <c r="H625076" s="12"/>
    </row>
    <row r="625077" spans="8:8">
      <c r="H625077" s="12"/>
    </row>
    <row r="625078" spans="8:8">
      <c r="H625078" s="12"/>
    </row>
    <row r="625079" spans="8:8">
      <c r="H625079" s="12"/>
    </row>
    <row r="625080" spans="8:8">
      <c r="H625080" s="12"/>
    </row>
    <row r="625081" spans="8:8">
      <c r="H625081" s="12"/>
    </row>
    <row r="625082" spans="8:8">
      <c r="H625082" s="12"/>
    </row>
    <row r="625083" spans="8:8">
      <c r="H625083" s="12"/>
    </row>
    <row r="625084" spans="8:8">
      <c r="H625084" s="12"/>
    </row>
    <row r="625085" spans="8:8">
      <c r="H625085" s="12"/>
    </row>
    <row r="625086" spans="8:8">
      <c r="H625086" s="12"/>
    </row>
    <row r="625087" spans="8:8">
      <c r="H625087" s="12"/>
    </row>
    <row r="625088" spans="8:8">
      <c r="H625088" s="12"/>
    </row>
    <row r="625089" spans="8:8">
      <c r="H625089" s="12"/>
    </row>
    <row r="625090" spans="8:8">
      <c r="H625090" s="12"/>
    </row>
    <row r="625091" spans="8:8">
      <c r="H625091" s="12"/>
    </row>
    <row r="625092" spans="8:8">
      <c r="H625092" s="12"/>
    </row>
    <row r="625093" spans="8:8">
      <c r="H625093" s="12"/>
    </row>
    <row r="625094" spans="8:8">
      <c r="H625094" s="12"/>
    </row>
    <row r="625095" spans="8:8">
      <c r="H625095" s="12"/>
    </row>
    <row r="625096" spans="8:8">
      <c r="H625096" s="12"/>
    </row>
    <row r="625097" spans="8:8">
      <c r="H625097" s="12"/>
    </row>
    <row r="625098" spans="8:8">
      <c r="H625098" s="12"/>
    </row>
    <row r="625099" spans="8:8">
      <c r="H625099" s="12"/>
    </row>
    <row r="625100" spans="8:8">
      <c r="H625100" s="12"/>
    </row>
    <row r="625101" spans="8:8">
      <c r="H625101" s="12"/>
    </row>
    <row r="625102" spans="8:8">
      <c r="H625102" s="12"/>
    </row>
    <row r="625103" spans="8:8">
      <c r="H625103" s="12"/>
    </row>
    <row r="625104" spans="8:8">
      <c r="H625104" s="12"/>
    </row>
    <row r="625105" spans="8:8">
      <c r="H625105" s="12"/>
    </row>
    <row r="625106" spans="8:8">
      <c r="H625106" s="12"/>
    </row>
    <row r="625107" spans="8:8">
      <c r="H625107" s="12"/>
    </row>
    <row r="625108" spans="8:8">
      <c r="H625108" s="12"/>
    </row>
    <row r="625109" spans="8:8">
      <c r="H625109" s="12"/>
    </row>
    <row r="625110" spans="8:8">
      <c r="H625110" s="12"/>
    </row>
    <row r="625111" spans="8:8">
      <c r="H625111" s="12"/>
    </row>
    <row r="625112" spans="8:8">
      <c r="H625112" s="12"/>
    </row>
    <row r="625113" spans="8:8">
      <c r="H625113" s="12"/>
    </row>
    <row r="625114" spans="8:8">
      <c r="H625114" s="12"/>
    </row>
    <row r="625115" spans="8:8">
      <c r="H625115" s="12"/>
    </row>
    <row r="625116" spans="8:8">
      <c r="H625116" s="12"/>
    </row>
    <row r="625117" spans="8:8">
      <c r="H625117" s="12"/>
    </row>
    <row r="625118" spans="8:8">
      <c r="H625118" s="12"/>
    </row>
    <row r="625119" spans="8:8">
      <c r="H625119" s="12"/>
    </row>
    <row r="625120" spans="8:8">
      <c r="H625120" s="12"/>
    </row>
    <row r="625121" spans="8:8">
      <c r="H625121" s="12"/>
    </row>
    <row r="625122" spans="8:8">
      <c r="H625122" s="12"/>
    </row>
    <row r="625123" spans="8:8">
      <c r="H625123" s="12"/>
    </row>
    <row r="625124" spans="8:8">
      <c r="H625124" s="12"/>
    </row>
    <row r="625125" spans="8:8">
      <c r="H625125" s="12"/>
    </row>
    <row r="625126" spans="8:8">
      <c r="H625126" s="12"/>
    </row>
    <row r="625127" spans="8:8">
      <c r="H625127" s="12"/>
    </row>
    <row r="625128" spans="8:8">
      <c r="H625128" s="12"/>
    </row>
    <row r="625129" spans="8:8">
      <c r="H625129" s="12"/>
    </row>
    <row r="625130" spans="8:8">
      <c r="H625130" s="12"/>
    </row>
    <row r="625131" spans="8:8">
      <c r="H625131" s="12"/>
    </row>
    <row r="625132" spans="8:8">
      <c r="H625132" s="12"/>
    </row>
    <row r="625133" spans="8:8">
      <c r="H625133" s="12"/>
    </row>
    <row r="625134" spans="8:8">
      <c r="H625134" s="12"/>
    </row>
    <row r="625135" spans="8:8">
      <c r="H625135" s="12"/>
    </row>
    <row r="625136" spans="8:8">
      <c r="H625136" s="12"/>
    </row>
    <row r="625137" spans="8:8">
      <c r="H625137" s="12"/>
    </row>
    <row r="625138" spans="8:8">
      <c r="H625138" s="12"/>
    </row>
    <row r="625139" spans="8:8">
      <c r="H625139" s="12"/>
    </row>
    <row r="625140" spans="8:8">
      <c r="H625140" s="12"/>
    </row>
    <row r="625141" spans="8:8">
      <c r="H625141" s="12"/>
    </row>
    <row r="625142" spans="8:8">
      <c r="H625142" s="12"/>
    </row>
    <row r="625143" spans="8:8">
      <c r="H625143" s="12"/>
    </row>
    <row r="625144" spans="8:8">
      <c r="H625144" s="12"/>
    </row>
    <row r="625145" spans="8:8">
      <c r="H625145" s="12"/>
    </row>
    <row r="625146" spans="8:8">
      <c r="H625146" s="12"/>
    </row>
    <row r="625147" spans="8:8">
      <c r="H625147" s="12"/>
    </row>
    <row r="625148" spans="8:8">
      <c r="H625148" s="12"/>
    </row>
    <row r="625149" spans="8:8">
      <c r="H625149" s="12"/>
    </row>
    <row r="625150" spans="8:8">
      <c r="H625150" s="12"/>
    </row>
    <row r="625151" spans="8:8">
      <c r="H625151" s="12"/>
    </row>
    <row r="625152" spans="8:8">
      <c r="H625152" s="12"/>
    </row>
    <row r="625153" spans="8:8">
      <c r="H625153" s="12"/>
    </row>
    <row r="625154" spans="8:8">
      <c r="H625154" s="12"/>
    </row>
    <row r="625155" spans="8:8">
      <c r="H625155" s="12"/>
    </row>
    <row r="625156" spans="8:8">
      <c r="H625156" s="12"/>
    </row>
    <row r="625157" spans="8:8">
      <c r="H625157" s="12"/>
    </row>
    <row r="625158" spans="8:8">
      <c r="H625158" s="12"/>
    </row>
    <row r="625159" spans="8:8">
      <c r="H625159" s="12"/>
    </row>
    <row r="625160" spans="8:8">
      <c r="H625160" s="12"/>
    </row>
    <row r="625161" spans="8:8">
      <c r="H625161" s="12"/>
    </row>
    <row r="625162" spans="8:8">
      <c r="H625162" s="12"/>
    </row>
    <row r="625163" spans="8:8">
      <c r="H625163" s="12"/>
    </row>
    <row r="625164" spans="8:8">
      <c r="H625164" s="12"/>
    </row>
    <row r="625165" spans="8:8">
      <c r="H625165" s="12"/>
    </row>
    <row r="625166" spans="8:8">
      <c r="H625166" s="12"/>
    </row>
    <row r="625167" spans="8:8">
      <c r="H625167" s="12"/>
    </row>
    <row r="625168" spans="8:8">
      <c r="H625168" s="12"/>
    </row>
    <row r="625169" spans="8:8">
      <c r="H625169" s="12"/>
    </row>
    <row r="625170" spans="8:8">
      <c r="H625170" s="12"/>
    </row>
    <row r="625171" spans="8:8">
      <c r="H625171" s="12"/>
    </row>
    <row r="625172" spans="8:8">
      <c r="H625172" s="12"/>
    </row>
    <row r="625173" spans="8:8">
      <c r="H625173" s="12"/>
    </row>
    <row r="625174" spans="8:8">
      <c r="H625174" s="12"/>
    </row>
    <row r="625175" spans="8:8">
      <c r="H625175" s="12"/>
    </row>
    <row r="625176" spans="8:8">
      <c r="H625176" s="12"/>
    </row>
    <row r="625177" spans="8:8">
      <c r="H625177" s="12"/>
    </row>
    <row r="625178" spans="8:8">
      <c r="H625178" s="12"/>
    </row>
    <row r="625179" spans="8:8">
      <c r="H625179" s="12"/>
    </row>
    <row r="625180" spans="8:8">
      <c r="H625180" s="12"/>
    </row>
    <row r="625181" spans="8:8">
      <c r="H625181" s="12"/>
    </row>
    <row r="625182" spans="8:8">
      <c r="H625182" s="12"/>
    </row>
    <row r="625183" spans="8:8">
      <c r="H625183" s="12"/>
    </row>
    <row r="625184" spans="8:8">
      <c r="H625184" s="12"/>
    </row>
    <row r="625185" spans="8:8">
      <c r="H625185" s="12"/>
    </row>
    <row r="625186" spans="8:8">
      <c r="H625186" s="12"/>
    </row>
    <row r="625187" spans="8:8">
      <c r="H625187" s="12"/>
    </row>
    <row r="625188" spans="8:8">
      <c r="H625188" s="12"/>
    </row>
    <row r="625189" spans="8:8">
      <c r="H625189" s="12"/>
    </row>
    <row r="625190" spans="8:8">
      <c r="H625190" s="12"/>
    </row>
    <row r="625191" spans="8:8">
      <c r="H625191" s="12"/>
    </row>
    <row r="625192" spans="8:8">
      <c r="H625192" s="12"/>
    </row>
    <row r="625193" spans="8:8">
      <c r="H625193" s="12"/>
    </row>
    <row r="625194" spans="8:8">
      <c r="H625194" s="12"/>
    </row>
    <row r="625195" spans="8:8">
      <c r="H625195" s="12"/>
    </row>
    <row r="625196" spans="8:8">
      <c r="H625196" s="12"/>
    </row>
    <row r="625197" spans="8:8">
      <c r="H625197" s="12"/>
    </row>
    <row r="625198" spans="8:8">
      <c r="H625198" s="12"/>
    </row>
    <row r="625199" spans="8:8">
      <c r="H625199" s="12"/>
    </row>
    <row r="625200" spans="8:8">
      <c r="H625200" s="12"/>
    </row>
    <row r="625201" spans="8:8">
      <c r="H625201" s="12"/>
    </row>
    <row r="625202" spans="8:8">
      <c r="H625202" s="12"/>
    </row>
    <row r="625203" spans="8:8">
      <c r="H625203" s="12"/>
    </row>
    <row r="625204" spans="8:8">
      <c r="H625204" s="12"/>
    </row>
    <row r="625205" spans="8:8">
      <c r="H625205" s="12"/>
    </row>
    <row r="625206" spans="8:8">
      <c r="H625206" s="12"/>
    </row>
    <row r="625207" spans="8:8">
      <c r="H625207" s="12"/>
    </row>
    <row r="625208" spans="8:8">
      <c r="H625208" s="12"/>
    </row>
    <row r="625209" spans="8:8">
      <c r="H625209" s="12"/>
    </row>
    <row r="625210" spans="8:8">
      <c r="H625210" s="12"/>
    </row>
    <row r="625211" spans="8:8">
      <c r="H625211" s="12"/>
    </row>
    <row r="625212" spans="8:8">
      <c r="H625212" s="12"/>
    </row>
    <row r="625213" spans="8:8">
      <c r="H625213" s="12"/>
    </row>
    <row r="625214" spans="8:8">
      <c r="H625214" s="12"/>
    </row>
    <row r="625215" spans="8:8">
      <c r="H625215" s="12"/>
    </row>
    <row r="625216" spans="8:8">
      <c r="H625216" s="12"/>
    </row>
    <row r="625217" spans="8:8">
      <c r="H625217" s="12"/>
    </row>
    <row r="625218" spans="8:8">
      <c r="H625218" s="12"/>
    </row>
    <row r="625219" spans="8:8">
      <c r="H625219" s="12"/>
    </row>
    <row r="625220" spans="8:8">
      <c r="H625220" s="12"/>
    </row>
    <row r="625221" spans="8:8">
      <c r="H625221" s="12"/>
    </row>
    <row r="625222" spans="8:8">
      <c r="H625222" s="12"/>
    </row>
    <row r="625223" spans="8:8">
      <c r="H625223" s="12"/>
    </row>
    <row r="625224" spans="8:8">
      <c r="H625224" s="12"/>
    </row>
    <row r="625225" spans="8:8">
      <c r="H625225" s="12"/>
    </row>
    <row r="625226" spans="8:8">
      <c r="H625226" s="12"/>
    </row>
    <row r="625227" spans="8:8">
      <c r="H625227" s="12"/>
    </row>
    <row r="625228" spans="8:8">
      <c r="H625228" s="12"/>
    </row>
    <row r="625229" spans="8:8">
      <c r="H625229" s="12"/>
    </row>
    <row r="625230" spans="8:8">
      <c r="H625230" s="12"/>
    </row>
    <row r="625231" spans="8:8">
      <c r="H625231" s="12"/>
    </row>
    <row r="625232" spans="8:8">
      <c r="H625232" s="12"/>
    </row>
    <row r="625233" spans="8:8">
      <c r="H625233" s="12"/>
    </row>
    <row r="625234" spans="8:8">
      <c r="H625234" s="12"/>
    </row>
    <row r="625235" spans="8:8">
      <c r="H625235" s="12"/>
    </row>
    <row r="625236" spans="8:8">
      <c r="H625236" s="12"/>
    </row>
    <row r="625237" spans="8:8">
      <c r="H625237" s="12"/>
    </row>
    <row r="625238" spans="8:8">
      <c r="H625238" s="12"/>
    </row>
    <row r="625239" spans="8:8">
      <c r="H625239" s="12"/>
    </row>
    <row r="625240" spans="8:8">
      <c r="H625240" s="12"/>
    </row>
    <row r="625241" spans="8:8">
      <c r="H625241" s="12"/>
    </row>
    <row r="625242" spans="8:8">
      <c r="H625242" s="12"/>
    </row>
    <row r="625243" spans="8:8">
      <c r="H625243" s="12"/>
    </row>
    <row r="625244" spans="8:8">
      <c r="H625244" s="12"/>
    </row>
    <row r="625245" spans="8:8">
      <c r="H625245" s="12"/>
    </row>
    <row r="625246" spans="8:8">
      <c r="H625246" s="12"/>
    </row>
    <row r="625247" spans="8:8">
      <c r="H625247" s="12"/>
    </row>
    <row r="625248" spans="8:8">
      <c r="H625248" s="12"/>
    </row>
    <row r="625249" spans="8:8">
      <c r="H625249" s="12"/>
    </row>
    <row r="625250" spans="8:8">
      <c r="H625250" s="12"/>
    </row>
    <row r="625251" spans="8:8">
      <c r="H625251" s="12"/>
    </row>
    <row r="625252" spans="8:8">
      <c r="H625252" s="12"/>
    </row>
    <row r="625253" spans="8:8">
      <c r="H625253" s="12"/>
    </row>
    <row r="625254" spans="8:8">
      <c r="H625254" s="12"/>
    </row>
    <row r="625255" spans="8:8">
      <c r="H625255" s="12"/>
    </row>
    <row r="625256" spans="8:8">
      <c r="H625256" s="12"/>
    </row>
    <row r="625257" spans="8:8">
      <c r="H625257" s="12"/>
    </row>
    <row r="625258" spans="8:8">
      <c r="H625258" s="12"/>
    </row>
    <row r="625259" spans="8:8">
      <c r="H625259" s="12"/>
    </row>
    <row r="625260" spans="8:8">
      <c r="H625260" s="12"/>
    </row>
    <row r="625261" spans="8:8">
      <c r="H625261" s="12"/>
    </row>
    <row r="625262" spans="8:8">
      <c r="H625262" s="12"/>
    </row>
    <row r="625263" spans="8:8">
      <c r="H625263" s="12"/>
    </row>
    <row r="625264" spans="8:8">
      <c r="H625264" s="12"/>
    </row>
    <row r="625265" spans="8:8">
      <c r="H625265" s="12"/>
    </row>
    <row r="625266" spans="8:8">
      <c r="H625266" s="12"/>
    </row>
    <row r="625267" spans="8:8">
      <c r="H625267" s="12"/>
    </row>
    <row r="625268" spans="8:8">
      <c r="H625268" s="12"/>
    </row>
    <row r="625269" spans="8:8">
      <c r="H625269" s="12"/>
    </row>
    <row r="625270" spans="8:8">
      <c r="H625270" s="12"/>
    </row>
    <row r="625271" spans="8:8">
      <c r="H625271" s="12"/>
    </row>
    <row r="625272" spans="8:8">
      <c r="H625272" s="12"/>
    </row>
    <row r="625273" spans="8:8">
      <c r="H625273" s="12"/>
    </row>
    <row r="625274" spans="8:8">
      <c r="H625274" s="12"/>
    </row>
    <row r="625275" spans="8:8">
      <c r="H625275" s="12"/>
    </row>
    <row r="625276" spans="8:8">
      <c r="H625276" s="12"/>
    </row>
    <row r="625277" spans="8:8">
      <c r="H625277" s="12"/>
    </row>
    <row r="625278" spans="8:8">
      <c r="H625278" s="12"/>
    </row>
    <row r="625279" spans="8:8">
      <c r="H625279" s="12"/>
    </row>
    <row r="625280" spans="8:8">
      <c r="H625280" s="12"/>
    </row>
    <row r="625281" spans="8:8">
      <c r="H625281" s="12"/>
    </row>
    <row r="625282" spans="8:8">
      <c r="H625282" s="12"/>
    </row>
    <row r="625283" spans="8:8">
      <c r="H625283" s="12"/>
    </row>
    <row r="625284" spans="8:8">
      <c r="H625284" s="12"/>
    </row>
    <row r="625285" spans="8:8">
      <c r="H625285" s="12"/>
    </row>
    <row r="625286" spans="8:8">
      <c r="H625286" s="12"/>
    </row>
    <row r="625287" spans="8:8">
      <c r="H625287" s="12"/>
    </row>
    <row r="625288" spans="8:8">
      <c r="H625288" s="12"/>
    </row>
    <row r="625289" spans="8:8">
      <c r="H625289" s="12"/>
    </row>
    <row r="625290" spans="8:8">
      <c r="H625290" s="12"/>
    </row>
    <row r="625291" spans="8:8">
      <c r="H625291" s="12"/>
    </row>
    <row r="625292" spans="8:8">
      <c r="H625292" s="12"/>
    </row>
    <row r="625293" spans="8:8">
      <c r="H625293" s="12"/>
    </row>
    <row r="625294" spans="8:8">
      <c r="H625294" s="12"/>
    </row>
    <row r="625295" spans="8:8">
      <c r="H625295" s="12"/>
    </row>
    <row r="625296" spans="8:8">
      <c r="H625296" s="12"/>
    </row>
    <row r="625297" spans="8:8">
      <c r="H625297" s="12"/>
    </row>
    <row r="625298" spans="8:8">
      <c r="H625298" s="12"/>
    </row>
    <row r="625299" spans="8:8">
      <c r="H625299" s="12"/>
    </row>
    <row r="625300" spans="8:8">
      <c r="H625300" s="12"/>
    </row>
    <row r="625301" spans="8:8">
      <c r="H625301" s="12"/>
    </row>
    <row r="625302" spans="8:8">
      <c r="H625302" s="12"/>
    </row>
    <row r="625303" spans="8:8">
      <c r="H625303" s="12"/>
    </row>
    <row r="625304" spans="8:8">
      <c r="H625304" s="12"/>
    </row>
    <row r="625305" spans="8:8">
      <c r="H625305" s="12"/>
    </row>
    <row r="625306" spans="8:8">
      <c r="H625306" s="12"/>
    </row>
    <row r="625307" spans="8:8">
      <c r="H625307" s="12"/>
    </row>
    <row r="625308" spans="8:8">
      <c r="H625308" s="12"/>
    </row>
    <row r="625309" spans="8:8">
      <c r="H625309" s="12"/>
    </row>
    <row r="625310" spans="8:8">
      <c r="H625310" s="12"/>
    </row>
    <row r="625311" spans="8:8">
      <c r="H625311" s="12"/>
    </row>
    <row r="625312" spans="8:8">
      <c r="H625312" s="12"/>
    </row>
    <row r="625313" spans="8:8">
      <c r="H625313" s="12"/>
    </row>
    <row r="625314" spans="8:8">
      <c r="H625314" s="12"/>
    </row>
    <row r="625315" spans="8:8">
      <c r="H625315" s="12"/>
    </row>
    <row r="625316" spans="8:8">
      <c r="H625316" s="12"/>
    </row>
    <row r="625317" spans="8:8">
      <c r="H625317" s="12"/>
    </row>
    <row r="625318" spans="8:8">
      <c r="H625318" s="12"/>
    </row>
    <row r="625319" spans="8:8">
      <c r="H625319" s="12"/>
    </row>
    <row r="625320" spans="8:8">
      <c r="H625320" s="12"/>
    </row>
    <row r="625321" spans="8:8">
      <c r="H625321" s="12"/>
    </row>
    <row r="625322" spans="8:8">
      <c r="H625322" s="12"/>
    </row>
    <row r="625323" spans="8:8">
      <c r="H625323" s="12"/>
    </row>
    <row r="625324" spans="8:8">
      <c r="H625324" s="12"/>
    </row>
    <row r="625325" spans="8:8">
      <c r="H625325" s="12"/>
    </row>
    <row r="625326" spans="8:8">
      <c r="H625326" s="12"/>
    </row>
    <row r="625327" spans="8:8">
      <c r="H625327" s="12"/>
    </row>
    <row r="625328" spans="8:8">
      <c r="H625328" s="12"/>
    </row>
    <row r="625329" spans="8:8">
      <c r="H625329" s="12"/>
    </row>
    <row r="625330" spans="8:8">
      <c r="H625330" s="12"/>
    </row>
    <row r="625331" spans="8:8">
      <c r="H625331" s="12"/>
    </row>
    <row r="625332" spans="8:8">
      <c r="H625332" s="12"/>
    </row>
    <row r="625333" spans="8:8">
      <c r="H625333" s="12"/>
    </row>
    <row r="625334" spans="8:8">
      <c r="H625334" s="12"/>
    </row>
    <row r="625335" spans="8:8">
      <c r="H625335" s="12"/>
    </row>
    <row r="625336" spans="8:8">
      <c r="H625336" s="12"/>
    </row>
    <row r="625337" spans="8:8">
      <c r="H625337" s="12"/>
    </row>
    <row r="625338" spans="8:8">
      <c r="H625338" s="12"/>
    </row>
    <row r="625339" spans="8:8">
      <c r="H625339" s="12"/>
    </row>
    <row r="625340" spans="8:8">
      <c r="H625340" s="12"/>
    </row>
    <row r="625341" spans="8:8">
      <c r="H625341" s="12"/>
    </row>
    <row r="625342" spans="8:8">
      <c r="H625342" s="12"/>
    </row>
    <row r="625343" spans="8:8">
      <c r="H625343" s="12"/>
    </row>
    <row r="625344" spans="8:8">
      <c r="H625344" s="12"/>
    </row>
    <row r="625345" spans="8:8">
      <c r="H625345" s="12"/>
    </row>
    <row r="625346" spans="8:8">
      <c r="H625346" s="12"/>
    </row>
    <row r="625347" spans="8:8">
      <c r="H625347" s="12"/>
    </row>
    <row r="625348" spans="8:8">
      <c r="H625348" s="12"/>
    </row>
    <row r="625349" spans="8:8">
      <c r="H625349" s="12"/>
    </row>
    <row r="625350" spans="8:8">
      <c r="H625350" s="12"/>
    </row>
    <row r="625351" spans="8:8">
      <c r="H625351" s="12"/>
    </row>
    <row r="625352" spans="8:8">
      <c r="H625352" s="12"/>
    </row>
    <row r="625353" spans="8:8">
      <c r="H625353" s="12"/>
    </row>
    <row r="625354" spans="8:8">
      <c r="H625354" s="12"/>
    </row>
    <row r="625355" spans="8:8">
      <c r="H625355" s="12"/>
    </row>
    <row r="625356" spans="8:8">
      <c r="H625356" s="12"/>
    </row>
    <row r="625357" spans="8:8">
      <c r="H625357" s="12"/>
    </row>
    <row r="625358" spans="8:8">
      <c r="H625358" s="12"/>
    </row>
    <row r="625359" spans="8:8">
      <c r="H625359" s="12"/>
    </row>
    <row r="625360" spans="8:8">
      <c r="H625360" s="12"/>
    </row>
    <row r="625361" spans="8:8">
      <c r="H625361" s="12"/>
    </row>
    <row r="625362" spans="8:8">
      <c r="H625362" s="12"/>
    </row>
    <row r="625363" spans="8:8">
      <c r="H625363" s="12"/>
    </row>
    <row r="625364" spans="8:8">
      <c r="H625364" s="12"/>
    </row>
    <row r="625365" spans="8:8">
      <c r="H625365" s="12"/>
    </row>
    <row r="625366" spans="8:8">
      <c r="H625366" s="12"/>
    </row>
    <row r="625367" spans="8:8">
      <c r="H625367" s="12"/>
    </row>
    <row r="625368" spans="8:8">
      <c r="H625368" s="12"/>
    </row>
    <row r="625369" spans="8:8">
      <c r="H625369" s="12"/>
    </row>
    <row r="625370" spans="8:8">
      <c r="H625370" s="12"/>
    </row>
    <row r="625371" spans="8:8">
      <c r="H625371" s="12"/>
    </row>
    <row r="625372" spans="8:8">
      <c r="H625372" s="12"/>
    </row>
    <row r="625373" spans="8:8">
      <c r="H625373" s="12"/>
    </row>
    <row r="625374" spans="8:8">
      <c r="H625374" s="12"/>
    </row>
    <row r="625375" spans="8:8">
      <c r="H625375" s="12"/>
    </row>
    <row r="625376" spans="8:8">
      <c r="H625376" s="12"/>
    </row>
    <row r="625377" spans="8:8">
      <c r="H625377" s="12"/>
    </row>
    <row r="625378" spans="8:8">
      <c r="H625378" s="12"/>
    </row>
    <row r="625379" spans="8:8">
      <c r="H625379" s="12"/>
    </row>
    <row r="625380" spans="8:8">
      <c r="H625380" s="12"/>
    </row>
    <row r="625381" spans="8:8">
      <c r="H625381" s="12"/>
    </row>
    <row r="625382" spans="8:8">
      <c r="H625382" s="12"/>
    </row>
    <row r="625383" spans="8:8">
      <c r="H625383" s="12"/>
    </row>
    <row r="625384" spans="8:8">
      <c r="H625384" s="12"/>
    </row>
    <row r="625385" spans="8:8">
      <c r="H625385" s="12"/>
    </row>
    <row r="625386" spans="8:8">
      <c r="H625386" s="12"/>
    </row>
    <row r="625387" spans="8:8">
      <c r="H625387" s="12"/>
    </row>
    <row r="625388" spans="8:8">
      <c r="H625388" s="12"/>
    </row>
    <row r="625389" spans="8:8">
      <c r="H625389" s="12"/>
    </row>
    <row r="625390" spans="8:8">
      <c r="H625390" s="12"/>
    </row>
    <row r="625391" spans="8:8">
      <c r="H625391" s="12"/>
    </row>
    <row r="625392" spans="8:8">
      <c r="H625392" s="12"/>
    </row>
    <row r="625393" spans="8:8">
      <c r="H625393" s="12"/>
    </row>
    <row r="625394" spans="8:8">
      <c r="H625394" s="12"/>
    </row>
    <row r="625395" spans="8:8">
      <c r="H625395" s="12"/>
    </row>
    <row r="625396" spans="8:8">
      <c r="H625396" s="12"/>
    </row>
    <row r="625397" spans="8:8">
      <c r="H625397" s="12"/>
    </row>
    <row r="625398" spans="8:8">
      <c r="H625398" s="12"/>
    </row>
    <row r="625399" spans="8:8">
      <c r="H625399" s="12"/>
    </row>
    <row r="625400" spans="8:8">
      <c r="H625400" s="12"/>
    </row>
    <row r="625401" spans="8:8">
      <c r="H625401" s="12"/>
    </row>
    <row r="625402" spans="8:8">
      <c r="H625402" s="12"/>
    </row>
    <row r="625403" spans="8:8">
      <c r="H625403" s="12"/>
    </row>
    <row r="625404" spans="8:8">
      <c r="H625404" s="12"/>
    </row>
    <row r="625405" spans="8:8">
      <c r="H625405" s="12"/>
    </row>
    <row r="625406" spans="8:8">
      <c r="H625406" s="12"/>
    </row>
    <row r="625407" spans="8:8">
      <c r="H625407" s="12"/>
    </row>
    <row r="625408" spans="8:8">
      <c r="H625408" s="12"/>
    </row>
    <row r="625409" spans="8:8">
      <c r="H625409" s="12"/>
    </row>
    <row r="625410" spans="8:8">
      <c r="H625410" s="12"/>
    </row>
    <row r="625411" spans="8:8">
      <c r="H625411" s="12"/>
    </row>
    <row r="625412" spans="8:8">
      <c r="H625412" s="12"/>
    </row>
    <row r="625413" spans="8:8">
      <c r="H625413" s="12"/>
    </row>
    <row r="625414" spans="8:8">
      <c r="H625414" s="12"/>
    </row>
    <row r="625415" spans="8:8">
      <c r="H625415" s="12"/>
    </row>
    <row r="625416" spans="8:8">
      <c r="H625416" s="12"/>
    </row>
    <row r="625417" spans="8:8">
      <c r="H625417" s="12"/>
    </row>
    <row r="625418" spans="8:8">
      <c r="H625418" s="12"/>
    </row>
    <row r="625419" spans="8:8">
      <c r="H625419" s="12"/>
    </row>
    <row r="625420" spans="8:8">
      <c r="H625420" s="12"/>
    </row>
    <row r="625421" spans="8:8">
      <c r="H625421" s="12"/>
    </row>
    <row r="625422" spans="8:8">
      <c r="H625422" s="12"/>
    </row>
    <row r="625423" spans="8:8">
      <c r="H625423" s="12"/>
    </row>
    <row r="625424" spans="8:8">
      <c r="H625424" s="12"/>
    </row>
    <row r="625425" spans="8:8">
      <c r="H625425" s="12"/>
    </row>
    <row r="625426" spans="8:8">
      <c r="H625426" s="12"/>
    </row>
    <row r="625427" spans="8:8">
      <c r="H625427" s="12"/>
    </row>
    <row r="625428" spans="8:8">
      <c r="H625428" s="12"/>
    </row>
    <row r="625429" spans="8:8">
      <c r="H625429" s="12"/>
    </row>
    <row r="625430" spans="8:8">
      <c r="H625430" s="12"/>
    </row>
    <row r="625431" spans="8:8">
      <c r="H625431" s="12"/>
    </row>
    <row r="625432" spans="8:8">
      <c r="H625432" s="12"/>
    </row>
    <row r="625433" spans="8:8">
      <c r="H625433" s="12"/>
    </row>
    <row r="625434" spans="8:8">
      <c r="H625434" s="12"/>
    </row>
    <row r="625435" spans="8:8">
      <c r="H625435" s="12"/>
    </row>
    <row r="625436" spans="8:8">
      <c r="H625436" s="12"/>
    </row>
    <row r="625437" spans="8:8">
      <c r="H625437" s="12"/>
    </row>
    <row r="625438" spans="8:8">
      <c r="H625438" s="12"/>
    </row>
    <row r="625439" spans="8:8">
      <c r="H625439" s="12"/>
    </row>
    <row r="625440" spans="8:8">
      <c r="H625440" s="12"/>
    </row>
    <row r="625441" spans="8:8">
      <c r="H625441" s="12"/>
    </row>
    <row r="625442" spans="8:8">
      <c r="H625442" s="12"/>
    </row>
    <row r="625443" spans="8:8">
      <c r="H625443" s="12"/>
    </row>
    <row r="625444" spans="8:8">
      <c r="H625444" s="12"/>
    </row>
    <row r="625445" spans="8:8">
      <c r="H625445" s="12"/>
    </row>
    <row r="625446" spans="8:8">
      <c r="H625446" s="12"/>
    </row>
    <row r="625447" spans="8:8">
      <c r="H625447" s="12"/>
    </row>
    <row r="625448" spans="8:8">
      <c r="H625448" s="12"/>
    </row>
    <row r="625449" spans="8:8">
      <c r="H625449" s="12"/>
    </row>
    <row r="625450" spans="8:8">
      <c r="H625450" s="12"/>
    </row>
    <row r="625451" spans="8:8">
      <c r="H625451" s="12"/>
    </row>
    <row r="625452" spans="8:8">
      <c r="H625452" s="12"/>
    </row>
    <row r="625453" spans="8:8">
      <c r="H625453" s="12"/>
    </row>
    <row r="625454" spans="8:8">
      <c r="H625454" s="12"/>
    </row>
    <row r="625455" spans="8:8">
      <c r="H625455" s="12"/>
    </row>
    <row r="625456" spans="8:8">
      <c r="H625456" s="12"/>
    </row>
    <row r="625457" spans="8:8">
      <c r="H625457" s="12"/>
    </row>
    <row r="625458" spans="8:8">
      <c r="H625458" s="12"/>
    </row>
    <row r="625459" spans="8:8">
      <c r="H625459" s="12"/>
    </row>
    <row r="625460" spans="8:8">
      <c r="H625460" s="12"/>
    </row>
    <row r="625461" spans="8:8">
      <c r="H625461" s="12"/>
    </row>
    <row r="625462" spans="8:8">
      <c r="H625462" s="12"/>
    </row>
    <row r="625463" spans="8:8">
      <c r="H625463" s="12"/>
    </row>
    <row r="625464" spans="8:8">
      <c r="H625464" s="12"/>
    </row>
    <row r="625465" spans="8:8">
      <c r="H625465" s="12"/>
    </row>
    <row r="625466" spans="8:8">
      <c r="H625466" s="12"/>
    </row>
    <row r="625467" spans="8:8">
      <c r="H625467" s="12"/>
    </row>
    <row r="625468" spans="8:8">
      <c r="H625468" s="12"/>
    </row>
    <row r="625469" spans="8:8">
      <c r="H625469" s="12"/>
    </row>
    <row r="625470" spans="8:8">
      <c r="H625470" s="12"/>
    </row>
    <row r="625471" spans="8:8">
      <c r="H625471" s="12"/>
    </row>
    <row r="625472" spans="8:8">
      <c r="H625472" s="12"/>
    </row>
    <row r="625473" spans="8:8">
      <c r="H625473" s="12"/>
    </row>
    <row r="625474" spans="8:8">
      <c r="H625474" s="12"/>
    </row>
    <row r="625475" spans="8:8">
      <c r="H625475" s="12"/>
    </row>
    <row r="625476" spans="8:8">
      <c r="H625476" s="12"/>
    </row>
    <row r="625477" spans="8:8">
      <c r="H625477" s="12"/>
    </row>
    <row r="625478" spans="8:8">
      <c r="H625478" s="12"/>
    </row>
    <row r="625479" spans="8:8">
      <c r="H625479" s="12"/>
    </row>
    <row r="625480" spans="8:8">
      <c r="H625480" s="12"/>
    </row>
    <row r="625481" spans="8:8">
      <c r="H625481" s="12"/>
    </row>
    <row r="625482" spans="8:8">
      <c r="H625482" s="12"/>
    </row>
    <row r="625483" spans="8:8">
      <c r="H625483" s="12"/>
    </row>
    <row r="625484" spans="8:8">
      <c r="H625484" s="12"/>
    </row>
    <row r="625485" spans="8:8">
      <c r="H625485" s="12"/>
    </row>
    <row r="625486" spans="8:8">
      <c r="H625486" s="12"/>
    </row>
    <row r="625487" spans="8:8">
      <c r="H625487" s="12"/>
    </row>
    <row r="625488" spans="8:8">
      <c r="H625488" s="12"/>
    </row>
    <row r="625489" spans="8:8">
      <c r="H625489" s="12"/>
    </row>
    <row r="625490" spans="8:8">
      <c r="H625490" s="12"/>
    </row>
    <row r="625491" spans="8:8">
      <c r="H625491" s="12"/>
    </row>
    <row r="625492" spans="8:8">
      <c r="H625492" s="12"/>
    </row>
    <row r="625493" spans="8:8">
      <c r="H625493" s="12"/>
    </row>
    <row r="625494" spans="8:8">
      <c r="H625494" s="12"/>
    </row>
    <row r="625495" spans="8:8">
      <c r="H625495" s="12"/>
    </row>
    <row r="625496" spans="8:8">
      <c r="H625496" s="12"/>
    </row>
    <row r="625497" spans="8:8">
      <c r="H625497" s="12"/>
    </row>
    <row r="625498" spans="8:8">
      <c r="H625498" s="12"/>
    </row>
    <row r="625499" spans="8:8">
      <c r="H625499" s="12"/>
    </row>
    <row r="625500" spans="8:8">
      <c r="H625500" s="12"/>
    </row>
    <row r="625501" spans="8:8">
      <c r="H625501" s="12"/>
    </row>
    <row r="625502" spans="8:8">
      <c r="H625502" s="12"/>
    </row>
    <row r="625503" spans="8:8">
      <c r="H625503" s="12"/>
    </row>
    <row r="625504" spans="8:8">
      <c r="H625504" s="12"/>
    </row>
    <row r="625505" spans="8:8">
      <c r="H625505" s="12"/>
    </row>
    <row r="625506" spans="8:8">
      <c r="H625506" s="12"/>
    </row>
    <row r="625507" spans="8:8">
      <c r="H625507" s="12"/>
    </row>
    <row r="625508" spans="8:8">
      <c r="H625508" s="12"/>
    </row>
    <row r="625509" spans="8:8">
      <c r="H625509" s="12"/>
    </row>
    <row r="625510" spans="8:8">
      <c r="H625510" s="12"/>
    </row>
    <row r="625511" spans="8:8">
      <c r="H625511" s="12"/>
    </row>
    <row r="625512" spans="8:8">
      <c r="H625512" s="12"/>
    </row>
    <row r="625513" spans="8:8">
      <c r="H625513" s="12"/>
    </row>
    <row r="625514" spans="8:8">
      <c r="H625514" s="12"/>
    </row>
    <row r="625515" spans="8:8">
      <c r="H625515" s="12"/>
    </row>
    <row r="625516" spans="8:8">
      <c r="H625516" s="12"/>
    </row>
    <row r="625517" spans="8:8">
      <c r="H625517" s="12"/>
    </row>
    <row r="625518" spans="8:8">
      <c r="H625518" s="12"/>
    </row>
    <row r="625519" spans="8:8">
      <c r="H625519" s="12"/>
    </row>
    <row r="625520" spans="8:8">
      <c r="H625520" s="12"/>
    </row>
    <row r="625521" spans="8:8">
      <c r="H625521" s="12"/>
    </row>
    <row r="625522" spans="8:8">
      <c r="H625522" s="12"/>
    </row>
    <row r="625523" spans="8:8">
      <c r="H625523" s="12"/>
    </row>
    <row r="625524" spans="8:8">
      <c r="H625524" s="12"/>
    </row>
    <row r="625525" spans="8:8">
      <c r="H625525" s="12"/>
    </row>
    <row r="625526" spans="8:8">
      <c r="H625526" s="12"/>
    </row>
    <row r="625527" spans="8:8">
      <c r="H625527" s="12"/>
    </row>
    <row r="625528" spans="8:8">
      <c r="H625528" s="12"/>
    </row>
    <row r="625529" spans="8:8">
      <c r="H625529" s="12"/>
    </row>
    <row r="625530" spans="8:8">
      <c r="H625530" s="12"/>
    </row>
    <row r="625531" spans="8:8">
      <c r="H625531" s="12"/>
    </row>
    <row r="625532" spans="8:8">
      <c r="H625532" s="12"/>
    </row>
    <row r="625533" spans="8:8">
      <c r="H625533" s="12"/>
    </row>
    <row r="625534" spans="8:8">
      <c r="H625534" s="12"/>
    </row>
    <row r="625535" spans="8:8">
      <c r="H625535" s="12"/>
    </row>
    <row r="625536" spans="8:8">
      <c r="H625536" s="12"/>
    </row>
    <row r="625537" spans="8:8">
      <c r="H625537" s="12"/>
    </row>
    <row r="625538" spans="8:8">
      <c r="H625538" s="12"/>
    </row>
    <row r="625539" spans="8:8">
      <c r="H625539" s="12"/>
    </row>
    <row r="625540" spans="8:8">
      <c r="H625540" s="12"/>
    </row>
    <row r="625541" spans="8:8">
      <c r="H625541" s="12"/>
    </row>
    <row r="625542" spans="8:8">
      <c r="H625542" s="12"/>
    </row>
    <row r="625543" spans="8:8">
      <c r="H625543" s="12"/>
    </row>
    <row r="625544" spans="8:8">
      <c r="H625544" s="12"/>
    </row>
    <row r="625545" spans="8:8">
      <c r="H625545" s="12"/>
    </row>
    <row r="625546" spans="8:8">
      <c r="H625546" s="12"/>
    </row>
    <row r="625547" spans="8:8">
      <c r="H625547" s="12"/>
    </row>
    <row r="625548" spans="8:8">
      <c r="H625548" s="12"/>
    </row>
    <row r="625549" spans="8:8">
      <c r="H625549" s="12"/>
    </row>
    <row r="625550" spans="8:8">
      <c r="H625550" s="12"/>
    </row>
    <row r="625551" spans="8:8">
      <c r="H625551" s="12"/>
    </row>
    <row r="625552" spans="8:8">
      <c r="H625552" s="12"/>
    </row>
    <row r="625553" spans="8:8">
      <c r="H625553" s="12"/>
    </row>
    <row r="625554" spans="8:8">
      <c r="H625554" s="12"/>
    </row>
    <row r="625555" spans="8:8">
      <c r="H625555" s="12"/>
    </row>
    <row r="625556" spans="8:8">
      <c r="H625556" s="12"/>
    </row>
    <row r="625557" spans="8:8">
      <c r="H625557" s="12"/>
    </row>
    <row r="625558" spans="8:8">
      <c r="H625558" s="12"/>
    </row>
    <row r="625559" spans="8:8">
      <c r="H625559" s="12"/>
    </row>
    <row r="625560" spans="8:8">
      <c r="H625560" s="12"/>
    </row>
    <row r="625561" spans="8:8">
      <c r="H625561" s="12"/>
    </row>
    <row r="625562" spans="8:8">
      <c r="H625562" s="12"/>
    </row>
    <row r="625563" spans="8:8">
      <c r="H625563" s="12"/>
    </row>
    <row r="625564" spans="8:8">
      <c r="H625564" s="12"/>
    </row>
    <row r="625565" spans="8:8">
      <c r="H625565" s="12"/>
    </row>
    <row r="625566" spans="8:8">
      <c r="H625566" s="12"/>
    </row>
    <row r="625567" spans="8:8">
      <c r="H625567" s="12"/>
    </row>
    <row r="625568" spans="8:8">
      <c r="H625568" s="12"/>
    </row>
    <row r="625569" spans="8:8">
      <c r="H625569" s="12"/>
    </row>
    <row r="625570" spans="8:8">
      <c r="H625570" s="12"/>
    </row>
    <row r="625571" spans="8:8">
      <c r="H625571" s="12"/>
    </row>
    <row r="625572" spans="8:8">
      <c r="H625572" s="12"/>
    </row>
    <row r="625573" spans="8:8">
      <c r="H625573" s="12"/>
    </row>
    <row r="625574" spans="8:8">
      <c r="H625574" s="12"/>
    </row>
    <row r="625575" spans="8:8">
      <c r="H625575" s="12"/>
    </row>
    <row r="625576" spans="8:8">
      <c r="H625576" s="12"/>
    </row>
    <row r="625577" spans="8:8">
      <c r="H625577" s="12"/>
    </row>
    <row r="625578" spans="8:8">
      <c r="H625578" s="12"/>
    </row>
    <row r="625579" spans="8:8">
      <c r="H625579" s="12"/>
    </row>
    <row r="625580" spans="8:8">
      <c r="H625580" s="12"/>
    </row>
    <row r="625581" spans="8:8">
      <c r="H625581" s="12"/>
    </row>
    <row r="625582" spans="8:8">
      <c r="H625582" s="12"/>
    </row>
    <row r="625583" spans="8:8">
      <c r="H625583" s="12"/>
    </row>
    <row r="625584" spans="8:8">
      <c r="H625584" s="12"/>
    </row>
    <row r="625585" spans="8:8">
      <c r="H625585" s="12"/>
    </row>
    <row r="625586" spans="8:8">
      <c r="H625586" s="12"/>
    </row>
    <row r="625587" spans="8:8">
      <c r="H625587" s="12"/>
    </row>
    <row r="625588" spans="8:8">
      <c r="H625588" s="12"/>
    </row>
    <row r="625589" spans="8:8">
      <c r="H625589" s="12"/>
    </row>
    <row r="625590" spans="8:8">
      <c r="H625590" s="12"/>
    </row>
    <row r="625591" spans="8:8">
      <c r="H625591" s="12"/>
    </row>
    <row r="625592" spans="8:8">
      <c r="H625592" s="12"/>
    </row>
    <row r="625593" spans="8:8">
      <c r="H625593" s="12"/>
    </row>
    <row r="625594" spans="8:8">
      <c r="H625594" s="12"/>
    </row>
    <row r="625595" spans="8:8">
      <c r="H625595" s="12"/>
    </row>
    <row r="625596" spans="8:8">
      <c r="H625596" s="12"/>
    </row>
    <row r="625597" spans="8:8">
      <c r="H625597" s="12"/>
    </row>
    <row r="625598" spans="8:8">
      <c r="H625598" s="12"/>
    </row>
    <row r="625599" spans="8:8">
      <c r="H625599" s="12"/>
    </row>
    <row r="625600" spans="8:8">
      <c r="H625600" s="12"/>
    </row>
    <row r="625601" spans="8:8">
      <c r="H625601" s="12"/>
    </row>
    <row r="625602" spans="8:8">
      <c r="H625602" s="12"/>
    </row>
    <row r="625603" spans="8:8">
      <c r="H625603" s="12"/>
    </row>
    <row r="625604" spans="8:8">
      <c r="H625604" s="12"/>
    </row>
    <row r="625605" spans="8:8">
      <c r="H625605" s="12"/>
    </row>
    <row r="625606" spans="8:8">
      <c r="H625606" s="12"/>
    </row>
    <row r="625607" spans="8:8">
      <c r="H625607" s="12"/>
    </row>
    <row r="625608" spans="8:8">
      <c r="H625608" s="12"/>
    </row>
    <row r="625609" spans="8:8">
      <c r="H625609" s="12"/>
    </row>
    <row r="625610" spans="8:8">
      <c r="H625610" s="12"/>
    </row>
    <row r="625611" spans="8:8">
      <c r="H625611" s="12"/>
    </row>
    <row r="625612" spans="8:8">
      <c r="H625612" s="12"/>
    </row>
    <row r="625613" spans="8:8">
      <c r="H625613" s="12"/>
    </row>
    <row r="625614" spans="8:8">
      <c r="H625614" s="12"/>
    </row>
    <row r="625615" spans="8:8">
      <c r="H625615" s="12"/>
    </row>
    <row r="625616" spans="8:8">
      <c r="H625616" s="12"/>
    </row>
    <row r="625617" spans="8:8">
      <c r="H625617" s="12"/>
    </row>
    <row r="625618" spans="8:8">
      <c r="H625618" s="12"/>
    </row>
    <row r="625619" spans="8:8">
      <c r="H625619" s="12"/>
    </row>
    <row r="625620" spans="8:8">
      <c r="H625620" s="12"/>
    </row>
    <row r="625621" spans="8:8">
      <c r="H625621" s="12"/>
    </row>
    <row r="625622" spans="8:8">
      <c r="H625622" s="12"/>
    </row>
    <row r="625623" spans="8:8">
      <c r="H625623" s="12"/>
    </row>
    <row r="625624" spans="8:8">
      <c r="H625624" s="12"/>
    </row>
    <row r="625625" spans="8:8">
      <c r="H625625" s="12"/>
    </row>
    <row r="625626" spans="8:8">
      <c r="H625626" s="12"/>
    </row>
    <row r="625627" spans="8:8">
      <c r="H625627" s="12"/>
    </row>
    <row r="625628" spans="8:8">
      <c r="H625628" s="12"/>
    </row>
    <row r="625629" spans="8:8">
      <c r="H625629" s="12"/>
    </row>
    <row r="625630" spans="8:8">
      <c r="H625630" s="12"/>
    </row>
    <row r="625631" spans="8:8">
      <c r="H625631" s="12"/>
    </row>
    <row r="625632" spans="8:8">
      <c r="H625632" s="12"/>
    </row>
    <row r="625633" spans="8:8">
      <c r="H625633" s="12"/>
    </row>
    <row r="625634" spans="8:8">
      <c r="H625634" s="12"/>
    </row>
    <row r="625635" spans="8:8">
      <c r="H625635" s="12"/>
    </row>
    <row r="625636" spans="8:8">
      <c r="H625636" s="12"/>
    </row>
    <row r="625637" spans="8:8">
      <c r="H625637" s="12"/>
    </row>
    <row r="625638" spans="8:8">
      <c r="H625638" s="12"/>
    </row>
    <row r="625639" spans="8:8">
      <c r="H625639" s="12"/>
    </row>
    <row r="625640" spans="8:8">
      <c r="H625640" s="12"/>
    </row>
    <row r="625641" spans="8:8">
      <c r="H625641" s="12"/>
    </row>
    <row r="625642" spans="8:8">
      <c r="H625642" s="12"/>
    </row>
    <row r="625643" spans="8:8">
      <c r="H625643" s="12"/>
    </row>
    <row r="625644" spans="8:8">
      <c r="H625644" s="12"/>
    </row>
    <row r="625645" spans="8:8">
      <c r="H625645" s="12"/>
    </row>
    <row r="625646" spans="8:8">
      <c r="H625646" s="12"/>
    </row>
    <row r="625647" spans="8:8">
      <c r="H625647" s="12"/>
    </row>
    <row r="625648" spans="8:8">
      <c r="H625648" s="12"/>
    </row>
    <row r="625649" spans="8:8">
      <c r="H625649" s="12"/>
    </row>
    <row r="625650" spans="8:8">
      <c r="H625650" s="12"/>
    </row>
    <row r="625651" spans="8:8">
      <c r="H625651" s="12"/>
    </row>
    <row r="625652" spans="8:8">
      <c r="H625652" s="12"/>
    </row>
    <row r="625653" spans="8:8">
      <c r="H625653" s="12"/>
    </row>
    <row r="625654" spans="8:8">
      <c r="H625654" s="12"/>
    </row>
    <row r="625655" spans="8:8">
      <c r="H625655" s="12"/>
    </row>
    <row r="625656" spans="8:8">
      <c r="H625656" s="12"/>
    </row>
    <row r="625657" spans="8:8">
      <c r="H625657" s="12"/>
    </row>
    <row r="625658" spans="8:8">
      <c r="H625658" s="12"/>
    </row>
    <row r="625659" spans="8:8">
      <c r="H625659" s="12"/>
    </row>
    <row r="625660" spans="8:8">
      <c r="H625660" s="12"/>
    </row>
    <row r="625661" spans="8:8">
      <c r="H625661" s="12"/>
    </row>
    <row r="625662" spans="8:8">
      <c r="H625662" s="12"/>
    </row>
    <row r="625663" spans="8:8">
      <c r="H625663" s="12"/>
    </row>
    <row r="625664" spans="8:8">
      <c r="H625664" s="12"/>
    </row>
    <row r="625665" spans="8:8">
      <c r="H625665" s="12"/>
    </row>
    <row r="625666" spans="8:8">
      <c r="H625666" s="12"/>
    </row>
    <row r="625667" spans="8:8">
      <c r="H625667" s="12"/>
    </row>
    <row r="625668" spans="8:8">
      <c r="H625668" s="12"/>
    </row>
    <row r="625669" spans="8:8">
      <c r="H625669" s="12"/>
    </row>
    <row r="625670" spans="8:8">
      <c r="H625670" s="12"/>
    </row>
    <row r="625671" spans="8:8">
      <c r="H625671" s="12"/>
    </row>
    <row r="625672" spans="8:8">
      <c r="H625672" s="12"/>
    </row>
    <row r="625673" spans="8:8">
      <c r="H625673" s="12"/>
    </row>
    <row r="625674" spans="8:8">
      <c r="H625674" s="12"/>
    </row>
    <row r="625675" spans="8:8">
      <c r="H625675" s="12"/>
    </row>
    <row r="625676" spans="8:8">
      <c r="H625676" s="12"/>
    </row>
    <row r="625677" spans="8:8">
      <c r="H625677" s="12"/>
    </row>
    <row r="625678" spans="8:8">
      <c r="H625678" s="12"/>
    </row>
    <row r="625679" spans="8:8">
      <c r="H625679" s="12"/>
    </row>
    <row r="625680" spans="8:8">
      <c r="H625680" s="12"/>
    </row>
    <row r="625681" spans="8:8">
      <c r="H625681" s="12"/>
    </row>
    <row r="625682" spans="8:8">
      <c r="H625682" s="12"/>
    </row>
    <row r="625683" spans="8:8">
      <c r="H625683" s="12"/>
    </row>
    <row r="625684" spans="8:8">
      <c r="H625684" s="12"/>
    </row>
    <row r="625685" spans="8:8">
      <c r="H625685" s="12"/>
    </row>
    <row r="625686" spans="8:8">
      <c r="H625686" s="12"/>
    </row>
    <row r="625687" spans="8:8">
      <c r="H625687" s="12"/>
    </row>
    <row r="625688" spans="8:8">
      <c r="H625688" s="12"/>
    </row>
    <row r="625689" spans="8:8">
      <c r="H625689" s="12"/>
    </row>
    <row r="625690" spans="8:8">
      <c r="H625690" s="12"/>
    </row>
    <row r="625691" spans="8:8">
      <c r="H625691" s="12"/>
    </row>
    <row r="625692" spans="8:8">
      <c r="H625692" s="12"/>
    </row>
    <row r="625693" spans="8:8">
      <c r="H625693" s="12"/>
    </row>
    <row r="625694" spans="8:8">
      <c r="H625694" s="12"/>
    </row>
    <row r="625695" spans="8:8">
      <c r="H625695" s="12"/>
    </row>
    <row r="625696" spans="8:8">
      <c r="H625696" s="12"/>
    </row>
    <row r="625697" spans="8:8">
      <c r="H625697" s="12"/>
    </row>
    <row r="625698" spans="8:8">
      <c r="H625698" s="12"/>
    </row>
    <row r="625699" spans="8:8">
      <c r="H625699" s="12"/>
    </row>
    <row r="625700" spans="8:8">
      <c r="H625700" s="12"/>
    </row>
    <row r="625701" spans="8:8">
      <c r="H625701" s="12"/>
    </row>
    <row r="625702" spans="8:8">
      <c r="H625702" s="12"/>
    </row>
    <row r="625703" spans="8:8">
      <c r="H625703" s="12"/>
    </row>
    <row r="625704" spans="8:8">
      <c r="H625704" s="12"/>
    </row>
    <row r="625705" spans="8:8">
      <c r="H625705" s="12"/>
    </row>
    <row r="625706" spans="8:8">
      <c r="H625706" s="12"/>
    </row>
    <row r="625707" spans="8:8">
      <c r="H625707" s="12"/>
    </row>
    <row r="625708" spans="8:8">
      <c r="H625708" s="12"/>
    </row>
    <row r="625709" spans="8:8">
      <c r="H625709" s="12"/>
    </row>
    <row r="625710" spans="8:8">
      <c r="H625710" s="12"/>
    </row>
    <row r="625711" spans="8:8">
      <c r="H625711" s="12"/>
    </row>
    <row r="625712" spans="8:8">
      <c r="H625712" s="12"/>
    </row>
    <row r="625713" spans="8:8">
      <c r="H625713" s="12"/>
    </row>
    <row r="625714" spans="8:8">
      <c r="H625714" s="12"/>
    </row>
    <row r="625715" spans="8:8">
      <c r="H625715" s="12"/>
    </row>
    <row r="625716" spans="8:8">
      <c r="H625716" s="12"/>
    </row>
    <row r="625717" spans="8:8">
      <c r="H625717" s="12"/>
    </row>
    <row r="625718" spans="8:8">
      <c r="H625718" s="12"/>
    </row>
    <row r="625719" spans="8:8">
      <c r="H625719" s="12"/>
    </row>
    <row r="625720" spans="8:8">
      <c r="H625720" s="12"/>
    </row>
    <row r="625721" spans="8:8">
      <c r="H625721" s="12"/>
    </row>
    <row r="625722" spans="8:8">
      <c r="H625722" s="12"/>
    </row>
    <row r="625723" spans="8:8">
      <c r="H625723" s="12"/>
    </row>
    <row r="625724" spans="8:8">
      <c r="H625724" s="12"/>
    </row>
    <row r="625725" spans="8:8">
      <c r="H625725" s="12"/>
    </row>
    <row r="625726" spans="8:8">
      <c r="H625726" s="12"/>
    </row>
    <row r="625727" spans="8:8">
      <c r="H625727" s="12"/>
    </row>
    <row r="625728" spans="8:8">
      <c r="H625728" s="12"/>
    </row>
    <row r="625729" spans="8:8">
      <c r="H625729" s="12"/>
    </row>
    <row r="625730" spans="8:8">
      <c r="H625730" s="12"/>
    </row>
    <row r="625731" spans="8:8">
      <c r="H625731" s="12"/>
    </row>
    <row r="625732" spans="8:8">
      <c r="H625732" s="12"/>
    </row>
    <row r="625733" spans="8:8">
      <c r="H625733" s="12"/>
    </row>
    <row r="625734" spans="8:8">
      <c r="H625734" s="12"/>
    </row>
    <row r="625735" spans="8:8">
      <c r="H625735" s="12"/>
    </row>
    <row r="625736" spans="8:8">
      <c r="H625736" s="12"/>
    </row>
    <row r="625737" spans="8:8">
      <c r="H625737" s="12"/>
    </row>
    <row r="625738" spans="8:8">
      <c r="H625738" s="12"/>
    </row>
    <row r="625739" spans="8:8">
      <c r="H625739" s="12"/>
    </row>
    <row r="625740" spans="8:8">
      <c r="H625740" s="12"/>
    </row>
    <row r="625741" spans="8:8">
      <c r="H625741" s="12"/>
    </row>
    <row r="625742" spans="8:8">
      <c r="H625742" s="12"/>
    </row>
    <row r="625743" spans="8:8">
      <c r="H625743" s="12"/>
    </row>
    <row r="625744" spans="8:8">
      <c r="H625744" s="12"/>
    </row>
    <row r="625745" spans="8:8">
      <c r="H625745" s="12"/>
    </row>
    <row r="625746" spans="8:8">
      <c r="H625746" s="12"/>
    </row>
    <row r="625747" spans="8:8">
      <c r="H625747" s="12"/>
    </row>
    <row r="625748" spans="8:8">
      <c r="H625748" s="12"/>
    </row>
    <row r="625749" spans="8:8">
      <c r="H625749" s="12"/>
    </row>
    <row r="625750" spans="8:8">
      <c r="H625750" s="12"/>
    </row>
    <row r="625751" spans="8:8">
      <c r="H625751" s="12"/>
    </row>
    <row r="625752" spans="8:8">
      <c r="H625752" s="12"/>
    </row>
    <row r="625753" spans="8:8">
      <c r="H625753" s="12"/>
    </row>
    <row r="625754" spans="8:8">
      <c r="H625754" s="12"/>
    </row>
    <row r="625755" spans="8:8">
      <c r="H625755" s="12"/>
    </row>
    <row r="625756" spans="8:8">
      <c r="H625756" s="12"/>
    </row>
    <row r="625757" spans="8:8">
      <c r="H625757" s="12"/>
    </row>
    <row r="625758" spans="8:8">
      <c r="H625758" s="12"/>
    </row>
    <row r="625759" spans="8:8">
      <c r="H625759" s="12"/>
    </row>
    <row r="625760" spans="8:8">
      <c r="H625760" s="12"/>
    </row>
    <row r="625761" spans="8:8">
      <c r="H625761" s="12"/>
    </row>
    <row r="625762" spans="8:8">
      <c r="H625762" s="12"/>
    </row>
    <row r="625763" spans="8:8">
      <c r="H625763" s="12"/>
    </row>
    <row r="625764" spans="8:8">
      <c r="H625764" s="12"/>
    </row>
    <row r="625765" spans="8:8">
      <c r="H625765" s="12"/>
    </row>
    <row r="625766" spans="8:8">
      <c r="H625766" s="12"/>
    </row>
    <row r="625767" spans="8:8">
      <c r="H625767" s="12"/>
    </row>
    <row r="625768" spans="8:8">
      <c r="H625768" s="12"/>
    </row>
    <row r="625769" spans="8:8">
      <c r="H625769" s="12"/>
    </row>
    <row r="625770" spans="8:8">
      <c r="H625770" s="12"/>
    </row>
    <row r="625771" spans="8:8">
      <c r="H625771" s="12"/>
    </row>
    <row r="625772" spans="8:8">
      <c r="H625772" s="12"/>
    </row>
    <row r="625773" spans="8:8">
      <c r="H625773" s="12"/>
    </row>
    <row r="625774" spans="8:8">
      <c r="H625774" s="12"/>
    </row>
    <row r="625775" spans="8:8">
      <c r="H625775" s="12"/>
    </row>
    <row r="625776" spans="8:8">
      <c r="H625776" s="12"/>
    </row>
    <row r="625777" spans="8:8">
      <c r="H625777" s="12"/>
    </row>
    <row r="625778" spans="8:8">
      <c r="H625778" s="12"/>
    </row>
    <row r="625779" spans="8:8">
      <c r="H625779" s="12"/>
    </row>
    <row r="625780" spans="8:8">
      <c r="H625780" s="12"/>
    </row>
    <row r="625781" spans="8:8">
      <c r="H625781" s="12"/>
    </row>
    <row r="625782" spans="8:8">
      <c r="H625782" s="12"/>
    </row>
    <row r="625783" spans="8:8">
      <c r="H625783" s="12"/>
    </row>
    <row r="625784" spans="8:8">
      <c r="H625784" s="12"/>
    </row>
    <row r="625785" spans="8:8">
      <c r="H625785" s="12"/>
    </row>
    <row r="625786" spans="8:8">
      <c r="H625786" s="12"/>
    </row>
    <row r="625787" spans="8:8">
      <c r="H625787" s="12"/>
    </row>
    <row r="625788" spans="8:8">
      <c r="H625788" s="12"/>
    </row>
    <row r="625789" spans="8:8">
      <c r="H625789" s="12"/>
    </row>
    <row r="625790" spans="8:8">
      <c r="H625790" s="12"/>
    </row>
    <row r="625791" spans="8:8">
      <c r="H625791" s="12"/>
    </row>
    <row r="625792" spans="8:8">
      <c r="H625792" s="12"/>
    </row>
    <row r="625793" spans="8:8">
      <c r="H625793" s="12"/>
    </row>
    <row r="625794" spans="8:8">
      <c r="H625794" s="12"/>
    </row>
    <row r="625795" spans="8:8">
      <c r="H625795" s="12"/>
    </row>
    <row r="625796" spans="8:8">
      <c r="H625796" s="12"/>
    </row>
    <row r="625797" spans="8:8">
      <c r="H625797" s="12"/>
    </row>
    <row r="625798" spans="8:8">
      <c r="H625798" s="12"/>
    </row>
    <row r="625799" spans="8:8">
      <c r="H625799" s="12"/>
    </row>
    <row r="625800" spans="8:8">
      <c r="H625800" s="12"/>
    </row>
    <row r="625801" spans="8:8">
      <c r="H625801" s="12"/>
    </row>
    <row r="625802" spans="8:8">
      <c r="H625802" s="12"/>
    </row>
    <row r="625803" spans="8:8">
      <c r="H625803" s="12"/>
    </row>
    <row r="625804" spans="8:8">
      <c r="H625804" s="12"/>
    </row>
    <row r="625805" spans="8:8">
      <c r="H625805" s="12"/>
    </row>
    <row r="625806" spans="8:8">
      <c r="H625806" s="12"/>
    </row>
    <row r="625807" spans="8:8">
      <c r="H625807" s="12"/>
    </row>
    <row r="625808" spans="8:8">
      <c r="H625808" s="12"/>
    </row>
    <row r="625809" spans="8:8">
      <c r="H625809" s="12"/>
    </row>
    <row r="625810" spans="8:8">
      <c r="H625810" s="12"/>
    </row>
    <row r="625811" spans="8:8">
      <c r="H625811" s="12"/>
    </row>
    <row r="625812" spans="8:8">
      <c r="H625812" s="12"/>
    </row>
    <row r="625813" spans="8:8">
      <c r="H625813" s="12"/>
    </row>
    <row r="625814" spans="8:8">
      <c r="H625814" s="12"/>
    </row>
    <row r="625815" spans="8:8">
      <c r="H625815" s="12"/>
    </row>
    <row r="625816" spans="8:8">
      <c r="H625816" s="12"/>
    </row>
    <row r="625817" spans="8:8">
      <c r="H625817" s="12"/>
    </row>
    <row r="625818" spans="8:8">
      <c r="H625818" s="12"/>
    </row>
    <row r="625819" spans="8:8">
      <c r="H625819" s="12"/>
    </row>
    <row r="625820" spans="8:8">
      <c r="H625820" s="12"/>
    </row>
    <row r="625821" spans="8:8">
      <c r="H625821" s="12"/>
    </row>
    <row r="625822" spans="8:8">
      <c r="H625822" s="12"/>
    </row>
    <row r="625823" spans="8:8">
      <c r="H625823" s="12"/>
    </row>
    <row r="625824" spans="8:8">
      <c r="H625824" s="12"/>
    </row>
    <row r="625825" spans="8:8">
      <c r="H625825" s="12"/>
    </row>
    <row r="625826" spans="8:8">
      <c r="H625826" s="12"/>
    </row>
    <row r="625827" spans="8:8">
      <c r="H625827" s="12"/>
    </row>
    <row r="625828" spans="8:8">
      <c r="H625828" s="12"/>
    </row>
    <row r="625829" spans="8:8">
      <c r="H625829" s="12"/>
    </row>
    <row r="625830" spans="8:8">
      <c r="H625830" s="12"/>
    </row>
    <row r="625831" spans="8:8">
      <c r="H625831" s="12"/>
    </row>
    <row r="625832" spans="8:8">
      <c r="H625832" s="12"/>
    </row>
    <row r="625833" spans="8:8">
      <c r="H625833" s="12"/>
    </row>
    <row r="625834" spans="8:8">
      <c r="H625834" s="12"/>
    </row>
    <row r="625835" spans="8:8">
      <c r="H625835" s="12"/>
    </row>
    <row r="625836" spans="8:8">
      <c r="H625836" s="12"/>
    </row>
    <row r="625837" spans="8:8">
      <c r="H625837" s="12"/>
    </row>
    <row r="625838" spans="8:8">
      <c r="H625838" s="12"/>
    </row>
    <row r="625839" spans="8:8">
      <c r="H625839" s="12"/>
    </row>
    <row r="625840" spans="8:8">
      <c r="H625840" s="12"/>
    </row>
    <row r="625841" spans="8:8">
      <c r="H625841" s="12"/>
    </row>
    <row r="625842" spans="8:8">
      <c r="H625842" s="12"/>
    </row>
    <row r="625843" spans="8:8">
      <c r="H625843" s="12"/>
    </row>
    <row r="625844" spans="8:8">
      <c r="H625844" s="12"/>
    </row>
    <row r="625845" spans="8:8">
      <c r="H625845" s="12"/>
    </row>
    <row r="625846" spans="8:8">
      <c r="H625846" s="12"/>
    </row>
    <row r="625847" spans="8:8">
      <c r="H625847" s="12"/>
    </row>
    <row r="625848" spans="8:8">
      <c r="H625848" s="12"/>
    </row>
    <row r="625849" spans="8:8">
      <c r="H625849" s="12"/>
    </row>
    <row r="625850" spans="8:8">
      <c r="H625850" s="12"/>
    </row>
    <row r="625851" spans="8:8">
      <c r="H625851" s="12"/>
    </row>
    <row r="625852" spans="8:8">
      <c r="H625852" s="12"/>
    </row>
    <row r="625853" spans="8:8">
      <c r="H625853" s="12"/>
    </row>
    <row r="625854" spans="8:8">
      <c r="H625854" s="12"/>
    </row>
    <row r="625855" spans="8:8">
      <c r="H625855" s="12"/>
    </row>
    <row r="625856" spans="8:8">
      <c r="H625856" s="12"/>
    </row>
    <row r="625857" spans="8:8">
      <c r="H625857" s="12"/>
    </row>
    <row r="625858" spans="8:8">
      <c r="H625858" s="12"/>
    </row>
    <row r="625859" spans="8:8">
      <c r="H625859" s="12"/>
    </row>
    <row r="625860" spans="8:8">
      <c r="H625860" s="12"/>
    </row>
    <row r="625861" spans="8:8">
      <c r="H625861" s="12"/>
    </row>
    <row r="625862" spans="8:8">
      <c r="H625862" s="12"/>
    </row>
    <row r="625863" spans="8:8">
      <c r="H625863" s="12"/>
    </row>
    <row r="625864" spans="8:8">
      <c r="H625864" s="12"/>
    </row>
    <row r="625865" spans="8:8">
      <c r="H625865" s="12"/>
    </row>
    <row r="625866" spans="8:8">
      <c r="H625866" s="12"/>
    </row>
    <row r="625867" spans="8:8">
      <c r="H625867" s="12"/>
    </row>
    <row r="625868" spans="8:8">
      <c r="H625868" s="12"/>
    </row>
    <row r="625869" spans="8:8">
      <c r="H625869" s="12"/>
    </row>
    <row r="625870" spans="8:8">
      <c r="H625870" s="12"/>
    </row>
    <row r="625871" spans="8:8">
      <c r="H625871" s="12"/>
    </row>
    <row r="625872" spans="8:8">
      <c r="H625872" s="12"/>
    </row>
    <row r="625873" spans="8:8">
      <c r="H625873" s="12"/>
    </row>
    <row r="625874" spans="8:8">
      <c r="H625874" s="12"/>
    </row>
    <row r="625875" spans="8:8">
      <c r="H625875" s="12"/>
    </row>
    <row r="625876" spans="8:8">
      <c r="H625876" s="12"/>
    </row>
    <row r="625877" spans="8:8">
      <c r="H625877" s="12"/>
    </row>
    <row r="625878" spans="8:8">
      <c r="H625878" s="12"/>
    </row>
    <row r="625879" spans="8:8">
      <c r="H625879" s="12"/>
    </row>
    <row r="625880" spans="8:8">
      <c r="H625880" s="12"/>
    </row>
    <row r="625881" spans="8:8">
      <c r="H625881" s="12"/>
    </row>
    <row r="625882" spans="8:8">
      <c r="H625882" s="12"/>
    </row>
    <row r="625883" spans="8:8">
      <c r="H625883" s="12"/>
    </row>
    <row r="625884" spans="8:8">
      <c r="H625884" s="12"/>
    </row>
    <row r="625885" spans="8:8">
      <c r="H625885" s="12"/>
    </row>
    <row r="625886" spans="8:8">
      <c r="H625886" s="12"/>
    </row>
    <row r="625887" spans="8:8">
      <c r="H625887" s="12"/>
    </row>
    <row r="625888" spans="8:8">
      <c r="H625888" s="12"/>
    </row>
    <row r="625889" spans="8:8">
      <c r="H625889" s="12"/>
    </row>
    <row r="625890" spans="8:8">
      <c r="H625890" s="12"/>
    </row>
    <row r="625891" spans="8:8">
      <c r="H625891" s="12"/>
    </row>
    <row r="625892" spans="8:8">
      <c r="H625892" s="12"/>
    </row>
    <row r="625893" spans="8:8">
      <c r="H625893" s="12"/>
    </row>
    <row r="625894" spans="8:8">
      <c r="H625894" s="12"/>
    </row>
    <row r="625895" spans="8:8">
      <c r="H625895" s="12"/>
    </row>
    <row r="625896" spans="8:8">
      <c r="H625896" s="12"/>
    </row>
    <row r="625897" spans="8:8">
      <c r="H625897" s="12"/>
    </row>
    <row r="625898" spans="8:8">
      <c r="H625898" s="12"/>
    </row>
    <row r="625899" spans="8:8">
      <c r="H625899" s="12"/>
    </row>
    <row r="625900" spans="8:8">
      <c r="H625900" s="12"/>
    </row>
    <row r="625901" spans="8:8">
      <c r="H625901" s="12"/>
    </row>
    <row r="625902" spans="8:8">
      <c r="H625902" s="12"/>
    </row>
    <row r="625903" spans="8:8">
      <c r="H625903" s="12"/>
    </row>
    <row r="625904" spans="8:8">
      <c r="H625904" s="12"/>
    </row>
    <row r="625905" spans="8:8">
      <c r="H625905" s="12"/>
    </row>
    <row r="625906" spans="8:8">
      <c r="H625906" s="12"/>
    </row>
    <row r="625907" spans="8:8">
      <c r="H625907" s="12"/>
    </row>
    <row r="625908" spans="8:8">
      <c r="H625908" s="12"/>
    </row>
    <row r="625909" spans="8:8">
      <c r="H625909" s="12"/>
    </row>
    <row r="625910" spans="8:8">
      <c r="H625910" s="12"/>
    </row>
    <row r="625911" spans="8:8">
      <c r="H625911" s="12"/>
    </row>
    <row r="625912" spans="8:8">
      <c r="H625912" s="12"/>
    </row>
    <row r="625913" spans="8:8">
      <c r="H625913" s="12"/>
    </row>
    <row r="625914" spans="8:8">
      <c r="H625914" s="12"/>
    </row>
    <row r="625915" spans="8:8">
      <c r="H625915" s="12"/>
    </row>
    <row r="625916" spans="8:8">
      <c r="H625916" s="12"/>
    </row>
    <row r="625917" spans="8:8">
      <c r="H625917" s="12"/>
    </row>
    <row r="625918" spans="8:8">
      <c r="H625918" s="12"/>
    </row>
    <row r="625919" spans="8:8">
      <c r="H625919" s="12"/>
    </row>
    <row r="625920" spans="8:8">
      <c r="H625920" s="12"/>
    </row>
    <row r="625921" spans="8:8">
      <c r="H625921" s="12"/>
    </row>
    <row r="625922" spans="8:8">
      <c r="H625922" s="12"/>
    </row>
    <row r="625923" spans="8:8">
      <c r="H625923" s="12"/>
    </row>
    <row r="625924" spans="8:8">
      <c r="H625924" s="12"/>
    </row>
    <row r="625925" spans="8:8">
      <c r="H625925" s="12"/>
    </row>
    <row r="625926" spans="8:8">
      <c r="H625926" s="12"/>
    </row>
    <row r="625927" spans="8:8">
      <c r="H625927" s="12"/>
    </row>
    <row r="625928" spans="8:8">
      <c r="H625928" s="12"/>
    </row>
    <row r="625929" spans="8:8">
      <c r="H625929" s="12"/>
    </row>
    <row r="625930" spans="8:8">
      <c r="H625930" s="12"/>
    </row>
    <row r="625931" spans="8:8">
      <c r="H625931" s="12"/>
    </row>
    <row r="625932" spans="8:8">
      <c r="H625932" s="12"/>
    </row>
    <row r="625933" spans="8:8">
      <c r="H625933" s="12"/>
    </row>
    <row r="625934" spans="8:8">
      <c r="H625934" s="12"/>
    </row>
    <row r="625935" spans="8:8">
      <c r="H625935" s="12"/>
    </row>
    <row r="625936" spans="8:8">
      <c r="H625936" s="12"/>
    </row>
    <row r="625937" spans="8:8">
      <c r="H625937" s="12"/>
    </row>
    <row r="625938" spans="8:8">
      <c r="H625938" s="12"/>
    </row>
    <row r="625939" spans="8:8">
      <c r="H625939" s="12"/>
    </row>
    <row r="625940" spans="8:8">
      <c r="H625940" s="12"/>
    </row>
    <row r="625941" spans="8:8">
      <c r="H625941" s="12"/>
    </row>
    <row r="625942" spans="8:8">
      <c r="H625942" s="12"/>
    </row>
    <row r="625943" spans="8:8">
      <c r="H625943" s="12"/>
    </row>
    <row r="625944" spans="8:8">
      <c r="H625944" s="12"/>
    </row>
    <row r="625945" spans="8:8">
      <c r="H625945" s="12"/>
    </row>
    <row r="625946" spans="8:8">
      <c r="H625946" s="12"/>
    </row>
    <row r="625947" spans="8:8">
      <c r="H625947" s="12"/>
    </row>
    <row r="625948" spans="8:8">
      <c r="H625948" s="12"/>
    </row>
    <row r="625949" spans="8:8">
      <c r="H625949" s="12"/>
    </row>
    <row r="625950" spans="8:8">
      <c r="H625950" s="12"/>
    </row>
    <row r="625951" spans="8:8">
      <c r="H625951" s="12"/>
    </row>
    <row r="625952" spans="8:8">
      <c r="H625952" s="12"/>
    </row>
    <row r="625953" spans="8:8">
      <c r="H625953" s="12"/>
    </row>
    <row r="625954" spans="8:8">
      <c r="H625954" s="12"/>
    </row>
    <row r="625955" spans="8:8">
      <c r="H625955" s="12"/>
    </row>
    <row r="625956" spans="8:8">
      <c r="H625956" s="12"/>
    </row>
    <row r="625957" spans="8:8">
      <c r="H625957" s="12"/>
    </row>
    <row r="625958" spans="8:8">
      <c r="H625958" s="12"/>
    </row>
    <row r="625959" spans="8:8">
      <c r="H625959" s="12"/>
    </row>
    <row r="625960" spans="8:8">
      <c r="H625960" s="12"/>
    </row>
    <row r="625961" spans="8:8">
      <c r="H625961" s="12"/>
    </row>
    <row r="625962" spans="8:8">
      <c r="H625962" s="12"/>
    </row>
    <row r="625963" spans="8:8">
      <c r="H625963" s="12"/>
    </row>
    <row r="625964" spans="8:8">
      <c r="H625964" s="12"/>
    </row>
    <row r="625965" spans="8:8">
      <c r="H625965" s="12"/>
    </row>
    <row r="625966" spans="8:8">
      <c r="H625966" s="12"/>
    </row>
    <row r="625967" spans="8:8">
      <c r="H625967" s="12"/>
    </row>
    <row r="625968" spans="8:8">
      <c r="H625968" s="12"/>
    </row>
    <row r="625969" spans="8:8">
      <c r="H625969" s="12"/>
    </row>
    <row r="625970" spans="8:8">
      <c r="H625970" s="12"/>
    </row>
    <row r="625971" spans="8:8">
      <c r="H625971" s="12"/>
    </row>
    <row r="625972" spans="8:8">
      <c r="H625972" s="12"/>
    </row>
    <row r="625973" spans="8:8">
      <c r="H625973" s="12"/>
    </row>
    <row r="625974" spans="8:8">
      <c r="H625974" s="12"/>
    </row>
    <row r="625975" spans="8:8">
      <c r="H625975" s="12"/>
    </row>
    <row r="625976" spans="8:8">
      <c r="H625976" s="12"/>
    </row>
    <row r="625977" spans="8:8">
      <c r="H625977" s="12"/>
    </row>
    <row r="625978" spans="8:8">
      <c r="H625978" s="12"/>
    </row>
    <row r="625979" spans="8:8">
      <c r="H625979" s="12"/>
    </row>
    <row r="625980" spans="8:8">
      <c r="H625980" s="12"/>
    </row>
    <row r="625981" spans="8:8">
      <c r="H625981" s="12"/>
    </row>
    <row r="625982" spans="8:8">
      <c r="H625982" s="12"/>
    </row>
    <row r="625983" spans="8:8">
      <c r="H625983" s="12"/>
    </row>
    <row r="625984" spans="8:8">
      <c r="H625984" s="12"/>
    </row>
    <row r="625985" spans="8:8">
      <c r="H625985" s="12"/>
    </row>
    <row r="625986" spans="8:8">
      <c r="H625986" s="12"/>
    </row>
    <row r="625987" spans="8:8">
      <c r="H625987" s="12"/>
    </row>
    <row r="625988" spans="8:8">
      <c r="H625988" s="12"/>
    </row>
    <row r="625989" spans="8:8">
      <c r="H625989" s="12"/>
    </row>
    <row r="625990" spans="8:8">
      <c r="H625990" s="12"/>
    </row>
    <row r="625991" spans="8:8">
      <c r="H625991" s="12"/>
    </row>
    <row r="625992" spans="8:8">
      <c r="H625992" s="12"/>
    </row>
    <row r="625993" spans="8:8">
      <c r="H625993" s="12"/>
    </row>
    <row r="625994" spans="8:8">
      <c r="H625994" s="12"/>
    </row>
    <row r="625995" spans="8:8">
      <c r="H625995" s="12"/>
    </row>
    <row r="625996" spans="8:8">
      <c r="H625996" s="12"/>
    </row>
    <row r="625997" spans="8:8">
      <c r="H625997" s="12"/>
    </row>
    <row r="625998" spans="8:8">
      <c r="H625998" s="12"/>
    </row>
    <row r="625999" spans="8:8">
      <c r="H625999" s="12"/>
    </row>
    <row r="626000" spans="8:8">
      <c r="H626000" s="12"/>
    </row>
    <row r="626001" spans="8:8">
      <c r="H626001" s="12"/>
    </row>
    <row r="626002" spans="8:8">
      <c r="H626002" s="12"/>
    </row>
    <row r="626003" spans="8:8">
      <c r="H626003" s="12"/>
    </row>
    <row r="626004" spans="8:8">
      <c r="H626004" s="12"/>
    </row>
    <row r="626005" spans="8:8">
      <c r="H626005" s="12"/>
    </row>
    <row r="626006" spans="8:8">
      <c r="H626006" s="12"/>
    </row>
    <row r="626007" spans="8:8">
      <c r="H626007" s="12"/>
    </row>
    <row r="626008" spans="8:8">
      <c r="H626008" s="12"/>
    </row>
    <row r="626009" spans="8:8">
      <c r="H626009" s="12"/>
    </row>
    <row r="626010" spans="8:8">
      <c r="H626010" s="12"/>
    </row>
    <row r="626011" spans="8:8">
      <c r="H626011" s="12"/>
    </row>
    <row r="626012" spans="8:8">
      <c r="H626012" s="12"/>
    </row>
    <row r="626013" spans="8:8">
      <c r="H626013" s="12"/>
    </row>
    <row r="626014" spans="8:8">
      <c r="H626014" s="12"/>
    </row>
    <row r="626015" spans="8:8">
      <c r="H626015" s="12"/>
    </row>
    <row r="626016" spans="8:8">
      <c r="H626016" s="12"/>
    </row>
    <row r="626017" spans="8:8">
      <c r="H626017" s="12"/>
    </row>
    <row r="626018" spans="8:8">
      <c r="H626018" s="12"/>
    </row>
    <row r="626019" spans="8:8">
      <c r="H626019" s="12"/>
    </row>
    <row r="626020" spans="8:8">
      <c r="H626020" s="12"/>
    </row>
    <row r="626021" spans="8:8">
      <c r="H626021" s="12"/>
    </row>
    <row r="626022" spans="8:8">
      <c r="H626022" s="12"/>
    </row>
    <row r="626023" spans="8:8">
      <c r="H626023" s="12"/>
    </row>
    <row r="626024" spans="8:8">
      <c r="H626024" s="12"/>
    </row>
    <row r="626025" spans="8:8">
      <c r="H626025" s="12"/>
    </row>
    <row r="626026" spans="8:8">
      <c r="H626026" s="12"/>
    </row>
    <row r="626027" spans="8:8">
      <c r="H626027" s="12"/>
    </row>
    <row r="626028" spans="8:8">
      <c r="H626028" s="12"/>
    </row>
    <row r="626029" spans="8:8">
      <c r="H626029" s="12"/>
    </row>
    <row r="626030" spans="8:8">
      <c r="H626030" s="12"/>
    </row>
    <row r="626031" spans="8:8">
      <c r="H626031" s="12"/>
    </row>
    <row r="626032" spans="8:8">
      <c r="H626032" s="12"/>
    </row>
    <row r="626033" spans="8:8">
      <c r="H626033" s="12"/>
    </row>
    <row r="626034" spans="8:8">
      <c r="H626034" s="12"/>
    </row>
    <row r="626035" spans="8:8">
      <c r="H626035" s="12"/>
    </row>
    <row r="626036" spans="8:8">
      <c r="H626036" s="12"/>
    </row>
    <row r="626037" spans="8:8">
      <c r="H626037" s="12"/>
    </row>
    <row r="626038" spans="8:8">
      <c r="H626038" s="12"/>
    </row>
    <row r="626039" spans="8:8">
      <c r="H626039" s="12"/>
    </row>
    <row r="626040" spans="8:8">
      <c r="H626040" s="12"/>
    </row>
    <row r="626041" spans="8:8">
      <c r="H626041" s="12"/>
    </row>
    <row r="626042" spans="8:8">
      <c r="H626042" s="12"/>
    </row>
    <row r="626043" spans="8:8">
      <c r="H626043" s="12"/>
    </row>
    <row r="626044" spans="8:8">
      <c r="H626044" s="12"/>
    </row>
    <row r="626045" spans="8:8">
      <c r="H626045" s="12"/>
    </row>
    <row r="626046" spans="8:8">
      <c r="H626046" s="12"/>
    </row>
    <row r="626047" spans="8:8">
      <c r="H626047" s="12"/>
    </row>
    <row r="626048" spans="8:8">
      <c r="H626048" s="12"/>
    </row>
    <row r="626049" spans="8:8">
      <c r="H626049" s="12"/>
    </row>
    <row r="626050" spans="8:8">
      <c r="H626050" s="12"/>
    </row>
    <row r="626051" spans="8:8">
      <c r="H626051" s="12"/>
    </row>
    <row r="626052" spans="8:8">
      <c r="H626052" s="12"/>
    </row>
    <row r="626053" spans="8:8">
      <c r="H626053" s="12"/>
    </row>
    <row r="626054" spans="8:8">
      <c r="H626054" s="12"/>
    </row>
    <row r="626055" spans="8:8">
      <c r="H626055" s="12"/>
    </row>
    <row r="626056" spans="8:8">
      <c r="H626056" s="12"/>
    </row>
    <row r="626057" spans="8:8">
      <c r="H626057" s="12"/>
    </row>
    <row r="626058" spans="8:8">
      <c r="H626058" s="12"/>
    </row>
    <row r="626059" spans="8:8">
      <c r="H626059" s="12"/>
    </row>
    <row r="626060" spans="8:8">
      <c r="H626060" s="12"/>
    </row>
    <row r="626061" spans="8:8">
      <c r="H626061" s="12"/>
    </row>
    <row r="626062" spans="8:8">
      <c r="H626062" s="12"/>
    </row>
    <row r="626063" spans="8:8">
      <c r="H626063" s="12"/>
    </row>
    <row r="626064" spans="8:8">
      <c r="H626064" s="12"/>
    </row>
    <row r="626065" spans="8:8">
      <c r="H626065" s="12"/>
    </row>
    <row r="626066" spans="8:8">
      <c r="H626066" s="12"/>
    </row>
    <row r="626067" spans="8:8">
      <c r="H626067" s="12"/>
    </row>
    <row r="626068" spans="8:8">
      <c r="H626068" s="12"/>
    </row>
    <row r="626069" spans="8:8">
      <c r="H626069" s="12"/>
    </row>
    <row r="626070" spans="8:8">
      <c r="H626070" s="12"/>
    </row>
    <row r="626071" spans="8:8">
      <c r="H626071" s="12"/>
    </row>
    <row r="626072" spans="8:8">
      <c r="H626072" s="12"/>
    </row>
    <row r="626073" spans="8:8">
      <c r="H626073" s="12"/>
    </row>
    <row r="626074" spans="8:8">
      <c r="H626074" s="12"/>
    </row>
    <row r="626075" spans="8:8">
      <c r="H626075" s="12"/>
    </row>
    <row r="626076" spans="8:8">
      <c r="H626076" s="12"/>
    </row>
    <row r="626077" spans="8:8">
      <c r="H626077" s="12"/>
    </row>
    <row r="626078" spans="8:8">
      <c r="H626078" s="12"/>
    </row>
    <row r="626079" spans="8:8">
      <c r="H626079" s="12"/>
    </row>
    <row r="626080" spans="8:8">
      <c r="H626080" s="12"/>
    </row>
    <row r="626081" spans="8:8">
      <c r="H626081" s="12"/>
    </row>
    <row r="626082" spans="8:8">
      <c r="H626082" s="12"/>
    </row>
    <row r="626083" spans="8:8">
      <c r="H626083" s="12"/>
    </row>
    <row r="626084" spans="8:8">
      <c r="H626084" s="12"/>
    </row>
    <row r="626085" spans="8:8">
      <c r="H626085" s="12"/>
    </row>
    <row r="626086" spans="8:8">
      <c r="H626086" s="12"/>
    </row>
    <row r="626087" spans="8:8">
      <c r="H626087" s="12"/>
    </row>
    <row r="626088" spans="8:8">
      <c r="H626088" s="12"/>
    </row>
    <row r="626089" spans="8:8">
      <c r="H626089" s="12"/>
    </row>
    <row r="626090" spans="8:8">
      <c r="H626090" s="12"/>
    </row>
    <row r="626091" spans="8:8">
      <c r="H626091" s="12"/>
    </row>
    <row r="626092" spans="8:8">
      <c r="H626092" s="12"/>
    </row>
    <row r="626093" spans="8:8">
      <c r="H626093" s="12"/>
    </row>
    <row r="626094" spans="8:8">
      <c r="H626094" s="12"/>
    </row>
    <row r="626095" spans="8:8">
      <c r="H626095" s="12"/>
    </row>
    <row r="626096" spans="8:8">
      <c r="H626096" s="12"/>
    </row>
    <row r="626097" spans="8:8">
      <c r="H626097" s="12"/>
    </row>
    <row r="626098" spans="8:8">
      <c r="H626098" s="12"/>
    </row>
    <row r="626099" spans="8:8">
      <c r="H626099" s="12"/>
    </row>
    <row r="626100" spans="8:8">
      <c r="H626100" s="12"/>
    </row>
    <row r="626101" spans="8:8">
      <c r="H626101" s="12"/>
    </row>
    <row r="626102" spans="8:8">
      <c r="H626102" s="12"/>
    </row>
    <row r="626103" spans="8:8">
      <c r="H626103" s="12"/>
    </row>
    <row r="626104" spans="8:8">
      <c r="H626104" s="12"/>
    </row>
    <row r="626105" spans="8:8">
      <c r="H626105" s="12"/>
    </row>
    <row r="626106" spans="8:8">
      <c r="H626106" s="12"/>
    </row>
    <row r="626107" spans="8:8">
      <c r="H626107" s="12"/>
    </row>
    <row r="626108" spans="8:8">
      <c r="H626108" s="12"/>
    </row>
    <row r="626109" spans="8:8">
      <c r="H626109" s="12"/>
    </row>
    <row r="626110" spans="8:8">
      <c r="H626110" s="12"/>
    </row>
    <row r="626111" spans="8:8">
      <c r="H626111" s="12"/>
    </row>
    <row r="626112" spans="8:8">
      <c r="H626112" s="12"/>
    </row>
    <row r="626113" spans="8:8">
      <c r="H626113" s="12"/>
    </row>
    <row r="626114" spans="8:8">
      <c r="H626114" s="12"/>
    </row>
    <row r="626115" spans="8:8">
      <c r="H626115" s="12"/>
    </row>
    <row r="626116" spans="8:8">
      <c r="H626116" s="12"/>
    </row>
    <row r="626117" spans="8:8">
      <c r="H626117" s="12"/>
    </row>
    <row r="626118" spans="8:8">
      <c r="H626118" s="12"/>
    </row>
    <row r="626119" spans="8:8">
      <c r="H626119" s="12"/>
    </row>
    <row r="626120" spans="8:8">
      <c r="H626120" s="12"/>
    </row>
    <row r="626121" spans="8:8">
      <c r="H626121" s="12"/>
    </row>
    <row r="626122" spans="8:8">
      <c r="H626122" s="12"/>
    </row>
    <row r="626123" spans="8:8">
      <c r="H626123" s="12"/>
    </row>
    <row r="626124" spans="8:8">
      <c r="H626124" s="12"/>
    </row>
    <row r="626125" spans="8:8">
      <c r="H626125" s="12"/>
    </row>
    <row r="626126" spans="8:8">
      <c r="H626126" s="12"/>
    </row>
    <row r="626127" spans="8:8">
      <c r="H626127" s="12"/>
    </row>
    <row r="626128" spans="8:8">
      <c r="H626128" s="12"/>
    </row>
    <row r="626129" spans="8:8">
      <c r="H626129" s="12"/>
    </row>
    <row r="626130" spans="8:8">
      <c r="H626130" s="12"/>
    </row>
    <row r="626131" spans="8:8">
      <c r="H626131" s="12"/>
    </row>
    <row r="626132" spans="8:8">
      <c r="H626132" s="12"/>
    </row>
    <row r="626133" spans="8:8">
      <c r="H626133" s="12"/>
    </row>
    <row r="626134" spans="8:8">
      <c r="H626134" s="12"/>
    </row>
    <row r="626135" spans="8:8">
      <c r="H626135" s="12"/>
    </row>
    <row r="626136" spans="8:8">
      <c r="H626136" s="12"/>
    </row>
    <row r="626137" spans="8:8">
      <c r="H626137" s="12"/>
    </row>
    <row r="626138" spans="8:8">
      <c r="H626138" s="12"/>
    </row>
    <row r="626139" spans="8:8">
      <c r="H626139" s="12"/>
    </row>
    <row r="626140" spans="8:8">
      <c r="H626140" s="12"/>
    </row>
    <row r="626141" spans="8:8">
      <c r="H626141" s="12"/>
    </row>
    <row r="626142" spans="8:8">
      <c r="H626142" s="12"/>
    </row>
    <row r="626143" spans="8:8">
      <c r="H626143" s="12"/>
    </row>
    <row r="626144" spans="8:8">
      <c r="H626144" s="12"/>
    </row>
    <row r="626145" spans="8:8">
      <c r="H626145" s="12"/>
    </row>
    <row r="626146" spans="8:8">
      <c r="H626146" s="12"/>
    </row>
    <row r="626147" spans="8:8">
      <c r="H626147" s="12"/>
    </row>
    <row r="626148" spans="8:8">
      <c r="H626148" s="12"/>
    </row>
    <row r="626149" spans="8:8">
      <c r="H626149" s="12"/>
    </row>
    <row r="626150" spans="8:8">
      <c r="H626150" s="12"/>
    </row>
    <row r="626151" spans="8:8">
      <c r="H626151" s="12"/>
    </row>
    <row r="626152" spans="8:8">
      <c r="H626152" s="12"/>
    </row>
    <row r="626153" spans="8:8">
      <c r="H626153" s="12"/>
    </row>
    <row r="626154" spans="8:8">
      <c r="H626154" s="12"/>
    </row>
    <row r="626155" spans="8:8">
      <c r="H626155" s="12"/>
    </row>
    <row r="626156" spans="8:8">
      <c r="H626156" s="12"/>
    </row>
    <row r="626157" spans="8:8">
      <c r="H626157" s="12"/>
    </row>
    <row r="626158" spans="8:8">
      <c r="H626158" s="12"/>
    </row>
    <row r="626159" spans="8:8">
      <c r="H626159" s="12"/>
    </row>
    <row r="626160" spans="8:8">
      <c r="H626160" s="12"/>
    </row>
    <row r="626161" spans="8:8">
      <c r="H626161" s="12"/>
    </row>
    <row r="626162" spans="8:8">
      <c r="H626162" s="12"/>
    </row>
    <row r="626163" spans="8:8">
      <c r="H626163" s="12"/>
    </row>
    <row r="626164" spans="8:8">
      <c r="H626164" s="12"/>
    </row>
    <row r="626165" spans="8:8">
      <c r="H626165" s="12"/>
    </row>
    <row r="626166" spans="8:8">
      <c r="H626166" s="12"/>
    </row>
    <row r="626167" spans="8:8">
      <c r="H626167" s="12"/>
    </row>
    <row r="626168" spans="8:8">
      <c r="H626168" s="12"/>
    </row>
    <row r="626169" spans="8:8">
      <c r="H626169" s="12"/>
    </row>
    <row r="626170" spans="8:8">
      <c r="H626170" s="12"/>
    </row>
    <row r="626171" spans="8:8">
      <c r="H626171" s="12"/>
    </row>
    <row r="626172" spans="8:8">
      <c r="H626172" s="12"/>
    </row>
    <row r="626173" spans="8:8">
      <c r="H626173" s="12"/>
    </row>
    <row r="626174" spans="8:8">
      <c r="H626174" s="12"/>
    </row>
    <row r="626175" spans="8:8">
      <c r="H626175" s="12"/>
    </row>
    <row r="626176" spans="8:8">
      <c r="H626176" s="12"/>
    </row>
    <row r="626177" spans="8:8">
      <c r="H626177" s="12"/>
    </row>
    <row r="626178" spans="8:8">
      <c r="H626178" s="12"/>
    </row>
    <row r="626179" spans="8:8">
      <c r="H626179" s="12"/>
    </row>
    <row r="626180" spans="8:8">
      <c r="H626180" s="12"/>
    </row>
    <row r="626181" spans="8:8">
      <c r="H626181" s="12"/>
    </row>
    <row r="626182" spans="8:8">
      <c r="H626182" s="12"/>
    </row>
    <row r="626183" spans="8:8">
      <c r="H626183" s="12"/>
    </row>
    <row r="626184" spans="8:8">
      <c r="H626184" s="12"/>
    </row>
    <row r="626185" spans="8:8">
      <c r="H626185" s="12"/>
    </row>
    <row r="626186" spans="8:8">
      <c r="H626186" s="12"/>
    </row>
    <row r="626187" spans="8:8">
      <c r="H626187" s="12"/>
    </row>
    <row r="626188" spans="8:8">
      <c r="H626188" s="12"/>
    </row>
    <row r="626189" spans="8:8">
      <c r="H626189" s="12"/>
    </row>
    <row r="626190" spans="8:8">
      <c r="H626190" s="12"/>
    </row>
    <row r="626191" spans="8:8">
      <c r="H626191" s="12"/>
    </row>
    <row r="626192" spans="8:8">
      <c r="H626192" s="12"/>
    </row>
    <row r="626193" spans="8:8">
      <c r="H626193" s="12"/>
    </row>
    <row r="626194" spans="8:8">
      <c r="H626194" s="12"/>
    </row>
    <row r="626195" spans="8:8">
      <c r="H626195" s="12"/>
    </row>
    <row r="626196" spans="8:8">
      <c r="H626196" s="12"/>
    </row>
    <row r="626197" spans="8:8">
      <c r="H626197" s="12"/>
    </row>
    <row r="626198" spans="8:8">
      <c r="H626198" s="12"/>
    </row>
    <row r="626199" spans="8:8">
      <c r="H626199" s="12"/>
    </row>
    <row r="626200" spans="8:8">
      <c r="H626200" s="12"/>
    </row>
    <row r="626201" spans="8:8">
      <c r="H626201" s="12"/>
    </row>
    <row r="626202" spans="8:8">
      <c r="H626202" s="12"/>
    </row>
    <row r="626203" spans="8:8">
      <c r="H626203" s="12"/>
    </row>
    <row r="626204" spans="8:8">
      <c r="H626204" s="12"/>
    </row>
    <row r="626205" spans="8:8">
      <c r="H626205" s="12"/>
    </row>
    <row r="626206" spans="8:8">
      <c r="H626206" s="12"/>
    </row>
    <row r="626207" spans="8:8">
      <c r="H626207" s="12"/>
    </row>
    <row r="626208" spans="8:8">
      <c r="H626208" s="12"/>
    </row>
    <row r="626209" spans="8:8">
      <c r="H626209" s="12"/>
    </row>
    <row r="626210" spans="8:8">
      <c r="H626210" s="12"/>
    </row>
    <row r="626211" spans="8:8">
      <c r="H626211" s="12"/>
    </row>
    <row r="626212" spans="8:8">
      <c r="H626212" s="12"/>
    </row>
    <row r="626213" spans="8:8">
      <c r="H626213" s="12"/>
    </row>
    <row r="626214" spans="8:8">
      <c r="H626214" s="12"/>
    </row>
    <row r="626215" spans="8:8">
      <c r="H626215" s="12"/>
    </row>
    <row r="626216" spans="8:8">
      <c r="H626216" s="12"/>
    </row>
    <row r="626217" spans="8:8">
      <c r="H626217" s="12"/>
    </row>
    <row r="626218" spans="8:8">
      <c r="H626218" s="12"/>
    </row>
    <row r="626219" spans="8:8">
      <c r="H626219" s="12"/>
    </row>
    <row r="626220" spans="8:8">
      <c r="H626220" s="12"/>
    </row>
    <row r="626221" spans="8:8">
      <c r="H626221" s="12"/>
    </row>
    <row r="626222" spans="8:8">
      <c r="H626222" s="12"/>
    </row>
    <row r="626223" spans="8:8">
      <c r="H626223" s="12"/>
    </row>
    <row r="626224" spans="8:8">
      <c r="H626224" s="12"/>
    </row>
    <row r="626225" spans="8:8">
      <c r="H626225" s="12"/>
    </row>
    <row r="626226" spans="8:8">
      <c r="H626226" s="12"/>
    </row>
    <row r="626227" spans="8:8">
      <c r="H626227" s="12"/>
    </row>
    <row r="626228" spans="8:8">
      <c r="H626228" s="12"/>
    </row>
    <row r="626229" spans="8:8">
      <c r="H626229" s="12"/>
    </row>
    <row r="626230" spans="8:8">
      <c r="H626230" s="12"/>
    </row>
    <row r="626231" spans="8:8">
      <c r="H626231" s="12"/>
    </row>
    <row r="626232" spans="8:8">
      <c r="H626232" s="12"/>
    </row>
    <row r="626233" spans="8:8">
      <c r="H626233" s="12"/>
    </row>
    <row r="626234" spans="8:8">
      <c r="H626234" s="12"/>
    </row>
    <row r="626235" spans="8:8">
      <c r="H626235" s="12"/>
    </row>
    <row r="626236" spans="8:8">
      <c r="H626236" s="12"/>
    </row>
    <row r="626237" spans="8:8">
      <c r="H626237" s="12"/>
    </row>
    <row r="626238" spans="8:8">
      <c r="H626238" s="12"/>
    </row>
    <row r="626239" spans="8:8">
      <c r="H626239" s="12"/>
    </row>
    <row r="626240" spans="8:8">
      <c r="H626240" s="12"/>
    </row>
    <row r="626241" spans="8:8">
      <c r="H626241" s="12"/>
    </row>
    <row r="626242" spans="8:8">
      <c r="H626242" s="12"/>
    </row>
    <row r="626243" spans="8:8">
      <c r="H626243" s="12"/>
    </row>
    <row r="626244" spans="8:8">
      <c r="H626244" s="12"/>
    </row>
    <row r="626245" spans="8:8">
      <c r="H626245" s="12"/>
    </row>
    <row r="626246" spans="8:8">
      <c r="H626246" s="12"/>
    </row>
    <row r="626247" spans="8:8">
      <c r="H626247" s="12"/>
    </row>
    <row r="626248" spans="8:8">
      <c r="H626248" s="12"/>
    </row>
    <row r="626249" spans="8:8">
      <c r="H626249" s="12"/>
    </row>
    <row r="626250" spans="8:8">
      <c r="H626250" s="12"/>
    </row>
    <row r="626251" spans="8:8">
      <c r="H626251" s="12"/>
    </row>
    <row r="626252" spans="8:8">
      <c r="H626252" s="12"/>
    </row>
    <row r="626253" spans="8:8">
      <c r="H626253" s="12"/>
    </row>
    <row r="626254" spans="8:8">
      <c r="H626254" s="12"/>
    </row>
    <row r="626255" spans="8:8">
      <c r="H626255" s="12"/>
    </row>
    <row r="626256" spans="8:8">
      <c r="H626256" s="12"/>
    </row>
    <row r="626257" spans="8:8">
      <c r="H626257" s="12"/>
    </row>
    <row r="626258" spans="8:8">
      <c r="H626258" s="12"/>
    </row>
    <row r="626259" spans="8:8">
      <c r="H626259" s="12"/>
    </row>
    <row r="626260" spans="8:8">
      <c r="H626260" s="12"/>
    </row>
    <row r="626261" spans="8:8">
      <c r="H626261" s="12"/>
    </row>
    <row r="626262" spans="8:8">
      <c r="H626262" s="12"/>
    </row>
    <row r="626263" spans="8:8">
      <c r="H626263" s="12"/>
    </row>
    <row r="626264" spans="8:8">
      <c r="H626264" s="12"/>
    </row>
    <row r="626265" spans="8:8">
      <c r="H626265" s="12"/>
    </row>
    <row r="626266" spans="8:8">
      <c r="H626266" s="12"/>
    </row>
    <row r="626267" spans="8:8">
      <c r="H626267" s="12"/>
    </row>
    <row r="626268" spans="8:8">
      <c r="H626268" s="12"/>
    </row>
    <row r="626269" spans="8:8">
      <c r="H626269" s="12"/>
    </row>
    <row r="626270" spans="8:8">
      <c r="H626270" s="12"/>
    </row>
    <row r="626271" spans="8:8">
      <c r="H626271" s="12"/>
    </row>
    <row r="626272" spans="8:8">
      <c r="H626272" s="12"/>
    </row>
    <row r="626273" spans="8:8">
      <c r="H626273" s="12"/>
    </row>
    <row r="626274" spans="8:8">
      <c r="H626274" s="12"/>
    </row>
    <row r="626275" spans="8:8">
      <c r="H626275" s="12"/>
    </row>
    <row r="626276" spans="8:8">
      <c r="H626276" s="12"/>
    </row>
    <row r="626277" spans="8:8">
      <c r="H626277" s="12"/>
    </row>
    <row r="626278" spans="8:8">
      <c r="H626278" s="12"/>
    </row>
    <row r="626279" spans="8:8">
      <c r="H626279" s="12"/>
    </row>
    <row r="626280" spans="8:8">
      <c r="H626280" s="12"/>
    </row>
    <row r="626281" spans="8:8">
      <c r="H626281" s="12"/>
    </row>
    <row r="626282" spans="8:8">
      <c r="H626282" s="12"/>
    </row>
    <row r="626283" spans="8:8">
      <c r="H626283" s="12"/>
    </row>
    <row r="626284" spans="8:8">
      <c r="H626284" s="12"/>
    </row>
    <row r="626285" spans="8:8">
      <c r="H626285" s="12"/>
    </row>
    <row r="626286" spans="8:8">
      <c r="H626286" s="12"/>
    </row>
    <row r="626287" spans="8:8">
      <c r="H626287" s="12"/>
    </row>
    <row r="626288" spans="8:8">
      <c r="H626288" s="12"/>
    </row>
    <row r="626289" spans="8:8">
      <c r="H626289" s="12"/>
    </row>
    <row r="626290" spans="8:8">
      <c r="H626290" s="12"/>
    </row>
    <row r="626291" spans="8:8">
      <c r="H626291" s="12"/>
    </row>
    <row r="626292" spans="8:8">
      <c r="H626292" s="12"/>
    </row>
    <row r="626293" spans="8:8">
      <c r="H626293" s="12"/>
    </row>
    <row r="626294" spans="8:8">
      <c r="H626294" s="12"/>
    </row>
    <row r="626295" spans="8:8">
      <c r="H626295" s="12"/>
    </row>
    <row r="626296" spans="8:8">
      <c r="H626296" s="12"/>
    </row>
    <row r="626297" spans="8:8">
      <c r="H626297" s="12"/>
    </row>
    <row r="626298" spans="8:8">
      <c r="H626298" s="12"/>
    </row>
    <row r="626299" spans="8:8">
      <c r="H626299" s="12"/>
    </row>
    <row r="626300" spans="8:8">
      <c r="H626300" s="12"/>
    </row>
    <row r="626301" spans="8:8">
      <c r="H626301" s="12"/>
    </row>
    <row r="626302" spans="8:8">
      <c r="H626302" s="12"/>
    </row>
    <row r="626303" spans="8:8">
      <c r="H626303" s="12"/>
    </row>
    <row r="626304" spans="8:8">
      <c r="H626304" s="12"/>
    </row>
    <row r="626305" spans="8:8">
      <c r="H626305" s="12"/>
    </row>
    <row r="626306" spans="8:8">
      <c r="H626306" s="12"/>
    </row>
    <row r="626307" spans="8:8">
      <c r="H626307" s="12"/>
    </row>
    <row r="626308" spans="8:8">
      <c r="H626308" s="12"/>
    </row>
    <row r="626309" spans="8:8">
      <c r="H626309" s="12"/>
    </row>
    <row r="626310" spans="8:8">
      <c r="H626310" s="12"/>
    </row>
    <row r="626311" spans="8:8">
      <c r="H626311" s="12"/>
    </row>
    <row r="626312" spans="8:8">
      <c r="H626312" s="12"/>
    </row>
    <row r="626313" spans="8:8">
      <c r="H626313" s="12"/>
    </row>
    <row r="626314" spans="8:8">
      <c r="H626314" s="12"/>
    </row>
    <row r="626315" spans="8:8">
      <c r="H626315" s="12"/>
    </row>
    <row r="626316" spans="8:8">
      <c r="H626316" s="12"/>
    </row>
    <row r="626317" spans="8:8">
      <c r="H626317" s="12"/>
    </row>
    <row r="626318" spans="8:8">
      <c r="H626318" s="12"/>
    </row>
    <row r="626319" spans="8:8">
      <c r="H626319" s="12"/>
    </row>
    <row r="626320" spans="8:8">
      <c r="H626320" s="12"/>
    </row>
    <row r="626321" spans="8:8">
      <c r="H626321" s="12"/>
    </row>
    <row r="626322" spans="8:8">
      <c r="H626322" s="12"/>
    </row>
    <row r="626323" spans="8:8">
      <c r="H626323" s="12"/>
    </row>
    <row r="626324" spans="8:8">
      <c r="H626324" s="12"/>
    </row>
    <row r="626325" spans="8:8">
      <c r="H626325" s="12"/>
    </row>
    <row r="626326" spans="8:8">
      <c r="H626326" s="12"/>
    </row>
    <row r="626327" spans="8:8">
      <c r="H626327" s="12"/>
    </row>
    <row r="626328" spans="8:8">
      <c r="H626328" s="12"/>
    </row>
    <row r="626329" spans="8:8">
      <c r="H626329" s="12"/>
    </row>
    <row r="626330" spans="8:8">
      <c r="H626330" s="12"/>
    </row>
    <row r="626331" spans="8:8">
      <c r="H626331" s="12"/>
    </row>
    <row r="626332" spans="8:8">
      <c r="H626332" s="12"/>
    </row>
    <row r="626333" spans="8:8">
      <c r="H626333" s="12"/>
    </row>
    <row r="626334" spans="8:8">
      <c r="H626334" s="12"/>
    </row>
    <row r="626335" spans="8:8">
      <c r="H626335" s="12"/>
    </row>
    <row r="626336" spans="8:8">
      <c r="H626336" s="12"/>
    </row>
    <row r="626337" spans="8:8">
      <c r="H626337" s="12"/>
    </row>
    <row r="626338" spans="8:8">
      <c r="H626338" s="12"/>
    </row>
    <row r="626339" spans="8:8">
      <c r="H626339" s="12"/>
    </row>
    <row r="626340" spans="8:8">
      <c r="H626340" s="12"/>
    </row>
    <row r="626341" spans="8:8">
      <c r="H626341" s="12"/>
    </row>
    <row r="626342" spans="8:8">
      <c r="H626342" s="12"/>
    </row>
    <row r="626343" spans="8:8">
      <c r="H626343" s="12"/>
    </row>
    <row r="626344" spans="8:8">
      <c r="H626344" s="12"/>
    </row>
    <row r="626345" spans="8:8">
      <c r="H626345" s="12"/>
    </row>
    <row r="626346" spans="8:8">
      <c r="H626346" s="12"/>
    </row>
    <row r="626347" spans="8:8">
      <c r="H626347" s="12"/>
    </row>
    <row r="626348" spans="8:8">
      <c r="H626348" s="12"/>
    </row>
    <row r="626349" spans="8:8">
      <c r="H626349" s="12"/>
    </row>
    <row r="626350" spans="8:8">
      <c r="H626350" s="12"/>
    </row>
    <row r="626351" spans="8:8">
      <c r="H626351" s="12"/>
    </row>
    <row r="626352" spans="8:8">
      <c r="H626352" s="12"/>
    </row>
    <row r="626353" spans="8:8">
      <c r="H626353" s="12"/>
    </row>
    <row r="626354" spans="8:8">
      <c r="H626354" s="12"/>
    </row>
    <row r="626355" spans="8:8">
      <c r="H626355" s="12"/>
    </row>
    <row r="626356" spans="8:8">
      <c r="H626356" s="12"/>
    </row>
    <row r="626357" spans="8:8">
      <c r="H626357" s="12"/>
    </row>
    <row r="626358" spans="8:8">
      <c r="H626358" s="12"/>
    </row>
    <row r="626359" spans="8:8">
      <c r="H626359" s="12"/>
    </row>
    <row r="626360" spans="8:8">
      <c r="H626360" s="12"/>
    </row>
    <row r="626361" spans="8:8">
      <c r="H626361" s="12"/>
    </row>
    <row r="626362" spans="8:8">
      <c r="H626362" s="12"/>
    </row>
    <row r="626363" spans="8:8">
      <c r="H626363" s="12"/>
    </row>
    <row r="626364" spans="8:8">
      <c r="H626364" s="12"/>
    </row>
    <row r="626365" spans="8:8">
      <c r="H626365" s="12"/>
    </row>
    <row r="626366" spans="8:8">
      <c r="H626366" s="12"/>
    </row>
    <row r="626367" spans="8:8">
      <c r="H626367" s="12"/>
    </row>
    <row r="626368" spans="8:8">
      <c r="H626368" s="12"/>
    </row>
    <row r="626369" spans="8:8">
      <c r="H626369" s="12"/>
    </row>
    <row r="626370" spans="8:8">
      <c r="H626370" s="12"/>
    </row>
    <row r="626371" spans="8:8">
      <c r="H626371" s="12"/>
    </row>
    <row r="626372" spans="8:8">
      <c r="H626372" s="12"/>
    </row>
    <row r="626373" spans="8:8">
      <c r="H626373" s="12"/>
    </row>
    <row r="626374" spans="8:8">
      <c r="H626374" s="12"/>
    </row>
    <row r="626375" spans="8:8">
      <c r="H626375" s="12"/>
    </row>
    <row r="626376" spans="8:8">
      <c r="H626376" s="12"/>
    </row>
    <row r="626377" spans="8:8">
      <c r="H626377" s="12"/>
    </row>
    <row r="626378" spans="8:8">
      <c r="H626378" s="12"/>
    </row>
    <row r="626379" spans="8:8">
      <c r="H626379" s="12"/>
    </row>
    <row r="626380" spans="8:8">
      <c r="H626380" s="12"/>
    </row>
    <row r="626381" spans="8:8">
      <c r="H626381" s="12"/>
    </row>
    <row r="626382" spans="8:8">
      <c r="H626382" s="12"/>
    </row>
    <row r="626383" spans="8:8">
      <c r="H626383" s="12"/>
    </row>
    <row r="626384" spans="8:8">
      <c r="H626384" s="12"/>
    </row>
    <row r="626385" spans="8:8">
      <c r="H626385" s="12"/>
    </row>
    <row r="626386" spans="8:8">
      <c r="H626386" s="12"/>
    </row>
    <row r="626387" spans="8:8">
      <c r="H626387" s="12"/>
    </row>
    <row r="626388" spans="8:8">
      <c r="H626388" s="12"/>
    </row>
    <row r="626389" spans="8:8">
      <c r="H626389" s="12"/>
    </row>
    <row r="626390" spans="8:8">
      <c r="H626390" s="12"/>
    </row>
    <row r="626391" spans="8:8">
      <c r="H626391" s="12"/>
    </row>
    <row r="626392" spans="8:8">
      <c r="H626392" s="12"/>
    </row>
    <row r="626393" spans="8:8">
      <c r="H626393" s="12"/>
    </row>
    <row r="626394" spans="8:8">
      <c r="H626394" s="12"/>
    </row>
    <row r="626395" spans="8:8">
      <c r="H626395" s="12"/>
    </row>
    <row r="626396" spans="8:8">
      <c r="H626396" s="12"/>
    </row>
    <row r="626397" spans="8:8">
      <c r="H626397" s="12"/>
    </row>
    <row r="626398" spans="8:8">
      <c r="H626398" s="12"/>
    </row>
    <row r="626399" spans="8:8">
      <c r="H626399" s="12"/>
    </row>
    <row r="626400" spans="8:8">
      <c r="H626400" s="12"/>
    </row>
    <row r="626401" spans="8:8">
      <c r="H626401" s="12"/>
    </row>
    <row r="626402" spans="8:8">
      <c r="H626402" s="12"/>
    </row>
    <row r="626403" spans="8:8">
      <c r="H626403" s="12"/>
    </row>
    <row r="626404" spans="8:8">
      <c r="H626404" s="12"/>
    </row>
    <row r="626405" spans="8:8">
      <c r="H626405" s="12"/>
    </row>
    <row r="626406" spans="8:8">
      <c r="H626406" s="12"/>
    </row>
    <row r="626407" spans="8:8">
      <c r="H626407" s="12"/>
    </row>
    <row r="626408" spans="8:8">
      <c r="H626408" s="12"/>
    </row>
    <row r="626409" spans="8:8">
      <c r="H626409" s="12"/>
    </row>
    <row r="626410" spans="8:8">
      <c r="H626410" s="12"/>
    </row>
    <row r="626411" spans="8:8">
      <c r="H626411" s="12"/>
    </row>
    <row r="626412" spans="8:8">
      <c r="H626412" s="12"/>
    </row>
    <row r="626413" spans="8:8">
      <c r="H626413" s="12"/>
    </row>
    <row r="626414" spans="8:8">
      <c r="H626414" s="12"/>
    </row>
    <row r="626415" spans="8:8">
      <c r="H626415" s="12"/>
    </row>
    <row r="626416" spans="8:8">
      <c r="H626416" s="12"/>
    </row>
    <row r="626417" spans="8:8">
      <c r="H626417" s="12"/>
    </row>
    <row r="626418" spans="8:8">
      <c r="H626418" s="12"/>
    </row>
    <row r="626419" spans="8:8">
      <c r="H626419" s="12"/>
    </row>
    <row r="626420" spans="8:8">
      <c r="H626420" s="12"/>
    </row>
    <row r="626421" spans="8:8">
      <c r="H626421" s="12"/>
    </row>
    <row r="626422" spans="8:8">
      <c r="H626422" s="12"/>
    </row>
    <row r="626423" spans="8:8">
      <c r="H626423" s="12"/>
    </row>
    <row r="626424" spans="8:8">
      <c r="H626424" s="12"/>
    </row>
    <row r="626425" spans="8:8">
      <c r="H626425" s="12"/>
    </row>
    <row r="626426" spans="8:8">
      <c r="H626426" s="12"/>
    </row>
    <row r="626427" spans="8:8">
      <c r="H626427" s="12"/>
    </row>
    <row r="626428" spans="8:8">
      <c r="H626428" s="12"/>
    </row>
    <row r="626429" spans="8:8">
      <c r="H626429" s="12"/>
    </row>
    <row r="626430" spans="8:8">
      <c r="H626430" s="12"/>
    </row>
    <row r="626431" spans="8:8">
      <c r="H626431" s="12"/>
    </row>
    <row r="626432" spans="8:8">
      <c r="H626432" s="12"/>
    </row>
    <row r="626433" spans="8:8">
      <c r="H626433" s="12"/>
    </row>
    <row r="626434" spans="8:8">
      <c r="H626434" s="12"/>
    </row>
    <row r="626435" spans="8:8">
      <c r="H626435" s="12"/>
    </row>
    <row r="626436" spans="8:8">
      <c r="H626436" s="12"/>
    </row>
    <row r="626437" spans="8:8">
      <c r="H626437" s="12"/>
    </row>
    <row r="626438" spans="8:8">
      <c r="H626438" s="12"/>
    </row>
    <row r="626439" spans="8:8">
      <c r="H626439" s="12"/>
    </row>
    <row r="626440" spans="8:8">
      <c r="H626440" s="12"/>
    </row>
    <row r="626441" spans="8:8">
      <c r="H626441" s="12"/>
    </row>
    <row r="626442" spans="8:8">
      <c r="H626442" s="12"/>
    </row>
    <row r="626443" spans="8:8">
      <c r="H626443" s="12"/>
    </row>
    <row r="626444" spans="8:8">
      <c r="H626444" s="12"/>
    </row>
    <row r="626445" spans="8:8">
      <c r="H626445" s="12"/>
    </row>
    <row r="626446" spans="8:8">
      <c r="H626446" s="12"/>
    </row>
    <row r="626447" spans="8:8">
      <c r="H626447" s="12"/>
    </row>
    <row r="626448" spans="8:8">
      <c r="H626448" s="12"/>
    </row>
    <row r="626449" spans="8:8">
      <c r="H626449" s="12"/>
    </row>
    <row r="626450" spans="8:8">
      <c r="H626450" s="12"/>
    </row>
    <row r="626451" spans="8:8">
      <c r="H626451" s="12"/>
    </row>
    <row r="626452" spans="8:8">
      <c r="H626452" s="12"/>
    </row>
    <row r="626453" spans="8:8">
      <c r="H626453" s="12"/>
    </row>
    <row r="626454" spans="8:8">
      <c r="H626454" s="12"/>
    </row>
    <row r="626455" spans="8:8">
      <c r="H626455" s="12"/>
    </row>
    <row r="626456" spans="8:8">
      <c r="H626456" s="12"/>
    </row>
    <row r="626457" spans="8:8">
      <c r="H626457" s="12"/>
    </row>
    <row r="626458" spans="8:8">
      <c r="H626458" s="12"/>
    </row>
    <row r="626459" spans="8:8">
      <c r="H626459" s="12"/>
    </row>
    <row r="626460" spans="8:8">
      <c r="H626460" s="12"/>
    </row>
    <row r="626461" spans="8:8">
      <c r="H626461" s="12"/>
    </row>
    <row r="626462" spans="8:8">
      <c r="H626462" s="12"/>
    </row>
    <row r="626463" spans="8:8">
      <c r="H626463" s="12"/>
    </row>
    <row r="626464" spans="8:8">
      <c r="H626464" s="12"/>
    </row>
    <row r="626465" spans="8:8">
      <c r="H626465" s="12"/>
    </row>
    <row r="626466" spans="8:8">
      <c r="H626466" s="12"/>
    </row>
    <row r="626467" spans="8:8">
      <c r="H626467" s="12"/>
    </row>
    <row r="626468" spans="8:8">
      <c r="H626468" s="12"/>
    </row>
    <row r="626469" spans="8:8">
      <c r="H626469" s="12"/>
    </row>
    <row r="626470" spans="8:8">
      <c r="H626470" s="12"/>
    </row>
    <row r="626471" spans="8:8">
      <c r="H626471" s="12"/>
    </row>
    <row r="626472" spans="8:8">
      <c r="H626472" s="12"/>
    </row>
    <row r="626473" spans="8:8">
      <c r="H626473" s="12"/>
    </row>
    <row r="626474" spans="8:8">
      <c r="H626474" s="12"/>
    </row>
    <row r="626475" spans="8:8">
      <c r="H626475" s="12"/>
    </row>
    <row r="626476" spans="8:8">
      <c r="H626476" s="12"/>
    </row>
    <row r="626477" spans="8:8">
      <c r="H626477" s="12"/>
    </row>
    <row r="626478" spans="8:8">
      <c r="H626478" s="12"/>
    </row>
    <row r="626479" spans="8:8">
      <c r="H626479" s="12"/>
    </row>
    <row r="626480" spans="8:8">
      <c r="H626480" s="12"/>
    </row>
    <row r="626481" spans="8:8">
      <c r="H626481" s="12"/>
    </row>
    <row r="626482" spans="8:8">
      <c r="H626482" s="12"/>
    </row>
    <row r="626483" spans="8:8">
      <c r="H626483" s="12"/>
    </row>
    <row r="626484" spans="8:8">
      <c r="H626484" s="12"/>
    </row>
    <row r="626485" spans="8:8">
      <c r="H626485" s="12"/>
    </row>
    <row r="626486" spans="8:8">
      <c r="H626486" s="12"/>
    </row>
    <row r="626487" spans="8:8">
      <c r="H626487" s="12"/>
    </row>
    <row r="626488" spans="8:8">
      <c r="H626488" s="12"/>
    </row>
    <row r="626489" spans="8:8">
      <c r="H626489" s="12"/>
    </row>
    <row r="626490" spans="8:8">
      <c r="H626490" s="12"/>
    </row>
    <row r="626491" spans="8:8">
      <c r="H626491" s="12"/>
    </row>
    <row r="626492" spans="8:8">
      <c r="H626492" s="12"/>
    </row>
    <row r="626493" spans="8:8">
      <c r="H626493" s="12"/>
    </row>
    <row r="626494" spans="8:8">
      <c r="H626494" s="12"/>
    </row>
    <row r="626495" spans="8:8">
      <c r="H626495" s="12"/>
    </row>
    <row r="626496" spans="8:8">
      <c r="H626496" s="12"/>
    </row>
    <row r="626497" spans="8:8">
      <c r="H626497" s="12"/>
    </row>
    <row r="626498" spans="8:8">
      <c r="H626498" s="12"/>
    </row>
    <row r="626499" spans="8:8">
      <c r="H626499" s="12"/>
    </row>
    <row r="626500" spans="8:8">
      <c r="H626500" s="12"/>
    </row>
    <row r="626501" spans="8:8">
      <c r="H626501" s="12"/>
    </row>
    <row r="626502" spans="8:8">
      <c r="H626502" s="12"/>
    </row>
    <row r="626503" spans="8:8">
      <c r="H626503" s="12"/>
    </row>
    <row r="626504" spans="8:8">
      <c r="H626504" s="12"/>
    </row>
    <row r="626505" spans="8:8">
      <c r="H626505" s="12"/>
    </row>
    <row r="626506" spans="8:8">
      <c r="H626506" s="12"/>
    </row>
    <row r="626507" spans="8:8">
      <c r="H626507" s="12"/>
    </row>
    <row r="626508" spans="8:8">
      <c r="H626508" s="12"/>
    </row>
    <row r="626509" spans="8:8">
      <c r="H626509" s="12"/>
    </row>
    <row r="626510" spans="8:8">
      <c r="H626510" s="12"/>
    </row>
    <row r="626511" spans="8:8">
      <c r="H626511" s="12"/>
    </row>
    <row r="626512" spans="8:8">
      <c r="H626512" s="12"/>
    </row>
    <row r="626513" spans="8:8">
      <c r="H626513" s="12"/>
    </row>
    <row r="626514" spans="8:8">
      <c r="H626514" s="12"/>
    </row>
    <row r="626515" spans="8:8">
      <c r="H626515" s="12"/>
    </row>
    <row r="626516" spans="8:8">
      <c r="H626516" s="12"/>
    </row>
    <row r="626517" spans="8:8">
      <c r="H626517" s="12"/>
    </row>
    <row r="626518" spans="8:8">
      <c r="H626518" s="12"/>
    </row>
    <row r="626519" spans="8:8">
      <c r="H626519" s="12"/>
    </row>
    <row r="626520" spans="8:8">
      <c r="H626520" s="12"/>
    </row>
    <row r="626521" spans="8:8">
      <c r="H626521" s="12"/>
    </row>
    <row r="626522" spans="8:8">
      <c r="H626522" s="12"/>
    </row>
    <row r="626523" spans="8:8">
      <c r="H626523" s="12"/>
    </row>
    <row r="626524" spans="8:8">
      <c r="H626524" s="12"/>
    </row>
    <row r="626525" spans="8:8">
      <c r="H626525" s="12"/>
    </row>
    <row r="626526" spans="8:8">
      <c r="H626526" s="12"/>
    </row>
    <row r="626527" spans="8:8">
      <c r="H626527" s="12"/>
    </row>
    <row r="626528" spans="8:8">
      <c r="H626528" s="12"/>
    </row>
    <row r="626529" spans="8:8">
      <c r="H626529" s="12"/>
    </row>
    <row r="626530" spans="8:8">
      <c r="H626530" s="12"/>
    </row>
    <row r="626531" spans="8:8">
      <c r="H626531" s="12"/>
    </row>
    <row r="626532" spans="8:8">
      <c r="H626532" s="12"/>
    </row>
    <row r="626533" spans="8:8">
      <c r="H626533" s="12"/>
    </row>
    <row r="626534" spans="8:8">
      <c r="H626534" s="12"/>
    </row>
    <row r="626535" spans="8:8">
      <c r="H626535" s="12"/>
    </row>
    <row r="626536" spans="8:8">
      <c r="H626536" s="12"/>
    </row>
    <row r="626537" spans="8:8">
      <c r="H626537" s="12"/>
    </row>
    <row r="626538" spans="8:8">
      <c r="H626538" s="12"/>
    </row>
    <row r="626539" spans="8:8">
      <c r="H626539" s="12"/>
    </row>
    <row r="626540" spans="8:8">
      <c r="H626540" s="12"/>
    </row>
    <row r="626541" spans="8:8">
      <c r="H626541" s="12"/>
    </row>
    <row r="626542" spans="8:8">
      <c r="H626542" s="12"/>
    </row>
    <row r="626543" spans="8:8">
      <c r="H626543" s="12"/>
    </row>
    <row r="626544" spans="8:8">
      <c r="H626544" s="12"/>
    </row>
    <row r="626545" spans="8:8">
      <c r="H626545" s="12"/>
    </row>
    <row r="626546" spans="8:8">
      <c r="H626546" s="12"/>
    </row>
    <row r="626547" spans="8:8">
      <c r="H626547" s="12"/>
    </row>
    <row r="626548" spans="8:8">
      <c r="H626548" s="12"/>
    </row>
    <row r="626549" spans="8:8">
      <c r="H626549" s="12"/>
    </row>
    <row r="626550" spans="8:8">
      <c r="H626550" s="12"/>
    </row>
    <row r="626551" spans="8:8">
      <c r="H626551" s="12"/>
    </row>
    <row r="626552" spans="8:8">
      <c r="H626552" s="12"/>
    </row>
    <row r="626553" spans="8:8">
      <c r="H626553" s="12"/>
    </row>
    <row r="626554" spans="8:8">
      <c r="H626554" s="12"/>
    </row>
    <row r="626555" spans="8:8">
      <c r="H626555" s="12"/>
    </row>
    <row r="626556" spans="8:8">
      <c r="H626556" s="12"/>
    </row>
    <row r="626557" spans="8:8">
      <c r="H626557" s="12"/>
    </row>
    <row r="626558" spans="8:8">
      <c r="H626558" s="12"/>
    </row>
    <row r="626559" spans="8:8">
      <c r="H626559" s="12"/>
    </row>
    <row r="626560" spans="8:8">
      <c r="H626560" s="12"/>
    </row>
    <row r="626561" spans="8:8">
      <c r="H626561" s="12"/>
    </row>
    <row r="626562" spans="8:8">
      <c r="H626562" s="12"/>
    </row>
    <row r="626563" spans="8:8">
      <c r="H626563" s="12"/>
    </row>
    <row r="626564" spans="8:8">
      <c r="H626564" s="12"/>
    </row>
    <row r="626565" spans="8:8">
      <c r="H626565" s="12"/>
    </row>
    <row r="626566" spans="8:8">
      <c r="H626566" s="12"/>
    </row>
    <row r="626567" spans="8:8">
      <c r="H626567" s="12"/>
    </row>
    <row r="626568" spans="8:8">
      <c r="H626568" s="12"/>
    </row>
    <row r="626569" spans="8:8">
      <c r="H626569" s="12"/>
    </row>
    <row r="626570" spans="8:8">
      <c r="H626570" s="12"/>
    </row>
    <row r="626571" spans="8:8">
      <c r="H626571" s="12"/>
    </row>
    <row r="626572" spans="8:8">
      <c r="H626572" s="12"/>
    </row>
    <row r="626573" spans="8:8">
      <c r="H626573" s="12"/>
    </row>
    <row r="626574" spans="8:8">
      <c r="H626574" s="12"/>
    </row>
    <row r="626575" spans="8:8">
      <c r="H626575" s="12"/>
    </row>
    <row r="626576" spans="8:8">
      <c r="H626576" s="12"/>
    </row>
    <row r="626577" spans="8:8">
      <c r="H626577" s="12"/>
    </row>
    <row r="626578" spans="8:8">
      <c r="H626578" s="12"/>
    </row>
    <row r="626579" spans="8:8">
      <c r="H626579" s="12"/>
    </row>
    <row r="626580" spans="8:8">
      <c r="H626580" s="12"/>
    </row>
    <row r="626581" spans="8:8">
      <c r="H626581" s="12"/>
    </row>
    <row r="626582" spans="8:8">
      <c r="H626582" s="12"/>
    </row>
    <row r="626583" spans="8:8">
      <c r="H626583" s="12"/>
    </row>
    <row r="626584" spans="8:8">
      <c r="H626584" s="12"/>
    </row>
    <row r="626585" spans="8:8">
      <c r="H626585" s="12"/>
    </row>
    <row r="626586" spans="8:8">
      <c r="H626586" s="12"/>
    </row>
    <row r="626587" spans="8:8">
      <c r="H626587" s="12"/>
    </row>
    <row r="626588" spans="8:8">
      <c r="H626588" s="12"/>
    </row>
    <row r="626589" spans="8:8">
      <c r="H626589" s="12"/>
    </row>
    <row r="626590" spans="8:8">
      <c r="H626590" s="12"/>
    </row>
    <row r="626591" spans="8:8">
      <c r="H626591" s="12"/>
    </row>
    <row r="626592" spans="8:8">
      <c r="H626592" s="12"/>
    </row>
    <row r="626593" spans="8:8">
      <c r="H626593" s="12"/>
    </row>
    <row r="626594" spans="8:8">
      <c r="H626594" s="12"/>
    </row>
    <row r="626595" spans="8:8">
      <c r="H626595" s="12"/>
    </row>
    <row r="626596" spans="8:8">
      <c r="H626596" s="12"/>
    </row>
    <row r="626597" spans="8:8">
      <c r="H626597" s="12"/>
    </row>
    <row r="626598" spans="8:8">
      <c r="H626598" s="12"/>
    </row>
    <row r="626599" spans="8:8">
      <c r="H626599" s="12"/>
    </row>
    <row r="626600" spans="8:8">
      <c r="H626600" s="12"/>
    </row>
    <row r="626601" spans="8:8">
      <c r="H626601" s="12"/>
    </row>
    <row r="626602" spans="8:8">
      <c r="H626602" s="12"/>
    </row>
    <row r="626603" spans="8:8">
      <c r="H626603" s="12"/>
    </row>
    <row r="626604" spans="8:8">
      <c r="H626604" s="12"/>
    </row>
    <row r="626605" spans="8:8">
      <c r="H626605" s="12"/>
    </row>
    <row r="626606" spans="8:8">
      <c r="H626606" s="12"/>
    </row>
    <row r="626607" spans="8:8">
      <c r="H626607" s="12"/>
    </row>
    <row r="626608" spans="8:8">
      <c r="H626608" s="12"/>
    </row>
    <row r="626609" spans="8:8">
      <c r="H626609" s="12"/>
    </row>
    <row r="626610" spans="8:8">
      <c r="H626610" s="12"/>
    </row>
    <row r="626611" spans="8:8">
      <c r="H626611" s="12"/>
    </row>
    <row r="626612" spans="8:8">
      <c r="H626612" s="12"/>
    </row>
    <row r="626613" spans="8:8">
      <c r="H626613" s="12"/>
    </row>
    <row r="626614" spans="8:8">
      <c r="H626614" s="12"/>
    </row>
    <row r="626615" spans="8:8">
      <c r="H626615" s="12"/>
    </row>
    <row r="626616" spans="8:8">
      <c r="H626616" s="12"/>
    </row>
    <row r="626617" spans="8:8">
      <c r="H626617" s="12"/>
    </row>
    <row r="626618" spans="8:8">
      <c r="H626618" s="12"/>
    </row>
    <row r="626619" spans="8:8">
      <c r="H626619" s="12"/>
    </row>
    <row r="626620" spans="8:8">
      <c r="H626620" s="12"/>
    </row>
    <row r="626621" spans="8:8">
      <c r="H626621" s="12"/>
    </row>
    <row r="626622" spans="8:8">
      <c r="H626622" s="12"/>
    </row>
    <row r="626623" spans="8:8">
      <c r="H626623" s="12"/>
    </row>
    <row r="626624" spans="8:8">
      <c r="H626624" s="12"/>
    </row>
    <row r="626625" spans="8:8">
      <c r="H626625" s="12"/>
    </row>
    <row r="626626" spans="8:8">
      <c r="H626626" s="12"/>
    </row>
    <row r="626627" spans="8:8">
      <c r="H626627" s="12"/>
    </row>
    <row r="626628" spans="8:8">
      <c r="H626628" s="12"/>
    </row>
    <row r="626629" spans="8:8">
      <c r="H626629" s="12"/>
    </row>
    <row r="626630" spans="8:8">
      <c r="H626630" s="12"/>
    </row>
    <row r="626631" spans="8:8">
      <c r="H626631" s="12"/>
    </row>
    <row r="626632" spans="8:8">
      <c r="H626632" s="12"/>
    </row>
    <row r="626633" spans="8:8">
      <c r="H626633" s="12"/>
    </row>
    <row r="626634" spans="8:8">
      <c r="H626634" s="12"/>
    </row>
    <row r="626635" spans="8:8">
      <c r="H626635" s="12"/>
    </row>
    <row r="626636" spans="8:8">
      <c r="H626636" s="12"/>
    </row>
    <row r="626637" spans="8:8">
      <c r="H626637" s="12"/>
    </row>
    <row r="626638" spans="8:8">
      <c r="H626638" s="12"/>
    </row>
    <row r="626639" spans="8:8">
      <c r="H626639" s="12"/>
    </row>
    <row r="626640" spans="8:8">
      <c r="H626640" s="12"/>
    </row>
    <row r="626641" spans="8:8">
      <c r="H626641" s="12"/>
    </row>
    <row r="626642" spans="8:8">
      <c r="H626642" s="12"/>
    </row>
    <row r="626643" spans="8:8">
      <c r="H626643" s="12"/>
    </row>
    <row r="626644" spans="8:8">
      <c r="H626644" s="12"/>
    </row>
    <row r="626645" spans="8:8">
      <c r="H626645" s="12"/>
    </row>
    <row r="626646" spans="8:8">
      <c r="H626646" s="12"/>
    </row>
    <row r="626647" spans="8:8">
      <c r="H626647" s="12"/>
    </row>
    <row r="626648" spans="8:8">
      <c r="H626648" s="12"/>
    </row>
    <row r="626649" spans="8:8">
      <c r="H626649" s="12"/>
    </row>
    <row r="626650" spans="8:8">
      <c r="H626650" s="12"/>
    </row>
    <row r="626651" spans="8:8">
      <c r="H626651" s="12"/>
    </row>
    <row r="626652" spans="8:8">
      <c r="H626652" s="12"/>
    </row>
    <row r="626653" spans="8:8">
      <c r="H626653" s="12"/>
    </row>
    <row r="626654" spans="8:8">
      <c r="H626654" s="12"/>
    </row>
    <row r="626655" spans="8:8">
      <c r="H626655" s="12"/>
    </row>
    <row r="626656" spans="8:8">
      <c r="H626656" s="12"/>
    </row>
    <row r="626657" spans="8:8">
      <c r="H626657" s="12"/>
    </row>
    <row r="626658" spans="8:8">
      <c r="H626658" s="12"/>
    </row>
    <row r="626659" spans="8:8">
      <c r="H626659" s="12"/>
    </row>
    <row r="626660" spans="8:8">
      <c r="H626660" s="12"/>
    </row>
    <row r="626661" spans="8:8">
      <c r="H626661" s="12"/>
    </row>
    <row r="626662" spans="8:8">
      <c r="H626662" s="12"/>
    </row>
    <row r="626663" spans="8:8">
      <c r="H626663" s="12"/>
    </row>
    <row r="626664" spans="8:8">
      <c r="H626664" s="12"/>
    </row>
    <row r="626665" spans="8:8">
      <c r="H626665" s="12"/>
    </row>
    <row r="626666" spans="8:8">
      <c r="H626666" s="12"/>
    </row>
    <row r="626667" spans="8:8">
      <c r="H626667" s="12"/>
    </row>
    <row r="626668" spans="8:8">
      <c r="H626668" s="12"/>
    </row>
    <row r="626669" spans="8:8">
      <c r="H626669" s="12"/>
    </row>
    <row r="626670" spans="8:8">
      <c r="H626670" s="12"/>
    </row>
    <row r="626671" spans="8:8">
      <c r="H626671" s="12"/>
    </row>
    <row r="626672" spans="8:8">
      <c r="H626672" s="12"/>
    </row>
    <row r="626673" spans="8:8">
      <c r="H626673" s="12"/>
    </row>
    <row r="626674" spans="8:8">
      <c r="H626674" s="12"/>
    </row>
    <row r="626675" spans="8:8">
      <c r="H626675" s="12"/>
    </row>
    <row r="626676" spans="8:8">
      <c r="H626676" s="12"/>
    </row>
    <row r="626677" spans="8:8">
      <c r="H626677" s="12"/>
    </row>
    <row r="626678" spans="8:8">
      <c r="H626678" s="12"/>
    </row>
    <row r="626679" spans="8:8">
      <c r="H626679" s="12"/>
    </row>
    <row r="626680" spans="8:8">
      <c r="H626680" s="12"/>
    </row>
    <row r="626681" spans="8:8">
      <c r="H626681" s="12"/>
    </row>
    <row r="626682" spans="8:8">
      <c r="H626682" s="12"/>
    </row>
    <row r="626683" spans="8:8">
      <c r="H626683" s="12"/>
    </row>
    <row r="626684" spans="8:8">
      <c r="H626684" s="12"/>
    </row>
    <row r="626685" spans="8:8">
      <c r="H626685" s="12"/>
    </row>
    <row r="626686" spans="8:8">
      <c r="H626686" s="12"/>
    </row>
    <row r="626687" spans="8:8">
      <c r="H626687" s="12"/>
    </row>
    <row r="626688" spans="8:8">
      <c r="H626688" s="12"/>
    </row>
    <row r="626689" spans="8:8">
      <c r="H626689" s="12"/>
    </row>
    <row r="626690" spans="8:8">
      <c r="H626690" s="12"/>
    </row>
    <row r="626691" spans="8:8">
      <c r="H626691" s="12"/>
    </row>
    <row r="626692" spans="8:8">
      <c r="H626692" s="12"/>
    </row>
    <row r="626693" spans="8:8">
      <c r="H626693" s="12"/>
    </row>
    <row r="626694" spans="8:8">
      <c r="H626694" s="12"/>
    </row>
    <row r="626695" spans="8:8">
      <c r="H626695" s="12"/>
    </row>
    <row r="626696" spans="8:8">
      <c r="H626696" s="12"/>
    </row>
    <row r="626697" spans="8:8">
      <c r="H626697" s="12"/>
    </row>
    <row r="626698" spans="8:8">
      <c r="H626698" s="12"/>
    </row>
    <row r="626699" spans="8:8">
      <c r="H626699" s="12"/>
    </row>
    <row r="626700" spans="8:8">
      <c r="H626700" s="12"/>
    </row>
    <row r="626701" spans="8:8">
      <c r="H626701" s="12"/>
    </row>
    <row r="626702" spans="8:8">
      <c r="H626702" s="12"/>
    </row>
    <row r="626703" spans="8:8">
      <c r="H626703" s="12"/>
    </row>
    <row r="626704" spans="8:8">
      <c r="H626704" s="12"/>
    </row>
    <row r="626705" spans="8:8">
      <c r="H626705" s="12"/>
    </row>
    <row r="626706" spans="8:8">
      <c r="H626706" s="12"/>
    </row>
    <row r="626707" spans="8:8">
      <c r="H626707" s="12"/>
    </row>
    <row r="626708" spans="8:8">
      <c r="H626708" s="12"/>
    </row>
    <row r="626709" spans="8:8">
      <c r="H626709" s="12"/>
    </row>
    <row r="626710" spans="8:8">
      <c r="H626710" s="12"/>
    </row>
    <row r="626711" spans="8:8">
      <c r="H626711" s="12"/>
    </row>
    <row r="626712" spans="8:8">
      <c r="H626712" s="12"/>
    </row>
    <row r="626713" spans="8:8">
      <c r="H626713" s="12"/>
    </row>
    <row r="626714" spans="8:8">
      <c r="H626714" s="12"/>
    </row>
    <row r="626715" spans="8:8">
      <c r="H626715" s="12"/>
    </row>
    <row r="626716" spans="8:8">
      <c r="H626716" s="12"/>
    </row>
    <row r="626717" spans="8:8">
      <c r="H626717" s="12"/>
    </row>
    <row r="626718" spans="8:8">
      <c r="H626718" s="12"/>
    </row>
    <row r="626719" spans="8:8">
      <c r="H626719" s="12"/>
    </row>
    <row r="626720" spans="8:8">
      <c r="H626720" s="12"/>
    </row>
    <row r="626721" spans="8:8">
      <c r="H626721" s="12"/>
    </row>
    <row r="626722" spans="8:8">
      <c r="H626722" s="12"/>
    </row>
    <row r="626723" spans="8:8">
      <c r="H626723" s="12"/>
    </row>
    <row r="626724" spans="8:8">
      <c r="H626724" s="12"/>
    </row>
    <row r="626725" spans="8:8">
      <c r="H626725" s="12"/>
    </row>
    <row r="626726" spans="8:8">
      <c r="H626726" s="12"/>
    </row>
    <row r="626727" spans="8:8">
      <c r="H626727" s="12"/>
    </row>
    <row r="626728" spans="8:8">
      <c r="H626728" s="12"/>
    </row>
    <row r="626729" spans="8:8">
      <c r="H626729" s="12"/>
    </row>
    <row r="626730" spans="8:8">
      <c r="H626730" s="12"/>
    </row>
    <row r="626731" spans="8:8">
      <c r="H626731" s="12"/>
    </row>
    <row r="626732" spans="8:8">
      <c r="H626732" s="12"/>
    </row>
    <row r="626733" spans="8:8">
      <c r="H626733" s="12"/>
    </row>
    <row r="626734" spans="8:8">
      <c r="H626734" s="12"/>
    </row>
    <row r="626735" spans="8:8">
      <c r="H626735" s="12"/>
    </row>
    <row r="626736" spans="8:8">
      <c r="H626736" s="12"/>
    </row>
    <row r="626737" spans="8:8">
      <c r="H626737" s="12"/>
    </row>
    <row r="626738" spans="8:8">
      <c r="H626738" s="12"/>
    </row>
    <row r="626739" spans="8:8">
      <c r="H626739" s="12"/>
    </row>
    <row r="626740" spans="8:8">
      <c r="H626740" s="12"/>
    </row>
    <row r="626741" spans="8:8">
      <c r="H626741" s="12"/>
    </row>
    <row r="626742" spans="8:8">
      <c r="H626742" s="12"/>
    </row>
    <row r="626743" spans="8:8">
      <c r="H626743" s="12"/>
    </row>
    <row r="626744" spans="8:8">
      <c r="H626744" s="12"/>
    </row>
    <row r="626745" spans="8:8">
      <c r="H626745" s="12"/>
    </row>
    <row r="626746" spans="8:8">
      <c r="H626746" s="12"/>
    </row>
    <row r="626747" spans="8:8">
      <c r="H626747" s="12"/>
    </row>
    <row r="626748" spans="8:8">
      <c r="H626748" s="12"/>
    </row>
    <row r="626749" spans="8:8">
      <c r="H626749" s="12"/>
    </row>
    <row r="626750" spans="8:8">
      <c r="H626750" s="12"/>
    </row>
    <row r="626751" spans="8:8">
      <c r="H626751" s="12"/>
    </row>
    <row r="626752" spans="8:8">
      <c r="H626752" s="12"/>
    </row>
    <row r="626753" spans="8:8">
      <c r="H626753" s="12"/>
    </row>
    <row r="626754" spans="8:8">
      <c r="H626754" s="12"/>
    </row>
    <row r="626755" spans="8:8">
      <c r="H626755" s="12"/>
    </row>
    <row r="626756" spans="8:8">
      <c r="H626756" s="12"/>
    </row>
    <row r="626757" spans="8:8">
      <c r="H626757" s="12"/>
    </row>
    <row r="626758" spans="8:8">
      <c r="H626758" s="12"/>
    </row>
    <row r="626759" spans="8:8">
      <c r="H626759" s="12"/>
    </row>
    <row r="626760" spans="8:8">
      <c r="H626760" s="12"/>
    </row>
    <row r="626761" spans="8:8">
      <c r="H626761" s="12"/>
    </row>
    <row r="626762" spans="8:8">
      <c r="H626762" s="12"/>
    </row>
    <row r="626763" spans="8:8">
      <c r="H626763" s="12"/>
    </row>
    <row r="626764" spans="8:8">
      <c r="H626764" s="12"/>
    </row>
    <row r="626765" spans="8:8">
      <c r="H626765" s="12"/>
    </row>
    <row r="626766" spans="8:8">
      <c r="H626766" s="12"/>
    </row>
    <row r="626767" spans="8:8">
      <c r="H626767" s="12"/>
    </row>
    <row r="626768" spans="8:8">
      <c r="H626768" s="12"/>
    </row>
    <row r="626769" spans="8:8">
      <c r="H626769" s="12"/>
    </row>
    <row r="626770" spans="8:8">
      <c r="H626770" s="12"/>
    </row>
    <row r="626771" spans="8:8">
      <c r="H626771" s="12"/>
    </row>
    <row r="626772" spans="8:8">
      <c r="H626772" s="12"/>
    </row>
    <row r="626773" spans="8:8">
      <c r="H626773" s="12"/>
    </row>
    <row r="626774" spans="8:8">
      <c r="H626774" s="12"/>
    </row>
    <row r="626775" spans="8:8">
      <c r="H626775" s="12"/>
    </row>
    <row r="626776" spans="8:8">
      <c r="H626776" s="12"/>
    </row>
    <row r="626777" spans="8:8">
      <c r="H626777" s="12"/>
    </row>
    <row r="626778" spans="8:8">
      <c r="H626778" s="12"/>
    </row>
    <row r="626779" spans="8:8">
      <c r="H626779" s="12"/>
    </row>
    <row r="626780" spans="8:8">
      <c r="H626780" s="12"/>
    </row>
    <row r="626781" spans="8:8">
      <c r="H626781" s="12"/>
    </row>
    <row r="626782" spans="8:8">
      <c r="H626782" s="12"/>
    </row>
    <row r="626783" spans="8:8">
      <c r="H626783" s="12"/>
    </row>
    <row r="626784" spans="8:8">
      <c r="H626784" s="12"/>
    </row>
    <row r="626785" spans="8:8">
      <c r="H626785" s="12"/>
    </row>
    <row r="626786" spans="8:8">
      <c r="H626786" s="12"/>
    </row>
    <row r="626787" spans="8:8">
      <c r="H626787" s="12"/>
    </row>
    <row r="626788" spans="8:8">
      <c r="H626788" s="12"/>
    </row>
    <row r="626789" spans="8:8">
      <c r="H626789" s="12"/>
    </row>
    <row r="626790" spans="8:8">
      <c r="H626790" s="12"/>
    </row>
    <row r="626791" spans="8:8">
      <c r="H626791" s="12"/>
    </row>
    <row r="626792" spans="8:8">
      <c r="H626792" s="12"/>
    </row>
    <row r="626793" spans="8:8">
      <c r="H626793" s="12"/>
    </row>
    <row r="626794" spans="8:8">
      <c r="H626794" s="12"/>
    </row>
    <row r="626795" spans="8:8">
      <c r="H626795" s="12"/>
    </row>
    <row r="626796" spans="8:8">
      <c r="H626796" s="12"/>
    </row>
    <row r="626797" spans="8:8">
      <c r="H626797" s="12"/>
    </row>
    <row r="626798" spans="8:8">
      <c r="H626798" s="12"/>
    </row>
    <row r="626799" spans="8:8">
      <c r="H626799" s="12"/>
    </row>
    <row r="626800" spans="8:8">
      <c r="H626800" s="12"/>
    </row>
    <row r="626801" spans="8:8">
      <c r="H626801" s="12"/>
    </row>
    <row r="626802" spans="8:8">
      <c r="H626802" s="12"/>
    </row>
    <row r="626803" spans="8:8">
      <c r="H626803" s="12"/>
    </row>
    <row r="626804" spans="8:8">
      <c r="H626804" s="12"/>
    </row>
    <row r="626805" spans="8:8">
      <c r="H626805" s="12"/>
    </row>
    <row r="626806" spans="8:8">
      <c r="H626806" s="12"/>
    </row>
    <row r="626807" spans="8:8">
      <c r="H626807" s="12"/>
    </row>
    <row r="626808" spans="8:8">
      <c r="H626808" s="12"/>
    </row>
    <row r="626809" spans="8:8">
      <c r="H626809" s="12"/>
    </row>
    <row r="626810" spans="8:8">
      <c r="H626810" s="12"/>
    </row>
    <row r="626811" spans="8:8">
      <c r="H626811" s="12"/>
    </row>
    <row r="626812" spans="8:8">
      <c r="H626812" s="12"/>
    </row>
    <row r="626813" spans="8:8">
      <c r="H626813" s="12"/>
    </row>
    <row r="626814" spans="8:8">
      <c r="H626814" s="12"/>
    </row>
    <row r="626815" spans="8:8">
      <c r="H626815" s="12"/>
    </row>
    <row r="626816" spans="8:8">
      <c r="H626816" s="12"/>
    </row>
    <row r="626817" spans="8:8">
      <c r="H626817" s="12"/>
    </row>
    <row r="626818" spans="8:8">
      <c r="H626818" s="12"/>
    </row>
    <row r="626819" spans="8:8">
      <c r="H626819" s="12"/>
    </row>
    <row r="626820" spans="8:8">
      <c r="H626820" s="12"/>
    </row>
    <row r="626821" spans="8:8">
      <c r="H626821" s="12"/>
    </row>
    <row r="626822" spans="8:8">
      <c r="H626822" s="12"/>
    </row>
    <row r="626823" spans="8:8">
      <c r="H626823" s="12"/>
    </row>
    <row r="626824" spans="8:8">
      <c r="H626824" s="12"/>
    </row>
    <row r="626825" spans="8:8">
      <c r="H626825" s="12"/>
    </row>
    <row r="626826" spans="8:8">
      <c r="H626826" s="12"/>
    </row>
    <row r="626827" spans="8:8">
      <c r="H626827" s="12"/>
    </row>
    <row r="626828" spans="8:8">
      <c r="H626828" s="12"/>
    </row>
    <row r="626829" spans="8:8">
      <c r="H626829" s="12"/>
    </row>
    <row r="626830" spans="8:8">
      <c r="H626830" s="12"/>
    </row>
    <row r="626831" spans="8:8">
      <c r="H626831" s="12"/>
    </row>
    <row r="626832" spans="8:8">
      <c r="H626832" s="12"/>
    </row>
    <row r="626833" spans="8:8">
      <c r="H626833" s="12"/>
    </row>
    <row r="626834" spans="8:8">
      <c r="H626834" s="12"/>
    </row>
    <row r="626835" spans="8:8">
      <c r="H626835" s="12"/>
    </row>
    <row r="626836" spans="8:8">
      <c r="H626836" s="12"/>
    </row>
    <row r="626837" spans="8:8">
      <c r="H626837" s="12"/>
    </row>
    <row r="626838" spans="8:8">
      <c r="H626838" s="12"/>
    </row>
    <row r="626839" spans="8:8">
      <c r="H626839" s="12"/>
    </row>
    <row r="626840" spans="8:8">
      <c r="H626840" s="12"/>
    </row>
    <row r="626841" spans="8:8">
      <c r="H626841" s="12"/>
    </row>
    <row r="626842" spans="8:8">
      <c r="H626842" s="12"/>
    </row>
    <row r="626843" spans="8:8">
      <c r="H626843" s="12"/>
    </row>
    <row r="626844" spans="8:8">
      <c r="H626844" s="12"/>
    </row>
    <row r="626845" spans="8:8">
      <c r="H626845" s="12"/>
    </row>
    <row r="626846" spans="8:8">
      <c r="H626846" s="12"/>
    </row>
    <row r="626847" spans="8:8">
      <c r="H626847" s="12"/>
    </row>
    <row r="626848" spans="8:8">
      <c r="H626848" s="12"/>
    </row>
    <row r="626849" spans="8:8">
      <c r="H626849" s="12"/>
    </row>
    <row r="626850" spans="8:8">
      <c r="H626850" s="12"/>
    </row>
    <row r="626851" spans="8:8">
      <c r="H626851" s="12"/>
    </row>
    <row r="626852" spans="8:8">
      <c r="H626852" s="12"/>
    </row>
    <row r="626853" spans="8:8">
      <c r="H626853" s="12"/>
    </row>
    <row r="626854" spans="8:8">
      <c r="H626854" s="12"/>
    </row>
    <row r="626855" spans="8:8">
      <c r="H626855" s="12"/>
    </row>
    <row r="626856" spans="8:8">
      <c r="H626856" s="12"/>
    </row>
    <row r="626857" spans="8:8">
      <c r="H626857" s="12"/>
    </row>
    <row r="626858" spans="8:8">
      <c r="H626858" s="12"/>
    </row>
    <row r="626859" spans="8:8">
      <c r="H626859" s="12"/>
    </row>
    <row r="626860" spans="8:8">
      <c r="H626860" s="12"/>
    </row>
    <row r="626861" spans="8:8">
      <c r="H626861" s="12"/>
    </row>
    <row r="626862" spans="8:8">
      <c r="H626862" s="12"/>
    </row>
    <row r="626863" spans="8:8">
      <c r="H626863" s="12"/>
    </row>
    <row r="626864" spans="8:8">
      <c r="H626864" s="12"/>
    </row>
    <row r="626865" spans="8:8">
      <c r="H626865" s="12"/>
    </row>
    <row r="626866" spans="8:8">
      <c r="H626866" s="12"/>
    </row>
    <row r="626867" spans="8:8">
      <c r="H626867" s="12"/>
    </row>
    <row r="626868" spans="8:8">
      <c r="H626868" s="12"/>
    </row>
    <row r="626869" spans="8:8">
      <c r="H626869" s="12"/>
    </row>
    <row r="626870" spans="8:8">
      <c r="H626870" s="12"/>
    </row>
    <row r="626871" spans="8:8">
      <c r="H626871" s="12"/>
    </row>
    <row r="626872" spans="8:8">
      <c r="H626872" s="12"/>
    </row>
    <row r="626873" spans="8:8">
      <c r="H626873" s="12"/>
    </row>
    <row r="626874" spans="8:8">
      <c r="H626874" s="12"/>
    </row>
    <row r="626875" spans="8:8">
      <c r="H626875" s="12"/>
    </row>
    <row r="626876" spans="8:8">
      <c r="H626876" s="12"/>
    </row>
    <row r="626877" spans="8:8">
      <c r="H626877" s="12"/>
    </row>
    <row r="626878" spans="8:8">
      <c r="H626878" s="12"/>
    </row>
    <row r="626879" spans="8:8">
      <c r="H626879" s="12"/>
    </row>
    <row r="626880" spans="8:8">
      <c r="H626880" s="12"/>
    </row>
    <row r="626881" spans="8:8">
      <c r="H626881" s="12"/>
    </row>
    <row r="626882" spans="8:8">
      <c r="H626882" s="12"/>
    </row>
    <row r="626883" spans="8:8">
      <c r="H626883" s="12"/>
    </row>
    <row r="626884" spans="8:8">
      <c r="H626884" s="12"/>
    </row>
    <row r="626885" spans="8:8">
      <c r="H626885" s="12"/>
    </row>
    <row r="626886" spans="8:8">
      <c r="H626886" s="12"/>
    </row>
    <row r="626887" spans="8:8">
      <c r="H626887" s="12"/>
    </row>
    <row r="626888" spans="8:8">
      <c r="H626888" s="12"/>
    </row>
    <row r="626889" spans="8:8">
      <c r="H626889" s="12"/>
    </row>
    <row r="626890" spans="8:8">
      <c r="H626890" s="12"/>
    </row>
    <row r="626891" spans="8:8">
      <c r="H626891" s="12"/>
    </row>
    <row r="626892" spans="8:8">
      <c r="H626892" s="12"/>
    </row>
    <row r="626893" spans="8:8">
      <c r="H626893" s="12"/>
    </row>
    <row r="626894" spans="8:8">
      <c r="H626894" s="12"/>
    </row>
    <row r="626895" spans="8:8">
      <c r="H626895" s="12"/>
    </row>
    <row r="626896" spans="8:8">
      <c r="H626896" s="12"/>
    </row>
    <row r="626897" spans="8:8">
      <c r="H626897" s="12"/>
    </row>
    <row r="626898" spans="8:8">
      <c r="H626898" s="12"/>
    </row>
    <row r="626899" spans="8:8">
      <c r="H626899" s="12"/>
    </row>
    <row r="626900" spans="8:8">
      <c r="H626900" s="12"/>
    </row>
    <row r="626901" spans="8:8">
      <c r="H626901" s="12"/>
    </row>
    <row r="626902" spans="8:8">
      <c r="H626902" s="12"/>
    </row>
    <row r="626903" spans="8:8">
      <c r="H626903" s="12"/>
    </row>
    <row r="626904" spans="8:8">
      <c r="H626904" s="12"/>
    </row>
    <row r="626905" spans="8:8">
      <c r="H626905" s="12"/>
    </row>
    <row r="626906" spans="8:8">
      <c r="H626906" s="12"/>
    </row>
    <row r="626907" spans="8:8">
      <c r="H626907" s="12"/>
    </row>
    <row r="626908" spans="8:8">
      <c r="H626908" s="12"/>
    </row>
    <row r="626909" spans="8:8">
      <c r="H626909" s="12"/>
    </row>
    <row r="626910" spans="8:8">
      <c r="H626910" s="12"/>
    </row>
    <row r="626911" spans="8:8">
      <c r="H626911" s="12"/>
    </row>
    <row r="626912" spans="8:8">
      <c r="H626912" s="12"/>
    </row>
    <row r="626913" spans="8:8">
      <c r="H626913" s="12"/>
    </row>
    <row r="626914" spans="8:8">
      <c r="H626914" s="12"/>
    </row>
    <row r="626915" spans="8:8">
      <c r="H626915" s="12"/>
    </row>
    <row r="626916" spans="8:8">
      <c r="H626916" s="12"/>
    </row>
    <row r="626917" spans="8:8">
      <c r="H626917" s="12"/>
    </row>
    <row r="626918" spans="8:8">
      <c r="H626918" s="12"/>
    </row>
    <row r="626919" spans="8:8">
      <c r="H626919" s="12"/>
    </row>
    <row r="626920" spans="8:8">
      <c r="H626920" s="12"/>
    </row>
    <row r="626921" spans="8:8">
      <c r="H626921" s="12"/>
    </row>
    <row r="626922" spans="8:8">
      <c r="H626922" s="12"/>
    </row>
    <row r="626923" spans="8:8">
      <c r="H626923" s="12"/>
    </row>
    <row r="626924" spans="8:8">
      <c r="H626924" s="12"/>
    </row>
    <row r="626925" spans="8:8">
      <c r="H626925" s="12"/>
    </row>
    <row r="626926" spans="8:8">
      <c r="H626926" s="12"/>
    </row>
    <row r="626927" spans="8:8">
      <c r="H626927" s="12"/>
    </row>
    <row r="626928" spans="8:8">
      <c r="H626928" s="12"/>
    </row>
    <row r="626929" spans="8:8">
      <c r="H626929" s="12"/>
    </row>
    <row r="626930" spans="8:8">
      <c r="H626930" s="12"/>
    </row>
    <row r="626931" spans="8:8">
      <c r="H626931" s="12"/>
    </row>
    <row r="626932" spans="8:8">
      <c r="H626932" s="12"/>
    </row>
    <row r="626933" spans="8:8">
      <c r="H626933" s="12"/>
    </row>
    <row r="626934" spans="8:8">
      <c r="H626934" s="12"/>
    </row>
    <row r="626935" spans="8:8">
      <c r="H626935" s="12"/>
    </row>
    <row r="626936" spans="8:8">
      <c r="H626936" s="12"/>
    </row>
    <row r="626937" spans="8:8">
      <c r="H626937" s="12"/>
    </row>
    <row r="626938" spans="8:8">
      <c r="H626938" s="12"/>
    </row>
    <row r="626939" spans="8:8">
      <c r="H626939" s="12"/>
    </row>
    <row r="626940" spans="8:8">
      <c r="H626940" s="12"/>
    </row>
    <row r="626941" spans="8:8">
      <c r="H626941" s="12"/>
    </row>
    <row r="626942" spans="8:8">
      <c r="H626942" s="12"/>
    </row>
    <row r="626943" spans="8:8">
      <c r="H626943" s="12"/>
    </row>
    <row r="626944" spans="8:8">
      <c r="H626944" s="12"/>
    </row>
    <row r="626945" spans="8:8">
      <c r="H626945" s="12"/>
    </row>
    <row r="626946" spans="8:8">
      <c r="H626946" s="12"/>
    </row>
    <row r="626947" spans="8:8">
      <c r="H626947" s="12"/>
    </row>
    <row r="626948" spans="8:8">
      <c r="H626948" s="12"/>
    </row>
    <row r="626949" spans="8:8">
      <c r="H626949" s="12"/>
    </row>
    <row r="626950" spans="8:8">
      <c r="H626950" s="12"/>
    </row>
    <row r="626951" spans="8:8">
      <c r="H626951" s="12"/>
    </row>
    <row r="626952" spans="8:8">
      <c r="H626952" s="12"/>
    </row>
    <row r="626953" spans="8:8">
      <c r="H626953" s="12"/>
    </row>
    <row r="626954" spans="8:8">
      <c r="H626954" s="12"/>
    </row>
    <row r="626955" spans="8:8">
      <c r="H626955" s="12"/>
    </row>
    <row r="626956" spans="8:8">
      <c r="H626956" s="12"/>
    </row>
    <row r="626957" spans="8:8">
      <c r="H626957" s="12"/>
    </row>
    <row r="626958" spans="8:8">
      <c r="H626958" s="12"/>
    </row>
    <row r="626959" spans="8:8">
      <c r="H626959" s="12"/>
    </row>
    <row r="626960" spans="8:8">
      <c r="H626960" s="12"/>
    </row>
    <row r="626961" spans="8:8">
      <c r="H626961" s="12"/>
    </row>
    <row r="626962" spans="8:8">
      <c r="H626962" s="12"/>
    </row>
    <row r="626963" spans="8:8">
      <c r="H626963" s="12"/>
    </row>
    <row r="626964" spans="8:8">
      <c r="H626964" s="12"/>
    </row>
    <row r="626965" spans="8:8">
      <c r="H626965" s="12"/>
    </row>
    <row r="626966" spans="8:8">
      <c r="H626966" s="12"/>
    </row>
    <row r="626967" spans="8:8">
      <c r="H626967" s="12"/>
    </row>
    <row r="626968" spans="8:8">
      <c r="H626968" s="12"/>
    </row>
    <row r="626969" spans="8:8">
      <c r="H626969" s="12"/>
    </row>
    <row r="626970" spans="8:8">
      <c r="H626970" s="12"/>
    </row>
    <row r="626971" spans="8:8">
      <c r="H626971" s="12"/>
    </row>
    <row r="626972" spans="8:8">
      <c r="H626972" s="12"/>
    </row>
    <row r="626973" spans="8:8">
      <c r="H626973" s="12"/>
    </row>
    <row r="626974" spans="8:8">
      <c r="H626974" s="12"/>
    </row>
    <row r="626975" spans="8:8">
      <c r="H626975" s="12"/>
    </row>
    <row r="626976" spans="8:8">
      <c r="H626976" s="12"/>
    </row>
    <row r="626977" spans="8:8">
      <c r="H626977" s="12"/>
    </row>
    <row r="626978" spans="8:8">
      <c r="H626978" s="12"/>
    </row>
    <row r="626979" spans="8:8">
      <c r="H626979" s="12"/>
    </row>
    <row r="626980" spans="8:8">
      <c r="H626980" s="12"/>
    </row>
    <row r="626981" spans="8:8">
      <c r="H626981" s="12"/>
    </row>
    <row r="626982" spans="8:8">
      <c r="H626982" s="12"/>
    </row>
    <row r="626983" spans="8:8">
      <c r="H626983" s="12"/>
    </row>
    <row r="626984" spans="8:8">
      <c r="H626984" s="12"/>
    </row>
    <row r="626985" spans="8:8">
      <c r="H626985" s="12"/>
    </row>
    <row r="626986" spans="8:8">
      <c r="H626986" s="12"/>
    </row>
    <row r="626987" spans="8:8">
      <c r="H626987" s="12"/>
    </row>
    <row r="626988" spans="8:8">
      <c r="H626988" s="12"/>
    </row>
    <row r="626989" spans="8:8">
      <c r="H626989" s="12"/>
    </row>
    <row r="626990" spans="8:8">
      <c r="H626990" s="12"/>
    </row>
    <row r="626991" spans="8:8">
      <c r="H626991" s="12"/>
    </row>
    <row r="626992" spans="8:8">
      <c r="H626992" s="12"/>
    </row>
    <row r="626993" spans="8:8">
      <c r="H626993" s="12"/>
    </row>
    <row r="626994" spans="8:8">
      <c r="H626994" s="12"/>
    </row>
    <row r="626995" spans="8:8">
      <c r="H626995" s="12"/>
    </row>
    <row r="626996" spans="8:8">
      <c r="H626996" s="12"/>
    </row>
    <row r="626997" spans="8:8">
      <c r="H626997" s="12"/>
    </row>
    <row r="626998" spans="8:8">
      <c r="H626998" s="12"/>
    </row>
    <row r="626999" spans="8:8">
      <c r="H626999" s="12"/>
    </row>
    <row r="627000" spans="8:8">
      <c r="H627000" s="12"/>
    </row>
    <row r="627001" spans="8:8">
      <c r="H627001" s="12"/>
    </row>
    <row r="627002" spans="8:8">
      <c r="H627002" s="12"/>
    </row>
    <row r="627003" spans="8:8">
      <c r="H627003" s="12"/>
    </row>
    <row r="627004" spans="8:8">
      <c r="H627004" s="12"/>
    </row>
    <row r="627005" spans="8:8">
      <c r="H627005" s="12"/>
    </row>
    <row r="627006" spans="8:8">
      <c r="H627006" s="12"/>
    </row>
    <row r="627007" spans="8:8">
      <c r="H627007" s="12"/>
    </row>
    <row r="627008" spans="8:8">
      <c r="H627008" s="12"/>
    </row>
    <row r="627009" spans="8:8">
      <c r="H627009" s="12"/>
    </row>
    <row r="627010" spans="8:8">
      <c r="H627010" s="12"/>
    </row>
    <row r="627011" spans="8:8">
      <c r="H627011" s="12"/>
    </row>
    <row r="627012" spans="8:8">
      <c r="H627012" s="12"/>
    </row>
    <row r="627013" spans="8:8">
      <c r="H627013" s="12"/>
    </row>
    <row r="627014" spans="8:8">
      <c r="H627014" s="12"/>
    </row>
    <row r="627015" spans="8:8">
      <c r="H627015" s="12"/>
    </row>
    <row r="627016" spans="8:8">
      <c r="H627016" s="12"/>
    </row>
    <row r="627017" spans="8:8">
      <c r="H627017" s="12"/>
    </row>
    <row r="627018" spans="8:8">
      <c r="H627018" s="12"/>
    </row>
    <row r="627019" spans="8:8">
      <c r="H627019" s="12"/>
    </row>
    <row r="627020" spans="8:8">
      <c r="H627020" s="12"/>
    </row>
    <row r="627021" spans="8:8">
      <c r="H627021" s="12"/>
    </row>
    <row r="627022" spans="8:8">
      <c r="H627022" s="12"/>
    </row>
    <row r="627023" spans="8:8">
      <c r="H627023" s="12"/>
    </row>
    <row r="627024" spans="8:8">
      <c r="H627024" s="12"/>
    </row>
    <row r="627025" spans="8:8">
      <c r="H627025" s="12"/>
    </row>
    <row r="627026" spans="8:8">
      <c r="H627026" s="12"/>
    </row>
    <row r="627027" spans="8:8">
      <c r="H627027" s="12"/>
    </row>
    <row r="627028" spans="8:8">
      <c r="H627028" s="12"/>
    </row>
    <row r="627029" spans="8:8">
      <c r="H627029" s="12"/>
    </row>
    <row r="627030" spans="8:8">
      <c r="H627030" s="12"/>
    </row>
    <row r="627031" spans="8:8">
      <c r="H627031" s="12"/>
    </row>
    <row r="627032" spans="8:8">
      <c r="H627032" s="12"/>
    </row>
    <row r="627033" spans="8:8">
      <c r="H627033" s="12"/>
    </row>
    <row r="627034" spans="8:8">
      <c r="H627034" s="12"/>
    </row>
    <row r="627035" spans="8:8">
      <c r="H627035" s="12"/>
    </row>
    <row r="627036" spans="8:8">
      <c r="H627036" s="12"/>
    </row>
    <row r="627037" spans="8:8">
      <c r="H627037" s="12"/>
    </row>
    <row r="627038" spans="8:8">
      <c r="H627038" s="12"/>
    </row>
    <row r="627039" spans="8:8">
      <c r="H627039" s="12"/>
    </row>
    <row r="627040" spans="8:8">
      <c r="H627040" s="12"/>
    </row>
    <row r="627041" spans="8:8">
      <c r="H627041" s="12"/>
    </row>
    <row r="627042" spans="8:8">
      <c r="H627042" s="12"/>
    </row>
    <row r="627043" spans="8:8">
      <c r="H627043" s="12"/>
    </row>
    <row r="627044" spans="8:8">
      <c r="H627044" s="12"/>
    </row>
    <row r="627045" spans="8:8">
      <c r="H627045" s="12"/>
    </row>
    <row r="627046" spans="8:8">
      <c r="H627046" s="12"/>
    </row>
    <row r="627047" spans="8:8">
      <c r="H627047" s="12"/>
    </row>
    <row r="627048" spans="8:8">
      <c r="H627048" s="12"/>
    </row>
    <row r="627049" spans="8:8">
      <c r="H627049" s="12"/>
    </row>
    <row r="627050" spans="8:8">
      <c r="H627050" s="12"/>
    </row>
    <row r="627051" spans="8:8">
      <c r="H627051" s="12"/>
    </row>
    <row r="627052" spans="8:8">
      <c r="H627052" s="12"/>
    </row>
    <row r="627053" spans="8:8">
      <c r="H627053" s="12"/>
    </row>
    <row r="627054" spans="8:8">
      <c r="H627054" s="12"/>
    </row>
    <row r="627055" spans="8:8">
      <c r="H627055" s="12"/>
    </row>
    <row r="627056" spans="8:8">
      <c r="H627056" s="12"/>
    </row>
    <row r="627057" spans="8:8">
      <c r="H627057" s="12"/>
    </row>
    <row r="627058" spans="8:8">
      <c r="H627058" s="12"/>
    </row>
    <row r="627059" spans="8:8">
      <c r="H627059" s="12"/>
    </row>
    <row r="627060" spans="8:8">
      <c r="H627060" s="12"/>
    </row>
    <row r="627061" spans="8:8">
      <c r="H627061" s="12"/>
    </row>
    <row r="627062" spans="8:8">
      <c r="H627062" s="12"/>
    </row>
    <row r="627063" spans="8:8">
      <c r="H627063" s="12"/>
    </row>
    <row r="627064" spans="8:8">
      <c r="H627064" s="12"/>
    </row>
    <row r="627065" spans="8:8">
      <c r="H627065" s="12"/>
    </row>
    <row r="627066" spans="8:8">
      <c r="H627066" s="12"/>
    </row>
    <row r="627067" spans="8:8">
      <c r="H627067" s="12"/>
    </row>
    <row r="627068" spans="8:8">
      <c r="H627068" s="12"/>
    </row>
    <row r="627069" spans="8:8">
      <c r="H627069" s="12"/>
    </row>
    <row r="627070" spans="8:8">
      <c r="H627070" s="12"/>
    </row>
    <row r="627071" spans="8:8">
      <c r="H627071" s="12"/>
    </row>
    <row r="627072" spans="8:8">
      <c r="H627072" s="12"/>
    </row>
    <row r="627073" spans="8:8">
      <c r="H627073" s="12"/>
    </row>
    <row r="627074" spans="8:8">
      <c r="H627074" s="12"/>
    </row>
    <row r="627075" spans="8:8">
      <c r="H627075" s="12"/>
    </row>
    <row r="627076" spans="8:8">
      <c r="H627076" s="12"/>
    </row>
    <row r="627077" spans="8:8">
      <c r="H627077" s="12"/>
    </row>
    <row r="627078" spans="8:8">
      <c r="H627078" s="12"/>
    </row>
    <row r="627079" spans="8:8">
      <c r="H627079" s="12"/>
    </row>
    <row r="627080" spans="8:8">
      <c r="H627080" s="12"/>
    </row>
    <row r="627081" spans="8:8">
      <c r="H627081" s="12"/>
    </row>
    <row r="627082" spans="8:8">
      <c r="H627082" s="12"/>
    </row>
    <row r="627083" spans="8:8">
      <c r="H627083" s="12"/>
    </row>
    <row r="627084" spans="8:8">
      <c r="H627084" s="12"/>
    </row>
    <row r="627085" spans="8:8">
      <c r="H627085" s="12"/>
    </row>
    <row r="627086" spans="8:8">
      <c r="H627086" s="12"/>
    </row>
    <row r="627087" spans="8:8">
      <c r="H627087" s="12"/>
    </row>
    <row r="627088" spans="8:8">
      <c r="H627088" s="12"/>
    </row>
    <row r="627089" spans="8:8">
      <c r="H627089" s="12"/>
    </row>
    <row r="627090" spans="8:8">
      <c r="H627090" s="12"/>
    </row>
    <row r="627091" spans="8:8">
      <c r="H627091" s="12"/>
    </row>
    <row r="627092" spans="8:8">
      <c r="H627092" s="12"/>
    </row>
    <row r="627093" spans="8:8">
      <c r="H627093" s="12"/>
    </row>
    <row r="627094" spans="8:8">
      <c r="H627094" s="12"/>
    </row>
    <row r="627095" spans="8:8">
      <c r="H627095" s="12"/>
    </row>
    <row r="627096" spans="8:8">
      <c r="H627096" s="12"/>
    </row>
    <row r="627097" spans="8:8">
      <c r="H627097" s="12"/>
    </row>
    <row r="627098" spans="8:8">
      <c r="H627098" s="12"/>
    </row>
    <row r="627099" spans="8:8">
      <c r="H627099" s="12"/>
    </row>
    <row r="627100" spans="8:8">
      <c r="H627100" s="12"/>
    </row>
    <row r="627101" spans="8:8">
      <c r="H627101" s="12"/>
    </row>
    <row r="627102" spans="8:8">
      <c r="H627102" s="12"/>
    </row>
    <row r="627103" spans="8:8">
      <c r="H627103" s="12"/>
    </row>
    <row r="627104" spans="8:8">
      <c r="H627104" s="12"/>
    </row>
    <row r="627105" spans="8:8">
      <c r="H627105" s="12"/>
    </row>
    <row r="627106" spans="8:8">
      <c r="H627106" s="12"/>
    </row>
    <row r="627107" spans="8:8">
      <c r="H627107" s="12"/>
    </row>
    <row r="627108" spans="8:8">
      <c r="H627108" s="12"/>
    </row>
    <row r="627109" spans="8:8">
      <c r="H627109" s="12"/>
    </row>
    <row r="627110" spans="8:8">
      <c r="H627110" s="12"/>
    </row>
    <row r="627111" spans="8:8">
      <c r="H627111" s="12"/>
    </row>
    <row r="627112" spans="8:8">
      <c r="H627112" s="12"/>
    </row>
    <row r="627113" spans="8:8">
      <c r="H627113" s="12"/>
    </row>
    <row r="627114" spans="8:8">
      <c r="H627114" s="12"/>
    </row>
    <row r="627115" spans="8:8">
      <c r="H627115" s="12"/>
    </row>
    <row r="627116" spans="8:8">
      <c r="H627116" s="12"/>
    </row>
    <row r="627117" spans="8:8">
      <c r="H627117" s="12"/>
    </row>
    <row r="627118" spans="8:8">
      <c r="H627118" s="12"/>
    </row>
    <row r="627119" spans="8:8">
      <c r="H627119" s="12"/>
    </row>
    <row r="627120" spans="8:8">
      <c r="H627120" s="12"/>
    </row>
    <row r="627121" spans="8:8">
      <c r="H627121" s="12"/>
    </row>
    <row r="627122" spans="8:8">
      <c r="H627122" s="12"/>
    </row>
    <row r="627123" spans="8:8">
      <c r="H627123" s="12"/>
    </row>
    <row r="627124" spans="8:8">
      <c r="H627124" s="12"/>
    </row>
    <row r="627125" spans="8:8">
      <c r="H627125" s="12"/>
    </row>
    <row r="627126" spans="8:8">
      <c r="H627126" s="12"/>
    </row>
    <row r="627127" spans="8:8">
      <c r="H627127" s="12"/>
    </row>
    <row r="627128" spans="8:8">
      <c r="H627128" s="12"/>
    </row>
    <row r="627129" spans="8:8">
      <c r="H627129" s="12"/>
    </row>
    <row r="627130" spans="8:8">
      <c r="H627130" s="12"/>
    </row>
    <row r="627131" spans="8:8">
      <c r="H627131" s="12"/>
    </row>
    <row r="627132" spans="8:8">
      <c r="H627132" s="12"/>
    </row>
    <row r="627133" spans="8:8">
      <c r="H627133" s="12"/>
    </row>
    <row r="627134" spans="8:8">
      <c r="H627134" s="12"/>
    </row>
    <row r="627135" spans="8:8">
      <c r="H627135" s="12"/>
    </row>
    <row r="627136" spans="8:8">
      <c r="H627136" s="12"/>
    </row>
    <row r="627137" spans="8:8">
      <c r="H627137" s="12"/>
    </row>
    <row r="627138" spans="8:8">
      <c r="H627138" s="12"/>
    </row>
    <row r="627139" spans="8:8">
      <c r="H627139" s="12"/>
    </row>
    <row r="627140" spans="8:8">
      <c r="H627140" s="12"/>
    </row>
    <row r="627141" spans="8:8">
      <c r="H627141" s="12"/>
    </row>
    <row r="627142" spans="8:8">
      <c r="H627142" s="12"/>
    </row>
    <row r="627143" spans="8:8">
      <c r="H627143" s="12"/>
    </row>
    <row r="627144" spans="8:8">
      <c r="H627144" s="12"/>
    </row>
    <row r="627145" spans="8:8">
      <c r="H627145" s="12"/>
    </row>
    <row r="627146" spans="8:8">
      <c r="H627146" s="12"/>
    </row>
    <row r="627147" spans="8:8">
      <c r="H627147" s="12"/>
    </row>
    <row r="627148" spans="8:8">
      <c r="H627148" s="12"/>
    </row>
    <row r="627149" spans="8:8">
      <c r="H627149" s="12"/>
    </row>
    <row r="627150" spans="8:8">
      <c r="H627150" s="12"/>
    </row>
    <row r="627151" spans="8:8">
      <c r="H627151" s="12"/>
    </row>
    <row r="627152" spans="8:8">
      <c r="H627152" s="12"/>
    </row>
    <row r="627153" spans="8:8">
      <c r="H627153" s="12"/>
    </row>
    <row r="627154" spans="8:8">
      <c r="H627154" s="12"/>
    </row>
    <row r="627155" spans="8:8">
      <c r="H627155" s="12"/>
    </row>
    <row r="627156" spans="8:8">
      <c r="H627156" s="12"/>
    </row>
    <row r="627157" spans="8:8">
      <c r="H627157" s="12"/>
    </row>
    <row r="627158" spans="8:8">
      <c r="H627158" s="12"/>
    </row>
    <row r="627159" spans="8:8">
      <c r="H627159" s="12"/>
    </row>
    <row r="627160" spans="8:8">
      <c r="H627160" s="12"/>
    </row>
    <row r="627161" spans="8:8">
      <c r="H627161" s="12"/>
    </row>
    <row r="627162" spans="8:8">
      <c r="H627162" s="12"/>
    </row>
    <row r="627163" spans="8:8">
      <c r="H627163" s="12"/>
    </row>
    <row r="627164" spans="8:8">
      <c r="H627164" s="12"/>
    </row>
    <row r="627165" spans="8:8">
      <c r="H627165" s="12"/>
    </row>
    <row r="627166" spans="8:8">
      <c r="H627166" s="12"/>
    </row>
    <row r="627167" spans="8:8">
      <c r="H627167" s="12"/>
    </row>
    <row r="627168" spans="8:8">
      <c r="H627168" s="12"/>
    </row>
    <row r="627169" spans="8:8">
      <c r="H627169" s="12"/>
    </row>
    <row r="627170" spans="8:8">
      <c r="H627170" s="12"/>
    </row>
    <row r="627171" spans="8:8">
      <c r="H627171" s="12"/>
    </row>
    <row r="627172" spans="8:8">
      <c r="H627172" s="12"/>
    </row>
    <row r="627173" spans="8:8">
      <c r="H627173" s="12"/>
    </row>
    <row r="627174" spans="8:8">
      <c r="H627174" s="12"/>
    </row>
    <row r="627175" spans="8:8">
      <c r="H627175" s="12"/>
    </row>
    <row r="627176" spans="8:8">
      <c r="H627176" s="12"/>
    </row>
    <row r="627177" spans="8:8">
      <c r="H627177" s="12"/>
    </row>
    <row r="627178" spans="8:8">
      <c r="H627178" s="12"/>
    </row>
    <row r="627179" spans="8:8">
      <c r="H627179" s="12"/>
    </row>
    <row r="627180" spans="8:8">
      <c r="H627180" s="12"/>
    </row>
    <row r="627181" spans="8:8">
      <c r="H627181" s="12"/>
    </row>
    <row r="627182" spans="8:8">
      <c r="H627182" s="12"/>
    </row>
    <row r="627183" spans="8:8">
      <c r="H627183" s="12"/>
    </row>
    <row r="627184" spans="8:8">
      <c r="H627184" s="12"/>
    </row>
    <row r="627185" spans="8:8">
      <c r="H627185" s="12"/>
    </row>
    <row r="627186" spans="8:8">
      <c r="H627186" s="12"/>
    </row>
    <row r="627187" spans="8:8">
      <c r="H627187" s="12"/>
    </row>
    <row r="627188" spans="8:8">
      <c r="H627188" s="12"/>
    </row>
    <row r="627189" spans="8:8">
      <c r="H627189" s="12"/>
    </row>
    <row r="627190" spans="8:8">
      <c r="H627190" s="12"/>
    </row>
    <row r="627191" spans="8:8">
      <c r="H627191" s="12"/>
    </row>
    <row r="627192" spans="8:8">
      <c r="H627192" s="12"/>
    </row>
    <row r="627193" spans="8:8">
      <c r="H627193" s="12"/>
    </row>
    <row r="627194" spans="8:8">
      <c r="H627194" s="12"/>
    </row>
    <row r="627195" spans="8:8">
      <c r="H627195" s="12"/>
    </row>
    <row r="627196" spans="8:8">
      <c r="H627196" s="12"/>
    </row>
    <row r="627197" spans="8:8">
      <c r="H627197" s="12"/>
    </row>
    <row r="627198" spans="8:8">
      <c r="H627198" s="12"/>
    </row>
    <row r="627199" spans="8:8">
      <c r="H627199" s="12"/>
    </row>
    <row r="627200" spans="8:8">
      <c r="H627200" s="12"/>
    </row>
    <row r="627201" spans="8:8">
      <c r="H627201" s="12"/>
    </row>
    <row r="627202" spans="8:8">
      <c r="H627202" s="12"/>
    </row>
    <row r="627203" spans="8:8">
      <c r="H627203" s="12"/>
    </row>
    <row r="627204" spans="8:8">
      <c r="H627204" s="12"/>
    </row>
    <row r="627205" spans="8:8">
      <c r="H627205" s="12"/>
    </row>
    <row r="627206" spans="8:8">
      <c r="H627206" s="12"/>
    </row>
    <row r="627207" spans="8:8">
      <c r="H627207" s="12"/>
    </row>
    <row r="627208" spans="8:8">
      <c r="H627208" s="12"/>
    </row>
    <row r="627209" spans="8:8">
      <c r="H627209" s="12"/>
    </row>
    <row r="627210" spans="8:8">
      <c r="H627210" s="12"/>
    </row>
    <row r="627211" spans="8:8">
      <c r="H627211" s="12"/>
    </row>
    <row r="627212" spans="8:8">
      <c r="H627212" s="12"/>
    </row>
    <row r="627213" spans="8:8">
      <c r="H627213" s="12"/>
    </row>
    <row r="627214" spans="8:8">
      <c r="H627214" s="12"/>
    </row>
    <row r="627215" spans="8:8">
      <c r="H627215" s="12"/>
    </row>
    <row r="627216" spans="8:8">
      <c r="H627216" s="12"/>
    </row>
    <row r="627217" spans="8:8">
      <c r="H627217" s="12"/>
    </row>
    <row r="627218" spans="8:8">
      <c r="H627218" s="12"/>
    </row>
    <row r="627219" spans="8:8">
      <c r="H627219" s="12"/>
    </row>
    <row r="627220" spans="8:8">
      <c r="H627220" s="12"/>
    </row>
    <row r="627221" spans="8:8">
      <c r="H627221" s="12"/>
    </row>
    <row r="627222" spans="8:8">
      <c r="H627222" s="12"/>
    </row>
    <row r="627223" spans="8:8">
      <c r="H627223" s="12"/>
    </row>
    <row r="627224" spans="8:8">
      <c r="H627224" s="12"/>
    </row>
    <row r="627225" spans="8:8">
      <c r="H627225" s="12"/>
    </row>
    <row r="627226" spans="8:8">
      <c r="H627226" s="12"/>
    </row>
    <row r="627227" spans="8:8">
      <c r="H627227" s="12"/>
    </row>
    <row r="627228" spans="8:8">
      <c r="H627228" s="12"/>
    </row>
    <row r="627229" spans="8:8">
      <c r="H627229" s="12"/>
    </row>
    <row r="627230" spans="8:8">
      <c r="H627230" s="12"/>
    </row>
    <row r="627231" spans="8:8">
      <c r="H627231" s="12"/>
    </row>
    <row r="627232" spans="8:8">
      <c r="H627232" s="12"/>
    </row>
    <row r="627233" spans="8:8">
      <c r="H627233" s="12"/>
    </row>
    <row r="627234" spans="8:8">
      <c r="H627234" s="12"/>
    </row>
    <row r="627235" spans="8:8">
      <c r="H627235" s="12"/>
    </row>
    <row r="627236" spans="8:8">
      <c r="H627236" s="12"/>
    </row>
    <row r="627237" spans="8:8">
      <c r="H627237" s="12"/>
    </row>
    <row r="627238" spans="8:8">
      <c r="H627238" s="12"/>
    </row>
    <row r="627239" spans="8:8">
      <c r="H627239" s="12"/>
    </row>
    <row r="627240" spans="8:8">
      <c r="H627240" s="12"/>
    </row>
    <row r="627241" spans="8:8">
      <c r="H627241" s="12"/>
    </row>
    <row r="627242" spans="8:8">
      <c r="H627242" s="12"/>
    </row>
    <row r="627243" spans="8:8">
      <c r="H627243" s="12"/>
    </row>
    <row r="627244" spans="8:8">
      <c r="H627244" s="12"/>
    </row>
    <row r="627245" spans="8:8">
      <c r="H627245" s="12"/>
    </row>
    <row r="627246" spans="8:8">
      <c r="H627246" s="12"/>
    </row>
    <row r="627247" spans="8:8">
      <c r="H627247" s="12"/>
    </row>
    <row r="627248" spans="8:8">
      <c r="H627248" s="12"/>
    </row>
    <row r="627249" spans="8:8">
      <c r="H627249" s="12"/>
    </row>
    <row r="627250" spans="8:8">
      <c r="H627250" s="12"/>
    </row>
    <row r="627251" spans="8:8">
      <c r="H627251" s="12"/>
    </row>
    <row r="627252" spans="8:8">
      <c r="H627252" s="12"/>
    </row>
    <row r="627253" spans="8:8">
      <c r="H627253" s="12"/>
    </row>
    <row r="627254" spans="8:8">
      <c r="H627254" s="12"/>
    </row>
    <row r="627255" spans="8:8">
      <c r="H627255" s="12"/>
    </row>
    <row r="627256" spans="8:8">
      <c r="H627256" s="12"/>
    </row>
    <row r="627257" spans="8:8">
      <c r="H627257" s="12"/>
    </row>
    <row r="627258" spans="8:8">
      <c r="H627258" s="12"/>
    </row>
    <row r="627259" spans="8:8">
      <c r="H627259" s="12"/>
    </row>
    <row r="627260" spans="8:8">
      <c r="H627260" s="12"/>
    </row>
    <row r="627261" spans="8:8">
      <c r="H627261" s="12"/>
    </row>
    <row r="627262" spans="8:8">
      <c r="H627262" s="12"/>
    </row>
    <row r="627263" spans="8:8">
      <c r="H627263" s="12"/>
    </row>
    <row r="627264" spans="8:8">
      <c r="H627264" s="12"/>
    </row>
    <row r="627265" spans="8:8">
      <c r="H627265" s="12"/>
    </row>
    <row r="627266" spans="8:8">
      <c r="H627266" s="12"/>
    </row>
    <row r="627267" spans="8:8">
      <c r="H627267" s="12"/>
    </row>
    <row r="627268" spans="8:8">
      <c r="H627268" s="12"/>
    </row>
    <row r="627269" spans="8:8">
      <c r="H627269" s="12"/>
    </row>
    <row r="627270" spans="8:8">
      <c r="H627270" s="12"/>
    </row>
    <row r="627271" spans="8:8">
      <c r="H627271" s="12"/>
    </row>
    <row r="627272" spans="8:8">
      <c r="H627272" s="12"/>
    </row>
    <row r="627273" spans="8:8">
      <c r="H627273" s="12"/>
    </row>
    <row r="627274" spans="8:8">
      <c r="H627274" s="12"/>
    </row>
    <row r="627275" spans="8:8">
      <c r="H627275" s="12"/>
    </row>
    <row r="627276" spans="8:8">
      <c r="H627276" s="12"/>
    </row>
    <row r="627277" spans="8:8">
      <c r="H627277" s="12"/>
    </row>
    <row r="627278" spans="8:8">
      <c r="H627278" s="12"/>
    </row>
    <row r="627279" spans="8:8">
      <c r="H627279" s="12"/>
    </row>
    <row r="627280" spans="8:8">
      <c r="H627280" s="12"/>
    </row>
    <row r="627281" spans="8:8">
      <c r="H627281" s="12"/>
    </row>
    <row r="627282" spans="8:8">
      <c r="H627282" s="12"/>
    </row>
    <row r="627283" spans="8:8">
      <c r="H627283" s="12"/>
    </row>
    <row r="627284" spans="8:8">
      <c r="H627284" s="12"/>
    </row>
    <row r="627285" spans="8:8">
      <c r="H627285" s="12"/>
    </row>
    <row r="627286" spans="8:8">
      <c r="H627286" s="12"/>
    </row>
    <row r="627287" spans="8:8">
      <c r="H627287" s="12"/>
    </row>
    <row r="627288" spans="8:8">
      <c r="H627288" s="12"/>
    </row>
    <row r="627289" spans="8:8">
      <c r="H627289" s="12"/>
    </row>
    <row r="627290" spans="8:8">
      <c r="H627290" s="12"/>
    </row>
    <row r="627291" spans="8:8">
      <c r="H627291" s="12"/>
    </row>
    <row r="627292" spans="8:8">
      <c r="H627292" s="12"/>
    </row>
    <row r="627293" spans="8:8">
      <c r="H627293" s="12"/>
    </row>
    <row r="627294" spans="8:8">
      <c r="H627294" s="12"/>
    </row>
    <row r="627295" spans="8:8">
      <c r="H627295" s="12"/>
    </row>
    <row r="627296" spans="8:8">
      <c r="H627296" s="12"/>
    </row>
    <row r="627297" spans="8:8">
      <c r="H627297" s="12"/>
    </row>
    <row r="627298" spans="8:8">
      <c r="H627298" s="12"/>
    </row>
    <row r="627299" spans="8:8">
      <c r="H627299" s="12"/>
    </row>
    <row r="627300" spans="8:8">
      <c r="H627300" s="12"/>
    </row>
    <row r="627301" spans="8:8">
      <c r="H627301" s="12"/>
    </row>
    <row r="627302" spans="8:8">
      <c r="H627302" s="12"/>
    </row>
    <row r="627303" spans="8:8">
      <c r="H627303" s="12"/>
    </row>
    <row r="627304" spans="8:8">
      <c r="H627304" s="12"/>
    </row>
    <row r="627305" spans="8:8">
      <c r="H627305" s="12"/>
    </row>
    <row r="627306" spans="8:8">
      <c r="H627306" s="12"/>
    </row>
    <row r="627307" spans="8:8">
      <c r="H627307" s="12"/>
    </row>
    <row r="627308" spans="8:8">
      <c r="H627308" s="12"/>
    </row>
    <row r="627309" spans="8:8">
      <c r="H627309" s="12"/>
    </row>
    <row r="627310" spans="8:8">
      <c r="H627310" s="12"/>
    </row>
    <row r="627311" spans="8:8">
      <c r="H627311" s="12"/>
    </row>
    <row r="627312" spans="8:8">
      <c r="H627312" s="12"/>
    </row>
    <row r="627313" spans="8:8">
      <c r="H627313" s="12"/>
    </row>
    <row r="627314" spans="8:8">
      <c r="H627314" s="12"/>
    </row>
    <row r="627315" spans="8:8">
      <c r="H627315" s="12"/>
    </row>
    <row r="627316" spans="8:8">
      <c r="H627316" s="12"/>
    </row>
    <row r="627317" spans="8:8">
      <c r="H627317" s="12"/>
    </row>
    <row r="627318" spans="8:8">
      <c r="H627318" s="12"/>
    </row>
    <row r="627319" spans="8:8">
      <c r="H627319" s="12"/>
    </row>
    <row r="627320" spans="8:8">
      <c r="H627320" s="12"/>
    </row>
    <row r="627321" spans="8:8">
      <c r="H627321" s="12"/>
    </row>
    <row r="627322" spans="8:8">
      <c r="H627322" s="12"/>
    </row>
    <row r="627323" spans="8:8">
      <c r="H627323" s="12"/>
    </row>
    <row r="627324" spans="8:8">
      <c r="H627324" s="12"/>
    </row>
    <row r="627325" spans="8:8">
      <c r="H627325" s="12"/>
    </row>
    <row r="627326" spans="8:8">
      <c r="H627326" s="12"/>
    </row>
    <row r="627327" spans="8:8">
      <c r="H627327" s="12"/>
    </row>
    <row r="627328" spans="8:8">
      <c r="H627328" s="12"/>
    </row>
    <row r="627329" spans="8:8">
      <c r="H627329" s="12"/>
    </row>
    <row r="627330" spans="8:8">
      <c r="H627330" s="12"/>
    </row>
    <row r="627331" spans="8:8">
      <c r="H627331" s="12"/>
    </row>
    <row r="627332" spans="8:8">
      <c r="H627332" s="12"/>
    </row>
    <row r="627333" spans="8:8">
      <c r="H627333" s="12"/>
    </row>
    <row r="627334" spans="8:8">
      <c r="H627334" s="12"/>
    </row>
    <row r="627335" spans="8:8">
      <c r="H627335" s="12"/>
    </row>
    <row r="627336" spans="8:8">
      <c r="H627336" s="12"/>
    </row>
    <row r="627337" spans="8:8">
      <c r="H627337" s="12"/>
    </row>
    <row r="627338" spans="8:8">
      <c r="H627338" s="12"/>
    </row>
    <row r="627339" spans="8:8">
      <c r="H627339" s="12"/>
    </row>
    <row r="627340" spans="8:8">
      <c r="H627340" s="12"/>
    </row>
    <row r="627341" spans="8:8">
      <c r="H627341" s="12"/>
    </row>
    <row r="627342" spans="8:8">
      <c r="H627342" s="12"/>
    </row>
    <row r="627343" spans="8:8">
      <c r="H627343" s="12"/>
    </row>
    <row r="627344" spans="8:8">
      <c r="H627344" s="12"/>
    </row>
    <row r="627345" spans="8:8">
      <c r="H627345" s="12"/>
    </row>
    <row r="627346" spans="8:8">
      <c r="H627346" s="12"/>
    </row>
    <row r="627347" spans="8:8">
      <c r="H627347" s="12"/>
    </row>
    <row r="627348" spans="8:8">
      <c r="H627348" s="12"/>
    </row>
    <row r="627349" spans="8:8">
      <c r="H627349" s="12"/>
    </row>
    <row r="627350" spans="8:8">
      <c r="H627350" s="12"/>
    </row>
    <row r="627351" spans="8:8">
      <c r="H627351" s="12"/>
    </row>
    <row r="627352" spans="8:8">
      <c r="H627352" s="12"/>
    </row>
    <row r="627353" spans="8:8">
      <c r="H627353" s="12"/>
    </row>
    <row r="627354" spans="8:8">
      <c r="H627354" s="12"/>
    </row>
    <row r="627355" spans="8:8">
      <c r="H627355" s="12"/>
    </row>
    <row r="627356" spans="8:8">
      <c r="H627356" s="12"/>
    </row>
    <row r="627357" spans="8:8">
      <c r="H627357" s="12"/>
    </row>
    <row r="627358" spans="8:8">
      <c r="H627358" s="12"/>
    </row>
    <row r="627359" spans="8:8">
      <c r="H627359" s="12"/>
    </row>
    <row r="627360" spans="8:8">
      <c r="H627360" s="12"/>
    </row>
    <row r="627361" spans="8:8">
      <c r="H627361" s="12"/>
    </row>
    <row r="627362" spans="8:8">
      <c r="H627362" s="12"/>
    </row>
    <row r="627363" spans="8:8">
      <c r="H627363" s="12"/>
    </row>
    <row r="627364" spans="8:8">
      <c r="H627364" s="12"/>
    </row>
    <row r="627365" spans="8:8">
      <c r="H627365" s="12"/>
    </row>
    <row r="627366" spans="8:8">
      <c r="H627366" s="12"/>
    </row>
    <row r="627367" spans="8:8">
      <c r="H627367" s="12"/>
    </row>
    <row r="627368" spans="8:8">
      <c r="H627368" s="12"/>
    </row>
    <row r="627369" spans="8:8">
      <c r="H627369" s="12"/>
    </row>
    <row r="627370" spans="8:8">
      <c r="H627370" s="12"/>
    </row>
    <row r="627371" spans="8:8">
      <c r="H627371" s="12"/>
    </row>
    <row r="627372" spans="8:8">
      <c r="H627372" s="12"/>
    </row>
    <row r="627373" spans="8:8">
      <c r="H627373" s="12"/>
    </row>
    <row r="627374" spans="8:8">
      <c r="H627374" s="12"/>
    </row>
    <row r="627375" spans="8:8">
      <c r="H627375" s="12"/>
    </row>
    <row r="627376" spans="8:8">
      <c r="H627376" s="12"/>
    </row>
    <row r="627377" spans="8:8">
      <c r="H627377" s="12"/>
    </row>
    <row r="627378" spans="8:8">
      <c r="H627378" s="12"/>
    </row>
    <row r="627379" spans="8:8">
      <c r="H627379" s="12"/>
    </row>
    <row r="627380" spans="8:8">
      <c r="H627380" s="12"/>
    </row>
    <row r="627381" spans="8:8">
      <c r="H627381" s="12"/>
    </row>
    <row r="627382" spans="8:8">
      <c r="H627382" s="12"/>
    </row>
    <row r="627383" spans="8:8">
      <c r="H627383" s="12"/>
    </row>
    <row r="627384" spans="8:8">
      <c r="H627384" s="12"/>
    </row>
    <row r="627385" spans="8:8">
      <c r="H627385" s="12"/>
    </row>
    <row r="627386" spans="8:8">
      <c r="H627386" s="12"/>
    </row>
    <row r="627387" spans="8:8">
      <c r="H627387" s="12"/>
    </row>
    <row r="627388" spans="8:8">
      <c r="H627388" s="12"/>
    </row>
    <row r="627389" spans="8:8">
      <c r="H627389" s="12"/>
    </row>
    <row r="627390" spans="8:8">
      <c r="H627390" s="12"/>
    </row>
    <row r="627391" spans="8:8">
      <c r="H627391" s="12"/>
    </row>
    <row r="627392" spans="8:8">
      <c r="H627392" s="12"/>
    </row>
    <row r="627393" spans="8:8">
      <c r="H627393" s="12"/>
    </row>
    <row r="627394" spans="8:8">
      <c r="H627394" s="12"/>
    </row>
    <row r="627395" spans="8:8">
      <c r="H627395" s="12"/>
    </row>
    <row r="627396" spans="8:8">
      <c r="H627396" s="12"/>
    </row>
    <row r="627397" spans="8:8">
      <c r="H627397" s="12"/>
    </row>
    <row r="627398" spans="8:8">
      <c r="H627398" s="12"/>
    </row>
    <row r="627399" spans="8:8">
      <c r="H627399" s="12"/>
    </row>
    <row r="627400" spans="8:8">
      <c r="H627400" s="12"/>
    </row>
    <row r="627401" spans="8:8">
      <c r="H627401" s="12"/>
    </row>
    <row r="627402" spans="8:8">
      <c r="H627402" s="12"/>
    </row>
    <row r="627403" spans="8:8">
      <c r="H627403" s="12"/>
    </row>
    <row r="627404" spans="8:8">
      <c r="H627404" s="12"/>
    </row>
    <row r="627405" spans="8:8">
      <c r="H627405" s="12"/>
    </row>
    <row r="627406" spans="8:8">
      <c r="H627406" s="12"/>
    </row>
    <row r="627407" spans="8:8">
      <c r="H627407" s="12"/>
    </row>
    <row r="627408" spans="8:8">
      <c r="H627408" s="12"/>
    </row>
    <row r="627409" spans="8:8">
      <c r="H627409" s="12"/>
    </row>
    <row r="627410" spans="8:8">
      <c r="H627410" s="12"/>
    </row>
    <row r="627411" spans="8:8">
      <c r="H627411" s="12"/>
    </row>
    <row r="627412" spans="8:8">
      <c r="H627412" s="12"/>
    </row>
    <row r="627413" spans="8:8">
      <c r="H627413" s="12"/>
    </row>
    <row r="627414" spans="8:8">
      <c r="H627414" s="12"/>
    </row>
    <row r="627415" spans="8:8">
      <c r="H627415" s="12"/>
    </row>
    <row r="627416" spans="8:8">
      <c r="H627416" s="12"/>
    </row>
    <row r="627417" spans="8:8">
      <c r="H627417" s="12"/>
    </row>
    <row r="627418" spans="8:8">
      <c r="H627418" s="12"/>
    </row>
    <row r="627419" spans="8:8">
      <c r="H627419" s="12"/>
    </row>
    <row r="627420" spans="8:8">
      <c r="H627420" s="12"/>
    </row>
    <row r="627421" spans="8:8">
      <c r="H627421" s="12"/>
    </row>
    <row r="627422" spans="8:8">
      <c r="H627422" s="12"/>
    </row>
    <row r="627423" spans="8:8">
      <c r="H627423" s="12"/>
    </row>
    <row r="627424" spans="8:8">
      <c r="H627424" s="12"/>
    </row>
    <row r="627425" spans="8:8">
      <c r="H627425" s="12"/>
    </row>
    <row r="627426" spans="8:8">
      <c r="H627426" s="12"/>
    </row>
    <row r="627427" spans="8:8">
      <c r="H627427" s="12"/>
    </row>
    <row r="627428" spans="8:8">
      <c r="H627428" s="12"/>
    </row>
    <row r="627429" spans="8:8">
      <c r="H627429" s="12"/>
    </row>
    <row r="627430" spans="8:8">
      <c r="H627430" s="12"/>
    </row>
    <row r="627431" spans="8:8">
      <c r="H627431" s="12"/>
    </row>
    <row r="627432" spans="8:8">
      <c r="H627432" s="12"/>
    </row>
    <row r="627433" spans="8:8">
      <c r="H627433" s="12"/>
    </row>
    <row r="627434" spans="8:8">
      <c r="H627434" s="12"/>
    </row>
    <row r="627435" spans="8:8">
      <c r="H627435" s="12"/>
    </row>
    <row r="627436" spans="8:8">
      <c r="H627436" s="12"/>
    </row>
    <row r="627437" spans="8:8">
      <c r="H627437" s="12"/>
    </row>
    <row r="627438" spans="8:8">
      <c r="H627438" s="12"/>
    </row>
    <row r="627439" spans="8:8">
      <c r="H627439" s="12"/>
    </row>
    <row r="627440" spans="8:8">
      <c r="H627440" s="12"/>
    </row>
    <row r="627441" spans="8:8">
      <c r="H627441" s="12"/>
    </row>
    <row r="627442" spans="8:8">
      <c r="H627442" s="12"/>
    </row>
    <row r="627443" spans="8:8">
      <c r="H627443" s="12"/>
    </row>
    <row r="627444" spans="8:8">
      <c r="H627444" s="12"/>
    </row>
    <row r="627445" spans="8:8">
      <c r="H627445" s="12"/>
    </row>
    <row r="627446" spans="8:8">
      <c r="H627446" s="12"/>
    </row>
    <row r="627447" spans="8:8">
      <c r="H627447" s="12"/>
    </row>
    <row r="627448" spans="8:8">
      <c r="H627448" s="12"/>
    </row>
    <row r="627449" spans="8:8">
      <c r="H627449" s="12"/>
    </row>
    <row r="627450" spans="8:8">
      <c r="H627450" s="12"/>
    </row>
    <row r="627451" spans="8:8">
      <c r="H627451" s="12"/>
    </row>
    <row r="627452" spans="8:8">
      <c r="H627452" s="12"/>
    </row>
    <row r="627453" spans="8:8">
      <c r="H627453" s="12"/>
    </row>
    <row r="627454" spans="8:8">
      <c r="H627454" s="12"/>
    </row>
    <row r="627455" spans="8:8">
      <c r="H627455" s="12"/>
    </row>
    <row r="627456" spans="8:8">
      <c r="H627456" s="12"/>
    </row>
    <row r="627457" spans="8:8">
      <c r="H627457" s="12"/>
    </row>
    <row r="627458" spans="8:8">
      <c r="H627458" s="12"/>
    </row>
    <row r="627459" spans="8:8">
      <c r="H627459" s="12"/>
    </row>
    <row r="627460" spans="8:8">
      <c r="H627460" s="12"/>
    </row>
    <row r="627461" spans="8:8">
      <c r="H627461" s="12"/>
    </row>
    <row r="627462" spans="8:8">
      <c r="H627462" s="12"/>
    </row>
    <row r="627463" spans="8:8">
      <c r="H627463" s="12"/>
    </row>
    <row r="627464" spans="8:8">
      <c r="H627464" s="12"/>
    </row>
    <row r="627465" spans="8:8">
      <c r="H627465" s="12"/>
    </row>
    <row r="627466" spans="8:8">
      <c r="H627466" s="12"/>
    </row>
    <row r="627467" spans="8:8">
      <c r="H627467" s="12"/>
    </row>
    <row r="627468" spans="8:8">
      <c r="H627468" s="12"/>
    </row>
    <row r="627469" spans="8:8">
      <c r="H627469" s="12"/>
    </row>
    <row r="627470" spans="8:8">
      <c r="H627470" s="12"/>
    </row>
    <row r="627471" spans="8:8">
      <c r="H627471" s="12"/>
    </row>
    <row r="627472" spans="8:8">
      <c r="H627472" s="12"/>
    </row>
    <row r="627473" spans="8:8">
      <c r="H627473" s="12"/>
    </row>
    <row r="627474" spans="8:8">
      <c r="H627474" s="12"/>
    </row>
    <row r="627475" spans="8:8">
      <c r="H627475" s="12"/>
    </row>
    <row r="627476" spans="8:8">
      <c r="H627476" s="12"/>
    </row>
    <row r="627477" spans="8:8">
      <c r="H627477" s="12"/>
    </row>
    <row r="627478" spans="8:8">
      <c r="H627478" s="12"/>
    </row>
    <row r="627479" spans="8:8">
      <c r="H627479" s="12"/>
    </row>
    <row r="627480" spans="8:8">
      <c r="H627480" s="12"/>
    </row>
    <row r="627481" spans="8:8">
      <c r="H627481" s="12"/>
    </row>
    <row r="627482" spans="8:8">
      <c r="H627482" s="12"/>
    </row>
    <row r="627483" spans="8:8">
      <c r="H627483" s="12"/>
    </row>
    <row r="627484" spans="8:8">
      <c r="H627484" s="12"/>
    </row>
    <row r="627485" spans="8:8">
      <c r="H627485" s="12"/>
    </row>
    <row r="627486" spans="8:8">
      <c r="H627486" s="12"/>
    </row>
    <row r="627487" spans="8:8">
      <c r="H627487" s="12"/>
    </row>
    <row r="627488" spans="8:8">
      <c r="H627488" s="12"/>
    </row>
    <row r="627489" spans="8:8">
      <c r="H627489" s="12"/>
    </row>
    <row r="627490" spans="8:8">
      <c r="H627490" s="12"/>
    </row>
    <row r="627491" spans="8:8">
      <c r="H627491" s="12"/>
    </row>
    <row r="627492" spans="8:8">
      <c r="H627492" s="12"/>
    </row>
    <row r="627493" spans="8:8">
      <c r="H627493" s="12"/>
    </row>
    <row r="627494" spans="8:8">
      <c r="H627494" s="12"/>
    </row>
    <row r="627495" spans="8:8">
      <c r="H627495" s="12"/>
    </row>
    <row r="627496" spans="8:8">
      <c r="H627496" s="12"/>
    </row>
    <row r="627497" spans="8:8">
      <c r="H627497" s="12"/>
    </row>
    <row r="627498" spans="8:8">
      <c r="H627498" s="12"/>
    </row>
    <row r="627499" spans="8:8">
      <c r="H627499" s="12"/>
    </row>
    <row r="627500" spans="8:8">
      <c r="H627500" s="12"/>
    </row>
    <row r="627501" spans="8:8">
      <c r="H627501" s="12"/>
    </row>
    <row r="627502" spans="8:8">
      <c r="H627502" s="12"/>
    </row>
    <row r="627503" spans="8:8">
      <c r="H627503" s="12"/>
    </row>
    <row r="627504" spans="8:8">
      <c r="H627504" s="12"/>
    </row>
    <row r="627505" spans="8:8">
      <c r="H627505" s="12"/>
    </row>
    <row r="627506" spans="8:8">
      <c r="H627506" s="12"/>
    </row>
    <row r="627507" spans="8:8">
      <c r="H627507" s="12"/>
    </row>
    <row r="627508" spans="8:8">
      <c r="H627508" s="12"/>
    </row>
    <row r="627509" spans="8:8">
      <c r="H627509" s="12"/>
    </row>
    <row r="627510" spans="8:8">
      <c r="H627510" s="12"/>
    </row>
    <row r="627511" spans="8:8">
      <c r="H627511" s="12"/>
    </row>
    <row r="627512" spans="8:8">
      <c r="H627512" s="12"/>
    </row>
    <row r="627513" spans="8:8">
      <c r="H627513" s="12"/>
    </row>
    <row r="627514" spans="8:8">
      <c r="H627514" s="12"/>
    </row>
    <row r="627515" spans="8:8">
      <c r="H627515" s="12"/>
    </row>
    <row r="627516" spans="8:8">
      <c r="H627516" s="12"/>
    </row>
    <row r="627517" spans="8:8">
      <c r="H627517" s="12"/>
    </row>
    <row r="627518" spans="8:8">
      <c r="H627518" s="12"/>
    </row>
    <row r="627519" spans="8:8">
      <c r="H627519" s="12"/>
    </row>
    <row r="627520" spans="8:8">
      <c r="H627520" s="12"/>
    </row>
    <row r="627521" spans="8:8">
      <c r="H627521" s="12"/>
    </row>
    <row r="627522" spans="8:8">
      <c r="H627522" s="12"/>
    </row>
    <row r="627523" spans="8:8">
      <c r="H627523" s="12"/>
    </row>
    <row r="627524" spans="8:8">
      <c r="H627524" s="12"/>
    </row>
    <row r="627525" spans="8:8">
      <c r="H627525" s="12"/>
    </row>
    <row r="627526" spans="8:8">
      <c r="H627526" s="12"/>
    </row>
    <row r="627527" spans="8:8">
      <c r="H627527" s="12"/>
    </row>
    <row r="627528" spans="8:8">
      <c r="H627528" s="12"/>
    </row>
    <row r="627529" spans="8:8">
      <c r="H627529" s="12"/>
    </row>
    <row r="627530" spans="8:8">
      <c r="H627530" s="12"/>
    </row>
    <row r="627531" spans="8:8">
      <c r="H627531" s="12"/>
    </row>
    <row r="627532" spans="8:8">
      <c r="H627532" s="12"/>
    </row>
    <row r="627533" spans="8:8">
      <c r="H627533" s="12"/>
    </row>
    <row r="627534" spans="8:8">
      <c r="H627534" s="12"/>
    </row>
    <row r="627535" spans="8:8">
      <c r="H627535" s="12"/>
    </row>
    <row r="627536" spans="8:8">
      <c r="H627536" s="12"/>
    </row>
    <row r="627537" spans="8:8">
      <c r="H627537" s="12"/>
    </row>
    <row r="627538" spans="8:8">
      <c r="H627538" s="12"/>
    </row>
    <row r="627539" spans="8:8">
      <c r="H627539" s="12"/>
    </row>
    <row r="627540" spans="8:8">
      <c r="H627540" s="12"/>
    </row>
    <row r="627541" spans="8:8">
      <c r="H627541" s="12"/>
    </row>
    <row r="627542" spans="8:8">
      <c r="H627542" s="12"/>
    </row>
    <row r="627543" spans="8:8">
      <c r="H627543" s="12"/>
    </row>
    <row r="627544" spans="8:8">
      <c r="H627544" s="12"/>
    </row>
    <row r="627545" spans="8:8">
      <c r="H627545" s="12"/>
    </row>
    <row r="627546" spans="8:8">
      <c r="H627546" s="12"/>
    </row>
    <row r="627547" spans="8:8">
      <c r="H627547" s="12"/>
    </row>
    <row r="627548" spans="8:8">
      <c r="H627548" s="12"/>
    </row>
    <row r="627549" spans="8:8">
      <c r="H627549" s="12"/>
    </row>
    <row r="627550" spans="8:8">
      <c r="H627550" s="12"/>
    </row>
    <row r="627551" spans="8:8">
      <c r="H627551" s="12"/>
    </row>
    <row r="627552" spans="8:8">
      <c r="H627552" s="12"/>
    </row>
    <row r="627553" spans="8:8">
      <c r="H627553" s="12"/>
    </row>
    <row r="627554" spans="8:8">
      <c r="H627554" s="12"/>
    </row>
    <row r="627555" spans="8:8">
      <c r="H627555" s="12"/>
    </row>
    <row r="627556" spans="8:8">
      <c r="H627556" s="12"/>
    </row>
    <row r="627557" spans="8:8">
      <c r="H627557" s="12"/>
    </row>
    <row r="627558" spans="8:8">
      <c r="H627558" s="12"/>
    </row>
    <row r="627559" spans="8:8">
      <c r="H627559" s="12"/>
    </row>
    <row r="627560" spans="8:8">
      <c r="H627560" s="12"/>
    </row>
    <row r="627561" spans="8:8">
      <c r="H627561" s="12"/>
    </row>
    <row r="627562" spans="8:8">
      <c r="H627562" s="12"/>
    </row>
    <row r="627563" spans="8:8">
      <c r="H627563" s="12"/>
    </row>
    <row r="627564" spans="8:8">
      <c r="H627564" s="12"/>
    </row>
    <row r="627565" spans="8:8">
      <c r="H627565" s="12"/>
    </row>
    <row r="627566" spans="8:8">
      <c r="H627566" s="12"/>
    </row>
    <row r="627567" spans="8:8">
      <c r="H627567" s="12"/>
    </row>
    <row r="627568" spans="8:8">
      <c r="H627568" s="12"/>
    </row>
    <row r="627569" spans="8:8">
      <c r="H627569" s="12"/>
    </row>
    <row r="627570" spans="8:8">
      <c r="H627570" s="12"/>
    </row>
    <row r="627571" spans="8:8">
      <c r="H627571" s="12"/>
    </row>
    <row r="627572" spans="8:8">
      <c r="H627572" s="12"/>
    </row>
    <row r="627573" spans="8:8">
      <c r="H627573" s="12"/>
    </row>
    <row r="627574" spans="8:8">
      <c r="H627574" s="12"/>
    </row>
    <row r="627575" spans="8:8">
      <c r="H627575" s="12"/>
    </row>
    <row r="627576" spans="8:8">
      <c r="H627576" s="12"/>
    </row>
    <row r="627577" spans="8:8">
      <c r="H627577" s="12"/>
    </row>
    <row r="627578" spans="8:8">
      <c r="H627578" s="12"/>
    </row>
    <row r="627579" spans="8:8">
      <c r="H627579" s="12"/>
    </row>
    <row r="627580" spans="8:8">
      <c r="H627580" s="12"/>
    </row>
    <row r="627581" spans="8:8">
      <c r="H627581" s="12"/>
    </row>
    <row r="627582" spans="8:8">
      <c r="H627582" s="12"/>
    </row>
    <row r="627583" spans="8:8">
      <c r="H627583" s="12"/>
    </row>
    <row r="627584" spans="8:8">
      <c r="H627584" s="12"/>
    </row>
    <row r="627585" spans="8:8">
      <c r="H627585" s="12"/>
    </row>
    <row r="627586" spans="8:8">
      <c r="H627586" s="12"/>
    </row>
    <row r="627587" spans="8:8">
      <c r="H627587" s="12"/>
    </row>
    <row r="627588" spans="8:8">
      <c r="H627588" s="12"/>
    </row>
    <row r="627589" spans="8:8">
      <c r="H627589" s="12"/>
    </row>
    <row r="627590" spans="8:8">
      <c r="H627590" s="12"/>
    </row>
    <row r="627591" spans="8:8">
      <c r="H627591" s="12"/>
    </row>
    <row r="627592" spans="8:8">
      <c r="H627592" s="12"/>
    </row>
    <row r="627593" spans="8:8">
      <c r="H627593" s="12"/>
    </row>
    <row r="627594" spans="8:8">
      <c r="H627594" s="12"/>
    </row>
    <row r="627595" spans="8:8">
      <c r="H627595" s="12"/>
    </row>
    <row r="627596" spans="8:8">
      <c r="H627596" s="12"/>
    </row>
    <row r="627597" spans="8:8">
      <c r="H627597" s="12"/>
    </row>
    <row r="627598" spans="8:8">
      <c r="H627598" s="12"/>
    </row>
    <row r="627599" spans="8:8">
      <c r="H627599" s="12"/>
    </row>
    <row r="627600" spans="8:8">
      <c r="H627600" s="12"/>
    </row>
    <row r="627601" spans="8:8">
      <c r="H627601" s="12"/>
    </row>
    <row r="627602" spans="8:8">
      <c r="H627602" s="12"/>
    </row>
    <row r="627603" spans="8:8">
      <c r="H627603" s="12"/>
    </row>
    <row r="627604" spans="8:8">
      <c r="H627604" s="12"/>
    </row>
    <row r="627605" spans="8:8">
      <c r="H627605" s="12"/>
    </row>
    <row r="627606" spans="8:8">
      <c r="H627606" s="12"/>
    </row>
    <row r="627607" spans="8:8">
      <c r="H627607" s="12"/>
    </row>
    <row r="627608" spans="8:8">
      <c r="H627608" s="12"/>
    </row>
    <row r="627609" spans="8:8">
      <c r="H627609" s="12"/>
    </row>
    <row r="627610" spans="8:8">
      <c r="H627610" s="12"/>
    </row>
    <row r="627611" spans="8:8">
      <c r="H627611" s="12"/>
    </row>
    <row r="627612" spans="8:8">
      <c r="H627612" s="12"/>
    </row>
    <row r="627613" spans="8:8">
      <c r="H627613" s="12"/>
    </row>
    <row r="627614" spans="8:8">
      <c r="H627614" s="12"/>
    </row>
    <row r="627615" spans="8:8">
      <c r="H627615" s="12"/>
    </row>
    <row r="627616" spans="8:8">
      <c r="H627616" s="12"/>
    </row>
    <row r="627617" spans="8:8">
      <c r="H627617" s="12"/>
    </row>
    <row r="627618" spans="8:8">
      <c r="H627618" s="12"/>
    </row>
    <row r="627619" spans="8:8">
      <c r="H627619" s="12"/>
    </row>
    <row r="627620" spans="8:8">
      <c r="H627620" s="12"/>
    </row>
    <row r="627621" spans="8:8">
      <c r="H627621" s="12"/>
    </row>
    <row r="627622" spans="8:8">
      <c r="H627622" s="12"/>
    </row>
    <row r="627623" spans="8:8">
      <c r="H627623" s="12"/>
    </row>
    <row r="627624" spans="8:8">
      <c r="H627624" s="12"/>
    </row>
    <row r="627625" spans="8:8">
      <c r="H627625" s="12"/>
    </row>
    <row r="627626" spans="8:8">
      <c r="H627626" s="12"/>
    </row>
    <row r="627627" spans="8:8">
      <c r="H627627" s="12"/>
    </row>
    <row r="627628" spans="8:8">
      <c r="H627628" s="12"/>
    </row>
    <row r="627629" spans="8:8">
      <c r="H627629" s="12"/>
    </row>
    <row r="627630" spans="8:8">
      <c r="H627630" s="12"/>
    </row>
    <row r="627631" spans="8:8">
      <c r="H627631" s="12"/>
    </row>
    <row r="627632" spans="8:8">
      <c r="H627632" s="12"/>
    </row>
    <row r="627633" spans="8:8">
      <c r="H627633" s="12"/>
    </row>
    <row r="627634" spans="8:8">
      <c r="H627634" s="12"/>
    </row>
    <row r="627635" spans="8:8">
      <c r="H627635" s="12"/>
    </row>
    <row r="627636" spans="8:8">
      <c r="H627636" s="12"/>
    </row>
    <row r="627637" spans="8:8">
      <c r="H627637" s="12"/>
    </row>
    <row r="627638" spans="8:8">
      <c r="H627638" s="12"/>
    </row>
    <row r="627639" spans="8:8">
      <c r="H627639" s="12"/>
    </row>
    <row r="627640" spans="8:8">
      <c r="H627640" s="12"/>
    </row>
    <row r="627641" spans="8:8">
      <c r="H627641" s="12"/>
    </row>
    <row r="627642" spans="8:8">
      <c r="H627642" s="12"/>
    </row>
    <row r="627643" spans="8:8">
      <c r="H627643" s="12"/>
    </row>
    <row r="627644" spans="8:8">
      <c r="H627644" s="12"/>
    </row>
    <row r="627645" spans="8:8">
      <c r="H627645" s="12"/>
    </row>
    <row r="627646" spans="8:8">
      <c r="H627646" s="12"/>
    </row>
    <row r="627647" spans="8:8">
      <c r="H627647" s="12"/>
    </row>
    <row r="627648" spans="8:8">
      <c r="H627648" s="12"/>
    </row>
    <row r="627649" spans="8:8">
      <c r="H627649" s="12"/>
    </row>
    <row r="627650" spans="8:8">
      <c r="H627650" s="12"/>
    </row>
    <row r="627651" spans="8:8">
      <c r="H627651" s="12"/>
    </row>
    <row r="627652" spans="8:8">
      <c r="H627652" s="12"/>
    </row>
    <row r="627653" spans="8:8">
      <c r="H627653" s="12"/>
    </row>
    <row r="627654" spans="8:8">
      <c r="H627654" s="12"/>
    </row>
    <row r="627655" spans="8:8">
      <c r="H627655" s="12"/>
    </row>
    <row r="627656" spans="8:8">
      <c r="H627656" s="12"/>
    </row>
    <row r="627657" spans="8:8">
      <c r="H627657" s="12"/>
    </row>
    <row r="627658" spans="8:8">
      <c r="H627658" s="12"/>
    </row>
    <row r="627659" spans="8:8">
      <c r="H627659" s="12"/>
    </row>
    <row r="627660" spans="8:8">
      <c r="H627660" s="12"/>
    </row>
    <row r="627661" spans="8:8">
      <c r="H627661" s="12"/>
    </row>
    <row r="627662" spans="8:8">
      <c r="H627662" s="12"/>
    </row>
    <row r="627663" spans="8:8">
      <c r="H627663" s="12"/>
    </row>
    <row r="627664" spans="8:8">
      <c r="H627664" s="12"/>
    </row>
    <row r="627665" spans="8:8">
      <c r="H627665" s="12"/>
    </row>
    <row r="627666" spans="8:8">
      <c r="H627666" s="12"/>
    </row>
    <row r="627667" spans="8:8">
      <c r="H627667" s="12"/>
    </row>
    <row r="627668" spans="8:8">
      <c r="H627668" s="12"/>
    </row>
    <row r="627669" spans="8:8">
      <c r="H627669" s="12"/>
    </row>
    <row r="627670" spans="8:8">
      <c r="H627670" s="12"/>
    </row>
    <row r="627671" spans="8:8">
      <c r="H627671" s="12"/>
    </row>
    <row r="627672" spans="8:8">
      <c r="H627672" s="12"/>
    </row>
    <row r="627673" spans="8:8">
      <c r="H627673" s="12"/>
    </row>
    <row r="627674" spans="8:8">
      <c r="H627674" s="12"/>
    </row>
    <row r="627675" spans="8:8">
      <c r="H627675" s="12"/>
    </row>
    <row r="627676" spans="8:8">
      <c r="H627676" s="12"/>
    </row>
    <row r="627677" spans="8:8">
      <c r="H627677" s="12"/>
    </row>
    <row r="627678" spans="8:8">
      <c r="H627678" s="12"/>
    </row>
    <row r="627679" spans="8:8">
      <c r="H627679" s="12"/>
    </row>
    <row r="627680" spans="8:8">
      <c r="H627680" s="12"/>
    </row>
    <row r="627681" spans="8:8">
      <c r="H627681" s="12"/>
    </row>
    <row r="627682" spans="8:8">
      <c r="H627682" s="12"/>
    </row>
    <row r="627683" spans="8:8">
      <c r="H627683" s="12"/>
    </row>
    <row r="627684" spans="8:8">
      <c r="H627684" s="12"/>
    </row>
    <row r="627685" spans="8:8">
      <c r="H627685" s="12"/>
    </row>
    <row r="627686" spans="8:8">
      <c r="H627686" s="12"/>
    </row>
    <row r="627687" spans="8:8">
      <c r="H627687" s="12"/>
    </row>
    <row r="627688" spans="8:8">
      <c r="H627688" s="12"/>
    </row>
    <row r="627689" spans="8:8">
      <c r="H627689" s="12"/>
    </row>
    <row r="627690" spans="8:8">
      <c r="H627690" s="12"/>
    </row>
    <row r="627691" spans="8:8">
      <c r="H627691" s="12"/>
    </row>
    <row r="627692" spans="8:8">
      <c r="H627692" s="12"/>
    </row>
    <row r="627693" spans="8:8">
      <c r="H627693" s="12"/>
    </row>
    <row r="627694" spans="8:8">
      <c r="H627694" s="12"/>
    </row>
    <row r="627695" spans="8:8">
      <c r="H627695" s="12"/>
    </row>
    <row r="627696" spans="8:8">
      <c r="H627696" s="12"/>
    </row>
    <row r="627697" spans="8:8">
      <c r="H627697" s="12"/>
    </row>
    <row r="627698" spans="8:8">
      <c r="H627698" s="12"/>
    </row>
    <row r="627699" spans="8:8">
      <c r="H627699" s="12"/>
    </row>
    <row r="627700" spans="8:8">
      <c r="H627700" s="12"/>
    </row>
    <row r="627701" spans="8:8">
      <c r="H627701" s="12"/>
    </row>
    <row r="627702" spans="8:8">
      <c r="H627702" s="12"/>
    </row>
    <row r="627703" spans="8:8">
      <c r="H627703" s="12"/>
    </row>
    <row r="627704" spans="8:8">
      <c r="H627704" s="12"/>
    </row>
    <row r="627705" spans="8:8">
      <c r="H627705" s="12"/>
    </row>
    <row r="627706" spans="8:8">
      <c r="H627706" s="12"/>
    </row>
    <row r="627707" spans="8:8">
      <c r="H627707" s="12"/>
    </row>
    <row r="627708" spans="8:8">
      <c r="H627708" s="12"/>
    </row>
    <row r="627709" spans="8:8">
      <c r="H627709" s="12"/>
    </row>
    <row r="627710" spans="8:8">
      <c r="H627710" s="12"/>
    </row>
    <row r="627711" spans="8:8">
      <c r="H627711" s="12"/>
    </row>
    <row r="627712" spans="8:8">
      <c r="H627712" s="12"/>
    </row>
    <row r="627713" spans="8:8">
      <c r="H627713" s="12"/>
    </row>
    <row r="627714" spans="8:8">
      <c r="H627714" s="12"/>
    </row>
    <row r="627715" spans="8:8">
      <c r="H627715" s="12"/>
    </row>
    <row r="627716" spans="8:8">
      <c r="H627716" s="12"/>
    </row>
    <row r="627717" spans="8:8">
      <c r="H627717" s="12"/>
    </row>
    <row r="627718" spans="8:8">
      <c r="H627718" s="12"/>
    </row>
    <row r="627719" spans="8:8">
      <c r="H627719" s="12"/>
    </row>
    <row r="627720" spans="8:8">
      <c r="H627720" s="12"/>
    </row>
    <row r="627721" spans="8:8">
      <c r="H627721" s="12"/>
    </row>
    <row r="627722" spans="8:8">
      <c r="H627722" s="12"/>
    </row>
    <row r="627723" spans="8:8">
      <c r="H627723" s="12"/>
    </row>
    <row r="627724" spans="8:8">
      <c r="H627724" s="12"/>
    </row>
    <row r="627725" spans="8:8">
      <c r="H627725" s="12"/>
    </row>
    <row r="627726" spans="8:8">
      <c r="H627726" s="12"/>
    </row>
    <row r="627727" spans="8:8">
      <c r="H627727" s="12"/>
    </row>
    <row r="627728" spans="8:8">
      <c r="H627728" s="12"/>
    </row>
    <row r="627729" spans="8:8">
      <c r="H627729" s="12"/>
    </row>
    <row r="627730" spans="8:8">
      <c r="H627730" s="12"/>
    </row>
    <row r="627731" spans="8:8">
      <c r="H627731" s="12"/>
    </row>
    <row r="627732" spans="8:8">
      <c r="H627732" s="12"/>
    </row>
    <row r="627733" spans="8:8">
      <c r="H627733" s="12"/>
    </row>
    <row r="627734" spans="8:8">
      <c r="H627734" s="12"/>
    </row>
    <row r="627735" spans="8:8">
      <c r="H627735" s="12"/>
    </row>
    <row r="627736" spans="8:8">
      <c r="H627736" s="12"/>
    </row>
    <row r="627737" spans="8:8">
      <c r="H627737" s="12"/>
    </row>
    <row r="627738" spans="8:8">
      <c r="H627738" s="12"/>
    </row>
    <row r="627739" spans="8:8">
      <c r="H627739" s="12"/>
    </row>
    <row r="627740" spans="8:8">
      <c r="H627740" s="12"/>
    </row>
    <row r="627741" spans="8:8">
      <c r="H627741" s="12"/>
    </row>
    <row r="627742" spans="8:8">
      <c r="H627742" s="12"/>
    </row>
    <row r="627743" spans="8:8">
      <c r="H627743" s="12"/>
    </row>
    <row r="627744" spans="8:8">
      <c r="H627744" s="12"/>
    </row>
    <row r="627745" spans="8:8">
      <c r="H627745" s="12"/>
    </row>
    <row r="627746" spans="8:8">
      <c r="H627746" s="12"/>
    </row>
    <row r="627747" spans="8:8">
      <c r="H627747" s="12"/>
    </row>
    <row r="627748" spans="8:8">
      <c r="H627748" s="12"/>
    </row>
    <row r="627749" spans="8:8">
      <c r="H627749" s="12"/>
    </row>
    <row r="627750" spans="8:8">
      <c r="H627750" s="12"/>
    </row>
    <row r="627751" spans="8:8">
      <c r="H627751" s="12"/>
    </row>
    <row r="627752" spans="8:8">
      <c r="H627752" s="12"/>
    </row>
    <row r="627753" spans="8:8">
      <c r="H627753" s="12"/>
    </row>
    <row r="627754" spans="8:8">
      <c r="H627754" s="12"/>
    </row>
    <row r="627755" spans="8:8">
      <c r="H627755" s="12"/>
    </row>
    <row r="627756" spans="8:8">
      <c r="H627756" s="12"/>
    </row>
    <row r="627757" spans="8:8">
      <c r="H627757" s="12"/>
    </row>
    <row r="627758" spans="8:8">
      <c r="H627758" s="12"/>
    </row>
    <row r="627759" spans="8:8">
      <c r="H627759" s="12"/>
    </row>
    <row r="627760" spans="8:8">
      <c r="H627760" s="12"/>
    </row>
    <row r="627761" spans="8:8">
      <c r="H627761" s="12"/>
    </row>
    <row r="627762" spans="8:8">
      <c r="H627762" s="12"/>
    </row>
    <row r="627763" spans="8:8">
      <c r="H627763" s="12"/>
    </row>
    <row r="627764" spans="8:8">
      <c r="H627764" s="12"/>
    </row>
    <row r="627765" spans="8:8">
      <c r="H627765" s="12"/>
    </row>
    <row r="627766" spans="8:8">
      <c r="H627766" s="12"/>
    </row>
    <row r="627767" spans="8:8">
      <c r="H627767" s="12"/>
    </row>
    <row r="627768" spans="8:8">
      <c r="H627768" s="12"/>
    </row>
    <row r="627769" spans="8:8">
      <c r="H627769" s="12"/>
    </row>
    <row r="627770" spans="8:8">
      <c r="H627770" s="12"/>
    </row>
    <row r="627771" spans="8:8">
      <c r="H627771" s="12"/>
    </row>
    <row r="627772" spans="8:8">
      <c r="H627772" s="12"/>
    </row>
    <row r="627773" spans="8:8">
      <c r="H627773" s="12"/>
    </row>
    <row r="627774" spans="8:8">
      <c r="H627774" s="12"/>
    </row>
    <row r="627775" spans="8:8">
      <c r="H627775" s="12"/>
    </row>
    <row r="627776" spans="8:8">
      <c r="H627776" s="12"/>
    </row>
    <row r="627777" spans="8:8">
      <c r="H627777" s="12"/>
    </row>
    <row r="627778" spans="8:8">
      <c r="H627778" s="12"/>
    </row>
    <row r="627779" spans="8:8">
      <c r="H627779" s="12"/>
    </row>
    <row r="627780" spans="8:8">
      <c r="H627780" s="12"/>
    </row>
    <row r="627781" spans="8:8">
      <c r="H627781" s="12"/>
    </row>
    <row r="627782" spans="8:8">
      <c r="H627782" s="12"/>
    </row>
    <row r="627783" spans="8:8">
      <c r="H627783" s="12"/>
    </row>
    <row r="627784" spans="8:8">
      <c r="H627784" s="12"/>
    </row>
    <row r="627785" spans="8:8">
      <c r="H627785" s="12"/>
    </row>
    <row r="627786" spans="8:8">
      <c r="H627786" s="12"/>
    </row>
    <row r="627787" spans="8:8">
      <c r="H627787" s="12"/>
    </row>
    <row r="627788" spans="8:8">
      <c r="H627788" s="12"/>
    </row>
    <row r="627789" spans="8:8">
      <c r="H627789" s="12"/>
    </row>
    <row r="627790" spans="8:8">
      <c r="H627790" s="12"/>
    </row>
    <row r="627791" spans="8:8">
      <c r="H627791" s="12"/>
    </row>
    <row r="627792" spans="8:8">
      <c r="H627792" s="12"/>
    </row>
    <row r="627793" spans="8:8">
      <c r="H627793" s="12"/>
    </row>
    <row r="627794" spans="8:8">
      <c r="H627794" s="12"/>
    </row>
    <row r="627795" spans="8:8">
      <c r="H627795" s="12"/>
    </row>
    <row r="627796" spans="8:8">
      <c r="H627796" s="12"/>
    </row>
    <row r="627797" spans="8:8">
      <c r="H627797" s="12"/>
    </row>
    <row r="627798" spans="8:8">
      <c r="H627798" s="12"/>
    </row>
    <row r="627799" spans="8:8">
      <c r="H627799" s="12"/>
    </row>
    <row r="627800" spans="8:8">
      <c r="H627800" s="12"/>
    </row>
    <row r="627801" spans="8:8">
      <c r="H627801" s="12"/>
    </row>
    <row r="627802" spans="8:8">
      <c r="H627802" s="12"/>
    </row>
    <row r="627803" spans="8:8">
      <c r="H627803" s="12"/>
    </row>
    <row r="627804" spans="8:8">
      <c r="H627804" s="12"/>
    </row>
    <row r="627805" spans="8:8">
      <c r="H627805" s="12"/>
    </row>
    <row r="627806" spans="8:8">
      <c r="H627806" s="12"/>
    </row>
    <row r="627807" spans="8:8">
      <c r="H627807" s="12"/>
    </row>
    <row r="627808" spans="8:8">
      <c r="H627808" s="12"/>
    </row>
    <row r="627809" spans="8:8">
      <c r="H627809" s="12"/>
    </row>
    <row r="627810" spans="8:8">
      <c r="H627810" s="12"/>
    </row>
    <row r="627811" spans="8:8">
      <c r="H627811" s="12"/>
    </row>
    <row r="627812" spans="8:8">
      <c r="H627812" s="12"/>
    </row>
    <row r="627813" spans="8:8">
      <c r="H627813" s="12"/>
    </row>
    <row r="627814" spans="8:8">
      <c r="H627814" s="12"/>
    </row>
    <row r="627815" spans="8:8">
      <c r="H627815" s="12"/>
    </row>
    <row r="627816" spans="8:8">
      <c r="H627816" s="12"/>
    </row>
    <row r="627817" spans="8:8">
      <c r="H627817" s="12"/>
    </row>
    <row r="627818" spans="8:8">
      <c r="H627818" s="12"/>
    </row>
    <row r="627819" spans="8:8">
      <c r="H627819" s="12"/>
    </row>
    <row r="627820" spans="8:8">
      <c r="H627820" s="12"/>
    </row>
    <row r="627821" spans="8:8">
      <c r="H627821" s="12"/>
    </row>
    <row r="627822" spans="8:8">
      <c r="H627822" s="12"/>
    </row>
    <row r="627823" spans="8:8">
      <c r="H627823" s="12"/>
    </row>
    <row r="627824" spans="8:8">
      <c r="H627824" s="12"/>
    </row>
    <row r="627825" spans="8:8">
      <c r="H627825" s="12"/>
    </row>
    <row r="627826" spans="8:8">
      <c r="H627826" s="12"/>
    </row>
    <row r="627827" spans="8:8">
      <c r="H627827" s="12"/>
    </row>
    <row r="627828" spans="8:8">
      <c r="H627828" s="12"/>
    </row>
    <row r="627829" spans="8:8">
      <c r="H627829" s="12"/>
    </row>
    <row r="627830" spans="8:8">
      <c r="H627830" s="12"/>
    </row>
    <row r="627831" spans="8:8">
      <c r="H627831" s="12"/>
    </row>
    <row r="627832" spans="8:8">
      <c r="H627832" s="12"/>
    </row>
    <row r="627833" spans="8:8">
      <c r="H627833" s="12"/>
    </row>
    <row r="627834" spans="8:8">
      <c r="H627834" s="12"/>
    </row>
    <row r="627835" spans="8:8">
      <c r="H627835" s="12"/>
    </row>
    <row r="627836" spans="8:8">
      <c r="H627836" s="12"/>
    </row>
    <row r="627837" spans="8:8">
      <c r="H627837" s="12"/>
    </row>
    <row r="627838" spans="8:8">
      <c r="H627838" s="12"/>
    </row>
    <row r="627839" spans="8:8">
      <c r="H627839" s="12"/>
    </row>
    <row r="627840" spans="8:8">
      <c r="H627840" s="12"/>
    </row>
    <row r="627841" spans="8:8">
      <c r="H627841" s="12"/>
    </row>
    <row r="627842" spans="8:8">
      <c r="H627842" s="12"/>
    </row>
    <row r="627843" spans="8:8">
      <c r="H627843" s="12"/>
    </row>
    <row r="627844" spans="8:8">
      <c r="H627844" s="12"/>
    </row>
    <row r="627845" spans="8:8">
      <c r="H627845" s="12"/>
    </row>
    <row r="627846" spans="8:8">
      <c r="H627846" s="12"/>
    </row>
    <row r="627847" spans="8:8">
      <c r="H627847" s="12"/>
    </row>
    <row r="627848" spans="8:8">
      <c r="H627848" s="12"/>
    </row>
    <row r="627849" spans="8:8">
      <c r="H627849" s="12"/>
    </row>
    <row r="627850" spans="8:8">
      <c r="H627850" s="12"/>
    </row>
    <row r="627851" spans="8:8">
      <c r="H627851" s="12"/>
    </row>
    <row r="627852" spans="8:8">
      <c r="H627852" s="12"/>
    </row>
    <row r="627853" spans="8:8">
      <c r="H627853" s="12"/>
    </row>
    <row r="627854" spans="8:8">
      <c r="H627854" s="12"/>
    </row>
    <row r="627855" spans="8:8">
      <c r="H627855" s="12"/>
    </row>
    <row r="627856" spans="8:8">
      <c r="H627856" s="12"/>
    </row>
    <row r="627857" spans="8:8">
      <c r="H627857" s="12"/>
    </row>
    <row r="627858" spans="8:8">
      <c r="H627858" s="12"/>
    </row>
    <row r="627859" spans="8:8">
      <c r="H627859" s="12"/>
    </row>
    <row r="627860" spans="8:8">
      <c r="H627860" s="12"/>
    </row>
    <row r="627861" spans="8:8">
      <c r="H627861" s="12"/>
    </row>
    <row r="627862" spans="8:8">
      <c r="H627862" s="12"/>
    </row>
    <row r="627863" spans="8:8">
      <c r="H627863" s="12"/>
    </row>
    <row r="627864" spans="8:8">
      <c r="H627864" s="12"/>
    </row>
    <row r="627865" spans="8:8">
      <c r="H627865" s="12"/>
    </row>
    <row r="627866" spans="8:8">
      <c r="H627866" s="12"/>
    </row>
    <row r="627867" spans="8:8">
      <c r="H627867" s="12"/>
    </row>
    <row r="627868" spans="8:8">
      <c r="H627868" s="12"/>
    </row>
    <row r="627869" spans="8:8">
      <c r="H627869" s="12"/>
    </row>
    <row r="627870" spans="8:8">
      <c r="H627870" s="12"/>
    </row>
    <row r="627871" spans="8:8">
      <c r="H627871" s="12"/>
    </row>
    <row r="627872" spans="8:8">
      <c r="H627872" s="12"/>
    </row>
    <row r="627873" spans="8:8">
      <c r="H627873" s="12"/>
    </row>
    <row r="627874" spans="8:8">
      <c r="H627874" s="12"/>
    </row>
    <row r="627875" spans="8:8">
      <c r="H627875" s="12"/>
    </row>
    <row r="627876" spans="8:8">
      <c r="H627876" s="12"/>
    </row>
    <row r="627877" spans="8:8">
      <c r="H627877" s="12"/>
    </row>
    <row r="627878" spans="8:8">
      <c r="H627878" s="12"/>
    </row>
    <row r="627879" spans="8:8">
      <c r="H627879" s="12"/>
    </row>
    <row r="627880" spans="8:8">
      <c r="H627880" s="12"/>
    </row>
    <row r="627881" spans="8:8">
      <c r="H627881" s="12"/>
    </row>
    <row r="627882" spans="8:8">
      <c r="H627882" s="12"/>
    </row>
    <row r="627883" spans="8:8">
      <c r="H627883" s="12"/>
    </row>
    <row r="627884" spans="8:8">
      <c r="H627884" s="12"/>
    </row>
    <row r="627885" spans="8:8">
      <c r="H627885" s="12"/>
    </row>
    <row r="627886" spans="8:8">
      <c r="H627886" s="12"/>
    </row>
    <row r="627887" spans="8:8">
      <c r="H627887" s="12"/>
    </row>
    <row r="627888" spans="8:8">
      <c r="H627888" s="12"/>
    </row>
    <row r="627889" spans="8:8">
      <c r="H627889" s="12"/>
    </row>
    <row r="627890" spans="8:8">
      <c r="H627890" s="12"/>
    </row>
    <row r="627891" spans="8:8">
      <c r="H627891" s="12"/>
    </row>
    <row r="627892" spans="8:8">
      <c r="H627892" s="12"/>
    </row>
    <row r="627893" spans="8:8">
      <c r="H627893" s="12"/>
    </row>
    <row r="627894" spans="8:8">
      <c r="H627894" s="12"/>
    </row>
    <row r="627895" spans="8:8">
      <c r="H627895" s="12"/>
    </row>
    <row r="627896" spans="8:8">
      <c r="H627896" s="12"/>
    </row>
    <row r="627897" spans="8:8">
      <c r="H627897" s="12"/>
    </row>
    <row r="627898" spans="8:8">
      <c r="H627898" s="12"/>
    </row>
    <row r="627899" spans="8:8">
      <c r="H627899" s="12"/>
    </row>
    <row r="627900" spans="8:8">
      <c r="H627900" s="12"/>
    </row>
    <row r="627901" spans="8:8">
      <c r="H627901" s="12"/>
    </row>
    <row r="627902" spans="8:8">
      <c r="H627902" s="12"/>
    </row>
    <row r="627903" spans="8:8">
      <c r="H627903" s="12"/>
    </row>
    <row r="627904" spans="8:8">
      <c r="H627904" s="12"/>
    </row>
    <row r="627905" spans="8:8">
      <c r="H627905" s="12"/>
    </row>
    <row r="627906" spans="8:8">
      <c r="H627906" s="12"/>
    </row>
    <row r="627907" spans="8:8">
      <c r="H627907" s="12"/>
    </row>
    <row r="627908" spans="8:8">
      <c r="H627908" s="12"/>
    </row>
    <row r="627909" spans="8:8">
      <c r="H627909" s="12"/>
    </row>
    <row r="627910" spans="8:8">
      <c r="H627910" s="12"/>
    </row>
    <row r="627911" spans="8:8">
      <c r="H627911" s="12"/>
    </row>
    <row r="627912" spans="8:8">
      <c r="H627912" s="12"/>
    </row>
    <row r="627913" spans="8:8">
      <c r="H627913" s="12"/>
    </row>
    <row r="627914" spans="8:8">
      <c r="H627914" s="12"/>
    </row>
    <row r="627915" spans="8:8">
      <c r="H627915" s="12"/>
    </row>
    <row r="627916" spans="8:8">
      <c r="H627916" s="12"/>
    </row>
    <row r="627917" spans="8:8">
      <c r="H627917" s="12"/>
    </row>
    <row r="627918" spans="8:8">
      <c r="H627918" s="12"/>
    </row>
    <row r="627919" spans="8:8">
      <c r="H627919" s="12"/>
    </row>
    <row r="627920" spans="8:8">
      <c r="H627920" s="12"/>
    </row>
    <row r="627921" spans="8:8">
      <c r="H627921" s="12"/>
    </row>
    <row r="627922" spans="8:8">
      <c r="H627922" s="12"/>
    </row>
    <row r="627923" spans="8:8">
      <c r="H627923" s="12"/>
    </row>
    <row r="627924" spans="8:8">
      <c r="H627924" s="12"/>
    </row>
    <row r="627925" spans="8:8">
      <c r="H627925" s="12"/>
    </row>
    <row r="627926" spans="8:8">
      <c r="H627926" s="12"/>
    </row>
    <row r="627927" spans="8:8">
      <c r="H627927" s="12"/>
    </row>
    <row r="627928" spans="8:8">
      <c r="H627928" s="12"/>
    </row>
    <row r="627929" spans="8:8">
      <c r="H627929" s="12"/>
    </row>
    <row r="627930" spans="8:8">
      <c r="H627930" s="12"/>
    </row>
    <row r="627931" spans="8:8">
      <c r="H627931" s="12"/>
    </row>
    <row r="627932" spans="8:8">
      <c r="H627932" s="12"/>
    </row>
    <row r="627933" spans="8:8">
      <c r="H627933" s="12"/>
    </row>
    <row r="627934" spans="8:8">
      <c r="H627934" s="12"/>
    </row>
    <row r="627935" spans="8:8">
      <c r="H627935" s="12"/>
    </row>
    <row r="627936" spans="8:8">
      <c r="H627936" s="12"/>
    </row>
    <row r="627937" spans="8:8">
      <c r="H627937" s="12"/>
    </row>
    <row r="627938" spans="8:8">
      <c r="H627938" s="12"/>
    </row>
    <row r="627939" spans="8:8">
      <c r="H627939" s="12"/>
    </row>
    <row r="627940" spans="8:8">
      <c r="H627940" s="12"/>
    </row>
    <row r="627941" spans="8:8">
      <c r="H627941" s="12"/>
    </row>
    <row r="627942" spans="8:8">
      <c r="H627942" s="12"/>
    </row>
    <row r="627943" spans="8:8">
      <c r="H627943" s="12"/>
    </row>
    <row r="627944" spans="8:8">
      <c r="H627944" s="12"/>
    </row>
    <row r="627945" spans="8:8">
      <c r="H627945" s="12"/>
    </row>
    <row r="627946" spans="8:8">
      <c r="H627946" s="12"/>
    </row>
    <row r="627947" spans="8:8">
      <c r="H627947" s="12"/>
    </row>
    <row r="627948" spans="8:8">
      <c r="H627948" s="12"/>
    </row>
    <row r="627949" spans="8:8">
      <c r="H627949" s="12"/>
    </row>
    <row r="627950" spans="8:8">
      <c r="H627950" s="12"/>
    </row>
    <row r="627951" spans="8:8">
      <c r="H627951" s="12"/>
    </row>
    <row r="627952" spans="8:8">
      <c r="H627952" s="12"/>
    </row>
    <row r="627953" spans="8:8">
      <c r="H627953" s="12"/>
    </row>
    <row r="627954" spans="8:8">
      <c r="H627954" s="12"/>
    </row>
    <row r="627955" spans="8:8">
      <c r="H627955" s="12"/>
    </row>
    <row r="627956" spans="8:8">
      <c r="H627956" s="12"/>
    </row>
    <row r="627957" spans="8:8">
      <c r="H627957" s="12"/>
    </row>
    <row r="627958" spans="8:8">
      <c r="H627958" s="12"/>
    </row>
    <row r="627959" spans="8:8">
      <c r="H627959" s="12"/>
    </row>
    <row r="627960" spans="8:8">
      <c r="H627960" s="12"/>
    </row>
    <row r="627961" spans="8:8">
      <c r="H627961" s="12"/>
    </row>
    <row r="627962" spans="8:8">
      <c r="H627962" s="12"/>
    </row>
    <row r="627963" spans="8:8">
      <c r="H627963" s="12"/>
    </row>
    <row r="627964" spans="8:8">
      <c r="H627964" s="12"/>
    </row>
    <row r="627965" spans="8:8">
      <c r="H627965" s="12"/>
    </row>
    <row r="627966" spans="8:8">
      <c r="H627966" s="12"/>
    </row>
    <row r="627967" spans="8:8">
      <c r="H627967" s="12"/>
    </row>
    <row r="627968" spans="8:8">
      <c r="H627968" s="12"/>
    </row>
    <row r="627969" spans="8:8">
      <c r="H627969" s="12"/>
    </row>
    <row r="627970" spans="8:8">
      <c r="H627970" s="12"/>
    </row>
    <row r="627971" spans="8:8">
      <c r="H627971" s="12"/>
    </row>
    <row r="627972" spans="8:8">
      <c r="H627972" s="12"/>
    </row>
    <row r="627973" spans="8:8">
      <c r="H627973" s="12"/>
    </row>
    <row r="627974" spans="8:8">
      <c r="H627974" s="12"/>
    </row>
    <row r="627975" spans="8:8">
      <c r="H627975" s="12"/>
    </row>
    <row r="627976" spans="8:8">
      <c r="H627976" s="12"/>
    </row>
    <row r="627977" spans="8:8">
      <c r="H627977" s="12"/>
    </row>
    <row r="627978" spans="8:8">
      <c r="H627978" s="12"/>
    </row>
    <row r="627979" spans="8:8">
      <c r="H627979" s="12"/>
    </row>
    <row r="627980" spans="8:8">
      <c r="H627980" s="12"/>
    </row>
    <row r="627981" spans="8:8">
      <c r="H627981" s="12"/>
    </row>
    <row r="627982" spans="8:8">
      <c r="H627982" s="12"/>
    </row>
    <row r="627983" spans="8:8">
      <c r="H627983" s="12"/>
    </row>
    <row r="627984" spans="8:8">
      <c r="H627984" s="12"/>
    </row>
    <row r="627985" spans="8:8">
      <c r="H627985" s="12"/>
    </row>
    <row r="627986" spans="8:8">
      <c r="H627986" s="12"/>
    </row>
    <row r="627987" spans="8:8">
      <c r="H627987" s="12"/>
    </row>
    <row r="627988" spans="8:8">
      <c r="H627988" s="12"/>
    </row>
    <row r="627989" spans="8:8">
      <c r="H627989" s="12"/>
    </row>
    <row r="627990" spans="8:8">
      <c r="H627990" s="12"/>
    </row>
    <row r="627991" spans="8:8">
      <c r="H627991" s="12"/>
    </row>
    <row r="627992" spans="8:8">
      <c r="H627992" s="12"/>
    </row>
    <row r="627993" spans="8:8">
      <c r="H627993" s="12"/>
    </row>
    <row r="627994" spans="8:8">
      <c r="H627994" s="12"/>
    </row>
    <row r="627995" spans="8:8">
      <c r="H627995" s="12"/>
    </row>
    <row r="627996" spans="8:8">
      <c r="H627996" s="12"/>
    </row>
    <row r="627997" spans="8:8">
      <c r="H627997" s="12"/>
    </row>
    <row r="627998" spans="8:8">
      <c r="H627998" s="12"/>
    </row>
    <row r="627999" spans="8:8">
      <c r="H627999" s="12"/>
    </row>
    <row r="628000" spans="8:8">
      <c r="H628000" s="12"/>
    </row>
    <row r="628001" spans="8:8">
      <c r="H628001" s="12"/>
    </row>
    <row r="628002" spans="8:8">
      <c r="H628002" s="12"/>
    </row>
    <row r="628003" spans="8:8">
      <c r="H628003" s="12"/>
    </row>
    <row r="628004" spans="8:8">
      <c r="H628004" s="12"/>
    </row>
    <row r="628005" spans="8:8">
      <c r="H628005" s="12"/>
    </row>
    <row r="628006" spans="8:8">
      <c r="H628006" s="12"/>
    </row>
    <row r="628007" spans="8:8">
      <c r="H628007" s="12"/>
    </row>
    <row r="628008" spans="8:8">
      <c r="H628008" s="12"/>
    </row>
    <row r="628009" spans="8:8">
      <c r="H628009" s="12"/>
    </row>
    <row r="628010" spans="8:8">
      <c r="H628010" s="12"/>
    </row>
    <row r="628011" spans="8:8">
      <c r="H628011" s="12"/>
    </row>
    <row r="628012" spans="8:8">
      <c r="H628012" s="12"/>
    </row>
    <row r="628013" spans="8:8">
      <c r="H628013" s="12"/>
    </row>
    <row r="628014" spans="8:8">
      <c r="H628014" s="12"/>
    </row>
    <row r="628015" spans="8:8">
      <c r="H628015" s="12"/>
    </row>
    <row r="628016" spans="8:8">
      <c r="H628016" s="12"/>
    </row>
    <row r="628017" spans="8:8">
      <c r="H628017" s="12"/>
    </row>
    <row r="628018" spans="8:8">
      <c r="H628018" s="12"/>
    </row>
    <row r="628019" spans="8:8">
      <c r="H628019" s="12"/>
    </row>
    <row r="628020" spans="8:8">
      <c r="H628020" s="12"/>
    </row>
    <row r="628021" spans="8:8">
      <c r="H628021" s="12"/>
    </row>
    <row r="628022" spans="8:8">
      <c r="H628022" s="12"/>
    </row>
    <row r="628023" spans="8:8">
      <c r="H628023" s="12"/>
    </row>
    <row r="628024" spans="8:8">
      <c r="H628024" s="12"/>
    </row>
    <row r="628025" spans="8:8">
      <c r="H628025" s="12"/>
    </row>
    <row r="628026" spans="8:8">
      <c r="H628026" s="12"/>
    </row>
    <row r="628027" spans="8:8">
      <c r="H628027" s="12"/>
    </row>
    <row r="628028" spans="8:8">
      <c r="H628028" s="12"/>
    </row>
    <row r="628029" spans="8:8">
      <c r="H628029" s="12"/>
    </row>
    <row r="628030" spans="8:8">
      <c r="H628030" s="12"/>
    </row>
    <row r="628031" spans="8:8">
      <c r="H628031" s="12"/>
    </row>
    <row r="628032" spans="8:8">
      <c r="H628032" s="12"/>
    </row>
    <row r="628033" spans="8:8">
      <c r="H628033" s="12"/>
    </row>
    <row r="628034" spans="8:8">
      <c r="H628034" s="12"/>
    </row>
    <row r="628035" spans="8:8">
      <c r="H628035" s="12"/>
    </row>
    <row r="628036" spans="8:8">
      <c r="H628036" s="12"/>
    </row>
    <row r="628037" spans="8:8">
      <c r="H628037" s="12"/>
    </row>
    <row r="628038" spans="8:8">
      <c r="H628038" s="12"/>
    </row>
    <row r="628039" spans="8:8">
      <c r="H628039" s="12"/>
    </row>
    <row r="628040" spans="8:8">
      <c r="H628040" s="12"/>
    </row>
    <row r="628041" spans="8:8">
      <c r="H628041" s="12"/>
    </row>
    <row r="628042" spans="8:8">
      <c r="H628042" s="12"/>
    </row>
    <row r="628043" spans="8:8">
      <c r="H628043" s="12"/>
    </row>
    <row r="628044" spans="8:8">
      <c r="H628044" s="12"/>
    </row>
    <row r="628045" spans="8:8">
      <c r="H628045" s="12"/>
    </row>
    <row r="628046" spans="8:8">
      <c r="H628046" s="12"/>
    </row>
    <row r="628047" spans="8:8">
      <c r="H628047" s="12"/>
    </row>
    <row r="628048" spans="8:8">
      <c r="H628048" s="12"/>
    </row>
    <row r="628049" spans="8:8">
      <c r="H628049" s="12"/>
    </row>
    <row r="628050" spans="8:8">
      <c r="H628050" s="12"/>
    </row>
    <row r="628051" spans="8:8">
      <c r="H628051" s="12"/>
    </row>
    <row r="628052" spans="8:8">
      <c r="H628052" s="12"/>
    </row>
    <row r="628053" spans="8:8">
      <c r="H628053" s="12"/>
    </row>
    <row r="628054" spans="8:8">
      <c r="H628054" s="12"/>
    </row>
    <row r="628055" spans="8:8">
      <c r="H628055" s="12"/>
    </row>
    <row r="628056" spans="8:8">
      <c r="H628056" s="12"/>
    </row>
    <row r="628057" spans="8:8">
      <c r="H628057" s="12"/>
    </row>
    <row r="628058" spans="8:8">
      <c r="H628058" s="12"/>
    </row>
    <row r="628059" spans="8:8">
      <c r="H628059" s="12"/>
    </row>
    <row r="628060" spans="8:8">
      <c r="H628060" s="12"/>
    </row>
    <row r="628061" spans="8:8">
      <c r="H628061" s="12"/>
    </row>
    <row r="628062" spans="8:8">
      <c r="H628062" s="12"/>
    </row>
    <row r="628063" spans="8:8">
      <c r="H628063" s="12"/>
    </row>
    <row r="628064" spans="8:8">
      <c r="H628064" s="12"/>
    </row>
    <row r="628065" spans="8:8">
      <c r="H628065" s="12"/>
    </row>
    <row r="628066" spans="8:8">
      <c r="H628066" s="12"/>
    </row>
    <row r="628067" spans="8:8">
      <c r="H628067" s="12"/>
    </row>
    <row r="628068" spans="8:8">
      <c r="H628068" s="12"/>
    </row>
    <row r="628069" spans="8:8">
      <c r="H628069" s="12"/>
    </row>
    <row r="628070" spans="8:8">
      <c r="H628070" s="12"/>
    </row>
    <row r="628071" spans="8:8">
      <c r="H628071" s="12"/>
    </row>
    <row r="628072" spans="8:8">
      <c r="H628072" s="12"/>
    </row>
    <row r="628073" spans="8:8">
      <c r="H628073" s="12"/>
    </row>
    <row r="628074" spans="8:8">
      <c r="H628074" s="12"/>
    </row>
    <row r="628075" spans="8:8">
      <c r="H628075" s="12"/>
    </row>
    <row r="628076" spans="8:8">
      <c r="H628076" s="12"/>
    </row>
    <row r="628077" spans="8:8">
      <c r="H628077" s="12"/>
    </row>
    <row r="628078" spans="8:8">
      <c r="H628078" s="12"/>
    </row>
    <row r="628079" spans="8:8">
      <c r="H628079" s="12"/>
    </row>
    <row r="628080" spans="8:8">
      <c r="H628080" s="12"/>
    </row>
    <row r="628081" spans="8:8">
      <c r="H628081" s="12"/>
    </row>
    <row r="628082" spans="8:8">
      <c r="H628082" s="12"/>
    </row>
    <row r="628083" spans="8:8">
      <c r="H628083" s="12"/>
    </row>
    <row r="628084" spans="8:8">
      <c r="H628084" s="12"/>
    </row>
    <row r="628085" spans="8:8">
      <c r="H628085" s="12"/>
    </row>
    <row r="628086" spans="8:8">
      <c r="H628086" s="12"/>
    </row>
    <row r="628087" spans="8:8">
      <c r="H628087" s="12"/>
    </row>
    <row r="628088" spans="8:8">
      <c r="H628088" s="12"/>
    </row>
    <row r="628089" spans="8:8">
      <c r="H628089" s="12"/>
    </row>
    <row r="628090" spans="8:8">
      <c r="H628090" s="12"/>
    </row>
    <row r="628091" spans="8:8">
      <c r="H628091" s="12"/>
    </row>
    <row r="628092" spans="8:8">
      <c r="H628092" s="12"/>
    </row>
    <row r="628093" spans="8:8">
      <c r="H628093" s="12"/>
    </row>
    <row r="628094" spans="8:8">
      <c r="H628094" s="12"/>
    </row>
    <row r="628095" spans="8:8">
      <c r="H628095" s="12"/>
    </row>
    <row r="628096" spans="8:8">
      <c r="H628096" s="12"/>
    </row>
    <row r="628097" spans="8:8">
      <c r="H628097" s="12"/>
    </row>
    <row r="628098" spans="8:8">
      <c r="H628098" s="12"/>
    </row>
    <row r="628099" spans="8:8">
      <c r="H628099" s="12"/>
    </row>
    <row r="628100" spans="8:8">
      <c r="H628100" s="12"/>
    </row>
    <row r="628101" spans="8:8">
      <c r="H628101" s="12"/>
    </row>
    <row r="628102" spans="8:8">
      <c r="H628102" s="12"/>
    </row>
    <row r="628103" spans="8:8">
      <c r="H628103" s="12"/>
    </row>
    <row r="628104" spans="8:8">
      <c r="H628104" s="12"/>
    </row>
    <row r="628105" spans="8:8">
      <c r="H628105" s="12"/>
    </row>
    <row r="628106" spans="8:8">
      <c r="H628106" s="12"/>
    </row>
    <row r="628107" spans="8:8">
      <c r="H628107" s="12"/>
    </row>
    <row r="628108" spans="8:8">
      <c r="H628108" s="12"/>
    </row>
    <row r="628109" spans="8:8">
      <c r="H628109" s="12"/>
    </row>
    <row r="628110" spans="8:8">
      <c r="H628110" s="12"/>
    </row>
    <row r="628111" spans="8:8">
      <c r="H628111" s="12"/>
    </row>
    <row r="628112" spans="8:8">
      <c r="H628112" s="12"/>
    </row>
    <row r="628113" spans="8:8">
      <c r="H628113" s="12"/>
    </row>
    <row r="628114" spans="8:8">
      <c r="H628114" s="12"/>
    </row>
    <row r="628115" spans="8:8">
      <c r="H628115" s="12"/>
    </row>
    <row r="628116" spans="8:8">
      <c r="H628116" s="12"/>
    </row>
    <row r="628117" spans="8:8">
      <c r="H628117" s="12"/>
    </row>
    <row r="628118" spans="8:8">
      <c r="H628118" s="12"/>
    </row>
    <row r="628119" spans="8:8">
      <c r="H628119" s="12"/>
    </row>
    <row r="628120" spans="8:8">
      <c r="H628120" s="12"/>
    </row>
    <row r="628121" spans="8:8">
      <c r="H628121" s="12"/>
    </row>
    <row r="628122" spans="8:8">
      <c r="H628122" s="12"/>
    </row>
    <row r="628123" spans="8:8">
      <c r="H628123" s="12"/>
    </row>
    <row r="628124" spans="8:8">
      <c r="H628124" s="12"/>
    </row>
    <row r="628125" spans="8:8">
      <c r="H628125" s="12"/>
    </row>
    <row r="628126" spans="8:8">
      <c r="H628126" s="12"/>
    </row>
    <row r="628127" spans="8:8">
      <c r="H628127" s="12"/>
    </row>
    <row r="628128" spans="8:8">
      <c r="H628128" s="12"/>
    </row>
    <row r="628129" spans="8:8">
      <c r="H628129" s="12"/>
    </row>
    <row r="628130" spans="8:8">
      <c r="H628130" s="12"/>
    </row>
    <row r="628131" spans="8:8">
      <c r="H628131" s="12"/>
    </row>
    <row r="628132" spans="8:8">
      <c r="H628132" s="12"/>
    </row>
    <row r="628133" spans="8:8">
      <c r="H628133" s="12"/>
    </row>
    <row r="628134" spans="8:8">
      <c r="H628134" s="12"/>
    </row>
    <row r="628135" spans="8:8">
      <c r="H628135" s="12"/>
    </row>
    <row r="628136" spans="8:8">
      <c r="H628136" s="12"/>
    </row>
    <row r="628137" spans="8:8">
      <c r="H628137" s="12"/>
    </row>
    <row r="628138" spans="8:8">
      <c r="H628138" s="12"/>
    </row>
    <row r="628139" spans="8:8">
      <c r="H628139" s="12"/>
    </row>
    <row r="628140" spans="8:8">
      <c r="H628140" s="12"/>
    </row>
    <row r="628141" spans="8:8">
      <c r="H628141" s="12"/>
    </row>
    <row r="628142" spans="8:8">
      <c r="H628142" s="12"/>
    </row>
    <row r="628143" spans="8:8">
      <c r="H628143" s="12"/>
    </row>
    <row r="628144" spans="8:8">
      <c r="H628144" s="12"/>
    </row>
    <row r="628145" spans="8:8">
      <c r="H628145" s="12"/>
    </row>
    <row r="628146" spans="8:8">
      <c r="H628146" s="12"/>
    </row>
    <row r="628147" spans="8:8">
      <c r="H628147" s="12"/>
    </row>
    <row r="628148" spans="8:8">
      <c r="H628148" s="12"/>
    </row>
    <row r="628149" spans="8:8">
      <c r="H628149" s="12"/>
    </row>
    <row r="628150" spans="8:8">
      <c r="H628150" s="12"/>
    </row>
    <row r="628151" spans="8:8">
      <c r="H628151" s="12"/>
    </row>
    <row r="628152" spans="8:8">
      <c r="H628152" s="12"/>
    </row>
    <row r="628153" spans="8:8">
      <c r="H628153" s="12"/>
    </row>
    <row r="628154" spans="8:8">
      <c r="H628154" s="12"/>
    </row>
    <row r="628155" spans="8:8">
      <c r="H628155" s="12"/>
    </row>
    <row r="628156" spans="8:8">
      <c r="H628156" s="12"/>
    </row>
    <row r="628157" spans="8:8">
      <c r="H628157" s="12"/>
    </row>
    <row r="628158" spans="8:8">
      <c r="H628158" s="12"/>
    </row>
    <row r="628159" spans="8:8">
      <c r="H628159" s="12"/>
    </row>
    <row r="628160" spans="8:8">
      <c r="H628160" s="12"/>
    </row>
    <row r="628161" spans="8:8">
      <c r="H628161" s="12"/>
    </row>
    <row r="628162" spans="8:8">
      <c r="H628162" s="12"/>
    </row>
    <row r="628163" spans="8:8">
      <c r="H628163" s="12"/>
    </row>
    <row r="628164" spans="8:8">
      <c r="H628164" s="12"/>
    </row>
    <row r="628165" spans="8:8">
      <c r="H628165" s="12"/>
    </row>
    <row r="628166" spans="8:8">
      <c r="H628166" s="12"/>
    </row>
    <row r="628167" spans="8:8">
      <c r="H628167" s="12"/>
    </row>
    <row r="628168" spans="8:8">
      <c r="H628168" s="12"/>
    </row>
    <row r="628169" spans="8:8">
      <c r="H628169" s="12"/>
    </row>
    <row r="628170" spans="8:8">
      <c r="H628170" s="12"/>
    </row>
    <row r="628171" spans="8:8">
      <c r="H628171" s="12"/>
    </row>
    <row r="628172" spans="8:8">
      <c r="H628172" s="12"/>
    </row>
    <row r="628173" spans="8:8">
      <c r="H628173" s="12"/>
    </row>
    <row r="628174" spans="8:8">
      <c r="H628174" s="12"/>
    </row>
    <row r="628175" spans="8:8">
      <c r="H628175" s="12"/>
    </row>
    <row r="628176" spans="8:8">
      <c r="H628176" s="12"/>
    </row>
    <row r="628177" spans="8:8">
      <c r="H628177" s="12"/>
    </row>
    <row r="628178" spans="8:8">
      <c r="H628178" s="12"/>
    </row>
    <row r="628179" spans="8:8">
      <c r="H628179" s="12"/>
    </row>
    <row r="628180" spans="8:8">
      <c r="H628180" s="12"/>
    </row>
    <row r="628181" spans="8:8">
      <c r="H628181" s="12"/>
    </row>
    <row r="628182" spans="8:8">
      <c r="H628182" s="12"/>
    </row>
    <row r="628183" spans="8:8">
      <c r="H628183" s="12"/>
    </row>
    <row r="628184" spans="8:8">
      <c r="H628184" s="12"/>
    </row>
    <row r="628185" spans="8:8">
      <c r="H628185" s="12"/>
    </row>
    <row r="628186" spans="8:8">
      <c r="H628186" s="12"/>
    </row>
    <row r="628187" spans="8:8">
      <c r="H628187" s="12"/>
    </row>
    <row r="628188" spans="8:8">
      <c r="H628188" s="12"/>
    </row>
    <row r="628189" spans="8:8">
      <c r="H628189" s="12"/>
    </row>
    <row r="628190" spans="8:8">
      <c r="H628190" s="12"/>
    </row>
    <row r="628191" spans="8:8">
      <c r="H628191" s="12"/>
    </row>
    <row r="628192" spans="8:8">
      <c r="H628192" s="12"/>
    </row>
    <row r="628193" spans="8:8">
      <c r="H628193" s="12"/>
    </row>
    <row r="628194" spans="8:8">
      <c r="H628194" s="12"/>
    </row>
    <row r="628195" spans="8:8">
      <c r="H628195" s="12"/>
    </row>
    <row r="628196" spans="8:8">
      <c r="H628196" s="12"/>
    </row>
    <row r="628197" spans="8:8">
      <c r="H628197" s="12"/>
    </row>
    <row r="628198" spans="8:8">
      <c r="H628198" s="12"/>
    </row>
    <row r="628199" spans="8:8">
      <c r="H628199" s="12"/>
    </row>
    <row r="628200" spans="8:8">
      <c r="H628200" s="12"/>
    </row>
    <row r="628201" spans="8:8">
      <c r="H628201" s="12"/>
    </row>
    <row r="628202" spans="8:8">
      <c r="H628202" s="12"/>
    </row>
    <row r="628203" spans="8:8">
      <c r="H628203" s="12"/>
    </row>
    <row r="628204" spans="8:8">
      <c r="H628204" s="12"/>
    </row>
    <row r="628205" spans="8:8">
      <c r="H628205" s="12"/>
    </row>
    <row r="628206" spans="8:8">
      <c r="H628206" s="12"/>
    </row>
    <row r="628207" spans="8:8">
      <c r="H628207" s="12"/>
    </row>
    <row r="628208" spans="8:8">
      <c r="H628208" s="12"/>
    </row>
    <row r="628209" spans="8:8">
      <c r="H628209" s="12"/>
    </row>
    <row r="628210" spans="8:8">
      <c r="H628210" s="12"/>
    </row>
    <row r="628211" spans="8:8">
      <c r="H628211" s="12"/>
    </row>
    <row r="628212" spans="8:8">
      <c r="H628212" s="12"/>
    </row>
    <row r="628213" spans="8:8">
      <c r="H628213" s="12"/>
    </row>
    <row r="628214" spans="8:8">
      <c r="H628214" s="12"/>
    </row>
    <row r="628215" spans="8:8">
      <c r="H628215" s="12"/>
    </row>
    <row r="628216" spans="8:8">
      <c r="H628216" s="12"/>
    </row>
    <row r="628217" spans="8:8">
      <c r="H628217" s="12"/>
    </row>
    <row r="628218" spans="8:8">
      <c r="H628218" s="12"/>
    </row>
    <row r="628219" spans="8:8">
      <c r="H628219" s="12"/>
    </row>
    <row r="628220" spans="8:8">
      <c r="H628220" s="12"/>
    </row>
    <row r="628221" spans="8:8">
      <c r="H628221" s="12"/>
    </row>
    <row r="628222" spans="8:8">
      <c r="H628222" s="12"/>
    </row>
    <row r="628223" spans="8:8">
      <c r="H628223" s="12"/>
    </row>
    <row r="628224" spans="8:8">
      <c r="H628224" s="12"/>
    </row>
    <row r="628225" spans="8:8">
      <c r="H628225" s="12"/>
    </row>
    <row r="628226" spans="8:8">
      <c r="H628226" s="12"/>
    </row>
    <row r="628227" spans="8:8">
      <c r="H628227" s="12"/>
    </row>
    <row r="628228" spans="8:8">
      <c r="H628228" s="12"/>
    </row>
    <row r="628229" spans="8:8">
      <c r="H628229" s="12"/>
    </row>
    <row r="628230" spans="8:8">
      <c r="H628230" s="12"/>
    </row>
    <row r="628231" spans="8:8">
      <c r="H628231" s="12"/>
    </row>
    <row r="628232" spans="8:8">
      <c r="H628232" s="12"/>
    </row>
    <row r="628233" spans="8:8">
      <c r="H628233" s="12"/>
    </row>
    <row r="628234" spans="8:8">
      <c r="H628234" s="12"/>
    </row>
    <row r="628235" spans="8:8">
      <c r="H628235" s="12"/>
    </row>
    <row r="628236" spans="8:8">
      <c r="H628236" s="12"/>
    </row>
    <row r="628237" spans="8:8">
      <c r="H628237" s="12"/>
    </row>
    <row r="628238" spans="8:8">
      <c r="H628238" s="12"/>
    </row>
    <row r="628239" spans="8:8">
      <c r="H628239" s="12"/>
    </row>
    <row r="628240" spans="8:8">
      <c r="H628240" s="12"/>
    </row>
    <row r="628241" spans="8:8">
      <c r="H628241" s="12"/>
    </row>
    <row r="628242" spans="8:8">
      <c r="H628242" s="12"/>
    </row>
    <row r="628243" spans="8:8">
      <c r="H628243" s="12"/>
    </row>
    <row r="628244" spans="8:8">
      <c r="H628244" s="12"/>
    </row>
    <row r="628245" spans="8:8">
      <c r="H628245" s="12"/>
    </row>
    <row r="628246" spans="8:8">
      <c r="H628246" s="12"/>
    </row>
    <row r="628247" spans="8:8">
      <c r="H628247" s="12"/>
    </row>
    <row r="628248" spans="8:8">
      <c r="H628248" s="12"/>
    </row>
    <row r="628249" spans="8:8">
      <c r="H628249" s="12"/>
    </row>
    <row r="628250" spans="8:8">
      <c r="H628250" s="12"/>
    </row>
    <row r="628251" spans="8:8">
      <c r="H628251" s="12"/>
    </row>
    <row r="628252" spans="8:8">
      <c r="H628252" s="12"/>
    </row>
    <row r="628253" spans="8:8">
      <c r="H628253" s="12"/>
    </row>
    <row r="628254" spans="8:8">
      <c r="H628254" s="12"/>
    </row>
    <row r="628255" spans="8:8">
      <c r="H628255" s="12"/>
    </row>
    <row r="628256" spans="8:8">
      <c r="H628256" s="12"/>
    </row>
    <row r="628257" spans="8:8">
      <c r="H628257" s="12"/>
    </row>
    <row r="628258" spans="8:8">
      <c r="H628258" s="12"/>
    </row>
    <row r="628259" spans="8:8">
      <c r="H628259" s="12"/>
    </row>
    <row r="628260" spans="8:8">
      <c r="H628260" s="12"/>
    </row>
    <row r="628261" spans="8:8">
      <c r="H628261" s="12"/>
    </row>
    <row r="628262" spans="8:8">
      <c r="H628262" s="12"/>
    </row>
    <row r="628263" spans="8:8">
      <c r="H628263" s="12"/>
    </row>
    <row r="628264" spans="8:8">
      <c r="H628264" s="12"/>
    </row>
    <row r="628265" spans="8:8">
      <c r="H628265" s="12"/>
    </row>
    <row r="628266" spans="8:8">
      <c r="H628266" s="12"/>
    </row>
    <row r="628267" spans="8:8">
      <c r="H628267" s="12"/>
    </row>
    <row r="628268" spans="8:8">
      <c r="H628268" s="12"/>
    </row>
    <row r="628269" spans="8:8">
      <c r="H628269" s="12"/>
    </row>
    <row r="628270" spans="8:8">
      <c r="H628270" s="12"/>
    </row>
    <row r="628271" spans="8:8">
      <c r="H628271" s="12"/>
    </row>
    <row r="628272" spans="8:8">
      <c r="H628272" s="12"/>
    </row>
    <row r="628273" spans="8:8">
      <c r="H628273" s="12"/>
    </row>
    <row r="628274" spans="8:8">
      <c r="H628274" s="12"/>
    </row>
    <row r="628275" spans="8:8">
      <c r="H628275" s="12"/>
    </row>
    <row r="628276" spans="8:8">
      <c r="H628276" s="12"/>
    </row>
    <row r="628277" spans="8:8">
      <c r="H628277" s="12"/>
    </row>
    <row r="628278" spans="8:8">
      <c r="H628278" s="12"/>
    </row>
    <row r="628279" spans="8:8">
      <c r="H628279" s="12"/>
    </row>
    <row r="628280" spans="8:8">
      <c r="H628280" s="12"/>
    </row>
    <row r="628281" spans="8:8">
      <c r="H628281" s="12"/>
    </row>
    <row r="628282" spans="8:8">
      <c r="H628282" s="12"/>
    </row>
    <row r="628283" spans="8:8">
      <c r="H628283" s="12"/>
    </row>
    <row r="628284" spans="8:8">
      <c r="H628284" s="12"/>
    </row>
    <row r="628285" spans="8:8">
      <c r="H628285" s="12"/>
    </row>
    <row r="628286" spans="8:8">
      <c r="H628286" s="12"/>
    </row>
    <row r="628287" spans="8:8">
      <c r="H628287" s="12"/>
    </row>
    <row r="628288" spans="8:8">
      <c r="H628288" s="12"/>
    </row>
    <row r="628289" spans="8:8">
      <c r="H628289" s="12"/>
    </row>
    <row r="628290" spans="8:8">
      <c r="H628290" s="12"/>
    </row>
    <row r="628291" spans="8:8">
      <c r="H628291" s="12"/>
    </row>
    <row r="628292" spans="8:8">
      <c r="H628292" s="12"/>
    </row>
    <row r="628293" spans="8:8">
      <c r="H628293" s="12"/>
    </row>
    <row r="628294" spans="8:8">
      <c r="H628294" s="12"/>
    </row>
    <row r="628295" spans="8:8">
      <c r="H628295" s="12"/>
    </row>
    <row r="628296" spans="8:8">
      <c r="H628296" s="12"/>
    </row>
    <row r="628297" spans="8:8">
      <c r="H628297" s="12"/>
    </row>
    <row r="628298" spans="8:8">
      <c r="H628298" s="12"/>
    </row>
    <row r="628299" spans="8:8">
      <c r="H628299" s="12"/>
    </row>
    <row r="628300" spans="8:8">
      <c r="H628300" s="12"/>
    </row>
    <row r="628301" spans="8:8">
      <c r="H628301" s="12"/>
    </row>
    <row r="628302" spans="8:8">
      <c r="H628302" s="12"/>
    </row>
    <row r="628303" spans="8:8">
      <c r="H628303" s="12"/>
    </row>
    <row r="628304" spans="8:8">
      <c r="H628304" s="12"/>
    </row>
    <row r="628305" spans="8:8">
      <c r="H628305" s="12"/>
    </row>
    <row r="628306" spans="8:8">
      <c r="H628306" s="12"/>
    </row>
    <row r="628307" spans="8:8">
      <c r="H628307" s="12"/>
    </row>
    <row r="628308" spans="8:8">
      <c r="H628308" s="12"/>
    </row>
    <row r="628309" spans="8:8">
      <c r="H628309" s="12"/>
    </row>
    <row r="628310" spans="8:8">
      <c r="H628310" s="12"/>
    </row>
    <row r="628311" spans="8:8">
      <c r="H628311" s="12"/>
    </row>
    <row r="628312" spans="8:8">
      <c r="H628312" s="12"/>
    </row>
    <row r="628313" spans="8:8">
      <c r="H628313" s="12"/>
    </row>
    <row r="628314" spans="8:8">
      <c r="H628314" s="12"/>
    </row>
    <row r="628315" spans="8:8">
      <c r="H628315" s="12"/>
    </row>
    <row r="628316" spans="8:8">
      <c r="H628316" s="12"/>
    </row>
    <row r="628317" spans="8:8">
      <c r="H628317" s="12"/>
    </row>
    <row r="628318" spans="8:8">
      <c r="H628318" s="12"/>
    </row>
    <row r="628319" spans="8:8">
      <c r="H628319" s="12"/>
    </row>
    <row r="628320" spans="8:8">
      <c r="H628320" s="12"/>
    </row>
    <row r="628321" spans="8:8">
      <c r="H628321" s="12"/>
    </row>
    <row r="628322" spans="8:8">
      <c r="H628322" s="12"/>
    </row>
    <row r="628323" spans="8:8">
      <c r="H628323" s="12"/>
    </row>
    <row r="628324" spans="8:8">
      <c r="H628324" s="12"/>
    </row>
    <row r="628325" spans="8:8">
      <c r="H628325" s="12"/>
    </row>
    <row r="628326" spans="8:8">
      <c r="H628326" s="12"/>
    </row>
    <row r="628327" spans="8:8">
      <c r="H628327" s="12"/>
    </row>
    <row r="628328" spans="8:8">
      <c r="H628328" s="12"/>
    </row>
    <row r="628329" spans="8:8">
      <c r="H628329" s="12"/>
    </row>
    <row r="628330" spans="8:8">
      <c r="H628330" s="12"/>
    </row>
    <row r="628331" spans="8:8">
      <c r="H628331" s="12"/>
    </row>
    <row r="628332" spans="8:8">
      <c r="H628332" s="12"/>
    </row>
    <row r="628333" spans="8:8">
      <c r="H628333" s="12"/>
    </row>
    <row r="628334" spans="8:8">
      <c r="H628334" s="12"/>
    </row>
    <row r="628335" spans="8:8">
      <c r="H628335" s="12"/>
    </row>
    <row r="628336" spans="8:8">
      <c r="H628336" s="12"/>
    </row>
    <row r="628337" spans="8:8">
      <c r="H628337" s="12"/>
    </row>
    <row r="628338" spans="8:8">
      <c r="H628338" s="12"/>
    </row>
    <row r="628339" spans="8:8">
      <c r="H628339" s="12"/>
    </row>
    <row r="628340" spans="8:8">
      <c r="H628340" s="12"/>
    </row>
    <row r="628341" spans="8:8">
      <c r="H628341" s="12"/>
    </row>
    <row r="628342" spans="8:8">
      <c r="H628342" s="12"/>
    </row>
    <row r="628343" spans="8:8">
      <c r="H628343" s="12"/>
    </row>
    <row r="628344" spans="8:8">
      <c r="H628344" s="12"/>
    </row>
    <row r="628345" spans="8:8">
      <c r="H628345" s="12"/>
    </row>
    <row r="628346" spans="8:8">
      <c r="H628346" s="12"/>
    </row>
    <row r="628347" spans="8:8">
      <c r="H628347" s="12"/>
    </row>
    <row r="628348" spans="8:8">
      <c r="H628348" s="12"/>
    </row>
    <row r="628349" spans="8:8">
      <c r="H628349" s="12"/>
    </row>
    <row r="628350" spans="8:8">
      <c r="H628350" s="12"/>
    </row>
    <row r="628351" spans="8:8">
      <c r="H628351" s="12"/>
    </row>
    <row r="628352" spans="8:8">
      <c r="H628352" s="12"/>
    </row>
    <row r="628353" spans="8:8">
      <c r="H628353" s="12"/>
    </row>
    <row r="628354" spans="8:8">
      <c r="H628354" s="12"/>
    </row>
    <row r="628355" spans="8:8">
      <c r="H628355" s="12"/>
    </row>
    <row r="628356" spans="8:8">
      <c r="H628356" s="12"/>
    </row>
    <row r="628357" spans="8:8">
      <c r="H628357" s="12"/>
    </row>
    <row r="628358" spans="8:8">
      <c r="H628358" s="12"/>
    </row>
    <row r="628359" spans="8:8">
      <c r="H628359" s="12"/>
    </row>
    <row r="628360" spans="8:8">
      <c r="H628360" s="12"/>
    </row>
    <row r="628361" spans="8:8">
      <c r="H628361" s="12"/>
    </row>
    <row r="628362" spans="8:8">
      <c r="H628362" s="12"/>
    </row>
    <row r="628363" spans="8:8">
      <c r="H628363" s="12"/>
    </row>
    <row r="628364" spans="8:8">
      <c r="H628364" s="12"/>
    </row>
    <row r="628365" spans="8:8">
      <c r="H628365" s="12"/>
    </row>
    <row r="628366" spans="8:8">
      <c r="H628366" s="12"/>
    </row>
    <row r="628367" spans="8:8">
      <c r="H628367" s="12"/>
    </row>
    <row r="628368" spans="8:8">
      <c r="H628368" s="12"/>
    </row>
    <row r="628369" spans="8:8">
      <c r="H628369" s="12"/>
    </row>
    <row r="628370" spans="8:8">
      <c r="H628370" s="12"/>
    </row>
    <row r="628371" spans="8:8">
      <c r="H628371" s="12"/>
    </row>
    <row r="628372" spans="8:8">
      <c r="H628372" s="12"/>
    </row>
    <row r="628373" spans="8:8">
      <c r="H628373" s="12"/>
    </row>
    <row r="628374" spans="8:8">
      <c r="H628374" s="12"/>
    </row>
    <row r="628375" spans="8:8">
      <c r="H628375" s="12"/>
    </row>
    <row r="628376" spans="8:8">
      <c r="H628376" s="12"/>
    </row>
    <row r="628377" spans="8:8">
      <c r="H628377" s="12"/>
    </row>
    <row r="628378" spans="8:8">
      <c r="H628378" s="12"/>
    </row>
    <row r="628379" spans="8:8">
      <c r="H628379" s="12"/>
    </row>
    <row r="628380" spans="8:8">
      <c r="H628380" s="12"/>
    </row>
    <row r="628381" spans="8:8">
      <c r="H628381" s="12"/>
    </row>
    <row r="628382" spans="8:8">
      <c r="H628382" s="12"/>
    </row>
    <row r="628383" spans="8:8">
      <c r="H628383" s="12"/>
    </row>
    <row r="628384" spans="8:8">
      <c r="H628384" s="12"/>
    </row>
    <row r="628385" spans="8:8">
      <c r="H628385" s="12"/>
    </row>
    <row r="628386" spans="8:8">
      <c r="H628386" s="12"/>
    </row>
    <row r="628387" spans="8:8">
      <c r="H628387" s="12"/>
    </row>
    <row r="628388" spans="8:8">
      <c r="H628388" s="12"/>
    </row>
    <row r="628389" spans="8:8">
      <c r="H628389" s="12"/>
    </row>
    <row r="628390" spans="8:8">
      <c r="H628390" s="12"/>
    </row>
    <row r="628391" spans="8:8">
      <c r="H628391" s="12"/>
    </row>
    <row r="628392" spans="8:8">
      <c r="H628392" s="12"/>
    </row>
    <row r="628393" spans="8:8">
      <c r="H628393" s="12"/>
    </row>
    <row r="628394" spans="8:8">
      <c r="H628394" s="12"/>
    </row>
    <row r="628395" spans="8:8">
      <c r="H628395" s="12"/>
    </row>
    <row r="628396" spans="8:8">
      <c r="H628396" s="12"/>
    </row>
    <row r="628397" spans="8:8">
      <c r="H628397" s="12"/>
    </row>
    <row r="628398" spans="8:8">
      <c r="H628398" s="12"/>
    </row>
    <row r="628399" spans="8:8">
      <c r="H628399" s="12"/>
    </row>
    <row r="628400" spans="8:8">
      <c r="H628400" s="12"/>
    </row>
    <row r="628401" spans="8:8">
      <c r="H628401" s="12"/>
    </row>
    <row r="628402" spans="8:8">
      <c r="H628402" s="12"/>
    </row>
    <row r="628403" spans="8:8">
      <c r="H628403" s="12"/>
    </row>
    <row r="628404" spans="8:8">
      <c r="H628404" s="12"/>
    </row>
    <row r="628405" spans="8:8">
      <c r="H628405" s="12"/>
    </row>
    <row r="628406" spans="8:8">
      <c r="H628406" s="12"/>
    </row>
    <row r="628407" spans="8:8">
      <c r="H628407" s="12"/>
    </row>
    <row r="628408" spans="8:8">
      <c r="H628408" s="12"/>
    </row>
    <row r="628409" spans="8:8">
      <c r="H628409" s="12"/>
    </row>
    <row r="628410" spans="8:8">
      <c r="H628410" s="12"/>
    </row>
    <row r="628411" spans="8:8">
      <c r="H628411" s="12"/>
    </row>
    <row r="628412" spans="8:8">
      <c r="H628412" s="12"/>
    </row>
    <row r="628413" spans="8:8">
      <c r="H628413" s="12"/>
    </row>
    <row r="628414" spans="8:8">
      <c r="H628414" s="12"/>
    </row>
    <row r="628415" spans="8:8">
      <c r="H628415" s="12"/>
    </row>
    <row r="628416" spans="8:8">
      <c r="H628416" s="12"/>
    </row>
    <row r="628417" spans="8:8">
      <c r="H628417" s="12"/>
    </row>
    <row r="628418" spans="8:8">
      <c r="H628418" s="12"/>
    </row>
    <row r="628419" spans="8:8">
      <c r="H628419" s="12"/>
    </row>
    <row r="628420" spans="8:8">
      <c r="H628420" s="12"/>
    </row>
    <row r="628421" spans="8:8">
      <c r="H628421" s="12"/>
    </row>
    <row r="628422" spans="8:8">
      <c r="H628422" s="12"/>
    </row>
    <row r="628423" spans="8:8">
      <c r="H628423" s="12"/>
    </row>
    <row r="628424" spans="8:8">
      <c r="H628424" s="12"/>
    </row>
    <row r="628425" spans="8:8">
      <c r="H628425" s="12"/>
    </row>
    <row r="628426" spans="8:8">
      <c r="H628426" s="12"/>
    </row>
    <row r="628427" spans="8:8">
      <c r="H628427" s="12"/>
    </row>
    <row r="628428" spans="8:8">
      <c r="H628428" s="12"/>
    </row>
    <row r="628429" spans="8:8">
      <c r="H628429" s="12"/>
    </row>
    <row r="628430" spans="8:8">
      <c r="H628430" s="12"/>
    </row>
    <row r="628431" spans="8:8">
      <c r="H628431" s="12"/>
    </row>
    <row r="628432" spans="8:8">
      <c r="H628432" s="12"/>
    </row>
    <row r="628433" spans="8:8">
      <c r="H628433" s="12"/>
    </row>
    <row r="628434" spans="8:8">
      <c r="H628434" s="12"/>
    </row>
    <row r="628435" spans="8:8">
      <c r="H628435" s="12"/>
    </row>
    <row r="628436" spans="8:8">
      <c r="H628436" s="12"/>
    </row>
    <row r="628437" spans="8:8">
      <c r="H628437" s="12"/>
    </row>
    <row r="628438" spans="8:8">
      <c r="H628438" s="12"/>
    </row>
    <row r="628439" spans="8:8">
      <c r="H628439" s="12"/>
    </row>
    <row r="628440" spans="8:8">
      <c r="H628440" s="12"/>
    </row>
    <row r="628441" spans="8:8">
      <c r="H628441" s="12"/>
    </row>
    <row r="628442" spans="8:8">
      <c r="H628442" s="12"/>
    </row>
    <row r="628443" spans="8:8">
      <c r="H628443" s="12"/>
    </row>
    <row r="628444" spans="8:8">
      <c r="H628444" s="12"/>
    </row>
    <row r="628445" spans="8:8">
      <c r="H628445" s="12"/>
    </row>
    <row r="628446" spans="8:8">
      <c r="H628446" s="12"/>
    </row>
    <row r="628447" spans="8:8">
      <c r="H628447" s="12"/>
    </row>
    <row r="628448" spans="8:8">
      <c r="H628448" s="12"/>
    </row>
    <row r="628449" spans="8:8">
      <c r="H628449" s="12"/>
    </row>
    <row r="628450" spans="8:8">
      <c r="H628450" s="12"/>
    </row>
    <row r="628451" spans="8:8">
      <c r="H628451" s="12"/>
    </row>
    <row r="628452" spans="8:8">
      <c r="H628452" s="12"/>
    </row>
    <row r="628453" spans="8:8">
      <c r="H628453" s="12"/>
    </row>
    <row r="628454" spans="8:8">
      <c r="H628454" s="12"/>
    </row>
    <row r="628455" spans="8:8">
      <c r="H628455" s="12"/>
    </row>
    <row r="628456" spans="8:8">
      <c r="H628456" s="12"/>
    </row>
    <row r="628457" spans="8:8">
      <c r="H628457" s="12"/>
    </row>
    <row r="628458" spans="8:8">
      <c r="H628458" s="12"/>
    </row>
    <row r="628459" spans="8:8">
      <c r="H628459" s="12"/>
    </row>
    <row r="628460" spans="8:8">
      <c r="H628460" s="12"/>
    </row>
    <row r="628461" spans="8:8">
      <c r="H628461" s="12"/>
    </row>
    <row r="628462" spans="8:8">
      <c r="H628462" s="12"/>
    </row>
    <row r="628463" spans="8:8">
      <c r="H628463" s="12"/>
    </row>
    <row r="628464" spans="8:8">
      <c r="H628464" s="12"/>
    </row>
    <row r="628465" spans="8:8">
      <c r="H628465" s="12"/>
    </row>
    <row r="628466" spans="8:8">
      <c r="H628466" s="12"/>
    </row>
    <row r="628467" spans="8:8">
      <c r="H628467" s="12"/>
    </row>
    <row r="628468" spans="8:8">
      <c r="H628468" s="12"/>
    </row>
    <row r="628469" spans="8:8">
      <c r="H628469" s="12"/>
    </row>
    <row r="628470" spans="8:8">
      <c r="H628470" s="12"/>
    </row>
    <row r="628471" spans="8:8">
      <c r="H628471" s="12"/>
    </row>
    <row r="628472" spans="8:8">
      <c r="H628472" s="12"/>
    </row>
    <row r="628473" spans="8:8">
      <c r="H628473" s="12"/>
    </row>
    <row r="628474" spans="8:8">
      <c r="H628474" s="12"/>
    </row>
    <row r="628475" spans="8:8">
      <c r="H628475" s="12"/>
    </row>
    <row r="628476" spans="8:8">
      <c r="H628476" s="12"/>
    </row>
    <row r="628477" spans="8:8">
      <c r="H628477" s="12"/>
    </row>
    <row r="628478" spans="8:8">
      <c r="H628478" s="12"/>
    </row>
    <row r="628479" spans="8:8">
      <c r="H628479" s="12"/>
    </row>
    <row r="628480" spans="8:8">
      <c r="H628480" s="12"/>
    </row>
    <row r="628481" spans="8:8">
      <c r="H628481" s="12"/>
    </row>
    <row r="628482" spans="8:8">
      <c r="H628482" s="12"/>
    </row>
    <row r="628483" spans="8:8">
      <c r="H628483" s="12"/>
    </row>
    <row r="628484" spans="8:8">
      <c r="H628484" s="12"/>
    </row>
    <row r="628485" spans="8:8">
      <c r="H628485" s="12"/>
    </row>
    <row r="628486" spans="8:8">
      <c r="H628486" s="12"/>
    </row>
    <row r="628487" spans="8:8">
      <c r="H628487" s="12"/>
    </row>
    <row r="628488" spans="8:8">
      <c r="H628488" s="12"/>
    </row>
    <row r="628489" spans="8:8">
      <c r="H628489" s="12"/>
    </row>
    <row r="628490" spans="8:8">
      <c r="H628490" s="12"/>
    </row>
    <row r="628491" spans="8:8">
      <c r="H628491" s="12"/>
    </row>
    <row r="628492" spans="8:8">
      <c r="H628492" s="12"/>
    </row>
    <row r="628493" spans="8:8">
      <c r="H628493" s="12"/>
    </row>
    <row r="628494" spans="8:8">
      <c r="H628494" s="12"/>
    </row>
    <row r="628495" spans="8:8">
      <c r="H628495" s="12"/>
    </row>
    <row r="628496" spans="8:8">
      <c r="H628496" s="12"/>
    </row>
    <row r="628497" spans="8:8">
      <c r="H628497" s="12"/>
    </row>
    <row r="628498" spans="8:8">
      <c r="H628498" s="12"/>
    </row>
    <row r="628499" spans="8:8">
      <c r="H628499" s="12"/>
    </row>
    <row r="628500" spans="8:8">
      <c r="H628500" s="12"/>
    </row>
    <row r="628501" spans="8:8">
      <c r="H628501" s="12"/>
    </row>
    <row r="628502" spans="8:8">
      <c r="H628502" s="12"/>
    </row>
    <row r="628503" spans="8:8">
      <c r="H628503" s="12"/>
    </row>
    <row r="628504" spans="8:8">
      <c r="H628504" s="12"/>
    </row>
    <row r="628505" spans="8:8">
      <c r="H628505" s="12"/>
    </row>
    <row r="628506" spans="8:8">
      <c r="H628506" s="12"/>
    </row>
    <row r="628507" spans="8:8">
      <c r="H628507" s="12"/>
    </row>
    <row r="628508" spans="8:8">
      <c r="H628508" s="12"/>
    </row>
    <row r="628509" spans="8:8">
      <c r="H628509" s="12"/>
    </row>
    <row r="628510" spans="8:8">
      <c r="H628510" s="12"/>
    </row>
    <row r="628511" spans="8:8">
      <c r="H628511" s="12"/>
    </row>
    <row r="628512" spans="8:8">
      <c r="H628512" s="12"/>
    </row>
    <row r="628513" spans="8:8">
      <c r="H628513" s="12"/>
    </row>
    <row r="628514" spans="8:8">
      <c r="H628514" s="12"/>
    </row>
    <row r="628515" spans="8:8">
      <c r="H628515" s="12"/>
    </row>
    <row r="628516" spans="8:8">
      <c r="H628516" s="12"/>
    </row>
    <row r="628517" spans="8:8">
      <c r="H628517" s="12"/>
    </row>
    <row r="628518" spans="8:8">
      <c r="H628518" s="12"/>
    </row>
    <row r="628519" spans="8:8">
      <c r="H628519" s="12"/>
    </row>
    <row r="628520" spans="8:8">
      <c r="H628520" s="12"/>
    </row>
    <row r="628521" spans="8:8">
      <c r="H628521" s="12"/>
    </row>
    <row r="628522" spans="8:8">
      <c r="H628522" s="12"/>
    </row>
    <row r="628523" spans="8:8">
      <c r="H628523" s="12"/>
    </row>
    <row r="628524" spans="8:8">
      <c r="H628524" s="12"/>
    </row>
    <row r="628525" spans="8:8">
      <c r="H628525" s="12"/>
    </row>
    <row r="628526" spans="8:8">
      <c r="H628526" s="12"/>
    </row>
    <row r="628527" spans="8:8">
      <c r="H628527" s="12"/>
    </row>
    <row r="628528" spans="8:8">
      <c r="H628528" s="12"/>
    </row>
    <row r="628529" spans="8:8">
      <c r="H628529" s="12"/>
    </row>
    <row r="628530" spans="8:8">
      <c r="H628530" s="12"/>
    </row>
    <row r="628531" spans="8:8">
      <c r="H628531" s="12"/>
    </row>
    <row r="628532" spans="8:8">
      <c r="H628532" s="12"/>
    </row>
    <row r="628533" spans="8:8">
      <c r="H628533" s="12"/>
    </row>
    <row r="628534" spans="8:8">
      <c r="H628534" s="12"/>
    </row>
    <row r="628535" spans="8:8">
      <c r="H628535" s="12"/>
    </row>
    <row r="628536" spans="8:8">
      <c r="H628536" s="12"/>
    </row>
    <row r="628537" spans="8:8">
      <c r="H628537" s="12"/>
    </row>
    <row r="628538" spans="8:8">
      <c r="H628538" s="12"/>
    </row>
    <row r="628539" spans="8:8">
      <c r="H628539" s="12"/>
    </row>
    <row r="628540" spans="8:8">
      <c r="H628540" s="12"/>
    </row>
    <row r="628541" spans="8:8">
      <c r="H628541" s="12"/>
    </row>
    <row r="628542" spans="8:8">
      <c r="H628542" s="12"/>
    </row>
    <row r="628543" spans="8:8">
      <c r="H628543" s="12"/>
    </row>
    <row r="628544" spans="8:8">
      <c r="H628544" s="12"/>
    </row>
    <row r="628545" spans="8:8">
      <c r="H628545" s="12"/>
    </row>
    <row r="628546" spans="8:8">
      <c r="H628546" s="12"/>
    </row>
    <row r="628547" spans="8:8">
      <c r="H628547" s="12"/>
    </row>
    <row r="628548" spans="8:8">
      <c r="H628548" s="12"/>
    </row>
    <row r="628549" spans="8:8">
      <c r="H628549" s="12"/>
    </row>
    <row r="628550" spans="8:8">
      <c r="H628550" s="12"/>
    </row>
    <row r="628551" spans="8:8">
      <c r="H628551" s="12"/>
    </row>
    <row r="628552" spans="8:8">
      <c r="H628552" s="12"/>
    </row>
    <row r="628553" spans="8:8">
      <c r="H628553" s="12"/>
    </row>
    <row r="628554" spans="8:8">
      <c r="H628554" s="12"/>
    </row>
    <row r="628555" spans="8:8">
      <c r="H628555" s="12"/>
    </row>
    <row r="628556" spans="8:8">
      <c r="H628556" s="12"/>
    </row>
    <row r="628557" spans="8:8">
      <c r="H628557" s="12"/>
    </row>
    <row r="628558" spans="8:8">
      <c r="H628558" s="12"/>
    </row>
    <row r="628559" spans="8:8">
      <c r="H628559" s="12"/>
    </row>
    <row r="628560" spans="8:8">
      <c r="H628560" s="12"/>
    </row>
    <row r="628561" spans="8:8">
      <c r="H628561" s="12"/>
    </row>
    <row r="628562" spans="8:8">
      <c r="H628562" s="12"/>
    </row>
    <row r="628563" spans="8:8">
      <c r="H628563" s="12"/>
    </row>
    <row r="628564" spans="8:8">
      <c r="H628564" s="12"/>
    </row>
    <row r="628565" spans="8:8">
      <c r="H628565" s="12"/>
    </row>
    <row r="628566" spans="8:8">
      <c r="H628566" s="12"/>
    </row>
    <row r="628567" spans="8:8">
      <c r="H628567" s="12"/>
    </row>
    <row r="628568" spans="8:8">
      <c r="H628568" s="12"/>
    </row>
    <row r="628569" spans="8:8">
      <c r="H628569" s="12"/>
    </row>
    <row r="628570" spans="8:8">
      <c r="H628570" s="12"/>
    </row>
    <row r="628571" spans="8:8">
      <c r="H628571" s="12"/>
    </row>
    <row r="628572" spans="8:8">
      <c r="H628572" s="12"/>
    </row>
    <row r="628573" spans="8:8">
      <c r="H628573" s="12"/>
    </row>
    <row r="628574" spans="8:8">
      <c r="H628574" s="12"/>
    </row>
    <row r="628575" spans="8:8">
      <c r="H628575" s="12"/>
    </row>
    <row r="628576" spans="8:8">
      <c r="H628576" s="12"/>
    </row>
    <row r="628577" spans="8:8">
      <c r="H628577" s="12"/>
    </row>
    <row r="628578" spans="8:8">
      <c r="H628578" s="12"/>
    </row>
    <row r="628579" spans="8:8">
      <c r="H628579" s="12"/>
    </row>
    <row r="628580" spans="8:8">
      <c r="H628580" s="12"/>
    </row>
    <row r="628581" spans="8:8">
      <c r="H628581" s="12"/>
    </row>
    <row r="628582" spans="8:8">
      <c r="H628582" s="12"/>
    </row>
    <row r="628583" spans="8:8">
      <c r="H628583" s="12"/>
    </row>
    <row r="628584" spans="8:8">
      <c r="H628584" s="12"/>
    </row>
    <row r="628585" spans="8:8">
      <c r="H628585" s="12"/>
    </row>
    <row r="628586" spans="8:8">
      <c r="H628586" s="12"/>
    </row>
    <row r="628587" spans="8:8">
      <c r="H628587" s="12"/>
    </row>
    <row r="628588" spans="8:8">
      <c r="H628588" s="12"/>
    </row>
    <row r="628589" spans="8:8">
      <c r="H628589" s="12"/>
    </row>
    <row r="628590" spans="8:8">
      <c r="H628590" s="12"/>
    </row>
    <row r="628591" spans="8:8">
      <c r="H628591" s="12"/>
    </row>
    <row r="628592" spans="8:8">
      <c r="H628592" s="12"/>
    </row>
    <row r="628593" spans="8:8">
      <c r="H628593" s="12"/>
    </row>
    <row r="628594" spans="8:8">
      <c r="H628594" s="12"/>
    </row>
    <row r="628595" spans="8:8">
      <c r="H628595" s="12"/>
    </row>
    <row r="628596" spans="8:8">
      <c r="H628596" s="12"/>
    </row>
    <row r="628597" spans="8:8">
      <c r="H628597" s="12"/>
    </row>
    <row r="628598" spans="8:8">
      <c r="H628598" s="12"/>
    </row>
    <row r="628599" spans="8:8">
      <c r="H628599" s="12"/>
    </row>
    <row r="628600" spans="8:8">
      <c r="H628600" s="12"/>
    </row>
    <row r="628601" spans="8:8">
      <c r="H628601" s="12"/>
    </row>
    <row r="628602" spans="8:8">
      <c r="H628602" s="12"/>
    </row>
    <row r="628603" spans="8:8">
      <c r="H628603" s="12"/>
    </row>
    <row r="628604" spans="8:8">
      <c r="H628604" s="12"/>
    </row>
    <row r="628605" spans="8:8">
      <c r="H628605" s="12"/>
    </row>
    <row r="628606" spans="8:8">
      <c r="H628606" s="12"/>
    </row>
    <row r="628607" spans="8:8">
      <c r="H628607" s="12"/>
    </row>
    <row r="628608" spans="8:8">
      <c r="H628608" s="12"/>
    </row>
    <row r="628609" spans="8:8">
      <c r="H628609" s="12"/>
    </row>
    <row r="628610" spans="8:8">
      <c r="H628610" s="12"/>
    </row>
    <row r="628611" spans="8:8">
      <c r="H628611" s="12"/>
    </row>
    <row r="628612" spans="8:8">
      <c r="H628612" s="12"/>
    </row>
    <row r="628613" spans="8:8">
      <c r="H628613" s="12"/>
    </row>
    <row r="628614" spans="8:8">
      <c r="H628614" s="12"/>
    </row>
    <row r="628615" spans="8:8">
      <c r="H628615" s="12"/>
    </row>
    <row r="628616" spans="8:8">
      <c r="H628616" s="12"/>
    </row>
    <row r="628617" spans="8:8">
      <c r="H628617" s="12"/>
    </row>
    <row r="628618" spans="8:8">
      <c r="H628618" s="12"/>
    </row>
    <row r="628619" spans="8:8">
      <c r="H628619" s="12"/>
    </row>
    <row r="628620" spans="8:8">
      <c r="H628620" s="12"/>
    </row>
    <row r="628621" spans="8:8">
      <c r="H628621" s="12"/>
    </row>
    <row r="628622" spans="8:8">
      <c r="H628622" s="12"/>
    </row>
    <row r="628623" spans="8:8">
      <c r="H628623" s="12"/>
    </row>
    <row r="628624" spans="8:8">
      <c r="H628624" s="12"/>
    </row>
    <row r="628625" spans="8:8">
      <c r="H628625" s="12"/>
    </row>
    <row r="628626" spans="8:8">
      <c r="H628626" s="12"/>
    </row>
    <row r="628627" spans="8:8">
      <c r="H628627" s="12"/>
    </row>
    <row r="628628" spans="8:8">
      <c r="H628628" s="12"/>
    </row>
    <row r="628629" spans="8:8">
      <c r="H628629" s="12"/>
    </row>
    <row r="628630" spans="8:8">
      <c r="H628630" s="12"/>
    </row>
    <row r="628631" spans="8:8">
      <c r="H628631" s="12"/>
    </row>
    <row r="628632" spans="8:8">
      <c r="H628632" s="12"/>
    </row>
    <row r="628633" spans="8:8">
      <c r="H628633" s="12"/>
    </row>
    <row r="628634" spans="8:8">
      <c r="H628634" s="12"/>
    </row>
    <row r="628635" spans="8:8">
      <c r="H628635" s="12"/>
    </row>
    <row r="628636" spans="8:8">
      <c r="H628636" s="12"/>
    </row>
    <row r="628637" spans="8:8">
      <c r="H628637" s="12"/>
    </row>
    <row r="628638" spans="8:8">
      <c r="H628638" s="12"/>
    </row>
    <row r="628639" spans="8:8">
      <c r="H628639" s="12"/>
    </row>
    <row r="628640" spans="8:8">
      <c r="H628640" s="12"/>
    </row>
    <row r="628641" spans="8:8">
      <c r="H628641" s="12"/>
    </row>
    <row r="628642" spans="8:8">
      <c r="H628642" s="12"/>
    </row>
    <row r="628643" spans="8:8">
      <c r="H628643" s="12"/>
    </row>
    <row r="628644" spans="8:8">
      <c r="H628644" s="12"/>
    </row>
    <row r="628645" spans="8:8">
      <c r="H628645" s="12"/>
    </row>
    <row r="628646" spans="8:8">
      <c r="H628646" s="12"/>
    </row>
    <row r="628647" spans="8:8">
      <c r="H628647" s="12"/>
    </row>
    <row r="628648" spans="8:8">
      <c r="H628648" s="12"/>
    </row>
    <row r="628649" spans="8:8">
      <c r="H628649" s="12"/>
    </row>
    <row r="628650" spans="8:8">
      <c r="H628650" s="12"/>
    </row>
    <row r="628651" spans="8:8">
      <c r="H628651" s="12"/>
    </row>
    <row r="628652" spans="8:8">
      <c r="H628652" s="12"/>
    </row>
    <row r="628653" spans="8:8">
      <c r="H628653" s="12"/>
    </row>
    <row r="628654" spans="8:8">
      <c r="H628654" s="12"/>
    </row>
    <row r="628655" spans="8:8">
      <c r="H628655" s="12"/>
    </row>
    <row r="628656" spans="8:8">
      <c r="H628656" s="12"/>
    </row>
    <row r="628657" spans="8:8">
      <c r="H628657" s="12"/>
    </row>
    <row r="628658" spans="8:8">
      <c r="H628658" s="12"/>
    </row>
    <row r="628659" spans="8:8">
      <c r="H628659" s="12"/>
    </row>
    <row r="628660" spans="8:8">
      <c r="H628660" s="12"/>
    </row>
    <row r="628661" spans="8:8">
      <c r="H628661" s="12"/>
    </row>
    <row r="628662" spans="8:8">
      <c r="H628662" s="12"/>
    </row>
    <row r="628663" spans="8:8">
      <c r="H628663" s="12"/>
    </row>
    <row r="628664" spans="8:8">
      <c r="H628664" s="12"/>
    </row>
    <row r="628665" spans="8:8">
      <c r="H628665" s="12"/>
    </row>
    <row r="628666" spans="8:8">
      <c r="H628666" s="12"/>
    </row>
    <row r="628667" spans="8:8">
      <c r="H628667" s="12"/>
    </row>
    <row r="628668" spans="8:8">
      <c r="H628668" s="12"/>
    </row>
    <row r="628669" spans="8:8">
      <c r="H628669" s="12"/>
    </row>
    <row r="628670" spans="8:8">
      <c r="H628670" s="12"/>
    </row>
    <row r="628671" spans="8:8">
      <c r="H628671" s="12"/>
    </row>
    <row r="628672" spans="8:8">
      <c r="H628672" s="12"/>
    </row>
    <row r="628673" spans="8:8">
      <c r="H628673" s="12"/>
    </row>
    <row r="628674" spans="8:8">
      <c r="H628674" s="12"/>
    </row>
    <row r="628675" spans="8:8">
      <c r="H628675" s="12"/>
    </row>
    <row r="628676" spans="8:8">
      <c r="H628676" s="12"/>
    </row>
    <row r="628677" spans="8:8">
      <c r="H628677" s="12"/>
    </row>
    <row r="628678" spans="8:8">
      <c r="H628678" s="12"/>
    </row>
    <row r="628679" spans="8:8">
      <c r="H628679" s="12"/>
    </row>
    <row r="628680" spans="8:8">
      <c r="H628680" s="12"/>
    </row>
    <row r="628681" spans="8:8">
      <c r="H628681" s="12"/>
    </row>
    <row r="628682" spans="8:8">
      <c r="H628682" s="12"/>
    </row>
    <row r="628683" spans="8:8">
      <c r="H628683" s="12"/>
    </row>
    <row r="628684" spans="8:8">
      <c r="H628684" s="12"/>
    </row>
    <row r="628685" spans="8:8">
      <c r="H628685" s="12"/>
    </row>
    <row r="628686" spans="8:8">
      <c r="H628686" s="12"/>
    </row>
    <row r="628687" spans="8:8">
      <c r="H628687" s="12"/>
    </row>
    <row r="628688" spans="8:8">
      <c r="H628688" s="12"/>
    </row>
    <row r="628689" spans="8:8">
      <c r="H628689" s="12"/>
    </row>
    <row r="628690" spans="8:8">
      <c r="H628690" s="12"/>
    </row>
    <row r="628691" spans="8:8">
      <c r="H628691" s="12"/>
    </row>
    <row r="628692" spans="8:8">
      <c r="H628692" s="12"/>
    </row>
    <row r="628693" spans="8:8">
      <c r="H628693" s="12"/>
    </row>
    <row r="628694" spans="8:8">
      <c r="H628694" s="12"/>
    </row>
    <row r="628695" spans="8:8">
      <c r="H628695" s="12"/>
    </row>
    <row r="628696" spans="8:8">
      <c r="H628696" s="12"/>
    </row>
    <row r="628697" spans="8:8">
      <c r="H628697" s="12"/>
    </row>
    <row r="628698" spans="8:8">
      <c r="H628698" s="12"/>
    </row>
    <row r="628699" spans="8:8">
      <c r="H628699" s="12"/>
    </row>
    <row r="628700" spans="8:8">
      <c r="H628700" s="12"/>
    </row>
    <row r="628701" spans="8:8">
      <c r="H628701" s="12"/>
    </row>
    <row r="628702" spans="8:8">
      <c r="H628702" s="12"/>
    </row>
    <row r="628703" spans="8:8">
      <c r="H628703" s="12"/>
    </row>
    <row r="628704" spans="8:8">
      <c r="H628704" s="12"/>
    </row>
    <row r="628705" spans="8:8">
      <c r="H628705" s="12"/>
    </row>
    <row r="628706" spans="8:8">
      <c r="H628706" s="12"/>
    </row>
    <row r="628707" spans="8:8">
      <c r="H628707" s="12"/>
    </row>
    <row r="628708" spans="8:8">
      <c r="H628708" s="12"/>
    </row>
    <row r="628709" spans="8:8">
      <c r="H628709" s="12"/>
    </row>
    <row r="628710" spans="8:8">
      <c r="H628710" s="12"/>
    </row>
    <row r="628711" spans="8:8">
      <c r="H628711" s="12"/>
    </row>
    <row r="628712" spans="8:8">
      <c r="H628712" s="12"/>
    </row>
    <row r="628713" spans="8:8">
      <c r="H628713" s="12"/>
    </row>
    <row r="628714" spans="8:8">
      <c r="H628714" s="12"/>
    </row>
    <row r="628715" spans="8:8">
      <c r="H628715" s="12"/>
    </row>
    <row r="628716" spans="8:8">
      <c r="H628716" s="12"/>
    </row>
    <row r="628717" spans="8:8">
      <c r="H628717" s="12"/>
    </row>
    <row r="628718" spans="8:8">
      <c r="H628718" s="12"/>
    </row>
    <row r="628719" spans="8:8">
      <c r="H628719" s="12"/>
    </row>
    <row r="628720" spans="8:8">
      <c r="H628720" s="12"/>
    </row>
    <row r="628721" spans="8:8">
      <c r="H628721" s="12"/>
    </row>
    <row r="628722" spans="8:8">
      <c r="H628722" s="12"/>
    </row>
    <row r="628723" spans="8:8">
      <c r="H628723" s="12"/>
    </row>
    <row r="628724" spans="8:8">
      <c r="H628724" s="12"/>
    </row>
    <row r="628725" spans="8:8">
      <c r="H628725" s="12"/>
    </row>
    <row r="628726" spans="8:8">
      <c r="H628726" s="12"/>
    </row>
    <row r="628727" spans="8:8">
      <c r="H628727" s="12"/>
    </row>
    <row r="628728" spans="8:8">
      <c r="H628728" s="12"/>
    </row>
    <row r="628729" spans="8:8">
      <c r="H628729" s="12"/>
    </row>
    <row r="628730" spans="8:8">
      <c r="H628730" s="12"/>
    </row>
    <row r="628731" spans="8:8">
      <c r="H628731" s="12"/>
    </row>
    <row r="628732" spans="8:8">
      <c r="H628732" s="12"/>
    </row>
    <row r="628733" spans="8:8">
      <c r="H628733" s="12"/>
    </row>
    <row r="628734" spans="8:8">
      <c r="H628734" s="12"/>
    </row>
    <row r="628735" spans="8:8">
      <c r="H628735" s="12"/>
    </row>
    <row r="628736" spans="8:8">
      <c r="H628736" s="12"/>
    </row>
    <row r="628737" spans="8:8">
      <c r="H628737" s="12"/>
    </row>
    <row r="628738" spans="8:8">
      <c r="H628738" s="12"/>
    </row>
    <row r="628739" spans="8:8">
      <c r="H628739" s="12"/>
    </row>
    <row r="628740" spans="8:8">
      <c r="H628740" s="12"/>
    </row>
    <row r="628741" spans="8:8">
      <c r="H628741" s="12"/>
    </row>
    <row r="628742" spans="8:8">
      <c r="H628742" s="12"/>
    </row>
    <row r="628743" spans="8:8">
      <c r="H628743" s="12"/>
    </row>
    <row r="628744" spans="8:8">
      <c r="H628744" s="12"/>
    </row>
    <row r="628745" spans="8:8">
      <c r="H628745" s="12"/>
    </row>
    <row r="628746" spans="8:8">
      <c r="H628746" s="12"/>
    </row>
    <row r="628747" spans="8:8">
      <c r="H628747" s="12"/>
    </row>
    <row r="628748" spans="8:8">
      <c r="H628748" s="12"/>
    </row>
    <row r="628749" spans="8:8">
      <c r="H628749" s="12"/>
    </row>
    <row r="628750" spans="8:8">
      <c r="H628750" s="12"/>
    </row>
    <row r="628751" spans="8:8">
      <c r="H628751" s="12"/>
    </row>
    <row r="628752" spans="8:8">
      <c r="H628752" s="12"/>
    </row>
    <row r="628753" spans="8:8">
      <c r="H628753" s="12"/>
    </row>
    <row r="628754" spans="8:8">
      <c r="H628754" s="12"/>
    </row>
    <row r="628755" spans="8:8">
      <c r="H628755" s="12"/>
    </row>
    <row r="628756" spans="8:8">
      <c r="H628756" s="12"/>
    </row>
    <row r="628757" spans="8:8">
      <c r="H628757" s="12"/>
    </row>
    <row r="628758" spans="8:8">
      <c r="H628758" s="12"/>
    </row>
    <row r="628759" spans="8:8">
      <c r="H628759" s="12"/>
    </row>
    <row r="628760" spans="8:8">
      <c r="H628760" s="12"/>
    </row>
    <row r="628761" spans="8:8">
      <c r="H628761" s="12"/>
    </row>
    <row r="628762" spans="8:8">
      <c r="H628762" s="12"/>
    </row>
    <row r="628763" spans="8:8">
      <c r="H628763" s="12"/>
    </row>
    <row r="628764" spans="8:8">
      <c r="H628764" s="12"/>
    </row>
    <row r="628765" spans="8:8">
      <c r="H628765" s="12"/>
    </row>
    <row r="628766" spans="8:8">
      <c r="H628766" s="12"/>
    </row>
    <row r="628767" spans="8:8">
      <c r="H628767" s="12"/>
    </row>
    <row r="628768" spans="8:8">
      <c r="H628768" s="12"/>
    </row>
    <row r="628769" spans="8:8">
      <c r="H628769" s="12"/>
    </row>
    <row r="628770" spans="8:8">
      <c r="H628770" s="12"/>
    </row>
    <row r="628771" spans="8:8">
      <c r="H628771" s="12"/>
    </row>
    <row r="628772" spans="8:8">
      <c r="H628772" s="12"/>
    </row>
    <row r="628773" spans="8:8">
      <c r="H628773" s="12"/>
    </row>
    <row r="628774" spans="8:8">
      <c r="H628774" s="12"/>
    </row>
    <row r="628775" spans="8:8">
      <c r="H628775" s="12"/>
    </row>
    <row r="628776" spans="8:8">
      <c r="H628776" s="12"/>
    </row>
    <row r="628777" spans="8:8">
      <c r="H628777" s="12"/>
    </row>
    <row r="628778" spans="8:8">
      <c r="H628778" s="12"/>
    </row>
    <row r="628779" spans="8:8">
      <c r="H628779" s="12"/>
    </row>
    <row r="628780" spans="8:8">
      <c r="H628780" s="12"/>
    </row>
    <row r="628781" spans="8:8">
      <c r="H628781" s="12"/>
    </row>
    <row r="628782" spans="8:8">
      <c r="H628782" s="12"/>
    </row>
    <row r="628783" spans="8:8">
      <c r="H628783" s="12"/>
    </row>
    <row r="628784" spans="8:8">
      <c r="H628784" s="12"/>
    </row>
    <row r="628785" spans="8:8">
      <c r="H628785" s="12"/>
    </row>
    <row r="628786" spans="8:8">
      <c r="H628786" s="12"/>
    </row>
    <row r="628787" spans="8:8">
      <c r="H628787" s="12"/>
    </row>
    <row r="628788" spans="8:8">
      <c r="H628788" s="12"/>
    </row>
    <row r="628789" spans="8:8">
      <c r="H628789" s="12"/>
    </row>
    <row r="628790" spans="8:8">
      <c r="H628790" s="12"/>
    </row>
    <row r="628791" spans="8:8">
      <c r="H628791" s="12"/>
    </row>
    <row r="628792" spans="8:8">
      <c r="H628792" s="12"/>
    </row>
    <row r="628793" spans="8:8">
      <c r="H628793" s="12"/>
    </row>
    <row r="628794" spans="8:8">
      <c r="H628794" s="12"/>
    </row>
    <row r="628795" spans="8:8">
      <c r="H628795" s="12"/>
    </row>
    <row r="628796" spans="8:8">
      <c r="H628796" s="12"/>
    </row>
    <row r="628797" spans="8:8">
      <c r="H628797" s="12"/>
    </row>
    <row r="628798" spans="8:8">
      <c r="H628798" s="12"/>
    </row>
    <row r="628799" spans="8:8">
      <c r="H628799" s="12"/>
    </row>
    <row r="628800" spans="8:8">
      <c r="H628800" s="12"/>
    </row>
    <row r="628801" spans="8:8">
      <c r="H628801" s="12"/>
    </row>
    <row r="628802" spans="8:8">
      <c r="H628802" s="12"/>
    </row>
    <row r="628803" spans="8:8">
      <c r="H628803" s="12"/>
    </row>
    <row r="628804" spans="8:8">
      <c r="H628804" s="12"/>
    </row>
    <row r="628805" spans="8:8">
      <c r="H628805" s="12"/>
    </row>
    <row r="628806" spans="8:8">
      <c r="H628806" s="12"/>
    </row>
    <row r="628807" spans="8:8">
      <c r="H628807" s="12"/>
    </row>
    <row r="628808" spans="8:8">
      <c r="H628808" s="12"/>
    </row>
    <row r="628809" spans="8:8">
      <c r="H628809" s="12"/>
    </row>
    <row r="628810" spans="8:8">
      <c r="H628810" s="12"/>
    </row>
    <row r="628811" spans="8:8">
      <c r="H628811" s="12"/>
    </row>
    <row r="628812" spans="8:8">
      <c r="H628812" s="12"/>
    </row>
    <row r="628813" spans="8:8">
      <c r="H628813" s="12"/>
    </row>
    <row r="628814" spans="8:8">
      <c r="H628814" s="12"/>
    </row>
    <row r="628815" spans="8:8">
      <c r="H628815" s="12"/>
    </row>
    <row r="628816" spans="8:8">
      <c r="H628816" s="12"/>
    </row>
    <row r="628817" spans="8:8">
      <c r="H628817" s="12"/>
    </row>
    <row r="628818" spans="8:8">
      <c r="H628818" s="12"/>
    </row>
    <row r="628819" spans="8:8">
      <c r="H628819" s="12"/>
    </row>
    <row r="628820" spans="8:8">
      <c r="H628820" s="12"/>
    </row>
    <row r="628821" spans="8:8">
      <c r="H628821" s="12"/>
    </row>
    <row r="628822" spans="8:8">
      <c r="H628822" s="12"/>
    </row>
    <row r="628823" spans="8:8">
      <c r="H628823" s="12"/>
    </row>
    <row r="628824" spans="8:8">
      <c r="H628824" s="12"/>
    </row>
    <row r="628825" spans="8:8">
      <c r="H628825" s="12"/>
    </row>
    <row r="628826" spans="8:8">
      <c r="H628826" s="12"/>
    </row>
    <row r="628827" spans="8:8">
      <c r="H628827" s="12"/>
    </row>
    <row r="628828" spans="8:8">
      <c r="H628828" s="12"/>
    </row>
    <row r="628829" spans="8:8">
      <c r="H628829" s="12"/>
    </row>
    <row r="628830" spans="8:8">
      <c r="H628830" s="12"/>
    </row>
    <row r="628831" spans="8:8">
      <c r="H628831" s="12"/>
    </row>
    <row r="628832" spans="8:8">
      <c r="H628832" s="12"/>
    </row>
    <row r="628833" spans="8:8">
      <c r="H628833" s="12"/>
    </row>
    <row r="628834" spans="8:8">
      <c r="H628834" s="12"/>
    </row>
    <row r="628835" spans="8:8">
      <c r="H628835" s="12"/>
    </row>
    <row r="628836" spans="8:8">
      <c r="H628836" s="12"/>
    </row>
    <row r="628837" spans="8:8">
      <c r="H628837" s="12"/>
    </row>
    <row r="628838" spans="8:8">
      <c r="H628838" s="12"/>
    </row>
    <row r="628839" spans="8:8">
      <c r="H628839" s="12"/>
    </row>
    <row r="628840" spans="8:8">
      <c r="H628840" s="12"/>
    </row>
    <row r="628841" spans="8:8">
      <c r="H628841" s="12"/>
    </row>
    <row r="628842" spans="8:8">
      <c r="H628842" s="12"/>
    </row>
    <row r="628843" spans="8:8">
      <c r="H628843" s="12"/>
    </row>
    <row r="628844" spans="8:8">
      <c r="H628844" s="12"/>
    </row>
    <row r="628845" spans="8:8">
      <c r="H628845" s="12"/>
    </row>
    <row r="628846" spans="8:8">
      <c r="H628846" s="12"/>
    </row>
    <row r="628847" spans="8:8">
      <c r="H628847" s="12"/>
    </row>
    <row r="628848" spans="8:8">
      <c r="H628848" s="12"/>
    </row>
    <row r="628849" spans="8:8">
      <c r="H628849" s="12"/>
    </row>
    <row r="628850" spans="8:8">
      <c r="H628850" s="12"/>
    </row>
    <row r="628851" spans="8:8">
      <c r="H628851" s="12"/>
    </row>
    <row r="628852" spans="8:8">
      <c r="H628852" s="12"/>
    </row>
    <row r="628853" spans="8:8">
      <c r="H628853" s="12"/>
    </row>
    <row r="628854" spans="8:8">
      <c r="H628854" s="12"/>
    </row>
    <row r="628855" spans="8:8">
      <c r="H628855" s="12"/>
    </row>
    <row r="628856" spans="8:8">
      <c r="H628856" s="12"/>
    </row>
    <row r="628857" spans="8:8">
      <c r="H628857" s="12"/>
    </row>
    <row r="628858" spans="8:8">
      <c r="H628858" s="12"/>
    </row>
    <row r="628859" spans="8:8">
      <c r="H628859" s="12"/>
    </row>
    <row r="628860" spans="8:8">
      <c r="H628860" s="12"/>
    </row>
    <row r="628861" spans="8:8">
      <c r="H628861" s="12"/>
    </row>
    <row r="628862" spans="8:8">
      <c r="H628862" s="12"/>
    </row>
    <row r="628863" spans="8:8">
      <c r="H628863" s="12"/>
    </row>
    <row r="628864" spans="8:8">
      <c r="H628864" s="12"/>
    </row>
    <row r="628865" spans="8:8">
      <c r="H628865" s="12"/>
    </row>
    <row r="628866" spans="8:8">
      <c r="H628866" s="12"/>
    </row>
    <row r="628867" spans="8:8">
      <c r="H628867" s="12"/>
    </row>
    <row r="628868" spans="8:8">
      <c r="H628868" s="12"/>
    </row>
    <row r="628869" spans="8:8">
      <c r="H628869" s="12"/>
    </row>
    <row r="628870" spans="8:8">
      <c r="H628870" s="12"/>
    </row>
    <row r="628871" spans="8:8">
      <c r="H628871" s="12"/>
    </row>
    <row r="628872" spans="8:8">
      <c r="H628872" s="12"/>
    </row>
    <row r="628873" spans="8:8">
      <c r="H628873" s="12"/>
    </row>
    <row r="628874" spans="8:8">
      <c r="H628874" s="12"/>
    </row>
    <row r="628875" spans="8:8">
      <c r="H628875" s="12"/>
    </row>
    <row r="628876" spans="8:8">
      <c r="H628876" s="12"/>
    </row>
    <row r="628877" spans="8:8">
      <c r="H628877" s="12"/>
    </row>
    <row r="628878" spans="8:8">
      <c r="H628878" s="12"/>
    </row>
    <row r="628879" spans="8:8">
      <c r="H628879" s="12"/>
    </row>
    <row r="628880" spans="8:8">
      <c r="H628880" s="12"/>
    </row>
    <row r="628881" spans="8:8">
      <c r="H628881" s="12"/>
    </row>
    <row r="628882" spans="8:8">
      <c r="H628882" s="12"/>
    </row>
    <row r="628883" spans="8:8">
      <c r="H628883" s="12"/>
    </row>
    <row r="628884" spans="8:8">
      <c r="H628884" s="12"/>
    </row>
    <row r="628885" spans="8:8">
      <c r="H628885" s="12"/>
    </row>
    <row r="628886" spans="8:8">
      <c r="H628886" s="12"/>
    </row>
    <row r="628887" spans="8:8">
      <c r="H628887" s="12"/>
    </row>
    <row r="628888" spans="8:8">
      <c r="H628888" s="12"/>
    </row>
    <row r="628889" spans="8:8">
      <c r="H628889" s="12"/>
    </row>
    <row r="628890" spans="8:8">
      <c r="H628890" s="12"/>
    </row>
    <row r="628891" spans="8:8">
      <c r="H628891" s="12"/>
    </row>
    <row r="628892" spans="8:8">
      <c r="H628892" s="12"/>
    </row>
    <row r="628893" spans="8:8">
      <c r="H628893" s="12"/>
    </row>
    <row r="628894" spans="8:8">
      <c r="H628894" s="12"/>
    </row>
    <row r="628895" spans="8:8">
      <c r="H628895" s="12"/>
    </row>
    <row r="628896" spans="8:8">
      <c r="H628896" s="12"/>
    </row>
    <row r="628897" spans="8:8">
      <c r="H628897" s="12"/>
    </row>
    <row r="628898" spans="8:8">
      <c r="H628898" s="12"/>
    </row>
    <row r="628899" spans="8:8">
      <c r="H628899" s="12"/>
    </row>
    <row r="628900" spans="8:8">
      <c r="H628900" s="12"/>
    </row>
    <row r="628901" spans="8:8">
      <c r="H628901" s="12"/>
    </row>
    <row r="628902" spans="8:8">
      <c r="H628902" s="12"/>
    </row>
    <row r="628903" spans="8:8">
      <c r="H628903" s="12"/>
    </row>
    <row r="628904" spans="8:8">
      <c r="H628904" s="12"/>
    </row>
    <row r="628905" spans="8:8">
      <c r="H628905" s="12"/>
    </row>
    <row r="628906" spans="8:8">
      <c r="H628906" s="12"/>
    </row>
    <row r="628907" spans="8:8">
      <c r="H628907" s="12"/>
    </row>
    <row r="628908" spans="8:8">
      <c r="H628908" s="12"/>
    </row>
    <row r="628909" spans="8:8">
      <c r="H628909" s="12"/>
    </row>
    <row r="628910" spans="8:8">
      <c r="H628910" s="12"/>
    </row>
    <row r="628911" spans="8:8">
      <c r="H628911" s="12"/>
    </row>
    <row r="628912" spans="8:8">
      <c r="H628912" s="12"/>
    </row>
    <row r="628913" spans="8:8">
      <c r="H628913" s="12"/>
    </row>
    <row r="628914" spans="8:8">
      <c r="H628914" s="12"/>
    </row>
    <row r="628915" spans="8:8">
      <c r="H628915" s="12"/>
    </row>
    <row r="628916" spans="8:8">
      <c r="H628916" s="12"/>
    </row>
    <row r="628917" spans="8:8">
      <c r="H628917" s="12"/>
    </row>
    <row r="628918" spans="8:8">
      <c r="H628918" s="12"/>
    </row>
    <row r="628919" spans="8:8">
      <c r="H628919" s="12"/>
    </row>
    <row r="628920" spans="8:8">
      <c r="H628920" s="12"/>
    </row>
    <row r="628921" spans="8:8">
      <c r="H628921" s="12"/>
    </row>
    <row r="628922" spans="8:8">
      <c r="H628922" s="12"/>
    </row>
    <row r="628923" spans="8:8">
      <c r="H628923" s="12"/>
    </row>
    <row r="628924" spans="8:8">
      <c r="H628924" s="12"/>
    </row>
    <row r="628925" spans="8:8">
      <c r="H628925" s="12"/>
    </row>
    <row r="628926" spans="8:8">
      <c r="H628926" s="12"/>
    </row>
    <row r="628927" spans="8:8">
      <c r="H628927" s="12"/>
    </row>
    <row r="628928" spans="8:8">
      <c r="H628928" s="12"/>
    </row>
    <row r="628929" spans="8:8">
      <c r="H628929" s="12"/>
    </row>
    <row r="628930" spans="8:8">
      <c r="H628930" s="12"/>
    </row>
    <row r="628931" spans="8:8">
      <c r="H628931" s="12"/>
    </row>
    <row r="628932" spans="8:8">
      <c r="H628932" s="12"/>
    </row>
    <row r="628933" spans="8:8">
      <c r="H628933" s="12"/>
    </row>
    <row r="628934" spans="8:8">
      <c r="H628934" s="12"/>
    </row>
    <row r="628935" spans="8:8">
      <c r="H628935" s="12"/>
    </row>
    <row r="628936" spans="8:8">
      <c r="H628936" s="12"/>
    </row>
    <row r="628937" spans="8:8">
      <c r="H628937" s="12"/>
    </row>
    <row r="628938" spans="8:8">
      <c r="H628938" s="12"/>
    </row>
    <row r="628939" spans="8:8">
      <c r="H628939" s="12"/>
    </row>
    <row r="628940" spans="8:8">
      <c r="H628940" s="12"/>
    </row>
    <row r="628941" spans="8:8">
      <c r="H628941" s="12"/>
    </row>
    <row r="628942" spans="8:8">
      <c r="H628942" s="12"/>
    </row>
    <row r="628943" spans="8:8">
      <c r="H628943" s="12"/>
    </row>
    <row r="628944" spans="8:8">
      <c r="H628944" s="12"/>
    </row>
    <row r="628945" spans="8:8">
      <c r="H628945" s="12"/>
    </row>
    <row r="628946" spans="8:8">
      <c r="H628946" s="12"/>
    </row>
    <row r="628947" spans="8:8">
      <c r="H628947" s="12"/>
    </row>
    <row r="628948" spans="8:8">
      <c r="H628948" s="12"/>
    </row>
    <row r="628949" spans="8:8">
      <c r="H628949" s="12"/>
    </row>
    <row r="628950" spans="8:8">
      <c r="H628950" s="12"/>
    </row>
    <row r="628951" spans="8:8">
      <c r="H628951" s="12"/>
    </row>
    <row r="628952" spans="8:8">
      <c r="H628952" s="12"/>
    </row>
    <row r="628953" spans="8:8">
      <c r="H628953" s="12"/>
    </row>
    <row r="628954" spans="8:8">
      <c r="H628954" s="12"/>
    </row>
    <row r="628955" spans="8:8">
      <c r="H628955" s="12"/>
    </row>
    <row r="628956" spans="8:8">
      <c r="H628956" s="12"/>
    </row>
    <row r="628957" spans="8:8">
      <c r="H628957" s="12"/>
    </row>
    <row r="628958" spans="8:8">
      <c r="H628958" s="12"/>
    </row>
    <row r="628959" spans="8:8">
      <c r="H628959" s="12"/>
    </row>
    <row r="628960" spans="8:8">
      <c r="H628960" s="12"/>
    </row>
    <row r="628961" spans="8:8">
      <c r="H628961" s="12"/>
    </row>
    <row r="628962" spans="8:8">
      <c r="H628962" s="12"/>
    </row>
    <row r="628963" spans="8:8">
      <c r="H628963" s="12"/>
    </row>
    <row r="628964" spans="8:8">
      <c r="H628964" s="12"/>
    </row>
    <row r="628965" spans="8:8">
      <c r="H628965" s="12"/>
    </row>
    <row r="628966" spans="8:8">
      <c r="H628966" s="12"/>
    </row>
    <row r="628967" spans="8:8">
      <c r="H628967" s="12"/>
    </row>
    <row r="628968" spans="8:8">
      <c r="H628968" s="12"/>
    </row>
    <row r="628969" spans="8:8">
      <c r="H628969" s="12"/>
    </row>
    <row r="628970" spans="8:8">
      <c r="H628970" s="12"/>
    </row>
    <row r="628971" spans="8:8">
      <c r="H628971" s="12"/>
    </row>
    <row r="628972" spans="8:8">
      <c r="H628972" s="12"/>
    </row>
    <row r="628973" spans="8:8">
      <c r="H628973" s="12"/>
    </row>
    <row r="628974" spans="8:8">
      <c r="H628974" s="12"/>
    </row>
    <row r="628975" spans="8:8">
      <c r="H628975" s="12"/>
    </row>
    <row r="628976" spans="8:8">
      <c r="H628976" s="12"/>
    </row>
    <row r="628977" spans="8:8">
      <c r="H628977" s="12"/>
    </row>
    <row r="628978" spans="8:8">
      <c r="H628978" s="12"/>
    </row>
    <row r="628979" spans="8:8">
      <c r="H628979" s="12"/>
    </row>
    <row r="628980" spans="8:8">
      <c r="H628980" s="12"/>
    </row>
    <row r="628981" spans="8:8">
      <c r="H628981" s="12"/>
    </row>
    <row r="628982" spans="8:8">
      <c r="H628982" s="12"/>
    </row>
    <row r="628983" spans="8:8">
      <c r="H628983" s="12"/>
    </row>
    <row r="628984" spans="8:8">
      <c r="H628984" s="12"/>
    </row>
    <row r="628985" spans="8:8">
      <c r="H628985" s="12"/>
    </row>
    <row r="628986" spans="8:8">
      <c r="H628986" s="12"/>
    </row>
    <row r="628987" spans="8:8">
      <c r="H628987" s="12"/>
    </row>
    <row r="628988" spans="8:8">
      <c r="H628988" s="12"/>
    </row>
    <row r="628989" spans="8:8">
      <c r="H628989" s="12"/>
    </row>
    <row r="628990" spans="8:8">
      <c r="H628990" s="12"/>
    </row>
    <row r="628991" spans="8:8">
      <c r="H628991" s="12"/>
    </row>
    <row r="628992" spans="8:8">
      <c r="H628992" s="12"/>
    </row>
    <row r="628993" spans="8:8">
      <c r="H628993" s="12"/>
    </row>
    <row r="628994" spans="8:8">
      <c r="H628994" s="12"/>
    </row>
    <row r="628995" spans="8:8">
      <c r="H628995" s="12"/>
    </row>
    <row r="628996" spans="8:8">
      <c r="H628996" s="12"/>
    </row>
    <row r="628997" spans="8:8">
      <c r="H628997" s="12"/>
    </row>
    <row r="628998" spans="8:8">
      <c r="H628998" s="12"/>
    </row>
    <row r="628999" spans="8:8">
      <c r="H628999" s="12"/>
    </row>
    <row r="629000" spans="8:8">
      <c r="H629000" s="12"/>
    </row>
    <row r="629001" spans="8:8">
      <c r="H629001" s="12"/>
    </row>
    <row r="629002" spans="8:8">
      <c r="H629002" s="12"/>
    </row>
    <row r="629003" spans="8:8">
      <c r="H629003" s="12"/>
    </row>
    <row r="629004" spans="8:8">
      <c r="H629004" s="12"/>
    </row>
    <row r="629005" spans="8:8">
      <c r="H629005" s="12"/>
    </row>
    <row r="629006" spans="8:8">
      <c r="H629006" s="12"/>
    </row>
    <row r="629007" spans="8:8">
      <c r="H629007" s="12"/>
    </row>
    <row r="629008" spans="8:8">
      <c r="H629008" s="12"/>
    </row>
    <row r="629009" spans="8:8">
      <c r="H629009" s="12"/>
    </row>
    <row r="629010" spans="8:8">
      <c r="H629010" s="12"/>
    </row>
    <row r="629011" spans="8:8">
      <c r="H629011" s="12"/>
    </row>
    <row r="629012" spans="8:8">
      <c r="H629012" s="12"/>
    </row>
    <row r="629013" spans="8:8">
      <c r="H629013" s="12"/>
    </row>
    <row r="629014" spans="8:8">
      <c r="H629014" s="12"/>
    </row>
    <row r="629015" spans="8:8">
      <c r="H629015" s="12"/>
    </row>
    <row r="629016" spans="8:8">
      <c r="H629016" s="12"/>
    </row>
    <row r="629017" spans="8:8">
      <c r="H629017" s="12"/>
    </row>
    <row r="629018" spans="8:8">
      <c r="H629018" s="12"/>
    </row>
    <row r="629019" spans="8:8">
      <c r="H629019" s="12"/>
    </row>
    <row r="629020" spans="8:8">
      <c r="H629020" s="12"/>
    </row>
    <row r="629021" spans="8:8">
      <c r="H629021" s="12"/>
    </row>
    <row r="629022" spans="8:8">
      <c r="H629022" s="12"/>
    </row>
    <row r="629023" spans="8:8">
      <c r="H629023" s="12"/>
    </row>
    <row r="629024" spans="8:8">
      <c r="H629024" s="12"/>
    </row>
    <row r="629025" spans="8:8">
      <c r="H629025" s="12"/>
    </row>
    <row r="629026" spans="8:8">
      <c r="H629026" s="12"/>
    </row>
    <row r="629027" spans="8:8">
      <c r="H629027" s="12"/>
    </row>
    <row r="629028" spans="8:8">
      <c r="H629028" s="12"/>
    </row>
    <row r="629029" spans="8:8">
      <c r="H629029" s="12"/>
    </row>
    <row r="629030" spans="8:8">
      <c r="H629030" s="12"/>
    </row>
    <row r="629031" spans="8:8">
      <c r="H629031" s="12"/>
    </row>
    <row r="629032" spans="8:8">
      <c r="H629032" s="12"/>
    </row>
    <row r="629033" spans="8:8">
      <c r="H629033" s="12"/>
    </row>
    <row r="629034" spans="8:8">
      <c r="H629034" s="12"/>
    </row>
    <row r="629035" spans="8:8">
      <c r="H629035" s="12"/>
    </row>
    <row r="629036" spans="8:8">
      <c r="H629036" s="12"/>
    </row>
    <row r="629037" spans="8:8">
      <c r="H629037" s="12"/>
    </row>
    <row r="629038" spans="8:8">
      <c r="H629038" s="12"/>
    </row>
    <row r="629039" spans="8:8">
      <c r="H629039" s="12"/>
    </row>
    <row r="629040" spans="8:8">
      <c r="H629040" s="12"/>
    </row>
    <row r="629041" spans="8:8">
      <c r="H629041" s="12"/>
    </row>
    <row r="629042" spans="8:8">
      <c r="H629042" s="12"/>
    </row>
    <row r="629043" spans="8:8">
      <c r="H629043" s="12"/>
    </row>
    <row r="629044" spans="8:8">
      <c r="H629044" s="12"/>
    </row>
    <row r="629045" spans="8:8">
      <c r="H629045" s="12"/>
    </row>
    <row r="629046" spans="8:8">
      <c r="H629046" s="12"/>
    </row>
    <row r="629047" spans="8:8">
      <c r="H629047" s="12"/>
    </row>
    <row r="629048" spans="8:8">
      <c r="H629048" s="12"/>
    </row>
    <row r="629049" spans="8:8">
      <c r="H629049" s="12"/>
    </row>
    <row r="629050" spans="8:8">
      <c r="H629050" s="12"/>
    </row>
    <row r="629051" spans="8:8">
      <c r="H629051" s="12"/>
    </row>
    <row r="629052" spans="8:8">
      <c r="H629052" s="12"/>
    </row>
    <row r="629053" spans="8:8">
      <c r="H629053" s="12"/>
    </row>
    <row r="629054" spans="8:8">
      <c r="H629054" s="12"/>
    </row>
    <row r="629055" spans="8:8">
      <c r="H629055" s="12"/>
    </row>
    <row r="629056" spans="8:8">
      <c r="H629056" s="12"/>
    </row>
    <row r="629057" spans="8:8">
      <c r="H629057" s="12"/>
    </row>
    <row r="629058" spans="8:8">
      <c r="H629058" s="12"/>
    </row>
    <row r="629059" spans="8:8">
      <c r="H629059" s="12"/>
    </row>
    <row r="629060" spans="8:8">
      <c r="H629060" s="12"/>
    </row>
    <row r="629061" spans="8:8">
      <c r="H629061" s="12"/>
    </row>
    <row r="629062" spans="8:8">
      <c r="H629062" s="12"/>
    </row>
    <row r="629063" spans="8:8">
      <c r="H629063" s="12"/>
    </row>
    <row r="629064" spans="8:8">
      <c r="H629064" s="12"/>
    </row>
    <row r="629065" spans="8:8">
      <c r="H629065" s="12"/>
    </row>
    <row r="629066" spans="8:8">
      <c r="H629066" s="12"/>
    </row>
    <row r="629067" spans="8:8">
      <c r="H629067" s="12"/>
    </row>
    <row r="629068" spans="8:8">
      <c r="H629068" s="12"/>
    </row>
    <row r="629069" spans="8:8">
      <c r="H629069" s="12"/>
    </row>
    <row r="629070" spans="8:8">
      <c r="H629070" s="12"/>
    </row>
    <row r="629071" spans="8:8">
      <c r="H629071" s="12"/>
    </row>
    <row r="629072" spans="8:8">
      <c r="H629072" s="12"/>
    </row>
    <row r="629073" spans="8:8">
      <c r="H629073" s="12"/>
    </row>
    <row r="629074" spans="8:8">
      <c r="H629074" s="12"/>
    </row>
    <row r="629075" spans="8:8">
      <c r="H629075" s="12"/>
    </row>
    <row r="629076" spans="8:8">
      <c r="H629076" s="12"/>
    </row>
    <row r="629077" spans="8:8">
      <c r="H629077" s="12"/>
    </row>
    <row r="629078" spans="8:8">
      <c r="H629078" s="12"/>
    </row>
    <row r="629079" spans="8:8">
      <c r="H629079" s="12"/>
    </row>
    <row r="629080" spans="8:8">
      <c r="H629080" s="12"/>
    </row>
    <row r="629081" spans="8:8">
      <c r="H629081" s="12"/>
    </row>
    <row r="629082" spans="8:8">
      <c r="H629082" s="12"/>
    </row>
    <row r="629083" spans="8:8">
      <c r="H629083" s="12"/>
    </row>
    <row r="629084" spans="8:8">
      <c r="H629084" s="12"/>
    </row>
    <row r="629085" spans="8:8">
      <c r="H629085" s="12"/>
    </row>
    <row r="629086" spans="8:8">
      <c r="H629086" s="12"/>
    </row>
    <row r="629087" spans="8:8">
      <c r="H629087" s="12"/>
    </row>
    <row r="629088" spans="8:8">
      <c r="H629088" s="12"/>
    </row>
    <row r="629089" spans="8:8">
      <c r="H629089" s="12"/>
    </row>
    <row r="629090" spans="8:8">
      <c r="H629090" s="12"/>
    </row>
    <row r="629091" spans="8:8">
      <c r="H629091" s="12"/>
    </row>
    <row r="629092" spans="8:8">
      <c r="H629092" s="12"/>
    </row>
    <row r="629093" spans="8:8">
      <c r="H629093" s="12"/>
    </row>
    <row r="629094" spans="8:8">
      <c r="H629094" s="12"/>
    </row>
    <row r="629095" spans="8:8">
      <c r="H629095" s="12"/>
    </row>
    <row r="629096" spans="8:8">
      <c r="H629096" s="12"/>
    </row>
    <row r="629097" spans="8:8">
      <c r="H629097" s="12"/>
    </row>
    <row r="629098" spans="8:8">
      <c r="H629098" s="12"/>
    </row>
    <row r="629099" spans="8:8">
      <c r="H629099" s="12"/>
    </row>
    <row r="629100" spans="8:8">
      <c r="H629100" s="12"/>
    </row>
    <row r="629101" spans="8:8">
      <c r="H629101" s="12"/>
    </row>
    <row r="629102" spans="8:8">
      <c r="H629102" s="12"/>
    </row>
    <row r="629103" spans="8:8">
      <c r="H629103" s="12"/>
    </row>
    <row r="629104" spans="8:8">
      <c r="H629104" s="12"/>
    </row>
    <row r="629105" spans="8:8">
      <c r="H629105" s="12"/>
    </row>
    <row r="629106" spans="8:8">
      <c r="H629106" s="12"/>
    </row>
    <row r="629107" spans="8:8">
      <c r="H629107" s="12"/>
    </row>
    <row r="629108" spans="8:8">
      <c r="H629108" s="12"/>
    </row>
    <row r="629109" spans="8:8">
      <c r="H629109" s="12"/>
    </row>
    <row r="629110" spans="8:8">
      <c r="H629110" s="12"/>
    </row>
    <row r="629111" spans="8:8">
      <c r="H629111" s="12"/>
    </row>
    <row r="629112" spans="8:8">
      <c r="H629112" s="12"/>
    </row>
    <row r="629113" spans="8:8">
      <c r="H629113" s="12"/>
    </row>
    <row r="629114" spans="8:8">
      <c r="H629114" s="12"/>
    </row>
    <row r="629115" spans="8:8">
      <c r="H629115" s="12"/>
    </row>
    <row r="629116" spans="8:8">
      <c r="H629116" s="12"/>
    </row>
    <row r="629117" spans="8:8">
      <c r="H629117" s="12"/>
    </row>
    <row r="629118" spans="8:8">
      <c r="H629118" s="12"/>
    </row>
    <row r="629119" spans="8:8">
      <c r="H629119" s="12"/>
    </row>
    <row r="629120" spans="8:8">
      <c r="H629120" s="12"/>
    </row>
    <row r="629121" spans="8:8">
      <c r="H629121" s="12"/>
    </row>
    <row r="629122" spans="8:8">
      <c r="H629122" s="12"/>
    </row>
    <row r="629123" spans="8:8">
      <c r="H629123" s="12"/>
    </row>
    <row r="629124" spans="8:8">
      <c r="H629124" s="12"/>
    </row>
    <row r="629125" spans="8:8">
      <c r="H629125" s="12"/>
    </row>
    <row r="629126" spans="8:8">
      <c r="H629126" s="12"/>
    </row>
    <row r="629127" spans="8:8">
      <c r="H629127" s="12"/>
    </row>
    <row r="629128" spans="8:8">
      <c r="H629128" s="12"/>
    </row>
    <row r="629129" spans="8:8">
      <c r="H629129" s="12"/>
    </row>
    <row r="629130" spans="8:8">
      <c r="H629130" s="12"/>
    </row>
    <row r="629131" spans="8:8">
      <c r="H629131" s="12"/>
    </row>
    <row r="629132" spans="8:8">
      <c r="H629132" s="12"/>
    </row>
    <row r="629133" spans="8:8">
      <c r="H629133" s="12"/>
    </row>
    <row r="629134" spans="8:8">
      <c r="H629134" s="12"/>
    </row>
    <row r="629135" spans="8:8">
      <c r="H629135" s="12"/>
    </row>
    <row r="629136" spans="8:8">
      <c r="H629136" s="12"/>
    </row>
    <row r="629137" spans="8:8">
      <c r="H629137" s="12"/>
    </row>
    <row r="629138" spans="8:8">
      <c r="H629138" s="12"/>
    </row>
    <row r="629139" spans="8:8">
      <c r="H629139" s="12"/>
    </row>
    <row r="629140" spans="8:8">
      <c r="H629140" s="12"/>
    </row>
    <row r="629141" spans="8:8">
      <c r="H629141" s="12"/>
    </row>
    <row r="629142" spans="8:8">
      <c r="H629142" s="12"/>
    </row>
    <row r="629143" spans="8:8">
      <c r="H629143" s="12"/>
    </row>
    <row r="629144" spans="8:8">
      <c r="H629144" s="12"/>
    </row>
    <row r="629145" spans="8:8">
      <c r="H629145" s="12"/>
    </row>
    <row r="629146" spans="8:8">
      <c r="H629146" s="12"/>
    </row>
    <row r="629147" spans="8:8">
      <c r="H629147" s="12"/>
    </row>
    <row r="629148" spans="8:8">
      <c r="H629148" s="12"/>
    </row>
    <row r="629149" spans="8:8">
      <c r="H629149" s="12"/>
    </row>
    <row r="629150" spans="8:8">
      <c r="H629150" s="12"/>
    </row>
    <row r="629151" spans="8:8">
      <c r="H629151" s="12"/>
    </row>
    <row r="629152" spans="8:8">
      <c r="H629152" s="12"/>
    </row>
    <row r="629153" spans="8:8">
      <c r="H629153" s="12"/>
    </row>
    <row r="629154" spans="8:8">
      <c r="H629154" s="12"/>
    </row>
    <row r="629155" spans="8:8">
      <c r="H629155" s="12"/>
    </row>
    <row r="629156" spans="8:8">
      <c r="H629156" s="12"/>
    </row>
    <row r="629157" spans="8:8">
      <c r="H629157" s="12"/>
    </row>
    <row r="629158" spans="8:8">
      <c r="H629158" s="12"/>
    </row>
    <row r="629159" spans="8:8">
      <c r="H629159" s="12"/>
    </row>
    <row r="629160" spans="8:8">
      <c r="H629160" s="12"/>
    </row>
    <row r="629161" spans="8:8">
      <c r="H629161" s="12"/>
    </row>
    <row r="629162" spans="8:8">
      <c r="H629162" s="12"/>
    </row>
    <row r="629163" spans="8:8">
      <c r="H629163" s="12"/>
    </row>
    <row r="629164" spans="8:8">
      <c r="H629164" s="12"/>
    </row>
    <row r="629165" spans="8:8">
      <c r="H629165" s="12"/>
    </row>
    <row r="629166" spans="8:8">
      <c r="H629166" s="12"/>
    </row>
    <row r="629167" spans="8:8">
      <c r="H629167" s="12"/>
    </row>
    <row r="629168" spans="8:8">
      <c r="H629168" s="12"/>
    </row>
    <row r="629169" spans="8:8">
      <c r="H629169" s="12"/>
    </row>
    <row r="629170" spans="8:8">
      <c r="H629170" s="12"/>
    </row>
    <row r="629171" spans="8:8">
      <c r="H629171" s="12"/>
    </row>
    <row r="629172" spans="8:8">
      <c r="H629172" s="12"/>
    </row>
    <row r="629173" spans="8:8">
      <c r="H629173" s="12"/>
    </row>
    <row r="629174" spans="8:8">
      <c r="H629174" s="12"/>
    </row>
    <row r="629175" spans="8:8">
      <c r="H629175" s="12"/>
    </row>
    <row r="629176" spans="8:8">
      <c r="H629176" s="12"/>
    </row>
    <row r="629177" spans="8:8">
      <c r="H629177" s="12"/>
    </row>
    <row r="629178" spans="8:8">
      <c r="H629178" s="12"/>
    </row>
    <row r="629179" spans="8:8">
      <c r="H629179" s="12"/>
    </row>
    <row r="629180" spans="8:8">
      <c r="H629180" s="12"/>
    </row>
    <row r="629181" spans="8:8">
      <c r="H629181" s="12"/>
    </row>
    <row r="629182" spans="8:8">
      <c r="H629182" s="12"/>
    </row>
    <row r="629183" spans="8:8">
      <c r="H629183" s="12"/>
    </row>
    <row r="629184" spans="8:8">
      <c r="H629184" s="12"/>
    </row>
    <row r="629185" spans="8:8">
      <c r="H629185" s="12"/>
    </row>
    <row r="629186" spans="8:8">
      <c r="H629186" s="12"/>
    </row>
    <row r="629187" spans="8:8">
      <c r="H629187" s="12"/>
    </row>
    <row r="629188" spans="8:8">
      <c r="H629188" s="12"/>
    </row>
    <row r="629189" spans="8:8">
      <c r="H629189" s="12"/>
    </row>
    <row r="629190" spans="8:8">
      <c r="H629190" s="12"/>
    </row>
    <row r="629191" spans="8:8">
      <c r="H629191" s="12"/>
    </row>
    <row r="629192" spans="8:8">
      <c r="H629192" s="12"/>
    </row>
    <row r="629193" spans="8:8">
      <c r="H629193" s="12"/>
    </row>
    <row r="629194" spans="8:8">
      <c r="H629194" s="12"/>
    </row>
    <row r="629195" spans="8:8">
      <c r="H629195" s="12"/>
    </row>
    <row r="629196" spans="8:8">
      <c r="H629196" s="12"/>
    </row>
    <row r="629197" spans="8:8">
      <c r="H629197" s="12"/>
    </row>
    <row r="629198" spans="8:8">
      <c r="H629198" s="12"/>
    </row>
    <row r="629199" spans="8:8">
      <c r="H629199" s="12"/>
    </row>
    <row r="629200" spans="8:8">
      <c r="H629200" s="12"/>
    </row>
    <row r="629201" spans="8:8">
      <c r="H629201" s="12"/>
    </row>
    <row r="629202" spans="8:8">
      <c r="H629202" s="12"/>
    </row>
    <row r="629203" spans="8:8">
      <c r="H629203" s="12"/>
    </row>
    <row r="629204" spans="8:8">
      <c r="H629204" s="12"/>
    </row>
    <row r="629205" spans="8:8">
      <c r="H629205" s="12"/>
    </row>
    <row r="629206" spans="8:8">
      <c r="H629206" s="12"/>
    </row>
    <row r="629207" spans="8:8">
      <c r="H629207" s="12"/>
    </row>
    <row r="629208" spans="8:8">
      <c r="H629208" s="12"/>
    </row>
    <row r="629209" spans="8:8">
      <c r="H629209" s="12"/>
    </row>
    <row r="629210" spans="8:8">
      <c r="H629210" s="12"/>
    </row>
    <row r="629211" spans="8:8">
      <c r="H629211" s="12"/>
    </row>
    <row r="629212" spans="8:8">
      <c r="H629212" s="12"/>
    </row>
    <row r="629213" spans="8:8">
      <c r="H629213" s="12"/>
    </row>
    <row r="629214" spans="8:8">
      <c r="H629214" s="12"/>
    </row>
    <row r="629215" spans="8:8">
      <c r="H629215" s="12"/>
    </row>
    <row r="629216" spans="8:8">
      <c r="H629216" s="12"/>
    </row>
    <row r="629217" spans="8:8">
      <c r="H629217" s="12"/>
    </row>
    <row r="629218" spans="8:8">
      <c r="H629218" s="12"/>
    </row>
    <row r="629219" spans="8:8">
      <c r="H629219" s="12"/>
    </row>
    <row r="629220" spans="8:8">
      <c r="H629220" s="12"/>
    </row>
    <row r="629221" spans="8:8">
      <c r="H629221" s="12"/>
    </row>
    <row r="629222" spans="8:8">
      <c r="H629222" s="12"/>
    </row>
    <row r="629223" spans="8:8">
      <c r="H629223" s="12"/>
    </row>
    <row r="629224" spans="8:8">
      <c r="H629224" s="12"/>
    </row>
    <row r="629225" spans="8:8">
      <c r="H629225" s="12"/>
    </row>
    <row r="629226" spans="8:8">
      <c r="H629226" s="12"/>
    </row>
    <row r="629227" spans="8:8">
      <c r="H629227" s="12"/>
    </row>
    <row r="629228" spans="8:8">
      <c r="H629228" s="12"/>
    </row>
    <row r="629229" spans="8:8">
      <c r="H629229" s="12"/>
    </row>
    <row r="629230" spans="8:8">
      <c r="H629230" s="12"/>
    </row>
    <row r="629231" spans="8:8">
      <c r="H629231" s="12"/>
    </row>
    <row r="629232" spans="8:8">
      <c r="H629232" s="12"/>
    </row>
    <row r="629233" spans="8:8">
      <c r="H629233" s="12"/>
    </row>
    <row r="629234" spans="8:8">
      <c r="H629234" s="12"/>
    </row>
    <row r="629235" spans="8:8">
      <c r="H629235" s="12"/>
    </row>
    <row r="629236" spans="8:8">
      <c r="H629236" s="12"/>
    </row>
    <row r="629237" spans="8:8">
      <c r="H629237" s="12"/>
    </row>
    <row r="629238" spans="8:8">
      <c r="H629238" s="12"/>
    </row>
    <row r="629239" spans="8:8">
      <c r="H629239" s="12"/>
    </row>
    <row r="629240" spans="8:8">
      <c r="H629240" s="12"/>
    </row>
    <row r="629241" spans="8:8">
      <c r="H629241" s="12"/>
    </row>
    <row r="629242" spans="8:8">
      <c r="H629242" s="12"/>
    </row>
    <row r="629243" spans="8:8">
      <c r="H629243" s="12"/>
    </row>
    <row r="629244" spans="8:8">
      <c r="H629244" s="12"/>
    </row>
    <row r="629245" spans="8:8">
      <c r="H629245" s="12"/>
    </row>
    <row r="629246" spans="8:8">
      <c r="H629246" s="12"/>
    </row>
    <row r="629247" spans="8:8">
      <c r="H629247" s="12"/>
    </row>
    <row r="629248" spans="8:8">
      <c r="H629248" s="12"/>
    </row>
    <row r="629249" spans="8:8">
      <c r="H629249" s="12"/>
    </row>
    <row r="629250" spans="8:8">
      <c r="H629250" s="12"/>
    </row>
    <row r="629251" spans="8:8">
      <c r="H629251" s="12"/>
    </row>
    <row r="629252" spans="8:8">
      <c r="H629252" s="12"/>
    </row>
    <row r="629253" spans="8:8">
      <c r="H629253" s="12"/>
    </row>
    <row r="629254" spans="8:8">
      <c r="H629254" s="12"/>
    </row>
    <row r="629255" spans="8:8">
      <c r="H629255" s="12"/>
    </row>
    <row r="629256" spans="8:8">
      <c r="H629256" s="12"/>
    </row>
    <row r="629257" spans="8:8">
      <c r="H629257" s="12"/>
    </row>
    <row r="629258" spans="8:8">
      <c r="H629258" s="12"/>
    </row>
    <row r="629259" spans="8:8">
      <c r="H629259" s="12"/>
    </row>
    <row r="629260" spans="8:8">
      <c r="H629260" s="12"/>
    </row>
    <row r="629261" spans="8:8">
      <c r="H629261" s="12"/>
    </row>
    <row r="629262" spans="8:8">
      <c r="H629262" s="12"/>
    </row>
    <row r="629263" spans="8:8">
      <c r="H629263" s="12"/>
    </row>
    <row r="629264" spans="8:8">
      <c r="H629264" s="12"/>
    </row>
    <row r="629265" spans="8:8">
      <c r="H629265" s="12"/>
    </row>
    <row r="629266" spans="8:8">
      <c r="H629266" s="12"/>
    </row>
    <row r="629267" spans="8:8">
      <c r="H629267" s="12"/>
    </row>
    <row r="629268" spans="8:8">
      <c r="H629268" s="12"/>
    </row>
    <row r="629269" spans="8:8">
      <c r="H629269" s="12"/>
    </row>
    <row r="629270" spans="8:8">
      <c r="H629270" s="12"/>
    </row>
    <row r="629271" spans="8:8">
      <c r="H629271" s="12"/>
    </row>
    <row r="629272" spans="8:8">
      <c r="H629272" s="12"/>
    </row>
    <row r="629273" spans="8:8">
      <c r="H629273" s="12"/>
    </row>
    <row r="629274" spans="8:8">
      <c r="H629274" s="12"/>
    </row>
    <row r="629275" spans="8:8">
      <c r="H629275" s="12"/>
    </row>
    <row r="629276" spans="8:8">
      <c r="H629276" s="12"/>
    </row>
    <row r="629277" spans="8:8">
      <c r="H629277" s="12"/>
    </row>
    <row r="629278" spans="8:8">
      <c r="H629278" s="12"/>
    </row>
    <row r="629279" spans="8:8">
      <c r="H629279" s="12"/>
    </row>
    <row r="629280" spans="8:8">
      <c r="H629280" s="12"/>
    </row>
    <row r="629281" spans="8:8">
      <c r="H629281" s="12"/>
    </row>
    <row r="629282" spans="8:8">
      <c r="H629282" s="12"/>
    </row>
    <row r="629283" spans="8:8">
      <c r="H629283" s="12"/>
    </row>
    <row r="629284" spans="8:8">
      <c r="H629284" s="12"/>
    </row>
    <row r="629285" spans="8:8">
      <c r="H629285" s="12"/>
    </row>
    <row r="629286" spans="8:8">
      <c r="H629286" s="12"/>
    </row>
    <row r="629287" spans="8:8">
      <c r="H629287" s="12"/>
    </row>
    <row r="629288" spans="8:8">
      <c r="H629288" s="12"/>
    </row>
    <row r="629289" spans="8:8">
      <c r="H629289" s="12"/>
    </row>
    <row r="629290" spans="8:8">
      <c r="H629290" s="12"/>
    </row>
    <row r="629291" spans="8:8">
      <c r="H629291" s="12"/>
    </row>
    <row r="629292" spans="8:8">
      <c r="H629292" s="12"/>
    </row>
    <row r="629293" spans="8:8">
      <c r="H629293" s="12"/>
    </row>
    <row r="629294" spans="8:8">
      <c r="H629294" s="12"/>
    </row>
    <row r="629295" spans="8:8">
      <c r="H629295" s="12"/>
    </row>
    <row r="629296" spans="8:8">
      <c r="H629296" s="12"/>
    </row>
    <row r="629297" spans="8:8">
      <c r="H629297" s="12"/>
    </row>
    <row r="629298" spans="8:8">
      <c r="H629298" s="12"/>
    </row>
    <row r="629299" spans="8:8">
      <c r="H629299" s="12"/>
    </row>
    <row r="629300" spans="8:8">
      <c r="H629300" s="12"/>
    </row>
    <row r="629301" spans="8:8">
      <c r="H629301" s="12"/>
    </row>
    <row r="629302" spans="8:8">
      <c r="H629302" s="12"/>
    </row>
    <row r="629303" spans="8:8">
      <c r="H629303" s="12"/>
    </row>
    <row r="629304" spans="8:8">
      <c r="H629304" s="12"/>
    </row>
    <row r="629305" spans="8:8">
      <c r="H629305" s="12"/>
    </row>
    <row r="629306" spans="8:8">
      <c r="H629306" s="12"/>
    </row>
    <row r="629307" spans="8:8">
      <c r="H629307" s="12"/>
    </row>
    <row r="629308" spans="8:8">
      <c r="H629308" s="12"/>
    </row>
    <row r="629309" spans="8:8">
      <c r="H629309" s="12"/>
    </row>
    <row r="629310" spans="8:8">
      <c r="H629310" s="12"/>
    </row>
    <row r="629311" spans="8:8">
      <c r="H629311" s="12"/>
    </row>
    <row r="629312" spans="8:8">
      <c r="H629312" s="12"/>
    </row>
    <row r="629313" spans="8:8">
      <c r="H629313" s="12"/>
    </row>
    <row r="629314" spans="8:8">
      <c r="H629314" s="12"/>
    </row>
    <row r="629315" spans="8:8">
      <c r="H629315" s="12"/>
    </row>
    <row r="629316" spans="8:8">
      <c r="H629316" s="12"/>
    </row>
    <row r="629317" spans="8:8">
      <c r="H629317" s="12"/>
    </row>
    <row r="629318" spans="8:8">
      <c r="H629318" s="12"/>
    </row>
    <row r="629319" spans="8:8">
      <c r="H629319" s="12"/>
    </row>
    <row r="629320" spans="8:8">
      <c r="H629320" s="12"/>
    </row>
    <row r="629321" spans="8:8">
      <c r="H629321" s="12"/>
    </row>
    <row r="629322" spans="8:8">
      <c r="H629322" s="12"/>
    </row>
    <row r="629323" spans="8:8">
      <c r="H629323" s="12"/>
    </row>
    <row r="629324" spans="8:8">
      <c r="H629324" s="12"/>
    </row>
    <row r="629325" spans="8:8">
      <c r="H629325" s="12"/>
    </row>
    <row r="629326" spans="8:8">
      <c r="H629326" s="12"/>
    </row>
    <row r="629327" spans="8:8">
      <c r="H629327" s="12"/>
    </row>
    <row r="629328" spans="8:8">
      <c r="H629328" s="12"/>
    </row>
    <row r="629329" spans="8:8">
      <c r="H629329" s="12"/>
    </row>
    <row r="629330" spans="8:8">
      <c r="H629330" s="12"/>
    </row>
    <row r="629331" spans="8:8">
      <c r="H629331" s="12"/>
    </row>
    <row r="629332" spans="8:8">
      <c r="H629332" s="12"/>
    </row>
    <row r="629333" spans="8:8">
      <c r="H629333" s="12"/>
    </row>
    <row r="629334" spans="8:8">
      <c r="H629334" s="12"/>
    </row>
    <row r="629335" spans="8:8">
      <c r="H629335" s="12"/>
    </row>
    <row r="629336" spans="8:8">
      <c r="H629336" s="12"/>
    </row>
    <row r="629337" spans="8:8">
      <c r="H629337" s="12"/>
    </row>
    <row r="629338" spans="8:8">
      <c r="H629338" s="12"/>
    </row>
    <row r="629339" spans="8:8">
      <c r="H629339" s="12"/>
    </row>
    <row r="629340" spans="8:8">
      <c r="H629340" s="12"/>
    </row>
    <row r="629341" spans="8:8">
      <c r="H629341" s="12"/>
    </row>
    <row r="629342" spans="8:8">
      <c r="H629342" s="12"/>
    </row>
    <row r="629343" spans="8:8">
      <c r="H629343" s="12"/>
    </row>
    <row r="629344" spans="8:8">
      <c r="H629344" s="12"/>
    </row>
    <row r="629345" spans="8:8">
      <c r="H629345" s="12"/>
    </row>
    <row r="629346" spans="8:8">
      <c r="H629346" s="12"/>
    </row>
    <row r="629347" spans="8:8">
      <c r="H629347" s="12"/>
    </row>
    <row r="629348" spans="8:8">
      <c r="H629348" s="12"/>
    </row>
    <row r="629349" spans="8:8">
      <c r="H629349" s="12"/>
    </row>
    <row r="629350" spans="8:8">
      <c r="H629350" s="12"/>
    </row>
    <row r="629351" spans="8:8">
      <c r="H629351" s="12"/>
    </row>
    <row r="629352" spans="8:8">
      <c r="H629352" s="12"/>
    </row>
    <row r="629353" spans="8:8">
      <c r="H629353" s="12"/>
    </row>
    <row r="629354" spans="8:8">
      <c r="H629354" s="12"/>
    </row>
    <row r="629355" spans="8:8">
      <c r="H629355" s="12"/>
    </row>
    <row r="629356" spans="8:8">
      <c r="H629356" s="12"/>
    </row>
    <row r="629357" spans="8:8">
      <c r="H629357" s="12"/>
    </row>
    <row r="629358" spans="8:8">
      <c r="H629358" s="12"/>
    </row>
    <row r="629359" spans="8:8">
      <c r="H629359" s="12"/>
    </row>
    <row r="629360" spans="8:8">
      <c r="H629360" s="12"/>
    </row>
    <row r="629361" spans="8:8">
      <c r="H629361" s="12"/>
    </row>
    <row r="629362" spans="8:8">
      <c r="H629362" s="12"/>
    </row>
    <row r="629363" spans="8:8">
      <c r="H629363" s="12"/>
    </row>
    <row r="629364" spans="8:8">
      <c r="H629364" s="12"/>
    </row>
    <row r="629365" spans="8:8">
      <c r="H629365" s="12"/>
    </row>
    <row r="629366" spans="8:8">
      <c r="H629366" s="12"/>
    </row>
    <row r="629367" spans="8:8">
      <c r="H629367" s="12"/>
    </row>
    <row r="629368" spans="8:8">
      <c r="H629368" s="12"/>
    </row>
    <row r="629369" spans="8:8">
      <c r="H629369" s="12"/>
    </row>
    <row r="629370" spans="8:8">
      <c r="H629370" s="12"/>
    </row>
    <row r="629371" spans="8:8">
      <c r="H629371" s="12"/>
    </row>
    <row r="629372" spans="8:8">
      <c r="H629372" s="12"/>
    </row>
    <row r="629373" spans="8:8">
      <c r="H629373" s="12"/>
    </row>
    <row r="629374" spans="8:8">
      <c r="H629374" s="12"/>
    </row>
    <row r="629375" spans="8:8">
      <c r="H629375" s="12"/>
    </row>
    <row r="629376" spans="8:8">
      <c r="H629376" s="12"/>
    </row>
    <row r="629377" spans="8:8">
      <c r="H629377" s="12"/>
    </row>
    <row r="629378" spans="8:8">
      <c r="H629378" s="12"/>
    </row>
    <row r="629379" spans="8:8">
      <c r="H629379" s="12"/>
    </row>
    <row r="629380" spans="8:8">
      <c r="H629380" s="12"/>
    </row>
    <row r="629381" spans="8:8">
      <c r="H629381" s="12"/>
    </row>
    <row r="629382" spans="8:8">
      <c r="H629382" s="12"/>
    </row>
    <row r="629383" spans="8:8">
      <c r="H629383" s="12"/>
    </row>
    <row r="629384" spans="8:8">
      <c r="H629384" s="12"/>
    </row>
    <row r="629385" spans="8:8">
      <c r="H629385" s="12"/>
    </row>
    <row r="629386" spans="8:8">
      <c r="H629386" s="12"/>
    </row>
    <row r="629387" spans="8:8">
      <c r="H629387" s="12"/>
    </row>
    <row r="629388" spans="8:8">
      <c r="H629388" s="12"/>
    </row>
    <row r="629389" spans="8:8">
      <c r="H629389" s="12"/>
    </row>
    <row r="629390" spans="8:8">
      <c r="H629390" s="12"/>
    </row>
    <row r="629391" spans="8:8">
      <c r="H629391" s="12"/>
    </row>
    <row r="629392" spans="8:8">
      <c r="H629392" s="12"/>
    </row>
    <row r="629393" spans="8:8">
      <c r="H629393" s="12"/>
    </row>
    <row r="629394" spans="8:8">
      <c r="H629394" s="12"/>
    </row>
    <row r="629395" spans="8:8">
      <c r="H629395" s="12"/>
    </row>
    <row r="629396" spans="8:8">
      <c r="H629396" s="12"/>
    </row>
    <row r="629397" spans="8:8">
      <c r="H629397" s="12"/>
    </row>
    <row r="629398" spans="8:8">
      <c r="H629398" s="12"/>
    </row>
    <row r="629399" spans="8:8">
      <c r="H629399" s="12"/>
    </row>
    <row r="629400" spans="8:8">
      <c r="H629400" s="12"/>
    </row>
    <row r="629401" spans="8:8">
      <c r="H629401" s="12"/>
    </row>
    <row r="629402" spans="8:8">
      <c r="H629402" s="12"/>
    </row>
    <row r="629403" spans="8:8">
      <c r="H629403" s="12"/>
    </row>
    <row r="629404" spans="8:8">
      <c r="H629404" s="12"/>
    </row>
    <row r="629405" spans="8:8">
      <c r="H629405" s="12"/>
    </row>
    <row r="629406" spans="8:8">
      <c r="H629406" s="12"/>
    </row>
    <row r="629407" spans="8:8">
      <c r="H629407" s="12"/>
    </row>
    <row r="629408" spans="8:8">
      <c r="H629408" s="12"/>
    </row>
    <row r="629409" spans="8:8">
      <c r="H629409" s="12"/>
    </row>
    <row r="629410" spans="8:8">
      <c r="H629410" s="12"/>
    </row>
    <row r="629411" spans="8:8">
      <c r="H629411" s="12"/>
    </row>
    <row r="629412" spans="8:8">
      <c r="H629412" s="12"/>
    </row>
    <row r="629413" spans="8:8">
      <c r="H629413" s="12"/>
    </row>
    <row r="629414" spans="8:8">
      <c r="H629414" s="12"/>
    </row>
    <row r="629415" spans="8:8">
      <c r="H629415" s="12"/>
    </row>
    <row r="629416" spans="8:8">
      <c r="H629416" s="12"/>
    </row>
    <row r="629417" spans="8:8">
      <c r="H629417" s="12"/>
    </row>
    <row r="629418" spans="8:8">
      <c r="H629418" s="12"/>
    </row>
    <row r="629419" spans="8:8">
      <c r="H629419" s="12"/>
    </row>
    <row r="629420" spans="8:8">
      <c r="H629420" s="12"/>
    </row>
    <row r="629421" spans="8:8">
      <c r="H629421" s="12"/>
    </row>
    <row r="629422" spans="8:8">
      <c r="H629422" s="12"/>
    </row>
    <row r="629423" spans="8:8">
      <c r="H629423" s="12"/>
    </row>
    <row r="629424" spans="8:8">
      <c r="H629424" s="12"/>
    </row>
    <row r="629425" spans="8:8">
      <c r="H629425" s="12"/>
    </row>
    <row r="629426" spans="8:8">
      <c r="H629426" s="12"/>
    </row>
    <row r="629427" spans="8:8">
      <c r="H629427" s="12"/>
    </row>
    <row r="629428" spans="8:8">
      <c r="H629428" s="12"/>
    </row>
    <row r="629429" spans="8:8">
      <c r="H629429" s="12"/>
    </row>
    <row r="629430" spans="8:8">
      <c r="H629430" s="12"/>
    </row>
    <row r="629431" spans="8:8">
      <c r="H629431" s="12"/>
    </row>
    <row r="629432" spans="8:8">
      <c r="H629432" s="12"/>
    </row>
    <row r="629433" spans="8:8">
      <c r="H629433" s="12"/>
    </row>
    <row r="629434" spans="8:8">
      <c r="H629434" s="12"/>
    </row>
    <row r="629435" spans="8:8">
      <c r="H629435" s="12"/>
    </row>
    <row r="629436" spans="8:8">
      <c r="H629436" s="12"/>
    </row>
    <row r="629437" spans="8:8">
      <c r="H629437" s="12"/>
    </row>
    <row r="629438" spans="8:8">
      <c r="H629438" s="12"/>
    </row>
    <row r="629439" spans="8:8">
      <c r="H629439" s="12"/>
    </row>
    <row r="629440" spans="8:8">
      <c r="H629440" s="12"/>
    </row>
    <row r="629441" spans="8:8">
      <c r="H629441" s="12"/>
    </row>
    <row r="629442" spans="8:8">
      <c r="H629442" s="12"/>
    </row>
    <row r="629443" spans="8:8">
      <c r="H629443" s="12"/>
    </row>
    <row r="629444" spans="8:8">
      <c r="H629444" s="12"/>
    </row>
    <row r="629445" spans="8:8">
      <c r="H629445" s="12"/>
    </row>
    <row r="629446" spans="8:8">
      <c r="H629446" s="12"/>
    </row>
    <row r="629447" spans="8:8">
      <c r="H629447" s="12"/>
    </row>
    <row r="629448" spans="8:8">
      <c r="H629448" s="12"/>
    </row>
    <row r="629449" spans="8:8">
      <c r="H629449" s="12"/>
    </row>
    <row r="629450" spans="8:8">
      <c r="H629450" s="12"/>
    </row>
    <row r="629451" spans="8:8">
      <c r="H629451" s="12"/>
    </row>
    <row r="629452" spans="8:8">
      <c r="H629452" s="12"/>
    </row>
    <row r="629453" spans="8:8">
      <c r="H629453" s="12"/>
    </row>
    <row r="629454" spans="8:8">
      <c r="H629454" s="12"/>
    </row>
    <row r="629455" spans="8:8">
      <c r="H629455" s="12"/>
    </row>
    <row r="629456" spans="8:8">
      <c r="H629456" s="12"/>
    </row>
    <row r="629457" spans="8:8">
      <c r="H629457" s="12"/>
    </row>
    <row r="629458" spans="8:8">
      <c r="H629458" s="12"/>
    </row>
    <row r="629459" spans="8:8">
      <c r="H629459" s="12"/>
    </row>
    <row r="629460" spans="8:8">
      <c r="H629460" s="12"/>
    </row>
    <row r="629461" spans="8:8">
      <c r="H629461" s="12"/>
    </row>
    <row r="629462" spans="8:8">
      <c r="H629462" s="12"/>
    </row>
    <row r="629463" spans="8:8">
      <c r="H629463" s="12"/>
    </row>
    <row r="629464" spans="8:8">
      <c r="H629464" s="12"/>
    </row>
    <row r="629465" spans="8:8">
      <c r="H629465" s="12"/>
    </row>
    <row r="629466" spans="8:8">
      <c r="H629466" s="12"/>
    </row>
    <row r="629467" spans="8:8">
      <c r="H629467" s="12"/>
    </row>
    <row r="629468" spans="8:8">
      <c r="H629468" s="12"/>
    </row>
    <row r="629469" spans="8:8">
      <c r="H629469" s="12"/>
    </row>
    <row r="629470" spans="8:8">
      <c r="H629470" s="12"/>
    </row>
    <row r="629471" spans="8:8">
      <c r="H629471" s="12"/>
    </row>
    <row r="629472" spans="8:8">
      <c r="H629472" s="12"/>
    </row>
    <row r="629473" spans="8:8">
      <c r="H629473" s="12"/>
    </row>
    <row r="629474" spans="8:8">
      <c r="H629474" s="12"/>
    </row>
    <row r="629475" spans="8:8">
      <c r="H629475" s="12"/>
    </row>
    <row r="629476" spans="8:8">
      <c r="H629476" s="12"/>
    </row>
    <row r="629477" spans="8:8">
      <c r="H629477" s="12"/>
    </row>
    <row r="629478" spans="8:8">
      <c r="H629478" s="12"/>
    </row>
    <row r="629479" spans="8:8">
      <c r="H629479" s="12"/>
    </row>
    <row r="629480" spans="8:8">
      <c r="H629480" s="12"/>
    </row>
    <row r="629481" spans="8:8">
      <c r="H629481" s="12"/>
    </row>
    <row r="629482" spans="8:8">
      <c r="H629482" s="12"/>
    </row>
    <row r="629483" spans="8:8">
      <c r="H629483" s="12"/>
    </row>
    <row r="629484" spans="8:8">
      <c r="H629484" s="12"/>
    </row>
    <row r="629485" spans="8:8">
      <c r="H629485" s="12"/>
    </row>
    <row r="629486" spans="8:8">
      <c r="H629486" s="12"/>
    </row>
    <row r="629487" spans="8:8">
      <c r="H629487" s="12"/>
    </row>
    <row r="629488" spans="8:8">
      <c r="H629488" s="12"/>
    </row>
    <row r="629489" spans="8:8">
      <c r="H629489" s="12"/>
    </row>
    <row r="629490" spans="8:8">
      <c r="H629490" s="12"/>
    </row>
    <row r="629491" spans="8:8">
      <c r="H629491" s="12"/>
    </row>
    <row r="629492" spans="8:8">
      <c r="H629492" s="12"/>
    </row>
    <row r="629493" spans="8:8">
      <c r="H629493" s="12"/>
    </row>
    <row r="629494" spans="8:8">
      <c r="H629494" s="12"/>
    </row>
    <row r="629495" spans="8:8">
      <c r="H629495" s="12"/>
    </row>
    <row r="629496" spans="8:8">
      <c r="H629496" s="12"/>
    </row>
    <row r="629497" spans="8:8">
      <c r="H629497" s="12"/>
    </row>
    <row r="629498" spans="8:8">
      <c r="H629498" s="12"/>
    </row>
    <row r="629499" spans="8:8">
      <c r="H629499" s="12"/>
    </row>
    <row r="629500" spans="8:8">
      <c r="H629500" s="12"/>
    </row>
    <row r="629501" spans="8:8">
      <c r="H629501" s="12"/>
    </row>
    <row r="629502" spans="8:8">
      <c r="H629502" s="12"/>
    </row>
    <row r="629503" spans="8:8">
      <c r="H629503" s="12"/>
    </row>
    <row r="629504" spans="8:8">
      <c r="H629504" s="12"/>
    </row>
    <row r="629505" spans="8:8">
      <c r="H629505" s="12"/>
    </row>
    <row r="629506" spans="8:8">
      <c r="H629506" s="12"/>
    </row>
    <row r="629507" spans="8:8">
      <c r="H629507" s="12"/>
    </row>
    <row r="629508" spans="8:8">
      <c r="H629508" s="12"/>
    </row>
    <row r="629509" spans="8:8">
      <c r="H629509" s="12"/>
    </row>
    <row r="629510" spans="8:8">
      <c r="H629510" s="12"/>
    </row>
    <row r="629511" spans="8:8">
      <c r="H629511" s="12"/>
    </row>
    <row r="629512" spans="8:8">
      <c r="H629512" s="12"/>
    </row>
    <row r="629513" spans="8:8">
      <c r="H629513" s="12"/>
    </row>
    <row r="629514" spans="8:8">
      <c r="H629514" s="12"/>
    </row>
    <row r="629515" spans="8:8">
      <c r="H629515" s="12"/>
    </row>
    <row r="629516" spans="8:8">
      <c r="H629516" s="12"/>
    </row>
    <row r="629517" spans="8:8">
      <c r="H629517" s="12"/>
    </row>
    <row r="629518" spans="8:8">
      <c r="H629518" s="12"/>
    </row>
    <row r="629519" spans="8:8">
      <c r="H629519" s="12"/>
    </row>
    <row r="629520" spans="8:8">
      <c r="H629520" s="12"/>
    </row>
    <row r="629521" spans="8:8">
      <c r="H629521" s="12"/>
    </row>
    <row r="629522" spans="8:8">
      <c r="H629522" s="12"/>
    </row>
    <row r="629523" spans="8:8">
      <c r="H629523" s="12"/>
    </row>
    <row r="629524" spans="8:8">
      <c r="H629524" s="12"/>
    </row>
    <row r="629525" spans="8:8">
      <c r="H629525" s="12"/>
    </row>
    <row r="629526" spans="8:8">
      <c r="H629526" s="12"/>
    </row>
    <row r="629527" spans="8:8">
      <c r="H629527" s="12"/>
    </row>
    <row r="629528" spans="8:8">
      <c r="H629528" s="12"/>
    </row>
    <row r="629529" spans="8:8">
      <c r="H629529" s="12"/>
    </row>
    <row r="629530" spans="8:8">
      <c r="H629530" s="12"/>
    </row>
    <row r="629531" spans="8:8">
      <c r="H629531" s="12"/>
    </row>
    <row r="629532" spans="8:8">
      <c r="H629532" s="12"/>
    </row>
    <row r="629533" spans="8:8">
      <c r="H629533" s="12"/>
    </row>
    <row r="629534" spans="8:8">
      <c r="H629534" s="12"/>
    </row>
    <row r="629535" spans="8:8">
      <c r="H629535" s="12"/>
    </row>
    <row r="629536" spans="8:8">
      <c r="H629536" s="12"/>
    </row>
    <row r="629537" spans="8:8">
      <c r="H629537" s="12"/>
    </row>
    <row r="629538" spans="8:8">
      <c r="H629538" s="12"/>
    </row>
    <row r="629539" spans="8:8">
      <c r="H629539" s="12"/>
    </row>
    <row r="629540" spans="8:8">
      <c r="H629540" s="12"/>
    </row>
    <row r="629541" spans="8:8">
      <c r="H629541" s="12"/>
    </row>
    <row r="629542" spans="8:8">
      <c r="H629542" s="12"/>
    </row>
    <row r="629543" spans="8:8">
      <c r="H629543" s="12"/>
    </row>
    <row r="629544" spans="8:8">
      <c r="H629544" s="12"/>
    </row>
    <row r="629545" spans="8:8">
      <c r="H629545" s="12"/>
    </row>
    <row r="629546" spans="8:8">
      <c r="H629546" s="12"/>
    </row>
    <row r="629547" spans="8:8">
      <c r="H629547" s="12"/>
    </row>
    <row r="629548" spans="8:8">
      <c r="H629548" s="12"/>
    </row>
    <row r="629549" spans="8:8">
      <c r="H629549" s="12"/>
    </row>
    <row r="629550" spans="8:8">
      <c r="H629550" s="12"/>
    </row>
    <row r="629551" spans="8:8">
      <c r="H629551" s="12"/>
    </row>
    <row r="629552" spans="8:8">
      <c r="H629552" s="12"/>
    </row>
    <row r="629553" spans="8:8">
      <c r="H629553" s="12"/>
    </row>
    <row r="629554" spans="8:8">
      <c r="H629554" s="12"/>
    </row>
    <row r="629555" spans="8:8">
      <c r="H629555" s="12"/>
    </row>
    <row r="629556" spans="8:8">
      <c r="H629556" s="12"/>
    </row>
    <row r="629557" spans="8:8">
      <c r="H629557" s="12"/>
    </row>
    <row r="629558" spans="8:8">
      <c r="H629558" s="12"/>
    </row>
    <row r="629559" spans="8:8">
      <c r="H629559" s="12"/>
    </row>
    <row r="629560" spans="8:8">
      <c r="H629560" s="12"/>
    </row>
    <row r="629561" spans="8:8">
      <c r="H629561" s="12"/>
    </row>
    <row r="629562" spans="8:8">
      <c r="H629562" s="12"/>
    </row>
    <row r="629563" spans="8:8">
      <c r="H629563" s="12"/>
    </row>
    <row r="629564" spans="8:8">
      <c r="H629564" s="12"/>
    </row>
    <row r="629565" spans="8:8">
      <c r="H629565" s="12"/>
    </row>
    <row r="629566" spans="8:8">
      <c r="H629566" s="12"/>
    </row>
    <row r="629567" spans="8:8">
      <c r="H629567" s="12"/>
    </row>
    <row r="629568" spans="8:8">
      <c r="H629568" s="12"/>
    </row>
    <row r="629569" spans="8:8">
      <c r="H629569" s="12"/>
    </row>
    <row r="629570" spans="8:8">
      <c r="H629570" s="12"/>
    </row>
    <row r="629571" spans="8:8">
      <c r="H629571" s="12"/>
    </row>
    <row r="629572" spans="8:8">
      <c r="H629572" s="12"/>
    </row>
    <row r="629573" spans="8:8">
      <c r="H629573" s="12"/>
    </row>
    <row r="629574" spans="8:8">
      <c r="H629574" s="12"/>
    </row>
    <row r="629575" spans="8:8">
      <c r="H629575" s="12"/>
    </row>
    <row r="629576" spans="8:8">
      <c r="H629576" s="12"/>
    </row>
    <row r="629577" spans="8:8">
      <c r="H629577" s="12"/>
    </row>
    <row r="629578" spans="8:8">
      <c r="H629578" s="12"/>
    </row>
    <row r="629579" spans="8:8">
      <c r="H629579" s="12"/>
    </row>
    <row r="629580" spans="8:8">
      <c r="H629580" s="12"/>
    </row>
    <row r="629581" spans="8:8">
      <c r="H629581" s="12"/>
    </row>
    <row r="629582" spans="8:8">
      <c r="H629582" s="12"/>
    </row>
    <row r="629583" spans="8:8">
      <c r="H629583" s="12"/>
    </row>
    <row r="629584" spans="8:8">
      <c r="H629584" s="12"/>
    </row>
    <row r="629585" spans="8:8">
      <c r="H629585" s="12"/>
    </row>
    <row r="629586" spans="8:8">
      <c r="H629586" s="12"/>
    </row>
    <row r="629587" spans="8:8">
      <c r="H629587" s="12"/>
    </row>
    <row r="629588" spans="8:8">
      <c r="H629588" s="12"/>
    </row>
    <row r="629589" spans="8:8">
      <c r="H629589" s="12"/>
    </row>
    <row r="629590" spans="8:8">
      <c r="H629590" s="12"/>
    </row>
    <row r="629591" spans="8:8">
      <c r="H629591" s="12"/>
    </row>
    <row r="629592" spans="8:8">
      <c r="H629592" s="12"/>
    </row>
    <row r="629593" spans="8:8">
      <c r="H629593" s="12"/>
    </row>
    <row r="629594" spans="8:8">
      <c r="H629594" s="12"/>
    </row>
    <row r="629595" spans="8:8">
      <c r="H629595" s="12"/>
    </row>
    <row r="629596" spans="8:8">
      <c r="H629596" s="12"/>
    </row>
    <row r="629597" spans="8:8">
      <c r="H629597" s="12"/>
    </row>
    <row r="629598" spans="8:8">
      <c r="H629598" s="12"/>
    </row>
    <row r="629599" spans="8:8">
      <c r="H629599" s="12"/>
    </row>
    <row r="629600" spans="8:8">
      <c r="H629600" s="12"/>
    </row>
    <row r="629601" spans="8:8">
      <c r="H629601" s="12"/>
    </row>
    <row r="629602" spans="8:8">
      <c r="H629602" s="12"/>
    </row>
    <row r="629603" spans="8:8">
      <c r="H629603" s="12"/>
    </row>
    <row r="629604" spans="8:8">
      <c r="H629604" s="12"/>
    </row>
    <row r="629605" spans="8:8">
      <c r="H629605" s="12"/>
    </row>
    <row r="629606" spans="8:8">
      <c r="H629606" s="12"/>
    </row>
    <row r="629607" spans="8:8">
      <c r="H629607" s="12"/>
    </row>
    <row r="629608" spans="8:8">
      <c r="H629608" s="12"/>
    </row>
    <row r="629609" spans="8:8">
      <c r="H629609" s="12"/>
    </row>
    <row r="629610" spans="8:8">
      <c r="H629610" s="12"/>
    </row>
    <row r="629611" spans="8:8">
      <c r="H629611" s="12"/>
    </row>
    <row r="629612" spans="8:8">
      <c r="H629612" s="12"/>
    </row>
    <row r="629613" spans="8:8">
      <c r="H629613" s="12"/>
    </row>
    <row r="629614" spans="8:8">
      <c r="H629614" s="12"/>
    </row>
    <row r="629615" spans="8:8">
      <c r="H629615" s="12"/>
    </row>
    <row r="629616" spans="8:8">
      <c r="H629616" s="12"/>
    </row>
    <row r="629617" spans="8:8">
      <c r="H629617" s="12"/>
    </row>
    <row r="629618" spans="8:8">
      <c r="H629618" s="12"/>
    </row>
    <row r="629619" spans="8:8">
      <c r="H629619" s="12"/>
    </row>
    <row r="629620" spans="8:8">
      <c r="H629620" s="12"/>
    </row>
    <row r="629621" spans="8:8">
      <c r="H629621" s="12"/>
    </row>
    <row r="629622" spans="8:8">
      <c r="H629622" s="12"/>
    </row>
    <row r="629623" spans="8:8">
      <c r="H629623" s="12"/>
    </row>
    <row r="629624" spans="8:8">
      <c r="H629624" s="12"/>
    </row>
    <row r="629625" spans="8:8">
      <c r="H629625" s="12"/>
    </row>
    <row r="629626" spans="8:8">
      <c r="H629626" s="12"/>
    </row>
    <row r="629627" spans="8:8">
      <c r="H629627" s="12"/>
    </row>
    <row r="629628" spans="8:8">
      <c r="H629628" s="12"/>
    </row>
    <row r="629629" spans="8:8">
      <c r="H629629" s="12"/>
    </row>
    <row r="629630" spans="8:8">
      <c r="H629630" s="12"/>
    </row>
    <row r="629631" spans="8:8">
      <c r="H629631" s="12"/>
    </row>
    <row r="629632" spans="8:8">
      <c r="H629632" s="12"/>
    </row>
    <row r="629633" spans="8:8">
      <c r="H629633" s="12"/>
    </row>
    <row r="629634" spans="8:8">
      <c r="H629634" s="12"/>
    </row>
    <row r="629635" spans="8:8">
      <c r="H629635" s="12"/>
    </row>
    <row r="629636" spans="8:8">
      <c r="H629636" s="12"/>
    </row>
    <row r="629637" spans="8:8">
      <c r="H629637" s="12"/>
    </row>
    <row r="629638" spans="8:8">
      <c r="H629638" s="12"/>
    </row>
    <row r="629639" spans="8:8">
      <c r="H629639" s="12"/>
    </row>
    <row r="629640" spans="8:8">
      <c r="H629640" s="12"/>
    </row>
    <row r="629641" spans="8:8">
      <c r="H629641" s="12"/>
    </row>
    <row r="629642" spans="8:8">
      <c r="H629642" s="12"/>
    </row>
    <row r="629643" spans="8:8">
      <c r="H629643" s="12"/>
    </row>
    <row r="629644" spans="8:8">
      <c r="H629644" s="12"/>
    </row>
    <row r="629645" spans="8:8">
      <c r="H629645" s="12"/>
    </row>
    <row r="629646" spans="8:8">
      <c r="H629646" s="12"/>
    </row>
    <row r="629647" spans="8:8">
      <c r="H629647" s="12"/>
    </row>
    <row r="629648" spans="8:8">
      <c r="H629648" s="12"/>
    </row>
    <row r="629649" spans="8:8">
      <c r="H629649" s="12"/>
    </row>
    <row r="629650" spans="8:8">
      <c r="H629650" s="12"/>
    </row>
    <row r="629651" spans="8:8">
      <c r="H629651" s="12"/>
    </row>
    <row r="629652" spans="8:8">
      <c r="H629652" s="12"/>
    </row>
    <row r="629653" spans="8:8">
      <c r="H629653" s="12"/>
    </row>
    <row r="629654" spans="8:8">
      <c r="H629654" s="12"/>
    </row>
    <row r="629655" spans="8:8">
      <c r="H629655" s="12"/>
    </row>
    <row r="629656" spans="8:8">
      <c r="H629656" s="12"/>
    </row>
    <row r="629657" spans="8:8">
      <c r="H629657" s="12"/>
    </row>
    <row r="629658" spans="8:8">
      <c r="H629658" s="12"/>
    </row>
    <row r="629659" spans="8:8">
      <c r="H629659" s="12"/>
    </row>
    <row r="629660" spans="8:8">
      <c r="H629660" s="12"/>
    </row>
    <row r="629661" spans="8:8">
      <c r="H629661" s="12"/>
    </row>
    <row r="629662" spans="8:8">
      <c r="H629662" s="12"/>
    </row>
    <row r="629663" spans="8:8">
      <c r="H629663" s="12"/>
    </row>
    <row r="629664" spans="8:8">
      <c r="H629664" s="12"/>
    </row>
    <row r="629665" spans="8:8">
      <c r="H629665" s="12"/>
    </row>
    <row r="629666" spans="8:8">
      <c r="H629666" s="12"/>
    </row>
    <row r="629667" spans="8:8">
      <c r="H629667" s="12"/>
    </row>
    <row r="629668" spans="8:8">
      <c r="H629668" s="12"/>
    </row>
    <row r="629669" spans="8:8">
      <c r="H629669" s="12"/>
    </row>
    <row r="629670" spans="8:8">
      <c r="H629670" s="12"/>
    </row>
    <row r="629671" spans="8:8">
      <c r="H629671" s="12"/>
    </row>
    <row r="629672" spans="8:8">
      <c r="H629672" s="12"/>
    </row>
    <row r="629673" spans="8:8">
      <c r="H629673" s="12"/>
    </row>
    <row r="629674" spans="8:8">
      <c r="H629674" s="12"/>
    </row>
    <row r="629675" spans="8:8">
      <c r="H629675" s="12"/>
    </row>
    <row r="629676" spans="8:8">
      <c r="H629676" s="12"/>
    </row>
    <row r="629677" spans="8:8">
      <c r="H629677" s="12"/>
    </row>
    <row r="629678" spans="8:8">
      <c r="H629678" s="12"/>
    </row>
    <row r="629679" spans="8:8">
      <c r="H629679" s="12"/>
    </row>
    <row r="629680" spans="8:8">
      <c r="H629680" s="12"/>
    </row>
    <row r="629681" spans="8:8">
      <c r="H629681" s="12"/>
    </row>
    <row r="629682" spans="8:8">
      <c r="H629682" s="12"/>
    </row>
    <row r="629683" spans="8:8">
      <c r="H629683" s="12"/>
    </row>
    <row r="629684" spans="8:8">
      <c r="H629684" s="12"/>
    </row>
    <row r="629685" spans="8:8">
      <c r="H629685" s="12"/>
    </row>
    <row r="629686" spans="8:8">
      <c r="H629686" s="12"/>
    </row>
    <row r="629687" spans="8:8">
      <c r="H629687" s="12"/>
    </row>
    <row r="629688" spans="8:8">
      <c r="H629688" s="12"/>
    </row>
    <row r="629689" spans="8:8">
      <c r="H629689" s="12"/>
    </row>
    <row r="629690" spans="8:8">
      <c r="H629690" s="12"/>
    </row>
    <row r="629691" spans="8:8">
      <c r="H629691" s="12"/>
    </row>
    <row r="629692" spans="8:8">
      <c r="H629692" s="12"/>
    </row>
    <row r="629693" spans="8:8">
      <c r="H629693" s="12"/>
    </row>
    <row r="629694" spans="8:8">
      <c r="H629694" s="12"/>
    </row>
    <row r="629695" spans="8:8">
      <c r="H629695" s="12"/>
    </row>
    <row r="629696" spans="8:8">
      <c r="H629696" s="12"/>
    </row>
    <row r="629697" spans="8:8">
      <c r="H629697" s="12"/>
    </row>
    <row r="629698" spans="8:8">
      <c r="H629698" s="12"/>
    </row>
    <row r="629699" spans="8:8">
      <c r="H629699" s="12"/>
    </row>
    <row r="629700" spans="8:8">
      <c r="H629700" s="12"/>
    </row>
    <row r="629701" spans="8:8">
      <c r="H629701" s="12"/>
    </row>
    <row r="629702" spans="8:8">
      <c r="H629702" s="12"/>
    </row>
    <row r="629703" spans="8:8">
      <c r="H629703" s="12"/>
    </row>
    <row r="629704" spans="8:8">
      <c r="H629704" s="12"/>
    </row>
    <row r="629705" spans="8:8">
      <c r="H629705" s="12"/>
    </row>
    <row r="629706" spans="8:8">
      <c r="H629706" s="12"/>
    </row>
    <row r="629707" spans="8:8">
      <c r="H629707" s="12"/>
    </row>
    <row r="629708" spans="8:8">
      <c r="H629708" s="12"/>
    </row>
    <row r="629709" spans="8:8">
      <c r="H629709" s="12"/>
    </row>
    <row r="629710" spans="8:8">
      <c r="H629710" s="12"/>
    </row>
    <row r="629711" spans="8:8">
      <c r="H629711" s="12"/>
    </row>
    <row r="629712" spans="8:8">
      <c r="H629712" s="12"/>
    </row>
    <row r="629713" spans="8:8">
      <c r="H629713" s="12"/>
    </row>
    <row r="629714" spans="8:8">
      <c r="H629714" s="12"/>
    </row>
    <row r="629715" spans="8:8">
      <c r="H629715" s="12"/>
    </row>
    <row r="629716" spans="8:8">
      <c r="H629716" s="12"/>
    </row>
    <row r="629717" spans="8:8">
      <c r="H629717" s="12"/>
    </row>
    <row r="629718" spans="8:8">
      <c r="H629718" s="12"/>
    </row>
    <row r="629719" spans="8:8">
      <c r="H629719" s="12"/>
    </row>
    <row r="629720" spans="8:8">
      <c r="H629720" s="12"/>
    </row>
    <row r="629721" spans="8:8">
      <c r="H629721" s="12"/>
    </row>
    <row r="629722" spans="8:8">
      <c r="H629722" s="12"/>
    </row>
    <row r="629723" spans="8:8">
      <c r="H629723" s="12"/>
    </row>
    <row r="629724" spans="8:8">
      <c r="H629724" s="12"/>
    </row>
    <row r="629725" spans="8:8">
      <c r="H629725" s="12"/>
    </row>
    <row r="629726" spans="8:8">
      <c r="H629726" s="12"/>
    </row>
    <row r="629727" spans="8:8">
      <c r="H629727" s="12"/>
    </row>
    <row r="629728" spans="8:8">
      <c r="H629728" s="12"/>
    </row>
    <row r="629729" spans="8:8">
      <c r="H629729" s="12"/>
    </row>
    <row r="629730" spans="8:8">
      <c r="H629730" s="12"/>
    </row>
    <row r="629731" spans="8:8">
      <c r="H629731" s="12"/>
    </row>
    <row r="629732" spans="8:8">
      <c r="H629732" s="12"/>
    </row>
    <row r="629733" spans="8:8">
      <c r="H629733" s="12"/>
    </row>
    <row r="629734" spans="8:8">
      <c r="H629734" s="12"/>
    </row>
    <row r="629735" spans="8:8">
      <c r="H629735" s="12"/>
    </row>
    <row r="629736" spans="8:8">
      <c r="H629736" s="12"/>
    </row>
    <row r="629737" spans="8:8">
      <c r="H629737" s="12"/>
    </row>
    <row r="629738" spans="8:8">
      <c r="H629738" s="12"/>
    </row>
    <row r="629739" spans="8:8">
      <c r="H629739" s="12"/>
    </row>
    <row r="629740" spans="8:8">
      <c r="H629740" s="12"/>
    </row>
    <row r="629741" spans="8:8">
      <c r="H629741" s="12"/>
    </row>
    <row r="629742" spans="8:8">
      <c r="H629742" s="12"/>
    </row>
    <row r="629743" spans="8:8">
      <c r="H629743" s="12"/>
    </row>
    <row r="629744" spans="8:8">
      <c r="H629744" s="12"/>
    </row>
    <row r="629745" spans="8:8">
      <c r="H629745" s="12"/>
    </row>
    <row r="629746" spans="8:8">
      <c r="H629746" s="12"/>
    </row>
    <row r="629747" spans="8:8">
      <c r="H629747" s="12"/>
    </row>
    <row r="629748" spans="8:8">
      <c r="H629748" s="12"/>
    </row>
    <row r="629749" spans="8:8">
      <c r="H629749" s="12"/>
    </row>
    <row r="629750" spans="8:8">
      <c r="H629750" s="12"/>
    </row>
    <row r="629751" spans="8:8">
      <c r="H629751" s="12"/>
    </row>
    <row r="629752" spans="8:8">
      <c r="H629752" s="12"/>
    </row>
    <row r="629753" spans="8:8">
      <c r="H629753" s="12"/>
    </row>
    <row r="629754" spans="8:8">
      <c r="H629754" s="12"/>
    </row>
    <row r="629755" spans="8:8">
      <c r="H629755" s="12"/>
    </row>
    <row r="629756" spans="8:8">
      <c r="H629756" s="12"/>
    </row>
    <row r="629757" spans="8:8">
      <c r="H629757" s="12"/>
    </row>
    <row r="629758" spans="8:8">
      <c r="H629758" s="12"/>
    </row>
    <row r="629759" spans="8:8">
      <c r="H629759" s="12"/>
    </row>
    <row r="629760" spans="8:8">
      <c r="H629760" s="12"/>
    </row>
    <row r="629761" spans="8:8">
      <c r="H629761" s="12"/>
    </row>
    <row r="629762" spans="8:8">
      <c r="H629762" s="12"/>
    </row>
    <row r="629763" spans="8:8">
      <c r="H629763" s="12"/>
    </row>
    <row r="629764" spans="8:8">
      <c r="H629764" s="12"/>
    </row>
    <row r="629765" spans="8:8">
      <c r="H629765" s="12"/>
    </row>
    <row r="629766" spans="8:8">
      <c r="H629766" s="12"/>
    </row>
    <row r="629767" spans="8:8">
      <c r="H629767" s="12"/>
    </row>
    <row r="629768" spans="8:8">
      <c r="H629768" s="12"/>
    </row>
    <row r="629769" spans="8:8">
      <c r="H629769" s="12"/>
    </row>
    <row r="629770" spans="8:8">
      <c r="H629770" s="12"/>
    </row>
    <row r="629771" spans="8:8">
      <c r="H629771" s="12"/>
    </row>
    <row r="629772" spans="8:8">
      <c r="H629772" s="12"/>
    </row>
    <row r="629773" spans="8:8">
      <c r="H629773" s="12"/>
    </row>
    <row r="629774" spans="8:8">
      <c r="H629774" s="12"/>
    </row>
    <row r="629775" spans="8:8">
      <c r="H629775" s="12"/>
    </row>
    <row r="629776" spans="8:8">
      <c r="H629776" s="12"/>
    </row>
    <row r="629777" spans="8:8">
      <c r="H629777" s="12"/>
    </row>
    <row r="629778" spans="8:8">
      <c r="H629778" s="12"/>
    </row>
    <row r="629779" spans="8:8">
      <c r="H629779" s="12"/>
    </row>
    <row r="629780" spans="8:8">
      <c r="H629780" s="12"/>
    </row>
    <row r="629781" spans="8:8">
      <c r="H629781" s="12"/>
    </row>
    <row r="629782" spans="8:8">
      <c r="H629782" s="12"/>
    </row>
    <row r="629783" spans="8:8">
      <c r="H629783" s="12"/>
    </row>
    <row r="629784" spans="8:8">
      <c r="H629784" s="12"/>
    </row>
    <row r="629785" spans="8:8">
      <c r="H629785" s="12"/>
    </row>
    <row r="629786" spans="8:8">
      <c r="H629786" s="12"/>
    </row>
    <row r="629787" spans="8:8">
      <c r="H629787" s="12"/>
    </row>
    <row r="629788" spans="8:8">
      <c r="H629788" s="12"/>
    </row>
    <row r="629789" spans="8:8">
      <c r="H629789" s="12"/>
    </row>
    <row r="629790" spans="8:8">
      <c r="H629790" s="12"/>
    </row>
    <row r="629791" spans="8:8">
      <c r="H629791" s="12"/>
    </row>
    <row r="629792" spans="8:8">
      <c r="H629792" s="12"/>
    </row>
    <row r="629793" spans="8:8">
      <c r="H629793" s="12"/>
    </row>
    <row r="629794" spans="8:8">
      <c r="H629794" s="12"/>
    </row>
    <row r="629795" spans="8:8">
      <c r="H629795" s="12"/>
    </row>
    <row r="629796" spans="8:8">
      <c r="H629796" s="12"/>
    </row>
    <row r="629797" spans="8:8">
      <c r="H629797" s="12"/>
    </row>
    <row r="629798" spans="8:8">
      <c r="H629798" s="12"/>
    </row>
    <row r="629799" spans="8:8">
      <c r="H629799" s="12"/>
    </row>
    <row r="629800" spans="8:8">
      <c r="H629800" s="12"/>
    </row>
    <row r="629801" spans="8:8">
      <c r="H629801" s="12"/>
    </row>
    <row r="629802" spans="8:8">
      <c r="H629802" s="12"/>
    </row>
    <row r="629803" spans="8:8">
      <c r="H629803" s="12"/>
    </row>
    <row r="629804" spans="8:8">
      <c r="H629804" s="12"/>
    </row>
    <row r="629805" spans="8:8">
      <c r="H629805" s="12"/>
    </row>
    <row r="629806" spans="8:8">
      <c r="H629806" s="12"/>
    </row>
    <row r="629807" spans="8:8">
      <c r="H629807" s="12"/>
    </row>
    <row r="629808" spans="8:8">
      <c r="H629808" s="12"/>
    </row>
    <row r="629809" spans="8:8">
      <c r="H629809" s="12"/>
    </row>
    <row r="629810" spans="8:8">
      <c r="H629810" s="12"/>
    </row>
    <row r="629811" spans="8:8">
      <c r="H629811" s="12"/>
    </row>
    <row r="629812" spans="8:8">
      <c r="H629812" s="12"/>
    </row>
    <row r="629813" spans="8:8">
      <c r="H629813" s="12"/>
    </row>
    <row r="629814" spans="8:8">
      <c r="H629814" s="12"/>
    </row>
    <row r="629815" spans="8:8">
      <c r="H629815" s="12"/>
    </row>
    <row r="629816" spans="8:8">
      <c r="H629816" s="12"/>
    </row>
    <row r="629817" spans="8:8">
      <c r="H629817" s="12"/>
    </row>
    <row r="629818" spans="8:8">
      <c r="H629818" s="12"/>
    </row>
    <row r="629819" spans="8:8">
      <c r="H629819" s="12"/>
    </row>
    <row r="629820" spans="8:8">
      <c r="H629820" s="12"/>
    </row>
    <row r="629821" spans="8:8">
      <c r="H629821" s="12"/>
    </row>
    <row r="629822" spans="8:8">
      <c r="H629822" s="12"/>
    </row>
    <row r="629823" spans="8:8">
      <c r="H629823" s="12"/>
    </row>
    <row r="629824" spans="8:8">
      <c r="H629824" s="12"/>
    </row>
    <row r="629825" spans="8:8">
      <c r="H629825" s="12"/>
    </row>
    <row r="629826" spans="8:8">
      <c r="H629826" s="12"/>
    </row>
    <row r="629827" spans="8:8">
      <c r="H629827" s="12"/>
    </row>
    <row r="629828" spans="8:8">
      <c r="H629828" s="12"/>
    </row>
    <row r="629829" spans="8:8">
      <c r="H629829" s="12"/>
    </row>
    <row r="629830" spans="8:8">
      <c r="H629830" s="12"/>
    </row>
    <row r="629831" spans="8:8">
      <c r="H629831" s="12"/>
    </row>
    <row r="629832" spans="8:8">
      <c r="H629832" s="12"/>
    </row>
    <row r="629833" spans="8:8">
      <c r="H629833" s="12"/>
    </row>
    <row r="629834" spans="8:8">
      <c r="H629834" s="12"/>
    </row>
    <row r="629835" spans="8:8">
      <c r="H629835" s="12"/>
    </row>
    <row r="629836" spans="8:8">
      <c r="H629836" s="12"/>
    </row>
    <row r="629837" spans="8:8">
      <c r="H629837" s="12"/>
    </row>
    <row r="629838" spans="8:8">
      <c r="H629838" s="12"/>
    </row>
    <row r="629839" spans="8:8">
      <c r="H629839" s="12"/>
    </row>
    <row r="629840" spans="8:8">
      <c r="H629840" s="12"/>
    </row>
    <row r="629841" spans="8:8">
      <c r="H629841" s="12"/>
    </row>
    <row r="629842" spans="8:8">
      <c r="H629842" s="12"/>
    </row>
    <row r="629843" spans="8:8">
      <c r="H629843" s="12"/>
    </row>
    <row r="629844" spans="8:8">
      <c r="H629844" s="12"/>
    </row>
    <row r="629845" spans="8:8">
      <c r="H629845" s="12"/>
    </row>
    <row r="629846" spans="8:8">
      <c r="H629846" s="12"/>
    </row>
    <row r="629847" spans="8:8">
      <c r="H629847" s="12"/>
    </row>
    <row r="629848" spans="8:8">
      <c r="H629848" s="12"/>
    </row>
    <row r="629849" spans="8:8">
      <c r="H629849" s="12"/>
    </row>
    <row r="629850" spans="8:8">
      <c r="H629850" s="12"/>
    </row>
    <row r="629851" spans="8:8">
      <c r="H629851" s="12"/>
    </row>
    <row r="629852" spans="8:8">
      <c r="H629852" s="12"/>
    </row>
    <row r="629853" spans="8:8">
      <c r="H629853" s="12"/>
    </row>
    <row r="629854" spans="8:8">
      <c r="H629854" s="12"/>
    </row>
    <row r="629855" spans="8:8">
      <c r="H629855" s="12"/>
    </row>
    <row r="629856" spans="8:8">
      <c r="H629856" s="12"/>
    </row>
    <row r="629857" spans="8:8">
      <c r="H629857" s="12"/>
    </row>
    <row r="629858" spans="8:8">
      <c r="H629858" s="12"/>
    </row>
    <row r="629859" spans="8:8">
      <c r="H629859" s="12"/>
    </row>
    <row r="629860" spans="8:8">
      <c r="H629860" s="12"/>
    </row>
    <row r="629861" spans="8:8">
      <c r="H629861" s="12"/>
    </row>
    <row r="629862" spans="8:8">
      <c r="H629862" s="12"/>
    </row>
    <row r="629863" spans="8:8">
      <c r="H629863" s="12"/>
    </row>
    <row r="629864" spans="8:8">
      <c r="H629864" s="12"/>
    </row>
    <row r="629865" spans="8:8">
      <c r="H629865" s="12"/>
    </row>
    <row r="629866" spans="8:8">
      <c r="H629866" s="12"/>
    </row>
    <row r="629867" spans="8:8">
      <c r="H629867" s="12"/>
    </row>
    <row r="629868" spans="8:8">
      <c r="H629868" s="12"/>
    </row>
    <row r="629869" spans="8:8">
      <c r="H629869" s="12"/>
    </row>
    <row r="629870" spans="8:8">
      <c r="H629870" s="12"/>
    </row>
    <row r="629871" spans="8:8">
      <c r="H629871" s="12"/>
    </row>
    <row r="629872" spans="8:8">
      <c r="H629872" s="12"/>
    </row>
    <row r="629873" spans="8:8">
      <c r="H629873" s="12"/>
    </row>
    <row r="629874" spans="8:8">
      <c r="H629874" s="12"/>
    </row>
    <row r="629875" spans="8:8">
      <c r="H629875" s="12"/>
    </row>
    <row r="629876" spans="8:8">
      <c r="H629876" s="12"/>
    </row>
    <row r="629877" spans="8:8">
      <c r="H629877" s="12"/>
    </row>
    <row r="629878" spans="8:8">
      <c r="H629878" s="12"/>
    </row>
    <row r="629879" spans="8:8">
      <c r="H629879" s="12"/>
    </row>
    <row r="629880" spans="8:8">
      <c r="H629880" s="12"/>
    </row>
    <row r="629881" spans="8:8">
      <c r="H629881" s="12"/>
    </row>
    <row r="629882" spans="8:8">
      <c r="H629882" s="12"/>
    </row>
    <row r="629883" spans="8:8">
      <c r="H629883" s="12"/>
    </row>
    <row r="629884" spans="8:8">
      <c r="H629884" s="12"/>
    </row>
    <row r="629885" spans="8:8">
      <c r="H629885" s="12"/>
    </row>
    <row r="629886" spans="8:8">
      <c r="H629886" s="12"/>
    </row>
    <row r="629887" spans="8:8">
      <c r="H629887" s="12"/>
    </row>
    <row r="629888" spans="8:8">
      <c r="H629888" s="12"/>
    </row>
    <row r="629889" spans="8:8">
      <c r="H629889" s="12"/>
    </row>
    <row r="629890" spans="8:8">
      <c r="H629890" s="12"/>
    </row>
    <row r="629891" spans="8:8">
      <c r="H629891" s="12"/>
    </row>
    <row r="629892" spans="8:8">
      <c r="H629892" s="12"/>
    </row>
    <row r="629893" spans="8:8">
      <c r="H629893" s="12"/>
    </row>
    <row r="629894" spans="8:8">
      <c r="H629894" s="12"/>
    </row>
    <row r="629895" spans="8:8">
      <c r="H629895" s="12"/>
    </row>
    <row r="629896" spans="8:8">
      <c r="H629896" s="12"/>
    </row>
    <row r="629897" spans="8:8">
      <c r="H629897" s="12"/>
    </row>
    <row r="629898" spans="8:8">
      <c r="H629898" s="12"/>
    </row>
    <row r="629899" spans="8:8">
      <c r="H629899" s="12"/>
    </row>
    <row r="629900" spans="8:8">
      <c r="H629900" s="12"/>
    </row>
    <row r="629901" spans="8:8">
      <c r="H629901" s="12"/>
    </row>
    <row r="629902" spans="8:8">
      <c r="H629902" s="12"/>
    </row>
    <row r="629903" spans="8:8">
      <c r="H629903" s="12"/>
    </row>
    <row r="629904" spans="8:8">
      <c r="H629904" s="12"/>
    </row>
    <row r="629905" spans="8:8">
      <c r="H629905" s="12"/>
    </row>
    <row r="629906" spans="8:8">
      <c r="H629906" s="12"/>
    </row>
    <row r="629907" spans="8:8">
      <c r="H629907" s="12"/>
    </row>
    <row r="629908" spans="8:8">
      <c r="H629908" s="12"/>
    </row>
    <row r="629909" spans="8:8">
      <c r="H629909" s="12"/>
    </row>
    <row r="629910" spans="8:8">
      <c r="H629910" s="12"/>
    </row>
    <row r="629911" spans="8:8">
      <c r="H629911" s="12"/>
    </row>
    <row r="629912" spans="8:8">
      <c r="H629912" s="12"/>
    </row>
    <row r="629913" spans="8:8">
      <c r="H629913" s="12"/>
    </row>
    <row r="629914" spans="8:8">
      <c r="H629914" s="12"/>
    </row>
    <row r="629915" spans="8:8">
      <c r="H629915" s="12"/>
    </row>
    <row r="629916" spans="8:8">
      <c r="H629916" s="12"/>
    </row>
    <row r="629917" spans="8:8">
      <c r="H629917" s="12"/>
    </row>
    <row r="629918" spans="8:8">
      <c r="H629918" s="12"/>
    </row>
    <row r="629919" spans="8:8">
      <c r="H629919" s="12"/>
    </row>
    <row r="629920" spans="8:8">
      <c r="H629920" s="12"/>
    </row>
    <row r="629921" spans="8:8">
      <c r="H629921" s="12"/>
    </row>
    <row r="629922" spans="8:8">
      <c r="H629922" s="12"/>
    </row>
    <row r="629923" spans="8:8">
      <c r="H629923" s="12"/>
    </row>
    <row r="629924" spans="8:8">
      <c r="H629924" s="12"/>
    </row>
    <row r="629925" spans="8:8">
      <c r="H629925" s="12"/>
    </row>
    <row r="629926" spans="8:8">
      <c r="H629926" s="12"/>
    </row>
    <row r="629927" spans="8:8">
      <c r="H629927" s="12"/>
    </row>
    <row r="629928" spans="8:8">
      <c r="H629928" s="12"/>
    </row>
    <row r="629929" spans="8:8">
      <c r="H629929" s="12"/>
    </row>
    <row r="629930" spans="8:8">
      <c r="H629930" s="12"/>
    </row>
    <row r="629931" spans="8:8">
      <c r="H629931" s="12"/>
    </row>
    <row r="629932" spans="8:8">
      <c r="H629932" s="12"/>
    </row>
    <row r="629933" spans="8:8">
      <c r="H629933" s="12"/>
    </row>
    <row r="629934" spans="8:8">
      <c r="H629934" s="12"/>
    </row>
    <row r="629935" spans="8:8">
      <c r="H629935" s="12"/>
    </row>
    <row r="629936" spans="8:8">
      <c r="H629936" s="12"/>
    </row>
    <row r="629937" spans="8:8">
      <c r="H629937" s="12"/>
    </row>
    <row r="629938" spans="8:8">
      <c r="H629938" s="12"/>
    </row>
    <row r="629939" spans="8:8">
      <c r="H629939" s="12"/>
    </row>
    <row r="629940" spans="8:8">
      <c r="H629940" s="12"/>
    </row>
    <row r="629941" spans="8:8">
      <c r="H629941" s="12"/>
    </row>
    <row r="629942" spans="8:8">
      <c r="H629942" s="12"/>
    </row>
    <row r="629943" spans="8:8">
      <c r="H629943" s="12"/>
    </row>
    <row r="629944" spans="8:8">
      <c r="H629944" s="12"/>
    </row>
    <row r="629945" spans="8:8">
      <c r="H629945" s="12"/>
    </row>
    <row r="629946" spans="8:8">
      <c r="H629946" s="12"/>
    </row>
    <row r="629947" spans="8:8">
      <c r="H629947" s="12"/>
    </row>
    <row r="629948" spans="8:8">
      <c r="H629948" s="12"/>
    </row>
    <row r="629949" spans="8:8">
      <c r="H629949" s="12"/>
    </row>
    <row r="629950" spans="8:8">
      <c r="H629950" s="12"/>
    </row>
    <row r="629951" spans="8:8">
      <c r="H629951" s="12"/>
    </row>
    <row r="629952" spans="8:8">
      <c r="H629952" s="12"/>
    </row>
    <row r="629953" spans="8:8">
      <c r="H629953" s="12"/>
    </row>
    <row r="629954" spans="8:8">
      <c r="H629954" s="12"/>
    </row>
    <row r="629955" spans="8:8">
      <c r="H629955" s="12"/>
    </row>
    <row r="629956" spans="8:8">
      <c r="H629956" s="12"/>
    </row>
    <row r="629957" spans="8:8">
      <c r="H629957" s="12"/>
    </row>
    <row r="629958" spans="8:8">
      <c r="H629958" s="12"/>
    </row>
    <row r="629959" spans="8:8">
      <c r="H629959" s="12"/>
    </row>
    <row r="629960" spans="8:8">
      <c r="H629960" s="12"/>
    </row>
    <row r="629961" spans="8:8">
      <c r="H629961" s="12"/>
    </row>
    <row r="629962" spans="8:8">
      <c r="H629962" s="12"/>
    </row>
    <row r="629963" spans="8:8">
      <c r="H629963" s="12"/>
    </row>
    <row r="629964" spans="8:8">
      <c r="H629964" s="12"/>
    </row>
    <row r="629965" spans="8:8">
      <c r="H629965" s="12"/>
    </row>
    <row r="629966" spans="8:8">
      <c r="H629966" s="12"/>
    </row>
    <row r="629967" spans="8:8">
      <c r="H629967" s="12"/>
    </row>
    <row r="629968" spans="8:8">
      <c r="H629968" s="12"/>
    </row>
    <row r="629969" spans="8:8">
      <c r="H629969" s="12"/>
    </row>
    <row r="629970" spans="8:8">
      <c r="H629970" s="12"/>
    </row>
    <row r="629971" spans="8:8">
      <c r="H629971" s="12"/>
    </row>
    <row r="629972" spans="8:8">
      <c r="H629972" s="12"/>
    </row>
    <row r="629973" spans="8:8">
      <c r="H629973" s="12"/>
    </row>
    <row r="629974" spans="8:8">
      <c r="H629974" s="12"/>
    </row>
    <row r="629975" spans="8:8">
      <c r="H629975" s="12"/>
    </row>
    <row r="629976" spans="8:8">
      <c r="H629976" s="12"/>
    </row>
    <row r="629977" spans="8:8">
      <c r="H629977" s="12"/>
    </row>
    <row r="629978" spans="8:8">
      <c r="H629978" s="12"/>
    </row>
    <row r="629979" spans="8:8">
      <c r="H629979" s="12"/>
    </row>
    <row r="629980" spans="8:8">
      <c r="H629980" s="12"/>
    </row>
    <row r="629981" spans="8:8">
      <c r="H629981" s="12"/>
    </row>
    <row r="629982" spans="8:8">
      <c r="H629982" s="12"/>
    </row>
    <row r="629983" spans="8:8">
      <c r="H629983" s="12"/>
    </row>
    <row r="629984" spans="8:8">
      <c r="H629984" s="12"/>
    </row>
    <row r="629985" spans="8:8">
      <c r="H629985" s="12"/>
    </row>
    <row r="629986" spans="8:8">
      <c r="H629986" s="12"/>
    </row>
    <row r="629987" spans="8:8">
      <c r="H629987" s="12"/>
    </row>
    <row r="629988" spans="8:8">
      <c r="H629988" s="12"/>
    </row>
    <row r="629989" spans="8:8">
      <c r="H629989" s="12"/>
    </row>
    <row r="629990" spans="8:8">
      <c r="H629990" s="12"/>
    </row>
    <row r="629991" spans="8:8">
      <c r="H629991" s="12"/>
    </row>
    <row r="629992" spans="8:8">
      <c r="H629992" s="12"/>
    </row>
    <row r="629993" spans="8:8">
      <c r="H629993" s="12"/>
    </row>
    <row r="629994" spans="8:8">
      <c r="H629994" s="12"/>
    </row>
    <row r="629995" spans="8:8">
      <c r="H629995" s="12"/>
    </row>
    <row r="629996" spans="8:8">
      <c r="H629996" s="12"/>
    </row>
    <row r="629997" spans="8:8">
      <c r="H629997" s="12"/>
    </row>
    <row r="629998" spans="8:8">
      <c r="H629998" s="12"/>
    </row>
    <row r="629999" spans="8:8">
      <c r="H629999" s="12"/>
    </row>
    <row r="630000" spans="8:8">
      <c r="H630000" s="12"/>
    </row>
    <row r="630001" spans="8:8">
      <c r="H630001" s="12"/>
    </row>
    <row r="630002" spans="8:8">
      <c r="H630002" s="12"/>
    </row>
    <row r="630003" spans="8:8">
      <c r="H630003" s="12"/>
    </row>
    <row r="630004" spans="8:8">
      <c r="H630004" s="12"/>
    </row>
    <row r="630005" spans="8:8">
      <c r="H630005" s="12"/>
    </row>
    <row r="630006" spans="8:8">
      <c r="H630006" s="12"/>
    </row>
    <row r="630007" spans="8:8">
      <c r="H630007" s="12"/>
    </row>
    <row r="630008" spans="8:8">
      <c r="H630008" s="12"/>
    </row>
    <row r="630009" spans="8:8">
      <c r="H630009" s="12"/>
    </row>
    <row r="630010" spans="8:8">
      <c r="H630010" s="12"/>
    </row>
    <row r="630011" spans="8:8">
      <c r="H630011" s="12"/>
    </row>
    <row r="630012" spans="8:8">
      <c r="H630012" s="12"/>
    </row>
    <row r="630013" spans="8:8">
      <c r="H630013" s="12"/>
    </row>
    <row r="630014" spans="8:8">
      <c r="H630014" s="12"/>
    </row>
    <row r="630015" spans="8:8">
      <c r="H630015" s="12"/>
    </row>
    <row r="630016" spans="8:8">
      <c r="H630016" s="12"/>
    </row>
    <row r="630017" spans="8:8">
      <c r="H630017" s="12"/>
    </row>
    <row r="630018" spans="8:8">
      <c r="H630018" s="12"/>
    </row>
    <row r="630019" spans="8:8">
      <c r="H630019" s="12"/>
    </row>
    <row r="630020" spans="8:8">
      <c r="H630020" s="12"/>
    </row>
    <row r="630021" spans="8:8">
      <c r="H630021" s="12"/>
    </row>
    <row r="630022" spans="8:8">
      <c r="H630022" s="12"/>
    </row>
    <row r="630023" spans="8:8">
      <c r="H630023" s="12"/>
    </row>
    <row r="630024" spans="8:8">
      <c r="H630024" s="12"/>
    </row>
    <row r="630025" spans="8:8">
      <c r="H630025" s="12"/>
    </row>
    <row r="630026" spans="8:8">
      <c r="H630026" s="12"/>
    </row>
    <row r="630027" spans="8:8">
      <c r="H630027" s="12"/>
    </row>
    <row r="630028" spans="8:8">
      <c r="H630028" s="12"/>
    </row>
    <row r="630029" spans="8:8">
      <c r="H630029" s="12"/>
    </row>
    <row r="630030" spans="8:8">
      <c r="H630030" s="12"/>
    </row>
    <row r="630031" spans="8:8">
      <c r="H630031" s="12"/>
    </row>
    <row r="630032" spans="8:8">
      <c r="H630032" s="12"/>
    </row>
    <row r="630033" spans="8:8">
      <c r="H630033" s="12"/>
    </row>
    <row r="630034" spans="8:8">
      <c r="H630034" s="12"/>
    </row>
    <row r="630035" spans="8:8">
      <c r="H630035" s="12"/>
    </row>
    <row r="630036" spans="8:8">
      <c r="H630036" s="12"/>
    </row>
    <row r="630037" spans="8:8">
      <c r="H630037" s="12"/>
    </row>
    <row r="630038" spans="8:8">
      <c r="H630038" s="12"/>
    </row>
    <row r="630039" spans="8:8">
      <c r="H630039" s="12"/>
    </row>
    <row r="630040" spans="8:8">
      <c r="H630040" s="12"/>
    </row>
    <row r="630041" spans="8:8">
      <c r="H630041" s="12"/>
    </row>
    <row r="630042" spans="8:8">
      <c r="H630042" s="12"/>
    </row>
    <row r="630043" spans="8:8">
      <c r="H630043" s="12"/>
    </row>
    <row r="630044" spans="8:8">
      <c r="H630044" s="12"/>
    </row>
    <row r="630045" spans="8:8">
      <c r="H630045" s="12"/>
    </row>
    <row r="630046" spans="8:8">
      <c r="H630046" s="12"/>
    </row>
    <row r="630047" spans="8:8">
      <c r="H630047" s="12"/>
    </row>
    <row r="630048" spans="8:8">
      <c r="H630048" s="12"/>
    </row>
    <row r="630049" spans="8:8">
      <c r="H630049" s="12"/>
    </row>
    <row r="630050" spans="8:8">
      <c r="H630050" s="12"/>
    </row>
    <row r="630051" spans="8:8">
      <c r="H630051" s="12"/>
    </row>
    <row r="630052" spans="8:8">
      <c r="H630052" s="12"/>
    </row>
    <row r="630053" spans="8:8">
      <c r="H630053" s="12"/>
    </row>
    <row r="630054" spans="8:8">
      <c r="H630054" s="12"/>
    </row>
    <row r="630055" spans="8:8">
      <c r="H630055" s="12"/>
    </row>
    <row r="630056" spans="8:8">
      <c r="H630056" s="12"/>
    </row>
    <row r="630057" spans="8:8">
      <c r="H630057" s="12"/>
    </row>
    <row r="630058" spans="8:8">
      <c r="H630058" s="12"/>
    </row>
    <row r="630059" spans="8:8">
      <c r="H630059" s="12"/>
    </row>
    <row r="630060" spans="8:8">
      <c r="H630060" s="12"/>
    </row>
    <row r="630061" spans="8:8">
      <c r="H630061" s="12"/>
    </row>
    <row r="630062" spans="8:8">
      <c r="H630062" s="12"/>
    </row>
    <row r="630063" spans="8:8">
      <c r="H630063" s="12"/>
    </row>
    <row r="630064" spans="8:8">
      <c r="H630064" s="12"/>
    </row>
    <row r="630065" spans="8:8">
      <c r="H630065" s="12"/>
    </row>
    <row r="630066" spans="8:8">
      <c r="H630066" s="12"/>
    </row>
    <row r="630067" spans="8:8">
      <c r="H630067" s="12"/>
    </row>
    <row r="630068" spans="8:8">
      <c r="H630068" s="12"/>
    </row>
    <row r="630069" spans="8:8">
      <c r="H630069" s="12"/>
    </row>
    <row r="630070" spans="8:8">
      <c r="H630070" s="12"/>
    </row>
    <row r="630071" spans="8:8">
      <c r="H630071" s="12"/>
    </row>
    <row r="630072" spans="8:8">
      <c r="H630072" s="12"/>
    </row>
    <row r="630073" spans="8:8">
      <c r="H630073" s="12"/>
    </row>
    <row r="630074" spans="8:8">
      <c r="H630074" s="12"/>
    </row>
    <row r="630075" spans="8:8">
      <c r="H630075" s="12"/>
    </row>
    <row r="630076" spans="8:8">
      <c r="H630076" s="12"/>
    </row>
    <row r="630077" spans="8:8">
      <c r="H630077" s="12"/>
    </row>
    <row r="630078" spans="8:8">
      <c r="H630078" s="12"/>
    </row>
    <row r="630079" spans="8:8">
      <c r="H630079" s="12"/>
    </row>
    <row r="630080" spans="8:8">
      <c r="H630080" s="12"/>
    </row>
    <row r="630081" spans="8:8">
      <c r="H630081" s="12"/>
    </row>
    <row r="630082" spans="8:8">
      <c r="H630082" s="12"/>
    </row>
    <row r="630083" spans="8:8">
      <c r="H630083" s="12"/>
    </row>
    <row r="630084" spans="8:8">
      <c r="H630084" s="12"/>
    </row>
    <row r="630085" spans="8:8">
      <c r="H630085" s="12"/>
    </row>
    <row r="630086" spans="8:8">
      <c r="H630086" s="12"/>
    </row>
    <row r="630087" spans="8:8">
      <c r="H630087" s="12"/>
    </row>
    <row r="630088" spans="8:8">
      <c r="H630088" s="12"/>
    </row>
    <row r="630089" spans="8:8">
      <c r="H630089" s="12"/>
    </row>
    <row r="630090" spans="8:8">
      <c r="H630090" s="12"/>
    </row>
    <row r="630091" spans="8:8">
      <c r="H630091" s="12"/>
    </row>
    <row r="630092" spans="8:8">
      <c r="H630092" s="12"/>
    </row>
    <row r="630093" spans="8:8">
      <c r="H630093" s="12"/>
    </row>
    <row r="630094" spans="8:8">
      <c r="H630094" s="12"/>
    </row>
    <row r="630095" spans="8:8">
      <c r="H630095" s="12"/>
    </row>
    <row r="630096" spans="8:8">
      <c r="H630096" s="12"/>
    </row>
    <row r="630097" spans="8:8">
      <c r="H630097" s="12"/>
    </row>
    <row r="630098" spans="8:8">
      <c r="H630098" s="12"/>
    </row>
    <row r="630099" spans="8:8">
      <c r="H630099" s="12"/>
    </row>
    <row r="630100" spans="8:8">
      <c r="H630100" s="12"/>
    </row>
    <row r="630101" spans="8:8">
      <c r="H630101" s="12"/>
    </row>
    <row r="630102" spans="8:8">
      <c r="H630102" s="12"/>
    </row>
    <row r="630103" spans="8:8">
      <c r="H630103" s="12"/>
    </row>
    <row r="630104" spans="8:8">
      <c r="H630104" s="12"/>
    </row>
    <row r="630105" spans="8:8">
      <c r="H630105" s="12"/>
    </row>
    <row r="630106" spans="8:8">
      <c r="H630106" s="12"/>
    </row>
    <row r="630107" spans="8:8">
      <c r="H630107" s="12"/>
    </row>
    <row r="630108" spans="8:8">
      <c r="H630108" s="12"/>
    </row>
    <row r="630109" spans="8:8">
      <c r="H630109" s="12"/>
    </row>
    <row r="630110" spans="8:8">
      <c r="H630110" s="12"/>
    </row>
    <row r="630111" spans="8:8">
      <c r="H630111" s="12"/>
    </row>
    <row r="630112" spans="8:8">
      <c r="H630112" s="12"/>
    </row>
    <row r="630113" spans="8:8">
      <c r="H630113" s="12"/>
    </row>
    <row r="630114" spans="8:8">
      <c r="H630114" s="12"/>
    </row>
    <row r="630115" spans="8:8">
      <c r="H630115" s="12"/>
    </row>
    <row r="630116" spans="8:8">
      <c r="H630116" s="12"/>
    </row>
    <row r="630117" spans="8:8">
      <c r="H630117" s="12"/>
    </row>
    <row r="630118" spans="8:8">
      <c r="H630118" s="12"/>
    </row>
    <row r="630119" spans="8:8">
      <c r="H630119" s="12"/>
    </row>
    <row r="630120" spans="8:8">
      <c r="H630120" s="12"/>
    </row>
    <row r="630121" spans="8:8">
      <c r="H630121" s="12"/>
    </row>
    <row r="630122" spans="8:8">
      <c r="H630122" s="12"/>
    </row>
    <row r="630123" spans="8:8">
      <c r="H630123" s="12"/>
    </row>
    <row r="630124" spans="8:8">
      <c r="H630124" s="12"/>
    </row>
    <row r="630125" spans="8:8">
      <c r="H630125" s="12"/>
    </row>
    <row r="630126" spans="8:8">
      <c r="H630126" s="12"/>
    </row>
    <row r="630127" spans="8:8">
      <c r="H630127" s="12"/>
    </row>
    <row r="630128" spans="8:8">
      <c r="H630128" s="12"/>
    </row>
    <row r="630129" spans="8:8">
      <c r="H630129" s="12"/>
    </row>
    <row r="630130" spans="8:8">
      <c r="H630130" s="12"/>
    </row>
    <row r="630131" spans="8:8">
      <c r="H630131" s="12"/>
    </row>
    <row r="630132" spans="8:8">
      <c r="H630132" s="12"/>
    </row>
    <row r="630133" spans="8:8">
      <c r="H630133" s="12"/>
    </row>
    <row r="630134" spans="8:8">
      <c r="H630134" s="12"/>
    </row>
    <row r="630135" spans="8:8">
      <c r="H630135" s="12"/>
    </row>
    <row r="630136" spans="8:8">
      <c r="H630136" s="12"/>
    </row>
    <row r="630137" spans="8:8">
      <c r="H630137" s="12"/>
    </row>
    <row r="630138" spans="8:8">
      <c r="H630138" s="12"/>
    </row>
    <row r="630139" spans="8:8">
      <c r="H630139" s="12"/>
    </row>
    <row r="630140" spans="8:8">
      <c r="H630140" s="12"/>
    </row>
    <row r="630141" spans="8:8">
      <c r="H630141" s="12"/>
    </row>
    <row r="630142" spans="8:8">
      <c r="H630142" s="12"/>
    </row>
    <row r="630143" spans="8:8">
      <c r="H630143" s="12"/>
    </row>
    <row r="630144" spans="8:8">
      <c r="H630144" s="12"/>
    </row>
    <row r="630145" spans="8:8">
      <c r="H630145" s="12"/>
    </row>
    <row r="630146" spans="8:8">
      <c r="H630146" s="12"/>
    </row>
    <row r="630147" spans="8:8">
      <c r="H630147" s="12"/>
    </row>
    <row r="630148" spans="8:8">
      <c r="H630148" s="12"/>
    </row>
    <row r="630149" spans="8:8">
      <c r="H630149" s="12"/>
    </row>
    <row r="630150" spans="8:8">
      <c r="H630150" s="12"/>
    </row>
    <row r="630151" spans="8:8">
      <c r="H630151" s="12"/>
    </row>
    <row r="630152" spans="8:8">
      <c r="H630152" s="12"/>
    </row>
    <row r="630153" spans="8:8">
      <c r="H630153" s="12"/>
    </row>
    <row r="630154" spans="8:8">
      <c r="H630154" s="12"/>
    </row>
    <row r="630155" spans="8:8">
      <c r="H630155" s="12"/>
    </row>
    <row r="630156" spans="8:8">
      <c r="H630156" s="12"/>
    </row>
    <row r="630157" spans="8:8">
      <c r="H630157" s="12"/>
    </row>
    <row r="630158" spans="8:8">
      <c r="H630158" s="12"/>
    </row>
    <row r="630159" spans="8:8">
      <c r="H630159" s="12"/>
    </row>
    <row r="630160" spans="8:8">
      <c r="H630160" s="12"/>
    </row>
    <row r="630161" spans="8:8">
      <c r="H630161" s="12"/>
    </row>
    <row r="630162" spans="8:8">
      <c r="H630162" s="12"/>
    </row>
    <row r="630163" spans="8:8">
      <c r="H630163" s="12"/>
    </row>
    <row r="630164" spans="8:8">
      <c r="H630164" s="12"/>
    </row>
    <row r="630165" spans="8:8">
      <c r="H630165" s="12"/>
    </row>
    <row r="630166" spans="8:8">
      <c r="H630166" s="12"/>
    </row>
    <row r="630167" spans="8:8">
      <c r="H630167" s="12"/>
    </row>
    <row r="630168" spans="8:8">
      <c r="H630168" s="12"/>
    </row>
    <row r="630169" spans="8:8">
      <c r="H630169" s="12"/>
    </row>
    <row r="630170" spans="8:8">
      <c r="H630170" s="12"/>
    </row>
    <row r="630171" spans="8:8">
      <c r="H630171" s="12"/>
    </row>
    <row r="630172" spans="8:8">
      <c r="H630172" s="12"/>
    </row>
    <row r="630173" spans="8:8">
      <c r="H630173" s="12"/>
    </row>
    <row r="630174" spans="8:8">
      <c r="H630174" s="12"/>
    </row>
    <row r="630175" spans="8:8">
      <c r="H630175" s="12"/>
    </row>
    <row r="630176" spans="8:8">
      <c r="H630176" s="12"/>
    </row>
    <row r="630177" spans="8:8">
      <c r="H630177" s="12"/>
    </row>
    <row r="630178" spans="8:8">
      <c r="H630178" s="12"/>
    </row>
    <row r="630179" spans="8:8">
      <c r="H630179" s="12"/>
    </row>
    <row r="630180" spans="8:8">
      <c r="H630180" s="12"/>
    </row>
    <row r="630181" spans="8:8">
      <c r="H630181" s="12"/>
    </row>
    <row r="630182" spans="8:8">
      <c r="H630182" s="12"/>
    </row>
    <row r="630183" spans="8:8">
      <c r="H630183" s="12"/>
    </row>
    <row r="630184" spans="8:8">
      <c r="H630184" s="12"/>
    </row>
    <row r="630185" spans="8:8">
      <c r="H630185" s="12"/>
    </row>
    <row r="630186" spans="8:8">
      <c r="H630186" s="12"/>
    </row>
    <row r="630187" spans="8:8">
      <c r="H630187" s="12"/>
    </row>
    <row r="630188" spans="8:8">
      <c r="H630188" s="12"/>
    </row>
    <row r="630189" spans="8:8">
      <c r="H630189" s="12"/>
    </row>
    <row r="630190" spans="8:8">
      <c r="H630190" s="12"/>
    </row>
    <row r="630191" spans="8:8">
      <c r="H630191" s="12"/>
    </row>
    <row r="630192" spans="8:8">
      <c r="H630192" s="12"/>
    </row>
    <row r="630193" spans="8:8">
      <c r="H630193" s="12"/>
    </row>
    <row r="630194" spans="8:8">
      <c r="H630194" s="12"/>
    </row>
    <row r="630195" spans="8:8">
      <c r="H630195" s="12"/>
    </row>
    <row r="630196" spans="8:8">
      <c r="H630196" s="12"/>
    </row>
    <row r="630197" spans="8:8">
      <c r="H630197" s="12"/>
    </row>
    <row r="630198" spans="8:8">
      <c r="H630198" s="12"/>
    </row>
    <row r="630199" spans="8:8">
      <c r="H630199" s="12"/>
    </row>
    <row r="630200" spans="8:8">
      <c r="H630200" s="12"/>
    </row>
    <row r="630201" spans="8:8">
      <c r="H630201" s="12"/>
    </row>
    <row r="630202" spans="8:8">
      <c r="H630202" s="12"/>
    </row>
    <row r="630203" spans="8:8">
      <c r="H630203" s="12"/>
    </row>
    <row r="630204" spans="8:8">
      <c r="H630204" s="12"/>
    </row>
    <row r="630205" spans="8:8">
      <c r="H630205" s="12"/>
    </row>
    <row r="630206" spans="8:8">
      <c r="H630206" s="12"/>
    </row>
    <row r="630207" spans="8:8">
      <c r="H630207" s="12"/>
    </row>
    <row r="630208" spans="8:8">
      <c r="H630208" s="12"/>
    </row>
    <row r="630209" spans="8:8">
      <c r="H630209" s="12"/>
    </row>
    <row r="630210" spans="8:8">
      <c r="H630210" s="12"/>
    </row>
    <row r="630211" spans="8:8">
      <c r="H630211" s="12"/>
    </row>
    <row r="630212" spans="8:8">
      <c r="H630212" s="12"/>
    </row>
    <row r="630213" spans="8:8">
      <c r="H630213" s="12"/>
    </row>
    <row r="630214" spans="8:8">
      <c r="H630214" s="12"/>
    </row>
    <row r="630215" spans="8:8">
      <c r="H630215" s="12"/>
    </row>
    <row r="630216" spans="8:8">
      <c r="H630216" s="12"/>
    </row>
    <row r="630217" spans="8:8">
      <c r="H630217" s="12"/>
    </row>
    <row r="630218" spans="8:8">
      <c r="H630218" s="12"/>
    </row>
    <row r="630219" spans="8:8">
      <c r="H630219" s="12"/>
    </row>
    <row r="630220" spans="8:8">
      <c r="H630220" s="12"/>
    </row>
    <row r="630221" spans="8:8">
      <c r="H630221" s="12"/>
    </row>
    <row r="630222" spans="8:8">
      <c r="H630222" s="12"/>
    </row>
    <row r="630223" spans="8:8">
      <c r="H630223" s="12"/>
    </row>
    <row r="630224" spans="8:8">
      <c r="H630224" s="12"/>
    </row>
    <row r="630225" spans="8:8">
      <c r="H630225" s="12"/>
    </row>
    <row r="630226" spans="8:8">
      <c r="H630226" s="12"/>
    </row>
    <row r="630227" spans="8:8">
      <c r="H630227" s="12"/>
    </row>
    <row r="630228" spans="8:8">
      <c r="H630228" s="12"/>
    </row>
    <row r="630229" spans="8:8">
      <c r="H630229" s="12"/>
    </row>
    <row r="630230" spans="8:8">
      <c r="H630230" s="12"/>
    </row>
    <row r="630231" spans="8:8">
      <c r="H630231" s="12"/>
    </row>
    <row r="630232" spans="8:8">
      <c r="H630232" s="12"/>
    </row>
    <row r="630233" spans="8:8">
      <c r="H630233" s="12"/>
    </row>
    <row r="630234" spans="8:8">
      <c r="H630234" s="12"/>
    </row>
    <row r="630235" spans="8:8">
      <c r="H630235" s="12"/>
    </row>
    <row r="630236" spans="8:8">
      <c r="H630236" s="12"/>
    </row>
    <row r="630237" spans="8:8">
      <c r="H630237" s="12"/>
    </row>
    <row r="630238" spans="8:8">
      <c r="H630238" s="12"/>
    </row>
    <row r="630239" spans="8:8">
      <c r="H630239" s="12"/>
    </row>
    <row r="630240" spans="8:8">
      <c r="H630240" s="12"/>
    </row>
    <row r="630241" spans="8:8">
      <c r="H630241" s="12"/>
    </row>
    <row r="630242" spans="8:8">
      <c r="H630242" s="12"/>
    </row>
    <row r="630243" spans="8:8">
      <c r="H630243" s="12"/>
    </row>
    <row r="630244" spans="8:8">
      <c r="H630244" s="12"/>
    </row>
    <row r="630245" spans="8:8">
      <c r="H630245" s="12"/>
    </row>
    <row r="630246" spans="8:8">
      <c r="H630246" s="12"/>
    </row>
    <row r="630247" spans="8:8">
      <c r="H630247" s="12"/>
    </row>
    <row r="630248" spans="8:8">
      <c r="H630248" s="12"/>
    </row>
    <row r="630249" spans="8:8">
      <c r="H630249" s="12"/>
    </row>
    <row r="630250" spans="8:8">
      <c r="H630250" s="12"/>
    </row>
    <row r="630251" spans="8:8">
      <c r="H630251" s="12"/>
    </row>
    <row r="630252" spans="8:8">
      <c r="H630252" s="12"/>
    </row>
    <row r="630253" spans="8:8">
      <c r="H630253" s="12"/>
    </row>
    <row r="630254" spans="8:8">
      <c r="H630254" s="12"/>
    </row>
    <row r="630255" spans="8:8">
      <c r="H630255" s="12"/>
    </row>
    <row r="630256" spans="8:8">
      <c r="H630256" s="12"/>
    </row>
    <row r="630257" spans="8:8">
      <c r="H630257" s="12"/>
    </row>
    <row r="630258" spans="8:8">
      <c r="H630258" s="12"/>
    </row>
    <row r="630259" spans="8:8">
      <c r="H630259" s="12"/>
    </row>
    <row r="630260" spans="8:8">
      <c r="H630260" s="12"/>
    </row>
    <row r="630261" spans="8:8">
      <c r="H630261" s="12"/>
    </row>
    <row r="630262" spans="8:8">
      <c r="H630262" s="12"/>
    </row>
    <row r="630263" spans="8:8">
      <c r="H630263" s="12"/>
    </row>
    <row r="630264" spans="8:8">
      <c r="H630264" s="12"/>
    </row>
    <row r="630265" spans="8:8">
      <c r="H630265" s="12"/>
    </row>
    <row r="630266" spans="8:8">
      <c r="H630266" s="12"/>
    </row>
    <row r="630267" spans="8:8">
      <c r="H630267" s="12"/>
    </row>
    <row r="630268" spans="8:8">
      <c r="H630268" s="12"/>
    </row>
    <row r="630269" spans="8:8">
      <c r="H630269" s="12"/>
    </row>
    <row r="630270" spans="8:8">
      <c r="H630270" s="12"/>
    </row>
    <row r="630271" spans="8:8">
      <c r="H630271" s="12"/>
    </row>
    <row r="630272" spans="8:8">
      <c r="H630272" s="12"/>
    </row>
    <row r="630273" spans="8:8">
      <c r="H630273" s="12"/>
    </row>
    <row r="630274" spans="8:8">
      <c r="H630274" s="12"/>
    </row>
    <row r="630275" spans="8:8">
      <c r="H630275" s="12"/>
    </row>
    <row r="630276" spans="8:8">
      <c r="H630276" s="12"/>
    </row>
    <row r="630277" spans="8:8">
      <c r="H630277" s="12"/>
    </row>
    <row r="630278" spans="8:8">
      <c r="H630278" s="12"/>
    </row>
    <row r="630279" spans="8:8">
      <c r="H630279" s="12"/>
    </row>
    <row r="630280" spans="8:8">
      <c r="H630280" s="12"/>
    </row>
    <row r="630281" spans="8:8">
      <c r="H630281" s="12"/>
    </row>
    <row r="630282" spans="8:8">
      <c r="H630282" s="12"/>
    </row>
    <row r="630283" spans="8:8">
      <c r="H630283" s="12"/>
    </row>
    <row r="630284" spans="8:8">
      <c r="H630284" s="12"/>
    </row>
    <row r="630285" spans="8:8">
      <c r="H630285" s="12"/>
    </row>
    <row r="630286" spans="8:8">
      <c r="H630286" s="12"/>
    </row>
    <row r="630287" spans="8:8">
      <c r="H630287" s="12"/>
    </row>
    <row r="630288" spans="8:8">
      <c r="H630288" s="12"/>
    </row>
    <row r="630289" spans="8:8">
      <c r="H630289" s="12"/>
    </row>
    <row r="630290" spans="8:8">
      <c r="H630290" s="12"/>
    </row>
    <row r="630291" spans="8:8">
      <c r="H630291" s="12"/>
    </row>
    <row r="630292" spans="8:8">
      <c r="H630292" s="12"/>
    </row>
    <row r="630293" spans="8:8">
      <c r="H630293" s="12"/>
    </row>
    <row r="630294" spans="8:8">
      <c r="H630294" s="12"/>
    </row>
    <row r="630295" spans="8:8">
      <c r="H630295" s="12"/>
    </row>
    <row r="630296" spans="8:8">
      <c r="H630296" s="12"/>
    </row>
    <row r="630297" spans="8:8">
      <c r="H630297" s="12"/>
    </row>
    <row r="630298" spans="8:8">
      <c r="H630298" s="12"/>
    </row>
    <row r="630299" spans="8:8">
      <c r="H630299" s="12"/>
    </row>
    <row r="630300" spans="8:8">
      <c r="H630300" s="12"/>
    </row>
    <row r="630301" spans="8:8">
      <c r="H630301" s="12"/>
    </row>
    <row r="630302" spans="8:8">
      <c r="H630302" s="12"/>
    </row>
    <row r="630303" spans="8:8">
      <c r="H630303" s="12"/>
    </row>
    <row r="630304" spans="8:8">
      <c r="H630304" s="12"/>
    </row>
    <row r="630305" spans="8:8">
      <c r="H630305" s="12"/>
    </row>
    <row r="630306" spans="8:8">
      <c r="H630306" s="12"/>
    </row>
    <row r="630307" spans="8:8">
      <c r="H630307" s="12"/>
    </row>
    <row r="630308" spans="8:8">
      <c r="H630308" s="12"/>
    </row>
    <row r="630309" spans="8:8">
      <c r="H630309" s="12"/>
    </row>
    <row r="630310" spans="8:8">
      <c r="H630310" s="12"/>
    </row>
    <row r="630311" spans="8:8">
      <c r="H630311" s="12"/>
    </row>
    <row r="630312" spans="8:8">
      <c r="H630312" s="12"/>
    </row>
    <row r="630313" spans="8:8">
      <c r="H630313" s="12"/>
    </row>
    <row r="630314" spans="8:8">
      <c r="H630314" s="12"/>
    </row>
    <row r="630315" spans="8:8">
      <c r="H630315" s="12"/>
    </row>
    <row r="630316" spans="8:8">
      <c r="H630316" s="12"/>
    </row>
    <row r="630317" spans="8:8">
      <c r="H630317" s="12"/>
    </row>
    <row r="630318" spans="8:8">
      <c r="H630318" s="12"/>
    </row>
    <row r="630319" spans="8:8">
      <c r="H630319" s="12"/>
    </row>
    <row r="630320" spans="8:8">
      <c r="H630320" s="12"/>
    </row>
    <row r="630321" spans="8:8">
      <c r="H630321" s="12"/>
    </row>
    <row r="630322" spans="8:8">
      <c r="H630322" s="12"/>
    </row>
    <row r="630323" spans="8:8">
      <c r="H630323" s="12"/>
    </row>
    <row r="630324" spans="8:8">
      <c r="H630324" s="12"/>
    </row>
    <row r="630325" spans="8:8">
      <c r="H630325" s="12"/>
    </row>
    <row r="630326" spans="8:8">
      <c r="H630326" s="12"/>
    </row>
    <row r="630327" spans="8:8">
      <c r="H630327" s="12"/>
    </row>
    <row r="630328" spans="8:8">
      <c r="H630328" s="12"/>
    </row>
    <row r="630329" spans="8:8">
      <c r="H630329" s="12"/>
    </row>
    <row r="630330" spans="8:8">
      <c r="H630330" s="12"/>
    </row>
    <row r="630331" spans="8:8">
      <c r="H630331" s="12"/>
    </row>
    <row r="630332" spans="8:8">
      <c r="H630332" s="12"/>
    </row>
    <row r="630333" spans="8:8">
      <c r="H630333" s="12"/>
    </row>
    <row r="630334" spans="8:8">
      <c r="H630334" s="12"/>
    </row>
    <row r="630335" spans="8:8">
      <c r="H630335" s="12"/>
    </row>
    <row r="630336" spans="8:8">
      <c r="H630336" s="12"/>
    </row>
    <row r="630337" spans="8:8">
      <c r="H630337" s="12"/>
    </row>
    <row r="630338" spans="8:8">
      <c r="H630338" s="12"/>
    </row>
    <row r="630339" spans="8:8">
      <c r="H630339" s="12"/>
    </row>
    <row r="630340" spans="8:8">
      <c r="H630340" s="12"/>
    </row>
    <row r="630341" spans="8:8">
      <c r="H630341" s="12"/>
    </row>
    <row r="630342" spans="8:8">
      <c r="H630342" s="12"/>
    </row>
    <row r="630343" spans="8:8">
      <c r="H630343" s="12"/>
    </row>
    <row r="630344" spans="8:8">
      <c r="H630344" s="12"/>
    </row>
    <row r="630345" spans="8:8">
      <c r="H630345" s="12"/>
    </row>
    <row r="630346" spans="8:8">
      <c r="H630346" s="12"/>
    </row>
    <row r="630347" spans="8:8">
      <c r="H630347" s="12"/>
    </row>
    <row r="630348" spans="8:8">
      <c r="H630348" s="12"/>
    </row>
    <row r="630349" spans="8:8">
      <c r="H630349" s="12"/>
    </row>
    <row r="630350" spans="8:8">
      <c r="H630350" s="12"/>
    </row>
    <row r="630351" spans="8:8">
      <c r="H630351" s="12"/>
    </row>
    <row r="630352" spans="8:8">
      <c r="H630352" s="12"/>
    </row>
    <row r="630353" spans="8:8">
      <c r="H630353" s="12"/>
    </row>
    <row r="630354" spans="8:8">
      <c r="H630354" s="12"/>
    </row>
    <row r="630355" spans="8:8">
      <c r="H630355" s="12"/>
    </row>
    <row r="630356" spans="8:8">
      <c r="H630356" s="12"/>
    </row>
    <row r="630357" spans="8:8">
      <c r="H630357" s="12"/>
    </row>
    <row r="630358" spans="8:8">
      <c r="H630358" s="12"/>
    </row>
    <row r="630359" spans="8:8">
      <c r="H630359" s="12"/>
    </row>
    <row r="630360" spans="8:8">
      <c r="H630360" s="12"/>
    </row>
    <row r="630361" spans="8:8">
      <c r="H630361" s="12"/>
    </row>
    <row r="630362" spans="8:8">
      <c r="H630362" s="12"/>
    </row>
    <row r="630363" spans="8:8">
      <c r="H630363" s="12"/>
    </row>
    <row r="630364" spans="8:8">
      <c r="H630364" s="12"/>
    </row>
    <row r="630365" spans="8:8">
      <c r="H630365" s="12"/>
    </row>
    <row r="630366" spans="8:8">
      <c r="H630366" s="12"/>
    </row>
    <row r="630367" spans="8:8">
      <c r="H630367" s="12"/>
    </row>
    <row r="630368" spans="8:8">
      <c r="H630368" s="12"/>
    </row>
    <row r="630369" spans="8:8">
      <c r="H630369" s="12"/>
    </row>
    <row r="630370" spans="8:8">
      <c r="H630370" s="12"/>
    </row>
    <row r="630371" spans="8:8">
      <c r="H630371" s="12"/>
    </row>
    <row r="630372" spans="8:8">
      <c r="H630372" s="12"/>
    </row>
    <row r="630373" spans="8:8">
      <c r="H630373" s="12"/>
    </row>
    <row r="630374" spans="8:8">
      <c r="H630374" s="12"/>
    </row>
    <row r="630375" spans="8:8">
      <c r="H630375" s="12"/>
    </row>
    <row r="630376" spans="8:8">
      <c r="H630376" s="12"/>
    </row>
    <row r="630377" spans="8:8">
      <c r="H630377" s="12"/>
    </row>
    <row r="630378" spans="8:8">
      <c r="H630378" s="12"/>
    </row>
    <row r="630379" spans="8:8">
      <c r="H630379" s="12"/>
    </row>
    <row r="630380" spans="8:8">
      <c r="H630380" s="12"/>
    </row>
    <row r="630381" spans="8:8">
      <c r="H630381" s="12"/>
    </row>
    <row r="630382" spans="8:8">
      <c r="H630382" s="12"/>
    </row>
    <row r="630383" spans="8:8">
      <c r="H630383" s="12"/>
    </row>
    <row r="630384" spans="8:8">
      <c r="H630384" s="12"/>
    </row>
    <row r="630385" spans="8:8">
      <c r="H630385" s="12"/>
    </row>
    <row r="630386" spans="8:8">
      <c r="H630386" s="12"/>
    </row>
    <row r="630387" spans="8:8">
      <c r="H630387" s="12"/>
    </row>
    <row r="630388" spans="8:8">
      <c r="H630388" s="12"/>
    </row>
    <row r="630389" spans="8:8">
      <c r="H630389" s="12"/>
    </row>
    <row r="630390" spans="8:8">
      <c r="H630390" s="12"/>
    </row>
    <row r="630391" spans="8:8">
      <c r="H630391" s="12"/>
    </row>
    <row r="630392" spans="8:8">
      <c r="H630392" s="12"/>
    </row>
    <row r="630393" spans="8:8">
      <c r="H630393" s="12"/>
    </row>
    <row r="630394" spans="8:8">
      <c r="H630394" s="12"/>
    </row>
    <row r="630395" spans="8:8">
      <c r="H630395" s="12"/>
    </row>
    <row r="630396" spans="8:8">
      <c r="H630396" s="12"/>
    </row>
    <row r="630397" spans="8:8">
      <c r="H630397" s="12"/>
    </row>
    <row r="630398" spans="8:8">
      <c r="H630398" s="12"/>
    </row>
    <row r="630399" spans="8:8">
      <c r="H630399" s="12"/>
    </row>
    <row r="630400" spans="8:8">
      <c r="H630400" s="12"/>
    </row>
    <row r="630401" spans="8:8">
      <c r="H630401" s="12"/>
    </row>
    <row r="630402" spans="8:8">
      <c r="H630402" s="12"/>
    </row>
    <row r="630403" spans="8:8">
      <c r="H630403" s="12"/>
    </row>
    <row r="630404" spans="8:8">
      <c r="H630404" s="12"/>
    </row>
    <row r="630405" spans="8:8">
      <c r="H630405" s="12"/>
    </row>
    <row r="630406" spans="8:8">
      <c r="H630406" s="12"/>
    </row>
    <row r="630407" spans="8:8">
      <c r="H630407" s="12"/>
    </row>
    <row r="630408" spans="8:8">
      <c r="H630408" s="12"/>
    </row>
    <row r="630409" spans="8:8">
      <c r="H630409" s="12"/>
    </row>
    <row r="630410" spans="8:8">
      <c r="H630410" s="12"/>
    </row>
    <row r="630411" spans="8:8">
      <c r="H630411" s="12"/>
    </row>
    <row r="630412" spans="8:8">
      <c r="H630412" s="12"/>
    </row>
    <row r="630413" spans="8:8">
      <c r="H630413" s="12"/>
    </row>
    <row r="630414" spans="8:8">
      <c r="H630414" s="12"/>
    </row>
    <row r="630415" spans="8:8">
      <c r="H630415" s="12"/>
    </row>
    <row r="630416" spans="8:8">
      <c r="H630416" s="12"/>
    </row>
    <row r="630417" spans="8:8">
      <c r="H630417" s="12"/>
    </row>
    <row r="630418" spans="8:8">
      <c r="H630418" s="12"/>
    </row>
    <row r="630419" spans="8:8">
      <c r="H630419" s="12"/>
    </row>
    <row r="630420" spans="8:8">
      <c r="H630420" s="12"/>
    </row>
    <row r="630421" spans="8:8">
      <c r="H630421" s="12"/>
    </row>
    <row r="630422" spans="8:8">
      <c r="H630422" s="12"/>
    </row>
    <row r="630423" spans="8:8">
      <c r="H630423" s="12"/>
    </row>
    <row r="630424" spans="8:8">
      <c r="H630424" s="12"/>
    </row>
    <row r="630425" spans="8:8">
      <c r="H630425" s="12"/>
    </row>
    <row r="630426" spans="8:8">
      <c r="H630426" s="12"/>
    </row>
    <row r="630427" spans="8:8">
      <c r="H630427" s="12"/>
    </row>
    <row r="630428" spans="8:8">
      <c r="H630428" s="12"/>
    </row>
    <row r="630429" spans="8:8">
      <c r="H630429" s="12"/>
    </row>
    <row r="630430" spans="8:8">
      <c r="H630430" s="12"/>
    </row>
    <row r="630431" spans="8:8">
      <c r="H630431" s="12"/>
    </row>
    <row r="630432" spans="8:8">
      <c r="H630432" s="12"/>
    </row>
    <row r="630433" spans="8:8">
      <c r="H630433" s="12"/>
    </row>
    <row r="630434" spans="8:8">
      <c r="H630434" s="12"/>
    </row>
    <row r="630435" spans="8:8">
      <c r="H630435" s="12"/>
    </row>
    <row r="630436" spans="8:8">
      <c r="H630436" s="12"/>
    </row>
    <row r="630437" spans="8:8">
      <c r="H630437" s="12"/>
    </row>
    <row r="630438" spans="8:8">
      <c r="H630438" s="12"/>
    </row>
    <row r="630439" spans="8:8">
      <c r="H630439" s="12"/>
    </row>
    <row r="630440" spans="8:8">
      <c r="H630440" s="12"/>
    </row>
    <row r="630441" spans="8:8">
      <c r="H630441" s="12"/>
    </row>
    <row r="630442" spans="8:8">
      <c r="H630442" s="12"/>
    </row>
    <row r="630443" spans="8:8">
      <c r="H630443" s="12"/>
    </row>
    <row r="630444" spans="8:8">
      <c r="H630444" s="12"/>
    </row>
    <row r="630445" spans="8:8">
      <c r="H630445" s="12"/>
    </row>
    <row r="630446" spans="8:8">
      <c r="H630446" s="12"/>
    </row>
    <row r="630447" spans="8:8">
      <c r="H630447" s="12"/>
    </row>
    <row r="630448" spans="8:8">
      <c r="H630448" s="12"/>
    </row>
    <row r="630449" spans="8:8">
      <c r="H630449" s="12"/>
    </row>
    <row r="630450" spans="8:8">
      <c r="H630450" s="12"/>
    </row>
    <row r="630451" spans="8:8">
      <c r="H630451" s="12"/>
    </row>
    <row r="630452" spans="8:8">
      <c r="H630452" s="12"/>
    </row>
    <row r="630453" spans="8:8">
      <c r="H630453" s="12"/>
    </row>
    <row r="630454" spans="8:8">
      <c r="H630454" s="12"/>
    </row>
    <row r="630455" spans="8:8">
      <c r="H630455" s="12"/>
    </row>
    <row r="630456" spans="8:8">
      <c r="H630456" s="12"/>
    </row>
    <row r="630457" spans="8:8">
      <c r="H630457" s="12"/>
    </row>
    <row r="630458" spans="8:8">
      <c r="H630458" s="12"/>
    </row>
    <row r="630459" spans="8:8">
      <c r="H630459" s="12"/>
    </row>
    <row r="630460" spans="8:8">
      <c r="H630460" s="12"/>
    </row>
    <row r="630461" spans="8:8">
      <c r="H630461" s="12"/>
    </row>
    <row r="630462" spans="8:8">
      <c r="H630462" s="12"/>
    </row>
    <row r="630463" spans="8:8">
      <c r="H630463" s="12"/>
    </row>
    <row r="630464" spans="8:8">
      <c r="H630464" s="12"/>
    </row>
    <row r="630465" spans="8:8">
      <c r="H630465" s="12"/>
    </row>
    <row r="630466" spans="8:8">
      <c r="H630466" s="12"/>
    </row>
    <row r="630467" spans="8:8">
      <c r="H630467" s="12"/>
    </row>
    <row r="630468" spans="8:8">
      <c r="H630468" s="12"/>
    </row>
    <row r="630469" spans="8:8">
      <c r="H630469" s="12"/>
    </row>
    <row r="630470" spans="8:8">
      <c r="H630470" s="12"/>
    </row>
    <row r="630471" spans="8:8">
      <c r="H630471" s="12"/>
    </row>
    <row r="630472" spans="8:8">
      <c r="H630472" s="12"/>
    </row>
    <row r="630473" spans="8:8">
      <c r="H630473" s="12"/>
    </row>
    <row r="630474" spans="8:8">
      <c r="H630474" s="12"/>
    </row>
    <row r="630475" spans="8:8">
      <c r="H630475" s="12"/>
    </row>
    <row r="630476" spans="8:8">
      <c r="H630476" s="12"/>
    </row>
    <row r="630477" spans="8:8">
      <c r="H630477" s="12"/>
    </row>
    <row r="630478" spans="8:8">
      <c r="H630478" s="12"/>
    </row>
    <row r="630479" spans="8:8">
      <c r="H630479" s="12"/>
    </row>
    <row r="630480" spans="8:8">
      <c r="H630480" s="12"/>
    </row>
    <row r="630481" spans="8:8">
      <c r="H630481" s="12"/>
    </row>
    <row r="630482" spans="8:8">
      <c r="H630482" s="12"/>
    </row>
    <row r="630483" spans="8:8">
      <c r="H630483" s="12"/>
    </row>
    <row r="630484" spans="8:8">
      <c r="H630484" s="12"/>
    </row>
    <row r="630485" spans="8:8">
      <c r="H630485" s="12"/>
    </row>
    <row r="630486" spans="8:8">
      <c r="H630486" s="12"/>
    </row>
    <row r="630487" spans="8:8">
      <c r="H630487" s="12"/>
    </row>
    <row r="630488" spans="8:8">
      <c r="H630488" s="12"/>
    </row>
    <row r="630489" spans="8:8">
      <c r="H630489" s="12"/>
    </row>
    <row r="630490" spans="8:8">
      <c r="H630490" s="12"/>
    </row>
    <row r="630491" spans="8:8">
      <c r="H630491" s="12"/>
    </row>
    <row r="630492" spans="8:8">
      <c r="H630492" s="12"/>
    </row>
    <row r="630493" spans="8:8">
      <c r="H630493" s="12"/>
    </row>
    <row r="630494" spans="8:8">
      <c r="H630494" s="12"/>
    </row>
    <row r="630495" spans="8:8">
      <c r="H630495" s="12"/>
    </row>
    <row r="630496" spans="8:8">
      <c r="H630496" s="12"/>
    </row>
    <row r="630497" spans="8:8">
      <c r="H630497" s="12"/>
    </row>
    <row r="630498" spans="8:8">
      <c r="H630498" s="12"/>
    </row>
    <row r="630499" spans="8:8">
      <c r="H630499" s="12"/>
    </row>
    <row r="630500" spans="8:8">
      <c r="H630500" s="12"/>
    </row>
    <row r="630501" spans="8:8">
      <c r="H630501" s="12"/>
    </row>
    <row r="630502" spans="8:8">
      <c r="H630502" s="12"/>
    </row>
    <row r="630503" spans="8:8">
      <c r="H630503" s="12"/>
    </row>
    <row r="630504" spans="8:8">
      <c r="H630504" s="12"/>
    </row>
    <row r="630505" spans="8:8">
      <c r="H630505" s="12"/>
    </row>
    <row r="630506" spans="8:8">
      <c r="H630506" s="12"/>
    </row>
    <row r="630507" spans="8:8">
      <c r="H630507" s="12"/>
    </row>
    <row r="630508" spans="8:8">
      <c r="H630508" s="12"/>
    </row>
    <row r="630509" spans="8:8">
      <c r="H630509" s="12"/>
    </row>
    <row r="630510" spans="8:8">
      <c r="H630510" s="12"/>
    </row>
    <row r="630511" spans="8:8">
      <c r="H630511" s="12"/>
    </row>
    <row r="630512" spans="8:8">
      <c r="H630512" s="12"/>
    </row>
    <row r="630513" spans="8:8">
      <c r="H630513" s="12"/>
    </row>
    <row r="630514" spans="8:8">
      <c r="H630514" s="12"/>
    </row>
    <row r="630515" spans="8:8">
      <c r="H630515" s="12"/>
    </row>
    <row r="630516" spans="8:8">
      <c r="H630516" s="12"/>
    </row>
    <row r="630517" spans="8:8">
      <c r="H630517" s="12"/>
    </row>
    <row r="630518" spans="8:8">
      <c r="H630518" s="12"/>
    </row>
    <row r="630519" spans="8:8">
      <c r="H630519" s="12"/>
    </row>
    <row r="630520" spans="8:8">
      <c r="H630520" s="12"/>
    </row>
    <row r="630521" spans="8:8">
      <c r="H630521" s="12"/>
    </row>
    <row r="630522" spans="8:8">
      <c r="H630522" s="12"/>
    </row>
    <row r="630523" spans="8:8">
      <c r="H630523" s="12"/>
    </row>
    <row r="630524" spans="8:8">
      <c r="H630524" s="12"/>
    </row>
    <row r="630525" spans="8:8">
      <c r="H630525" s="12"/>
    </row>
    <row r="630526" spans="8:8">
      <c r="H630526" s="12"/>
    </row>
    <row r="630527" spans="8:8">
      <c r="H630527" s="12"/>
    </row>
    <row r="630528" spans="8:8">
      <c r="H630528" s="12"/>
    </row>
    <row r="630529" spans="8:8">
      <c r="H630529" s="12"/>
    </row>
    <row r="630530" spans="8:8">
      <c r="H630530" s="12"/>
    </row>
    <row r="630531" spans="8:8">
      <c r="H630531" s="12"/>
    </row>
    <row r="630532" spans="8:8">
      <c r="H630532" s="12"/>
    </row>
    <row r="630533" spans="8:8">
      <c r="H630533" s="12"/>
    </row>
    <row r="630534" spans="8:8">
      <c r="H630534" s="12"/>
    </row>
    <row r="630535" spans="8:8">
      <c r="H630535" s="12"/>
    </row>
    <row r="630536" spans="8:8">
      <c r="H630536" s="12"/>
    </row>
    <row r="630537" spans="8:8">
      <c r="H630537" s="12"/>
    </row>
    <row r="630538" spans="8:8">
      <c r="H630538" s="12"/>
    </row>
    <row r="630539" spans="8:8">
      <c r="H630539" s="12"/>
    </row>
    <row r="630540" spans="8:8">
      <c r="H630540" s="12"/>
    </row>
    <row r="630541" spans="8:8">
      <c r="H630541" s="12"/>
    </row>
    <row r="630542" spans="8:8">
      <c r="H630542" s="12"/>
    </row>
    <row r="630543" spans="8:8">
      <c r="H630543" s="12"/>
    </row>
    <row r="630544" spans="8:8">
      <c r="H630544" s="12"/>
    </row>
    <row r="630545" spans="8:8">
      <c r="H630545" s="12"/>
    </row>
    <row r="630546" spans="8:8">
      <c r="H630546" s="12"/>
    </row>
    <row r="630547" spans="8:8">
      <c r="H630547" s="12"/>
    </row>
    <row r="630548" spans="8:8">
      <c r="H630548" s="12"/>
    </row>
    <row r="630549" spans="8:8">
      <c r="H630549" s="12"/>
    </row>
    <row r="630550" spans="8:8">
      <c r="H630550" s="12"/>
    </row>
    <row r="630551" spans="8:8">
      <c r="H630551" s="12"/>
    </row>
    <row r="630552" spans="8:8">
      <c r="H630552" s="12"/>
    </row>
    <row r="630553" spans="8:8">
      <c r="H630553" s="12"/>
    </row>
    <row r="630554" spans="8:8">
      <c r="H630554" s="12"/>
    </row>
    <row r="630555" spans="8:8">
      <c r="H630555" s="12"/>
    </row>
    <row r="630556" spans="8:8">
      <c r="H630556" s="12"/>
    </row>
    <row r="630557" spans="8:8">
      <c r="H630557" s="12"/>
    </row>
    <row r="630558" spans="8:8">
      <c r="H630558" s="12"/>
    </row>
    <row r="630559" spans="8:8">
      <c r="H630559" s="12"/>
    </row>
    <row r="630560" spans="8:8">
      <c r="H630560" s="12"/>
    </row>
    <row r="630561" spans="8:8">
      <c r="H630561" s="12"/>
    </row>
    <row r="630562" spans="8:8">
      <c r="H630562" s="12"/>
    </row>
    <row r="630563" spans="8:8">
      <c r="H630563" s="12"/>
    </row>
    <row r="630564" spans="8:8">
      <c r="H630564" s="12"/>
    </row>
    <row r="630565" spans="8:8">
      <c r="H630565" s="12"/>
    </row>
    <row r="630566" spans="8:8">
      <c r="H630566" s="12"/>
    </row>
    <row r="630567" spans="8:8">
      <c r="H630567" s="12"/>
    </row>
    <row r="630568" spans="8:8">
      <c r="H630568" s="12"/>
    </row>
    <row r="630569" spans="8:8">
      <c r="H630569" s="12"/>
    </row>
    <row r="630570" spans="8:8">
      <c r="H630570" s="12"/>
    </row>
    <row r="630571" spans="8:8">
      <c r="H630571" s="12"/>
    </row>
    <row r="630572" spans="8:8">
      <c r="H630572" s="12"/>
    </row>
    <row r="630573" spans="8:8">
      <c r="H630573" s="12"/>
    </row>
    <row r="630574" spans="8:8">
      <c r="H630574" s="12"/>
    </row>
    <row r="630575" spans="8:8">
      <c r="H630575" s="12"/>
    </row>
    <row r="630576" spans="8:8">
      <c r="H630576" s="12"/>
    </row>
    <row r="630577" spans="8:8">
      <c r="H630577" s="12"/>
    </row>
    <row r="630578" spans="8:8">
      <c r="H630578" s="12"/>
    </row>
    <row r="630579" spans="8:8">
      <c r="H630579" s="12"/>
    </row>
    <row r="630580" spans="8:8">
      <c r="H630580" s="12"/>
    </row>
    <row r="630581" spans="8:8">
      <c r="H630581" s="12"/>
    </row>
    <row r="630582" spans="8:8">
      <c r="H630582" s="12"/>
    </row>
    <row r="630583" spans="8:8">
      <c r="H630583" s="12"/>
    </row>
    <row r="630584" spans="8:8">
      <c r="H630584" s="12"/>
    </row>
    <row r="630585" spans="8:8">
      <c r="H630585" s="12"/>
    </row>
    <row r="630586" spans="8:8">
      <c r="H630586" s="12"/>
    </row>
    <row r="630587" spans="8:8">
      <c r="H630587" s="12"/>
    </row>
    <row r="630588" spans="8:8">
      <c r="H630588" s="12"/>
    </row>
    <row r="630589" spans="8:8">
      <c r="H630589" s="12"/>
    </row>
    <row r="630590" spans="8:8">
      <c r="H630590" s="12"/>
    </row>
    <row r="630591" spans="8:8">
      <c r="H630591" s="12"/>
    </row>
    <row r="630592" spans="8:8">
      <c r="H630592" s="12"/>
    </row>
    <row r="630593" spans="8:8">
      <c r="H630593" s="12"/>
    </row>
    <row r="630594" spans="8:8">
      <c r="H630594" s="12"/>
    </row>
    <row r="630595" spans="8:8">
      <c r="H630595" s="12"/>
    </row>
    <row r="630596" spans="8:8">
      <c r="H630596" s="12"/>
    </row>
    <row r="630597" spans="8:8">
      <c r="H630597" s="12"/>
    </row>
    <row r="630598" spans="8:8">
      <c r="H630598" s="12"/>
    </row>
    <row r="630599" spans="8:8">
      <c r="H630599" s="12"/>
    </row>
    <row r="630600" spans="8:8">
      <c r="H630600" s="12"/>
    </row>
    <row r="630601" spans="8:8">
      <c r="H630601" s="12"/>
    </row>
    <row r="630602" spans="8:8">
      <c r="H630602" s="12"/>
    </row>
    <row r="630603" spans="8:8">
      <c r="H630603" s="12"/>
    </row>
    <row r="630604" spans="8:8">
      <c r="H630604" s="12"/>
    </row>
    <row r="630605" spans="8:8">
      <c r="H630605" s="12"/>
    </row>
    <row r="630606" spans="8:8">
      <c r="H630606" s="12"/>
    </row>
    <row r="630607" spans="8:8">
      <c r="H630607" s="12"/>
    </row>
    <row r="630608" spans="8:8">
      <c r="H630608" s="12"/>
    </row>
    <row r="630609" spans="8:8">
      <c r="H630609" s="12"/>
    </row>
    <row r="630610" spans="8:8">
      <c r="H630610" s="12"/>
    </row>
    <row r="630611" spans="8:8">
      <c r="H630611" s="12"/>
    </row>
    <row r="630612" spans="8:8">
      <c r="H630612" s="12"/>
    </row>
    <row r="630613" spans="8:8">
      <c r="H630613" s="12"/>
    </row>
    <row r="630614" spans="8:8">
      <c r="H630614" s="12"/>
    </row>
    <row r="630615" spans="8:8">
      <c r="H630615" s="12"/>
    </row>
    <row r="630616" spans="8:8">
      <c r="H630616" s="12"/>
    </row>
    <row r="630617" spans="8:8">
      <c r="H630617" s="12"/>
    </row>
    <row r="630618" spans="8:8">
      <c r="H630618" s="12"/>
    </row>
    <row r="630619" spans="8:8">
      <c r="H630619" s="12"/>
    </row>
    <row r="630620" spans="8:8">
      <c r="H630620" s="12"/>
    </row>
    <row r="630621" spans="8:8">
      <c r="H630621" s="12"/>
    </row>
    <row r="630622" spans="8:8">
      <c r="H630622" s="12"/>
    </row>
    <row r="630623" spans="8:8">
      <c r="H630623" s="12"/>
    </row>
    <row r="630624" spans="8:8">
      <c r="H630624" s="12"/>
    </row>
    <row r="630625" spans="8:8">
      <c r="H630625" s="12"/>
    </row>
    <row r="630626" spans="8:8">
      <c r="H630626" s="12"/>
    </row>
    <row r="630627" spans="8:8">
      <c r="H630627" s="12"/>
    </row>
    <row r="630628" spans="8:8">
      <c r="H630628" s="12"/>
    </row>
    <row r="630629" spans="8:8">
      <c r="H630629" s="12"/>
    </row>
    <row r="630630" spans="8:8">
      <c r="H630630" s="12"/>
    </row>
    <row r="630631" spans="8:8">
      <c r="H630631" s="12"/>
    </row>
    <row r="630632" spans="8:8">
      <c r="H630632" s="12"/>
    </row>
    <row r="630633" spans="8:8">
      <c r="H630633" s="12"/>
    </row>
    <row r="630634" spans="8:8">
      <c r="H630634" s="12"/>
    </row>
    <row r="630635" spans="8:8">
      <c r="H630635" s="12"/>
    </row>
    <row r="630636" spans="8:8">
      <c r="H630636" s="12"/>
    </row>
    <row r="630637" spans="8:8">
      <c r="H630637" s="12"/>
    </row>
    <row r="630638" spans="8:8">
      <c r="H630638" s="12"/>
    </row>
    <row r="630639" spans="8:8">
      <c r="H630639" s="12"/>
    </row>
    <row r="630640" spans="8:8">
      <c r="H630640" s="12"/>
    </row>
    <row r="630641" spans="8:8">
      <c r="H630641" s="12"/>
    </row>
    <row r="630642" spans="8:8">
      <c r="H630642" s="12"/>
    </row>
    <row r="630643" spans="8:8">
      <c r="H630643" s="12"/>
    </row>
    <row r="630644" spans="8:8">
      <c r="H630644" s="12"/>
    </row>
    <row r="630645" spans="8:8">
      <c r="H630645" s="12"/>
    </row>
    <row r="630646" spans="8:8">
      <c r="H630646" s="12"/>
    </row>
    <row r="630647" spans="8:8">
      <c r="H630647" s="12"/>
    </row>
    <row r="630648" spans="8:8">
      <c r="H630648" s="12"/>
    </row>
    <row r="630649" spans="8:8">
      <c r="H630649" s="12"/>
    </row>
    <row r="630650" spans="8:8">
      <c r="H630650" s="12"/>
    </row>
    <row r="630651" spans="8:8">
      <c r="H630651" s="12"/>
    </row>
    <row r="630652" spans="8:8">
      <c r="H630652" s="12"/>
    </row>
    <row r="630653" spans="8:8">
      <c r="H630653" s="12"/>
    </row>
    <row r="630654" spans="8:8">
      <c r="H630654" s="12"/>
    </row>
    <row r="630655" spans="8:8">
      <c r="H630655" s="12"/>
    </row>
    <row r="630656" spans="8:8">
      <c r="H630656" s="12"/>
    </row>
    <row r="630657" spans="8:8">
      <c r="H630657" s="12"/>
    </row>
    <row r="630658" spans="8:8">
      <c r="H630658" s="12"/>
    </row>
    <row r="630659" spans="8:8">
      <c r="H630659" s="12"/>
    </row>
    <row r="630660" spans="8:8">
      <c r="H630660" s="12"/>
    </row>
    <row r="630661" spans="8:8">
      <c r="H630661" s="12"/>
    </row>
    <row r="630662" spans="8:8">
      <c r="H630662" s="12"/>
    </row>
    <row r="630663" spans="8:8">
      <c r="H630663" s="12"/>
    </row>
    <row r="630664" spans="8:8">
      <c r="H630664" s="12"/>
    </row>
    <row r="630665" spans="8:8">
      <c r="H630665" s="12"/>
    </row>
    <row r="630666" spans="8:8">
      <c r="H630666" s="12"/>
    </row>
    <row r="630667" spans="8:8">
      <c r="H630667" s="12"/>
    </row>
    <row r="630668" spans="8:8">
      <c r="H630668" s="12"/>
    </row>
    <row r="630669" spans="8:8">
      <c r="H630669" s="12"/>
    </row>
    <row r="630670" spans="8:8">
      <c r="H630670" s="12"/>
    </row>
    <row r="630671" spans="8:8">
      <c r="H630671" s="12"/>
    </row>
    <row r="630672" spans="8:8">
      <c r="H630672" s="12"/>
    </row>
    <row r="630673" spans="8:8">
      <c r="H630673" s="12"/>
    </row>
    <row r="630674" spans="8:8">
      <c r="H630674" s="12"/>
    </row>
    <row r="630675" spans="8:8">
      <c r="H630675" s="12"/>
    </row>
    <row r="630676" spans="8:8">
      <c r="H630676" s="12"/>
    </row>
    <row r="630677" spans="8:8">
      <c r="H630677" s="12"/>
    </row>
    <row r="630678" spans="8:8">
      <c r="H630678" s="12"/>
    </row>
    <row r="630679" spans="8:8">
      <c r="H630679" s="12"/>
    </row>
    <row r="630680" spans="8:8">
      <c r="H630680" s="12"/>
    </row>
    <row r="630681" spans="8:8">
      <c r="H630681" s="12"/>
    </row>
    <row r="630682" spans="8:8">
      <c r="H630682" s="12"/>
    </row>
    <row r="630683" spans="8:8">
      <c r="H630683" s="12"/>
    </row>
    <row r="630684" spans="8:8">
      <c r="H630684" s="12"/>
    </row>
    <row r="630685" spans="8:8">
      <c r="H630685" s="12"/>
    </row>
    <row r="630686" spans="8:8">
      <c r="H630686" s="12"/>
    </row>
    <row r="630687" spans="8:8">
      <c r="H630687" s="12"/>
    </row>
    <row r="630688" spans="8:8">
      <c r="H630688" s="12"/>
    </row>
    <row r="630689" spans="8:8">
      <c r="H630689" s="12"/>
    </row>
    <row r="630690" spans="8:8">
      <c r="H630690" s="12"/>
    </row>
    <row r="630691" spans="8:8">
      <c r="H630691" s="12"/>
    </row>
    <row r="630692" spans="8:8">
      <c r="H630692" s="12"/>
    </row>
    <row r="630693" spans="8:8">
      <c r="H630693" s="12"/>
    </row>
    <row r="630694" spans="8:8">
      <c r="H630694" s="12"/>
    </row>
    <row r="630695" spans="8:8">
      <c r="H630695" s="12"/>
    </row>
    <row r="630696" spans="8:8">
      <c r="H630696" s="12"/>
    </row>
    <row r="630697" spans="8:8">
      <c r="H630697" s="12"/>
    </row>
    <row r="630698" spans="8:8">
      <c r="H630698" s="12"/>
    </row>
    <row r="630699" spans="8:8">
      <c r="H630699" s="12"/>
    </row>
    <row r="630700" spans="8:8">
      <c r="H630700" s="12"/>
    </row>
    <row r="630701" spans="8:8">
      <c r="H630701" s="12"/>
    </row>
    <row r="630702" spans="8:8">
      <c r="H630702" s="12"/>
    </row>
    <row r="630703" spans="8:8">
      <c r="H630703" s="12"/>
    </row>
    <row r="630704" spans="8:8">
      <c r="H630704" s="12"/>
    </row>
    <row r="630705" spans="8:8">
      <c r="H630705" s="12"/>
    </row>
    <row r="630706" spans="8:8">
      <c r="H630706" s="12"/>
    </row>
    <row r="630707" spans="8:8">
      <c r="H630707" s="12"/>
    </row>
    <row r="630708" spans="8:8">
      <c r="H630708" s="12"/>
    </row>
    <row r="630709" spans="8:8">
      <c r="H630709" s="12"/>
    </row>
    <row r="630710" spans="8:8">
      <c r="H630710" s="12"/>
    </row>
    <row r="630711" spans="8:8">
      <c r="H630711" s="12"/>
    </row>
    <row r="630712" spans="8:8">
      <c r="H630712" s="12"/>
    </row>
    <row r="630713" spans="8:8">
      <c r="H630713" s="12"/>
    </row>
    <row r="630714" spans="8:8">
      <c r="H630714" s="12"/>
    </row>
    <row r="630715" spans="8:8">
      <c r="H630715" s="12"/>
    </row>
    <row r="630716" spans="8:8">
      <c r="H630716" s="12"/>
    </row>
    <row r="630717" spans="8:8">
      <c r="H630717" s="12"/>
    </row>
    <row r="630718" spans="8:8">
      <c r="H630718" s="12"/>
    </row>
    <row r="630719" spans="8:8">
      <c r="H630719" s="12"/>
    </row>
    <row r="630720" spans="8:8">
      <c r="H630720" s="12"/>
    </row>
    <row r="630721" spans="8:8">
      <c r="H630721" s="12"/>
    </row>
    <row r="630722" spans="8:8">
      <c r="H630722" s="12"/>
    </row>
    <row r="630723" spans="8:8">
      <c r="H630723" s="12"/>
    </row>
    <row r="630724" spans="8:8">
      <c r="H630724" s="12"/>
    </row>
    <row r="630725" spans="8:8">
      <c r="H630725" s="12"/>
    </row>
    <row r="630726" spans="8:8">
      <c r="H630726" s="12"/>
    </row>
    <row r="630727" spans="8:8">
      <c r="H630727" s="12"/>
    </row>
    <row r="630728" spans="8:8">
      <c r="H630728" s="12"/>
    </row>
    <row r="630729" spans="8:8">
      <c r="H630729" s="12"/>
    </row>
    <row r="630730" spans="8:8">
      <c r="H630730" s="12"/>
    </row>
    <row r="630731" spans="8:8">
      <c r="H630731" s="12"/>
    </row>
    <row r="630732" spans="8:8">
      <c r="H630732" s="12"/>
    </row>
    <row r="630733" spans="8:8">
      <c r="H630733" s="12"/>
    </row>
    <row r="630734" spans="8:8">
      <c r="H630734" s="12"/>
    </row>
    <row r="630735" spans="8:8">
      <c r="H630735" s="12"/>
    </row>
    <row r="630736" spans="8:8">
      <c r="H630736" s="12"/>
    </row>
    <row r="630737" spans="8:8">
      <c r="H630737" s="12"/>
    </row>
    <row r="630738" spans="8:8">
      <c r="H630738" s="12"/>
    </row>
    <row r="630739" spans="8:8">
      <c r="H630739" s="12"/>
    </row>
    <row r="630740" spans="8:8">
      <c r="H630740" s="12"/>
    </row>
    <row r="630741" spans="8:8">
      <c r="H630741" s="12"/>
    </row>
    <row r="630742" spans="8:8">
      <c r="H630742" s="12"/>
    </row>
    <row r="630743" spans="8:8">
      <c r="H630743" s="12"/>
    </row>
    <row r="630744" spans="8:8">
      <c r="H630744" s="12"/>
    </row>
    <row r="630745" spans="8:8">
      <c r="H630745" s="12"/>
    </row>
    <row r="630746" spans="8:8">
      <c r="H630746" s="12"/>
    </row>
    <row r="630747" spans="8:8">
      <c r="H630747" s="12"/>
    </row>
    <row r="630748" spans="8:8">
      <c r="H630748" s="12"/>
    </row>
    <row r="630749" spans="8:8">
      <c r="H630749" s="12"/>
    </row>
    <row r="630750" spans="8:8">
      <c r="H630750" s="12"/>
    </row>
    <row r="630751" spans="8:8">
      <c r="H630751" s="12"/>
    </row>
    <row r="630752" spans="8:8">
      <c r="H630752" s="12"/>
    </row>
    <row r="630753" spans="8:8">
      <c r="H630753" s="12"/>
    </row>
    <row r="630754" spans="8:8">
      <c r="H630754" s="12"/>
    </row>
    <row r="630755" spans="8:8">
      <c r="H630755" s="12"/>
    </row>
    <row r="630756" spans="8:8">
      <c r="H630756" s="12"/>
    </row>
    <row r="630757" spans="8:8">
      <c r="H630757" s="12"/>
    </row>
    <row r="630758" spans="8:8">
      <c r="H630758" s="12"/>
    </row>
    <row r="630759" spans="8:8">
      <c r="H630759" s="12"/>
    </row>
    <row r="630760" spans="8:8">
      <c r="H630760" s="12"/>
    </row>
    <row r="630761" spans="8:8">
      <c r="H630761" s="12"/>
    </row>
    <row r="630762" spans="8:8">
      <c r="H630762" s="12"/>
    </row>
    <row r="630763" spans="8:8">
      <c r="H630763" s="12"/>
    </row>
    <row r="630764" spans="8:8">
      <c r="H630764" s="12"/>
    </row>
    <row r="630765" spans="8:8">
      <c r="H630765" s="12"/>
    </row>
    <row r="630766" spans="8:8">
      <c r="H630766" s="12"/>
    </row>
    <row r="630767" spans="8:8">
      <c r="H630767" s="12"/>
    </row>
    <row r="630768" spans="8:8">
      <c r="H630768" s="12"/>
    </row>
    <row r="630769" spans="8:8">
      <c r="H630769" s="12"/>
    </row>
    <row r="630770" spans="8:8">
      <c r="H630770" s="12"/>
    </row>
    <row r="630771" spans="8:8">
      <c r="H630771" s="12"/>
    </row>
    <row r="630772" spans="8:8">
      <c r="H630772" s="12"/>
    </row>
    <row r="630773" spans="8:8">
      <c r="H630773" s="12"/>
    </row>
    <row r="630774" spans="8:8">
      <c r="H630774" s="12"/>
    </row>
    <row r="630775" spans="8:8">
      <c r="H630775" s="12"/>
    </row>
    <row r="630776" spans="8:8">
      <c r="H630776" s="12"/>
    </row>
    <row r="630777" spans="8:8">
      <c r="H630777" s="12"/>
    </row>
    <row r="630778" spans="8:8">
      <c r="H630778" s="12"/>
    </row>
    <row r="630779" spans="8:8">
      <c r="H630779" s="12"/>
    </row>
    <row r="630780" spans="8:8">
      <c r="H630780" s="12"/>
    </row>
    <row r="630781" spans="8:8">
      <c r="H630781" s="12"/>
    </row>
    <row r="630782" spans="8:8">
      <c r="H630782" s="12"/>
    </row>
    <row r="630783" spans="8:8">
      <c r="H630783" s="12"/>
    </row>
    <row r="630784" spans="8:8">
      <c r="H630784" s="12"/>
    </row>
    <row r="630785" spans="8:8">
      <c r="H630785" s="12"/>
    </row>
    <row r="630786" spans="8:8">
      <c r="H630786" s="12"/>
    </row>
    <row r="630787" spans="8:8">
      <c r="H630787" s="12"/>
    </row>
    <row r="630788" spans="8:8">
      <c r="H630788" s="12"/>
    </row>
    <row r="630789" spans="8:8">
      <c r="H630789" s="12"/>
    </row>
    <row r="630790" spans="8:8">
      <c r="H630790" s="12"/>
    </row>
    <row r="630791" spans="8:8">
      <c r="H630791" s="12"/>
    </row>
    <row r="630792" spans="8:8">
      <c r="H630792" s="12"/>
    </row>
    <row r="630793" spans="8:8">
      <c r="H630793" s="12"/>
    </row>
    <row r="630794" spans="8:8">
      <c r="H630794" s="12"/>
    </row>
    <row r="630795" spans="8:8">
      <c r="H630795" s="12"/>
    </row>
    <row r="630796" spans="8:8">
      <c r="H630796" s="12"/>
    </row>
    <row r="630797" spans="8:8">
      <c r="H630797" s="12"/>
    </row>
    <row r="630798" spans="8:8">
      <c r="H630798" s="12"/>
    </row>
    <row r="630799" spans="8:8">
      <c r="H630799" s="12"/>
    </row>
    <row r="630800" spans="8:8">
      <c r="H630800" s="12"/>
    </row>
    <row r="630801" spans="8:8">
      <c r="H630801" s="12"/>
    </row>
    <row r="630802" spans="8:8">
      <c r="H630802" s="12"/>
    </row>
    <row r="630803" spans="8:8">
      <c r="H630803" s="12"/>
    </row>
    <row r="630804" spans="8:8">
      <c r="H630804" s="12"/>
    </row>
    <row r="630805" spans="8:8">
      <c r="H630805" s="12"/>
    </row>
    <row r="630806" spans="8:8">
      <c r="H630806" s="12"/>
    </row>
    <row r="630807" spans="8:8">
      <c r="H630807" s="12"/>
    </row>
    <row r="630808" spans="8:8">
      <c r="H630808" s="12"/>
    </row>
    <row r="630809" spans="8:8">
      <c r="H630809" s="12"/>
    </row>
    <row r="630810" spans="8:8">
      <c r="H630810" s="12"/>
    </row>
    <row r="630811" spans="8:8">
      <c r="H630811" s="12"/>
    </row>
    <row r="630812" spans="8:8">
      <c r="H630812" s="12"/>
    </row>
    <row r="630813" spans="8:8">
      <c r="H630813" s="12"/>
    </row>
    <row r="630814" spans="8:8">
      <c r="H630814" s="12"/>
    </row>
    <row r="630815" spans="8:8">
      <c r="H630815" s="12"/>
    </row>
    <row r="630816" spans="8:8">
      <c r="H630816" s="12"/>
    </row>
    <row r="630817" spans="8:8">
      <c r="H630817" s="12"/>
    </row>
    <row r="630818" spans="8:8">
      <c r="H630818" s="12"/>
    </row>
    <row r="630819" spans="8:8">
      <c r="H630819" s="12"/>
    </row>
    <row r="630820" spans="8:8">
      <c r="H630820" s="12"/>
    </row>
    <row r="630821" spans="8:8">
      <c r="H630821" s="12"/>
    </row>
    <row r="630822" spans="8:8">
      <c r="H630822" s="12"/>
    </row>
    <row r="630823" spans="8:8">
      <c r="H630823" s="12"/>
    </row>
    <row r="630824" spans="8:8">
      <c r="H630824" s="12"/>
    </row>
    <row r="630825" spans="8:8">
      <c r="H630825" s="12"/>
    </row>
    <row r="630826" spans="8:8">
      <c r="H630826" s="12"/>
    </row>
    <row r="630827" spans="8:8">
      <c r="H630827" s="12"/>
    </row>
    <row r="630828" spans="8:8">
      <c r="H630828" s="12"/>
    </row>
    <row r="630829" spans="8:8">
      <c r="H630829" s="12"/>
    </row>
    <row r="630830" spans="8:8">
      <c r="H630830" s="12"/>
    </row>
    <row r="630831" spans="8:8">
      <c r="H630831" s="12"/>
    </row>
    <row r="630832" spans="8:8">
      <c r="H630832" s="12"/>
    </row>
    <row r="630833" spans="8:8">
      <c r="H630833" s="12"/>
    </row>
    <row r="630834" spans="8:8">
      <c r="H630834" s="12"/>
    </row>
    <row r="630835" spans="8:8">
      <c r="H630835" s="12"/>
    </row>
    <row r="630836" spans="8:8">
      <c r="H630836" s="12"/>
    </row>
    <row r="630837" spans="8:8">
      <c r="H630837" s="12"/>
    </row>
    <row r="630838" spans="8:8">
      <c r="H630838" s="12"/>
    </row>
    <row r="630839" spans="8:8">
      <c r="H630839" s="12"/>
    </row>
    <row r="630840" spans="8:8">
      <c r="H630840" s="12"/>
    </row>
    <row r="630841" spans="8:8">
      <c r="H630841" s="12"/>
    </row>
    <row r="630842" spans="8:8">
      <c r="H630842" s="12"/>
    </row>
    <row r="630843" spans="8:8">
      <c r="H630843" s="12"/>
    </row>
    <row r="630844" spans="8:8">
      <c r="H630844" s="12"/>
    </row>
    <row r="630845" spans="8:8">
      <c r="H630845" s="12"/>
    </row>
    <row r="630846" spans="8:8">
      <c r="H630846" s="12"/>
    </row>
    <row r="630847" spans="8:8">
      <c r="H630847" s="12"/>
    </row>
    <row r="630848" spans="8:8">
      <c r="H630848" s="12"/>
    </row>
    <row r="630849" spans="8:8">
      <c r="H630849" s="12"/>
    </row>
    <row r="630850" spans="8:8">
      <c r="H630850" s="12"/>
    </row>
    <row r="630851" spans="8:8">
      <c r="H630851" s="12"/>
    </row>
    <row r="630852" spans="8:8">
      <c r="H630852" s="12"/>
    </row>
    <row r="630853" spans="8:8">
      <c r="H630853" s="12"/>
    </row>
    <row r="630854" spans="8:8">
      <c r="H630854" s="12"/>
    </row>
    <row r="630855" spans="8:8">
      <c r="H630855" s="12"/>
    </row>
    <row r="630856" spans="8:8">
      <c r="H630856" s="12"/>
    </row>
    <row r="630857" spans="8:8">
      <c r="H630857" s="12"/>
    </row>
    <row r="630858" spans="8:8">
      <c r="H630858" s="12"/>
    </row>
    <row r="630859" spans="8:8">
      <c r="H630859" s="12"/>
    </row>
    <row r="630860" spans="8:8">
      <c r="H630860" s="12"/>
    </row>
    <row r="630861" spans="8:8">
      <c r="H630861" s="12"/>
    </row>
    <row r="630862" spans="8:8">
      <c r="H630862" s="12"/>
    </row>
    <row r="630863" spans="8:8">
      <c r="H630863" s="12"/>
    </row>
    <row r="630864" spans="8:8">
      <c r="H630864" s="12"/>
    </row>
    <row r="630865" spans="8:8">
      <c r="H630865" s="12"/>
    </row>
    <row r="630866" spans="8:8">
      <c r="H630866" s="12"/>
    </row>
    <row r="630867" spans="8:8">
      <c r="H630867" s="12"/>
    </row>
    <row r="630868" spans="8:8">
      <c r="H630868" s="12"/>
    </row>
    <row r="630869" spans="8:8">
      <c r="H630869" s="12"/>
    </row>
    <row r="630870" spans="8:8">
      <c r="H630870" s="12"/>
    </row>
    <row r="630871" spans="8:8">
      <c r="H630871" s="12"/>
    </row>
    <row r="630872" spans="8:8">
      <c r="H630872" s="12"/>
    </row>
    <row r="630873" spans="8:8">
      <c r="H630873" s="12"/>
    </row>
    <row r="630874" spans="8:8">
      <c r="H630874" s="12"/>
    </row>
    <row r="630875" spans="8:8">
      <c r="H630875" s="12"/>
    </row>
    <row r="630876" spans="8:8">
      <c r="H630876" s="12"/>
    </row>
    <row r="630877" spans="8:8">
      <c r="H630877" s="12"/>
    </row>
    <row r="630878" spans="8:8">
      <c r="H630878" s="12"/>
    </row>
    <row r="630879" spans="8:8">
      <c r="H630879" s="12"/>
    </row>
    <row r="630880" spans="8:8">
      <c r="H630880" s="12"/>
    </row>
    <row r="630881" spans="8:8">
      <c r="H630881" s="12"/>
    </row>
    <row r="630882" spans="8:8">
      <c r="H630882" s="12"/>
    </row>
    <row r="630883" spans="8:8">
      <c r="H630883" s="12"/>
    </row>
    <row r="630884" spans="8:8">
      <c r="H630884" s="12"/>
    </row>
    <row r="630885" spans="8:8">
      <c r="H630885" s="12"/>
    </row>
    <row r="630886" spans="8:8">
      <c r="H630886" s="12"/>
    </row>
    <row r="630887" spans="8:8">
      <c r="H630887" s="12"/>
    </row>
    <row r="630888" spans="8:8">
      <c r="H630888" s="12"/>
    </row>
    <row r="630889" spans="8:8">
      <c r="H630889" s="12"/>
    </row>
    <row r="630890" spans="8:8">
      <c r="H630890" s="12"/>
    </row>
    <row r="630891" spans="8:8">
      <c r="H630891" s="12"/>
    </row>
    <row r="630892" spans="8:8">
      <c r="H630892" s="12"/>
    </row>
    <row r="630893" spans="8:8">
      <c r="H630893" s="12"/>
    </row>
    <row r="630894" spans="8:8">
      <c r="H630894" s="12"/>
    </row>
    <row r="630895" spans="8:8">
      <c r="H630895" s="12"/>
    </row>
    <row r="630896" spans="8:8">
      <c r="H630896" s="12"/>
    </row>
    <row r="630897" spans="8:8">
      <c r="H630897" s="12"/>
    </row>
    <row r="630898" spans="8:8">
      <c r="H630898" s="12"/>
    </row>
    <row r="630899" spans="8:8">
      <c r="H630899" s="12"/>
    </row>
    <row r="630900" spans="8:8">
      <c r="H630900" s="12"/>
    </row>
    <row r="630901" spans="8:8">
      <c r="H630901" s="12"/>
    </row>
    <row r="630902" spans="8:8">
      <c r="H630902" s="12"/>
    </row>
    <row r="630903" spans="8:8">
      <c r="H630903" s="12"/>
    </row>
    <row r="630904" spans="8:8">
      <c r="H630904" s="12"/>
    </row>
    <row r="630905" spans="8:8">
      <c r="H630905" s="12"/>
    </row>
    <row r="630906" spans="8:8">
      <c r="H630906" s="12"/>
    </row>
    <row r="630907" spans="8:8">
      <c r="H630907" s="12"/>
    </row>
    <row r="630908" spans="8:8">
      <c r="H630908" s="12"/>
    </row>
    <row r="630909" spans="8:8">
      <c r="H630909" s="12"/>
    </row>
    <row r="630910" spans="8:8">
      <c r="H630910" s="12"/>
    </row>
    <row r="630911" spans="8:8">
      <c r="H630911" s="12"/>
    </row>
    <row r="630912" spans="8:8">
      <c r="H630912" s="12"/>
    </row>
    <row r="630913" spans="8:8">
      <c r="H630913" s="12"/>
    </row>
    <row r="630914" spans="8:8">
      <c r="H630914" s="12"/>
    </row>
    <row r="630915" spans="8:8">
      <c r="H630915" s="12"/>
    </row>
    <row r="630916" spans="8:8">
      <c r="H630916" s="12"/>
    </row>
    <row r="630917" spans="8:8">
      <c r="H630917" s="12"/>
    </row>
    <row r="630918" spans="8:8">
      <c r="H630918" s="12"/>
    </row>
    <row r="630919" spans="8:8">
      <c r="H630919" s="12"/>
    </row>
    <row r="630920" spans="8:8">
      <c r="H630920" s="12"/>
    </row>
    <row r="630921" spans="8:8">
      <c r="H630921" s="12"/>
    </row>
    <row r="630922" spans="8:8">
      <c r="H630922" s="12"/>
    </row>
    <row r="630923" spans="8:8">
      <c r="H630923" s="12"/>
    </row>
    <row r="630924" spans="8:8">
      <c r="H630924" s="12"/>
    </row>
    <row r="630925" spans="8:8">
      <c r="H630925" s="12"/>
    </row>
    <row r="630926" spans="8:8">
      <c r="H630926" s="12"/>
    </row>
    <row r="630927" spans="8:8">
      <c r="H630927" s="12"/>
    </row>
    <row r="630928" spans="8:8">
      <c r="H630928" s="12"/>
    </row>
    <row r="630929" spans="8:8">
      <c r="H630929" s="12"/>
    </row>
    <row r="630930" spans="8:8">
      <c r="H630930" s="12"/>
    </row>
    <row r="630931" spans="8:8">
      <c r="H630931" s="12"/>
    </row>
    <row r="630932" spans="8:8">
      <c r="H630932" s="12"/>
    </row>
    <row r="630933" spans="8:8">
      <c r="H630933" s="12"/>
    </row>
    <row r="630934" spans="8:8">
      <c r="H630934" s="12"/>
    </row>
    <row r="630935" spans="8:8">
      <c r="H630935" s="12"/>
    </row>
    <row r="630936" spans="8:8">
      <c r="H630936" s="12"/>
    </row>
    <row r="630937" spans="8:8">
      <c r="H630937" s="12"/>
    </row>
    <row r="630938" spans="8:8">
      <c r="H630938" s="12"/>
    </row>
    <row r="630939" spans="8:8">
      <c r="H630939" s="12"/>
    </row>
    <row r="630940" spans="8:8">
      <c r="H630940" s="12"/>
    </row>
    <row r="630941" spans="8:8">
      <c r="H630941" s="12"/>
    </row>
    <row r="630942" spans="8:8">
      <c r="H630942" s="12"/>
    </row>
    <row r="630943" spans="8:8">
      <c r="H630943" s="12"/>
    </row>
    <row r="630944" spans="8:8">
      <c r="H630944" s="12"/>
    </row>
    <row r="630945" spans="8:8">
      <c r="H630945" s="12"/>
    </row>
    <row r="630946" spans="8:8">
      <c r="H630946" s="12"/>
    </row>
    <row r="630947" spans="8:8">
      <c r="H630947" s="12"/>
    </row>
    <row r="630948" spans="8:8">
      <c r="H630948" s="12"/>
    </row>
    <row r="630949" spans="8:8">
      <c r="H630949" s="12"/>
    </row>
    <row r="630950" spans="8:8">
      <c r="H630950" s="12"/>
    </row>
    <row r="630951" spans="8:8">
      <c r="H630951" s="12"/>
    </row>
    <row r="630952" spans="8:8">
      <c r="H630952" s="12"/>
    </row>
    <row r="630953" spans="8:8">
      <c r="H630953" s="12"/>
    </row>
    <row r="630954" spans="8:8">
      <c r="H630954" s="12"/>
    </row>
    <row r="630955" spans="8:8">
      <c r="H630955" s="12"/>
    </row>
    <row r="630956" spans="8:8">
      <c r="H630956" s="12"/>
    </row>
    <row r="630957" spans="8:8">
      <c r="H630957" s="12"/>
    </row>
    <row r="630958" spans="8:8">
      <c r="H630958" s="12"/>
    </row>
    <row r="630959" spans="8:8">
      <c r="H630959" s="12"/>
    </row>
    <row r="630960" spans="8:8">
      <c r="H630960" s="12"/>
    </row>
    <row r="630961" spans="8:8">
      <c r="H630961" s="12"/>
    </row>
    <row r="630962" spans="8:8">
      <c r="H630962" s="12"/>
    </row>
    <row r="630963" spans="8:8">
      <c r="H630963" s="12"/>
    </row>
    <row r="630964" spans="8:8">
      <c r="H630964" s="12"/>
    </row>
    <row r="630965" spans="8:8">
      <c r="H630965" s="12"/>
    </row>
    <row r="630966" spans="8:8">
      <c r="H630966" s="12"/>
    </row>
    <row r="630967" spans="8:8">
      <c r="H630967" s="12"/>
    </row>
    <row r="630968" spans="8:8">
      <c r="H630968" s="12"/>
    </row>
    <row r="630969" spans="8:8">
      <c r="H630969" s="12"/>
    </row>
    <row r="630970" spans="8:8">
      <c r="H630970" s="12"/>
    </row>
    <row r="630971" spans="8:8">
      <c r="H630971" s="12"/>
    </row>
    <row r="630972" spans="8:8">
      <c r="H630972" s="12"/>
    </row>
    <row r="630973" spans="8:8">
      <c r="H630973" s="12"/>
    </row>
    <row r="630974" spans="8:8">
      <c r="H630974" s="12"/>
    </row>
    <row r="630975" spans="8:8">
      <c r="H630975" s="12"/>
    </row>
    <row r="630976" spans="8:8">
      <c r="H630976" s="12"/>
    </row>
    <row r="630977" spans="8:8">
      <c r="H630977" s="12"/>
    </row>
    <row r="630978" spans="8:8">
      <c r="H630978" s="12"/>
    </row>
    <row r="630979" spans="8:8">
      <c r="H630979" s="12"/>
    </row>
    <row r="630980" spans="8:8">
      <c r="H630980" s="12"/>
    </row>
    <row r="630981" spans="8:8">
      <c r="H630981" s="12"/>
    </row>
    <row r="630982" spans="8:8">
      <c r="H630982" s="12"/>
    </row>
    <row r="630983" spans="8:8">
      <c r="H630983" s="12"/>
    </row>
    <row r="630984" spans="8:8">
      <c r="H630984" s="12"/>
    </row>
    <row r="630985" spans="8:8">
      <c r="H630985" s="12"/>
    </row>
    <row r="630986" spans="8:8">
      <c r="H630986" s="12"/>
    </row>
    <row r="630987" spans="8:8">
      <c r="H630987" s="12"/>
    </row>
    <row r="630988" spans="8:8">
      <c r="H630988" s="12"/>
    </row>
    <row r="630989" spans="8:8">
      <c r="H630989" s="12"/>
    </row>
    <row r="630990" spans="8:8">
      <c r="H630990" s="12"/>
    </row>
    <row r="630991" spans="8:8">
      <c r="H630991" s="12"/>
    </row>
    <row r="630992" spans="8:8">
      <c r="H630992" s="12"/>
    </row>
    <row r="630993" spans="8:8">
      <c r="H630993" s="12"/>
    </row>
    <row r="630994" spans="8:8">
      <c r="H630994" s="12"/>
    </row>
    <row r="630995" spans="8:8">
      <c r="H630995" s="12"/>
    </row>
    <row r="630996" spans="8:8">
      <c r="H630996" s="12"/>
    </row>
    <row r="630997" spans="8:8">
      <c r="H630997" s="12"/>
    </row>
    <row r="630998" spans="8:8">
      <c r="H630998" s="12"/>
    </row>
    <row r="630999" spans="8:8">
      <c r="H630999" s="12"/>
    </row>
    <row r="631000" spans="8:8">
      <c r="H631000" s="12"/>
    </row>
    <row r="631001" spans="8:8">
      <c r="H631001" s="12"/>
    </row>
    <row r="631002" spans="8:8">
      <c r="H631002" s="12"/>
    </row>
    <row r="631003" spans="8:8">
      <c r="H631003" s="12"/>
    </row>
    <row r="631004" spans="8:8">
      <c r="H631004" s="12"/>
    </row>
    <row r="631005" spans="8:8">
      <c r="H631005" s="12"/>
    </row>
    <row r="631006" spans="8:8">
      <c r="H631006" s="12"/>
    </row>
    <row r="631007" spans="8:8">
      <c r="H631007" s="12"/>
    </row>
    <row r="631008" spans="8:8">
      <c r="H631008" s="12"/>
    </row>
    <row r="631009" spans="8:8">
      <c r="H631009" s="12"/>
    </row>
    <row r="631010" spans="8:8">
      <c r="H631010" s="12"/>
    </row>
    <row r="631011" spans="8:8">
      <c r="H631011" s="12"/>
    </row>
    <row r="631012" spans="8:8">
      <c r="H631012" s="12"/>
    </row>
    <row r="631013" spans="8:8">
      <c r="H631013" s="12"/>
    </row>
    <row r="631014" spans="8:8">
      <c r="H631014" s="12"/>
    </row>
    <row r="631015" spans="8:8">
      <c r="H631015" s="12"/>
    </row>
    <row r="631016" spans="8:8">
      <c r="H631016" s="12"/>
    </row>
    <row r="631017" spans="8:8">
      <c r="H631017" s="12"/>
    </row>
    <row r="631018" spans="8:8">
      <c r="H631018" s="12"/>
    </row>
    <row r="631019" spans="8:8">
      <c r="H631019" s="12"/>
    </row>
    <row r="631020" spans="8:8">
      <c r="H631020" s="12"/>
    </row>
    <row r="631021" spans="8:8">
      <c r="H631021" s="12"/>
    </row>
    <row r="631022" spans="8:8">
      <c r="H631022" s="12"/>
    </row>
    <row r="631023" spans="8:8">
      <c r="H631023" s="12"/>
    </row>
    <row r="631024" spans="8:8">
      <c r="H631024" s="12"/>
    </row>
    <row r="631025" spans="8:8">
      <c r="H631025" s="12"/>
    </row>
    <row r="631026" spans="8:8">
      <c r="H631026" s="12"/>
    </row>
    <row r="631027" spans="8:8">
      <c r="H631027" s="12"/>
    </row>
    <row r="631028" spans="8:8">
      <c r="H631028" s="12"/>
    </row>
    <row r="631029" spans="8:8">
      <c r="H631029" s="12"/>
    </row>
    <row r="631030" spans="8:8">
      <c r="H631030" s="12"/>
    </row>
    <row r="631031" spans="8:8">
      <c r="H631031" s="12"/>
    </row>
    <row r="631032" spans="8:8">
      <c r="H631032" s="12"/>
    </row>
    <row r="631033" spans="8:8">
      <c r="H631033" s="12"/>
    </row>
    <row r="631034" spans="8:8">
      <c r="H631034" s="12"/>
    </row>
    <row r="631035" spans="8:8">
      <c r="H631035" s="12"/>
    </row>
    <row r="631036" spans="8:8">
      <c r="H631036" s="12"/>
    </row>
    <row r="631037" spans="8:8">
      <c r="H631037" s="12"/>
    </row>
    <row r="631038" spans="8:8">
      <c r="H631038" s="12"/>
    </row>
    <row r="631039" spans="8:8">
      <c r="H631039" s="12"/>
    </row>
    <row r="631040" spans="8:8">
      <c r="H631040" s="12"/>
    </row>
    <row r="631041" spans="8:8">
      <c r="H631041" s="12"/>
    </row>
    <row r="631042" spans="8:8">
      <c r="H631042" s="12"/>
    </row>
    <row r="631043" spans="8:8">
      <c r="H631043" s="12"/>
    </row>
    <row r="631044" spans="8:8">
      <c r="H631044" s="12"/>
    </row>
    <row r="631045" spans="8:8">
      <c r="H631045" s="12"/>
    </row>
    <row r="631046" spans="8:8">
      <c r="H631046" s="12"/>
    </row>
    <row r="631047" spans="8:8">
      <c r="H631047" s="12"/>
    </row>
    <row r="631048" spans="8:8">
      <c r="H631048" s="12"/>
    </row>
    <row r="631049" spans="8:8">
      <c r="H631049" s="12"/>
    </row>
    <row r="631050" spans="8:8">
      <c r="H631050" s="12"/>
    </row>
    <row r="631051" spans="8:8">
      <c r="H631051" s="12"/>
    </row>
    <row r="631052" spans="8:8">
      <c r="H631052" s="12"/>
    </row>
    <row r="631053" spans="8:8">
      <c r="H631053" s="12"/>
    </row>
    <row r="631054" spans="8:8">
      <c r="H631054" s="12"/>
    </row>
    <row r="631055" spans="8:8">
      <c r="H631055" s="12"/>
    </row>
    <row r="631056" spans="8:8">
      <c r="H631056" s="12"/>
    </row>
    <row r="631057" spans="8:8">
      <c r="H631057" s="12"/>
    </row>
    <row r="631058" spans="8:8">
      <c r="H631058" s="12"/>
    </row>
    <row r="631059" spans="8:8">
      <c r="H631059" s="12"/>
    </row>
    <row r="631060" spans="8:8">
      <c r="H631060" s="12"/>
    </row>
    <row r="631061" spans="8:8">
      <c r="H631061" s="12"/>
    </row>
    <row r="631062" spans="8:8">
      <c r="H631062" s="12"/>
    </row>
    <row r="631063" spans="8:8">
      <c r="H631063" s="12"/>
    </row>
    <row r="631064" spans="8:8">
      <c r="H631064" s="12"/>
    </row>
    <row r="631065" spans="8:8">
      <c r="H631065" s="12"/>
    </row>
    <row r="631066" spans="8:8">
      <c r="H631066" s="12"/>
    </row>
    <row r="631067" spans="8:8">
      <c r="H631067" s="12"/>
    </row>
    <row r="631068" spans="8:8">
      <c r="H631068" s="12"/>
    </row>
    <row r="631069" spans="8:8">
      <c r="H631069" s="12"/>
    </row>
    <row r="631070" spans="8:8">
      <c r="H631070" s="12"/>
    </row>
    <row r="631071" spans="8:8">
      <c r="H631071" s="12"/>
    </row>
    <row r="631072" spans="8:8">
      <c r="H631072" s="12"/>
    </row>
    <row r="631073" spans="8:8">
      <c r="H631073" s="12"/>
    </row>
    <row r="631074" spans="8:8">
      <c r="H631074" s="12"/>
    </row>
    <row r="631075" spans="8:8">
      <c r="H631075" s="12"/>
    </row>
    <row r="631076" spans="8:8">
      <c r="H631076" s="12"/>
    </row>
    <row r="631077" spans="8:8">
      <c r="H631077" s="12"/>
    </row>
    <row r="631078" spans="8:8">
      <c r="H631078" s="12"/>
    </row>
    <row r="631079" spans="8:8">
      <c r="H631079" s="12"/>
    </row>
    <row r="631080" spans="8:8">
      <c r="H631080" s="12"/>
    </row>
    <row r="631081" spans="8:8">
      <c r="H631081" s="12"/>
    </row>
    <row r="631082" spans="8:8">
      <c r="H631082" s="12"/>
    </row>
    <row r="631083" spans="8:8">
      <c r="H631083" s="12"/>
    </row>
    <row r="631084" spans="8:8">
      <c r="H631084" s="12"/>
    </row>
    <row r="631085" spans="8:8">
      <c r="H631085" s="12"/>
    </row>
    <row r="631086" spans="8:8">
      <c r="H631086" s="12"/>
    </row>
    <row r="631087" spans="8:8">
      <c r="H631087" s="12"/>
    </row>
    <row r="631088" spans="8:8">
      <c r="H631088" s="12"/>
    </row>
    <row r="631089" spans="8:8">
      <c r="H631089" s="12"/>
    </row>
    <row r="631090" spans="8:8">
      <c r="H631090" s="12"/>
    </row>
    <row r="631091" spans="8:8">
      <c r="H631091" s="12"/>
    </row>
    <row r="631092" spans="8:8">
      <c r="H631092" s="12"/>
    </row>
    <row r="631093" spans="8:8">
      <c r="H631093" s="12"/>
    </row>
    <row r="631094" spans="8:8">
      <c r="H631094" s="12"/>
    </row>
    <row r="631095" spans="8:8">
      <c r="H631095" s="12"/>
    </row>
    <row r="631096" spans="8:8">
      <c r="H631096" s="12"/>
    </row>
    <row r="631097" spans="8:8">
      <c r="H631097" s="12"/>
    </row>
    <row r="631098" spans="8:8">
      <c r="H631098" s="12"/>
    </row>
    <row r="631099" spans="8:8">
      <c r="H631099" s="12"/>
    </row>
    <row r="631100" spans="8:8">
      <c r="H631100" s="12"/>
    </row>
    <row r="631101" spans="8:8">
      <c r="H631101" s="12"/>
    </row>
    <row r="631102" spans="8:8">
      <c r="H631102" s="12"/>
    </row>
    <row r="631103" spans="8:8">
      <c r="H631103" s="12"/>
    </row>
    <row r="631104" spans="8:8">
      <c r="H631104" s="12"/>
    </row>
    <row r="631105" spans="8:8">
      <c r="H631105" s="12"/>
    </row>
    <row r="631106" spans="8:8">
      <c r="H631106" s="12"/>
    </row>
    <row r="631107" spans="8:8">
      <c r="H631107" s="12"/>
    </row>
    <row r="631108" spans="8:8">
      <c r="H631108" s="12"/>
    </row>
    <row r="631109" spans="8:8">
      <c r="H631109" s="12"/>
    </row>
    <row r="631110" spans="8:8">
      <c r="H631110" s="12"/>
    </row>
    <row r="631111" spans="8:8">
      <c r="H631111" s="12"/>
    </row>
    <row r="631112" spans="8:8">
      <c r="H631112" s="12"/>
    </row>
    <row r="631113" spans="8:8">
      <c r="H631113" s="12"/>
    </row>
    <row r="631114" spans="8:8">
      <c r="H631114" s="12"/>
    </row>
    <row r="631115" spans="8:8">
      <c r="H631115" s="12"/>
    </row>
    <row r="631116" spans="8:8">
      <c r="H631116" s="12"/>
    </row>
    <row r="631117" spans="8:8">
      <c r="H631117" s="12"/>
    </row>
    <row r="631118" spans="8:8">
      <c r="H631118" s="12"/>
    </row>
    <row r="631119" spans="8:8">
      <c r="H631119" s="12"/>
    </row>
    <row r="631120" spans="8:8">
      <c r="H631120" s="12"/>
    </row>
    <row r="631121" spans="8:8">
      <c r="H631121" s="12"/>
    </row>
    <row r="631122" spans="8:8">
      <c r="H631122" s="12"/>
    </row>
    <row r="631123" spans="8:8">
      <c r="H631123" s="12"/>
    </row>
    <row r="631124" spans="8:8">
      <c r="H631124" s="12"/>
    </row>
    <row r="631125" spans="8:8">
      <c r="H631125" s="12"/>
    </row>
    <row r="631126" spans="8:8">
      <c r="H631126" s="12"/>
    </row>
    <row r="631127" spans="8:8">
      <c r="H631127" s="12"/>
    </row>
    <row r="631128" spans="8:8">
      <c r="H631128" s="12"/>
    </row>
    <row r="631129" spans="8:8">
      <c r="H631129" s="12"/>
    </row>
    <row r="631130" spans="8:8">
      <c r="H631130" s="12"/>
    </row>
    <row r="631131" spans="8:8">
      <c r="H631131" s="12"/>
    </row>
    <row r="631132" spans="8:8">
      <c r="H631132" s="12"/>
    </row>
    <row r="631133" spans="8:8">
      <c r="H631133" s="12"/>
    </row>
    <row r="631134" spans="8:8">
      <c r="H631134" s="12"/>
    </row>
    <row r="631135" spans="8:8">
      <c r="H631135" s="12"/>
    </row>
    <row r="631136" spans="8:8">
      <c r="H631136" s="12"/>
    </row>
    <row r="631137" spans="8:8">
      <c r="H631137" s="12"/>
    </row>
    <row r="631138" spans="8:8">
      <c r="H631138" s="12"/>
    </row>
    <row r="631139" spans="8:8">
      <c r="H631139" s="12"/>
    </row>
    <row r="631140" spans="8:8">
      <c r="H631140" s="12"/>
    </row>
    <row r="631141" spans="8:8">
      <c r="H631141" s="12"/>
    </row>
    <row r="631142" spans="8:8">
      <c r="H631142" s="12"/>
    </row>
    <row r="631143" spans="8:8">
      <c r="H631143" s="12"/>
    </row>
    <row r="631144" spans="8:8">
      <c r="H631144" s="12"/>
    </row>
    <row r="631145" spans="8:8">
      <c r="H631145" s="12"/>
    </row>
    <row r="631146" spans="8:8">
      <c r="H631146" s="12"/>
    </row>
    <row r="631147" spans="8:8">
      <c r="H631147" s="12"/>
    </row>
    <row r="631148" spans="8:8">
      <c r="H631148" s="12"/>
    </row>
    <row r="631149" spans="8:8">
      <c r="H631149" s="12"/>
    </row>
    <row r="631150" spans="8:8">
      <c r="H631150" s="12"/>
    </row>
    <row r="631151" spans="8:8">
      <c r="H631151" s="12"/>
    </row>
    <row r="631152" spans="8:8">
      <c r="H631152" s="12"/>
    </row>
    <row r="631153" spans="8:8">
      <c r="H631153" s="12"/>
    </row>
    <row r="631154" spans="8:8">
      <c r="H631154" s="12"/>
    </row>
    <row r="631155" spans="8:8">
      <c r="H631155" s="12"/>
    </row>
    <row r="631156" spans="8:8">
      <c r="H631156" s="12"/>
    </row>
    <row r="631157" spans="8:8">
      <c r="H631157" s="12"/>
    </row>
    <row r="631158" spans="8:8">
      <c r="H631158" s="12"/>
    </row>
    <row r="631159" spans="8:8">
      <c r="H631159" s="12"/>
    </row>
    <row r="631160" spans="8:8">
      <c r="H631160" s="12"/>
    </row>
    <row r="631161" spans="8:8">
      <c r="H631161" s="12"/>
    </row>
    <row r="631162" spans="8:8">
      <c r="H631162" s="12"/>
    </row>
    <row r="631163" spans="8:8">
      <c r="H631163" s="12"/>
    </row>
    <row r="631164" spans="8:8">
      <c r="H631164" s="12"/>
    </row>
    <row r="631165" spans="8:8">
      <c r="H631165" s="12"/>
    </row>
    <row r="631166" spans="8:8">
      <c r="H631166" s="12"/>
    </row>
    <row r="631167" spans="8:8">
      <c r="H631167" s="12"/>
    </row>
    <row r="631168" spans="8:8">
      <c r="H631168" s="12"/>
    </row>
    <row r="631169" spans="8:8">
      <c r="H631169" s="12"/>
    </row>
    <row r="631170" spans="8:8">
      <c r="H631170" s="12"/>
    </row>
    <row r="631171" spans="8:8">
      <c r="H631171" s="12"/>
    </row>
    <row r="631172" spans="8:8">
      <c r="H631172" s="12"/>
    </row>
    <row r="631173" spans="8:8">
      <c r="H631173" s="12"/>
    </row>
    <row r="631174" spans="8:8">
      <c r="H631174" s="12"/>
    </row>
    <row r="631175" spans="8:8">
      <c r="H631175" s="12"/>
    </row>
    <row r="631176" spans="8:8">
      <c r="H631176" s="12"/>
    </row>
    <row r="631177" spans="8:8">
      <c r="H631177" s="12"/>
    </row>
    <row r="631178" spans="8:8">
      <c r="H631178" s="12"/>
    </row>
    <row r="631179" spans="8:8">
      <c r="H631179" s="12"/>
    </row>
    <row r="631180" spans="8:8">
      <c r="H631180" s="12"/>
    </row>
    <row r="631181" spans="8:8">
      <c r="H631181" s="12"/>
    </row>
    <row r="631182" spans="8:8">
      <c r="H631182" s="12"/>
    </row>
    <row r="631183" spans="8:8">
      <c r="H631183" s="12"/>
    </row>
    <row r="631184" spans="8:8">
      <c r="H631184" s="12"/>
    </row>
    <row r="631185" spans="8:8">
      <c r="H631185" s="12"/>
    </row>
    <row r="631186" spans="8:8">
      <c r="H631186" s="12"/>
    </row>
    <row r="631187" spans="8:8">
      <c r="H631187" s="12"/>
    </row>
    <row r="631188" spans="8:8">
      <c r="H631188" s="12"/>
    </row>
    <row r="631189" spans="8:8">
      <c r="H631189" s="12"/>
    </row>
    <row r="631190" spans="8:8">
      <c r="H631190" s="12"/>
    </row>
    <row r="631191" spans="8:8">
      <c r="H631191" s="12"/>
    </row>
    <row r="631192" spans="8:8">
      <c r="H631192" s="12"/>
    </row>
    <row r="631193" spans="8:8">
      <c r="H631193" s="12"/>
    </row>
    <row r="631194" spans="8:8">
      <c r="H631194" s="12"/>
    </row>
    <row r="631195" spans="8:8">
      <c r="H631195" s="12"/>
    </row>
    <row r="631196" spans="8:8">
      <c r="H631196" s="12"/>
    </row>
    <row r="631197" spans="8:8">
      <c r="H631197" s="12"/>
    </row>
    <row r="631198" spans="8:8">
      <c r="H631198" s="12"/>
    </row>
    <row r="631199" spans="8:8">
      <c r="H631199" s="12"/>
    </row>
    <row r="631200" spans="8:8">
      <c r="H631200" s="12"/>
    </row>
    <row r="631201" spans="8:8">
      <c r="H631201" s="12"/>
    </row>
    <row r="631202" spans="8:8">
      <c r="H631202" s="12"/>
    </row>
    <row r="631203" spans="8:8">
      <c r="H631203" s="12"/>
    </row>
    <row r="631204" spans="8:8">
      <c r="H631204" s="12"/>
    </row>
    <row r="631205" spans="8:8">
      <c r="H631205" s="12"/>
    </row>
    <row r="631206" spans="8:8">
      <c r="H631206" s="12"/>
    </row>
    <row r="631207" spans="8:8">
      <c r="H631207" s="12"/>
    </row>
    <row r="631208" spans="8:8">
      <c r="H631208" s="12"/>
    </row>
    <row r="631209" spans="8:8">
      <c r="H631209" s="12"/>
    </row>
    <row r="631210" spans="8:8">
      <c r="H631210" s="12"/>
    </row>
    <row r="631211" spans="8:8">
      <c r="H631211" s="12"/>
    </row>
    <row r="631212" spans="8:8">
      <c r="H631212" s="12"/>
    </row>
    <row r="631213" spans="8:8">
      <c r="H631213" s="12"/>
    </row>
    <row r="631214" spans="8:8">
      <c r="H631214" s="12"/>
    </row>
    <row r="631215" spans="8:8">
      <c r="H631215" s="12"/>
    </row>
    <row r="631216" spans="8:8">
      <c r="H631216" s="12"/>
    </row>
    <row r="631217" spans="8:8">
      <c r="H631217" s="12"/>
    </row>
    <row r="631218" spans="8:8">
      <c r="H631218" s="12"/>
    </row>
    <row r="631219" spans="8:8">
      <c r="H631219" s="12"/>
    </row>
    <row r="631220" spans="8:8">
      <c r="H631220" s="12"/>
    </row>
    <row r="631221" spans="8:8">
      <c r="H631221" s="12"/>
    </row>
    <row r="631222" spans="8:8">
      <c r="H631222" s="12"/>
    </row>
    <row r="631223" spans="8:8">
      <c r="H631223" s="12"/>
    </row>
    <row r="631224" spans="8:8">
      <c r="H631224" s="12"/>
    </row>
    <row r="631225" spans="8:8">
      <c r="H631225" s="12"/>
    </row>
    <row r="631226" spans="8:8">
      <c r="H631226" s="12"/>
    </row>
    <row r="631227" spans="8:8">
      <c r="H631227" s="12"/>
    </row>
    <row r="631228" spans="8:8">
      <c r="H631228" s="12"/>
    </row>
    <row r="631229" spans="8:8">
      <c r="H631229" s="12"/>
    </row>
    <row r="631230" spans="8:8">
      <c r="H631230" s="12"/>
    </row>
    <row r="631231" spans="8:8">
      <c r="H631231" s="12"/>
    </row>
    <row r="631232" spans="8:8">
      <c r="H631232" s="12"/>
    </row>
    <row r="631233" spans="8:8">
      <c r="H631233" s="12"/>
    </row>
    <row r="631234" spans="8:8">
      <c r="H631234" s="12"/>
    </row>
    <row r="631235" spans="8:8">
      <c r="H631235" s="12"/>
    </row>
    <row r="631236" spans="8:8">
      <c r="H631236" s="12"/>
    </row>
    <row r="631237" spans="8:8">
      <c r="H631237" s="12"/>
    </row>
    <row r="631238" spans="8:8">
      <c r="H631238" s="12"/>
    </row>
    <row r="631239" spans="8:8">
      <c r="H631239" s="12"/>
    </row>
    <row r="631240" spans="8:8">
      <c r="H631240" s="12"/>
    </row>
    <row r="631241" spans="8:8">
      <c r="H631241" s="12"/>
    </row>
    <row r="631242" spans="8:8">
      <c r="H631242" s="12"/>
    </row>
    <row r="631243" spans="8:8">
      <c r="H631243" s="12"/>
    </row>
    <row r="631244" spans="8:8">
      <c r="H631244" s="12"/>
    </row>
    <row r="631245" spans="8:8">
      <c r="H631245" s="12"/>
    </row>
    <row r="631246" spans="8:8">
      <c r="H631246" s="12"/>
    </row>
    <row r="631247" spans="8:8">
      <c r="H631247" s="12"/>
    </row>
    <row r="631248" spans="8:8">
      <c r="H631248" s="12"/>
    </row>
    <row r="631249" spans="8:8">
      <c r="H631249" s="12"/>
    </row>
    <row r="631250" spans="8:8">
      <c r="H631250" s="12"/>
    </row>
    <row r="631251" spans="8:8">
      <c r="H631251" s="12"/>
    </row>
    <row r="631252" spans="8:8">
      <c r="H631252" s="12"/>
    </row>
    <row r="631253" spans="8:8">
      <c r="H631253" s="12"/>
    </row>
    <row r="631254" spans="8:8">
      <c r="H631254" s="12"/>
    </row>
    <row r="631255" spans="8:8">
      <c r="H631255" s="12"/>
    </row>
    <row r="631256" spans="8:8">
      <c r="H631256" s="12"/>
    </row>
    <row r="631257" spans="8:8">
      <c r="H631257" s="12"/>
    </row>
    <row r="631258" spans="8:8">
      <c r="H631258" s="12"/>
    </row>
    <row r="631259" spans="8:8">
      <c r="H631259" s="12"/>
    </row>
    <row r="631260" spans="8:8">
      <c r="H631260" s="12"/>
    </row>
    <row r="631261" spans="8:8">
      <c r="H631261" s="12"/>
    </row>
    <row r="631262" spans="8:8">
      <c r="H631262" s="12"/>
    </row>
    <row r="631263" spans="8:8">
      <c r="H631263" s="12"/>
    </row>
    <row r="631264" spans="8:8">
      <c r="H631264" s="12"/>
    </row>
    <row r="631265" spans="8:8">
      <c r="H631265" s="12"/>
    </row>
    <row r="631266" spans="8:8">
      <c r="H631266" s="12"/>
    </row>
    <row r="631267" spans="8:8">
      <c r="H631267" s="12"/>
    </row>
    <row r="631268" spans="8:8">
      <c r="H631268" s="12"/>
    </row>
    <row r="631269" spans="8:8">
      <c r="H631269" s="12"/>
    </row>
    <row r="631270" spans="8:8">
      <c r="H631270" s="12"/>
    </row>
    <row r="631271" spans="8:8">
      <c r="H631271" s="12"/>
    </row>
    <row r="631272" spans="8:8">
      <c r="H631272" s="12"/>
    </row>
    <row r="631273" spans="8:8">
      <c r="H631273" s="12"/>
    </row>
    <row r="631274" spans="8:8">
      <c r="H631274" s="12"/>
    </row>
    <row r="631275" spans="8:8">
      <c r="H631275" s="12"/>
    </row>
    <row r="631276" spans="8:8">
      <c r="H631276" s="12"/>
    </row>
    <row r="631277" spans="8:8">
      <c r="H631277" s="12"/>
    </row>
    <row r="631278" spans="8:8">
      <c r="H631278" s="12"/>
    </row>
    <row r="631279" spans="8:8">
      <c r="H631279" s="12"/>
    </row>
    <row r="631280" spans="8:8">
      <c r="H631280" s="12"/>
    </row>
    <row r="631281" spans="8:8">
      <c r="H631281" s="12"/>
    </row>
    <row r="631282" spans="8:8">
      <c r="H631282" s="12"/>
    </row>
    <row r="631283" spans="8:8">
      <c r="H631283" s="12"/>
    </row>
    <row r="631284" spans="8:8">
      <c r="H631284" s="12"/>
    </row>
    <row r="631285" spans="8:8">
      <c r="H631285" s="12"/>
    </row>
    <row r="631286" spans="8:8">
      <c r="H631286" s="12"/>
    </row>
    <row r="631287" spans="8:8">
      <c r="H631287" s="12"/>
    </row>
    <row r="631288" spans="8:8">
      <c r="H631288" s="12"/>
    </row>
    <row r="631289" spans="8:8">
      <c r="H631289" s="12"/>
    </row>
    <row r="631290" spans="8:8">
      <c r="H631290" s="12"/>
    </row>
    <row r="631291" spans="8:8">
      <c r="H631291" s="12"/>
    </row>
    <row r="631292" spans="8:8">
      <c r="H631292" s="12"/>
    </row>
    <row r="631293" spans="8:8">
      <c r="H631293" s="12"/>
    </row>
    <row r="631294" spans="8:8">
      <c r="H631294" s="12"/>
    </row>
    <row r="631295" spans="8:8">
      <c r="H631295" s="12"/>
    </row>
    <row r="631296" spans="8:8">
      <c r="H631296" s="12"/>
    </row>
    <row r="631297" spans="8:8">
      <c r="H631297" s="12"/>
    </row>
    <row r="631298" spans="8:8">
      <c r="H631298" s="12"/>
    </row>
    <row r="631299" spans="8:8">
      <c r="H631299" s="12"/>
    </row>
    <row r="631300" spans="8:8">
      <c r="H631300" s="12"/>
    </row>
    <row r="631301" spans="8:8">
      <c r="H631301" s="12"/>
    </row>
    <row r="631302" spans="8:8">
      <c r="H631302" s="12"/>
    </row>
    <row r="631303" spans="8:8">
      <c r="H631303" s="12"/>
    </row>
    <row r="631304" spans="8:8">
      <c r="H631304" s="12"/>
    </row>
    <row r="631305" spans="8:8">
      <c r="H631305" s="12"/>
    </row>
    <row r="631306" spans="8:8">
      <c r="H631306" s="12"/>
    </row>
    <row r="631307" spans="8:8">
      <c r="H631307" s="12"/>
    </row>
    <row r="631308" spans="8:8">
      <c r="H631308" s="12"/>
    </row>
    <row r="631309" spans="8:8">
      <c r="H631309" s="12"/>
    </row>
    <row r="631310" spans="8:8">
      <c r="H631310" s="12"/>
    </row>
    <row r="631311" spans="8:8">
      <c r="H631311" s="12"/>
    </row>
    <row r="631312" spans="8:8">
      <c r="H631312" s="12"/>
    </row>
    <row r="631313" spans="8:8">
      <c r="H631313" s="12"/>
    </row>
    <row r="631314" spans="8:8">
      <c r="H631314" s="12"/>
    </row>
    <row r="631315" spans="8:8">
      <c r="H631315" s="12"/>
    </row>
    <row r="631316" spans="8:8">
      <c r="H631316" s="12"/>
    </row>
    <row r="631317" spans="8:8">
      <c r="H631317" s="12"/>
    </row>
    <row r="631318" spans="8:8">
      <c r="H631318" s="12"/>
    </row>
    <row r="631319" spans="8:8">
      <c r="H631319" s="12"/>
    </row>
    <row r="631320" spans="8:8">
      <c r="H631320" s="12"/>
    </row>
    <row r="631321" spans="8:8">
      <c r="H631321" s="12"/>
    </row>
    <row r="631322" spans="8:8">
      <c r="H631322" s="12"/>
    </row>
    <row r="631323" spans="8:8">
      <c r="H631323" s="12"/>
    </row>
    <row r="631324" spans="8:8">
      <c r="H631324" s="12"/>
    </row>
    <row r="631325" spans="8:8">
      <c r="H631325" s="12"/>
    </row>
    <row r="631326" spans="8:8">
      <c r="H631326" s="12"/>
    </row>
    <row r="631327" spans="8:8">
      <c r="H631327" s="12"/>
    </row>
    <row r="631328" spans="8:8">
      <c r="H631328" s="12"/>
    </row>
    <row r="631329" spans="8:8">
      <c r="H631329" s="12"/>
    </row>
    <row r="631330" spans="8:8">
      <c r="H631330" s="12"/>
    </row>
    <row r="631331" spans="8:8">
      <c r="H631331" s="12"/>
    </row>
    <row r="631332" spans="8:8">
      <c r="H631332" s="12"/>
    </row>
    <row r="631333" spans="8:8">
      <c r="H631333" s="12"/>
    </row>
    <row r="631334" spans="8:8">
      <c r="H631334" s="12"/>
    </row>
    <row r="631335" spans="8:8">
      <c r="H631335" s="12"/>
    </row>
    <row r="631336" spans="8:8">
      <c r="H631336" s="12"/>
    </row>
    <row r="631337" spans="8:8">
      <c r="H631337" s="12"/>
    </row>
    <row r="631338" spans="8:8">
      <c r="H631338" s="12"/>
    </row>
    <row r="631339" spans="8:8">
      <c r="H631339" s="12"/>
    </row>
    <row r="631340" spans="8:8">
      <c r="H631340" s="12"/>
    </row>
    <row r="631341" spans="8:8">
      <c r="H631341" s="12"/>
    </row>
    <row r="631342" spans="8:8">
      <c r="H631342" s="12"/>
    </row>
    <row r="631343" spans="8:8">
      <c r="H631343" s="12"/>
    </row>
    <row r="631344" spans="8:8">
      <c r="H631344" s="12"/>
    </row>
    <row r="631345" spans="8:8">
      <c r="H631345" s="12"/>
    </row>
    <row r="631346" spans="8:8">
      <c r="H631346" s="12"/>
    </row>
    <row r="631347" spans="8:8">
      <c r="H631347" s="12"/>
    </row>
    <row r="631348" spans="8:8">
      <c r="H631348" s="12"/>
    </row>
    <row r="631349" spans="8:8">
      <c r="H631349" s="12"/>
    </row>
    <row r="631350" spans="8:8">
      <c r="H631350" s="12"/>
    </row>
    <row r="631351" spans="8:8">
      <c r="H631351" s="12"/>
    </row>
    <row r="631352" spans="8:8">
      <c r="H631352" s="12"/>
    </row>
    <row r="631353" spans="8:8">
      <c r="H631353" s="12"/>
    </row>
    <row r="631354" spans="8:8">
      <c r="H631354" s="12"/>
    </row>
    <row r="631355" spans="8:8">
      <c r="H631355" s="12"/>
    </row>
    <row r="631356" spans="8:8">
      <c r="H631356" s="12"/>
    </row>
    <row r="631357" spans="8:8">
      <c r="H631357" s="12"/>
    </row>
    <row r="631358" spans="8:8">
      <c r="H631358" s="12"/>
    </row>
    <row r="631359" spans="8:8">
      <c r="H631359" s="12"/>
    </row>
    <row r="631360" spans="8:8">
      <c r="H631360" s="12"/>
    </row>
    <row r="631361" spans="8:8">
      <c r="H631361" s="12"/>
    </row>
    <row r="631362" spans="8:8">
      <c r="H631362" s="12"/>
    </row>
    <row r="631363" spans="8:8">
      <c r="H631363" s="12"/>
    </row>
    <row r="631364" spans="8:8">
      <c r="H631364" s="12"/>
    </row>
    <row r="631365" spans="8:8">
      <c r="H631365" s="12"/>
    </row>
    <row r="631366" spans="8:8">
      <c r="H631366" s="12"/>
    </row>
    <row r="631367" spans="8:8">
      <c r="H631367" s="12"/>
    </row>
    <row r="631368" spans="8:8">
      <c r="H631368" s="12"/>
    </row>
    <row r="631369" spans="8:8">
      <c r="H631369" s="12"/>
    </row>
    <row r="631370" spans="8:8">
      <c r="H631370" s="12"/>
    </row>
    <row r="631371" spans="8:8">
      <c r="H631371" s="12"/>
    </row>
    <row r="631372" spans="8:8">
      <c r="H631372" s="12"/>
    </row>
    <row r="631373" spans="8:8">
      <c r="H631373" s="12"/>
    </row>
    <row r="631374" spans="8:8">
      <c r="H631374" s="12"/>
    </row>
    <row r="631375" spans="8:8">
      <c r="H631375" s="12"/>
    </row>
    <row r="631376" spans="8:8">
      <c r="H631376" s="12"/>
    </row>
    <row r="631377" spans="8:8">
      <c r="H631377" s="12"/>
    </row>
    <row r="631378" spans="8:8">
      <c r="H631378" s="12"/>
    </row>
    <row r="631379" spans="8:8">
      <c r="H631379" s="12"/>
    </row>
    <row r="631380" spans="8:8">
      <c r="H631380" s="12"/>
    </row>
    <row r="631381" spans="8:8">
      <c r="H631381" s="12"/>
    </row>
    <row r="631382" spans="8:8">
      <c r="H631382" s="12"/>
    </row>
    <row r="631383" spans="8:8">
      <c r="H631383" s="12"/>
    </row>
    <row r="631384" spans="8:8">
      <c r="H631384" s="12"/>
    </row>
    <row r="631385" spans="8:8">
      <c r="H631385" s="12"/>
    </row>
    <row r="631386" spans="8:8">
      <c r="H631386" s="12"/>
    </row>
    <row r="631387" spans="8:8">
      <c r="H631387" s="12"/>
    </row>
    <row r="631388" spans="8:8">
      <c r="H631388" s="12"/>
    </row>
    <row r="631389" spans="8:8">
      <c r="H631389" s="12"/>
    </row>
    <row r="631390" spans="8:8">
      <c r="H631390" s="12"/>
    </row>
    <row r="631391" spans="8:8">
      <c r="H631391" s="12"/>
    </row>
    <row r="631392" spans="8:8">
      <c r="H631392" s="12"/>
    </row>
    <row r="631393" spans="8:8">
      <c r="H631393" s="12"/>
    </row>
    <row r="631394" spans="8:8">
      <c r="H631394" s="12"/>
    </row>
    <row r="631395" spans="8:8">
      <c r="H631395" s="12"/>
    </row>
    <row r="631396" spans="8:8">
      <c r="H631396" s="12"/>
    </row>
    <row r="631397" spans="8:8">
      <c r="H631397" s="12"/>
    </row>
    <row r="631398" spans="8:8">
      <c r="H631398" s="12"/>
    </row>
    <row r="631399" spans="8:8">
      <c r="H631399" s="12"/>
    </row>
    <row r="631400" spans="8:8">
      <c r="H631400" s="12"/>
    </row>
    <row r="631401" spans="8:8">
      <c r="H631401" s="12"/>
    </row>
    <row r="631402" spans="8:8">
      <c r="H631402" s="12"/>
    </row>
    <row r="631403" spans="8:8">
      <c r="H631403" s="12"/>
    </row>
    <row r="631404" spans="8:8">
      <c r="H631404" s="12"/>
    </row>
    <row r="631405" spans="8:8">
      <c r="H631405" s="12"/>
    </row>
    <row r="631406" spans="8:8">
      <c r="H631406" s="12"/>
    </row>
    <row r="631407" spans="8:8">
      <c r="H631407" s="12"/>
    </row>
    <row r="631408" spans="8:8">
      <c r="H631408" s="12"/>
    </row>
    <row r="631409" spans="8:8">
      <c r="H631409" s="12"/>
    </row>
    <row r="631410" spans="8:8">
      <c r="H631410" s="12"/>
    </row>
    <row r="631411" spans="8:8">
      <c r="H631411" s="12"/>
    </row>
    <row r="631412" spans="8:8">
      <c r="H631412" s="12"/>
    </row>
    <row r="631413" spans="8:8">
      <c r="H631413" s="12"/>
    </row>
    <row r="631414" spans="8:8">
      <c r="H631414" s="12"/>
    </row>
    <row r="631415" spans="8:8">
      <c r="H631415" s="12"/>
    </row>
    <row r="631416" spans="8:8">
      <c r="H631416" s="12"/>
    </row>
    <row r="631417" spans="8:8">
      <c r="H631417" s="12"/>
    </row>
    <row r="631418" spans="8:8">
      <c r="H631418" s="12"/>
    </row>
    <row r="631419" spans="8:8">
      <c r="H631419" s="12"/>
    </row>
    <row r="631420" spans="8:8">
      <c r="H631420" s="12"/>
    </row>
    <row r="631421" spans="8:8">
      <c r="H631421" s="12"/>
    </row>
    <row r="631422" spans="8:8">
      <c r="H631422" s="12"/>
    </row>
    <row r="631423" spans="8:8">
      <c r="H631423" s="12"/>
    </row>
    <row r="631424" spans="8:8">
      <c r="H631424" s="12"/>
    </row>
    <row r="631425" spans="8:8">
      <c r="H631425" s="12"/>
    </row>
    <row r="631426" spans="8:8">
      <c r="H631426" s="12"/>
    </row>
    <row r="631427" spans="8:8">
      <c r="H631427" s="12"/>
    </row>
    <row r="631428" spans="8:8">
      <c r="H631428" s="12"/>
    </row>
    <row r="631429" spans="8:8">
      <c r="H631429" s="12"/>
    </row>
    <row r="631430" spans="8:8">
      <c r="H631430" s="12"/>
    </row>
    <row r="631431" spans="8:8">
      <c r="H631431" s="12"/>
    </row>
    <row r="631432" spans="8:8">
      <c r="H631432" s="12"/>
    </row>
    <row r="631433" spans="8:8">
      <c r="H631433" s="12"/>
    </row>
    <row r="631434" spans="8:8">
      <c r="H631434" s="12"/>
    </row>
    <row r="631435" spans="8:8">
      <c r="H631435" s="12"/>
    </row>
    <row r="631436" spans="8:8">
      <c r="H631436" s="12"/>
    </row>
    <row r="631437" spans="8:8">
      <c r="H631437" s="12"/>
    </row>
    <row r="631438" spans="8:8">
      <c r="H631438" s="12"/>
    </row>
    <row r="631439" spans="8:8">
      <c r="H631439" s="12"/>
    </row>
    <row r="631440" spans="8:8">
      <c r="H631440" s="12"/>
    </row>
    <row r="631441" spans="8:8">
      <c r="H631441" s="12"/>
    </row>
    <row r="631442" spans="8:8">
      <c r="H631442" s="12"/>
    </row>
    <row r="631443" spans="8:8">
      <c r="H631443" s="12"/>
    </row>
    <row r="631444" spans="8:8">
      <c r="H631444" s="12"/>
    </row>
    <row r="631445" spans="8:8">
      <c r="H631445" s="12"/>
    </row>
    <row r="631446" spans="8:8">
      <c r="H631446" s="12"/>
    </row>
    <row r="631447" spans="8:8">
      <c r="H631447" s="12"/>
    </row>
    <row r="631448" spans="8:8">
      <c r="H631448" s="12"/>
    </row>
    <row r="631449" spans="8:8">
      <c r="H631449" s="12"/>
    </row>
    <row r="631450" spans="8:8">
      <c r="H631450" s="12"/>
    </row>
    <row r="631451" spans="8:8">
      <c r="H631451" s="12"/>
    </row>
    <row r="631452" spans="8:8">
      <c r="H631452" s="12"/>
    </row>
    <row r="631453" spans="8:8">
      <c r="H631453" s="12"/>
    </row>
    <row r="631454" spans="8:8">
      <c r="H631454" s="12"/>
    </row>
    <row r="631455" spans="8:8">
      <c r="H631455" s="12"/>
    </row>
    <row r="631456" spans="8:8">
      <c r="H631456" s="12"/>
    </row>
    <row r="631457" spans="8:8">
      <c r="H631457" s="12"/>
    </row>
    <row r="631458" spans="8:8">
      <c r="H631458" s="12"/>
    </row>
    <row r="631459" spans="8:8">
      <c r="H631459" s="12"/>
    </row>
    <row r="631460" spans="8:8">
      <c r="H631460" s="12"/>
    </row>
    <row r="631461" spans="8:8">
      <c r="H631461" s="12"/>
    </row>
    <row r="631462" spans="8:8">
      <c r="H631462" s="12"/>
    </row>
    <row r="631463" spans="8:8">
      <c r="H631463" s="12"/>
    </row>
    <row r="631464" spans="8:8">
      <c r="H631464" s="12"/>
    </row>
    <row r="631465" spans="8:8">
      <c r="H631465" s="12"/>
    </row>
    <row r="631466" spans="8:8">
      <c r="H631466" s="12"/>
    </row>
    <row r="631467" spans="8:8">
      <c r="H631467" s="12"/>
    </row>
    <row r="631468" spans="8:8">
      <c r="H631468" s="12"/>
    </row>
    <row r="631469" spans="8:8">
      <c r="H631469" s="12"/>
    </row>
    <row r="631470" spans="8:8">
      <c r="H631470" s="12"/>
    </row>
    <row r="631471" spans="8:8">
      <c r="H631471" s="12"/>
    </row>
    <row r="631472" spans="8:8">
      <c r="H631472" s="12"/>
    </row>
    <row r="631473" spans="8:8">
      <c r="H631473" s="12"/>
    </row>
    <row r="631474" spans="8:8">
      <c r="H631474" s="12"/>
    </row>
    <row r="631475" spans="8:8">
      <c r="H631475" s="12"/>
    </row>
    <row r="631476" spans="8:8">
      <c r="H631476" s="12"/>
    </row>
    <row r="631477" spans="8:8">
      <c r="H631477" s="12"/>
    </row>
    <row r="631478" spans="8:8">
      <c r="H631478" s="12"/>
    </row>
    <row r="631479" spans="8:8">
      <c r="H631479" s="12"/>
    </row>
    <row r="631480" spans="8:8">
      <c r="H631480" s="12"/>
    </row>
    <row r="631481" spans="8:8">
      <c r="H631481" s="12"/>
    </row>
    <row r="631482" spans="8:8">
      <c r="H631482" s="12"/>
    </row>
    <row r="631483" spans="8:8">
      <c r="H631483" s="12"/>
    </row>
    <row r="631484" spans="8:8">
      <c r="H631484" s="12"/>
    </row>
    <row r="631485" spans="8:8">
      <c r="H631485" s="12"/>
    </row>
    <row r="631486" spans="8:8">
      <c r="H631486" s="12"/>
    </row>
    <row r="631487" spans="8:8">
      <c r="H631487" s="12"/>
    </row>
    <row r="631488" spans="8:8">
      <c r="H631488" s="12"/>
    </row>
    <row r="631489" spans="8:8">
      <c r="H631489" s="12"/>
    </row>
    <row r="631490" spans="8:8">
      <c r="H631490" s="12"/>
    </row>
    <row r="631491" spans="8:8">
      <c r="H631491" s="12"/>
    </row>
    <row r="631492" spans="8:8">
      <c r="H631492" s="12"/>
    </row>
    <row r="631493" spans="8:8">
      <c r="H631493" s="12"/>
    </row>
    <row r="631494" spans="8:8">
      <c r="H631494" s="12"/>
    </row>
    <row r="631495" spans="8:8">
      <c r="H631495" s="12"/>
    </row>
    <row r="631496" spans="8:8">
      <c r="H631496" s="12"/>
    </row>
    <row r="631497" spans="8:8">
      <c r="H631497" s="12"/>
    </row>
    <row r="631498" spans="8:8">
      <c r="H631498" s="12"/>
    </row>
    <row r="631499" spans="8:8">
      <c r="H631499" s="12"/>
    </row>
    <row r="631500" spans="8:8">
      <c r="H631500" s="12"/>
    </row>
    <row r="631501" spans="8:8">
      <c r="H631501" s="12"/>
    </row>
    <row r="631502" spans="8:8">
      <c r="H631502" s="12"/>
    </row>
    <row r="631503" spans="8:8">
      <c r="H631503" s="12"/>
    </row>
    <row r="631504" spans="8:8">
      <c r="H631504" s="12"/>
    </row>
    <row r="631505" spans="8:8">
      <c r="H631505" s="12"/>
    </row>
    <row r="631506" spans="8:8">
      <c r="H631506" s="12"/>
    </row>
    <row r="631507" spans="8:8">
      <c r="H631507" s="12"/>
    </row>
    <row r="631508" spans="8:8">
      <c r="H631508" s="12"/>
    </row>
    <row r="631509" spans="8:8">
      <c r="H631509" s="12"/>
    </row>
    <row r="631510" spans="8:8">
      <c r="H631510" s="12"/>
    </row>
    <row r="631511" spans="8:8">
      <c r="H631511" s="12"/>
    </row>
    <row r="631512" spans="8:8">
      <c r="H631512" s="12"/>
    </row>
    <row r="631513" spans="8:8">
      <c r="H631513" s="12"/>
    </row>
    <row r="631514" spans="8:8">
      <c r="H631514" s="12"/>
    </row>
    <row r="631515" spans="8:8">
      <c r="H631515" s="12"/>
    </row>
    <row r="631516" spans="8:8">
      <c r="H631516" s="12"/>
    </row>
    <row r="631517" spans="8:8">
      <c r="H631517" s="12"/>
    </row>
    <row r="631518" spans="8:8">
      <c r="H631518" s="12"/>
    </row>
    <row r="631519" spans="8:8">
      <c r="H631519" s="12"/>
    </row>
    <row r="631520" spans="8:8">
      <c r="H631520" s="12"/>
    </row>
    <row r="631521" spans="8:8">
      <c r="H631521" s="12"/>
    </row>
    <row r="631522" spans="8:8">
      <c r="H631522" s="12"/>
    </row>
    <row r="631523" spans="8:8">
      <c r="H631523" s="12"/>
    </row>
    <row r="631524" spans="8:8">
      <c r="H631524" s="12"/>
    </row>
    <row r="631525" spans="8:8">
      <c r="H631525" s="12"/>
    </row>
    <row r="631526" spans="8:8">
      <c r="H631526" s="12"/>
    </row>
    <row r="631527" spans="8:8">
      <c r="H631527" s="12"/>
    </row>
    <row r="631528" spans="8:8">
      <c r="H631528" s="12"/>
    </row>
    <row r="631529" spans="8:8">
      <c r="H631529" s="12"/>
    </row>
    <row r="631530" spans="8:8">
      <c r="H631530" s="12"/>
    </row>
    <row r="631531" spans="8:8">
      <c r="H631531" s="12"/>
    </row>
    <row r="631532" spans="8:8">
      <c r="H631532" s="12"/>
    </row>
    <row r="631533" spans="8:8">
      <c r="H631533" s="12"/>
    </row>
    <row r="631534" spans="8:8">
      <c r="H631534" s="12"/>
    </row>
    <row r="631535" spans="8:8">
      <c r="H631535" s="12"/>
    </row>
    <row r="631536" spans="8:8">
      <c r="H631536" s="12"/>
    </row>
    <row r="631537" spans="8:8">
      <c r="H631537" s="12"/>
    </row>
    <row r="631538" spans="8:8">
      <c r="H631538" s="12"/>
    </row>
    <row r="631539" spans="8:8">
      <c r="H631539" s="12"/>
    </row>
    <row r="631540" spans="8:8">
      <c r="H631540" s="12"/>
    </row>
    <row r="631541" spans="8:8">
      <c r="H631541" s="12"/>
    </row>
    <row r="631542" spans="8:8">
      <c r="H631542" s="12"/>
    </row>
    <row r="631543" spans="8:8">
      <c r="H631543" s="12"/>
    </row>
    <row r="631544" spans="8:8">
      <c r="H631544" s="12"/>
    </row>
    <row r="631545" spans="8:8">
      <c r="H631545" s="12"/>
    </row>
    <row r="631546" spans="8:8">
      <c r="H631546" s="12"/>
    </row>
    <row r="631547" spans="8:8">
      <c r="H631547" s="12"/>
    </row>
    <row r="631548" spans="8:8">
      <c r="H631548" s="12"/>
    </row>
    <row r="631549" spans="8:8">
      <c r="H631549" s="12"/>
    </row>
    <row r="631550" spans="8:8">
      <c r="H631550" s="12"/>
    </row>
    <row r="631551" spans="8:8">
      <c r="H631551" s="12"/>
    </row>
    <row r="631552" spans="8:8">
      <c r="H631552" s="12"/>
    </row>
    <row r="631553" spans="8:8">
      <c r="H631553" s="12"/>
    </row>
    <row r="631554" spans="8:8">
      <c r="H631554" s="12"/>
    </row>
    <row r="631555" spans="8:8">
      <c r="H631555" s="12"/>
    </row>
    <row r="631556" spans="8:8">
      <c r="H631556" s="12"/>
    </row>
    <row r="631557" spans="8:8">
      <c r="H631557" s="12"/>
    </row>
    <row r="631558" spans="8:8">
      <c r="H631558" s="12"/>
    </row>
    <row r="631559" spans="8:8">
      <c r="H631559" s="12"/>
    </row>
    <row r="631560" spans="8:8">
      <c r="H631560" s="12"/>
    </row>
    <row r="631561" spans="8:8">
      <c r="H631561" s="12"/>
    </row>
    <row r="631562" spans="8:8">
      <c r="H631562" s="12"/>
    </row>
    <row r="631563" spans="8:8">
      <c r="H631563" s="12"/>
    </row>
    <row r="631564" spans="8:8">
      <c r="H631564" s="12"/>
    </row>
    <row r="631565" spans="8:8">
      <c r="H631565" s="12"/>
    </row>
    <row r="631566" spans="8:8">
      <c r="H631566" s="12"/>
    </row>
    <row r="631567" spans="8:8">
      <c r="H631567" s="12"/>
    </row>
    <row r="631568" spans="8:8">
      <c r="H631568" s="12"/>
    </row>
    <row r="631569" spans="8:8">
      <c r="H631569" s="12"/>
    </row>
    <row r="631570" spans="8:8">
      <c r="H631570" s="12"/>
    </row>
    <row r="631571" spans="8:8">
      <c r="H631571" s="12"/>
    </row>
    <row r="631572" spans="8:8">
      <c r="H631572" s="12"/>
    </row>
    <row r="631573" spans="8:8">
      <c r="H631573" s="12"/>
    </row>
    <row r="631574" spans="8:8">
      <c r="H631574" s="12"/>
    </row>
    <row r="631575" spans="8:8">
      <c r="H631575" s="12"/>
    </row>
    <row r="631576" spans="8:8">
      <c r="H631576" s="12"/>
    </row>
    <row r="631577" spans="8:8">
      <c r="H631577" s="12"/>
    </row>
    <row r="631578" spans="8:8">
      <c r="H631578" s="12"/>
    </row>
    <row r="631579" spans="8:8">
      <c r="H631579" s="12"/>
    </row>
    <row r="631580" spans="8:8">
      <c r="H631580" s="12"/>
    </row>
    <row r="631581" spans="8:8">
      <c r="H631581" s="12"/>
    </row>
    <row r="631582" spans="8:8">
      <c r="H631582" s="12"/>
    </row>
    <row r="631583" spans="8:8">
      <c r="H631583" s="12"/>
    </row>
    <row r="631584" spans="8:8">
      <c r="H631584" s="12"/>
    </row>
    <row r="631585" spans="8:8">
      <c r="H631585" s="12"/>
    </row>
    <row r="631586" spans="8:8">
      <c r="H631586" s="12"/>
    </row>
    <row r="631587" spans="8:8">
      <c r="H631587" s="12"/>
    </row>
    <row r="631588" spans="8:8">
      <c r="H631588" s="12"/>
    </row>
    <row r="631589" spans="8:8">
      <c r="H631589" s="12"/>
    </row>
    <row r="631590" spans="8:8">
      <c r="H631590" s="12"/>
    </row>
    <row r="631591" spans="8:8">
      <c r="H631591" s="12"/>
    </row>
    <row r="631592" spans="8:8">
      <c r="H631592" s="12"/>
    </row>
    <row r="631593" spans="8:8">
      <c r="H631593" s="12"/>
    </row>
    <row r="631594" spans="8:8">
      <c r="H631594" s="12"/>
    </row>
    <row r="631595" spans="8:8">
      <c r="H631595" s="12"/>
    </row>
    <row r="631596" spans="8:8">
      <c r="H631596" s="12"/>
    </row>
    <row r="631597" spans="8:8">
      <c r="H631597" s="12"/>
    </row>
    <row r="631598" spans="8:8">
      <c r="H631598" s="12"/>
    </row>
    <row r="631599" spans="8:8">
      <c r="H631599" s="12"/>
    </row>
    <row r="631600" spans="8:8">
      <c r="H631600" s="12"/>
    </row>
    <row r="631601" spans="8:8">
      <c r="H631601" s="12"/>
    </row>
    <row r="631602" spans="8:8">
      <c r="H631602" s="12"/>
    </row>
    <row r="631603" spans="8:8">
      <c r="H631603" s="12"/>
    </row>
    <row r="631604" spans="8:8">
      <c r="H631604" s="12"/>
    </row>
    <row r="631605" spans="8:8">
      <c r="H631605" s="12"/>
    </row>
    <row r="631606" spans="8:8">
      <c r="H631606" s="12"/>
    </row>
    <row r="631607" spans="8:8">
      <c r="H631607" s="12"/>
    </row>
    <row r="631608" spans="8:8">
      <c r="H631608" s="12"/>
    </row>
    <row r="631609" spans="8:8">
      <c r="H631609" s="12"/>
    </row>
    <row r="631610" spans="8:8">
      <c r="H631610" s="12"/>
    </row>
    <row r="631611" spans="8:8">
      <c r="H631611" s="12"/>
    </row>
    <row r="631612" spans="8:8">
      <c r="H631612" s="12"/>
    </row>
    <row r="631613" spans="8:8">
      <c r="H631613" s="12"/>
    </row>
    <row r="631614" spans="8:8">
      <c r="H631614" s="12"/>
    </row>
    <row r="631615" spans="8:8">
      <c r="H631615" s="12"/>
    </row>
    <row r="631616" spans="8:8">
      <c r="H631616" s="12"/>
    </row>
    <row r="631617" spans="8:8">
      <c r="H631617" s="12"/>
    </row>
    <row r="631618" spans="8:8">
      <c r="H631618" s="12"/>
    </row>
    <row r="631619" spans="8:8">
      <c r="H631619" s="12"/>
    </row>
    <row r="631620" spans="8:8">
      <c r="H631620" s="12"/>
    </row>
    <row r="631621" spans="8:8">
      <c r="H631621" s="12"/>
    </row>
    <row r="631622" spans="8:8">
      <c r="H631622" s="12"/>
    </row>
    <row r="631623" spans="8:8">
      <c r="H631623" s="12"/>
    </row>
    <row r="631624" spans="8:8">
      <c r="H631624" s="12"/>
    </row>
    <row r="631625" spans="8:8">
      <c r="H631625" s="12"/>
    </row>
    <row r="631626" spans="8:8">
      <c r="H631626" s="12"/>
    </row>
    <row r="631627" spans="8:8">
      <c r="H631627" s="12"/>
    </row>
    <row r="631628" spans="8:8">
      <c r="H631628" s="12"/>
    </row>
    <row r="631629" spans="8:8">
      <c r="H631629" s="12"/>
    </row>
    <row r="631630" spans="8:8">
      <c r="H631630" s="12"/>
    </row>
    <row r="631631" spans="8:8">
      <c r="H631631" s="12"/>
    </row>
    <row r="631632" spans="8:8">
      <c r="H631632" s="12"/>
    </row>
    <row r="631633" spans="8:8">
      <c r="H631633" s="12"/>
    </row>
    <row r="631634" spans="8:8">
      <c r="H631634" s="12"/>
    </row>
    <row r="631635" spans="8:8">
      <c r="H631635" s="12"/>
    </row>
    <row r="631636" spans="8:8">
      <c r="H631636" s="12"/>
    </row>
    <row r="631637" spans="8:8">
      <c r="H631637" s="12"/>
    </row>
    <row r="631638" spans="8:8">
      <c r="H631638" s="12"/>
    </row>
    <row r="631639" spans="8:8">
      <c r="H631639" s="12"/>
    </row>
    <row r="631640" spans="8:8">
      <c r="H631640" s="12"/>
    </row>
    <row r="631641" spans="8:8">
      <c r="H631641" s="12"/>
    </row>
    <row r="631642" spans="8:8">
      <c r="H631642" s="12"/>
    </row>
    <row r="631643" spans="8:8">
      <c r="H631643" s="12"/>
    </row>
    <row r="631644" spans="8:8">
      <c r="H631644" s="12"/>
    </row>
    <row r="631645" spans="8:8">
      <c r="H631645" s="12"/>
    </row>
    <row r="631646" spans="8:8">
      <c r="H631646" s="12"/>
    </row>
    <row r="631647" spans="8:8">
      <c r="H631647" s="12"/>
    </row>
    <row r="631648" spans="8:8">
      <c r="H631648" s="12"/>
    </row>
    <row r="631649" spans="8:8">
      <c r="H631649" s="12"/>
    </row>
    <row r="631650" spans="8:8">
      <c r="H631650" s="12"/>
    </row>
    <row r="631651" spans="8:8">
      <c r="H631651" s="12"/>
    </row>
    <row r="631652" spans="8:8">
      <c r="H631652" s="12"/>
    </row>
    <row r="631653" spans="8:8">
      <c r="H631653" s="12"/>
    </row>
    <row r="631654" spans="8:8">
      <c r="H631654" s="12"/>
    </row>
    <row r="631655" spans="8:8">
      <c r="H631655" s="12"/>
    </row>
    <row r="631656" spans="8:8">
      <c r="H631656" s="12"/>
    </row>
    <row r="631657" spans="8:8">
      <c r="H631657" s="12"/>
    </row>
    <row r="631658" spans="8:8">
      <c r="H631658" s="12"/>
    </row>
    <row r="631659" spans="8:8">
      <c r="H631659" s="12"/>
    </row>
    <row r="631660" spans="8:8">
      <c r="H631660" s="12"/>
    </row>
    <row r="631661" spans="8:8">
      <c r="H631661" s="12"/>
    </row>
    <row r="631662" spans="8:8">
      <c r="H631662" s="12"/>
    </row>
    <row r="631663" spans="8:8">
      <c r="H631663" s="12"/>
    </row>
    <row r="631664" spans="8:8">
      <c r="H631664" s="12"/>
    </row>
    <row r="631665" spans="8:8">
      <c r="H631665" s="12"/>
    </row>
    <row r="631666" spans="8:8">
      <c r="H631666" s="12"/>
    </row>
    <row r="631667" spans="8:8">
      <c r="H631667" s="12"/>
    </row>
    <row r="631668" spans="8:8">
      <c r="H631668" s="12"/>
    </row>
    <row r="631669" spans="8:8">
      <c r="H631669" s="12"/>
    </row>
    <row r="631670" spans="8:8">
      <c r="H631670" s="12"/>
    </row>
    <row r="631671" spans="8:8">
      <c r="H631671" s="12"/>
    </row>
    <row r="631672" spans="8:8">
      <c r="H631672" s="12"/>
    </row>
    <row r="631673" spans="8:8">
      <c r="H631673" s="12"/>
    </row>
    <row r="631674" spans="8:8">
      <c r="H631674" s="12"/>
    </row>
    <row r="631675" spans="8:8">
      <c r="H631675" s="12"/>
    </row>
    <row r="631676" spans="8:8">
      <c r="H631676" s="12"/>
    </row>
    <row r="631677" spans="8:8">
      <c r="H631677" s="12"/>
    </row>
    <row r="631678" spans="8:8">
      <c r="H631678" s="12"/>
    </row>
    <row r="631679" spans="8:8">
      <c r="H631679" s="12"/>
    </row>
    <row r="631680" spans="8:8">
      <c r="H631680" s="12"/>
    </row>
    <row r="631681" spans="8:8">
      <c r="H631681" s="12"/>
    </row>
    <row r="631682" spans="8:8">
      <c r="H631682" s="12"/>
    </row>
    <row r="631683" spans="8:8">
      <c r="H631683" s="12"/>
    </row>
    <row r="631684" spans="8:8">
      <c r="H631684" s="12"/>
    </row>
    <row r="631685" spans="8:8">
      <c r="H631685" s="12"/>
    </row>
    <row r="631686" spans="8:8">
      <c r="H631686" s="12"/>
    </row>
    <row r="631687" spans="8:8">
      <c r="H631687" s="12"/>
    </row>
    <row r="631688" spans="8:8">
      <c r="H631688" s="12"/>
    </row>
    <row r="631689" spans="8:8">
      <c r="H631689" s="12"/>
    </row>
    <row r="631690" spans="8:8">
      <c r="H631690" s="12"/>
    </row>
    <row r="631691" spans="8:8">
      <c r="H631691" s="12"/>
    </row>
    <row r="631692" spans="8:8">
      <c r="H631692" s="12"/>
    </row>
    <row r="631693" spans="8:8">
      <c r="H631693" s="12"/>
    </row>
    <row r="631694" spans="8:8">
      <c r="H631694" s="12"/>
    </row>
    <row r="631695" spans="8:8">
      <c r="H631695" s="12"/>
    </row>
    <row r="631696" spans="8:8">
      <c r="H631696" s="12"/>
    </row>
    <row r="631697" spans="8:8">
      <c r="H631697" s="12"/>
    </row>
    <row r="631698" spans="8:8">
      <c r="H631698" s="12"/>
    </row>
    <row r="631699" spans="8:8">
      <c r="H631699" s="12"/>
    </row>
    <row r="631700" spans="8:8">
      <c r="H631700" s="12"/>
    </row>
    <row r="631701" spans="8:8">
      <c r="H631701" s="12"/>
    </row>
    <row r="631702" spans="8:8">
      <c r="H631702" s="12"/>
    </row>
    <row r="631703" spans="8:8">
      <c r="H631703" s="12"/>
    </row>
    <row r="631704" spans="8:8">
      <c r="H631704" s="12"/>
    </row>
    <row r="631705" spans="8:8">
      <c r="H631705" s="12"/>
    </row>
    <row r="631706" spans="8:8">
      <c r="H631706" s="12"/>
    </row>
    <row r="631707" spans="8:8">
      <c r="H631707" s="12"/>
    </row>
    <row r="631708" spans="8:8">
      <c r="H631708" s="12"/>
    </row>
    <row r="631709" spans="8:8">
      <c r="H631709" s="12"/>
    </row>
    <row r="631710" spans="8:8">
      <c r="H631710" s="12"/>
    </row>
    <row r="631711" spans="8:8">
      <c r="H631711" s="12"/>
    </row>
    <row r="631712" spans="8:8">
      <c r="H631712" s="12"/>
    </row>
    <row r="631713" spans="8:8">
      <c r="H631713" s="12"/>
    </row>
    <row r="631714" spans="8:8">
      <c r="H631714" s="12"/>
    </row>
    <row r="631715" spans="8:8">
      <c r="H631715" s="12"/>
    </row>
    <row r="631716" spans="8:8">
      <c r="H631716" s="12"/>
    </row>
    <row r="631717" spans="8:8">
      <c r="H631717" s="12"/>
    </row>
    <row r="631718" spans="8:8">
      <c r="H631718" s="12"/>
    </row>
    <row r="631719" spans="8:8">
      <c r="H631719" s="12"/>
    </row>
    <row r="631720" spans="8:8">
      <c r="H631720" s="12"/>
    </row>
    <row r="631721" spans="8:8">
      <c r="H631721" s="12"/>
    </row>
    <row r="631722" spans="8:8">
      <c r="H631722" s="12"/>
    </row>
    <row r="631723" spans="8:8">
      <c r="H631723" s="12"/>
    </row>
    <row r="631724" spans="8:8">
      <c r="H631724" s="12"/>
    </row>
    <row r="631725" spans="8:8">
      <c r="H631725" s="12"/>
    </row>
    <row r="631726" spans="8:8">
      <c r="H631726" s="12"/>
    </row>
    <row r="631727" spans="8:8">
      <c r="H631727" s="12"/>
    </row>
    <row r="631728" spans="8:8">
      <c r="H631728" s="12"/>
    </row>
    <row r="631729" spans="8:8">
      <c r="H631729" s="12"/>
    </row>
    <row r="631730" spans="8:8">
      <c r="H631730" s="12"/>
    </row>
    <row r="631731" spans="8:8">
      <c r="H631731" s="12"/>
    </row>
    <row r="631732" spans="8:8">
      <c r="H631732" s="12"/>
    </row>
    <row r="631733" spans="8:8">
      <c r="H631733" s="12"/>
    </row>
    <row r="631734" spans="8:8">
      <c r="H631734" s="12"/>
    </row>
    <row r="631735" spans="8:8">
      <c r="H631735" s="12"/>
    </row>
    <row r="631736" spans="8:8">
      <c r="H631736" s="12"/>
    </row>
    <row r="631737" spans="8:8">
      <c r="H631737" s="12"/>
    </row>
    <row r="631738" spans="8:8">
      <c r="H631738" s="12"/>
    </row>
    <row r="631739" spans="8:8">
      <c r="H631739" s="12"/>
    </row>
    <row r="631740" spans="8:8">
      <c r="H631740" s="12"/>
    </row>
    <row r="631741" spans="8:8">
      <c r="H631741" s="12"/>
    </row>
    <row r="631742" spans="8:8">
      <c r="H631742" s="12"/>
    </row>
    <row r="631743" spans="8:8">
      <c r="H631743" s="12"/>
    </row>
    <row r="631744" spans="8:8">
      <c r="H631744" s="12"/>
    </row>
    <row r="631745" spans="8:8">
      <c r="H631745" s="12"/>
    </row>
    <row r="631746" spans="8:8">
      <c r="H631746" s="12"/>
    </row>
    <row r="631747" spans="8:8">
      <c r="H631747" s="12"/>
    </row>
    <row r="631748" spans="8:8">
      <c r="H631748" s="12"/>
    </row>
    <row r="631749" spans="8:8">
      <c r="H631749" s="12"/>
    </row>
    <row r="631750" spans="8:8">
      <c r="H631750" s="12"/>
    </row>
    <row r="631751" spans="8:8">
      <c r="H631751" s="12"/>
    </row>
    <row r="631752" spans="8:8">
      <c r="H631752" s="12"/>
    </row>
    <row r="631753" spans="8:8">
      <c r="H631753" s="12"/>
    </row>
    <row r="631754" spans="8:8">
      <c r="H631754" s="12"/>
    </row>
    <row r="631755" spans="8:8">
      <c r="H631755" s="12"/>
    </row>
    <row r="631756" spans="8:8">
      <c r="H631756" s="12"/>
    </row>
    <row r="631757" spans="8:8">
      <c r="H631757" s="12"/>
    </row>
    <row r="631758" spans="8:8">
      <c r="H631758" s="12"/>
    </row>
    <row r="631759" spans="8:8">
      <c r="H631759" s="12"/>
    </row>
    <row r="631760" spans="8:8">
      <c r="H631760" s="12"/>
    </row>
    <row r="631761" spans="8:8">
      <c r="H631761" s="12"/>
    </row>
    <row r="631762" spans="8:8">
      <c r="H631762" s="12"/>
    </row>
    <row r="631763" spans="8:8">
      <c r="H631763" s="12"/>
    </row>
    <row r="631764" spans="8:8">
      <c r="H631764" s="12"/>
    </row>
    <row r="631765" spans="8:8">
      <c r="H631765" s="12"/>
    </row>
    <row r="631766" spans="8:8">
      <c r="H631766" s="12"/>
    </row>
    <row r="631767" spans="8:8">
      <c r="H631767" s="12"/>
    </row>
    <row r="631768" spans="8:8">
      <c r="H631768" s="12"/>
    </row>
    <row r="631769" spans="8:8">
      <c r="H631769" s="12"/>
    </row>
    <row r="631770" spans="8:8">
      <c r="H631770" s="12"/>
    </row>
    <row r="631771" spans="8:8">
      <c r="H631771" s="12"/>
    </row>
    <row r="631772" spans="8:8">
      <c r="H631772" s="12"/>
    </row>
    <row r="631773" spans="8:8">
      <c r="H631773" s="12"/>
    </row>
    <row r="631774" spans="8:8">
      <c r="H631774" s="12"/>
    </row>
    <row r="631775" spans="8:8">
      <c r="H631775" s="12"/>
    </row>
    <row r="631776" spans="8:8">
      <c r="H631776" s="12"/>
    </row>
    <row r="631777" spans="8:8">
      <c r="H631777" s="12"/>
    </row>
    <row r="631778" spans="8:8">
      <c r="H631778" s="12"/>
    </row>
    <row r="631779" spans="8:8">
      <c r="H631779" s="12"/>
    </row>
    <row r="631780" spans="8:8">
      <c r="H631780" s="12"/>
    </row>
    <row r="631781" spans="8:8">
      <c r="H631781" s="12"/>
    </row>
    <row r="631782" spans="8:8">
      <c r="H631782" s="12"/>
    </row>
    <row r="631783" spans="8:8">
      <c r="H631783" s="12"/>
    </row>
    <row r="631784" spans="8:8">
      <c r="H631784" s="12"/>
    </row>
    <row r="631785" spans="8:8">
      <c r="H631785" s="12"/>
    </row>
    <row r="631786" spans="8:8">
      <c r="H631786" s="12"/>
    </row>
    <row r="631787" spans="8:8">
      <c r="H631787" s="12"/>
    </row>
    <row r="631788" spans="8:8">
      <c r="H631788" s="12"/>
    </row>
    <row r="631789" spans="8:8">
      <c r="H631789" s="12"/>
    </row>
    <row r="631790" spans="8:8">
      <c r="H631790" s="12"/>
    </row>
    <row r="631791" spans="8:8">
      <c r="H631791" s="12"/>
    </row>
    <row r="631792" spans="8:8">
      <c r="H631792" s="12"/>
    </row>
    <row r="631793" spans="8:8">
      <c r="H631793" s="12"/>
    </row>
    <row r="631794" spans="8:8">
      <c r="H631794" s="12"/>
    </row>
    <row r="631795" spans="8:8">
      <c r="H631795" s="12"/>
    </row>
    <row r="631796" spans="8:8">
      <c r="H631796" s="12"/>
    </row>
    <row r="631797" spans="8:8">
      <c r="H631797" s="12"/>
    </row>
    <row r="631798" spans="8:8">
      <c r="H631798" s="12"/>
    </row>
    <row r="631799" spans="8:8">
      <c r="H631799" s="12"/>
    </row>
    <row r="631800" spans="8:8">
      <c r="H631800" s="12"/>
    </row>
    <row r="631801" spans="8:8">
      <c r="H631801" s="12"/>
    </row>
    <row r="631802" spans="8:8">
      <c r="H631802" s="12"/>
    </row>
    <row r="631803" spans="8:8">
      <c r="H631803" s="12"/>
    </row>
    <row r="631804" spans="8:8">
      <c r="H631804" s="12"/>
    </row>
    <row r="631805" spans="8:8">
      <c r="H631805" s="12"/>
    </row>
    <row r="631806" spans="8:8">
      <c r="H631806" s="12"/>
    </row>
    <row r="631807" spans="8:8">
      <c r="H631807" s="12"/>
    </row>
    <row r="631808" spans="8:8">
      <c r="H631808" s="12"/>
    </row>
    <row r="631809" spans="8:8">
      <c r="H631809" s="12"/>
    </row>
    <row r="631810" spans="8:8">
      <c r="H631810" s="12"/>
    </row>
    <row r="631811" spans="8:8">
      <c r="H631811" s="12"/>
    </row>
    <row r="631812" spans="8:8">
      <c r="H631812" s="12"/>
    </row>
    <row r="631813" spans="8:8">
      <c r="H631813" s="12"/>
    </row>
    <row r="631814" spans="8:8">
      <c r="H631814" s="12"/>
    </row>
    <row r="631815" spans="8:8">
      <c r="H631815" s="12"/>
    </row>
    <row r="631816" spans="8:8">
      <c r="H631816" s="12"/>
    </row>
    <row r="631817" spans="8:8">
      <c r="H631817" s="12"/>
    </row>
    <row r="631818" spans="8:8">
      <c r="H631818" s="12"/>
    </row>
    <row r="631819" spans="8:8">
      <c r="H631819" s="12"/>
    </row>
    <row r="631820" spans="8:8">
      <c r="H631820" s="12"/>
    </row>
    <row r="631821" spans="8:8">
      <c r="H631821" s="12"/>
    </row>
    <row r="631822" spans="8:8">
      <c r="H631822" s="12"/>
    </row>
    <row r="631823" spans="8:8">
      <c r="H631823" s="12"/>
    </row>
    <row r="631824" spans="8:8">
      <c r="H631824" s="12"/>
    </row>
    <row r="631825" spans="8:8">
      <c r="H631825" s="12"/>
    </row>
    <row r="631826" spans="8:8">
      <c r="H631826" s="12"/>
    </row>
    <row r="631827" spans="8:8">
      <c r="H631827" s="12"/>
    </row>
    <row r="631828" spans="8:8">
      <c r="H631828" s="12"/>
    </row>
    <row r="631829" spans="8:8">
      <c r="H631829" s="12"/>
    </row>
    <row r="631830" spans="8:8">
      <c r="H631830" s="12"/>
    </row>
    <row r="631831" spans="8:8">
      <c r="H631831" s="12"/>
    </row>
    <row r="631832" spans="8:8">
      <c r="H631832" s="12"/>
    </row>
    <row r="631833" spans="8:8">
      <c r="H631833" s="12"/>
    </row>
    <row r="631834" spans="8:8">
      <c r="H631834" s="12"/>
    </row>
    <row r="631835" spans="8:8">
      <c r="H631835" s="12"/>
    </row>
    <row r="631836" spans="8:8">
      <c r="H631836" s="12"/>
    </row>
    <row r="631837" spans="8:8">
      <c r="H631837" s="12"/>
    </row>
    <row r="631838" spans="8:8">
      <c r="H631838" s="12"/>
    </row>
    <row r="631839" spans="8:8">
      <c r="H631839" s="12"/>
    </row>
    <row r="631840" spans="8:8">
      <c r="H631840" s="12"/>
    </row>
    <row r="631841" spans="8:8">
      <c r="H631841" s="12"/>
    </row>
    <row r="631842" spans="8:8">
      <c r="H631842" s="12"/>
    </row>
    <row r="631843" spans="8:8">
      <c r="H631843" s="12"/>
    </row>
    <row r="631844" spans="8:8">
      <c r="H631844" s="12"/>
    </row>
    <row r="631845" spans="8:8">
      <c r="H631845" s="12"/>
    </row>
    <row r="631846" spans="8:8">
      <c r="H631846" s="12"/>
    </row>
    <row r="631847" spans="8:8">
      <c r="H631847" s="12"/>
    </row>
    <row r="631848" spans="8:8">
      <c r="H631848" s="12"/>
    </row>
    <row r="631849" spans="8:8">
      <c r="H631849" s="12"/>
    </row>
    <row r="631850" spans="8:8">
      <c r="H631850" s="12"/>
    </row>
    <row r="631851" spans="8:8">
      <c r="H631851" s="12"/>
    </row>
    <row r="631852" spans="8:8">
      <c r="H631852" s="12"/>
    </row>
    <row r="631853" spans="8:8">
      <c r="H631853" s="12"/>
    </row>
    <row r="631854" spans="8:8">
      <c r="H631854" s="12"/>
    </row>
    <row r="631855" spans="8:8">
      <c r="H631855" s="12"/>
    </row>
    <row r="631856" spans="8:8">
      <c r="H631856" s="12"/>
    </row>
    <row r="631857" spans="8:8">
      <c r="H631857" s="12"/>
    </row>
    <row r="631858" spans="8:8">
      <c r="H631858" s="12"/>
    </row>
    <row r="631859" spans="8:8">
      <c r="H631859" s="12"/>
    </row>
    <row r="631860" spans="8:8">
      <c r="H631860" s="12"/>
    </row>
    <row r="631861" spans="8:8">
      <c r="H631861" s="12"/>
    </row>
    <row r="631862" spans="8:8">
      <c r="H631862" s="12"/>
    </row>
    <row r="631863" spans="8:8">
      <c r="H631863" s="12"/>
    </row>
    <row r="631864" spans="8:8">
      <c r="H631864" s="12"/>
    </row>
    <row r="631865" spans="8:8">
      <c r="H631865" s="12"/>
    </row>
    <row r="631866" spans="8:8">
      <c r="H631866" s="12"/>
    </row>
    <row r="631867" spans="8:8">
      <c r="H631867" s="12"/>
    </row>
    <row r="631868" spans="8:8">
      <c r="H631868" s="12"/>
    </row>
    <row r="631869" spans="8:8">
      <c r="H631869" s="12"/>
    </row>
    <row r="631870" spans="8:8">
      <c r="H631870" s="12"/>
    </row>
    <row r="631871" spans="8:8">
      <c r="H631871" s="12"/>
    </row>
    <row r="631872" spans="8:8">
      <c r="H631872" s="12"/>
    </row>
    <row r="631873" spans="8:8">
      <c r="H631873" s="12"/>
    </row>
    <row r="631874" spans="8:8">
      <c r="H631874" s="12"/>
    </row>
    <row r="631875" spans="8:8">
      <c r="H631875" s="12"/>
    </row>
    <row r="631876" spans="8:8">
      <c r="H631876" s="12"/>
    </row>
    <row r="631877" spans="8:8">
      <c r="H631877" s="12"/>
    </row>
    <row r="631878" spans="8:8">
      <c r="H631878" s="12"/>
    </row>
    <row r="631879" spans="8:8">
      <c r="H631879" s="12"/>
    </row>
    <row r="631880" spans="8:8">
      <c r="H631880" s="12"/>
    </row>
    <row r="631881" spans="8:8">
      <c r="H631881" s="12"/>
    </row>
    <row r="631882" spans="8:8">
      <c r="H631882" s="12"/>
    </row>
    <row r="631883" spans="8:8">
      <c r="H631883" s="12"/>
    </row>
    <row r="631884" spans="8:8">
      <c r="H631884" s="12"/>
    </row>
    <row r="631885" spans="8:8">
      <c r="H631885" s="12"/>
    </row>
    <row r="631886" spans="8:8">
      <c r="H631886" s="12"/>
    </row>
    <row r="631887" spans="8:8">
      <c r="H631887" s="12"/>
    </row>
    <row r="631888" spans="8:8">
      <c r="H631888" s="12"/>
    </row>
    <row r="631889" spans="8:8">
      <c r="H631889" s="12"/>
    </row>
    <row r="631890" spans="8:8">
      <c r="H631890" s="12"/>
    </row>
    <row r="631891" spans="8:8">
      <c r="H631891" s="12"/>
    </row>
    <row r="631892" spans="8:8">
      <c r="H631892" s="12"/>
    </row>
    <row r="631893" spans="8:8">
      <c r="H631893" s="12"/>
    </row>
    <row r="631894" spans="8:8">
      <c r="H631894" s="12"/>
    </row>
    <row r="631895" spans="8:8">
      <c r="H631895" s="12"/>
    </row>
    <row r="631896" spans="8:8">
      <c r="H631896" s="12"/>
    </row>
    <row r="631897" spans="8:8">
      <c r="H631897" s="12"/>
    </row>
    <row r="631898" spans="8:8">
      <c r="H631898" s="12"/>
    </row>
    <row r="631899" spans="8:8">
      <c r="H631899" s="12"/>
    </row>
    <row r="631900" spans="8:8">
      <c r="H631900" s="12"/>
    </row>
    <row r="631901" spans="8:8">
      <c r="H631901" s="12"/>
    </row>
    <row r="631902" spans="8:8">
      <c r="H631902" s="12"/>
    </row>
    <row r="631903" spans="8:8">
      <c r="H631903" s="12"/>
    </row>
    <row r="631904" spans="8:8">
      <c r="H631904" s="12"/>
    </row>
    <row r="631905" spans="8:8">
      <c r="H631905" s="12"/>
    </row>
    <row r="631906" spans="8:8">
      <c r="H631906" s="12"/>
    </row>
    <row r="631907" spans="8:8">
      <c r="H631907" s="12"/>
    </row>
    <row r="631908" spans="8:8">
      <c r="H631908" s="12"/>
    </row>
    <row r="631909" spans="8:8">
      <c r="H631909" s="12"/>
    </row>
    <row r="631910" spans="8:8">
      <c r="H631910" s="12"/>
    </row>
    <row r="631911" spans="8:8">
      <c r="H631911" s="12"/>
    </row>
    <row r="631912" spans="8:8">
      <c r="H631912" s="12"/>
    </row>
    <row r="631913" spans="8:8">
      <c r="H631913" s="12"/>
    </row>
    <row r="631914" spans="8:8">
      <c r="H631914" s="12"/>
    </row>
    <row r="631915" spans="8:8">
      <c r="H631915" s="12"/>
    </row>
    <row r="631916" spans="8:8">
      <c r="H631916" s="12"/>
    </row>
    <row r="631917" spans="8:8">
      <c r="H631917" s="12"/>
    </row>
    <row r="631918" spans="8:8">
      <c r="H631918" s="12"/>
    </row>
    <row r="631919" spans="8:8">
      <c r="H631919" s="12"/>
    </row>
    <row r="631920" spans="8:8">
      <c r="H631920" s="12"/>
    </row>
    <row r="631921" spans="8:8">
      <c r="H631921" s="12"/>
    </row>
    <row r="631922" spans="8:8">
      <c r="H631922" s="12"/>
    </row>
    <row r="631923" spans="8:8">
      <c r="H631923" s="12"/>
    </row>
    <row r="631924" spans="8:8">
      <c r="H631924" s="12"/>
    </row>
    <row r="631925" spans="8:8">
      <c r="H631925" s="12"/>
    </row>
    <row r="631926" spans="8:8">
      <c r="H631926" s="12"/>
    </row>
    <row r="631927" spans="8:8">
      <c r="H631927" s="12"/>
    </row>
    <row r="631928" spans="8:8">
      <c r="H631928" s="12"/>
    </row>
    <row r="631929" spans="8:8">
      <c r="H631929" s="12"/>
    </row>
    <row r="631930" spans="8:8">
      <c r="H631930" s="12"/>
    </row>
    <row r="631931" spans="8:8">
      <c r="H631931" s="12"/>
    </row>
    <row r="631932" spans="8:8">
      <c r="H631932" s="12"/>
    </row>
    <row r="631933" spans="8:8">
      <c r="H631933" s="12"/>
    </row>
    <row r="631934" spans="8:8">
      <c r="H631934" s="12"/>
    </row>
    <row r="631935" spans="8:8">
      <c r="H631935" s="12"/>
    </row>
    <row r="631936" spans="8:8">
      <c r="H631936" s="12"/>
    </row>
    <row r="631937" spans="8:8">
      <c r="H631937" s="12"/>
    </row>
    <row r="631938" spans="8:8">
      <c r="H631938" s="12"/>
    </row>
    <row r="631939" spans="8:8">
      <c r="H631939" s="12"/>
    </row>
    <row r="631940" spans="8:8">
      <c r="H631940" s="12"/>
    </row>
    <row r="631941" spans="8:8">
      <c r="H631941" s="12"/>
    </row>
    <row r="631942" spans="8:8">
      <c r="H631942" s="12"/>
    </row>
    <row r="631943" spans="8:8">
      <c r="H631943" s="12"/>
    </row>
    <row r="631944" spans="8:8">
      <c r="H631944" s="12"/>
    </row>
    <row r="631945" spans="8:8">
      <c r="H631945" s="12"/>
    </row>
    <row r="631946" spans="8:8">
      <c r="H631946" s="12"/>
    </row>
    <row r="631947" spans="8:8">
      <c r="H631947" s="12"/>
    </row>
    <row r="631948" spans="8:8">
      <c r="H631948" s="12"/>
    </row>
    <row r="631949" spans="8:8">
      <c r="H631949" s="12"/>
    </row>
    <row r="631950" spans="8:8">
      <c r="H631950" s="12"/>
    </row>
    <row r="631951" spans="8:8">
      <c r="H631951" s="12"/>
    </row>
    <row r="631952" spans="8:8">
      <c r="H631952" s="12"/>
    </row>
    <row r="631953" spans="8:8">
      <c r="H631953" s="12"/>
    </row>
    <row r="631954" spans="8:8">
      <c r="H631954" s="12"/>
    </row>
    <row r="631955" spans="8:8">
      <c r="H631955" s="12"/>
    </row>
    <row r="631956" spans="8:8">
      <c r="H631956" s="12"/>
    </row>
    <row r="631957" spans="8:8">
      <c r="H631957" s="12"/>
    </row>
    <row r="631958" spans="8:8">
      <c r="H631958" s="12"/>
    </row>
    <row r="631959" spans="8:8">
      <c r="H631959" s="12"/>
    </row>
    <row r="631960" spans="8:8">
      <c r="H631960" s="12"/>
    </row>
    <row r="631961" spans="8:8">
      <c r="H631961" s="12"/>
    </row>
    <row r="631962" spans="8:8">
      <c r="H631962" s="12"/>
    </row>
    <row r="631963" spans="8:8">
      <c r="H631963" s="12"/>
    </row>
    <row r="631964" spans="8:8">
      <c r="H631964" s="12"/>
    </row>
    <row r="631965" spans="8:8">
      <c r="H631965" s="12"/>
    </row>
    <row r="631966" spans="8:8">
      <c r="H631966" s="12"/>
    </row>
    <row r="631967" spans="8:8">
      <c r="H631967" s="12"/>
    </row>
    <row r="631968" spans="8:8">
      <c r="H631968" s="12"/>
    </row>
    <row r="631969" spans="8:8">
      <c r="H631969" s="12"/>
    </row>
    <row r="631970" spans="8:8">
      <c r="H631970" s="12"/>
    </row>
    <row r="631971" spans="8:8">
      <c r="H631971" s="12"/>
    </row>
    <row r="631972" spans="8:8">
      <c r="H631972" s="12"/>
    </row>
    <row r="631973" spans="8:8">
      <c r="H631973" s="12"/>
    </row>
    <row r="631974" spans="8:8">
      <c r="H631974" s="12"/>
    </row>
    <row r="631975" spans="8:8">
      <c r="H631975" s="12"/>
    </row>
    <row r="631976" spans="8:8">
      <c r="H631976" s="12"/>
    </row>
    <row r="631977" spans="8:8">
      <c r="H631977" s="12"/>
    </row>
    <row r="631978" spans="8:8">
      <c r="H631978" s="12"/>
    </row>
    <row r="631979" spans="8:8">
      <c r="H631979" s="12"/>
    </row>
    <row r="631980" spans="8:8">
      <c r="H631980" s="12"/>
    </row>
    <row r="631981" spans="8:8">
      <c r="H631981" s="12"/>
    </row>
    <row r="631982" spans="8:8">
      <c r="H631982" s="12"/>
    </row>
    <row r="631983" spans="8:8">
      <c r="H631983" s="12"/>
    </row>
    <row r="631984" spans="8:8">
      <c r="H631984" s="12"/>
    </row>
    <row r="631985" spans="8:8">
      <c r="H631985" s="12"/>
    </row>
    <row r="631986" spans="8:8">
      <c r="H631986" s="12"/>
    </row>
    <row r="631987" spans="8:8">
      <c r="H631987" s="12"/>
    </row>
    <row r="631988" spans="8:8">
      <c r="H631988" s="12"/>
    </row>
    <row r="631989" spans="8:8">
      <c r="H631989" s="12"/>
    </row>
    <row r="631990" spans="8:8">
      <c r="H631990" s="12"/>
    </row>
    <row r="631991" spans="8:8">
      <c r="H631991" s="12"/>
    </row>
    <row r="631992" spans="8:8">
      <c r="H631992" s="12"/>
    </row>
    <row r="631993" spans="8:8">
      <c r="H631993" s="12"/>
    </row>
    <row r="631994" spans="8:8">
      <c r="H631994" s="12"/>
    </row>
    <row r="631995" spans="8:8">
      <c r="H631995" s="12"/>
    </row>
    <row r="631996" spans="8:8">
      <c r="H631996" s="12"/>
    </row>
    <row r="631997" spans="8:8">
      <c r="H631997" s="12"/>
    </row>
    <row r="631998" spans="8:8">
      <c r="H631998" s="12"/>
    </row>
    <row r="631999" spans="8:8">
      <c r="H631999" s="12"/>
    </row>
    <row r="632000" spans="8:8">
      <c r="H632000" s="12"/>
    </row>
    <row r="632001" spans="8:8">
      <c r="H632001" s="12"/>
    </row>
    <row r="632002" spans="8:8">
      <c r="H632002" s="12"/>
    </row>
    <row r="632003" spans="8:8">
      <c r="H632003" s="12"/>
    </row>
    <row r="632004" spans="8:8">
      <c r="H632004" s="12"/>
    </row>
    <row r="632005" spans="8:8">
      <c r="H632005" s="12"/>
    </row>
    <row r="632006" spans="8:8">
      <c r="H632006" s="12"/>
    </row>
    <row r="632007" spans="8:8">
      <c r="H632007" s="12"/>
    </row>
    <row r="632008" spans="8:8">
      <c r="H632008" s="12"/>
    </row>
    <row r="632009" spans="8:8">
      <c r="H632009" s="12"/>
    </row>
    <row r="632010" spans="8:8">
      <c r="H632010" s="12"/>
    </row>
    <row r="632011" spans="8:8">
      <c r="H632011" s="12"/>
    </row>
    <row r="632012" spans="8:8">
      <c r="H632012" s="12"/>
    </row>
    <row r="632013" spans="8:8">
      <c r="H632013" s="12"/>
    </row>
    <row r="632014" spans="8:8">
      <c r="H632014" s="12"/>
    </row>
    <row r="632015" spans="8:8">
      <c r="H632015" s="12"/>
    </row>
    <row r="632016" spans="8:8">
      <c r="H632016" s="12"/>
    </row>
    <row r="632017" spans="8:8">
      <c r="H632017" s="12"/>
    </row>
    <row r="632018" spans="8:8">
      <c r="H632018" s="12"/>
    </row>
    <row r="632019" spans="8:8">
      <c r="H632019" s="12"/>
    </row>
    <row r="632020" spans="8:8">
      <c r="H632020" s="12"/>
    </row>
    <row r="632021" spans="8:8">
      <c r="H632021" s="12"/>
    </row>
    <row r="632022" spans="8:8">
      <c r="H632022" s="12"/>
    </row>
    <row r="632023" spans="8:8">
      <c r="H632023" s="12"/>
    </row>
    <row r="632024" spans="8:8">
      <c r="H632024" s="12"/>
    </row>
    <row r="632025" spans="8:8">
      <c r="H632025" s="12"/>
    </row>
    <row r="632026" spans="8:8">
      <c r="H632026" s="12"/>
    </row>
    <row r="632027" spans="8:8">
      <c r="H632027" s="12"/>
    </row>
    <row r="632028" spans="8:8">
      <c r="H632028" s="12"/>
    </row>
    <row r="632029" spans="8:8">
      <c r="H632029" s="12"/>
    </row>
    <row r="632030" spans="8:8">
      <c r="H632030" s="12"/>
    </row>
    <row r="632031" spans="8:8">
      <c r="H632031" s="12"/>
    </row>
    <row r="632032" spans="8:8">
      <c r="H632032" s="12"/>
    </row>
    <row r="632033" spans="8:8">
      <c r="H632033" s="12"/>
    </row>
    <row r="632034" spans="8:8">
      <c r="H632034" s="12"/>
    </row>
    <row r="632035" spans="8:8">
      <c r="H632035" s="12"/>
    </row>
    <row r="632036" spans="8:8">
      <c r="H632036" s="12"/>
    </row>
    <row r="632037" spans="8:8">
      <c r="H632037" s="12"/>
    </row>
    <row r="632038" spans="8:8">
      <c r="H632038" s="12"/>
    </row>
    <row r="632039" spans="8:8">
      <c r="H632039" s="12"/>
    </row>
    <row r="632040" spans="8:8">
      <c r="H632040" s="12"/>
    </row>
    <row r="632041" spans="8:8">
      <c r="H632041" s="12"/>
    </row>
    <row r="632042" spans="8:8">
      <c r="H632042" s="12"/>
    </row>
    <row r="632043" spans="8:8">
      <c r="H632043" s="12"/>
    </row>
    <row r="632044" spans="8:8">
      <c r="H632044" s="12"/>
    </row>
    <row r="632045" spans="8:8">
      <c r="H632045" s="12"/>
    </row>
    <row r="632046" spans="8:8">
      <c r="H632046" s="12"/>
    </row>
    <row r="632047" spans="8:8">
      <c r="H632047" s="12"/>
    </row>
    <row r="632048" spans="8:8">
      <c r="H632048" s="12"/>
    </row>
    <row r="632049" spans="8:8">
      <c r="H632049" s="12"/>
    </row>
    <row r="632050" spans="8:8">
      <c r="H632050" s="12"/>
    </row>
    <row r="632051" spans="8:8">
      <c r="H632051" s="12"/>
    </row>
    <row r="632052" spans="8:8">
      <c r="H632052" s="12"/>
    </row>
    <row r="632053" spans="8:8">
      <c r="H632053" s="12"/>
    </row>
    <row r="632054" spans="8:8">
      <c r="H632054" s="12"/>
    </row>
    <row r="632055" spans="8:8">
      <c r="H632055" s="12"/>
    </row>
    <row r="632056" spans="8:8">
      <c r="H632056" s="12"/>
    </row>
    <row r="632057" spans="8:8">
      <c r="H632057" s="12"/>
    </row>
    <row r="632058" spans="8:8">
      <c r="H632058" s="12"/>
    </row>
    <row r="632059" spans="8:8">
      <c r="H632059" s="12"/>
    </row>
    <row r="632060" spans="8:8">
      <c r="H632060" s="12"/>
    </row>
    <row r="632061" spans="8:8">
      <c r="H632061" s="12"/>
    </row>
    <row r="632062" spans="8:8">
      <c r="H632062" s="12"/>
    </row>
    <row r="632063" spans="8:8">
      <c r="H632063" s="12"/>
    </row>
    <row r="632064" spans="8:8">
      <c r="H632064" s="12"/>
    </row>
    <row r="632065" spans="8:8">
      <c r="H632065" s="12"/>
    </row>
    <row r="632066" spans="8:8">
      <c r="H632066" s="12"/>
    </row>
    <row r="632067" spans="8:8">
      <c r="H632067" s="12"/>
    </row>
    <row r="632068" spans="8:8">
      <c r="H632068" s="12"/>
    </row>
    <row r="632069" spans="8:8">
      <c r="H632069" s="12"/>
    </row>
    <row r="632070" spans="8:8">
      <c r="H632070" s="12"/>
    </row>
    <row r="632071" spans="8:8">
      <c r="H632071" s="12"/>
    </row>
    <row r="632072" spans="8:8">
      <c r="H632072" s="12"/>
    </row>
    <row r="632073" spans="8:8">
      <c r="H632073" s="12"/>
    </row>
    <row r="632074" spans="8:8">
      <c r="H632074" s="12"/>
    </row>
    <row r="632075" spans="8:8">
      <c r="H632075" s="12"/>
    </row>
    <row r="632076" spans="8:8">
      <c r="H632076" s="12"/>
    </row>
    <row r="632077" spans="8:8">
      <c r="H632077" s="12"/>
    </row>
    <row r="632078" spans="8:8">
      <c r="H632078" s="12"/>
    </row>
    <row r="632079" spans="8:8">
      <c r="H632079" s="12"/>
    </row>
    <row r="632080" spans="8:8">
      <c r="H632080" s="12"/>
    </row>
    <row r="632081" spans="8:8">
      <c r="H632081" s="12"/>
    </row>
    <row r="632082" spans="8:8">
      <c r="H632082" s="12"/>
    </row>
    <row r="632083" spans="8:8">
      <c r="H632083" s="12"/>
    </row>
    <row r="632084" spans="8:8">
      <c r="H632084" s="12"/>
    </row>
    <row r="632085" spans="8:8">
      <c r="H632085" s="12"/>
    </row>
    <row r="632086" spans="8:8">
      <c r="H632086" s="12"/>
    </row>
    <row r="632087" spans="8:8">
      <c r="H632087" s="12"/>
    </row>
    <row r="632088" spans="8:8">
      <c r="H632088" s="12"/>
    </row>
    <row r="632089" spans="8:8">
      <c r="H632089" s="12"/>
    </row>
    <row r="632090" spans="8:8">
      <c r="H632090" s="12"/>
    </row>
    <row r="632091" spans="8:8">
      <c r="H632091" s="12"/>
    </row>
    <row r="632092" spans="8:8">
      <c r="H632092" s="12"/>
    </row>
    <row r="632093" spans="8:8">
      <c r="H632093" s="12"/>
    </row>
    <row r="632094" spans="8:8">
      <c r="H632094" s="12"/>
    </row>
    <row r="632095" spans="8:8">
      <c r="H632095" s="12"/>
    </row>
    <row r="632096" spans="8:8">
      <c r="H632096" s="12"/>
    </row>
    <row r="632097" spans="8:8">
      <c r="H632097" s="12"/>
    </row>
    <row r="632098" spans="8:8">
      <c r="H632098" s="12"/>
    </row>
    <row r="632099" spans="8:8">
      <c r="H632099" s="12"/>
    </row>
    <row r="632100" spans="8:8">
      <c r="H632100" s="12"/>
    </row>
    <row r="632101" spans="8:8">
      <c r="H632101" s="12"/>
    </row>
    <row r="632102" spans="8:8">
      <c r="H632102" s="12"/>
    </row>
    <row r="632103" spans="8:8">
      <c r="H632103" s="12"/>
    </row>
    <row r="632104" spans="8:8">
      <c r="H632104" s="12"/>
    </row>
    <row r="632105" spans="8:8">
      <c r="H632105" s="12"/>
    </row>
    <row r="632106" spans="8:8">
      <c r="H632106" s="12"/>
    </row>
    <row r="632107" spans="8:8">
      <c r="H632107" s="12"/>
    </row>
    <row r="632108" spans="8:8">
      <c r="H632108" s="12"/>
    </row>
    <row r="632109" spans="8:8">
      <c r="H632109" s="12"/>
    </row>
    <row r="632110" spans="8:8">
      <c r="H632110" s="12"/>
    </row>
    <row r="632111" spans="8:8">
      <c r="H632111" s="12"/>
    </row>
    <row r="632112" spans="8:8">
      <c r="H632112" s="12"/>
    </row>
    <row r="632113" spans="8:8">
      <c r="H632113" s="12"/>
    </row>
    <row r="632114" spans="8:8">
      <c r="H632114" s="12"/>
    </row>
    <row r="632115" spans="8:8">
      <c r="H632115" s="12"/>
    </row>
    <row r="632116" spans="8:8">
      <c r="H632116" s="12"/>
    </row>
    <row r="632117" spans="8:8">
      <c r="H632117" s="12"/>
    </row>
    <row r="632118" spans="8:8">
      <c r="H632118" s="12"/>
    </row>
    <row r="632119" spans="8:8">
      <c r="H632119" s="12"/>
    </row>
    <row r="632120" spans="8:8">
      <c r="H632120" s="12"/>
    </row>
    <row r="632121" spans="8:8">
      <c r="H632121" s="12"/>
    </row>
    <row r="632122" spans="8:8">
      <c r="H632122" s="12"/>
    </row>
    <row r="632123" spans="8:8">
      <c r="H632123" s="12"/>
    </row>
    <row r="632124" spans="8:8">
      <c r="H632124" s="12"/>
    </row>
    <row r="632125" spans="8:8">
      <c r="H632125" s="12"/>
    </row>
    <row r="632126" spans="8:8">
      <c r="H632126" s="12"/>
    </row>
    <row r="632127" spans="8:8">
      <c r="H632127" s="12"/>
    </row>
    <row r="632128" spans="8:8">
      <c r="H632128" s="12"/>
    </row>
    <row r="632129" spans="8:8">
      <c r="H632129" s="12"/>
    </row>
    <row r="632130" spans="8:8">
      <c r="H632130" s="12"/>
    </row>
    <row r="632131" spans="8:8">
      <c r="H632131" s="12"/>
    </row>
    <row r="632132" spans="8:8">
      <c r="H632132" s="12"/>
    </row>
    <row r="632133" spans="8:8">
      <c r="H632133" s="12"/>
    </row>
    <row r="632134" spans="8:8">
      <c r="H632134" s="12"/>
    </row>
    <row r="632135" spans="8:8">
      <c r="H632135" s="12"/>
    </row>
    <row r="632136" spans="8:8">
      <c r="H632136" s="12"/>
    </row>
    <row r="632137" spans="8:8">
      <c r="H632137" s="12"/>
    </row>
    <row r="632138" spans="8:8">
      <c r="H632138" s="12"/>
    </row>
    <row r="632139" spans="8:8">
      <c r="H632139" s="12"/>
    </row>
    <row r="632140" spans="8:8">
      <c r="H632140" s="12"/>
    </row>
    <row r="632141" spans="8:8">
      <c r="H632141" s="12"/>
    </row>
    <row r="632142" spans="8:8">
      <c r="H632142" s="12"/>
    </row>
    <row r="632143" spans="8:8">
      <c r="H632143" s="12"/>
    </row>
    <row r="632144" spans="8:8">
      <c r="H632144" s="12"/>
    </row>
    <row r="632145" spans="8:8">
      <c r="H632145" s="12"/>
    </row>
    <row r="632146" spans="8:8">
      <c r="H632146" s="12"/>
    </row>
    <row r="632147" spans="8:8">
      <c r="H632147" s="12"/>
    </row>
    <row r="632148" spans="8:8">
      <c r="H632148" s="12"/>
    </row>
    <row r="632149" spans="8:8">
      <c r="H632149" s="12"/>
    </row>
    <row r="632150" spans="8:8">
      <c r="H632150" s="12"/>
    </row>
    <row r="632151" spans="8:8">
      <c r="H632151" s="12"/>
    </row>
    <row r="632152" spans="8:8">
      <c r="H632152" s="12"/>
    </row>
    <row r="632153" spans="8:8">
      <c r="H632153" s="12"/>
    </row>
    <row r="632154" spans="8:8">
      <c r="H632154" s="12"/>
    </row>
    <row r="632155" spans="8:8">
      <c r="H632155" s="12"/>
    </row>
    <row r="632156" spans="8:8">
      <c r="H632156" s="12"/>
    </row>
    <row r="632157" spans="8:8">
      <c r="H632157" s="12"/>
    </row>
    <row r="632158" spans="8:8">
      <c r="H632158" s="12"/>
    </row>
    <row r="632159" spans="8:8">
      <c r="H632159" s="12"/>
    </row>
    <row r="632160" spans="8:8">
      <c r="H632160" s="12"/>
    </row>
    <row r="632161" spans="8:8">
      <c r="H632161" s="12"/>
    </row>
    <row r="632162" spans="8:8">
      <c r="H632162" s="12"/>
    </row>
    <row r="632163" spans="8:8">
      <c r="H632163" s="12"/>
    </row>
    <row r="632164" spans="8:8">
      <c r="H632164" s="12"/>
    </row>
    <row r="632165" spans="8:8">
      <c r="H632165" s="12"/>
    </row>
    <row r="632166" spans="8:8">
      <c r="H632166" s="12"/>
    </row>
    <row r="632167" spans="8:8">
      <c r="H632167" s="12"/>
    </row>
    <row r="632168" spans="8:8">
      <c r="H632168" s="12"/>
    </row>
    <row r="632169" spans="8:8">
      <c r="H632169" s="12"/>
    </row>
    <row r="632170" spans="8:8">
      <c r="H632170" s="12"/>
    </row>
    <row r="632171" spans="8:8">
      <c r="H632171" s="12"/>
    </row>
    <row r="632172" spans="8:8">
      <c r="H632172" s="12"/>
    </row>
    <row r="632173" spans="8:8">
      <c r="H632173" s="12"/>
    </row>
    <row r="632174" spans="8:8">
      <c r="H632174" s="12"/>
    </row>
    <row r="632175" spans="8:8">
      <c r="H632175" s="12"/>
    </row>
    <row r="632176" spans="8:8">
      <c r="H632176" s="12"/>
    </row>
    <row r="632177" spans="8:8">
      <c r="H632177" s="12"/>
    </row>
    <row r="632178" spans="8:8">
      <c r="H632178" s="12"/>
    </row>
    <row r="632179" spans="8:8">
      <c r="H632179" s="12"/>
    </row>
    <row r="632180" spans="8:8">
      <c r="H632180" s="12"/>
    </row>
    <row r="632181" spans="8:8">
      <c r="H632181" s="12"/>
    </row>
    <row r="632182" spans="8:8">
      <c r="H632182" s="12"/>
    </row>
    <row r="632183" spans="8:8">
      <c r="H632183" s="12"/>
    </row>
    <row r="632184" spans="8:8">
      <c r="H632184" s="12"/>
    </row>
    <row r="632185" spans="8:8">
      <c r="H632185" s="12"/>
    </row>
    <row r="632186" spans="8:8">
      <c r="H632186" s="12"/>
    </row>
    <row r="632187" spans="8:8">
      <c r="H632187" s="12"/>
    </row>
    <row r="632188" spans="8:8">
      <c r="H632188" s="12"/>
    </row>
    <row r="632189" spans="8:8">
      <c r="H632189" s="12"/>
    </row>
    <row r="632190" spans="8:8">
      <c r="H632190" s="12"/>
    </row>
    <row r="632191" spans="8:8">
      <c r="H632191" s="12"/>
    </row>
    <row r="632192" spans="8:8">
      <c r="H632192" s="12"/>
    </row>
    <row r="632193" spans="8:8">
      <c r="H632193" s="12"/>
    </row>
    <row r="632194" spans="8:8">
      <c r="H632194" s="12"/>
    </row>
    <row r="632195" spans="8:8">
      <c r="H632195" s="12"/>
    </row>
    <row r="632196" spans="8:8">
      <c r="H632196" s="12"/>
    </row>
    <row r="632197" spans="8:8">
      <c r="H632197" s="12"/>
    </row>
    <row r="632198" spans="8:8">
      <c r="H632198" s="12"/>
    </row>
    <row r="632199" spans="8:8">
      <c r="H632199" s="12"/>
    </row>
    <row r="632200" spans="8:8">
      <c r="H632200" s="12"/>
    </row>
    <row r="632201" spans="8:8">
      <c r="H632201" s="12"/>
    </row>
    <row r="632202" spans="8:8">
      <c r="H632202" s="12"/>
    </row>
    <row r="632203" spans="8:8">
      <c r="H632203" s="12"/>
    </row>
    <row r="632204" spans="8:8">
      <c r="H632204" s="12"/>
    </row>
    <row r="632205" spans="8:8">
      <c r="H632205" s="12"/>
    </row>
    <row r="632206" spans="8:8">
      <c r="H632206" s="12"/>
    </row>
    <row r="632207" spans="8:8">
      <c r="H632207" s="12"/>
    </row>
    <row r="632208" spans="8:8">
      <c r="H632208" s="12"/>
    </row>
    <row r="632209" spans="8:8">
      <c r="H632209" s="12"/>
    </row>
    <row r="632210" spans="8:8">
      <c r="H632210" s="12"/>
    </row>
    <row r="632211" spans="8:8">
      <c r="H632211" s="12"/>
    </row>
    <row r="632212" spans="8:8">
      <c r="H632212" s="12"/>
    </row>
    <row r="632213" spans="8:8">
      <c r="H632213" s="12"/>
    </row>
    <row r="632214" spans="8:8">
      <c r="H632214" s="12"/>
    </row>
    <row r="632215" spans="8:8">
      <c r="H632215" s="12"/>
    </row>
    <row r="632216" spans="8:8">
      <c r="H632216" s="12"/>
    </row>
    <row r="632217" spans="8:8">
      <c r="H632217" s="12"/>
    </row>
    <row r="632218" spans="8:8">
      <c r="H632218" s="12"/>
    </row>
    <row r="632219" spans="8:8">
      <c r="H632219" s="12"/>
    </row>
    <row r="632220" spans="8:8">
      <c r="H632220" s="12"/>
    </row>
    <row r="632221" spans="8:8">
      <c r="H632221" s="12"/>
    </row>
    <row r="632222" spans="8:8">
      <c r="H632222" s="12"/>
    </row>
    <row r="632223" spans="8:8">
      <c r="H632223" s="12"/>
    </row>
    <row r="632224" spans="8:8">
      <c r="H632224" s="12"/>
    </row>
    <row r="632225" spans="8:8">
      <c r="H632225" s="12"/>
    </row>
    <row r="632226" spans="8:8">
      <c r="H632226" s="12"/>
    </row>
    <row r="632227" spans="8:8">
      <c r="H632227" s="12"/>
    </row>
    <row r="632228" spans="8:8">
      <c r="H632228" s="12"/>
    </row>
    <row r="632229" spans="8:8">
      <c r="H632229" s="12"/>
    </row>
    <row r="632230" spans="8:8">
      <c r="H632230" s="12"/>
    </row>
    <row r="632231" spans="8:8">
      <c r="H632231" s="12"/>
    </row>
    <row r="632232" spans="8:8">
      <c r="H632232" s="12"/>
    </row>
    <row r="632233" spans="8:8">
      <c r="H632233" s="12"/>
    </row>
    <row r="632234" spans="8:8">
      <c r="H632234" s="12"/>
    </row>
    <row r="632235" spans="8:8">
      <c r="H632235" s="12"/>
    </row>
    <row r="632236" spans="8:8">
      <c r="H632236" s="12"/>
    </row>
    <row r="632237" spans="8:8">
      <c r="H632237" s="12"/>
    </row>
    <row r="632238" spans="8:8">
      <c r="H632238" s="12"/>
    </row>
    <row r="632239" spans="8:8">
      <c r="H632239" s="12"/>
    </row>
    <row r="632240" spans="8:8">
      <c r="H632240" s="12"/>
    </row>
    <row r="632241" spans="8:8">
      <c r="H632241" s="12"/>
    </row>
    <row r="632242" spans="8:8">
      <c r="H632242" s="12"/>
    </row>
    <row r="632243" spans="8:8">
      <c r="H632243" s="12"/>
    </row>
    <row r="632244" spans="8:8">
      <c r="H632244" s="12"/>
    </row>
    <row r="632245" spans="8:8">
      <c r="H632245" s="12"/>
    </row>
    <row r="632246" spans="8:8">
      <c r="H632246" s="12"/>
    </row>
    <row r="632247" spans="8:8">
      <c r="H632247" s="12"/>
    </row>
    <row r="632248" spans="8:8">
      <c r="H632248" s="12"/>
    </row>
    <row r="632249" spans="8:8">
      <c r="H632249" s="12"/>
    </row>
    <row r="632250" spans="8:8">
      <c r="H632250" s="12"/>
    </row>
    <row r="632251" spans="8:8">
      <c r="H632251" s="12"/>
    </row>
    <row r="632252" spans="8:8">
      <c r="H632252" s="12"/>
    </row>
    <row r="632253" spans="8:8">
      <c r="H632253" s="12"/>
    </row>
    <row r="632254" spans="8:8">
      <c r="H632254" s="12"/>
    </row>
    <row r="632255" spans="8:8">
      <c r="H632255" s="12"/>
    </row>
    <row r="632256" spans="8:8">
      <c r="H632256" s="12"/>
    </row>
    <row r="632257" spans="8:8">
      <c r="H632257" s="12"/>
    </row>
    <row r="632258" spans="8:8">
      <c r="H632258" s="12"/>
    </row>
    <row r="632259" spans="8:8">
      <c r="H632259" s="12"/>
    </row>
    <row r="632260" spans="8:8">
      <c r="H632260" s="12"/>
    </row>
    <row r="632261" spans="8:8">
      <c r="H632261" s="12"/>
    </row>
    <row r="632262" spans="8:8">
      <c r="H632262" s="12"/>
    </row>
    <row r="632263" spans="8:8">
      <c r="H632263" s="12"/>
    </row>
    <row r="632264" spans="8:8">
      <c r="H632264" s="12"/>
    </row>
    <row r="632265" spans="8:8">
      <c r="H632265" s="12"/>
    </row>
    <row r="632266" spans="8:8">
      <c r="H632266" s="12"/>
    </row>
    <row r="632267" spans="8:8">
      <c r="H632267" s="12"/>
    </row>
    <row r="632268" spans="8:8">
      <c r="H632268" s="12"/>
    </row>
    <row r="632269" spans="8:8">
      <c r="H632269" s="12"/>
    </row>
    <row r="632270" spans="8:8">
      <c r="H632270" s="12"/>
    </row>
    <row r="632271" spans="8:8">
      <c r="H632271" s="12"/>
    </row>
    <row r="632272" spans="8:8">
      <c r="H632272" s="12"/>
    </row>
    <row r="632273" spans="8:8">
      <c r="H632273" s="12"/>
    </row>
    <row r="632274" spans="8:8">
      <c r="H632274" s="12"/>
    </row>
    <row r="632275" spans="8:8">
      <c r="H632275" s="12"/>
    </row>
    <row r="632276" spans="8:8">
      <c r="H632276" s="12"/>
    </row>
    <row r="632277" spans="8:8">
      <c r="H632277" s="12"/>
    </row>
    <row r="632278" spans="8:8">
      <c r="H632278" s="12"/>
    </row>
    <row r="632279" spans="8:8">
      <c r="H632279" s="12"/>
    </row>
    <row r="632280" spans="8:8">
      <c r="H632280" s="12"/>
    </row>
    <row r="632281" spans="8:8">
      <c r="H632281" s="12"/>
    </row>
    <row r="632282" spans="8:8">
      <c r="H632282" s="12"/>
    </row>
    <row r="632283" spans="8:8">
      <c r="H632283" s="12"/>
    </row>
    <row r="632284" spans="8:8">
      <c r="H632284" s="12"/>
    </row>
    <row r="632285" spans="8:8">
      <c r="H632285" s="12"/>
    </row>
    <row r="632286" spans="8:8">
      <c r="H632286" s="12"/>
    </row>
    <row r="632287" spans="8:8">
      <c r="H632287" s="12"/>
    </row>
    <row r="632288" spans="8:8">
      <c r="H632288" s="12"/>
    </row>
    <row r="632289" spans="8:8">
      <c r="H632289" s="12"/>
    </row>
    <row r="632290" spans="8:8">
      <c r="H632290" s="12"/>
    </row>
    <row r="632291" spans="8:8">
      <c r="H632291" s="12"/>
    </row>
    <row r="632292" spans="8:8">
      <c r="H632292" s="12"/>
    </row>
    <row r="632293" spans="8:8">
      <c r="H632293" s="12"/>
    </row>
    <row r="632294" spans="8:8">
      <c r="H632294" s="12"/>
    </row>
    <row r="632295" spans="8:8">
      <c r="H632295" s="12"/>
    </row>
    <row r="632296" spans="8:8">
      <c r="H632296" s="12"/>
    </row>
    <row r="632297" spans="8:8">
      <c r="H632297" s="12"/>
    </row>
    <row r="632298" spans="8:8">
      <c r="H632298" s="12"/>
    </row>
    <row r="632299" spans="8:8">
      <c r="H632299" s="12"/>
    </row>
    <row r="632300" spans="8:8">
      <c r="H632300" s="12"/>
    </row>
    <row r="632301" spans="8:8">
      <c r="H632301" s="12"/>
    </row>
    <row r="632302" spans="8:8">
      <c r="H632302" s="12"/>
    </row>
    <row r="632303" spans="8:8">
      <c r="H632303" s="12"/>
    </row>
    <row r="632304" spans="8:8">
      <c r="H632304" s="12"/>
    </row>
    <row r="632305" spans="8:8">
      <c r="H632305" s="12"/>
    </row>
    <row r="632306" spans="8:8">
      <c r="H632306" s="12"/>
    </row>
    <row r="632307" spans="8:8">
      <c r="H632307" s="12"/>
    </row>
    <row r="632308" spans="8:8">
      <c r="H632308" s="12"/>
    </row>
    <row r="632309" spans="8:8">
      <c r="H632309" s="12"/>
    </row>
    <row r="632310" spans="8:8">
      <c r="H632310" s="12"/>
    </row>
    <row r="632311" spans="8:8">
      <c r="H632311" s="12"/>
    </row>
    <row r="632312" spans="8:8">
      <c r="H632312" s="12"/>
    </row>
    <row r="632313" spans="8:8">
      <c r="H632313" s="12"/>
    </row>
    <row r="632314" spans="8:8">
      <c r="H632314" s="12"/>
    </row>
    <row r="632315" spans="8:8">
      <c r="H632315" s="12"/>
    </row>
    <row r="632316" spans="8:8">
      <c r="H632316" s="12"/>
    </row>
    <row r="632317" spans="8:8">
      <c r="H632317" s="12"/>
    </row>
    <row r="632318" spans="8:8">
      <c r="H632318" s="12"/>
    </row>
    <row r="632319" spans="8:8">
      <c r="H632319" s="12"/>
    </row>
    <row r="632320" spans="8:8">
      <c r="H632320" s="12"/>
    </row>
    <row r="632321" spans="8:8">
      <c r="H632321" s="12"/>
    </row>
    <row r="632322" spans="8:8">
      <c r="H632322" s="12"/>
    </row>
    <row r="632323" spans="8:8">
      <c r="H632323" s="12"/>
    </row>
    <row r="632324" spans="8:8">
      <c r="H632324" s="12"/>
    </row>
    <row r="632325" spans="8:8">
      <c r="H632325" s="12"/>
    </row>
    <row r="632326" spans="8:8">
      <c r="H632326" s="12"/>
    </row>
    <row r="632327" spans="8:8">
      <c r="H632327" s="12"/>
    </row>
    <row r="632328" spans="8:8">
      <c r="H632328" s="12"/>
    </row>
    <row r="632329" spans="8:8">
      <c r="H632329" s="12"/>
    </row>
    <row r="632330" spans="8:8">
      <c r="H632330" s="12"/>
    </row>
    <row r="632331" spans="8:8">
      <c r="H632331" s="12"/>
    </row>
    <row r="632332" spans="8:8">
      <c r="H632332" s="12"/>
    </row>
    <row r="632333" spans="8:8">
      <c r="H632333" s="12"/>
    </row>
    <row r="632334" spans="8:8">
      <c r="H632334" s="12"/>
    </row>
    <row r="632335" spans="8:8">
      <c r="H632335" s="12"/>
    </row>
    <row r="632336" spans="8:8">
      <c r="H632336" s="12"/>
    </row>
    <row r="632337" spans="8:8">
      <c r="H632337" s="12"/>
    </row>
    <row r="632338" spans="8:8">
      <c r="H632338" s="12"/>
    </row>
    <row r="632339" spans="8:8">
      <c r="H632339" s="12"/>
    </row>
    <row r="632340" spans="8:8">
      <c r="H632340" s="12"/>
    </row>
    <row r="632341" spans="8:8">
      <c r="H632341" s="12"/>
    </row>
    <row r="632342" spans="8:8">
      <c r="H632342" s="12"/>
    </row>
    <row r="632343" spans="8:8">
      <c r="H632343" s="12"/>
    </row>
    <row r="632344" spans="8:8">
      <c r="H632344" s="12"/>
    </row>
    <row r="632345" spans="8:8">
      <c r="H632345" s="12"/>
    </row>
    <row r="632346" spans="8:8">
      <c r="H632346" s="12"/>
    </row>
    <row r="632347" spans="8:8">
      <c r="H632347" s="12"/>
    </row>
    <row r="632348" spans="8:8">
      <c r="H632348" s="12"/>
    </row>
    <row r="632349" spans="8:8">
      <c r="H632349" s="12"/>
    </row>
    <row r="632350" spans="8:8">
      <c r="H632350" s="12"/>
    </row>
    <row r="632351" spans="8:8">
      <c r="H632351" s="12"/>
    </row>
    <row r="632352" spans="8:8">
      <c r="H632352" s="12"/>
    </row>
    <row r="632353" spans="8:8">
      <c r="H632353" s="12"/>
    </row>
    <row r="632354" spans="8:8">
      <c r="H632354" s="12"/>
    </row>
    <row r="632355" spans="8:8">
      <c r="H632355" s="12"/>
    </row>
    <row r="632356" spans="8:8">
      <c r="H632356" s="12"/>
    </row>
    <row r="632357" spans="8:8">
      <c r="H632357" s="12"/>
    </row>
    <row r="632358" spans="8:8">
      <c r="H632358" s="12"/>
    </row>
    <row r="632359" spans="8:8">
      <c r="H632359" s="12"/>
    </row>
    <row r="632360" spans="8:8">
      <c r="H632360" s="12"/>
    </row>
    <row r="632361" spans="8:8">
      <c r="H632361" s="12"/>
    </row>
    <row r="632362" spans="8:8">
      <c r="H632362" s="12"/>
    </row>
    <row r="632363" spans="8:8">
      <c r="H632363" s="12"/>
    </row>
    <row r="632364" spans="8:8">
      <c r="H632364" s="12"/>
    </row>
    <row r="632365" spans="8:8">
      <c r="H632365" s="12"/>
    </row>
    <row r="632366" spans="8:8">
      <c r="H632366" s="12"/>
    </row>
    <row r="632367" spans="8:8">
      <c r="H632367" s="12"/>
    </row>
    <row r="632368" spans="8:8">
      <c r="H632368" s="12"/>
    </row>
    <row r="632369" spans="8:8">
      <c r="H632369" s="12"/>
    </row>
    <row r="632370" spans="8:8">
      <c r="H632370" s="12"/>
    </row>
    <row r="632371" spans="8:8">
      <c r="H632371" s="12"/>
    </row>
    <row r="632372" spans="8:8">
      <c r="H632372" s="12"/>
    </row>
    <row r="632373" spans="8:8">
      <c r="H632373" s="12"/>
    </row>
    <row r="632374" spans="8:8">
      <c r="H632374" s="12"/>
    </row>
    <row r="632375" spans="8:8">
      <c r="H632375" s="12"/>
    </row>
    <row r="632376" spans="8:8">
      <c r="H632376" s="12"/>
    </row>
    <row r="632377" spans="8:8">
      <c r="H632377" s="12"/>
    </row>
    <row r="632378" spans="8:8">
      <c r="H632378" s="12"/>
    </row>
    <row r="632379" spans="8:8">
      <c r="H632379" s="12"/>
    </row>
    <row r="632380" spans="8:8">
      <c r="H632380" s="12"/>
    </row>
    <row r="632381" spans="8:8">
      <c r="H632381" s="12"/>
    </row>
    <row r="632382" spans="8:8">
      <c r="H632382" s="12"/>
    </row>
    <row r="632383" spans="8:8">
      <c r="H632383" s="12"/>
    </row>
    <row r="632384" spans="8:8">
      <c r="H632384" s="12"/>
    </row>
    <row r="632385" spans="8:8">
      <c r="H632385" s="12"/>
    </row>
    <row r="632386" spans="8:8">
      <c r="H632386" s="12"/>
    </row>
    <row r="632387" spans="8:8">
      <c r="H632387" s="12"/>
    </row>
    <row r="632388" spans="8:8">
      <c r="H632388" s="12"/>
    </row>
    <row r="632389" spans="8:8">
      <c r="H632389" s="12"/>
    </row>
    <row r="632390" spans="8:8">
      <c r="H632390" s="12"/>
    </row>
    <row r="632391" spans="8:8">
      <c r="H632391" s="12"/>
    </row>
    <row r="632392" spans="8:8">
      <c r="H632392" s="12"/>
    </row>
    <row r="632393" spans="8:8">
      <c r="H632393" s="12"/>
    </row>
    <row r="632394" spans="8:8">
      <c r="H632394" s="12"/>
    </row>
    <row r="632395" spans="8:8">
      <c r="H632395" s="12"/>
    </row>
    <row r="632396" spans="8:8">
      <c r="H632396" s="12"/>
    </row>
    <row r="632397" spans="8:8">
      <c r="H632397" s="12"/>
    </row>
    <row r="632398" spans="8:8">
      <c r="H632398" s="12"/>
    </row>
    <row r="632399" spans="8:8">
      <c r="H632399" s="12"/>
    </row>
    <row r="632400" spans="8:8">
      <c r="H632400" s="12"/>
    </row>
    <row r="632401" spans="8:8">
      <c r="H632401" s="12"/>
    </row>
    <row r="632402" spans="8:8">
      <c r="H632402" s="12"/>
    </row>
    <row r="632403" spans="8:8">
      <c r="H632403" s="12"/>
    </row>
    <row r="632404" spans="8:8">
      <c r="H632404" s="12"/>
    </row>
    <row r="632405" spans="8:8">
      <c r="H632405" s="12"/>
    </row>
    <row r="632406" spans="8:8">
      <c r="H632406" s="12"/>
    </row>
    <row r="632407" spans="8:8">
      <c r="H632407" s="12"/>
    </row>
    <row r="632408" spans="8:8">
      <c r="H632408" s="12"/>
    </row>
    <row r="632409" spans="8:8">
      <c r="H632409" s="12"/>
    </row>
    <row r="632410" spans="8:8">
      <c r="H632410" s="12"/>
    </row>
    <row r="632411" spans="8:8">
      <c r="H632411" s="12"/>
    </row>
    <row r="632412" spans="8:8">
      <c r="H632412" s="12"/>
    </row>
    <row r="632413" spans="8:8">
      <c r="H632413" s="12"/>
    </row>
    <row r="632414" spans="8:8">
      <c r="H632414" s="12"/>
    </row>
    <row r="632415" spans="8:8">
      <c r="H632415" s="12"/>
    </row>
    <row r="632416" spans="8:8">
      <c r="H632416" s="12"/>
    </row>
    <row r="632417" spans="8:8">
      <c r="H632417" s="12"/>
    </row>
    <row r="632418" spans="8:8">
      <c r="H632418" s="12"/>
    </row>
    <row r="632419" spans="8:8">
      <c r="H632419" s="12"/>
    </row>
    <row r="632420" spans="8:8">
      <c r="H632420" s="12"/>
    </row>
    <row r="632421" spans="8:8">
      <c r="H632421" s="12"/>
    </row>
    <row r="632422" spans="8:8">
      <c r="H632422" s="12"/>
    </row>
    <row r="632423" spans="8:8">
      <c r="H632423" s="12"/>
    </row>
    <row r="632424" spans="8:8">
      <c r="H632424" s="12"/>
    </row>
    <row r="632425" spans="8:8">
      <c r="H632425" s="12"/>
    </row>
    <row r="632426" spans="8:8">
      <c r="H632426" s="12"/>
    </row>
    <row r="632427" spans="8:8">
      <c r="H632427" s="12"/>
    </row>
    <row r="632428" spans="8:8">
      <c r="H632428" s="12"/>
    </row>
    <row r="632429" spans="8:8">
      <c r="H632429" s="12"/>
    </row>
    <row r="632430" spans="8:8">
      <c r="H632430" s="12"/>
    </row>
    <row r="632431" spans="8:8">
      <c r="H632431" s="12"/>
    </row>
    <row r="632432" spans="8:8">
      <c r="H632432" s="12"/>
    </row>
    <row r="632433" spans="8:8">
      <c r="H632433" s="12"/>
    </row>
    <row r="632434" spans="8:8">
      <c r="H632434" s="12"/>
    </row>
    <row r="632435" spans="8:8">
      <c r="H632435" s="12"/>
    </row>
    <row r="632436" spans="8:8">
      <c r="H632436" s="12"/>
    </row>
    <row r="632437" spans="8:8">
      <c r="H632437" s="12"/>
    </row>
    <row r="632438" spans="8:8">
      <c r="H632438" s="12"/>
    </row>
    <row r="632439" spans="8:8">
      <c r="H632439" s="12"/>
    </row>
    <row r="632440" spans="8:8">
      <c r="H632440" s="12"/>
    </row>
    <row r="632441" spans="8:8">
      <c r="H632441" s="12"/>
    </row>
    <row r="632442" spans="8:8">
      <c r="H632442" s="12"/>
    </row>
    <row r="632443" spans="8:8">
      <c r="H632443" s="12"/>
    </row>
    <row r="632444" spans="8:8">
      <c r="H632444" s="12"/>
    </row>
    <row r="632445" spans="8:8">
      <c r="H632445" s="12"/>
    </row>
    <row r="632446" spans="8:8">
      <c r="H632446" s="12"/>
    </row>
    <row r="632447" spans="8:8">
      <c r="H632447" s="12"/>
    </row>
    <row r="632448" spans="8:8">
      <c r="H632448" s="12"/>
    </row>
    <row r="632449" spans="8:8">
      <c r="H632449" s="12"/>
    </row>
    <row r="632450" spans="8:8">
      <c r="H632450" s="12"/>
    </row>
    <row r="632451" spans="8:8">
      <c r="H632451" s="12"/>
    </row>
    <row r="632452" spans="8:8">
      <c r="H632452" s="12"/>
    </row>
    <row r="632453" spans="8:8">
      <c r="H632453" s="12"/>
    </row>
    <row r="632454" spans="8:8">
      <c r="H632454" s="12"/>
    </row>
    <row r="632455" spans="8:8">
      <c r="H632455" s="12"/>
    </row>
    <row r="632456" spans="8:8">
      <c r="H632456" s="12"/>
    </row>
    <row r="632457" spans="8:8">
      <c r="H632457" s="12"/>
    </row>
    <row r="632458" spans="8:8">
      <c r="H632458" s="12"/>
    </row>
    <row r="632459" spans="8:8">
      <c r="H632459" s="12"/>
    </row>
    <row r="632460" spans="8:8">
      <c r="H632460" s="12"/>
    </row>
    <row r="632461" spans="8:8">
      <c r="H632461" s="12"/>
    </row>
    <row r="632462" spans="8:8">
      <c r="H632462" s="12"/>
    </row>
    <row r="632463" spans="8:8">
      <c r="H632463" s="12"/>
    </row>
    <row r="632464" spans="8:8">
      <c r="H632464" s="12"/>
    </row>
    <row r="632465" spans="8:8">
      <c r="H632465" s="12"/>
    </row>
    <row r="632466" spans="8:8">
      <c r="H632466" s="12"/>
    </row>
    <row r="632467" spans="8:8">
      <c r="H632467" s="12"/>
    </row>
    <row r="632468" spans="8:8">
      <c r="H632468" s="12"/>
    </row>
    <row r="632469" spans="8:8">
      <c r="H632469" s="12"/>
    </row>
    <row r="632470" spans="8:8">
      <c r="H632470" s="12"/>
    </row>
    <row r="632471" spans="8:8">
      <c r="H632471" s="12"/>
    </row>
    <row r="632472" spans="8:8">
      <c r="H632472" s="12"/>
    </row>
    <row r="632473" spans="8:8">
      <c r="H632473" s="12"/>
    </row>
    <row r="632474" spans="8:8">
      <c r="H632474" s="12"/>
    </row>
    <row r="632475" spans="8:8">
      <c r="H632475" s="12"/>
    </row>
    <row r="632476" spans="8:8">
      <c r="H632476" s="12"/>
    </row>
    <row r="632477" spans="8:8">
      <c r="H632477" s="12"/>
    </row>
    <row r="632478" spans="8:8">
      <c r="H632478" s="12"/>
    </row>
    <row r="632479" spans="8:8">
      <c r="H632479" s="12"/>
    </row>
    <row r="632480" spans="8:8">
      <c r="H632480" s="12"/>
    </row>
    <row r="632481" spans="8:8">
      <c r="H632481" s="12"/>
    </row>
    <row r="632482" spans="8:8">
      <c r="H632482" s="12"/>
    </row>
    <row r="632483" spans="8:8">
      <c r="H632483" s="12"/>
    </row>
    <row r="632484" spans="8:8">
      <c r="H632484" s="12"/>
    </row>
    <row r="632485" spans="8:8">
      <c r="H632485" s="12"/>
    </row>
    <row r="632486" spans="8:8">
      <c r="H632486" s="12"/>
    </row>
    <row r="632487" spans="8:8">
      <c r="H632487" s="12"/>
    </row>
    <row r="632488" spans="8:8">
      <c r="H632488" s="12"/>
    </row>
    <row r="632489" spans="8:8">
      <c r="H632489" s="12"/>
    </row>
    <row r="632490" spans="8:8">
      <c r="H632490" s="12"/>
    </row>
    <row r="632491" spans="8:8">
      <c r="H632491" s="12"/>
    </row>
    <row r="632492" spans="8:8">
      <c r="H632492" s="12"/>
    </row>
    <row r="632493" spans="8:8">
      <c r="H632493" s="12"/>
    </row>
    <row r="632494" spans="8:8">
      <c r="H632494" s="12"/>
    </row>
    <row r="632495" spans="8:8">
      <c r="H632495" s="12"/>
    </row>
    <row r="632496" spans="8:8">
      <c r="H632496" s="12"/>
    </row>
    <row r="632497" spans="8:8">
      <c r="H632497" s="12"/>
    </row>
    <row r="632498" spans="8:8">
      <c r="H632498" s="12"/>
    </row>
    <row r="632499" spans="8:8">
      <c r="H632499" s="12"/>
    </row>
    <row r="632500" spans="8:8">
      <c r="H632500" s="12"/>
    </row>
    <row r="632501" spans="8:8">
      <c r="H632501" s="12"/>
    </row>
    <row r="632502" spans="8:8">
      <c r="H632502" s="12"/>
    </row>
    <row r="632503" spans="8:8">
      <c r="H632503" s="12"/>
    </row>
    <row r="632504" spans="8:8">
      <c r="H632504" s="12"/>
    </row>
    <row r="632505" spans="8:8">
      <c r="H632505" s="12"/>
    </row>
    <row r="632506" spans="8:8">
      <c r="H632506" s="12"/>
    </row>
    <row r="632507" spans="8:8">
      <c r="H632507" s="12"/>
    </row>
    <row r="632508" spans="8:8">
      <c r="H632508" s="12"/>
    </row>
    <row r="632509" spans="8:8">
      <c r="H632509" s="12"/>
    </row>
    <row r="632510" spans="8:8">
      <c r="H632510" s="12"/>
    </row>
    <row r="632511" spans="8:8">
      <c r="H632511" s="12"/>
    </row>
    <row r="632512" spans="8:8">
      <c r="H632512" s="12"/>
    </row>
    <row r="632513" spans="8:8">
      <c r="H632513" s="12"/>
    </row>
    <row r="632514" spans="8:8">
      <c r="H632514" s="12"/>
    </row>
    <row r="632515" spans="8:8">
      <c r="H632515" s="12"/>
    </row>
    <row r="632516" spans="8:8">
      <c r="H632516" s="12"/>
    </row>
    <row r="632517" spans="8:8">
      <c r="H632517" s="12"/>
    </row>
    <row r="632518" spans="8:8">
      <c r="H632518" s="12"/>
    </row>
    <row r="632519" spans="8:8">
      <c r="H632519" s="12"/>
    </row>
    <row r="632520" spans="8:8">
      <c r="H632520" s="12"/>
    </row>
    <row r="632521" spans="8:8">
      <c r="H632521" s="12"/>
    </row>
    <row r="632522" spans="8:8">
      <c r="H632522" s="12"/>
    </row>
    <row r="632523" spans="8:8">
      <c r="H632523" s="12"/>
    </row>
    <row r="632524" spans="8:8">
      <c r="H632524" s="12"/>
    </row>
    <row r="632525" spans="8:8">
      <c r="H632525" s="12"/>
    </row>
    <row r="632526" spans="8:8">
      <c r="H632526" s="12"/>
    </row>
    <row r="632527" spans="8:8">
      <c r="H632527" s="12"/>
    </row>
    <row r="632528" spans="8:8">
      <c r="H632528" s="12"/>
    </row>
    <row r="632529" spans="8:8">
      <c r="H632529" s="12"/>
    </row>
    <row r="632530" spans="8:8">
      <c r="H632530" s="12"/>
    </row>
    <row r="632531" spans="8:8">
      <c r="H632531" s="12"/>
    </row>
    <row r="632532" spans="8:8">
      <c r="H632532" s="12"/>
    </row>
    <row r="632533" spans="8:8">
      <c r="H632533" s="12"/>
    </row>
    <row r="632534" spans="8:8">
      <c r="H632534" s="12"/>
    </row>
    <row r="632535" spans="8:8">
      <c r="H632535" s="12"/>
    </row>
    <row r="632536" spans="8:8">
      <c r="H632536" s="12"/>
    </row>
    <row r="632537" spans="8:8">
      <c r="H632537" s="12"/>
    </row>
    <row r="632538" spans="8:8">
      <c r="H632538" s="12"/>
    </row>
    <row r="632539" spans="8:8">
      <c r="H632539" s="12"/>
    </row>
    <row r="632540" spans="8:8">
      <c r="H632540" s="12"/>
    </row>
    <row r="632541" spans="8:8">
      <c r="H632541" s="12"/>
    </row>
    <row r="632542" spans="8:8">
      <c r="H632542" s="12"/>
    </row>
    <row r="632543" spans="8:8">
      <c r="H632543" s="12"/>
    </row>
    <row r="632544" spans="8:8">
      <c r="H632544" s="12"/>
    </row>
    <row r="632545" spans="8:8">
      <c r="H632545" s="12"/>
    </row>
    <row r="632546" spans="8:8">
      <c r="H632546" s="12"/>
    </row>
    <row r="632547" spans="8:8">
      <c r="H632547" s="12"/>
    </row>
    <row r="632548" spans="8:8">
      <c r="H632548" s="12"/>
    </row>
    <row r="632549" spans="8:8">
      <c r="H632549" s="12"/>
    </row>
    <row r="632550" spans="8:8">
      <c r="H632550" s="12"/>
    </row>
    <row r="632551" spans="8:8">
      <c r="H632551" s="12"/>
    </row>
    <row r="632552" spans="8:8">
      <c r="H632552" s="12"/>
    </row>
    <row r="632553" spans="8:8">
      <c r="H632553" s="12"/>
    </row>
    <row r="632554" spans="8:8">
      <c r="H632554" s="12"/>
    </row>
    <row r="632555" spans="8:8">
      <c r="H632555" s="12"/>
    </row>
    <row r="632556" spans="8:8">
      <c r="H632556" s="12"/>
    </row>
    <row r="632557" spans="8:8">
      <c r="H632557" s="12"/>
    </row>
    <row r="632558" spans="8:8">
      <c r="H632558" s="12"/>
    </row>
    <row r="632559" spans="8:8">
      <c r="H632559" s="12"/>
    </row>
    <row r="632560" spans="8:8">
      <c r="H632560" s="12"/>
    </row>
    <row r="632561" spans="8:8">
      <c r="H632561" s="12"/>
    </row>
    <row r="632562" spans="8:8">
      <c r="H632562" s="12"/>
    </row>
    <row r="632563" spans="8:8">
      <c r="H632563" s="12"/>
    </row>
    <row r="632564" spans="8:8">
      <c r="H632564" s="12"/>
    </row>
    <row r="632565" spans="8:8">
      <c r="H632565" s="12"/>
    </row>
    <row r="632566" spans="8:8">
      <c r="H632566" s="12"/>
    </row>
    <row r="632567" spans="8:8">
      <c r="H632567" s="12"/>
    </row>
    <row r="632568" spans="8:8">
      <c r="H632568" s="12"/>
    </row>
    <row r="632569" spans="8:8">
      <c r="H632569" s="12"/>
    </row>
    <row r="632570" spans="8:8">
      <c r="H632570" s="12"/>
    </row>
    <row r="632571" spans="8:8">
      <c r="H632571" s="12"/>
    </row>
    <row r="632572" spans="8:8">
      <c r="H632572" s="12"/>
    </row>
    <row r="632573" spans="8:8">
      <c r="H632573" s="12"/>
    </row>
    <row r="632574" spans="8:8">
      <c r="H632574" s="12"/>
    </row>
    <row r="632575" spans="8:8">
      <c r="H632575" s="12"/>
    </row>
    <row r="632576" spans="8:8">
      <c r="H632576" s="12"/>
    </row>
    <row r="632577" spans="8:8">
      <c r="H632577" s="12"/>
    </row>
    <row r="632578" spans="8:8">
      <c r="H632578" s="12"/>
    </row>
    <row r="632579" spans="8:8">
      <c r="H632579" s="12"/>
    </row>
    <row r="632580" spans="8:8">
      <c r="H632580" s="12"/>
    </row>
    <row r="632581" spans="8:8">
      <c r="H632581" s="12"/>
    </row>
    <row r="632582" spans="8:8">
      <c r="H632582" s="12"/>
    </row>
    <row r="632583" spans="8:8">
      <c r="H632583" s="12"/>
    </row>
    <row r="632584" spans="8:8">
      <c r="H632584" s="12"/>
    </row>
    <row r="632585" spans="8:8">
      <c r="H632585" s="12"/>
    </row>
    <row r="632586" spans="8:8">
      <c r="H632586" s="12"/>
    </row>
    <row r="632587" spans="8:8">
      <c r="H632587" s="12"/>
    </row>
    <row r="632588" spans="8:8">
      <c r="H632588" s="12"/>
    </row>
    <row r="632589" spans="8:8">
      <c r="H632589" s="12"/>
    </row>
    <row r="632590" spans="8:8">
      <c r="H632590" s="12"/>
    </row>
    <row r="632591" spans="8:8">
      <c r="H632591" s="12"/>
    </row>
    <row r="632592" spans="8:8">
      <c r="H632592" s="12"/>
    </row>
    <row r="632593" spans="8:8">
      <c r="H632593" s="12"/>
    </row>
    <row r="632594" spans="8:8">
      <c r="H632594" s="12"/>
    </row>
    <row r="632595" spans="8:8">
      <c r="H632595" s="12"/>
    </row>
    <row r="632596" spans="8:8">
      <c r="H632596" s="12"/>
    </row>
    <row r="632597" spans="8:8">
      <c r="H632597" s="12"/>
    </row>
    <row r="632598" spans="8:8">
      <c r="H632598" s="12"/>
    </row>
    <row r="632599" spans="8:8">
      <c r="H632599" s="12"/>
    </row>
    <row r="632600" spans="8:8">
      <c r="H632600" s="12"/>
    </row>
    <row r="632601" spans="8:8">
      <c r="H632601" s="12"/>
    </row>
    <row r="632602" spans="8:8">
      <c r="H632602" s="12"/>
    </row>
    <row r="632603" spans="8:8">
      <c r="H632603" s="12"/>
    </row>
    <row r="632604" spans="8:8">
      <c r="H632604" s="12"/>
    </row>
    <row r="632605" spans="8:8">
      <c r="H632605" s="12"/>
    </row>
    <row r="632606" spans="8:8">
      <c r="H632606" s="12"/>
    </row>
    <row r="632607" spans="8:8">
      <c r="H632607" s="12"/>
    </row>
    <row r="632608" spans="8:8">
      <c r="H632608" s="12"/>
    </row>
    <row r="632609" spans="8:8">
      <c r="H632609" s="12"/>
    </row>
    <row r="632610" spans="8:8">
      <c r="H632610" s="12"/>
    </row>
    <row r="632611" spans="8:8">
      <c r="H632611" s="12"/>
    </row>
    <row r="632612" spans="8:8">
      <c r="H632612" s="12"/>
    </row>
    <row r="632613" spans="8:8">
      <c r="H632613" s="12"/>
    </row>
    <row r="632614" spans="8:8">
      <c r="H632614" s="12"/>
    </row>
    <row r="632615" spans="8:8">
      <c r="H632615" s="12"/>
    </row>
    <row r="632616" spans="8:8">
      <c r="H632616" s="12"/>
    </row>
    <row r="632617" spans="8:8">
      <c r="H632617" s="12"/>
    </row>
    <row r="632618" spans="8:8">
      <c r="H632618" s="12"/>
    </row>
    <row r="632619" spans="8:8">
      <c r="H632619" s="12"/>
    </row>
    <row r="632620" spans="8:8">
      <c r="H632620" s="12"/>
    </row>
    <row r="632621" spans="8:8">
      <c r="H632621" s="12"/>
    </row>
    <row r="632622" spans="8:8">
      <c r="H632622" s="12"/>
    </row>
    <row r="632623" spans="8:8">
      <c r="H632623" s="12"/>
    </row>
    <row r="632624" spans="8:8">
      <c r="H632624" s="12"/>
    </row>
    <row r="632625" spans="8:8">
      <c r="H632625" s="12"/>
    </row>
    <row r="632626" spans="8:8">
      <c r="H632626" s="12"/>
    </row>
    <row r="632627" spans="8:8">
      <c r="H632627" s="12"/>
    </row>
    <row r="632628" spans="8:8">
      <c r="H632628" s="12"/>
    </row>
    <row r="632629" spans="8:8">
      <c r="H632629" s="12"/>
    </row>
    <row r="632630" spans="8:8">
      <c r="H632630" s="12"/>
    </row>
    <row r="632631" spans="8:8">
      <c r="H632631" s="12"/>
    </row>
    <row r="632632" spans="8:8">
      <c r="H632632" s="12"/>
    </row>
    <row r="632633" spans="8:8">
      <c r="H632633" s="12"/>
    </row>
    <row r="632634" spans="8:8">
      <c r="H632634" s="12"/>
    </row>
    <row r="632635" spans="8:8">
      <c r="H632635" s="12"/>
    </row>
    <row r="632636" spans="8:8">
      <c r="H632636" s="12"/>
    </row>
    <row r="632637" spans="8:8">
      <c r="H632637" s="12"/>
    </row>
    <row r="632638" spans="8:8">
      <c r="H632638" s="12"/>
    </row>
    <row r="632639" spans="8:8">
      <c r="H632639" s="12"/>
    </row>
    <row r="632640" spans="8:8">
      <c r="H632640" s="12"/>
    </row>
    <row r="632641" spans="8:8">
      <c r="H632641" s="12"/>
    </row>
    <row r="632642" spans="8:8">
      <c r="H632642" s="12"/>
    </row>
    <row r="632643" spans="8:8">
      <c r="H632643" s="12"/>
    </row>
    <row r="632644" spans="8:8">
      <c r="H632644" s="12"/>
    </row>
    <row r="632645" spans="8:8">
      <c r="H632645" s="12"/>
    </row>
    <row r="632646" spans="8:8">
      <c r="H632646" s="12"/>
    </row>
    <row r="632647" spans="8:8">
      <c r="H632647" s="12"/>
    </row>
    <row r="632648" spans="8:8">
      <c r="H632648" s="12"/>
    </row>
    <row r="632649" spans="8:8">
      <c r="H632649" s="12"/>
    </row>
    <row r="632650" spans="8:8">
      <c r="H632650" s="12"/>
    </row>
    <row r="632651" spans="8:8">
      <c r="H632651" s="12"/>
    </row>
    <row r="632652" spans="8:8">
      <c r="H632652" s="12"/>
    </row>
    <row r="632653" spans="8:8">
      <c r="H632653" s="12"/>
    </row>
    <row r="632654" spans="8:8">
      <c r="H632654" s="12"/>
    </row>
    <row r="632655" spans="8:8">
      <c r="H632655" s="12"/>
    </row>
    <row r="632656" spans="8:8">
      <c r="H632656" s="12"/>
    </row>
    <row r="632657" spans="8:8">
      <c r="H632657" s="12"/>
    </row>
    <row r="632658" spans="8:8">
      <c r="H632658" s="12"/>
    </row>
    <row r="632659" spans="8:8">
      <c r="H632659" s="12"/>
    </row>
    <row r="632660" spans="8:8">
      <c r="H632660" s="12"/>
    </row>
    <row r="632661" spans="8:8">
      <c r="H632661" s="12"/>
    </row>
    <row r="632662" spans="8:8">
      <c r="H632662" s="12"/>
    </row>
    <row r="632663" spans="8:8">
      <c r="H632663" s="12"/>
    </row>
    <row r="632664" spans="8:8">
      <c r="H632664" s="12"/>
    </row>
    <row r="632665" spans="8:8">
      <c r="H632665" s="12"/>
    </row>
    <row r="632666" spans="8:8">
      <c r="H632666" s="12"/>
    </row>
    <row r="632667" spans="8:8">
      <c r="H632667" s="12"/>
    </row>
    <row r="632668" spans="8:8">
      <c r="H632668" s="12"/>
    </row>
    <row r="632669" spans="8:8">
      <c r="H632669" s="12"/>
    </row>
    <row r="632670" spans="8:8">
      <c r="H632670" s="12"/>
    </row>
    <row r="632671" spans="8:8">
      <c r="H632671" s="12"/>
    </row>
    <row r="632672" spans="8:8">
      <c r="H632672" s="12"/>
    </row>
    <row r="632673" spans="8:8">
      <c r="H632673" s="12"/>
    </row>
    <row r="632674" spans="8:8">
      <c r="H632674" s="12"/>
    </row>
    <row r="632675" spans="8:8">
      <c r="H632675" s="12"/>
    </row>
    <row r="632676" spans="8:8">
      <c r="H632676" s="12"/>
    </row>
    <row r="632677" spans="8:8">
      <c r="H632677" s="12"/>
    </row>
    <row r="632678" spans="8:8">
      <c r="H632678" s="12"/>
    </row>
    <row r="632679" spans="8:8">
      <c r="H632679" s="12"/>
    </row>
    <row r="632680" spans="8:8">
      <c r="H632680" s="12"/>
    </row>
    <row r="632681" spans="8:8">
      <c r="H632681" s="12"/>
    </row>
    <row r="632682" spans="8:8">
      <c r="H632682" s="12"/>
    </row>
    <row r="632683" spans="8:8">
      <c r="H632683" s="12"/>
    </row>
    <row r="632684" spans="8:8">
      <c r="H632684" s="12"/>
    </row>
    <row r="632685" spans="8:8">
      <c r="H632685" s="12"/>
    </row>
    <row r="632686" spans="8:8">
      <c r="H632686" s="12"/>
    </row>
    <row r="632687" spans="8:8">
      <c r="H632687" s="12"/>
    </row>
    <row r="632688" spans="8:8">
      <c r="H632688" s="12"/>
    </row>
    <row r="632689" spans="8:8">
      <c r="H632689" s="12"/>
    </row>
    <row r="632690" spans="8:8">
      <c r="H632690" s="12"/>
    </row>
    <row r="632691" spans="8:8">
      <c r="H632691" s="12"/>
    </row>
    <row r="632692" spans="8:8">
      <c r="H632692" s="12"/>
    </row>
    <row r="632693" spans="8:8">
      <c r="H632693" s="12"/>
    </row>
    <row r="632694" spans="8:8">
      <c r="H632694" s="12"/>
    </row>
    <row r="632695" spans="8:8">
      <c r="H632695" s="12"/>
    </row>
    <row r="632696" spans="8:8">
      <c r="H632696" s="12"/>
    </row>
    <row r="632697" spans="8:8">
      <c r="H632697" s="12"/>
    </row>
    <row r="632698" spans="8:8">
      <c r="H632698" s="12"/>
    </row>
    <row r="632699" spans="8:8">
      <c r="H632699" s="12"/>
    </row>
    <row r="632700" spans="8:8">
      <c r="H632700" s="12"/>
    </row>
    <row r="632701" spans="8:8">
      <c r="H632701" s="12"/>
    </row>
    <row r="632702" spans="8:8">
      <c r="H632702" s="12"/>
    </row>
    <row r="632703" spans="8:8">
      <c r="H632703" s="12"/>
    </row>
    <row r="632704" spans="8:8">
      <c r="H632704" s="12"/>
    </row>
    <row r="632705" spans="8:8">
      <c r="H632705" s="12"/>
    </row>
    <row r="632706" spans="8:8">
      <c r="H632706" s="12"/>
    </row>
    <row r="632707" spans="8:8">
      <c r="H632707" s="12"/>
    </row>
    <row r="632708" spans="8:8">
      <c r="H632708" s="12"/>
    </row>
    <row r="632709" spans="8:8">
      <c r="H632709" s="12"/>
    </row>
    <row r="632710" spans="8:8">
      <c r="H632710" s="12"/>
    </row>
    <row r="632711" spans="8:8">
      <c r="H632711" s="12"/>
    </row>
    <row r="632712" spans="8:8">
      <c r="H632712" s="12"/>
    </row>
    <row r="632713" spans="8:8">
      <c r="H632713" s="12"/>
    </row>
    <row r="632714" spans="8:8">
      <c r="H632714" s="12"/>
    </row>
    <row r="632715" spans="8:8">
      <c r="H632715" s="12"/>
    </row>
    <row r="632716" spans="8:8">
      <c r="H632716" s="12"/>
    </row>
    <row r="632717" spans="8:8">
      <c r="H632717" s="12"/>
    </row>
    <row r="632718" spans="8:8">
      <c r="H632718" s="12"/>
    </row>
    <row r="632719" spans="8:8">
      <c r="H632719" s="12"/>
    </row>
    <row r="632720" spans="8:8">
      <c r="H632720" s="12"/>
    </row>
    <row r="632721" spans="8:8">
      <c r="H632721" s="12"/>
    </row>
    <row r="632722" spans="8:8">
      <c r="H632722" s="12"/>
    </row>
    <row r="632723" spans="8:8">
      <c r="H632723" s="12"/>
    </row>
    <row r="632724" spans="8:8">
      <c r="H632724" s="12"/>
    </row>
    <row r="632725" spans="8:8">
      <c r="H632725" s="12"/>
    </row>
    <row r="632726" spans="8:8">
      <c r="H632726" s="12"/>
    </row>
    <row r="632727" spans="8:8">
      <c r="H632727" s="12"/>
    </row>
    <row r="632728" spans="8:8">
      <c r="H632728" s="12"/>
    </row>
    <row r="632729" spans="8:8">
      <c r="H632729" s="12"/>
    </row>
    <row r="632730" spans="8:8">
      <c r="H632730" s="12"/>
    </row>
    <row r="632731" spans="8:8">
      <c r="H632731" s="12"/>
    </row>
    <row r="632732" spans="8:8">
      <c r="H632732" s="12"/>
    </row>
    <row r="632733" spans="8:8">
      <c r="H632733" s="12"/>
    </row>
    <row r="632734" spans="8:8">
      <c r="H632734" s="12"/>
    </row>
    <row r="632735" spans="8:8">
      <c r="H632735" s="12"/>
    </row>
    <row r="632736" spans="8:8">
      <c r="H632736" s="12"/>
    </row>
    <row r="632737" spans="8:8">
      <c r="H632737" s="12"/>
    </row>
    <row r="632738" spans="8:8">
      <c r="H632738" s="12"/>
    </row>
    <row r="632739" spans="8:8">
      <c r="H632739" s="12"/>
    </row>
    <row r="632740" spans="8:8">
      <c r="H632740" s="12"/>
    </row>
    <row r="632741" spans="8:8">
      <c r="H632741" s="12"/>
    </row>
    <row r="632742" spans="8:8">
      <c r="H632742" s="12"/>
    </row>
    <row r="632743" spans="8:8">
      <c r="H632743" s="12"/>
    </row>
    <row r="632744" spans="8:8">
      <c r="H632744" s="12"/>
    </row>
    <row r="632745" spans="8:8">
      <c r="H632745" s="12"/>
    </row>
    <row r="632746" spans="8:8">
      <c r="H632746" s="12"/>
    </row>
    <row r="632747" spans="8:8">
      <c r="H632747" s="12"/>
    </row>
    <row r="632748" spans="8:8">
      <c r="H632748" s="12"/>
    </row>
    <row r="632749" spans="8:8">
      <c r="H632749" s="12"/>
    </row>
    <row r="632750" spans="8:8">
      <c r="H632750" s="12"/>
    </row>
    <row r="632751" spans="8:8">
      <c r="H632751" s="12"/>
    </row>
    <row r="632752" spans="8:8">
      <c r="H632752" s="12"/>
    </row>
    <row r="632753" spans="8:8">
      <c r="H632753" s="12"/>
    </row>
    <row r="632754" spans="8:8">
      <c r="H632754" s="12"/>
    </row>
    <row r="632755" spans="8:8">
      <c r="H632755" s="12"/>
    </row>
    <row r="632756" spans="8:8">
      <c r="H632756" s="12"/>
    </row>
    <row r="632757" spans="8:8">
      <c r="H632757" s="12"/>
    </row>
    <row r="632758" spans="8:8">
      <c r="H632758" s="12"/>
    </row>
    <row r="632759" spans="8:8">
      <c r="H632759" s="12"/>
    </row>
    <row r="632760" spans="8:8">
      <c r="H632760" s="12"/>
    </row>
    <row r="632761" spans="8:8">
      <c r="H632761" s="12"/>
    </row>
    <row r="632762" spans="8:8">
      <c r="H632762" s="12"/>
    </row>
    <row r="632763" spans="8:8">
      <c r="H632763" s="12"/>
    </row>
    <row r="632764" spans="8:8">
      <c r="H632764" s="12"/>
    </row>
    <row r="632765" spans="8:8">
      <c r="H632765" s="12"/>
    </row>
    <row r="632766" spans="8:8">
      <c r="H632766" s="12"/>
    </row>
    <row r="632767" spans="8:8">
      <c r="H632767" s="12"/>
    </row>
    <row r="632768" spans="8:8">
      <c r="H632768" s="12"/>
    </row>
    <row r="632769" spans="8:8">
      <c r="H632769" s="12"/>
    </row>
    <row r="632770" spans="8:8">
      <c r="H632770" s="12"/>
    </row>
    <row r="632771" spans="8:8">
      <c r="H632771" s="12"/>
    </row>
    <row r="632772" spans="8:8">
      <c r="H632772" s="12"/>
    </row>
    <row r="632773" spans="8:8">
      <c r="H632773" s="12"/>
    </row>
    <row r="632774" spans="8:8">
      <c r="H632774" s="12"/>
    </row>
    <row r="632775" spans="8:8">
      <c r="H632775" s="12"/>
    </row>
    <row r="632776" spans="8:8">
      <c r="H632776" s="12"/>
    </row>
    <row r="632777" spans="8:8">
      <c r="H632777" s="12"/>
    </row>
    <row r="632778" spans="8:8">
      <c r="H632778" s="12"/>
    </row>
    <row r="632779" spans="8:8">
      <c r="H632779" s="12"/>
    </row>
    <row r="632780" spans="8:8">
      <c r="H632780" s="12"/>
    </row>
    <row r="632781" spans="8:8">
      <c r="H632781" s="12"/>
    </row>
    <row r="632782" spans="8:8">
      <c r="H632782" s="12"/>
    </row>
    <row r="632783" spans="8:8">
      <c r="H632783" s="12"/>
    </row>
    <row r="632784" spans="8:8">
      <c r="H632784" s="12"/>
    </row>
    <row r="632785" spans="8:8">
      <c r="H632785" s="12"/>
    </row>
    <row r="632786" spans="8:8">
      <c r="H632786" s="12"/>
    </row>
    <row r="632787" spans="8:8">
      <c r="H632787" s="12"/>
    </row>
    <row r="632788" spans="8:8">
      <c r="H632788" s="12"/>
    </row>
    <row r="632789" spans="8:8">
      <c r="H632789" s="12"/>
    </row>
    <row r="632790" spans="8:8">
      <c r="H632790" s="12"/>
    </row>
    <row r="632791" spans="8:8">
      <c r="H632791" s="12"/>
    </row>
    <row r="632792" spans="8:8">
      <c r="H632792" s="12"/>
    </row>
    <row r="632793" spans="8:8">
      <c r="H632793" s="12"/>
    </row>
    <row r="632794" spans="8:8">
      <c r="H632794" s="12"/>
    </row>
    <row r="632795" spans="8:8">
      <c r="H632795" s="12"/>
    </row>
    <row r="632796" spans="8:8">
      <c r="H632796" s="12"/>
    </row>
    <row r="632797" spans="8:8">
      <c r="H632797" s="12"/>
    </row>
    <row r="632798" spans="8:8">
      <c r="H632798" s="12"/>
    </row>
    <row r="632799" spans="8:8">
      <c r="H632799" s="12"/>
    </row>
    <row r="632800" spans="8:8">
      <c r="H632800" s="12"/>
    </row>
    <row r="632801" spans="8:8">
      <c r="H632801" s="12"/>
    </row>
    <row r="632802" spans="8:8">
      <c r="H632802" s="12"/>
    </row>
    <row r="632803" spans="8:8">
      <c r="H632803" s="12"/>
    </row>
    <row r="632804" spans="8:8">
      <c r="H632804" s="12"/>
    </row>
    <row r="632805" spans="8:8">
      <c r="H632805" s="12"/>
    </row>
    <row r="632806" spans="8:8">
      <c r="H632806" s="12"/>
    </row>
    <row r="632807" spans="8:8">
      <c r="H632807" s="12"/>
    </row>
    <row r="632808" spans="8:8">
      <c r="H632808" s="12"/>
    </row>
    <row r="632809" spans="8:8">
      <c r="H632809" s="12"/>
    </row>
    <row r="632810" spans="8:8">
      <c r="H632810" s="12"/>
    </row>
    <row r="632811" spans="8:8">
      <c r="H632811" s="12"/>
    </row>
    <row r="632812" spans="8:8">
      <c r="H632812" s="12"/>
    </row>
    <row r="632813" spans="8:8">
      <c r="H632813" s="12"/>
    </row>
    <row r="632814" spans="8:8">
      <c r="H632814" s="12"/>
    </row>
    <row r="632815" spans="8:8">
      <c r="H632815" s="12"/>
    </row>
    <row r="632816" spans="8:8">
      <c r="H632816" s="12"/>
    </row>
    <row r="632817" spans="8:8">
      <c r="H632817" s="12"/>
    </row>
    <row r="632818" spans="8:8">
      <c r="H632818" s="12"/>
    </row>
    <row r="632819" spans="8:8">
      <c r="H632819" s="12"/>
    </row>
    <row r="632820" spans="8:8">
      <c r="H632820" s="12"/>
    </row>
    <row r="632821" spans="8:8">
      <c r="H632821" s="12"/>
    </row>
    <row r="632822" spans="8:8">
      <c r="H632822" s="12"/>
    </row>
    <row r="632823" spans="8:8">
      <c r="H632823" s="12"/>
    </row>
    <row r="632824" spans="8:8">
      <c r="H632824" s="12"/>
    </row>
    <row r="632825" spans="8:8">
      <c r="H632825" s="12"/>
    </row>
    <row r="632826" spans="8:8">
      <c r="H632826" s="12"/>
    </row>
    <row r="632827" spans="8:8">
      <c r="H632827" s="12"/>
    </row>
    <row r="632828" spans="8:8">
      <c r="H632828" s="12"/>
    </row>
    <row r="632829" spans="8:8">
      <c r="H632829" s="12"/>
    </row>
    <row r="632830" spans="8:8">
      <c r="H632830" s="12"/>
    </row>
    <row r="632831" spans="8:8">
      <c r="H632831" s="12"/>
    </row>
    <row r="632832" spans="8:8">
      <c r="H632832" s="12"/>
    </row>
    <row r="632833" spans="8:8">
      <c r="H632833" s="12"/>
    </row>
    <row r="632834" spans="8:8">
      <c r="H632834" s="12"/>
    </row>
    <row r="632835" spans="8:8">
      <c r="H632835" s="12"/>
    </row>
    <row r="632836" spans="8:8">
      <c r="H632836" s="12"/>
    </row>
    <row r="632837" spans="8:8">
      <c r="H632837" s="12"/>
    </row>
    <row r="632838" spans="8:8">
      <c r="H632838" s="12"/>
    </row>
    <row r="632839" spans="8:8">
      <c r="H632839" s="12"/>
    </row>
    <row r="632840" spans="8:8">
      <c r="H632840" s="12"/>
    </row>
    <row r="632841" spans="8:8">
      <c r="H632841" s="12"/>
    </row>
    <row r="632842" spans="8:8">
      <c r="H632842" s="12"/>
    </row>
    <row r="632843" spans="8:8">
      <c r="H632843" s="12"/>
    </row>
    <row r="632844" spans="8:8">
      <c r="H632844" s="12"/>
    </row>
    <row r="632845" spans="8:8">
      <c r="H632845" s="12"/>
    </row>
    <row r="632846" spans="8:8">
      <c r="H632846" s="12"/>
    </row>
    <row r="632847" spans="8:8">
      <c r="H632847" s="12"/>
    </row>
    <row r="632848" spans="8:8">
      <c r="H632848" s="12"/>
    </row>
    <row r="632849" spans="8:8">
      <c r="H632849" s="12"/>
    </row>
    <row r="632850" spans="8:8">
      <c r="H632850" s="12"/>
    </row>
    <row r="632851" spans="8:8">
      <c r="H632851" s="12"/>
    </row>
    <row r="632852" spans="8:8">
      <c r="H632852" s="12"/>
    </row>
    <row r="632853" spans="8:8">
      <c r="H632853" s="12"/>
    </row>
    <row r="632854" spans="8:8">
      <c r="H632854" s="12"/>
    </row>
    <row r="632855" spans="8:8">
      <c r="H632855" s="12"/>
    </row>
    <row r="632856" spans="8:8">
      <c r="H632856" s="12"/>
    </row>
    <row r="632857" spans="8:8">
      <c r="H632857" s="12"/>
    </row>
    <row r="632858" spans="8:8">
      <c r="H632858" s="12"/>
    </row>
    <row r="632859" spans="8:8">
      <c r="H632859" s="12"/>
    </row>
    <row r="632860" spans="8:8">
      <c r="H632860" s="12"/>
    </row>
    <row r="632861" spans="8:8">
      <c r="H632861" s="12"/>
    </row>
    <row r="632862" spans="8:8">
      <c r="H632862" s="12"/>
    </row>
    <row r="632863" spans="8:8">
      <c r="H632863" s="12"/>
    </row>
    <row r="632864" spans="8:8">
      <c r="H632864" s="12"/>
    </row>
    <row r="632865" spans="8:8">
      <c r="H632865" s="12"/>
    </row>
    <row r="632866" spans="8:8">
      <c r="H632866" s="12"/>
    </row>
    <row r="632867" spans="8:8">
      <c r="H632867" s="12"/>
    </row>
    <row r="632868" spans="8:8">
      <c r="H632868" s="12"/>
    </row>
    <row r="632869" spans="8:8">
      <c r="H632869" s="12"/>
    </row>
    <row r="632870" spans="8:8">
      <c r="H632870" s="12"/>
    </row>
    <row r="632871" spans="8:8">
      <c r="H632871" s="12"/>
    </row>
    <row r="632872" spans="8:8">
      <c r="H632872" s="12"/>
    </row>
    <row r="632873" spans="8:8">
      <c r="H632873" s="12"/>
    </row>
    <row r="632874" spans="8:8">
      <c r="H632874" s="12"/>
    </row>
    <row r="632875" spans="8:8">
      <c r="H632875" s="12"/>
    </row>
    <row r="632876" spans="8:8">
      <c r="H632876" s="12"/>
    </row>
    <row r="632877" spans="8:8">
      <c r="H632877" s="12"/>
    </row>
    <row r="632878" spans="8:8">
      <c r="H632878" s="12"/>
    </row>
    <row r="632879" spans="8:8">
      <c r="H632879" s="12"/>
    </row>
    <row r="632880" spans="8:8">
      <c r="H632880" s="12"/>
    </row>
    <row r="632881" spans="8:8">
      <c r="H632881" s="12"/>
    </row>
    <row r="632882" spans="8:8">
      <c r="H632882" s="12"/>
    </row>
    <row r="632883" spans="8:8">
      <c r="H632883" s="12"/>
    </row>
    <row r="632884" spans="8:8">
      <c r="H632884" s="12"/>
    </row>
    <row r="632885" spans="8:8">
      <c r="H632885" s="12"/>
    </row>
    <row r="632886" spans="8:8">
      <c r="H632886" s="12"/>
    </row>
    <row r="632887" spans="8:8">
      <c r="H632887" s="12"/>
    </row>
    <row r="632888" spans="8:8">
      <c r="H632888" s="12"/>
    </row>
    <row r="632889" spans="8:8">
      <c r="H632889" s="12"/>
    </row>
    <row r="632890" spans="8:8">
      <c r="H632890" s="12"/>
    </row>
    <row r="632891" spans="8:8">
      <c r="H632891" s="12"/>
    </row>
    <row r="632892" spans="8:8">
      <c r="H632892" s="12"/>
    </row>
    <row r="632893" spans="8:8">
      <c r="H632893" s="12"/>
    </row>
    <row r="632894" spans="8:8">
      <c r="H632894" s="12"/>
    </row>
    <row r="632895" spans="8:8">
      <c r="H632895" s="12"/>
    </row>
    <row r="632896" spans="8:8">
      <c r="H632896" s="12"/>
    </row>
    <row r="632897" spans="8:8">
      <c r="H632897" s="12"/>
    </row>
    <row r="632898" spans="8:8">
      <c r="H632898" s="12"/>
    </row>
    <row r="632899" spans="8:8">
      <c r="H632899" s="12"/>
    </row>
    <row r="632900" spans="8:8">
      <c r="H632900" s="12"/>
    </row>
    <row r="632901" spans="8:8">
      <c r="H632901" s="12"/>
    </row>
    <row r="632902" spans="8:8">
      <c r="H632902" s="12"/>
    </row>
    <row r="632903" spans="8:8">
      <c r="H632903" s="12"/>
    </row>
    <row r="632904" spans="8:8">
      <c r="H632904" s="12"/>
    </row>
    <row r="632905" spans="8:8">
      <c r="H632905" s="12"/>
    </row>
    <row r="632906" spans="8:8">
      <c r="H632906" s="12"/>
    </row>
    <row r="632907" spans="8:8">
      <c r="H632907" s="12"/>
    </row>
    <row r="632908" spans="8:8">
      <c r="H632908" s="12"/>
    </row>
    <row r="632909" spans="8:8">
      <c r="H632909" s="12"/>
    </row>
    <row r="632910" spans="8:8">
      <c r="H632910" s="12"/>
    </row>
    <row r="632911" spans="8:8">
      <c r="H632911" s="12"/>
    </row>
    <row r="632912" spans="8:8">
      <c r="H632912" s="12"/>
    </row>
    <row r="632913" spans="8:8">
      <c r="H632913" s="12"/>
    </row>
    <row r="632914" spans="8:8">
      <c r="H632914" s="12"/>
    </row>
    <row r="632915" spans="8:8">
      <c r="H632915" s="12"/>
    </row>
    <row r="632916" spans="8:8">
      <c r="H632916" s="12"/>
    </row>
    <row r="632917" spans="8:8">
      <c r="H632917" s="12"/>
    </row>
    <row r="632918" spans="8:8">
      <c r="H632918" s="12"/>
    </row>
    <row r="632919" spans="8:8">
      <c r="H632919" s="12"/>
    </row>
    <row r="632920" spans="8:8">
      <c r="H632920" s="12"/>
    </row>
    <row r="632921" spans="8:8">
      <c r="H632921" s="12"/>
    </row>
    <row r="632922" spans="8:8">
      <c r="H632922" s="12"/>
    </row>
    <row r="632923" spans="8:8">
      <c r="H632923" s="12"/>
    </row>
    <row r="632924" spans="8:8">
      <c r="H632924" s="12"/>
    </row>
    <row r="632925" spans="8:8">
      <c r="H632925" s="12"/>
    </row>
    <row r="632926" spans="8:8">
      <c r="H632926" s="12"/>
    </row>
    <row r="632927" spans="8:8">
      <c r="H632927" s="12"/>
    </row>
    <row r="632928" spans="8:8">
      <c r="H632928" s="12"/>
    </row>
    <row r="632929" spans="8:8">
      <c r="H632929" s="12"/>
    </row>
    <row r="632930" spans="8:8">
      <c r="H632930" s="12"/>
    </row>
    <row r="632931" spans="8:8">
      <c r="H632931" s="12"/>
    </row>
    <row r="632932" spans="8:8">
      <c r="H632932" s="12"/>
    </row>
    <row r="632933" spans="8:8">
      <c r="H632933" s="12"/>
    </row>
    <row r="632934" spans="8:8">
      <c r="H632934" s="12"/>
    </row>
    <row r="632935" spans="8:8">
      <c r="H632935" s="12"/>
    </row>
    <row r="632936" spans="8:8">
      <c r="H632936" s="12"/>
    </row>
    <row r="632937" spans="8:8">
      <c r="H632937" s="12"/>
    </row>
    <row r="632938" spans="8:8">
      <c r="H632938" s="12"/>
    </row>
    <row r="632939" spans="8:8">
      <c r="H632939" s="12"/>
    </row>
    <row r="632940" spans="8:8">
      <c r="H632940" s="12"/>
    </row>
    <row r="632941" spans="8:8">
      <c r="H632941" s="12"/>
    </row>
    <row r="632942" spans="8:8">
      <c r="H632942" s="12"/>
    </row>
    <row r="632943" spans="8:8">
      <c r="H632943" s="12"/>
    </row>
    <row r="632944" spans="8:8">
      <c r="H632944" s="12"/>
    </row>
    <row r="632945" spans="8:8">
      <c r="H632945" s="12"/>
    </row>
    <row r="632946" spans="8:8">
      <c r="H632946" s="12"/>
    </row>
    <row r="632947" spans="8:8">
      <c r="H632947" s="12"/>
    </row>
    <row r="632948" spans="8:8">
      <c r="H632948" s="12"/>
    </row>
    <row r="632949" spans="8:8">
      <c r="H632949" s="12"/>
    </row>
    <row r="632950" spans="8:8">
      <c r="H632950" s="12"/>
    </row>
    <row r="632951" spans="8:8">
      <c r="H632951" s="12"/>
    </row>
    <row r="632952" spans="8:8">
      <c r="H632952" s="12"/>
    </row>
    <row r="632953" spans="8:8">
      <c r="H632953" s="12"/>
    </row>
    <row r="632954" spans="8:8">
      <c r="H632954" s="12"/>
    </row>
    <row r="632955" spans="8:8">
      <c r="H632955" s="12"/>
    </row>
    <row r="632956" spans="8:8">
      <c r="H632956" s="12"/>
    </row>
    <row r="632957" spans="8:8">
      <c r="H632957" s="12"/>
    </row>
    <row r="632958" spans="8:8">
      <c r="H632958" s="12"/>
    </row>
    <row r="632959" spans="8:8">
      <c r="H632959" s="12"/>
    </row>
    <row r="632960" spans="8:8">
      <c r="H632960" s="12"/>
    </row>
    <row r="632961" spans="8:8">
      <c r="H632961" s="12"/>
    </row>
    <row r="632962" spans="8:8">
      <c r="H632962" s="12"/>
    </row>
    <row r="632963" spans="8:8">
      <c r="H632963" s="12"/>
    </row>
    <row r="632964" spans="8:8">
      <c r="H632964" s="12"/>
    </row>
    <row r="632965" spans="8:8">
      <c r="H632965" s="12"/>
    </row>
    <row r="632966" spans="8:8">
      <c r="H632966" s="12"/>
    </row>
    <row r="632967" spans="8:8">
      <c r="H632967" s="12"/>
    </row>
    <row r="632968" spans="8:8">
      <c r="H632968" s="12"/>
    </row>
    <row r="632969" spans="8:8">
      <c r="H632969" s="12"/>
    </row>
    <row r="632970" spans="8:8">
      <c r="H632970" s="12"/>
    </row>
    <row r="632971" spans="8:8">
      <c r="H632971" s="12"/>
    </row>
    <row r="632972" spans="8:8">
      <c r="H632972" s="12"/>
    </row>
    <row r="632973" spans="8:8">
      <c r="H632973" s="12"/>
    </row>
    <row r="632974" spans="8:8">
      <c r="H632974" s="12"/>
    </row>
    <row r="632975" spans="8:8">
      <c r="H632975" s="12"/>
    </row>
    <row r="632976" spans="8:8">
      <c r="H632976" s="12"/>
    </row>
    <row r="632977" spans="8:8">
      <c r="H632977" s="12"/>
    </row>
    <row r="632978" spans="8:8">
      <c r="H632978" s="12"/>
    </row>
    <row r="632979" spans="8:8">
      <c r="H632979" s="12"/>
    </row>
    <row r="632980" spans="8:8">
      <c r="H632980" s="12"/>
    </row>
    <row r="632981" spans="8:8">
      <c r="H632981" s="12"/>
    </row>
    <row r="632982" spans="8:8">
      <c r="H632982" s="12"/>
    </row>
    <row r="632983" spans="8:8">
      <c r="H632983" s="12"/>
    </row>
    <row r="632984" spans="8:8">
      <c r="H632984" s="12"/>
    </row>
    <row r="632985" spans="8:8">
      <c r="H632985" s="12"/>
    </row>
    <row r="632986" spans="8:8">
      <c r="H632986" s="12"/>
    </row>
    <row r="632987" spans="8:8">
      <c r="H632987" s="12"/>
    </row>
    <row r="632988" spans="8:8">
      <c r="H632988" s="12"/>
    </row>
    <row r="632989" spans="8:8">
      <c r="H632989" s="12"/>
    </row>
    <row r="632990" spans="8:8">
      <c r="H632990" s="12"/>
    </row>
    <row r="632991" spans="8:8">
      <c r="H632991" s="12"/>
    </row>
    <row r="632992" spans="8:8">
      <c r="H632992" s="12"/>
    </row>
    <row r="632993" spans="8:8">
      <c r="H632993" s="12"/>
    </row>
    <row r="632994" spans="8:8">
      <c r="H632994" s="12"/>
    </row>
    <row r="632995" spans="8:8">
      <c r="H632995" s="12"/>
    </row>
    <row r="632996" spans="8:8">
      <c r="H632996" s="12"/>
    </row>
    <row r="632997" spans="8:8">
      <c r="H632997" s="12"/>
    </row>
    <row r="632998" spans="8:8">
      <c r="H632998" s="12"/>
    </row>
    <row r="632999" spans="8:8">
      <c r="H632999" s="12"/>
    </row>
    <row r="633000" spans="8:8">
      <c r="H633000" s="12"/>
    </row>
    <row r="633001" spans="8:8">
      <c r="H633001" s="12"/>
    </row>
    <row r="633002" spans="8:8">
      <c r="H633002" s="12"/>
    </row>
    <row r="633003" spans="8:8">
      <c r="H633003" s="12"/>
    </row>
    <row r="633004" spans="8:8">
      <c r="H633004" s="12"/>
    </row>
    <row r="633005" spans="8:8">
      <c r="H633005" s="12"/>
    </row>
    <row r="633006" spans="8:8">
      <c r="H633006" s="12"/>
    </row>
    <row r="633007" spans="8:8">
      <c r="H633007" s="12"/>
    </row>
    <row r="633008" spans="8:8">
      <c r="H633008" s="12"/>
    </row>
    <row r="633009" spans="8:8">
      <c r="H633009" s="12"/>
    </row>
    <row r="633010" spans="8:8">
      <c r="H633010" s="12"/>
    </row>
    <row r="633011" spans="8:8">
      <c r="H633011" s="12"/>
    </row>
    <row r="633012" spans="8:8">
      <c r="H633012" s="12"/>
    </row>
    <row r="633013" spans="8:8">
      <c r="H633013" s="12"/>
    </row>
    <row r="633014" spans="8:8">
      <c r="H633014" s="12"/>
    </row>
    <row r="633015" spans="8:8">
      <c r="H633015" s="12"/>
    </row>
    <row r="633016" spans="8:8">
      <c r="H633016" s="12"/>
    </row>
    <row r="633017" spans="8:8">
      <c r="H633017" s="12"/>
    </row>
    <row r="633018" spans="8:8">
      <c r="H633018" s="12"/>
    </row>
    <row r="633019" spans="8:8">
      <c r="H633019" s="12"/>
    </row>
    <row r="633020" spans="8:8">
      <c r="H633020" s="12"/>
    </row>
    <row r="633021" spans="8:8">
      <c r="H633021" s="12"/>
    </row>
    <row r="633022" spans="8:8">
      <c r="H633022" s="12"/>
    </row>
    <row r="633023" spans="8:8">
      <c r="H633023" s="12"/>
    </row>
    <row r="633024" spans="8:8">
      <c r="H633024" s="12"/>
    </row>
    <row r="633025" spans="8:8">
      <c r="H633025" s="12"/>
    </row>
    <row r="633026" spans="8:8">
      <c r="H633026" s="12"/>
    </row>
    <row r="633027" spans="8:8">
      <c r="H633027" s="12"/>
    </row>
    <row r="633028" spans="8:8">
      <c r="H633028" s="12"/>
    </row>
    <row r="633029" spans="8:8">
      <c r="H633029" s="12"/>
    </row>
    <row r="633030" spans="8:8">
      <c r="H633030" s="12"/>
    </row>
    <row r="633031" spans="8:8">
      <c r="H633031" s="12"/>
    </row>
    <row r="633032" spans="8:8">
      <c r="H633032" s="12"/>
    </row>
    <row r="633033" spans="8:8">
      <c r="H633033" s="12"/>
    </row>
    <row r="633034" spans="8:8">
      <c r="H633034" s="12"/>
    </row>
    <row r="633035" spans="8:8">
      <c r="H633035" s="12"/>
    </row>
    <row r="633036" spans="8:8">
      <c r="H633036" s="12"/>
    </row>
    <row r="633037" spans="8:8">
      <c r="H633037" s="12"/>
    </row>
    <row r="633038" spans="8:8">
      <c r="H633038" s="12"/>
    </row>
    <row r="633039" spans="8:8">
      <c r="H633039" s="12"/>
    </row>
    <row r="633040" spans="8:8">
      <c r="H633040" s="12"/>
    </row>
    <row r="633041" spans="8:8">
      <c r="H633041" s="12"/>
    </row>
    <row r="633042" spans="8:8">
      <c r="H633042" s="12"/>
    </row>
    <row r="633043" spans="8:8">
      <c r="H633043" s="12"/>
    </row>
    <row r="633044" spans="8:8">
      <c r="H633044" s="12"/>
    </row>
    <row r="633045" spans="8:8">
      <c r="H633045" s="12"/>
    </row>
    <row r="633046" spans="8:8">
      <c r="H633046" s="12"/>
    </row>
    <row r="633047" spans="8:8">
      <c r="H633047" s="12"/>
    </row>
    <row r="633048" spans="8:8">
      <c r="H633048" s="12"/>
    </row>
    <row r="633049" spans="8:8">
      <c r="H633049" s="12"/>
    </row>
    <row r="633050" spans="8:8">
      <c r="H633050" s="12"/>
    </row>
    <row r="633051" spans="8:8">
      <c r="H633051" s="12"/>
    </row>
    <row r="633052" spans="8:8">
      <c r="H633052" s="12"/>
    </row>
    <row r="633053" spans="8:8">
      <c r="H633053" s="12"/>
    </row>
    <row r="633054" spans="8:8">
      <c r="H633054" s="12"/>
    </row>
    <row r="633055" spans="8:8">
      <c r="H633055" s="12"/>
    </row>
    <row r="633056" spans="8:8">
      <c r="H633056" s="12"/>
    </row>
    <row r="633057" spans="8:8">
      <c r="H633057" s="12"/>
    </row>
    <row r="633058" spans="8:8">
      <c r="H633058" s="12"/>
    </row>
    <row r="633059" spans="8:8">
      <c r="H633059" s="12"/>
    </row>
    <row r="633060" spans="8:8">
      <c r="H633060" s="12"/>
    </row>
    <row r="633061" spans="8:8">
      <c r="H633061" s="12"/>
    </row>
    <row r="633062" spans="8:8">
      <c r="H633062" s="12"/>
    </row>
    <row r="633063" spans="8:8">
      <c r="H633063" s="12"/>
    </row>
    <row r="633064" spans="8:8">
      <c r="H633064" s="12"/>
    </row>
    <row r="633065" spans="8:8">
      <c r="H633065" s="12"/>
    </row>
    <row r="633066" spans="8:8">
      <c r="H633066" s="12"/>
    </row>
    <row r="633067" spans="8:8">
      <c r="H633067" s="12"/>
    </row>
    <row r="633068" spans="8:8">
      <c r="H633068" s="12"/>
    </row>
    <row r="633069" spans="8:8">
      <c r="H633069" s="12"/>
    </row>
    <row r="633070" spans="8:8">
      <c r="H633070" s="12"/>
    </row>
    <row r="633071" spans="8:8">
      <c r="H633071" s="12"/>
    </row>
    <row r="633072" spans="8:8">
      <c r="H633072" s="12"/>
    </row>
    <row r="633073" spans="8:8">
      <c r="H633073" s="12"/>
    </row>
    <row r="633074" spans="8:8">
      <c r="H633074" s="12"/>
    </row>
    <row r="633075" spans="8:8">
      <c r="H633075" s="12"/>
    </row>
    <row r="633076" spans="8:8">
      <c r="H633076" s="12"/>
    </row>
    <row r="633077" spans="8:8">
      <c r="H633077" s="12"/>
    </row>
    <row r="633078" spans="8:8">
      <c r="H633078" s="12"/>
    </row>
    <row r="633079" spans="8:8">
      <c r="H633079" s="12"/>
    </row>
    <row r="633080" spans="8:8">
      <c r="H633080" s="12"/>
    </row>
    <row r="633081" spans="8:8">
      <c r="H633081" s="12"/>
    </row>
    <row r="633082" spans="8:8">
      <c r="H633082" s="12"/>
    </row>
    <row r="633083" spans="8:8">
      <c r="H633083" s="12"/>
    </row>
    <row r="633084" spans="8:8">
      <c r="H633084" s="12"/>
    </row>
    <row r="633085" spans="8:8">
      <c r="H633085" s="12"/>
    </row>
    <row r="633086" spans="8:8">
      <c r="H633086" s="12"/>
    </row>
    <row r="633087" spans="8:8">
      <c r="H633087" s="12"/>
    </row>
    <row r="633088" spans="8:8">
      <c r="H633088" s="12"/>
    </row>
    <row r="633089" spans="8:8">
      <c r="H633089" s="12"/>
    </row>
    <row r="633090" spans="8:8">
      <c r="H633090" s="12"/>
    </row>
    <row r="633091" spans="8:8">
      <c r="H633091" s="12"/>
    </row>
    <row r="633092" spans="8:8">
      <c r="H633092" s="12"/>
    </row>
    <row r="633093" spans="8:8">
      <c r="H633093" s="12"/>
    </row>
    <row r="633094" spans="8:8">
      <c r="H633094" s="12"/>
    </row>
    <row r="633095" spans="8:8">
      <c r="H633095" s="12"/>
    </row>
    <row r="633096" spans="8:8">
      <c r="H633096" s="12"/>
    </row>
    <row r="633097" spans="8:8">
      <c r="H633097" s="12"/>
    </row>
    <row r="633098" spans="8:8">
      <c r="H633098" s="12"/>
    </row>
    <row r="633099" spans="8:8">
      <c r="H633099" s="12"/>
    </row>
    <row r="633100" spans="8:8">
      <c r="H633100" s="12"/>
    </row>
    <row r="633101" spans="8:8">
      <c r="H633101" s="12"/>
    </row>
    <row r="633102" spans="8:8">
      <c r="H633102" s="12"/>
    </row>
    <row r="633103" spans="8:8">
      <c r="H633103" s="12"/>
    </row>
    <row r="633104" spans="8:8">
      <c r="H633104" s="12"/>
    </row>
    <row r="633105" spans="8:8">
      <c r="H633105" s="12"/>
    </row>
    <row r="633106" spans="8:8">
      <c r="H633106" s="12"/>
    </row>
    <row r="633107" spans="8:8">
      <c r="H633107" s="12"/>
    </row>
    <row r="633108" spans="8:8">
      <c r="H633108" s="12"/>
    </row>
    <row r="633109" spans="8:8">
      <c r="H633109" s="12"/>
    </row>
    <row r="633110" spans="8:8">
      <c r="H633110" s="12"/>
    </row>
    <row r="633111" spans="8:8">
      <c r="H633111" s="12"/>
    </row>
    <row r="633112" spans="8:8">
      <c r="H633112" s="12"/>
    </row>
    <row r="633113" spans="8:8">
      <c r="H633113" s="12"/>
    </row>
    <row r="633114" spans="8:8">
      <c r="H633114" s="12"/>
    </row>
    <row r="633115" spans="8:8">
      <c r="H633115" s="12"/>
    </row>
    <row r="633116" spans="8:8">
      <c r="H633116" s="12"/>
    </row>
    <row r="633117" spans="8:8">
      <c r="H633117" s="12"/>
    </row>
    <row r="633118" spans="8:8">
      <c r="H633118" s="12"/>
    </row>
    <row r="633119" spans="8:8">
      <c r="H633119" s="12"/>
    </row>
    <row r="633120" spans="8:8">
      <c r="H633120" s="12"/>
    </row>
    <row r="633121" spans="8:8">
      <c r="H633121" s="12"/>
    </row>
    <row r="633122" spans="8:8">
      <c r="H633122" s="12"/>
    </row>
    <row r="633123" spans="8:8">
      <c r="H633123" s="12"/>
    </row>
    <row r="633124" spans="8:8">
      <c r="H633124" s="12"/>
    </row>
    <row r="633125" spans="8:8">
      <c r="H633125" s="12"/>
    </row>
    <row r="633126" spans="8:8">
      <c r="H633126" s="12"/>
    </row>
    <row r="633127" spans="8:8">
      <c r="H633127" s="12"/>
    </row>
    <row r="633128" spans="8:8">
      <c r="H633128" s="12"/>
    </row>
    <row r="633129" spans="8:8">
      <c r="H633129" s="12"/>
    </row>
    <row r="633130" spans="8:8">
      <c r="H633130" s="12"/>
    </row>
    <row r="633131" spans="8:8">
      <c r="H633131" s="12"/>
    </row>
    <row r="633132" spans="8:8">
      <c r="H633132" s="12"/>
    </row>
    <row r="633133" spans="8:8">
      <c r="H633133" s="12"/>
    </row>
    <row r="633134" spans="8:8">
      <c r="H633134" s="12"/>
    </row>
    <row r="633135" spans="8:8">
      <c r="H633135" s="12"/>
    </row>
    <row r="633136" spans="8:8">
      <c r="H633136" s="12"/>
    </row>
    <row r="633137" spans="8:8">
      <c r="H633137" s="12"/>
    </row>
    <row r="633138" spans="8:8">
      <c r="H633138" s="12"/>
    </row>
    <row r="633139" spans="8:8">
      <c r="H633139" s="12"/>
    </row>
    <row r="633140" spans="8:8">
      <c r="H633140" s="12"/>
    </row>
    <row r="633141" spans="8:8">
      <c r="H633141" s="12"/>
    </row>
    <row r="633142" spans="8:8">
      <c r="H633142" s="12"/>
    </row>
    <row r="633143" spans="8:8">
      <c r="H633143" s="12"/>
    </row>
    <row r="633144" spans="8:8">
      <c r="H633144" s="12"/>
    </row>
    <row r="633145" spans="8:8">
      <c r="H633145" s="12"/>
    </row>
    <row r="633146" spans="8:8">
      <c r="H633146" s="12"/>
    </row>
    <row r="633147" spans="8:8">
      <c r="H633147" s="12"/>
    </row>
    <row r="633148" spans="8:8">
      <c r="H633148" s="12"/>
    </row>
    <row r="633149" spans="8:8">
      <c r="H633149" s="12"/>
    </row>
    <row r="633150" spans="8:8">
      <c r="H633150" s="12"/>
    </row>
    <row r="633151" spans="8:8">
      <c r="H633151" s="12"/>
    </row>
    <row r="633152" spans="8:8">
      <c r="H633152" s="12"/>
    </row>
    <row r="633153" spans="8:8">
      <c r="H633153" s="12"/>
    </row>
    <row r="633154" spans="8:8">
      <c r="H633154" s="12"/>
    </row>
    <row r="633155" spans="8:8">
      <c r="H633155" s="12"/>
    </row>
    <row r="633156" spans="8:8">
      <c r="H633156" s="12"/>
    </row>
    <row r="633157" spans="8:8">
      <c r="H633157" s="12"/>
    </row>
    <row r="633158" spans="8:8">
      <c r="H633158" s="12"/>
    </row>
    <row r="633159" spans="8:8">
      <c r="H633159" s="12"/>
    </row>
    <row r="633160" spans="8:8">
      <c r="H633160" s="12"/>
    </row>
    <row r="633161" spans="8:8">
      <c r="H633161" s="12"/>
    </row>
    <row r="633162" spans="8:8">
      <c r="H633162" s="12"/>
    </row>
    <row r="633163" spans="8:8">
      <c r="H633163" s="12"/>
    </row>
    <row r="633164" spans="8:8">
      <c r="H633164" s="12"/>
    </row>
    <row r="633165" spans="8:8">
      <c r="H633165" s="12"/>
    </row>
    <row r="633166" spans="8:8">
      <c r="H633166" s="12"/>
    </row>
    <row r="633167" spans="8:8">
      <c r="H633167" s="12"/>
    </row>
    <row r="633168" spans="8:8">
      <c r="H633168" s="12"/>
    </row>
    <row r="633169" spans="8:8">
      <c r="H633169" s="12"/>
    </row>
    <row r="633170" spans="8:8">
      <c r="H633170" s="12"/>
    </row>
    <row r="633171" spans="8:8">
      <c r="H633171" s="12"/>
    </row>
    <row r="633172" spans="8:8">
      <c r="H633172" s="12"/>
    </row>
    <row r="633173" spans="8:8">
      <c r="H633173" s="12"/>
    </row>
    <row r="633174" spans="8:8">
      <c r="H633174" s="12"/>
    </row>
    <row r="633175" spans="8:8">
      <c r="H633175" s="12"/>
    </row>
    <row r="633176" spans="8:8">
      <c r="H633176" s="12"/>
    </row>
    <row r="633177" spans="8:8">
      <c r="H633177" s="12"/>
    </row>
    <row r="633178" spans="8:8">
      <c r="H633178" s="12"/>
    </row>
    <row r="633179" spans="8:8">
      <c r="H633179" s="12"/>
    </row>
    <row r="633180" spans="8:8">
      <c r="H633180" s="12"/>
    </row>
    <row r="633181" spans="8:8">
      <c r="H633181" s="12"/>
    </row>
    <row r="633182" spans="8:8">
      <c r="H633182" s="12"/>
    </row>
    <row r="633183" spans="8:8">
      <c r="H633183" s="12"/>
    </row>
    <row r="633184" spans="8:8">
      <c r="H633184" s="12"/>
    </row>
    <row r="633185" spans="8:8">
      <c r="H633185" s="12"/>
    </row>
    <row r="633186" spans="8:8">
      <c r="H633186" s="12"/>
    </row>
    <row r="633187" spans="8:8">
      <c r="H633187" s="12"/>
    </row>
    <row r="633188" spans="8:8">
      <c r="H633188" s="12"/>
    </row>
    <row r="633189" spans="8:8">
      <c r="H633189" s="12"/>
    </row>
    <row r="633190" spans="8:8">
      <c r="H633190" s="12"/>
    </row>
    <row r="633191" spans="8:8">
      <c r="H633191" s="12"/>
    </row>
    <row r="633192" spans="8:8">
      <c r="H633192" s="12"/>
    </row>
    <row r="633193" spans="8:8">
      <c r="H633193" s="12"/>
    </row>
    <row r="633194" spans="8:8">
      <c r="H633194" s="12"/>
    </row>
    <row r="633195" spans="8:8">
      <c r="H633195" s="12"/>
    </row>
    <row r="633196" spans="8:8">
      <c r="H633196" s="12"/>
    </row>
    <row r="633197" spans="8:8">
      <c r="H633197" s="12"/>
    </row>
    <row r="633198" spans="8:8">
      <c r="H633198" s="12"/>
    </row>
    <row r="633199" spans="8:8">
      <c r="H633199" s="12"/>
    </row>
    <row r="633200" spans="8:8">
      <c r="H633200" s="12"/>
    </row>
    <row r="633201" spans="8:8">
      <c r="H633201" s="12"/>
    </row>
    <row r="633202" spans="8:8">
      <c r="H633202" s="12"/>
    </row>
    <row r="633203" spans="8:8">
      <c r="H633203" s="12"/>
    </row>
    <row r="633204" spans="8:8">
      <c r="H633204" s="12"/>
    </row>
    <row r="633205" spans="8:8">
      <c r="H633205" s="12"/>
    </row>
    <row r="633206" spans="8:8">
      <c r="H633206" s="12"/>
    </row>
    <row r="633207" spans="8:8">
      <c r="H633207" s="12"/>
    </row>
    <row r="633208" spans="8:8">
      <c r="H633208" s="12"/>
    </row>
    <row r="633209" spans="8:8">
      <c r="H633209" s="12"/>
    </row>
    <row r="633210" spans="8:8">
      <c r="H633210" s="12"/>
    </row>
    <row r="633211" spans="8:8">
      <c r="H633211" s="12"/>
    </row>
    <row r="633212" spans="8:8">
      <c r="H633212" s="12"/>
    </row>
    <row r="633213" spans="8:8">
      <c r="H633213" s="12"/>
    </row>
    <row r="633214" spans="8:8">
      <c r="H633214" s="12"/>
    </row>
    <row r="633215" spans="8:8">
      <c r="H633215" s="12"/>
    </row>
    <row r="633216" spans="8:8">
      <c r="H633216" s="12"/>
    </row>
    <row r="633217" spans="8:8">
      <c r="H633217" s="12"/>
    </row>
    <row r="633218" spans="8:8">
      <c r="H633218" s="12"/>
    </row>
    <row r="633219" spans="8:8">
      <c r="H633219" s="12"/>
    </row>
    <row r="633220" spans="8:8">
      <c r="H633220" s="12"/>
    </row>
    <row r="633221" spans="8:8">
      <c r="H633221" s="12"/>
    </row>
    <row r="633222" spans="8:8">
      <c r="H633222" s="12"/>
    </row>
    <row r="633223" spans="8:8">
      <c r="H633223" s="12"/>
    </row>
    <row r="633224" spans="8:8">
      <c r="H633224" s="12"/>
    </row>
    <row r="633225" spans="8:8">
      <c r="H633225" s="12"/>
    </row>
    <row r="633226" spans="8:8">
      <c r="H633226" s="12"/>
    </row>
    <row r="633227" spans="8:8">
      <c r="H633227" s="12"/>
    </row>
    <row r="633228" spans="8:8">
      <c r="H633228" s="12"/>
    </row>
    <row r="633229" spans="8:8">
      <c r="H633229" s="12"/>
    </row>
    <row r="633230" spans="8:8">
      <c r="H633230" s="12"/>
    </row>
    <row r="633231" spans="8:8">
      <c r="H633231" s="12"/>
    </row>
    <row r="633232" spans="8:8">
      <c r="H633232" s="12"/>
    </row>
    <row r="633233" spans="8:8">
      <c r="H633233" s="12"/>
    </row>
    <row r="633234" spans="8:8">
      <c r="H633234" s="12"/>
    </row>
    <row r="633235" spans="8:8">
      <c r="H633235" s="12"/>
    </row>
    <row r="633236" spans="8:8">
      <c r="H633236" s="12"/>
    </row>
    <row r="633237" spans="8:8">
      <c r="H633237" s="12"/>
    </row>
    <row r="633238" spans="8:8">
      <c r="H633238" s="12"/>
    </row>
    <row r="633239" spans="8:8">
      <c r="H633239" s="12"/>
    </row>
    <row r="633240" spans="8:8">
      <c r="H633240" s="12"/>
    </row>
    <row r="633241" spans="8:8">
      <c r="H633241" s="12"/>
    </row>
    <row r="633242" spans="8:8">
      <c r="H633242" s="12"/>
    </row>
    <row r="633243" spans="8:8">
      <c r="H633243" s="12"/>
    </row>
    <row r="633244" spans="8:8">
      <c r="H633244" s="12"/>
    </row>
    <row r="633245" spans="8:8">
      <c r="H633245" s="12"/>
    </row>
    <row r="633246" spans="8:8">
      <c r="H633246" s="12"/>
    </row>
    <row r="633247" spans="8:8">
      <c r="H633247" s="12"/>
    </row>
    <row r="633248" spans="8:8">
      <c r="H633248" s="12"/>
    </row>
    <row r="633249" spans="8:8">
      <c r="H633249" s="12"/>
    </row>
    <row r="633250" spans="8:8">
      <c r="H633250" s="12"/>
    </row>
    <row r="633251" spans="8:8">
      <c r="H633251" s="12"/>
    </row>
    <row r="633252" spans="8:8">
      <c r="H633252" s="12"/>
    </row>
    <row r="633253" spans="8:8">
      <c r="H633253" s="12"/>
    </row>
    <row r="633254" spans="8:8">
      <c r="H633254" s="12"/>
    </row>
    <row r="633255" spans="8:8">
      <c r="H633255" s="12"/>
    </row>
    <row r="633256" spans="8:8">
      <c r="H633256" s="12"/>
    </row>
    <row r="633257" spans="8:8">
      <c r="H633257" s="12"/>
    </row>
    <row r="633258" spans="8:8">
      <c r="H633258" s="12"/>
    </row>
    <row r="633259" spans="8:8">
      <c r="H633259" s="12"/>
    </row>
    <row r="633260" spans="8:8">
      <c r="H633260" s="12"/>
    </row>
    <row r="633261" spans="8:8">
      <c r="H633261" s="12"/>
    </row>
    <row r="633262" spans="8:8">
      <c r="H633262" s="12"/>
    </row>
    <row r="633263" spans="8:8">
      <c r="H633263" s="12"/>
    </row>
    <row r="633264" spans="8:8">
      <c r="H633264" s="12"/>
    </row>
    <row r="633265" spans="8:8">
      <c r="H633265" s="12"/>
    </row>
    <row r="633266" spans="8:8">
      <c r="H633266" s="12"/>
    </row>
    <row r="633267" spans="8:8">
      <c r="H633267" s="12"/>
    </row>
    <row r="633268" spans="8:8">
      <c r="H633268" s="12"/>
    </row>
    <row r="633269" spans="8:8">
      <c r="H633269" s="12"/>
    </row>
    <row r="633270" spans="8:8">
      <c r="H633270" s="12"/>
    </row>
    <row r="633271" spans="8:8">
      <c r="H633271" s="12"/>
    </row>
    <row r="633272" spans="8:8">
      <c r="H633272" s="12"/>
    </row>
    <row r="633273" spans="8:8">
      <c r="H633273" s="12"/>
    </row>
    <row r="633274" spans="8:8">
      <c r="H633274" s="12"/>
    </row>
    <row r="633275" spans="8:8">
      <c r="H633275" s="12"/>
    </row>
    <row r="633276" spans="8:8">
      <c r="H633276" s="12"/>
    </row>
    <row r="633277" spans="8:8">
      <c r="H633277" s="12"/>
    </row>
    <row r="633278" spans="8:8">
      <c r="H633278" s="12"/>
    </row>
    <row r="633279" spans="8:8">
      <c r="H633279" s="12"/>
    </row>
    <row r="633280" spans="8:8">
      <c r="H633280" s="12"/>
    </row>
    <row r="633281" spans="8:8">
      <c r="H633281" s="12"/>
    </row>
    <row r="633282" spans="8:8">
      <c r="H633282" s="12"/>
    </row>
    <row r="633283" spans="8:8">
      <c r="H633283" s="12"/>
    </row>
    <row r="633284" spans="8:8">
      <c r="H633284" s="12"/>
    </row>
    <row r="633285" spans="8:8">
      <c r="H633285" s="12"/>
    </row>
    <row r="633286" spans="8:8">
      <c r="H633286" s="12"/>
    </row>
    <row r="633287" spans="8:8">
      <c r="H633287" s="12"/>
    </row>
    <row r="633288" spans="8:8">
      <c r="H633288" s="12"/>
    </row>
    <row r="633289" spans="8:8">
      <c r="H633289" s="12"/>
    </row>
    <row r="633290" spans="8:8">
      <c r="H633290" s="12"/>
    </row>
    <row r="633291" spans="8:8">
      <c r="H633291" s="12"/>
    </row>
    <row r="633292" spans="8:8">
      <c r="H633292" s="12"/>
    </row>
    <row r="633293" spans="8:8">
      <c r="H633293" s="12"/>
    </row>
    <row r="633294" spans="8:8">
      <c r="H633294" s="12"/>
    </row>
    <row r="633295" spans="8:8">
      <c r="H633295" s="12"/>
    </row>
    <row r="633296" spans="8:8">
      <c r="H633296" s="12"/>
    </row>
    <row r="633297" spans="8:8">
      <c r="H633297" s="12"/>
    </row>
    <row r="633298" spans="8:8">
      <c r="H633298" s="12"/>
    </row>
    <row r="633299" spans="8:8">
      <c r="H633299" s="12"/>
    </row>
    <row r="633300" spans="8:8">
      <c r="H633300" s="12"/>
    </row>
    <row r="633301" spans="8:8">
      <c r="H633301" s="12"/>
    </row>
    <row r="633302" spans="8:8">
      <c r="H633302" s="12"/>
    </row>
    <row r="633303" spans="8:8">
      <c r="H633303" s="12"/>
    </row>
    <row r="633304" spans="8:8">
      <c r="H633304" s="12"/>
    </row>
    <row r="633305" spans="8:8">
      <c r="H633305" s="12"/>
    </row>
    <row r="633306" spans="8:8">
      <c r="H633306" s="12"/>
    </row>
    <row r="633307" spans="8:8">
      <c r="H633307" s="12"/>
    </row>
    <row r="633308" spans="8:8">
      <c r="H633308" s="12"/>
    </row>
    <row r="633309" spans="8:8">
      <c r="H633309" s="12"/>
    </row>
    <row r="633310" spans="8:8">
      <c r="H633310" s="12"/>
    </row>
    <row r="633311" spans="8:8">
      <c r="H633311" s="12"/>
    </row>
    <row r="633312" spans="8:8">
      <c r="H633312" s="12"/>
    </row>
    <row r="633313" spans="8:8">
      <c r="H633313" s="12"/>
    </row>
    <row r="633314" spans="8:8">
      <c r="H633314" s="12"/>
    </row>
    <row r="633315" spans="8:8">
      <c r="H633315" s="12"/>
    </row>
    <row r="633316" spans="8:8">
      <c r="H633316" s="12"/>
    </row>
    <row r="633317" spans="8:8">
      <c r="H633317" s="12"/>
    </row>
    <row r="633318" spans="8:8">
      <c r="H633318" s="12"/>
    </row>
    <row r="633319" spans="8:8">
      <c r="H633319" s="12"/>
    </row>
    <row r="633320" spans="8:8">
      <c r="H633320" s="12"/>
    </row>
    <row r="633321" spans="8:8">
      <c r="H633321" s="12"/>
    </row>
    <row r="633322" spans="8:8">
      <c r="H633322" s="12"/>
    </row>
    <row r="633323" spans="8:8">
      <c r="H633323" s="12"/>
    </row>
    <row r="633324" spans="8:8">
      <c r="H633324" s="12"/>
    </row>
    <row r="633325" spans="8:8">
      <c r="H633325" s="12"/>
    </row>
    <row r="633326" spans="8:8">
      <c r="H633326" s="12"/>
    </row>
    <row r="633327" spans="8:8">
      <c r="H633327" s="12"/>
    </row>
    <row r="633328" spans="8:8">
      <c r="H633328" s="12"/>
    </row>
    <row r="633329" spans="8:8">
      <c r="H633329" s="12"/>
    </row>
    <row r="633330" spans="8:8">
      <c r="H633330" s="12"/>
    </row>
    <row r="633331" spans="8:8">
      <c r="H633331" s="12"/>
    </row>
    <row r="633332" spans="8:8">
      <c r="H633332" s="12"/>
    </row>
    <row r="633333" spans="8:8">
      <c r="H633333" s="12"/>
    </row>
    <row r="633334" spans="8:8">
      <c r="H633334" s="12"/>
    </row>
    <row r="633335" spans="8:8">
      <c r="H633335" s="12"/>
    </row>
    <row r="633336" spans="8:8">
      <c r="H633336" s="12"/>
    </row>
    <row r="633337" spans="8:8">
      <c r="H633337" s="12"/>
    </row>
    <row r="633338" spans="8:8">
      <c r="H633338" s="12"/>
    </row>
    <row r="633339" spans="8:8">
      <c r="H633339" s="12"/>
    </row>
    <row r="633340" spans="8:8">
      <c r="H633340" s="12"/>
    </row>
    <row r="633341" spans="8:8">
      <c r="H633341" s="12"/>
    </row>
    <row r="633342" spans="8:8">
      <c r="H633342" s="12"/>
    </row>
    <row r="633343" spans="8:8">
      <c r="H633343" s="12"/>
    </row>
    <row r="633344" spans="8:8">
      <c r="H633344" s="12"/>
    </row>
    <row r="633345" spans="8:8">
      <c r="H633345" s="12"/>
    </row>
    <row r="633346" spans="8:8">
      <c r="H633346" s="12"/>
    </row>
    <row r="633347" spans="8:8">
      <c r="H633347" s="12"/>
    </row>
    <row r="633348" spans="8:8">
      <c r="H633348" s="12"/>
    </row>
    <row r="633349" spans="8:8">
      <c r="H633349" s="12"/>
    </row>
    <row r="633350" spans="8:8">
      <c r="H633350" s="12"/>
    </row>
    <row r="633351" spans="8:8">
      <c r="H633351" s="12"/>
    </row>
    <row r="633352" spans="8:8">
      <c r="H633352" s="12"/>
    </row>
    <row r="633353" spans="8:8">
      <c r="H633353" s="12"/>
    </row>
    <row r="633354" spans="8:8">
      <c r="H633354" s="12"/>
    </row>
    <row r="633355" spans="8:8">
      <c r="H633355" s="12"/>
    </row>
    <row r="633356" spans="8:8">
      <c r="H633356" s="12"/>
    </row>
    <row r="633357" spans="8:8">
      <c r="H633357" s="12"/>
    </row>
    <row r="633358" spans="8:8">
      <c r="H633358" s="12"/>
    </row>
    <row r="633359" spans="8:8">
      <c r="H633359" s="12"/>
    </row>
    <row r="633360" spans="8:8">
      <c r="H633360" s="12"/>
    </row>
    <row r="633361" spans="8:8">
      <c r="H633361" s="12"/>
    </row>
    <row r="633362" spans="8:8">
      <c r="H633362" s="12"/>
    </row>
    <row r="633363" spans="8:8">
      <c r="H633363" s="12"/>
    </row>
    <row r="633364" spans="8:8">
      <c r="H633364" s="12"/>
    </row>
    <row r="633365" spans="8:8">
      <c r="H633365" s="12"/>
    </row>
    <row r="633366" spans="8:8">
      <c r="H633366" s="12"/>
    </row>
    <row r="633367" spans="8:8">
      <c r="H633367" s="12"/>
    </row>
    <row r="633368" spans="8:8">
      <c r="H633368" s="12"/>
    </row>
    <row r="633369" spans="8:8">
      <c r="H633369" s="12"/>
    </row>
    <row r="633370" spans="8:8">
      <c r="H633370" s="12"/>
    </row>
    <row r="633371" spans="8:8">
      <c r="H633371" s="12"/>
    </row>
    <row r="633372" spans="8:8">
      <c r="H633372" s="12"/>
    </row>
    <row r="633373" spans="8:8">
      <c r="H633373" s="12"/>
    </row>
    <row r="633374" spans="8:8">
      <c r="H633374" s="12"/>
    </row>
    <row r="633375" spans="8:8">
      <c r="H633375" s="12"/>
    </row>
    <row r="633376" spans="8:8">
      <c r="H633376" s="12"/>
    </row>
    <row r="633377" spans="8:8">
      <c r="H633377" s="12"/>
    </row>
    <row r="633378" spans="8:8">
      <c r="H633378" s="12"/>
    </row>
    <row r="633379" spans="8:8">
      <c r="H633379" s="12"/>
    </row>
    <row r="633380" spans="8:8">
      <c r="H633380" s="12"/>
    </row>
    <row r="633381" spans="8:8">
      <c r="H633381" s="12"/>
    </row>
    <row r="633382" spans="8:8">
      <c r="H633382" s="12"/>
    </row>
    <row r="633383" spans="8:8">
      <c r="H633383" s="12"/>
    </row>
    <row r="633384" spans="8:8">
      <c r="H633384" s="12"/>
    </row>
    <row r="633385" spans="8:8">
      <c r="H633385" s="12"/>
    </row>
    <row r="633386" spans="8:8">
      <c r="H633386" s="12"/>
    </row>
    <row r="633387" spans="8:8">
      <c r="H633387" s="12"/>
    </row>
    <row r="633388" spans="8:8">
      <c r="H633388" s="12"/>
    </row>
    <row r="633389" spans="8:8">
      <c r="H633389" s="12"/>
    </row>
    <row r="633390" spans="8:8">
      <c r="H633390" s="12"/>
    </row>
    <row r="633391" spans="8:8">
      <c r="H633391" s="12"/>
    </row>
    <row r="633392" spans="8:8">
      <c r="H633392" s="12"/>
    </row>
    <row r="633393" spans="8:8">
      <c r="H633393" s="12"/>
    </row>
    <row r="633394" spans="8:8">
      <c r="H633394" s="12"/>
    </row>
    <row r="633395" spans="8:8">
      <c r="H633395" s="12"/>
    </row>
    <row r="633396" spans="8:8">
      <c r="H633396" s="12"/>
    </row>
    <row r="633397" spans="8:8">
      <c r="H633397" s="12"/>
    </row>
    <row r="633398" spans="8:8">
      <c r="H633398" s="12"/>
    </row>
    <row r="633399" spans="8:8">
      <c r="H633399" s="12"/>
    </row>
    <row r="633400" spans="8:8">
      <c r="H633400" s="12"/>
    </row>
    <row r="633401" spans="8:8">
      <c r="H633401" s="12"/>
    </row>
    <row r="633402" spans="8:8">
      <c r="H633402" s="12"/>
    </row>
    <row r="633403" spans="8:8">
      <c r="H633403" s="12"/>
    </row>
    <row r="633404" spans="8:8">
      <c r="H633404" s="12"/>
    </row>
    <row r="633405" spans="8:8">
      <c r="H633405" s="12"/>
    </row>
    <row r="633406" spans="8:8">
      <c r="H633406" s="12"/>
    </row>
    <row r="633407" spans="8:8">
      <c r="H633407" s="12"/>
    </row>
    <row r="633408" spans="8:8">
      <c r="H633408" s="12"/>
    </row>
    <row r="633409" spans="8:8">
      <c r="H633409" s="12"/>
    </row>
    <row r="633410" spans="8:8">
      <c r="H633410" s="12"/>
    </row>
    <row r="633411" spans="8:8">
      <c r="H633411" s="12"/>
    </row>
    <row r="633412" spans="8:8">
      <c r="H633412" s="12"/>
    </row>
    <row r="633413" spans="8:8">
      <c r="H633413" s="12"/>
    </row>
    <row r="633414" spans="8:8">
      <c r="H633414" s="12"/>
    </row>
    <row r="633415" spans="8:8">
      <c r="H633415" s="12"/>
    </row>
    <row r="633416" spans="8:8">
      <c r="H633416" s="12"/>
    </row>
    <row r="633417" spans="8:8">
      <c r="H633417" s="12"/>
    </row>
    <row r="633418" spans="8:8">
      <c r="H633418" s="12"/>
    </row>
    <row r="633419" spans="8:8">
      <c r="H633419" s="12"/>
    </row>
    <row r="633420" spans="8:8">
      <c r="H633420" s="12"/>
    </row>
    <row r="633421" spans="8:8">
      <c r="H633421" s="12"/>
    </row>
    <row r="633422" spans="8:8">
      <c r="H633422" s="12"/>
    </row>
    <row r="633423" spans="8:8">
      <c r="H633423" s="12"/>
    </row>
    <row r="633424" spans="8:8">
      <c r="H633424" s="12"/>
    </row>
    <row r="633425" spans="8:8">
      <c r="H633425" s="12"/>
    </row>
    <row r="633426" spans="8:8">
      <c r="H633426" s="12"/>
    </row>
    <row r="633427" spans="8:8">
      <c r="H633427" s="12"/>
    </row>
    <row r="633428" spans="8:8">
      <c r="H633428" s="12"/>
    </row>
    <row r="633429" spans="8:8">
      <c r="H633429" s="12"/>
    </row>
    <row r="633430" spans="8:8">
      <c r="H633430" s="12"/>
    </row>
    <row r="633431" spans="8:8">
      <c r="H633431" s="12"/>
    </row>
    <row r="633432" spans="8:8">
      <c r="H633432" s="12"/>
    </row>
    <row r="633433" spans="8:8">
      <c r="H633433" s="12"/>
    </row>
    <row r="633434" spans="8:8">
      <c r="H633434" s="12"/>
    </row>
    <row r="633435" spans="8:8">
      <c r="H633435" s="12"/>
    </row>
    <row r="633436" spans="8:8">
      <c r="H633436" s="12"/>
    </row>
    <row r="633437" spans="8:8">
      <c r="H633437" s="12"/>
    </row>
    <row r="633438" spans="8:8">
      <c r="H633438" s="12"/>
    </row>
    <row r="633439" spans="8:8">
      <c r="H633439" s="12"/>
    </row>
    <row r="633440" spans="8:8">
      <c r="H633440" s="12"/>
    </row>
    <row r="633441" spans="8:8">
      <c r="H633441" s="12"/>
    </row>
    <row r="633442" spans="8:8">
      <c r="H633442" s="12"/>
    </row>
    <row r="633443" spans="8:8">
      <c r="H633443" s="12"/>
    </row>
    <row r="633444" spans="8:8">
      <c r="H633444" s="12"/>
    </row>
    <row r="633445" spans="8:8">
      <c r="H633445" s="12"/>
    </row>
    <row r="633446" spans="8:8">
      <c r="H633446" s="12"/>
    </row>
    <row r="633447" spans="8:8">
      <c r="H633447" s="12"/>
    </row>
    <row r="633448" spans="8:8">
      <c r="H633448" s="12"/>
    </row>
    <row r="633449" spans="8:8">
      <c r="H633449" s="12"/>
    </row>
    <row r="633450" spans="8:8">
      <c r="H633450" s="12"/>
    </row>
    <row r="633451" spans="8:8">
      <c r="H633451" s="12"/>
    </row>
    <row r="633452" spans="8:8">
      <c r="H633452" s="12"/>
    </row>
    <row r="633453" spans="8:8">
      <c r="H633453" s="12"/>
    </row>
    <row r="633454" spans="8:8">
      <c r="H633454" s="12"/>
    </row>
    <row r="633455" spans="8:8">
      <c r="H633455" s="12"/>
    </row>
    <row r="633456" spans="8:8">
      <c r="H633456" s="12"/>
    </row>
    <row r="633457" spans="8:8">
      <c r="H633457" s="12"/>
    </row>
    <row r="633458" spans="8:8">
      <c r="H633458" s="12"/>
    </row>
    <row r="633459" spans="8:8">
      <c r="H633459" s="12"/>
    </row>
    <row r="633460" spans="8:8">
      <c r="H633460" s="12"/>
    </row>
    <row r="633461" spans="8:8">
      <c r="H633461" s="12"/>
    </row>
    <row r="633462" spans="8:8">
      <c r="H633462" s="12"/>
    </row>
    <row r="633463" spans="8:8">
      <c r="H633463" s="12"/>
    </row>
    <row r="633464" spans="8:8">
      <c r="H633464" s="12"/>
    </row>
    <row r="633465" spans="8:8">
      <c r="H633465" s="12"/>
    </row>
    <row r="633466" spans="8:8">
      <c r="H633466" s="12"/>
    </row>
    <row r="633467" spans="8:8">
      <c r="H633467" s="12"/>
    </row>
    <row r="633468" spans="8:8">
      <c r="H633468" s="12"/>
    </row>
    <row r="633469" spans="8:8">
      <c r="H633469" s="12"/>
    </row>
    <row r="633470" spans="8:8">
      <c r="H633470" s="12"/>
    </row>
    <row r="633471" spans="8:8">
      <c r="H633471" s="12"/>
    </row>
    <row r="633472" spans="8:8">
      <c r="H633472" s="12"/>
    </row>
    <row r="633473" spans="8:8">
      <c r="H633473" s="12"/>
    </row>
    <row r="633474" spans="8:8">
      <c r="H633474" s="12"/>
    </row>
    <row r="633475" spans="8:8">
      <c r="H633475" s="12"/>
    </row>
    <row r="633476" spans="8:8">
      <c r="H633476" s="12"/>
    </row>
    <row r="633477" spans="8:8">
      <c r="H633477" s="12"/>
    </row>
    <row r="633478" spans="8:8">
      <c r="H633478" s="12"/>
    </row>
    <row r="633479" spans="8:8">
      <c r="H633479" s="12"/>
    </row>
    <row r="633480" spans="8:8">
      <c r="H633480" s="12"/>
    </row>
    <row r="633481" spans="8:8">
      <c r="H633481" s="12"/>
    </row>
    <row r="633482" spans="8:8">
      <c r="H633482" s="12"/>
    </row>
    <row r="633483" spans="8:8">
      <c r="H633483" s="12"/>
    </row>
    <row r="633484" spans="8:8">
      <c r="H633484" s="12"/>
    </row>
    <row r="633485" spans="8:8">
      <c r="H633485" s="12"/>
    </row>
    <row r="633486" spans="8:8">
      <c r="H633486" s="12"/>
    </row>
    <row r="633487" spans="8:8">
      <c r="H633487" s="12"/>
    </row>
    <row r="633488" spans="8:8">
      <c r="H633488" s="12"/>
    </row>
    <row r="633489" spans="8:8">
      <c r="H633489" s="12"/>
    </row>
    <row r="633490" spans="8:8">
      <c r="H633490" s="12"/>
    </row>
    <row r="633491" spans="8:8">
      <c r="H633491" s="12"/>
    </row>
    <row r="633492" spans="8:8">
      <c r="H633492" s="12"/>
    </row>
    <row r="633493" spans="8:8">
      <c r="H633493" s="12"/>
    </row>
    <row r="633494" spans="8:8">
      <c r="H633494" s="12"/>
    </row>
    <row r="633495" spans="8:8">
      <c r="H633495" s="12"/>
    </row>
    <row r="633496" spans="8:8">
      <c r="H633496" s="12"/>
    </row>
    <row r="633497" spans="8:8">
      <c r="H633497" s="12"/>
    </row>
    <row r="633498" spans="8:8">
      <c r="H633498" s="12"/>
    </row>
    <row r="633499" spans="8:8">
      <c r="H633499" s="12"/>
    </row>
    <row r="633500" spans="8:8">
      <c r="H633500" s="12"/>
    </row>
    <row r="633501" spans="8:8">
      <c r="H633501" s="12"/>
    </row>
    <row r="633502" spans="8:8">
      <c r="H633502" s="12"/>
    </row>
    <row r="633503" spans="8:8">
      <c r="H633503" s="12"/>
    </row>
    <row r="633504" spans="8:8">
      <c r="H633504" s="12"/>
    </row>
    <row r="633505" spans="8:8">
      <c r="H633505" s="12"/>
    </row>
    <row r="633506" spans="8:8">
      <c r="H633506" s="12"/>
    </row>
    <row r="633507" spans="8:8">
      <c r="H633507" s="12"/>
    </row>
    <row r="633508" spans="8:8">
      <c r="H633508" s="12"/>
    </row>
    <row r="633509" spans="8:8">
      <c r="H633509" s="12"/>
    </row>
    <row r="633510" spans="8:8">
      <c r="H633510" s="12"/>
    </row>
    <row r="633511" spans="8:8">
      <c r="H633511" s="12"/>
    </row>
    <row r="633512" spans="8:8">
      <c r="H633512" s="12"/>
    </row>
    <row r="633513" spans="8:8">
      <c r="H633513" s="12"/>
    </row>
    <row r="633514" spans="8:8">
      <c r="H633514" s="12"/>
    </row>
    <row r="633515" spans="8:8">
      <c r="H633515" s="12"/>
    </row>
    <row r="633516" spans="8:8">
      <c r="H633516" s="12"/>
    </row>
    <row r="633517" spans="8:8">
      <c r="H633517" s="12"/>
    </row>
    <row r="633518" spans="8:8">
      <c r="H633518" s="12"/>
    </row>
    <row r="633519" spans="8:8">
      <c r="H633519" s="12"/>
    </row>
    <row r="633520" spans="8:8">
      <c r="H633520" s="12"/>
    </row>
    <row r="633521" spans="8:8">
      <c r="H633521" s="12"/>
    </row>
    <row r="633522" spans="8:8">
      <c r="H633522" s="12"/>
    </row>
    <row r="633523" spans="8:8">
      <c r="H633523" s="12"/>
    </row>
    <row r="633524" spans="8:8">
      <c r="H633524" s="12"/>
    </row>
    <row r="633525" spans="8:8">
      <c r="H633525" s="12"/>
    </row>
    <row r="633526" spans="8:8">
      <c r="H633526" s="12"/>
    </row>
    <row r="633527" spans="8:8">
      <c r="H633527" s="12"/>
    </row>
    <row r="633528" spans="8:8">
      <c r="H633528" s="12"/>
    </row>
    <row r="633529" spans="8:8">
      <c r="H633529" s="12"/>
    </row>
    <row r="633530" spans="8:8">
      <c r="H633530" s="12"/>
    </row>
    <row r="633531" spans="8:8">
      <c r="H633531" s="12"/>
    </row>
    <row r="633532" spans="8:8">
      <c r="H633532" s="12"/>
    </row>
    <row r="633533" spans="8:8">
      <c r="H633533" s="12"/>
    </row>
    <row r="633534" spans="8:8">
      <c r="H633534" s="12"/>
    </row>
    <row r="633535" spans="8:8">
      <c r="H633535" s="12"/>
    </row>
    <row r="633536" spans="8:8">
      <c r="H633536" s="12"/>
    </row>
    <row r="633537" spans="8:8">
      <c r="H633537" s="12"/>
    </row>
    <row r="633538" spans="8:8">
      <c r="H633538" s="12"/>
    </row>
    <row r="633539" spans="8:8">
      <c r="H633539" s="12"/>
    </row>
    <row r="633540" spans="8:8">
      <c r="H633540" s="12"/>
    </row>
    <row r="633541" spans="8:8">
      <c r="H633541" s="12"/>
    </row>
    <row r="633542" spans="8:8">
      <c r="H633542" s="12"/>
    </row>
    <row r="633543" spans="8:8">
      <c r="H633543" s="12"/>
    </row>
    <row r="633544" spans="8:8">
      <c r="H633544" s="12"/>
    </row>
    <row r="633545" spans="8:8">
      <c r="H633545" s="12"/>
    </row>
    <row r="633546" spans="8:8">
      <c r="H633546" s="12"/>
    </row>
    <row r="633547" spans="8:8">
      <c r="H633547" s="12"/>
    </row>
    <row r="633548" spans="8:8">
      <c r="H633548" s="12"/>
    </row>
    <row r="633549" spans="8:8">
      <c r="H633549" s="12"/>
    </row>
    <row r="633550" spans="8:8">
      <c r="H633550" s="12"/>
    </row>
    <row r="633551" spans="8:8">
      <c r="H633551" s="12"/>
    </row>
    <row r="633552" spans="8:8">
      <c r="H633552" s="12"/>
    </row>
    <row r="633553" spans="8:8">
      <c r="H633553" s="12"/>
    </row>
    <row r="633554" spans="8:8">
      <c r="H633554" s="12"/>
    </row>
    <row r="633555" spans="8:8">
      <c r="H633555" s="12"/>
    </row>
    <row r="633556" spans="8:8">
      <c r="H633556" s="12"/>
    </row>
    <row r="633557" spans="8:8">
      <c r="H633557" s="12"/>
    </row>
    <row r="633558" spans="8:8">
      <c r="H633558" s="12"/>
    </row>
    <row r="633559" spans="8:8">
      <c r="H633559" s="12"/>
    </row>
    <row r="633560" spans="8:8">
      <c r="H633560" s="12"/>
    </row>
    <row r="633561" spans="8:8">
      <c r="H633561" s="12"/>
    </row>
    <row r="633562" spans="8:8">
      <c r="H633562" s="12"/>
    </row>
    <row r="633563" spans="8:8">
      <c r="H633563" s="12"/>
    </row>
    <row r="633564" spans="8:8">
      <c r="H633564" s="12"/>
    </row>
    <row r="633565" spans="8:8">
      <c r="H633565" s="12"/>
    </row>
    <row r="633566" spans="8:8">
      <c r="H633566" s="12"/>
    </row>
    <row r="633567" spans="8:8">
      <c r="H633567" s="12"/>
    </row>
    <row r="633568" spans="8:8">
      <c r="H633568" s="12"/>
    </row>
    <row r="633569" spans="8:8">
      <c r="H633569" s="12"/>
    </row>
    <row r="633570" spans="8:8">
      <c r="H633570" s="12"/>
    </row>
    <row r="633571" spans="8:8">
      <c r="H633571" s="12"/>
    </row>
    <row r="633572" spans="8:8">
      <c r="H633572" s="12"/>
    </row>
    <row r="633573" spans="8:8">
      <c r="H633573" s="12"/>
    </row>
    <row r="633574" spans="8:8">
      <c r="H633574" s="12"/>
    </row>
    <row r="633575" spans="8:8">
      <c r="H633575" s="12"/>
    </row>
    <row r="633576" spans="8:8">
      <c r="H633576" s="12"/>
    </row>
    <row r="633577" spans="8:8">
      <c r="H633577" s="12"/>
    </row>
    <row r="633578" spans="8:8">
      <c r="H633578" s="12"/>
    </row>
    <row r="633579" spans="8:8">
      <c r="H633579" s="12"/>
    </row>
    <row r="633580" spans="8:8">
      <c r="H633580" s="12"/>
    </row>
    <row r="633581" spans="8:8">
      <c r="H633581" s="12"/>
    </row>
    <row r="633582" spans="8:8">
      <c r="H633582" s="12"/>
    </row>
    <row r="633583" spans="8:8">
      <c r="H633583" s="12"/>
    </row>
    <row r="633584" spans="8:8">
      <c r="H633584" s="12"/>
    </row>
    <row r="633585" spans="8:8">
      <c r="H633585" s="12"/>
    </row>
    <row r="633586" spans="8:8">
      <c r="H633586" s="12"/>
    </row>
    <row r="633587" spans="8:8">
      <c r="H633587" s="12"/>
    </row>
    <row r="633588" spans="8:8">
      <c r="H633588" s="12"/>
    </row>
    <row r="633589" spans="8:8">
      <c r="H633589" s="12"/>
    </row>
    <row r="633590" spans="8:8">
      <c r="H633590" s="12"/>
    </row>
    <row r="633591" spans="8:8">
      <c r="H633591" s="12"/>
    </row>
    <row r="633592" spans="8:8">
      <c r="H633592" s="12"/>
    </row>
    <row r="633593" spans="8:8">
      <c r="H633593" s="12"/>
    </row>
    <row r="633594" spans="8:8">
      <c r="H633594" s="12"/>
    </row>
    <row r="633595" spans="8:8">
      <c r="H633595" s="12"/>
    </row>
    <row r="633596" spans="8:8">
      <c r="H633596" s="12"/>
    </row>
    <row r="633597" spans="8:8">
      <c r="H633597" s="12"/>
    </row>
    <row r="633598" spans="8:8">
      <c r="H633598" s="12"/>
    </row>
    <row r="633599" spans="8:8">
      <c r="H633599" s="12"/>
    </row>
    <row r="633600" spans="8:8">
      <c r="H633600" s="12"/>
    </row>
    <row r="633601" spans="8:8">
      <c r="H633601" s="12"/>
    </row>
    <row r="633602" spans="8:8">
      <c r="H633602" s="12"/>
    </row>
    <row r="633603" spans="8:8">
      <c r="H633603" s="12"/>
    </row>
    <row r="633604" spans="8:8">
      <c r="H633604" s="12"/>
    </row>
    <row r="633605" spans="8:8">
      <c r="H633605" s="12"/>
    </row>
    <row r="633606" spans="8:8">
      <c r="H633606" s="12"/>
    </row>
    <row r="633607" spans="8:8">
      <c r="H633607" s="12"/>
    </row>
    <row r="633608" spans="8:8">
      <c r="H633608" s="12"/>
    </row>
    <row r="633609" spans="8:8">
      <c r="H633609" s="12"/>
    </row>
    <row r="633610" spans="8:8">
      <c r="H633610" s="12"/>
    </row>
    <row r="633611" spans="8:8">
      <c r="H633611" s="12"/>
    </row>
    <row r="633612" spans="8:8">
      <c r="H633612" s="12"/>
    </row>
    <row r="633613" spans="8:8">
      <c r="H633613" s="12"/>
    </row>
    <row r="633614" spans="8:8">
      <c r="H633614" s="12"/>
    </row>
    <row r="633615" spans="8:8">
      <c r="H633615" s="12"/>
    </row>
    <row r="633616" spans="8:8">
      <c r="H633616" s="12"/>
    </row>
    <row r="633617" spans="8:8">
      <c r="H633617" s="12"/>
    </row>
    <row r="633618" spans="8:8">
      <c r="H633618" s="12"/>
    </row>
    <row r="633619" spans="8:8">
      <c r="H633619" s="12"/>
    </row>
    <row r="633620" spans="8:8">
      <c r="H633620" s="12"/>
    </row>
    <row r="633621" spans="8:8">
      <c r="H633621" s="12"/>
    </row>
    <row r="633622" spans="8:8">
      <c r="H633622" s="12"/>
    </row>
    <row r="633623" spans="8:8">
      <c r="H633623" s="12"/>
    </row>
    <row r="633624" spans="8:8">
      <c r="H633624" s="12"/>
    </row>
    <row r="633625" spans="8:8">
      <c r="H633625" s="12"/>
    </row>
    <row r="633626" spans="8:8">
      <c r="H633626" s="12"/>
    </row>
    <row r="633627" spans="8:8">
      <c r="H633627" s="12"/>
    </row>
    <row r="633628" spans="8:8">
      <c r="H633628" s="12"/>
    </row>
    <row r="633629" spans="8:8">
      <c r="H633629" s="12"/>
    </row>
    <row r="633630" spans="8:8">
      <c r="H633630" s="12"/>
    </row>
    <row r="633631" spans="8:8">
      <c r="H633631" s="12"/>
    </row>
    <row r="633632" spans="8:8">
      <c r="H633632" s="12"/>
    </row>
    <row r="633633" spans="8:8">
      <c r="H633633" s="12"/>
    </row>
    <row r="633634" spans="8:8">
      <c r="H633634" s="12"/>
    </row>
    <row r="633635" spans="8:8">
      <c r="H633635" s="12"/>
    </row>
    <row r="633636" spans="8:8">
      <c r="H633636" s="12"/>
    </row>
    <row r="633637" spans="8:8">
      <c r="H633637" s="12"/>
    </row>
    <row r="633638" spans="8:8">
      <c r="H633638" s="12"/>
    </row>
    <row r="633639" spans="8:8">
      <c r="H633639" s="12"/>
    </row>
    <row r="633640" spans="8:8">
      <c r="H633640" s="12"/>
    </row>
    <row r="633641" spans="8:8">
      <c r="H633641" s="12"/>
    </row>
    <row r="633642" spans="8:8">
      <c r="H633642" s="12"/>
    </row>
    <row r="633643" spans="8:8">
      <c r="H633643" s="12"/>
    </row>
    <row r="633644" spans="8:8">
      <c r="H633644" s="12"/>
    </row>
    <row r="633645" spans="8:8">
      <c r="H633645" s="12"/>
    </row>
    <row r="633646" spans="8:8">
      <c r="H633646" s="12"/>
    </row>
    <row r="633647" spans="8:8">
      <c r="H633647" s="12"/>
    </row>
    <row r="633648" spans="8:8">
      <c r="H633648" s="12"/>
    </row>
    <row r="633649" spans="8:8">
      <c r="H633649" s="12"/>
    </row>
    <row r="633650" spans="8:8">
      <c r="H633650" s="12"/>
    </row>
    <row r="633651" spans="8:8">
      <c r="H633651" s="12"/>
    </row>
    <row r="633652" spans="8:8">
      <c r="H633652" s="12"/>
    </row>
    <row r="633653" spans="8:8">
      <c r="H633653" s="12"/>
    </row>
    <row r="633654" spans="8:8">
      <c r="H633654" s="12"/>
    </row>
    <row r="633655" spans="8:8">
      <c r="H633655" s="12"/>
    </row>
    <row r="633656" spans="8:8">
      <c r="H633656" s="12"/>
    </row>
    <row r="633657" spans="8:8">
      <c r="H633657" s="12"/>
    </row>
    <row r="633658" spans="8:8">
      <c r="H633658" s="12"/>
    </row>
    <row r="633659" spans="8:8">
      <c r="H633659" s="12"/>
    </row>
    <row r="633660" spans="8:8">
      <c r="H633660" s="12"/>
    </row>
    <row r="633661" spans="8:8">
      <c r="H633661" s="12"/>
    </row>
    <row r="633662" spans="8:8">
      <c r="H633662" s="12"/>
    </row>
    <row r="633663" spans="8:8">
      <c r="H633663" s="12"/>
    </row>
    <row r="633664" spans="8:8">
      <c r="H633664" s="12"/>
    </row>
    <row r="633665" spans="8:8">
      <c r="H633665" s="12"/>
    </row>
    <row r="633666" spans="8:8">
      <c r="H633666" s="12"/>
    </row>
    <row r="633667" spans="8:8">
      <c r="H633667" s="12"/>
    </row>
    <row r="633668" spans="8:8">
      <c r="H633668" s="12"/>
    </row>
    <row r="633669" spans="8:8">
      <c r="H633669" s="12"/>
    </row>
    <row r="633670" spans="8:8">
      <c r="H633670" s="12"/>
    </row>
    <row r="633671" spans="8:8">
      <c r="H633671" s="12"/>
    </row>
    <row r="633672" spans="8:8">
      <c r="H633672" s="12"/>
    </row>
    <row r="633673" spans="8:8">
      <c r="H633673" s="12"/>
    </row>
    <row r="633674" spans="8:8">
      <c r="H633674" s="12"/>
    </row>
    <row r="633675" spans="8:8">
      <c r="H633675" s="12"/>
    </row>
    <row r="633676" spans="8:8">
      <c r="H633676" s="12"/>
    </row>
    <row r="633677" spans="8:8">
      <c r="H633677" s="12"/>
    </row>
    <row r="633678" spans="8:8">
      <c r="H633678" s="12"/>
    </row>
    <row r="633679" spans="8:8">
      <c r="H633679" s="12"/>
    </row>
    <row r="633680" spans="8:8">
      <c r="H633680" s="12"/>
    </row>
    <row r="633681" spans="8:8">
      <c r="H633681" s="12"/>
    </row>
    <row r="633682" spans="8:8">
      <c r="H633682" s="12"/>
    </row>
    <row r="633683" spans="8:8">
      <c r="H633683" s="12"/>
    </row>
    <row r="633684" spans="8:8">
      <c r="H633684" s="12"/>
    </row>
    <row r="633685" spans="8:8">
      <c r="H633685" s="12"/>
    </row>
    <row r="633686" spans="8:8">
      <c r="H633686" s="12"/>
    </row>
    <row r="633687" spans="8:8">
      <c r="H633687" s="12"/>
    </row>
    <row r="633688" spans="8:8">
      <c r="H633688" s="12"/>
    </row>
    <row r="633689" spans="8:8">
      <c r="H633689" s="12"/>
    </row>
    <row r="633690" spans="8:8">
      <c r="H633690" s="12"/>
    </row>
    <row r="633691" spans="8:8">
      <c r="H633691" s="12"/>
    </row>
    <row r="633692" spans="8:8">
      <c r="H633692" s="12"/>
    </row>
    <row r="633693" spans="8:8">
      <c r="H633693" s="12"/>
    </row>
    <row r="633694" spans="8:8">
      <c r="H633694" s="12"/>
    </row>
    <row r="633695" spans="8:8">
      <c r="H633695" s="12"/>
    </row>
    <row r="633696" spans="8:8">
      <c r="H633696" s="12"/>
    </row>
    <row r="633697" spans="8:8">
      <c r="H633697" s="12"/>
    </row>
    <row r="633698" spans="8:8">
      <c r="H633698" s="12"/>
    </row>
    <row r="633699" spans="8:8">
      <c r="H633699" s="12"/>
    </row>
    <row r="633700" spans="8:8">
      <c r="H633700" s="12"/>
    </row>
    <row r="633701" spans="8:8">
      <c r="H633701" s="12"/>
    </row>
    <row r="633702" spans="8:8">
      <c r="H633702" s="12"/>
    </row>
    <row r="633703" spans="8:8">
      <c r="H633703" s="12"/>
    </row>
    <row r="633704" spans="8:8">
      <c r="H633704" s="12"/>
    </row>
    <row r="633705" spans="8:8">
      <c r="H633705" s="12"/>
    </row>
    <row r="633706" spans="8:8">
      <c r="H633706" s="12"/>
    </row>
    <row r="633707" spans="8:8">
      <c r="H633707" s="12"/>
    </row>
    <row r="633708" spans="8:8">
      <c r="H633708" s="12"/>
    </row>
    <row r="633709" spans="8:8">
      <c r="H633709" s="12"/>
    </row>
    <row r="633710" spans="8:8">
      <c r="H633710" s="12"/>
    </row>
    <row r="633711" spans="8:8">
      <c r="H633711" s="12"/>
    </row>
    <row r="633712" spans="8:8">
      <c r="H633712" s="12"/>
    </row>
    <row r="633713" spans="8:8">
      <c r="H633713" s="12"/>
    </row>
    <row r="633714" spans="8:8">
      <c r="H633714" s="12"/>
    </row>
    <row r="633715" spans="8:8">
      <c r="H633715" s="12"/>
    </row>
    <row r="633716" spans="8:8">
      <c r="H633716" s="12"/>
    </row>
    <row r="633717" spans="8:8">
      <c r="H633717" s="12"/>
    </row>
    <row r="633718" spans="8:8">
      <c r="H633718" s="12"/>
    </row>
    <row r="633719" spans="8:8">
      <c r="H633719" s="12"/>
    </row>
    <row r="633720" spans="8:8">
      <c r="H633720" s="12"/>
    </row>
    <row r="633721" spans="8:8">
      <c r="H633721" s="12"/>
    </row>
    <row r="633722" spans="8:8">
      <c r="H633722" s="12"/>
    </row>
    <row r="633723" spans="8:8">
      <c r="H633723" s="12"/>
    </row>
    <row r="633724" spans="8:8">
      <c r="H633724" s="12"/>
    </row>
    <row r="633725" spans="8:8">
      <c r="H633725" s="12"/>
    </row>
    <row r="633726" spans="8:8">
      <c r="H633726" s="12"/>
    </row>
    <row r="633727" spans="8:8">
      <c r="H633727" s="12"/>
    </row>
    <row r="633728" spans="8:8">
      <c r="H633728" s="12"/>
    </row>
    <row r="633729" spans="8:8">
      <c r="H633729" s="12"/>
    </row>
    <row r="633730" spans="8:8">
      <c r="H633730" s="12"/>
    </row>
    <row r="633731" spans="8:8">
      <c r="H633731" s="12"/>
    </row>
    <row r="633732" spans="8:8">
      <c r="H633732" s="12"/>
    </row>
    <row r="633733" spans="8:8">
      <c r="H633733" s="12"/>
    </row>
    <row r="633734" spans="8:8">
      <c r="H633734" s="12"/>
    </row>
    <row r="633735" spans="8:8">
      <c r="H633735" s="12"/>
    </row>
    <row r="633736" spans="8:8">
      <c r="H633736" s="12"/>
    </row>
    <row r="633737" spans="8:8">
      <c r="H633737" s="12"/>
    </row>
    <row r="633738" spans="8:8">
      <c r="H633738" s="12"/>
    </row>
    <row r="633739" spans="8:8">
      <c r="H633739" s="12"/>
    </row>
    <row r="633740" spans="8:8">
      <c r="H633740" s="12"/>
    </row>
    <row r="633741" spans="8:8">
      <c r="H633741" s="12"/>
    </row>
    <row r="633742" spans="8:8">
      <c r="H633742" s="12"/>
    </row>
    <row r="633743" spans="8:8">
      <c r="H633743" s="12"/>
    </row>
    <row r="633744" spans="8:8">
      <c r="H633744" s="12"/>
    </row>
    <row r="633745" spans="8:8">
      <c r="H633745" s="12"/>
    </row>
    <row r="633746" spans="8:8">
      <c r="H633746" s="12"/>
    </row>
    <row r="633747" spans="8:8">
      <c r="H633747" s="12"/>
    </row>
    <row r="633748" spans="8:8">
      <c r="H633748" s="12"/>
    </row>
    <row r="633749" spans="8:8">
      <c r="H633749" s="12"/>
    </row>
    <row r="633750" spans="8:8">
      <c r="H633750" s="12"/>
    </row>
    <row r="633751" spans="8:8">
      <c r="H633751" s="12"/>
    </row>
    <row r="633752" spans="8:8">
      <c r="H633752" s="12"/>
    </row>
    <row r="633753" spans="8:8">
      <c r="H633753" s="12"/>
    </row>
    <row r="633754" spans="8:8">
      <c r="H633754" s="12"/>
    </row>
    <row r="633755" spans="8:8">
      <c r="H633755" s="12"/>
    </row>
    <row r="633756" spans="8:8">
      <c r="H633756" s="12"/>
    </row>
    <row r="633757" spans="8:8">
      <c r="H633757" s="12"/>
    </row>
    <row r="633758" spans="8:8">
      <c r="H633758" s="12"/>
    </row>
    <row r="633759" spans="8:8">
      <c r="H633759" s="12"/>
    </row>
    <row r="633760" spans="8:8">
      <c r="H633760" s="12"/>
    </row>
    <row r="633761" spans="8:8">
      <c r="H633761" s="12"/>
    </row>
    <row r="633762" spans="8:8">
      <c r="H633762" s="12"/>
    </row>
    <row r="633763" spans="8:8">
      <c r="H633763" s="12"/>
    </row>
    <row r="633764" spans="8:8">
      <c r="H633764" s="12"/>
    </row>
    <row r="633765" spans="8:8">
      <c r="H633765" s="12"/>
    </row>
    <row r="633766" spans="8:8">
      <c r="H633766" s="12"/>
    </row>
    <row r="633767" spans="8:8">
      <c r="H633767" s="12"/>
    </row>
    <row r="633768" spans="8:8">
      <c r="H633768" s="12"/>
    </row>
    <row r="633769" spans="8:8">
      <c r="H633769" s="12"/>
    </row>
    <row r="633770" spans="8:8">
      <c r="H633770" s="12"/>
    </row>
    <row r="633771" spans="8:8">
      <c r="H633771" s="12"/>
    </row>
    <row r="633772" spans="8:8">
      <c r="H633772" s="12"/>
    </row>
    <row r="633773" spans="8:8">
      <c r="H633773" s="12"/>
    </row>
    <row r="633774" spans="8:8">
      <c r="H633774" s="12"/>
    </row>
    <row r="633775" spans="8:8">
      <c r="H633775" s="12"/>
    </row>
    <row r="633776" spans="8:8">
      <c r="H633776" s="12"/>
    </row>
    <row r="633777" spans="8:8">
      <c r="H633777" s="12"/>
    </row>
    <row r="633778" spans="8:8">
      <c r="H633778" s="12"/>
    </row>
    <row r="633779" spans="8:8">
      <c r="H633779" s="12"/>
    </row>
    <row r="633780" spans="8:8">
      <c r="H633780" s="12"/>
    </row>
    <row r="633781" spans="8:8">
      <c r="H633781" s="12"/>
    </row>
    <row r="633782" spans="8:8">
      <c r="H633782" s="12"/>
    </row>
    <row r="633783" spans="8:8">
      <c r="H633783" s="12"/>
    </row>
    <row r="633784" spans="8:8">
      <c r="H633784" s="12"/>
    </row>
    <row r="633785" spans="8:8">
      <c r="H633785" s="12"/>
    </row>
    <row r="633786" spans="8:8">
      <c r="H633786" s="12"/>
    </row>
    <row r="633787" spans="8:8">
      <c r="H633787" s="12"/>
    </row>
    <row r="633788" spans="8:8">
      <c r="H633788" s="12"/>
    </row>
    <row r="633789" spans="8:8">
      <c r="H633789" s="12"/>
    </row>
    <row r="633790" spans="8:8">
      <c r="H633790" s="12"/>
    </row>
    <row r="633791" spans="8:8">
      <c r="H633791" s="12"/>
    </row>
    <row r="633792" spans="8:8">
      <c r="H633792" s="12"/>
    </row>
    <row r="633793" spans="8:8">
      <c r="H633793" s="12"/>
    </row>
    <row r="633794" spans="8:8">
      <c r="H633794" s="12"/>
    </row>
    <row r="633795" spans="8:8">
      <c r="H633795" s="12"/>
    </row>
    <row r="633796" spans="8:8">
      <c r="H633796" s="12"/>
    </row>
    <row r="633797" spans="8:8">
      <c r="H633797" s="12"/>
    </row>
    <row r="633798" spans="8:8">
      <c r="H633798" s="12"/>
    </row>
    <row r="633799" spans="8:8">
      <c r="H633799" s="12"/>
    </row>
    <row r="633800" spans="8:8">
      <c r="H633800" s="12"/>
    </row>
    <row r="633801" spans="8:8">
      <c r="H633801" s="12"/>
    </row>
    <row r="633802" spans="8:8">
      <c r="H633802" s="12"/>
    </row>
    <row r="633803" spans="8:8">
      <c r="H633803" s="12"/>
    </row>
    <row r="633804" spans="8:8">
      <c r="H633804" s="12"/>
    </row>
    <row r="633805" spans="8:8">
      <c r="H633805" s="12"/>
    </row>
    <row r="633806" spans="8:8">
      <c r="H633806" s="12"/>
    </row>
    <row r="633807" spans="8:8">
      <c r="H633807" s="12"/>
    </row>
    <row r="633808" spans="8:8">
      <c r="H633808" s="12"/>
    </row>
    <row r="633809" spans="8:8">
      <c r="H633809" s="12"/>
    </row>
    <row r="633810" spans="8:8">
      <c r="H633810" s="12"/>
    </row>
    <row r="633811" spans="8:8">
      <c r="H633811" s="12"/>
    </row>
    <row r="633812" spans="8:8">
      <c r="H633812" s="12"/>
    </row>
    <row r="633813" spans="8:8">
      <c r="H633813" s="12"/>
    </row>
    <row r="633814" spans="8:8">
      <c r="H633814" s="12"/>
    </row>
    <row r="633815" spans="8:8">
      <c r="H633815" s="12"/>
    </row>
    <row r="633816" spans="8:8">
      <c r="H633816" s="12"/>
    </row>
    <row r="633817" spans="8:8">
      <c r="H633817" s="12"/>
    </row>
    <row r="633818" spans="8:8">
      <c r="H633818" s="12"/>
    </row>
    <row r="633819" spans="8:8">
      <c r="H633819" s="12"/>
    </row>
    <row r="633820" spans="8:8">
      <c r="H633820" s="12"/>
    </row>
    <row r="633821" spans="8:8">
      <c r="H633821" s="12"/>
    </row>
    <row r="633822" spans="8:8">
      <c r="H633822" s="12"/>
    </row>
    <row r="633823" spans="8:8">
      <c r="H633823" s="12"/>
    </row>
    <row r="633824" spans="8:8">
      <c r="H633824" s="12"/>
    </row>
    <row r="633825" spans="8:8">
      <c r="H633825" s="12"/>
    </row>
    <row r="633826" spans="8:8">
      <c r="H633826" s="12"/>
    </row>
    <row r="633827" spans="8:8">
      <c r="H633827" s="12"/>
    </row>
    <row r="633828" spans="8:8">
      <c r="H633828" s="12"/>
    </row>
    <row r="633829" spans="8:8">
      <c r="H633829" s="12"/>
    </row>
    <row r="633830" spans="8:8">
      <c r="H633830" s="12"/>
    </row>
    <row r="633831" spans="8:8">
      <c r="H633831" s="12"/>
    </row>
    <row r="633832" spans="8:8">
      <c r="H633832" s="12"/>
    </row>
    <row r="633833" spans="8:8">
      <c r="H633833" s="12"/>
    </row>
    <row r="633834" spans="8:8">
      <c r="H633834" s="12"/>
    </row>
    <row r="633835" spans="8:8">
      <c r="H633835" s="12"/>
    </row>
    <row r="633836" spans="8:8">
      <c r="H633836" s="12"/>
    </row>
    <row r="633837" spans="8:8">
      <c r="H633837" s="12"/>
    </row>
    <row r="633838" spans="8:8">
      <c r="H633838" s="12"/>
    </row>
    <row r="633839" spans="8:8">
      <c r="H633839" s="12"/>
    </row>
    <row r="633840" spans="8:8">
      <c r="H633840" s="12"/>
    </row>
    <row r="633841" spans="8:8">
      <c r="H633841" s="12"/>
    </row>
    <row r="633842" spans="8:8">
      <c r="H633842" s="12"/>
    </row>
    <row r="633843" spans="8:8">
      <c r="H633843" s="12"/>
    </row>
    <row r="633844" spans="8:8">
      <c r="H633844" s="12"/>
    </row>
    <row r="633845" spans="8:8">
      <c r="H633845" s="12"/>
    </row>
    <row r="633846" spans="8:8">
      <c r="H633846" s="12"/>
    </row>
    <row r="633847" spans="8:8">
      <c r="H633847" s="12"/>
    </row>
    <row r="633848" spans="8:8">
      <c r="H633848" s="12"/>
    </row>
    <row r="633849" spans="8:8">
      <c r="H633849" s="12"/>
    </row>
    <row r="633850" spans="8:8">
      <c r="H633850" s="12"/>
    </row>
    <row r="633851" spans="8:8">
      <c r="H633851" s="12"/>
    </row>
    <row r="633852" spans="8:8">
      <c r="H633852" s="12"/>
    </row>
    <row r="633853" spans="8:8">
      <c r="H633853" s="12"/>
    </row>
    <row r="633854" spans="8:8">
      <c r="H633854" s="12"/>
    </row>
    <row r="633855" spans="8:8">
      <c r="H633855" s="12"/>
    </row>
    <row r="633856" spans="8:8">
      <c r="H633856" s="12"/>
    </row>
    <row r="633857" spans="8:8">
      <c r="H633857" s="12"/>
    </row>
    <row r="633858" spans="8:8">
      <c r="H633858" s="12"/>
    </row>
    <row r="633859" spans="8:8">
      <c r="H633859" s="12"/>
    </row>
    <row r="633860" spans="8:8">
      <c r="H633860" s="12"/>
    </row>
    <row r="633861" spans="8:8">
      <c r="H633861" s="12"/>
    </row>
    <row r="633862" spans="8:8">
      <c r="H633862" s="12"/>
    </row>
    <row r="633863" spans="8:8">
      <c r="H633863" s="12"/>
    </row>
    <row r="633864" spans="8:8">
      <c r="H633864" s="12"/>
    </row>
    <row r="633865" spans="8:8">
      <c r="H633865" s="12"/>
    </row>
    <row r="633866" spans="8:8">
      <c r="H633866" s="12"/>
    </row>
    <row r="633867" spans="8:8">
      <c r="H633867" s="12"/>
    </row>
    <row r="633868" spans="8:8">
      <c r="H633868" s="12"/>
    </row>
    <row r="633869" spans="8:8">
      <c r="H633869" s="12"/>
    </row>
    <row r="633870" spans="8:8">
      <c r="H633870" s="12"/>
    </row>
    <row r="633871" spans="8:8">
      <c r="H633871" s="12"/>
    </row>
    <row r="633872" spans="8:8">
      <c r="H633872" s="12"/>
    </row>
    <row r="633873" spans="8:8">
      <c r="H633873" s="12"/>
    </row>
    <row r="633874" spans="8:8">
      <c r="H633874" s="12"/>
    </row>
    <row r="633875" spans="8:8">
      <c r="H633875" s="12"/>
    </row>
    <row r="633876" spans="8:8">
      <c r="H633876" s="12"/>
    </row>
    <row r="633877" spans="8:8">
      <c r="H633877" s="12"/>
    </row>
    <row r="633878" spans="8:8">
      <c r="H633878" s="12"/>
    </row>
    <row r="633879" spans="8:8">
      <c r="H633879" s="12"/>
    </row>
    <row r="633880" spans="8:8">
      <c r="H633880" s="12"/>
    </row>
    <row r="633881" spans="8:8">
      <c r="H633881" s="12"/>
    </row>
    <row r="633882" spans="8:8">
      <c r="H633882" s="12"/>
    </row>
    <row r="633883" spans="8:8">
      <c r="H633883" s="12"/>
    </row>
    <row r="633884" spans="8:8">
      <c r="H633884" s="12"/>
    </row>
    <row r="633885" spans="8:8">
      <c r="H633885" s="12"/>
    </row>
    <row r="633886" spans="8:8">
      <c r="H633886" s="12"/>
    </row>
    <row r="633887" spans="8:8">
      <c r="H633887" s="12"/>
    </row>
    <row r="633888" spans="8:8">
      <c r="H633888" s="12"/>
    </row>
    <row r="633889" spans="8:8">
      <c r="H633889" s="12"/>
    </row>
    <row r="633890" spans="8:8">
      <c r="H633890" s="12"/>
    </row>
    <row r="633891" spans="8:8">
      <c r="H633891" s="12"/>
    </row>
    <row r="633892" spans="8:8">
      <c r="H633892" s="12"/>
    </row>
    <row r="633893" spans="8:8">
      <c r="H633893" s="12"/>
    </row>
    <row r="633894" spans="8:8">
      <c r="H633894" s="12"/>
    </row>
    <row r="633895" spans="8:8">
      <c r="H633895" s="12"/>
    </row>
    <row r="633896" spans="8:8">
      <c r="H633896" s="12"/>
    </row>
    <row r="633897" spans="8:8">
      <c r="H633897" s="12"/>
    </row>
    <row r="633898" spans="8:8">
      <c r="H633898" s="12"/>
    </row>
    <row r="633899" spans="8:8">
      <c r="H633899" s="12"/>
    </row>
    <row r="633900" spans="8:8">
      <c r="H633900" s="12"/>
    </row>
    <row r="633901" spans="8:8">
      <c r="H633901" s="12"/>
    </row>
    <row r="633902" spans="8:8">
      <c r="H633902" s="12"/>
    </row>
    <row r="633903" spans="8:8">
      <c r="H633903" s="12"/>
    </row>
    <row r="633904" spans="8:8">
      <c r="H633904" s="12"/>
    </row>
    <row r="633905" spans="8:8">
      <c r="H633905" s="12"/>
    </row>
    <row r="633906" spans="8:8">
      <c r="H633906" s="12"/>
    </row>
    <row r="633907" spans="8:8">
      <c r="H633907" s="12"/>
    </row>
    <row r="633908" spans="8:8">
      <c r="H633908" s="12"/>
    </row>
    <row r="633909" spans="8:8">
      <c r="H633909" s="12"/>
    </row>
    <row r="633910" spans="8:8">
      <c r="H633910" s="12"/>
    </row>
    <row r="633911" spans="8:8">
      <c r="H633911" s="12"/>
    </row>
    <row r="633912" spans="8:8">
      <c r="H633912" s="12"/>
    </row>
    <row r="633913" spans="8:8">
      <c r="H633913" s="12"/>
    </row>
    <row r="633914" spans="8:8">
      <c r="H633914" s="12"/>
    </row>
    <row r="633915" spans="8:8">
      <c r="H633915" s="12"/>
    </row>
    <row r="633916" spans="8:8">
      <c r="H633916" s="12"/>
    </row>
    <row r="633917" spans="8:8">
      <c r="H633917" s="12"/>
    </row>
    <row r="633918" spans="8:8">
      <c r="H633918" s="12"/>
    </row>
    <row r="633919" spans="8:8">
      <c r="H633919" s="12"/>
    </row>
    <row r="633920" spans="8:8">
      <c r="H633920" s="12"/>
    </row>
    <row r="633921" spans="8:8">
      <c r="H633921" s="12"/>
    </row>
    <row r="633922" spans="8:8">
      <c r="H633922" s="12"/>
    </row>
    <row r="633923" spans="8:8">
      <c r="H633923" s="12"/>
    </row>
    <row r="633924" spans="8:8">
      <c r="H633924" s="12"/>
    </row>
    <row r="633925" spans="8:8">
      <c r="H633925" s="12"/>
    </row>
    <row r="633926" spans="8:8">
      <c r="H633926" s="12"/>
    </row>
    <row r="633927" spans="8:8">
      <c r="H633927" s="12"/>
    </row>
    <row r="633928" spans="8:8">
      <c r="H633928" s="12"/>
    </row>
    <row r="633929" spans="8:8">
      <c r="H633929" s="12"/>
    </row>
    <row r="633930" spans="8:8">
      <c r="H633930" s="12"/>
    </row>
    <row r="633931" spans="8:8">
      <c r="H633931" s="12"/>
    </row>
    <row r="633932" spans="8:8">
      <c r="H633932" s="12"/>
    </row>
    <row r="633933" spans="8:8">
      <c r="H633933" s="12"/>
    </row>
    <row r="633934" spans="8:8">
      <c r="H633934" s="12"/>
    </row>
    <row r="633935" spans="8:8">
      <c r="H633935" s="12"/>
    </row>
    <row r="633936" spans="8:8">
      <c r="H633936" s="12"/>
    </row>
    <row r="633937" spans="8:8">
      <c r="H633937" s="12"/>
    </row>
    <row r="633938" spans="8:8">
      <c r="H633938" s="12"/>
    </row>
    <row r="633939" spans="8:8">
      <c r="H633939" s="12"/>
    </row>
    <row r="633940" spans="8:8">
      <c r="H633940" s="12"/>
    </row>
    <row r="633941" spans="8:8">
      <c r="H633941" s="12"/>
    </row>
    <row r="633942" spans="8:8">
      <c r="H633942" s="12"/>
    </row>
    <row r="633943" spans="8:8">
      <c r="H633943" s="12"/>
    </row>
    <row r="633944" spans="8:8">
      <c r="H633944" s="12"/>
    </row>
    <row r="633945" spans="8:8">
      <c r="H633945" s="12"/>
    </row>
    <row r="633946" spans="8:8">
      <c r="H633946" s="12"/>
    </row>
    <row r="633947" spans="8:8">
      <c r="H633947" s="12"/>
    </row>
    <row r="633948" spans="8:8">
      <c r="H633948" s="12"/>
    </row>
    <row r="633949" spans="8:8">
      <c r="H633949" s="12"/>
    </row>
    <row r="633950" spans="8:8">
      <c r="H633950" s="12"/>
    </row>
    <row r="633951" spans="8:8">
      <c r="H633951" s="12"/>
    </row>
    <row r="633952" spans="8:8">
      <c r="H633952" s="12"/>
    </row>
    <row r="633953" spans="8:8">
      <c r="H633953" s="12"/>
    </row>
    <row r="633954" spans="8:8">
      <c r="H633954" s="12"/>
    </row>
    <row r="633955" spans="8:8">
      <c r="H633955" s="12"/>
    </row>
    <row r="633956" spans="8:8">
      <c r="H633956" s="12"/>
    </row>
    <row r="633957" spans="8:8">
      <c r="H633957" s="12"/>
    </row>
    <row r="633958" spans="8:8">
      <c r="H633958" s="12"/>
    </row>
    <row r="633959" spans="8:8">
      <c r="H633959" s="12"/>
    </row>
    <row r="633960" spans="8:8">
      <c r="H633960" s="12"/>
    </row>
    <row r="633961" spans="8:8">
      <c r="H633961" s="12"/>
    </row>
    <row r="633962" spans="8:8">
      <c r="H633962" s="12"/>
    </row>
    <row r="633963" spans="8:8">
      <c r="H633963" s="12"/>
    </row>
    <row r="633964" spans="8:8">
      <c r="H633964" s="12"/>
    </row>
    <row r="633965" spans="8:8">
      <c r="H633965" s="12"/>
    </row>
    <row r="633966" spans="8:8">
      <c r="H633966" s="12"/>
    </row>
    <row r="633967" spans="8:8">
      <c r="H633967" s="12"/>
    </row>
    <row r="633968" spans="8:8">
      <c r="H633968" s="12"/>
    </row>
    <row r="633969" spans="8:8">
      <c r="H633969" s="12"/>
    </row>
    <row r="633970" spans="8:8">
      <c r="H633970" s="12"/>
    </row>
    <row r="633971" spans="8:8">
      <c r="H633971" s="12"/>
    </row>
    <row r="633972" spans="8:8">
      <c r="H633972" s="12"/>
    </row>
    <row r="633973" spans="8:8">
      <c r="H633973" s="12"/>
    </row>
    <row r="633974" spans="8:8">
      <c r="H633974" s="12"/>
    </row>
    <row r="633975" spans="8:8">
      <c r="H633975" s="12"/>
    </row>
    <row r="633976" spans="8:8">
      <c r="H633976" s="12"/>
    </row>
    <row r="633977" spans="8:8">
      <c r="H633977" s="12"/>
    </row>
    <row r="633978" spans="8:8">
      <c r="H633978" s="12"/>
    </row>
    <row r="633979" spans="8:8">
      <c r="H633979" s="12"/>
    </row>
    <row r="633980" spans="8:8">
      <c r="H633980" s="12"/>
    </row>
    <row r="633981" spans="8:8">
      <c r="H633981" s="12"/>
    </row>
    <row r="633982" spans="8:8">
      <c r="H633982" s="12"/>
    </row>
    <row r="633983" spans="8:8">
      <c r="H633983" s="12"/>
    </row>
    <row r="633984" spans="8:8">
      <c r="H633984" s="12"/>
    </row>
    <row r="633985" spans="8:8">
      <c r="H633985" s="12"/>
    </row>
    <row r="633986" spans="8:8">
      <c r="H633986" s="12"/>
    </row>
    <row r="633987" spans="8:8">
      <c r="H633987" s="12"/>
    </row>
    <row r="633988" spans="8:8">
      <c r="H633988" s="12"/>
    </row>
    <row r="633989" spans="8:8">
      <c r="H633989" s="12"/>
    </row>
    <row r="633990" spans="8:8">
      <c r="H633990" s="12"/>
    </row>
    <row r="633991" spans="8:8">
      <c r="H633991" s="12"/>
    </row>
    <row r="633992" spans="8:8">
      <c r="H633992" s="12"/>
    </row>
    <row r="633993" spans="8:8">
      <c r="H633993" s="12"/>
    </row>
    <row r="633994" spans="8:8">
      <c r="H633994" s="12"/>
    </row>
    <row r="633995" spans="8:8">
      <c r="H633995" s="12"/>
    </row>
    <row r="633996" spans="8:8">
      <c r="H633996" s="12"/>
    </row>
    <row r="633997" spans="8:8">
      <c r="H633997" s="12"/>
    </row>
    <row r="633998" spans="8:8">
      <c r="H633998" s="12"/>
    </row>
    <row r="633999" spans="8:8">
      <c r="H633999" s="12"/>
    </row>
    <row r="634000" spans="8:8">
      <c r="H634000" s="12"/>
    </row>
    <row r="634001" spans="8:8">
      <c r="H634001" s="12"/>
    </row>
    <row r="634002" spans="8:8">
      <c r="H634002" s="12"/>
    </row>
    <row r="634003" spans="8:8">
      <c r="H634003" s="12"/>
    </row>
    <row r="634004" spans="8:8">
      <c r="H634004" s="12"/>
    </row>
    <row r="634005" spans="8:8">
      <c r="H634005" s="12"/>
    </row>
    <row r="634006" spans="8:8">
      <c r="H634006" s="12"/>
    </row>
    <row r="634007" spans="8:8">
      <c r="H634007" s="12"/>
    </row>
    <row r="634008" spans="8:8">
      <c r="H634008" s="12"/>
    </row>
    <row r="634009" spans="8:8">
      <c r="H634009" s="12"/>
    </row>
    <row r="634010" spans="8:8">
      <c r="H634010" s="12"/>
    </row>
    <row r="634011" spans="8:8">
      <c r="H634011" s="12"/>
    </row>
    <row r="634012" spans="8:8">
      <c r="H634012" s="12"/>
    </row>
    <row r="634013" spans="8:8">
      <c r="H634013" s="12"/>
    </row>
    <row r="634014" spans="8:8">
      <c r="H634014" s="12"/>
    </row>
    <row r="634015" spans="8:8">
      <c r="H634015" s="12"/>
    </row>
    <row r="634016" spans="8:8">
      <c r="H634016" s="12"/>
    </row>
    <row r="634017" spans="8:8">
      <c r="H634017" s="12"/>
    </row>
    <row r="634018" spans="8:8">
      <c r="H634018" s="12"/>
    </row>
    <row r="634019" spans="8:8">
      <c r="H634019" s="12"/>
    </row>
    <row r="634020" spans="8:8">
      <c r="H634020" s="12"/>
    </row>
    <row r="634021" spans="8:8">
      <c r="H634021" s="12"/>
    </row>
    <row r="634022" spans="8:8">
      <c r="H634022" s="12"/>
    </row>
    <row r="634023" spans="8:8">
      <c r="H634023" s="12"/>
    </row>
    <row r="634024" spans="8:8">
      <c r="H634024" s="12"/>
    </row>
    <row r="634025" spans="8:8">
      <c r="H634025" s="12"/>
    </row>
    <row r="634026" spans="8:8">
      <c r="H634026" s="12"/>
    </row>
    <row r="634027" spans="8:8">
      <c r="H634027" s="12"/>
    </row>
    <row r="634028" spans="8:8">
      <c r="H634028" s="12"/>
    </row>
    <row r="634029" spans="8:8">
      <c r="H634029" s="12"/>
    </row>
    <row r="634030" spans="8:8">
      <c r="H634030" s="12"/>
    </row>
    <row r="634031" spans="8:8">
      <c r="H634031" s="12"/>
    </row>
    <row r="634032" spans="8:8">
      <c r="H634032" s="12"/>
    </row>
    <row r="634033" spans="8:8">
      <c r="H634033" s="12"/>
    </row>
    <row r="634034" spans="8:8">
      <c r="H634034" s="12"/>
    </row>
    <row r="634035" spans="8:8">
      <c r="H634035" s="12"/>
    </row>
    <row r="634036" spans="8:8">
      <c r="H634036" s="12"/>
    </row>
    <row r="634037" spans="8:8">
      <c r="H634037" s="12"/>
    </row>
    <row r="634038" spans="8:8">
      <c r="H634038" s="12"/>
    </row>
    <row r="634039" spans="8:8">
      <c r="H634039" s="12"/>
    </row>
    <row r="634040" spans="8:8">
      <c r="H634040" s="12"/>
    </row>
    <row r="634041" spans="8:8">
      <c r="H634041" s="12"/>
    </row>
    <row r="634042" spans="8:8">
      <c r="H634042" s="12"/>
    </row>
    <row r="634043" spans="8:8">
      <c r="H634043" s="12"/>
    </row>
    <row r="634044" spans="8:8">
      <c r="H634044" s="12"/>
    </row>
    <row r="634045" spans="8:8">
      <c r="H634045" s="12"/>
    </row>
    <row r="634046" spans="8:8">
      <c r="H634046" s="12"/>
    </row>
    <row r="634047" spans="8:8">
      <c r="H634047" s="12"/>
    </row>
    <row r="634048" spans="8:8">
      <c r="H634048" s="12"/>
    </row>
    <row r="634049" spans="8:8">
      <c r="H634049" s="12"/>
    </row>
    <row r="634050" spans="8:8">
      <c r="H634050" s="12"/>
    </row>
    <row r="634051" spans="8:8">
      <c r="H634051" s="12"/>
    </row>
    <row r="634052" spans="8:8">
      <c r="H634052" s="12"/>
    </row>
    <row r="634053" spans="8:8">
      <c r="H634053" s="12"/>
    </row>
    <row r="634054" spans="8:8">
      <c r="H634054" s="12"/>
    </row>
    <row r="634055" spans="8:8">
      <c r="H634055" s="12"/>
    </row>
    <row r="634056" spans="8:8">
      <c r="H634056" s="12"/>
    </row>
    <row r="634057" spans="8:8">
      <c r="H634057" s="12"/>
    </row>
    <row r="634058" spans="8:8">
      <c r="H634058" s="12"/>
    </row>
    <row r="634059" spans="8:8">
      <c r="H634059" s="12"/>
    </row>
    <row r="634060" spans="8:8">
      <c r="H634060" s="12"/>
    </row>
    <row r="634061" spans="8:8">
      <c r="H634061" s="12"/>
    </row>
    <row r="634062" spans="8:8">
      <c r="H634062" s="12"/>
    </row>
    <row r="634063" spans="8:8">
      <c r="H634063" s="12"/>
    </row>
    <row r="634064" spans="8:8">
      <c r="H634064" s="12"/>
    </row>
    <row r="634065" spans="8:8">
      <c r="H634065" s="12"/>
    </row>
    <row r="634066" spans="8:8">
      <c r="H634066" s="12"/>
    </row>
    <row r="634067" spans="8:8">
      <c r="H634067" s="12"/>
    </row>
    <row r="634068" spans="8:8">
      <c r="H634068" s="12"/>
    </row>
    <row r="634069" spans="8:8">
      <c r="H634069" s="12"/>
    </row>
    <row r="634070" spans="8:8">
      <c r="H634070" s="12"/>
    </row>
    <row r="634071" spans="8:8">
      <c r="H634071" s="12"/>
    </row>
    <row r="634072" spans="8:8">
      <c r="H634072" s="12"/>
    </row>
    <row r="634073" spans="8:8">
      <c r="H634073" s="12"/>
    </row>
    <row r="634074" spans="8:8">
      <c r="H634074" s="12"/>
    </row>
    <row r="634075" spans="8:8">
      <c r="H634075" s="12"/>
    </row>
    <row r="634076" spans="8:8">
      <c r="H634076" s="12"/>
    </row>
    <row r="634077" spans="8:8">
      <c r="H634077" s="12"/>
    </row>
    <row r="634078" spans="8:8">
      <c r="H634078" s="12"/>
    </row>
    <row r="634079" spans="8:8">
      <c r="H634079" s="12"/>
    </row>
    <row r="634080" spans="8:8">
      <c r="H634080" s="12"/>
    </row>
    <row r="634081" spans="8:8">
      <c r="H634081" s="12"/>
    </row>
    <row r="634082" spans="8:8">
      <c r="H634082" s="12"/>
    </row>
    <row r="634083" spans="8:8">
      <c r="H634083" s="12"/>
    </row>
    <row r="634084" spans="8:8">
      <c r="H634084" s="12"/>
    </row>
    <row r="634085" spans="8:8">
      <c r="H634085" s="12"/>
    </row>
    <row r="634086" spans="8:8">
      <c r="H634086" s="12"/>
    </row>
    <row r="634087" spans="8:8">
      <c r="H634087" s="12"/>
    </row>
    <row r="634088" spans="8:8">
      <c r="H634088" s="12"/>
    </row>
    <row r="634089" spans="8:8">
      <c r="H634089" s="12"/>
    </row>
    <row r="634090" spans="8:8">
      <c r="H634090" s="12"/>
    </row>
    <row r="634091" spans="8:8">
      <c r="H634091" s="12"/>
    </row>
    <row r="634092" spans="8:8">
      <c r="H634092" s="12"/>
    </row>
    <row r="634093" spans="8:8">
      <c r="H634093" s="12"/>
    </row>
    <row r="634094" spans="8:8">
      <c r="H634094" s="12"/>
    </row>
    <row r="634095" spans="8:8">
      <c r="H634095" s="12"/>
    </row>
    <row r="634096" spans="8:8">
      <c r="H634096" s="12"/>
    </row>
    <row r="634097" spans="8:8">
      <c r="H634097" s="12"/>
    </row>
    <row r="634098" spans="8:8">
      <c r="H634098" s="12"/>
    </row>
    <row r="634099" spans="8:8">
      <c r="H634099" s="12"/>
    </row>
    <row r="634100" spans="8:8">
      <c r="H634100" s="12"/>
    </row>
    <row r="634101" spans="8:8">
      <c r="H634101" s="12"/>
    </row>
    <row r="634102" spans="8:8">
      <c r="H634102" s="12"/>
    </row>
    <row r="634103" spans="8:8">
      <c r="H634103" s="12"/>
    </row>
    <row r="634104" spans="8:8">
      <c r="H634104" s="12"/>
    </row>
    <row r="634105" spans="8:8">
      <c r="H634105" s="12"/>
    </row>
    <row r="634106" spans="8:8">
      <c r="H634106" s="12"/>
    </row>
    <row r="634107" spans="8:8">
      <c r="H634107" s="12"/>
    </row>
    <row r="634108" spans="8:8">
      <c r="H634108" s="12"/>
    </row>
    <row r="634109" spans="8:8">
      <c r="H634109" s="12"/>
    </row>
    <row r="634110" spans="8:8">
      <c r="H634110" s="12"/>
    </row>
    <row r="634111" spans="8:8">
      <c r="H634111" s="12"/>
    </row>
    <row r="634112" spans="8:8">
      <c r="H634112" s="12"/>
    </row>
    <row r="634113" spans="8:8">
      <c r="H634113" s="12"/>
    </row>
    <row r="634114" spans="8:8">
      <c r="H634114" s="12"/>
    </row>
    <row r="634115" spans="8:8">
      <c r="H634115" s="12"/>
    </row>
    <row r="634116" spans="8:8">
      <c r="H634116" s="12"/>
    </row>
    <row r="634117" spans="8:8">
      <c r="H634117" s="12"/>
    </row>
    <row r="634118" spans="8:8">
      <c r="H634118" s="12"/>
    </row>
    <row r="634119" spans="8:8">
      <c r="H634119" s="12"/>
    </row>
    <row r="634120" spans="8:8">
      <c r="H634120" s="12"/>
    </row>
    <row r="634121" spans="8:8">
      <c r="H634121" s="12"/>
    </row>
    <row r="634122" spans="8:8">
      <c r="H634122" s="12"/>
    </row>
    <row r="634123" spans="8:8">
      <c r="H634123" s="12"/>
    </row>
    <row r="634124" spans="8:8">
      <c r="H634124" s="12"/>
    </row>
    <row r="634125" spans="8:8">
      <c r="H634125" s="12"/>
    </row>
    <row r="634126" spans="8:8">
      <c r="H634126" s="12"/>
    </row>
    <row r="634127" spans="8:8">
      <c r="H634127" s="12"/>
    </row>
    <row r="634128" spans="8:8">
      <c r="H634128" s="12"/>
    </row>
    <row r="634129" spans="8:8">
      <c r="H634129" s="12"/>
    </row>
    <row r="634130" spans="8:8">
      <c r="H634130" s="12"/>
    </row>
    <row r="634131" spans="8:8">
      <c r="H634131" s="12"/>
    </row>
    <row r="634132" spans="8:8">
      <c r="H634132" s="12"/>
    </row>
    <row r="634133" spans="8:8">
      <c r="H634133" s="12"/>
    </row>
    <row r="634134" spans="8:8">
      <c r="H634134" s="12"/>
    </row>
    <row r="634135" spans="8:8">
      <c r="H634135" s="12"/>
    </row>
    <row r="634136" spans="8:8">
      <c r="H634136" s="12"/>
    </row>
    <row r="634137" spans="8:8">
      <c r="H634137" s="12"/>
    </row>
    <row r="634138" spans="8:8">
      <c r="H634138" s="12"/>
    </row>
    <row r="634139" spans="8:8">
      <c r="H634139" s="12"/>
    </row>
    <row r="634140" spans="8:8">
      <c r="H634140" s="12"/>
    </row>
    <row r="634141" spans="8:8">
      <c r="H634141" s="12"/>
    </row>
    <row r="634142" spans="8:8">
      <c r="H634142" s="12"/>
    </row>
    <row r="634143" spans="8:8">
      <c r="H634143" s="12"/>
    </row>
    <row r="634144" spans="8:8">
      <c r="H634144" s="12"/>
    </row>
    <row r="634145" spans="8:8">
      <c r="H634145" s="12"/>
    </row>
    <row r="634146" spans="8:8">
      <c r="H634146" s="12"/>
    </row>
    <row r="634147" spans="8:8">
      <c r="H634147" s="12"/>
    </row>
    <row r="634148" spans="8:8">
      <c r="H634148" s="12"/>
    </row>
    <row r="634149" spans="8:8">
      <c r="H634149" s="12"/>
    </row>
    <row r="634150" spans="8:8">
      <c r="H634150" s="12"/>
    </row>
    <row r="634151" spans="8:8">
      <c r="H634151" s="12"/>
    </row>
    <row r="634152" spans="8:8">
      <c r="H634152" s="12"/>
    </row>
    <row r="634153" spans="8:8">
      <c r="H634153" s="12"/>
    </row>
    <row r="634154" spans="8:8">
      <c r="H634154" s="12"/>
    </row>
    <row r="634155" spans="8:8">
      <c r="H634155" s="12"/>
    </row>
    <row r="634156" spans="8:8">
      <c r="H634156" s="12"/>
    </row>
    <row r="634157" spans="8:8">
      <c r="H634157" s="12"/>
    </row>
    <row r="634158" spans="8:8">
      <c r="H634158" s="12"/>
    </row>
    <row r="634159" spans="8:8">
      <c r="H634159" s="12"/>
    </row>
    <row r="634160" spans="8:8">
      <c r="H634160" s="12"/>
    </row>
    <row r="634161" spans="8:8">
      <c r="H634161" s="12"/>
    </row>
    <row r="634162" spans="8:8">
      <c r="H634162" s="12"/>
    </row>
    <row r="634163" spans="8:8">
      <c r="H634163" s="12"/>
    </row>
    <row r="634164" spans="8:8">
      <c r="H634164" s="12"/>
    </row>
    <row r="634165" spans="8:8">
      <c r="H634165" s="12"/>
    </row>
    <row r="634166" spans="8:8">
      <c r="H634166" s="12"/>
    </row>
    <row r="634167" spans="8:8">
      <c r="H634167" s="12"/>
    </row>
    <row r="634168" spans="8:8">
      <c r="H634168" s="12"/>
    </row>
    <row r="634169" spans="8:8">
      <c r="H634169" s="12"/>
    </row>
    <row r="634170" spans="8:8">
      <c r="H634170" s="12"/>
    </row>
    <row r="634171" spans="8:8">
      <c r="H634171" s="12"/>
    </row>
    <row r="634172" spans="8:8">
      <c r="H634172" s="12"/>
    </row>
    <row r="634173" spans="8:8">
      <c r="H634173" s="12"/>
    </row>
    <row r="634174" spans="8:8">
      <c r="H634174" s="12"/>
    </row>
    <row r="634175" spans="8:8">
      <c r="H634175" s="12"/>
    </row>
    <row r="634176" spans="8:8">
      <c r="H634176" s="12"/>
    </row>
    <row r="634177" spans="8:8">
      <c r="H634177" s="12"/>
    </row>
    <row r="634178" spans="8:8">
      <c r="H634178" s="12"/>
    </row>
    <row r="634179" spans="8:8">
      <c r="H634179" s="12"/>
    </row>
    <row r="634180" spans="8:8">
      <c r="H634180" s="12"/>
    </row>
    <row r="634181" spans="8:8">
      <c r="H634181" s="12"/>
    </row>
    <row r="634182" spans="8:8">
      <c r="H634182" s="12"/>
    </row>
    <row r="634183" spans="8:8">
      <c r="H634183" s="12"/>
    </row>
    <row r="634184" spans="8:8">
      <c r="H634184" s="12"/>
    </row>
    <row r="634185" spans="8:8">
      <c r="H634185" s="12"/>
    </row>
    <row r="634186" spans="8:8">
      <c r="H634186" s="12"/>
    </row>
    <row r="634187" spans="8:8">
      <c r="H634187" s="12"/>
    </row>
    <row r="634188" spans="8:8">
      <c r="H634188" s="12"/>
    </row>
    <row r="634189" spans="8:8">
      <c r="H634189" s="12"/>
    </row>
    <row r="634190" spans="8:8">
      <c r="H634190" s="12"/>
    </row>
    <row r="634191" spans="8:8">
      <c r="H634191" s="12"/>
    </row>
    <row r="634192" spans="8:8">
      <c r="H634192" s="12"/>
    </row>
    <row r="634193" spans="8:8">
      <c r="H634193" s="12"/>
    </row>
    <row r="634194" spans="8:8">
      <c r="H634194" s="12"/>
    </row>
    <row r="634195" spans="8:8">
      <c r="H634195" s="12"/>
    </row>
    <row r="634196" spans="8:8">
      <c r="H634196" s="12"/>
    </row>
    <row r="634197" spans="8:8">
      <c r="H634197" s="12"/>
    </row>
    <row r="634198" spans="8:8">
      <c r="H634198" s="12"/>
    </row>
    <row r="634199" spans="8:8">
      <c r="H634199" s="12"/>
    </row>
    <row r="634200" spans="8:8">
      <c r="H634200" s="12"/>
    </row>
    <row r="634201" spans="8:8">
      <c r="H634201" s="12"/>
    </row>
    <row r="634202" spans="8:8">
      <c r="H634202" s="12"/>
    </row>
    <row r="634203" spans="8:8">
      <c r="H634203" s="12"/>
    </row>
    <row r="634204" spans="8:8">
      <c r="H634204" s="12"/>
    </row>
    <row r="634205" spans="8:8">
      <c r="H634205" s="12"/>
    </row>
    <row r="634206" spans="8:8">
      <c r="H634206" s="12"/>
    </row>
    <row r="634207" spans="8:8">
      <c r="H634207" s="12"/>
    </row>
    <row r="634208" spans="8:8">
      <c r="H634208" s="12"/>
    </row>
    <row r="634209" spans="8:8">
      <c r="H634209" s="12"/>
    </row>
    <row r="634210" spans="8:8">
      <c r="H634210" s="12"/>
    </row>
    <row r="634211" spans="8:8">
      <c r="H634211" s="12"/>
    </row>
    <row r="634212" spans="8:8">
      <c r="H634212" s="12"/>
    </row>
    <row r="634213" spans="8:8">
      <c r="H634213" s="12"/>
    </row>
    <row r="634214" spans="8:8">
      <c r="H634214" s="12"/>
    </row>
    <row r="634215" spans="8:8">
      <c r="H634215" s="12"/>
    </row>
    <row r="634216" spans="8:8">
      <c r="H634216" s="12"/>
    </row>
    <row r="634217" spans="8:8">
      <c r="H634217" s="12"/>
    </row>
    <row r="634218" spans="8:8">
      <c r="H634218" s="12"/>
    </row>
    <row r="634219" spans="8:8">
      <c r="H634219" s="12"/>
    </row>
    <row r="634220" spans="8:8">
      <c r="H634220" s="12"/>
    </row>
    <row r="634221" spans="8:8">
      <c r="H634221" s="12"/>
    </row>
    <row r="634222" spans="8:8">
      <c r="H634222" s="12"/>
    </row>
    <row r="634223" spans="8:8">
      <c r="H634223" s="12"/>
    </row>
    <row r="634224" spans="8:8">
      <c r="H634224" s="12"/>
    </row>
    <row r="634225" spans="8:8">
      <c r="H634225" s="12"/>
    </row>
    <row r="634226" spans="8:8">
      <c r="H634226" s="12"/>
    </row>
    <row r="634227" spans="8:8">
      <c r="H634227" s="12"/>
    </row>
    <row r="634228" spans="8:8">
      <c r="H634228" s="12"/>
    </row>
    <row r="634229" spans="8:8">
      <c r="H634229" s="12"/>
    </row>
    <row r="634230" spans="8:8">
      <c r="H634230" s="12"/>
    </row>
    <row r="634231" spans="8:8">
      <c r="H634231" s="12"/>
    </row>
    <row r="634232" spans="8:8">
      <c r="H634232" s="12"/>
    </row>
    <row r="634233" spans="8:8">
      <c r="H634233" s="12"/>
    </row>
    <row r="634234" spans="8:8">
      <c r="H634234" s="12"/>
    </row>
    <row r="634235" spans="8:8">
      <c r="H634235" s="12"/>
    </row>
    <row r="634236" spans="8:8">
      <c r="H634236" s="12"/>
    </row>
    <row r="634237" spans="8:8">
      <c r="H634237" s="12"/>
    </row>
    <row r="634238" spans="8:8">
      <c r="H634238" s="12"/>
    </row>
    <row r="634239" spans="8:8">
      <c r="H634239" s="12"/>
    </row>
    <row r="634240" spans="8:8">
      <c r="H634240" s="12"/>
    </row>
    <row r="634241" spans="8:8">
      <c r="H634241" s="12"/>
    </row>
    <row r="634242" spans="8:8">
      <c r="H634242" s="12"/>
    </row>
    <row r="634243" spans="8:8">
      <c r="H634243" s="12"/>
    </row>
    <row r="634244" spans="8:8">
      <c r="H634244" s="12"/>
    </row>
    <row r="634245" spans="8:8">
      <c r="H634245" s="12"/>
    </row>
    <row r="634246" spans="8:8">
      <c r="H634246" s="12"/>
    </row>
    <row r="634247" spans="8:8">
      <c r="H634247" s="12"/>
    </row>
    <row r="634248" spans="8:8">
      <c r="H634248" s="12"/>
    </row>
    <row r="634249" spans="8:8">
      <c r="H634249" s="12"/>
    </row>
    <row r="634250" spans="8:8">
      <c r="H634250" s="12"/>
    </row>
    <row r="634251" spans="8:8">
      <c r="H634251" s="12"/>
    </row>
    <row r="634252" spans="8:8">
      <c r="H634252" s="12"/>
    </row>
    <row r="634253" spans="8:8">
      <c r="H634253" s="12"/>
    </row>
    <row r="634254" spans="8:8">
      <c r="H634254" s="12"/>
    </row>
    <row r="634255" spans="8:8">
      <c r="H634255" s="12"/>
    </row>
    <row r="634256" spans="8:8">
      <c r="H634256" s="12"/>
    </row>
    <row r="634257" spans="8:8">
      <c r="H634257" s="12"/>
    </row>
    <row r="634258" spans="8:8">
      <c r="H634258" s="12"/>
    </row>
    <row r="634259" spans="8:8">
      <c r="H634259" s="12"/>
    </row>
    <row r="634260" spans="8:8">
      <c r="H634260" s="12"/>
    </row>
    <row r="634261" spans="8:8">
      <c r="H634261" s="12"/>
    </row>
    <row r="634262" spans="8:8">
      <c r="H634262" s="12"/>
    </row>
    <row r="634263" spans="8:8">
      <c r="H634263" s="12"/>
    </row>
    <row r="634264" spans="8:8">
      <c r="H634264" s="12"/>
    </row>
    <row r="634265" spans="8:8">
      <c r="H634265" s="12"/>
    </row>
    <row r="634266" spans="8:8">
      <c r="H634266" s="12"/>
    </row>
    <row r="634267" spans="8:8">
      <c r="H634267" s="12"/>
    </row>
    <row r="634268" spans="8:8">
      <c r="H634268" s="12"/>
    </row>
    <row r="634269" spans="8:8">
      <c r="H634269" s="12"/>
    </row>
    <row r="634270" spans="8:8">
      <c r="H634270" s="12"/>
    </row>
    <row r="634271" spans="8:8">
      <c r="H634271" s="12"/>
    </row>
    <row r="634272" spans="8:8">
      <c r="H634272" s="12"/>
    </row>
    <row r="634273" spans="8:8">
      <c r="H634273" s="12"/>
    </row>
    <row r="634274" spans="8:8">
      <c r="H634274" s="12"/>
    </row>
    <row r="634275" spans="8:8">
      <c r="H634275" s="12"/>
    </row>
    <row r="634276" spans="8:8">
      <c r="H634276" s="12"/>
    </row>
    <row r="634277" spans="8:8">
      <c r="H634277" s="12"/>
    </row>
    <row r="634278" spans="8:8">
      <c r="H634278" s="12"/>
    </row>
    <row r="634279" spans="8:8">
      <c r="H634279" s="12"/>
    </row>
    <row r="634280" spans="8:8">
      <c r="H634280" s="12"/>
    </row>
    <row r="634281" spans="8:8">
      <c r="H634281" s="12"/>
    </row>
    <row r="634282" spans="8:8">
      <c r="H634282" s="12"/>
    </row>
    <row r="634283" spans="8:8">
      <c r="H634283" s="12"/>
    </row>
    <row r="634284" spans="8:8">
      <c r="H634284" s="12"/>
    </row>
    <row r="634285" spans="8:8">
      <c r="H634285" s="12"/>
    </row>
    <row r="634286" spans="8:8">
      <c r="H634286" s="12"/>
    </row>
    <row r="634287" spans="8:8">
      <c r="H634287" s="12"/>
    </row>
    <row r="634288" spans="8:8">
      <c r="H634288" s="12"/>
    </row>
    <row r="634289" spans="8:8">
      <c r="H634289" s="12"/>
    </row>
    <row r="634290" spans="8:8">
      <c r="H634290" s="12"/>
    </row>
    <row r="634291" spans="8:8">
      <c r="H634291" s="12"/>
    </row>
    <row r="634292" spans="8:8">
      <c r="H634292" s="12"/>
    </row>
    <row r="634293" spans="8:8">
      <c r="H634293" s="12"/>
    </row>
    <row r="634294" spans="8:8">
      <c r="H634294" s="12"/>
    </row>
    <row r="634295" spans="8:8">
      <c r="H634295" s="12"/>
    </row>
    <row r="634296" spans="8:8">
      <c r="H634296" s="12"/>
    </row>
    <row r="634297" spans="8:8">
      <c r="H634297" s="12"/>
    </row>
    <row r="634298" spans="8:8">
      <c r="H634298" s="12"/>
    </row>
    <row r="634299" spans="8:8">
      <c r="H634299" s="12"/>
    </row>
    <row r="634300" spans="8:8">
      <c r="H634300" s="12"/>
    </row>
    <row r="634301" spans="8:8">
      <c r="H634301" s="12"/>
    </row>
    <row r="634302" spans="8:8">
      <c r="H634302" s="12"/>
    </row>
    <row r="634303" spans="8:8">
      <c r="H634303" s="12"/>
    </row>
    <row r="634304" spans="8:8">
      <c r="H634304" s="12"/>
    </row>
    <row r="634305" spans="8:8">
      <c r="H634305" s="12"/>
    </row>
    <row r="634306" spans="8:8">
      <c r="H634306" s="12"/>
    </row>
    <row r="634307" spans="8:8">
      <c r="H634307" s="12"/>
    </row>
    <row r="634308" spans="8:8">
      <c r="H634308" s="12"/>
    </row>
    <row r="634309" spans="8:8">
      <c r="H634309" s="12"/>
    </row>
    <row r="634310" spans="8:8">
      <c r="H634310" s="12"/>
    </row>
    <row r="634311" spans="8:8">
      <c r="H634311" s="12"/>
    </row>
    <row r="634312" spans="8:8">
      <c r="H634312" s="12"/>
    </row>
    <row r="634313" spans="8:8">
      <c r="H634313" s="12"/>
    </row>
    <row r="634314" spans="8:8">
      <c r="H634314" s="12"/>
    </row>
    <row r="634315" spans="8:8">
      <c r="H634315" s="12"/>
    </row>
    <row r="634316" spans="8:8">
      <c r="H634316" s="12"/>
    </row>
    <row r="634317" spans="8:8">
      <c r="H634317" s="12"/>
    </row>
    <row r="634318" spans="8:8">
      <c r="H634318" s="12"/>
    </row>
    <row r="634319" spans="8:8">
      <c r="H634319" s="12"/>
    </row>
    <row r="634320" spans="8:8">
      <c r="H634320" s="12"/>
    </row>
    <row r="634321" spans="8:8">
      <c r="H634321" s="12"/>
    </row>
    <row r="634322" spans="8:8">
      <c r="H634322" s="12"/>
    </row>
    <row r="634323" spans="8:8">
      <c r="H634323" s="12"/>
    </row>
    <row r="634324" spans="8:8">
      <c r="H634324" s="12"/>
    </row>
    <row r="634325" spans="8:8">
      <c r="H634325" s="12"/>
    </row>
    <row r="634326" spans="8:8">
      <c r="H634326" s="12"/>
    </row>
    <row r="634327" spans="8:8">
      <c r="H634327" s="12"/>
    </row>
    <row r="634328" spans="8:8">
      <c r="H634328" s="12"/>
    </row>
    <row r="634329" spans="8:8">
      <c r="H634329" s="12"/>
    </row>
    <row r="634330" spans="8:8">
      <c r="H634330" s="12"/>
    </row>
    <row r="634331" spans="8:8">
      <c r="H634331" s="12"/>
    </row>
    <row r="634332" spans="8:8">
      <c r="H634332" s="12"/>
    </row>
    <row r="634333" spans="8:8">
      <c r="H634333" s="12"/>
    </row>
    <row r="634334" spans="8:8">
      <c r="H634334" s="12"/>
    </row>
    <row r="634335" spans="8:8">
      <c r="H634335" s="12"/>
    </row>
    <row r="634336" spans="8:8">
      <c r="H634336" s="12"/>
    </row>
    <row r="634337" spans="8:8">
      <c r="H634337" s="12"/>
    </row>
    <row r="634338" spans="8:8">
      <c r="H634338" s="12"/>
    </row>
    <row r="634339" spans="8:8">
      <c r="H634339" s="12"/>
    </row>
    <row r="634340" spans="8:8">
      <c r="H634340" s="12"/>
    </row>
    <row r="634341" spans="8:8">
      <c r="H634341" s="12"/>
    </row>
    <row r="634342" spans="8:8">
      <c r="H634342" s="12"/>
    </row>
    <row r="634343" spans="8:8">
      <c r="H634343" s="12"/>
    </row>
    <row r="634344" spans="8:8">
      <c r="H634344" s="12"/>
    </row>
    <row r="634345" spans="8:8">
      <c r="H634345" s="12"/>
    </row>
    <row r="634346" spans="8:8">
      <c r="H634346" s="12"/>
    </row>
    <row r="634347" spans="8:8">
      <c r="H634347" s="12"/>
    </row>
    <row r="634348" spans="8:8">
      <c r="H634348" s="12"/>
    </row>
    <row r="634349" spans="8:8">
      <c r="H634349" s="12"/>
    </row>
    <row r="634350" spans="8:8">
      <c r="H634350" s="12"/>
    </row>
    <row r="634351" spans="8:8">
      <c r="H634351" s="12"/>
    </row>
    <row r="634352" spans="8:8">
      <c r="H634352" s="12"/>
    </row>
    <row r="634353" spans="8:8">
      <c r="H634353" s="12"/>
    </row>
    <row r="634354" spans="8:8">
      <c r="H634354" s="12"/>
    </row>
    <row r="634355" spans="8:8">
      <c r="H634355" s="12"/>
    </row>
    <row r="634356" spans="8:8">
      <c r="H634356" s="12"/>
    </row>
    <row r="634357" spans="8:8">
      <c r="H634357" s="12"/>
    </row>
    <row r="634358" spans="8:8">
      <c r="H634358" s="12"/>
    </row>
    <row r="634359" spans="8:8">
      <c r="H634359" s="12"/>
    </row>
    <row r="634360" spans="8:8">
      <c r="H634360" s="12"/>
    </row>
    <row r="634361" spans="8:8">
      <c r="H634361" s="12"/>
    </row>
    <row r="634362" spans="8:8">
      <c r="H634362" s="12"/>
    </row>
    <row r="634363" spans="8:8">
      <c r="H634363" s="12"/>
    </row>
    <row r="634364" spans="8:8">
      <c r="H634364" s="12"/>
    </row>
    <row r="634365" spans="8:8">
      <c r="H634365" s="12"/>
    </row>
    <row r="634366" spans="8:8">
      <c r="H634366" s="12"/>
    </row>
    <row r="634367" spans="8:8">
      <c r="H634367" s="12"/>
    </row>
    <row r="634368" spans="8:8">
      <c r="H634368" s="12"/>
    </row>
    <row r="634369" spans="8:8">
      <c r="H634369" s="12"/>
    </row>
    <row r="634370" spans="8:8">
      <c r="H634370" s="12"/>
    </row>
    <row r="634371" spans="8:8">
      <c r="H634371" s="12"/>
    </row>
    <row r="634372" spans="8:8">
      <c r="H634372" s="12"/>
    </row>
    <row r="634373" spans="8:8">
      <c r="H634373" s="12"/>
    </row>
    <row r="634374" spans="8:8">
      <c r="H634374" s="12"/>
    </row>
    <row r="634375" spans="8:8">
      <c r="H634375" s="12"/>
    </row>
    <row r="634376" spans="8:8">
      <c r="H634376" s="12"/>
    </row>
    <row r="634377" spans="8:8">
      <c r="H634377" s="12"/>
    </row>
    <row r="634378" spans="8:8">
      <c r="H634378" s="12"/>
    </row>
    <row r="634379" spans="8:8">
      <c r="H634379" s="12"/>
    </row>
    <row r="634380" spans="8:8">
      <c r="H634380" s="12"/>
    </row>
    <row r="634381" spans="8:8">
      <c r="H634381" s="12"/>
    </row>
    <row r="634382" spans="8:8">
      <c r="H634382" s="12"/>
    </row>
    <row r="634383" spans="8:8">
      <c r="H634383" s="12"/>
    </row>
    <row r="634384" spans="8:8">
      <c r="H634384" s="12"/>
    </row>
    <row r="634385" spans="8:8">
      <c r="H634385" s="12"/>
    </row>
    <row r="634386" spans="8:8">
      <c r="H634386" s="12"/>
    </row>
    <row r="634387" spans="8:8">
      <c r="H634387" s="12"/>
    </row>
    <row r="634388" spans="8:8">
      <c r="H634388" s="12"/>
    </row>
    <row r="634389" spans="8:8">
      <c r="H634389" s="12"/>
    </row>
    <row r="634390" spans="8:8">
      <c r="H634390" s="12"/>
    </row>
    <row r="634391" spans="8:8">
      <c r="H634391" s="12"/>
    </row>
    <row r="634392" spans="8:8">
      <c r="H634392" s="12"/>
    </row>
    <row r="634393" spans="8:8">
      <c r="H634393" s="12"/>
    </row>
    <row r="634394" spans="8:8">
      <c r="H634394" s="12"/>
    </row>
    <row r="634395" spans="8:8">
      <c r="H634395" s="12"/>
    </row>
    <row r="634396" spans="8:8">
      <c r="H634396" s="12"/>
    </row>
    <row r="634397" spans="8:8">
      <c r="H634397" s="12"/>
    </row>
    <row r="634398" spans="8:8">
      <c r="H634398" s="12"/>
    </row>
    <row r="634399" spans="8:8">
      <c r="H634399" s="12"/>
    </row>
    <row r="634400" spans="8:8">
      <c r="H634400" s="12"/>
    </row>
    <row r="634401" spans="8:8">
      <c r="H634401" s="12"/>
    </row>
    <row r="634402" spans="8:8">
      <c r="H634402" s="12"/>
    </row>
    <row r="634403" spans="8:8">
      <c r="H634403" s="12"/>
    </row>
    <row r="634404" spans="8:8">
      <c r="H634404" s="12"/>
    </row>
    <row r="634405" spans="8:8">
      <c r="H634405" s="12"/>
    </row>
    <row r="634406" spans="8:8">
      <c r="H634406" s="12"/>
    </row>
    <row r="634407" spans="8:8">
      <c r="H634407" s="12"/>
    </row>
    <row r="634408" spans="8:8">
      <c r="H634408" s="12"/>
    </row>
    <row r="634409" spans="8:8">
      <c r="H634409" s="12"/>
    </row>
    <row r="634410" spans="8:8">
      <c r="H634410" s="12"/>
    </row>
    <row r="634411" spans="8:8">
      <c r="H634411" s="12"/>
    </row>
    <row r="634412" spans="8:8">
      <c r="H634412" s="12"/>
    </row>
    <row r="634413" spans="8:8">
      <c r="H634413" s="12"/>
    </row>
    <row r="634414" spans="8:8">
      <c r="H634414" s="12"/>
    </row>
    <row r="634415" spans="8:8">
      <c r="H634415" s="12"/>
    </row>
    <row r="634416" spans="8:8">
      <c r="H634416" s="12"/>
    </row>
    <row r="634417" spans="8:8">
      <c r="H634417" s="12"/>
    </row>
    <row r="634418" spans="8:8">
      <c r="H634418" s="12"/>
    </row>
    <row r="634419" spans="8:8">
      <c r="H634419" s="12"/>
    </row>
    <row r="634420" spans="8:8">
      <c r="H634420" s="12"/>
    </row>
    <row r="634421" spans="8:8">
      <c r="H634421" s="12"/>
    </row>
    <row r="634422" spans="8:8">
      <c r="H634422" s="12"/>
    </row>
    <row r="634423" spans="8:8">
      <c r="H634423" s="12"/>
    </row>
    <row r="634424" spans="8:8">
      <c r="H634424" s="12"/>
    </row>
    <row r="634425" spans="8:8">
      <c r="H634425" s="12"/>
    </row>
    <row r="634426" spans="8:8">
      <c r="H634426" s="12"/>
    </row>
    <row r="634427" spans="8:8">
      <c r="H634427" s="12"/>
    </row>
    <row r="634428" spans="8:8">
      <c r="H634428" s="12"/>
    </row>
    <row r="634429" spans="8:8">
      <c r="H634429" s="12"/>
    </row>
    <row r="634430" spans="8:8">
      <c r="H634430" s="12"/>
    </row>
    <row r="634431" spans="8:8">
      <c r="H634431" s="12"/>
    </row>
    <row r="634432" spans="8:8">
      <c r="H634432" s="12"/>
    </row>
    <row r="634433" spans="8:8">
      <c r="H634433" s="12"/>
    </row>
    <row r="634434" spans="8:8">
      <c r="H634434" s="12"/>
    </row>
    <row r="634435" spans="8:8">
      <c r="H634435" s="12"/>
    </row>
    <row r="634436" spans="8:8">
      <c r="H634436" s="12"/>
    </row>
    <row r="634437" spans="8:8">
      <c r="H634437" s="12"/>
    </row>
    <row r="634438" spans="8:8">
      <c r="H634438" s="12"/>
    </row>
    <row r="634439" spans="8:8">
      <c r="H634439" s="12"/>
    </row>
    <row r="634440" spans="8:8">
      <c r="H634440" s="12"/>
    </row>
    <row r="634441" spans="8:8">
      <c r="H634441" s="12"/>
    </row>
    <row r="634442" spans="8:8">
      <c r="H634442" s="12"/>
    </row>
    <row r="634443" spans="8:8">
      <c r="H634443" s="12"/>
    </row>
    <row r="634444" spans="8:8">
      <c r="H634444" s="12"/>
    </row>
    <row r="634445" spans="8:8">
      <c r="H634445" s="12"/>
    </row>
    <row r="634446" spans="8:8">
      <c r="H634446" s="12"/>
    </row>
    <row r="634447" spans="8:8">
      <c r="H634447" s="12"/>
    </row>
    <row r="634448" spans="8:8">
      <c r="H634448" s="12"/>
    </row>
    <row r="634449" spans="8:8">
      <c r="H634449" s="12"/>
    </row>
    <row r="634450" spans="8:8">
      <c r="H634450" s="12"/>
    </row>
    <row r="634451" spans="8:8">
      <c r="H634451" s="12"/>
    </row>
    <row r="634452" spans="8:8">
      <c r="H634452" s="12"/>
    </row>
    <row r="634453" spans="8:8">
      <c r="H634453" s="12"/>
    </row>
    <row r="634454" spans="8:8">
      <c r="H634454" s="12"/>
    </row>
    <row r="634455" spans="8:8">
      <c r="H634455" s="12"/>
    </row>
    <row r="634456" spans="8:8">
      <c r="H634456" s="12"/>
    </row>
    <row r="634457" spans="8:8">
      <c r="H634457" s="12"/>
    </row>
    <row r="634458" spans="8:8">
      <c r="H634458" s="12"/>
    </row>
    <row r="634459" spans="8:8">
      <c r="H634459" s="12"/>
    </row>
    <row r="634460" spans="8:8">
      <c r="H634460" s="12"/>
    </row>
    <row r="634461" spans="8:8">
      <c r="H634461" s="12"/>
    </row>
    <row r="634462" spans="8:8">
      <c r="H634462" s="12"/>
    </row>
    <row r="634463" spans="8:8">
      <c r="H634463" s="12"/>
    </row>
    <row r="634464" spans="8:8">
      <c r="H634464" s="12"/>
    </row>
    <row r="634465" spans="8:8">
      <c r="H634465" s="12"/>
    </row>
    <row r="634466" spans="8:8">
      <c r="H634466" s="12"/>
    </row>
    <row r="634467" spans="8:8">
      <c r="H634467" s="12"/>
    </row>
    <row r="634468" spans="8:8">
      <c r="H634468" s="12"/>
    </row>
    <row r="634469" spans="8:8">
      <c r="H634469" s="12"/>
    </row>
    <row r="634470" spans="8:8">
      <c r="H634470" s="12"/>
    </row>
    <row r="634471" spans="8:8">
      <c r="H634471" s="12"/>
    </row>
    <row r="634472" spans="8:8">
      <c r="H634472" s="12"/>
    </row>
    <row r="634473" spans="8:8">
      <c r="H634473" s="12"/>
    </row>
    <row r="634474" spans="8:8">
      <c r="H634474" s="12"/>
    </row>
    <row r="634475" spans="8:8">
      <c r="H634475" s="12"/>
    </row>
    <row r="634476" spans="8:8">
      <c r="H634476" s="12"/>
    </row>
    <row r="634477" spans="8:8">
      <c r="H634477" s="12"/>
    </row>
    <row r="634478" spans="8:8">
      <c r="H634478" s="12"/>
    </row>
    <row r="634479" spans="8:8">
      <c r="H634479" s="12"/>
    </row>
    <row r="634480" spans="8:8">
      <c r="H634480" s="12"/>
    </row>
    <row r="634481" spans="8:8">
      <c r="H634481" s="12"/>
    </row>
    <row r="634482" spans="8:8">
      <c r="H634482" s="12"/>
    </row>
    <row r="634483" spans="8:8">
      <c r="H634483" s="12"/>
    </row>
    <row r="634484" spans="8:8">
      <c r="H634484" s="12"/>
    </row>
    <row r="634485" spans="8:8">
      <c r="H634485" s="12"/>
    </row>
    <row r="634486" spans="8:8">
      <c r="H634486" s="12"/>
    </row>
    <row r="634487" spans="8:8">
      <c r="H634487" s="12"/>
    </row>
    <row r="634488" spans="8:8">
      <c r="H634488" s="12"/>
    </row>
    <row r="634489" spans="8:8">
      <c r="H634489" s="12"/>
    </row>
    <row r="634490" spans="8:8">
      <c r="H634490" s="12"/>
    </row>
    <row r="634491" spans="8:8">
      <c r="H634491" s="12"/>
    </row>
    <row r="634492" spans="8:8">
      <c r="H634492" s="12"/>
    </row>
    <row r="634493" spans="8:8">
      <c r="H634493" s="12"/>
    </row>
    <row r="634494" spans="8:8">
      <c r="H634494" s="12"/>
    </row>
    <row r="634495" spans="8:8">
      <c r="H634495" s="12"/>
    </row>
    <row r="634496" spans="8:8">
      <c r="H634496" s="12"/>
    </row>
    <row r="634497" spans="8:8">
      <c r="H634497" s="12"/>
    </row>
    <row r="634498" spans="8:8">
      <c r="H634498" s="12"/>
    </row>
    <row r="634499" spans="8:8">
      <c r="H634499" s="12"/>
    </row>
    <row r="634500" spans="8:8">
      <c r="H634500" s="12"/>
    </row>
    <row r="634501" spans="8:8">
      <c r="H634501" s="12"/>
    </row>
    <row r="634502" spans="8:8">
      <c r="H634502" s="12"/>
    </row>
    <row r="634503" spans="8:8">
      <c r="H634503" s="12"/>
    </row>
    <row r="634504" spans="8:8">
      <c r="H634504" s="12"/>
    </row>
    <row r="634505" spans="8:8">
      <c r="H634505" s="12"/>
    </row>
    <row r="634506" spans="8:8">
      <c r="H634506" s="12"/>
    </row>
    <row r="634507" spans="8:8">
      <c r="H634507" s="12"/>
    </row>
    <row r="634508" spans="8:8">
      <c r="H634508" s="12"/>
    </row>
    <row r="634509" spans="8:8">
      <c r="H634509" s="12"/>
    </row>
    <row r="634510" spans="8:8">
      <c r="H634510" s="12"/>
    </row>
    <row r="634511" spans="8:8">
      <c r="H634511" s="12"/>
    </row>
    <row r="634512" spans="8:8">
      <c r="H634512" s="12"/>
    </row>
    <row r="634513" spans="8:8">
      <c r="H634513" s="12"/>
    </row>
    <row r="634514" spans="8:8">
      <c r="H634514" s="12"/>
    </row>
    <row r="634515" spans="8:8">
      <c r="H634515" s="12"/>
    </row>
    <row r="634516" spans="8:8">
      <c r="H634516" s="12"/>
    </row>
    <row r="634517" spans="8:8">
      <c r="H634517" s="12"/>
    </row>
    <row r="634518" spans="8:8">
      <c r="H634518" s="12"/>
    </row>
    <row r="634519" spans="8:8">
      <c r="H634519" s="12"/>
    </row>
    <row r="634520" spans="8:8">
      <c r="H634520" s="12"/>
    </row>
    <row r="634521" spans="8:8">
      <c r="H634521" s="12"/>
    </row>
    <row r="634522" spans="8:8">
      <c r="H634522" s="12"/>
    </row>
    <row r="634523" spans="8:8">
      <c r="H634523" s="12"/>
    </row>
    <row r="634524" spans="8:8">
      <c r="H634524" s="12"/>
    </row>
    <row r="634525" spans="8:8">
      <c r="H634525" s="12"/>
    </row>
    <row r="634526" spans="8:8">
      <c r="H634526" s="12"/>
    </row>
    <row r="634527" spans="8:8">
      <c r="H634527" s="12"/>
    </row>
    <row r="634528" spans="8:8">
      <c r="H634528" s="12"/>
    </row>
    <row r="634529" spans="8:8">
      <c r="H634529" s="12"/>
    </row>
    <row r="634530" spans="8:8">
      <c r="H634530" s="12"/>
    </row>
    <row r="634531" spans="8:8">
      <c r="H634531" s="12"/>
    </row>
    <row r="634532" spans="8:8">
      <c r="H634532" s="12"/>
    </row>
    <row r="634533" spans="8:8">
      <c r="H634533" s="12"/>
    </row>
    <row r="634534" spans="8:8">
      <c r="H634534" s="12"/>
    </row>
    <row r="634535" spans="8:8">
      <c r="H634535" s="12"/>
    </row>
    <row r="634536" spans="8:8">
      <c r="H634536" s="12"/>
    </row>
    <row r="634537" spans="8:8">
      <c r="H634537" s="12"/>
    </row>
    <row r="634538" spans="8:8">
      <c r="H634538" s="12"/>
    </row>
    <row r="634539" spans="8:8">
      <c r="H634539" s="12"/>
    </row>
    <row r="634540" spans="8:8">
      <c r="H634540" s="12"/>
    </row>
    <row r="634541" spans="8:8">
      <c r="H634541" s="12"/>
    </row>
    <row r="634542" spans="8:8">
      <c r="H634542" s="12"/>
    </row>
    <row r="634543" spans="8:8">
      <c r="H634543" s="12"/>
    </row>
    <row r="634544" spans="8:8">
      <c r="H634544" s="12"/>
    </row>
    <row r="634545" spans="8:8">
      <c r="H634545" s="12"/>
    </row>
    <row r="634546" spans="8:8">
      <c r="H634546" s="12"/>
    </row>
    <row r="634547" spans="8:8">
      <c r="H634547" s="12"/>
    </row>
    <row r="634548" spans="8:8">
      <c r="H634548" s="12"/>
    </row>
    <row r="634549" spans="8:8">
      <c r="H634549" s="12"/>
    </row>
    <row r="634550" spans="8:8">
      <c r="H634550" s="12"/>
    </row>
    <row r="634551" spans="8:8">
      <c r="H634551" s="12"/>
    </row>
    <row r="634552" spans="8:8">
      <c r="H634552" s="12"/>
    </row>
    <row r="634553" spans="8:8">
      <c r="H634553" s="12"/>
    </row>
    <row r="634554" spans="8:8">
      <c r="H634554" s="12"/>
    </row>
    <row r="634555" spans="8:8">
      <c r="H634555" s="12"/>
    </row>
    <row r="634556" spans="8:8">
      <c r="H634556" s="12"/>
    </row>
    <row r="634557" spans="8:8">
      <c r="H634557" s="12"/>
    </row>
    <row r="634558" spans="8:8">
      <c r="H634558" s="12"/>
    </row>
    <row r="634559" spans="8:8">
      <c r="H634559" s="12"/>
    </row>
    <row r="634560" spans="8:8">
      <c r="H634560" s="12"/>
    </row>
    <row r="634561" spans="8:8">
      <c r="H634561" s="12"/>
    </row>
    <row r="634562" spans="8:8">
      <c r="H634562" s="12"/>
    </row>
    <row r="634563" spans="8:8">
      <c r="H634563" s="12"/>
    </row>
    <row r="634564" spans="8:8">
      <c r="H634564" s="12"/>
    </row>
    <row r="634565" spans="8:8">
      <c r="H634565" s="12"/>
    </row>
    <row r="634566" spans="8:8">
      <c r="H634566" s="12"/>
    </row>
    <row r="634567" spans="8:8">
      <c r="H634567" s="12"/>
    </row>
    <row r="634568" spans="8:8">
      <c r="H634568" s="12"/>
    </row>
    <row r="634569" spans="8:8">
      <c r="H634569" s="12"/>
    </row>
    <row r="634570" spans="8:8">
      <c r="H634570" s="12"/>
    </row>
    <row r="634571" spans="8:8">
      <c r="H634571" s="12"/>
    </row>
    <row r="634572" spans="8:8">
      <c r="H634572" s="12"/>
    </row>
    <row r="634573" spans="8:8">
      <c r="H634573" s="12"/>
    </row>
    <row r="634574" spans="8:8">
      <c r="H634574" s="12"/>
    </row>
    <row r="634575" spans="8:8">
      <c r="H634575" s="12"/>
    </row>
    <row r="634576" spans="8:8">
      <c r="H634576" s="12"/>
    </row>
    <row r="634577" spans="8:8">
      <c r="H634577" s="12"/>
    </row>
    <row r="634578" spans="8:8">
      <c r="H634578" s="12"/>
    </row>
    <row r="634579" spans="8:8">
      <c r="H634579" s="12"/>
    </row>
    <row r="634580" spans="8:8">
      <c r="H634580" s="12"/>
    </row>
    <row r="634581" spans="8:8">
      <c r="H634581" s="12"/>
    </row>
    <row r="634582" spans="8:8">
      <c r="H634582" s="12"/>
    </row>
    <row r="634583" spans="8:8">
      <c r="H634583" s="12"/>
    </row>
    <row r="634584" spans="8:8">
      <c r="H634584" s="12"/>
    </row>
    <row r="634585" spans="8:8">
      <c r="H634585" s="12"/>
    </row>
    <row r="634586" spans="8:8">
      <c r="H634586" s="12"/>
    </row>
    <row r="634587" spans="8:8">
      <c r="H634587" s="12"/>
    </row>
    <row r="634588" spans="8:8">
      <c r="H634588" s="12"/>
    </row>
    <row r="634589" spans="8:8">
      <c r="H634589" s="12"/>
    </row>
    <row r="634590" spans="8:8">
      <c r="H634590" s="12"/>
    </row>
    <row r="634591" spans="8:8">
      <c r="H634591" s="12"/>
    </row>
    <row r="634592" spans="8:8">
      <c r="H634592" s="12"/>
    </row>
    <row r="634593" spans="8:8">
      <c r="H634593" s="12"/>
    </row>
    <row r="634594" spans="8:8">
      <c r="H634594" s="12"/>
    </row>
    <row r="634595" spans="8:8">
      <c r="H634595" s="12"/>
    </row>
    <row r="634596" spans="8:8">
      <c r="H634596" s="12"/>
    </row>
    <row r="634597" spans="8:8">
      <c r="H634597" s="12"/>
    </row>
    <row r="634598" spans="8:8">
      <c r="H634598" s="12"/>
    </row>
    <row r="634599" spans="8:8">
      <c r="H634599" s="12"/>
    </row>
    <row r="634600" spans="8:8">
      <c r="H634600" s="12"/>
    </row>
    <row r="634601" spans="8:8">
      <c r="H634601" s="12"/>
    </row>
    <row r="634602" spans="8:8">
      <c r="H634602" s="12"/>
    </row>
    <row r="634603" spans="8:8">
      <c r="H634603" s="12"/>
    </row>
    <row r="634604" spans="8:8">
      <c r="H634604" s="12"/>
    </row>
    <row r="634605" spans="8:8">
      <c r="H634605" s="12"/>
    </row>
    <row r="634606" spans="8:8">
      <c r="H634606" s="12"/>
    </row>
    <row r="634607" spans="8:8">
      <c r="H634607" s="12"/>
    </row>
    <row r="634608" spans="8:8">
      <c r="H634608" s="12"/>
    </row>
    <row r="634609" spans="8:8">
      <c r="H634609" s="12"/>
    </row>
    <row r="634610" spans="8:8">
      <c r="H634610" s="12"/>
    </row>
    <row r="634611" spans="8:8">
      <c r="H634611" s="12"/>
    </row>
    <row r="634612" spans="8:8">
      <c r="H634612" s="12"/>
    </row>
    <row r="634613" spans="8:8">
      <c r="H634613" s="12"/>
    </row>
    <row r="634614" spans="8:8">
      <c r="H634614" s="12"/>
    </row>
    <row r="634615" spans="8:8">
      <c r="H634615" s="12"/>
    </row>
    <row r="634616" spans="8:8">
      <c r="H634616" s="12"/>
    </row>
    <row r="634617" spans="8:8">
      <c r="H634617" s="12"/>
    </row>
    <row r="634618" spans="8:8">
      <c r="H634618" s="12"/>
    </row>
    <row r="634619" spans="8:8">
      <c r="H634619" s="12"/>
    </row>
    <row r="634620" spans="8:8">
      <c r="H634620" s="12"/>
    </row>
    <row r="634621" spans="8:8">
      <c r="H634621" s="12"/>
    </row>
    <row r="634622" spans="8:8">
      <c r="H634622" s="12"/>
    </row>
    <row r="634623" spans="8:8">
      <c r="H634623" s="12"/>
    </row>
    <row r="634624" spans="8:8">
      <c r="H634624" s="12"/>
    </row>
    <row r="634625" spans="8:8">
      <c r="H634625" s="12"/>
    </row>
    <row r="634626" spans="8:8">
      <c r="H634626" s="12"/>
    </row>
    <row r="634627" spans="8:8">
      <c r="H634627" s="12"/>
    </row>
    <row r="634628" spans="8:8">
      <c r="H634628" s="12"/>
    </row>
    <row r="634629" spans="8:8">
      <c r="H634629" s="12"/>
    </row>
    <row r="634630" spans="8:8">
      <c r="H634630" s="12"/>
    </row>
    <row r="634631" spans="8:8">
      <c r="H634631" s="12"/>
    </row>
    <row r="634632" spans="8:8">
      <c r="H634632" s="12"/>
    </row>
    <row r="634633" spans="8:8">
      <c r="H634633" s="12"/>
    </row>
    <row r="634634" spans="8:8">
      <c r="H634634" s="12"/>
    </row>
    <row r="634635" spans="8:8">
      <c r="H634635" s="12"/>
    </row>
    <row r="634636" spans="8:8">
      <c r="H634636" s="12"/>
    </row>
    <row r="634637" spans="8:8">
      <c r="H634637" s="12"/>
    </row>
    <row r="634638" spans="8:8">
      <c r="H634638" s="12"/>
    </row>
    <row r="634639" spans="8:8">
      <c r="H634639" s="12"/>
    </row>
    <row r="634640" spans="8:8">
      <c r="H634640" s="12"/>
    </row>
    <row r="634641" spans="8:8">
      <c r="H634641" s="12"/>
    </row>
    <row r="634642" spans="8:8">
      <c r="H634642" s="12"/>
    </row>
    <row r="634643" spans="8:8">
      <c r="H634643" s="12"/>
    </row>
    <row r="634644" spans="8:8">
      <c r="H634644" s="12"/>
    </row>
    <row r="634645" spans="8:8">
      <c r="H634645" s="12"/>
    </row>
    <row r="634646" spans="8:8">
      <c r="H634646" s="12"/>
    </row>
    <row r="634647" spans="8:8">
      <c r="H634647" s="12"/>
    </row>
    <row r="634648" spans="8:8">
      <c r="H634648" s="12"/>
    </row>
    <row r="634649" spans="8:8">
      <c r="H634649" s="12"/>
    </row>
    <row r="634650" spans="8:8">
      <c r="H634650" s="12"/>
    </row>
    <row r="634651" spans="8:8">
      <c r="H634651" s="12"/>
    </row>
    <row r="634652" spans="8:8">
      <c r="H634652" s="12"/>
    </row>
    <row r="634653" spans="8:8">
      <c r="H634653" s="12"/>
    </row>
    <row r="634654" spans="8:8">
      <c r="H634654" s="12"/>
    </row>
    <row r="634655" spans="8:8">
      <c r="H634655" s="12"/>
    </row>
    <row r="634656" spans="8:8">
      <c r="H634656" s="12"/>
    </row>
    <row r="634657" spans="8:8">
      <c r="H634657" s="12"/>
    </row>
    <row r="634658" spans="8:8">
      <c r="H634658" s="12"/>
    </row>
    <row r="634659" spans="8:8">
      <c r="H634659" s="12"/>
    </row>
    <row r="634660" spans="8:8">
      <c r="H634660" s="12"/>
    </row>
    <row r="634661" spans="8:8">
      <c r="H634661" s="12"/>
    </row>
    <row r="634662" spans="8:8">
      <c r="H634662" s="12"/>
    </row>
    <row r="634663" spans="8:8">
      <c r="H634663" s="12"/>
    </row>
    <row r="634664" spans="8:8">
      <c r="H634664" s="12"/>
    </row>
    <row r="634665" spans="8:8">
      <c r="H634665" s="12"/>
    </row>
    <row r="634666" spans="8:8">
      <c r="H634666" s="12"/>
    </row>
    <row r="634667" spans="8:8">
      <c r="H634667" s="12"/>
    </row>
    <row r="634668" spans="8:8">
      <c r="H634668" s="12"/>
    </row>
    <row r="634669" spans="8:8">
      <c r="H634669" s="12"/>
    </row>
    <row r="634670" spans="8:8">
      <c r="H634670" s="12"/>
    </row>
    <row r="634671" spans="8:8">
      <c r="H634671" s="12"/>
    </row>
    <row r="634672" spans="8:8">
      <c r="H634672" s="12"/>
    </row>
    <row r="634673" spans="8:8">
      <c r="H634673" s="12"/>
    </row>
    <row r="634674" spans="8:8">
      <c r="H634674" s="12"/>
    </row>
    <row r="634675" spans="8:8">
      <c r="H634675" s="12"/>
    </row>
    <row r="634676" spans="8:8">
      <c r="H634676" s="12"/>
    </row>
    <row r="634677" spans="8:8">
      <c r="H634677" s="12"/>
    </row>
    <row r="634678" spans="8:8">
      <c r="H634678" s="12"/>
    </row>
    <row r="634679" spans="8:8">
      <c r="H634679" s="12"/>
    </row>
    <row r="634680" spans="8:8">
      <c r="H634680" s="12"/>
    </row>
    <row r="634681" spans="8:8">
      <c r="H634681" s="12"/>
    </row>
    <row r="634682" spans="8:8">
      <c r="H634682" s="12"/>
    </row>
    <row r="634683" spans="8:8">
      <c r="H634683" s="12"/>
    </row>
    <row r="634684" spans="8:8">
      <c r="H634684" s="12"/>
    </row>
    <row r="634685" spans="8:8">
      <c r="H634685" s="12"/>
    </row>
    <row r="634686" spans="8:8">
      <c r="H634686" s="12"/>
    </row>
    <row r="634687" spans="8:8">
      <c r="H634687" s="12"/>
    </row>
    <row r="634688" spans="8:8">
      <c r="H634688" s="12"/>
    </row>
    <row r="634689" spans="8:8">
      <c r="H634689" s="12"/>
    </row>
    <row r="634690" spans="8:8">
      <c r="H634690" s="12"/>
    </row>
    <row r="634691" spans="8:8">
      <c r="H634691" s="12"/>
    </row>
    <row r="634692" spans="8:8">
      <c r="H634692" s="12"/>
    </row>
    <row r="634693" spans="8:8">
      <c r="H634693" s="12"/>
    </row>
    <row r="634694" spans="8:8">
      <c r="H634694" s="12"/>
    </row>
    <row r="634695" spans="8:8">
      <c r="H634695" s="12"/>
    </row>
    <row r="634696" spans="8:8">
      <c r="H634696" s="12"/>
    </row>
    <row r="634697" spans="8:8">
      <c r="H634697" s="12"/>
    </row>
    <row r="634698" spans="8:8">
      <c r="H634698" s="12"/>
    </row>
    <row r="634699" spans="8:8">
      <c r="H634699" s="12"/>
    </row>
    <row r="634700" spans="8:8">
      <c r="H634700" s="12"/>
    </row>
    <row r="634701" spans="8:8">
      <c r="H634701" s="12"/>
    </row>
    <row r="634702" spans="8:8">
      <c r="H634702" s="12"/>
    </row>
    <row r="634703" spans="8:8">
      <c r="H634703" s="12"/>
    </row>
    <row r="634704" spans="8:8">
      <c r="H634704" s="12"/>
    </row>
    <row r="634705" spans="8:8">
      <c r="H634705" s="12"/>
    </row>
    <row r="634706" spans="8:8">
      <c r="H634706" s="12"/>
    </row>
    <row r="634707" spans="8:8">
      <c r="H634707" s="12"/>
    </row>
    <row r="634708" spans="8:8">
      <c r="H634708" s="12"/>
    </row>
    <row r="634709" spans="8:8">
      <c r="H634709" s="12"/>
    </row>
    <row r="634710" spans="8:8">
      <c r="H634710" s="12"/>
    </row>
    <row r="634711" spans="8:8">
      <c r="H634711" s="12"/>
    </row>
    <row r="634712" spans="8:8">
      <c r="H634712" s="12"/>
    </row>
    <row r="634713" spans="8:8">
      <c r="H634713" s="12"/>
    </row>
    <row r="634714" spans="8:8">
      <c r="H634714" s="12"/>
    </row>
    <row r="634715" spans="8:8">
      <c r="H634715" s="12"/>
    </row>
    <row r="634716" spans="8:8">
      <c r="H634716" s="12"/>
    </row>
    <row r="634717" spans="8:8">
      <c r="H634717" s="12"/>
    </row>
    <row r="634718" spans="8:8">
      <c r="H634718" s="12"/>
    </row>
    <row r="634719" spans="8:8">
      <c r="H634719" s="12"/>
    </row>
    <row r="634720" spans="8:8">
      <c r="H634720" s="12"/>
    </row>
    <row r="634721" spans="8:8">
      <c r="H634721" s="12"/>
    </row>
    <row r="634722" spans="8:8">
      <c r="H634722" s="12"/>
    </row>
    <row r="634723" spans="8:8">
      <c r="H634723" s="12"/>
    </row>
    <row r="634724" spans="8:8">
      <c r="H634724" s="12"/>
    </row>
    <row r="634725" spans="8:8">
      <c r="H634725" s="12"/>
    </row>
    <row r="634726" spans="8:8">
      <c r="H634726" s="12"/>
    </row>
    <row r="634727" spans="8:8">
      <c r="H634727" s="12"/>
    </row>
    <row r="634728" spans="8:8">
      <c r="H634728" s="12"/>
    </row>
    <row r="634729" spans="8:8">
      <c r="H634729" s="12"/>
    </row>
    <row r="634730" spans="8:8">
      <c r="H634730" s="12"/>
    </row>
    <row r="634731" spans="8:8">
      <c r="H634731" s="12"/>
    </row>
    <row r="634732" spans="8:8">
      <c r="H634732" s="12"/>
    </row>
    <row r="634733" spans="8:8">
      <c r="H634733" s="12"/>
    </row>
    <row r="634734" spans="8:8">
      <c r="H634734" s="12"/>
    </row>
    <row r="634735" spans="8:8">
      <c r="H634735" s="12"/>
    </row>
    <row r="634736" spans="8:8">
      <c r="H634736" s="12"/>
    </row>
    <row r="634737" spans="8:8">
      <c r="H634737" s="12"/>
    </row>
    <row r="634738" spans="8:8">
      <c r="H634738" s="12"/>
    </row>
    <row r="634739" spans="8:8">
      <c r="H634739" s="12"/>
    </row>
    <row r="634740" spans="8:8">
      <c r="H634740" s="12"/>
    </row>
    <row r="634741" spans="8:8">
      <c r="H634741" s="12"/>
    </row>
    <row r="634742" spans="8:8">
      <c r="H634742" s="12"/>
    </row>
    <row r="634743" spans="8:8">
      <c r="H634743" s="12"/>
    </row>
    <row r="634744" spans="8:8">
      <c r="H634744" s="12"/>
    </row>
    <row r="634745" spans="8:8">
      <c r="H634745" s="12"/>
    </row>
    <row r="634746" spans="8:8">
      <c r="H634746" s="12"/>
    </row>
    <row r="634747" spans="8:8">
      <c r="H634747" s="12"/>
    </row>
    <row r="634748" spans="8:8">
      <c r="H634748" s="12"/>
    </row>
    <row r="634749" spans="8:8">
      <c r="H634749" s="12"/>
    </row>
    <row r="634750" spans="8:8">
      <c r="H634750" s="12"/>
    </row>
    <row r="634751" spans="8:8">
      <c r="H634751" s="12"/>
    </row>
    <row r="634752" spans="8:8">
      <c r="H634752" s="12"/>
    </row>
    <row r="634753" spans="8:8">
      <c r="H634753" s="12"/>
    </row>
    <row r="634754" spans="8:8">
      <c r="H634754" s="12"/>
    </row>
    <row r="634755" spans="8:8">
      <c r="H634755" s="12"/>
    </row>
    <row r="634756" spans="8:8">
      <c r="H634756" s="12"/>
    </row>
    <row r="634757" spans="8:8">
      <c r="H634757" s="12"/>
    </row>
    <row r="634758" spans="8:8">
      <c r="H634758" s="12"/>
    </row>
    <row r="634759" spans="8:8">
      <c r="H634759" s="12"/>
    </row>
    <row r="634760" spans="8:8">
      <c r="H634760" s="12"/>
    </row>
    <row r="634761" spans="8:8">
      <c r="H634761" s="12"/>
    </row>
    <row r="634762" spans="8:8">
      <c r="H634762" s="12"/>
    </row>
    <row r="634763" spans="8:8">
      <c r="H634763" s="12"/>
    </row>
    <row r="634764" spans="8:8">
      <c r="H634764" s="12"/>
    </row>
    <row r="634765" spans="8:8">
      <c r="H634765" s="12"/>
    </row>
    <row r="634766" spans="8:8">
      <c r="H634766" s="12"/>
    </row>
    <row r="634767" spans="8:8">
      <c r="H634767" s="12"/>
    </row>
    <row r="634768" spans="8:8">
      <c r="H634768" s="12"/>
    </row>
    <row r="634769" spans="8:8">
      <c r="H634769" s="12"/>
    </row>
    <row r="634770" spans="8:8">
      <c r="H634770" s="12"/>
    </row>
    <row r="634771" spans="8:8">
      <c r="H634771" s="12"/>
    </row>
    <row r="634772" spans="8:8">
      <c r="H634772" s="12"/>
    </row>
    <row r="634773" spans="8:8">
      <c r="H634773" s="12"/>
    </row>
    <row r="634774" spans="8:8">
      <c r="H634774" s="12"/>
    </row>
    <row r="634775" spans="8:8">
      <c r="H634775" s="12"/>
    </row>
    <row r="634776" spans="8:8">
      <c r="H634776" s="12"/>
    </row>
    <row r="634777" spans="8:8">
      <c r="H634777" s="12"/>
    </row>
    <row r="634778" spans="8:8">
      <c r="H634778" s="12"/>
    </row>
    <row r="634779" spans="8:8">
      <c r="H634779" s="12"/>
    </row>
    <row r="634780" spans="8:8">
      <c r="H634780" s="12"/>
    </row>
    <row r="634781" spans="8:8">
      <c r="H634781" s="12"/>
    </row>
    <row r="634782" spans="8:8">
      <c r="H634782" s="12"/>
    </row>
    <row r="634783" spans="8:8">
      <c r="H634783" s="12"/>
    </row>
    <row r="634784" spans="8:8">
      <c r="H634784" s="12"/>
    </row>
    <row r="634785" spans="8:8">
      <c r="H634785" s="12"/>
    </row>
    <row r="634786" spans="8:8">
      <c r="H634786" s="12"/>
    </row>
    <row r="634787" spans="8:8">
      <c r="H634787" s="12"/>
    </row>
    <row r="634788" spans="8:8">
      <c r="H634788" s="12"/>
    </row>
    <row r="634789" spans="8:8">
      <c r="H634789" s="12"/>
    </row>
    <row r="634790" spans="8:8">
      <c r="H634790" s="12"/>
    </row>
    <row r="634791" spans="8:8">
      <c r="H634791" s="12"/>
    </row>
    <row r="634792" spans="8:8">
      <c r="H634792" s="12"/>
    </row>
    <row r="634793" spans="8:8">
      <c r="H634793" s="12"/>
    </row>
    <row r="634794" spans="8:8">
      <c r="H634794" s="12"/>
    </row>
    <row r="634795" spans="8:8">
      <c r="H634795" s="12"/>
    </row>
    <row r="634796" spans="8:8">
      <c r="H634796" s="12"/>
    </row>
    <row r="634797" spans="8:8">
      <c r="H634797" s="12"/>
    </row>
    <row r="634798" spans="8:8">
      <c r="H634798" s="12"/>
    </row>
    <row r="634799" spans="8:8">
      <c r="H634799" s="12"/>
    </row>
    <row r="634800" spans="8:8">
      <c r="H634800" s="12"/>
    </row>
    <row r="634801" spans="8:8">
      <c r="H634801" s="12"/>
    </row>
    <row r="634802" spans="8:8">
      <c r="H634802" s="12"/>
    </row>
    <row r="634803" spans="8:8">
      <c r="H634803" s="12"/>
    </row>
    <row r="634804" spans="8:8">
      <c r="H634804" s="12"/>
    </row>
    <row r="634805" spans="8:8">
      <c r="H634805" s="12"/>
    </row>
    <row r="634806" spans="8:8">
      <c r="H634806" s="12"/>
    </row>
    <row r="634807" spans="8:8">
      <c r="H634807" s="12"/>
    </row>
    <row r="634808" spans="8:8">
      <c r="H634808" s="12"/>
    </row>
    <row r="634809" spans="8:8">
      <c r="H634809" s="12"/>
    </row>
    <row r="634810" spans="8:8">
      <c r="H634810" s="12"/>
    </row>
    <row r="634811" spans="8:8">
      <c r="H634811" s="12"/>
    </row>
    <row r="634812" spans="8:8">
      <c r="H634812" s="12"/>
    </row>
    <row r="634813" spans="8:8">
      <c r="H634813" s="12"/>
    </row>
    <row r="634814" spans="8:8">
      <c r="H634814" s="12"/>
    </row>
    <row r="634815" spans="8:8">
      <c r="H634815" s="12"/>
    </row>
    <row r="634816" spans="8:8">
      <c r="H634816" s="12"/>
    </row>
    <row r="634817" spans="8:8">
      <c r="H634817" s="12"/>
    </row>
    <row r="634818" spans="8:8">
      <c r="H634818" s="12"/>
    </row>
    <row r="634819" spans="8:8">
      <c r="H634819" s="12"/>
    </row>
    <row r="634820" spans="8:8">
      <c r="H634820" s="12"/>
    </row>
    <row r="634821" spans="8:8">
      <c r="H634821" s="12"/>
    </row>
    <row r="634822" spans="8:8">
      <c r="H634822" s="12"/>
    </row>
    <row r="634823" spans="8:8">
      <c r="H634823" s="12"/>
    </row>
    <row r="634824" spans="8:8">
      <c r="H634824" s="12"/>
    </row>
    <row r="634825" spans="8:8">
      <c r="H634825" s="12"/>
    </row>
    <row r="634826" spans="8:8">
      <c r="H634826" s="12"/>
    </row>
    <row r="634827" spans="8:8">
      <c r="H634827" s="12"/>
    </row>
    <row r="634828" spans="8:8">
      <c r="H634828" s="12"/>
    </row>
    <row r="634829" spans="8:8">
      <c r="H634829" s="12"/>
    </row>
    <row r="634830" spans="8:8">
      <c r="H634830" s="12"/>
    </row>
    <row r="634831" spans="8:8">
      <c r="H634831" s="12"/>
    </row>
    <row r="634832" spans="8:8">
      <c r="H634832" s="12"/>
    </row>
    <row r="634833" spans="8:8">
      <c r="H634833" s="12"/>
    </row>
    <row r="634834" spans="8:8">
      <c r="H634834" s="12"/>
    </row>
    <row r="634835" spans="8:8">
      <c r="H634835" s="12"/>
    </row>
    <row r="634836" spans="8:8">
      <c r="H634836" s="12"/>
    </row>
    <row r="634837" spans="8:8">
      <c r="H634837" s="12"/>
    </row>
    <row r="634838" spans="8:8">
      <c r="H634838" s="12"/>
    </row>
    <row r="634839" spans="8:8">
      <c r="H634839" s="12"/>
    </row>
    <row r="634840" spans="8:8">
      <c r="H634840" s="12"/>
    </row>
    <row r="634841" spans="8:8">
      <c r="H634841" s="12"/>
    </row>
    <row r="634842" spans="8:8">
      <c r="H634842" s="12"/>
    </row>
    <row r="634843" spans="8:8">
      <c r="H634843" s="12"/>
    </row>
    <row r="634844" spans="8:8">
      <c r="H634844" s="12"/>
    </row>
    <row r="634845" spans="8:8">
      <c r="H634845" s="12"/>
    </row>
    <row r="634846" spans="8:8">
      <c r="H634846" s="12"/>
    </row>
    <row r="634847" spans="8:8">
      <c r="H634847" s="12"/>
    </row>
    <row r="634848" spans="8:8">
      <c r="H634848" s="12"/>
    </row>
    <row r="634849" spans="8:8">
      <c r="H634849" s="12"/>
    </row>
    <row r="634850" spans="8:8">
      <c r="H634850" s="12"/>
    </row>
    <row r="634851" spans="8:8">
      <c r="H634851" s="12"/>
    </row>
    <row r="634852" spans="8:8">
      <c r="H634852" s="12"/>
    </row>
    <row r="634853" spans="8:8">
      <c r="H634853" s="12"/>
    </row>
    <row r="634854" spans="8:8">
      <c r="H634854" s="12"/>
    </row>
    <row r="634855" spans="8:8">
      <c r="H634855" s="12"/>
    </row>
    <row r="634856" spans="8:8">
      <c r="H634856" s="12"/>
    </row>
    <row r="634857" spans="8:8">
      <c r="H634857" s="12"/>
    </row>
    <row r="634858" spans="8:8">
      <c r="H634858" s="12"/>
    </row>
    <row r="634859" spans="8:8">
      <c r="H634859" s="12"/>
    </row>
    <row r="634860" spans="8:8">
      <c r="H634860" s="12"/>
    </row>
    <row r="634861" spans="8:8">
      <c r="H634861" s="12"/>
    </row>
    <row r="634862" spans="8:8">
      <c r="H634862" s="12"/>
    </row>
    <row r="634863" spans="8:8">
      <c r="H634863" s="12"/>
    </row>
    <row r="634864" spans="8:8">
      <c r="H634864" s="12"/>
    </row>
    <row r="634865" spans="8:8">
      <c r="H634865" s="12"/>
    </row>
    <row r="634866" spans="8:8">
      <c r="H634866" s="12"/>
    </row>
    <row r="634867" spans="8:8">
      <c r="H634867" s="12"/>
    </row>
    <row r="634868" spans="8:8">
      <c r="H634868" s="12"/>
    </row>
    <row r="634869" spans="8:8">
      <c r="H634869" s="12"/>
    </row>
    <row r="634870" spans="8:8">
      <c r="H634870" s="12"/>
    </row>
    <row r="634871" spans="8:8">
      <c r="H634871" s="12"/>
    </row>
    <row r="634872" spans="8:8">
      <c r="H634872" s="12"/>
    </row>
    <row r="634873" spans="8:8">
      <c r="H634873" s="12"/>
    </row>
    <row r="634874" spans="8:8">
      <c r="H634874" s="12"/>
    </row>
    <row r="634875" spans="8:8">
      <c r="H634875" s="12"/>
    </row>
    <row r="634876" spans="8:8">
      <c r="H634876" s="12"/>
    </row>
    <row r="634877" spans="8:8">
      <c r="H634877" s="12"/>
    </row>
    <row r="634878" spans="8:8">
      <c r="H634878" s="12"/>
    </row>
    <row r="634879" spans="8:8">
      <c r="H634879" s="12"/>
    </row>
    <row r="634880" spans="8:8">
      <c r="H634880" s="12"/>
    </row>
    <row r="634881" spans="8:8">
      <c r="H634881" s="12"/>
    </row>
    <row r="634882" spans="8:8">
      <c r="H634882" s="12"/>
    </row>
    <row r="634883" spans="8:8">
      <c r="H634883" s="12"/>
    </row>
    <row r="634884" spans="8:8">
      <c r="H634884" s="12"/>
    </row>
    <row r="634885" spans="8:8">
      <c r="H634885" s="12"/>
    </row>
    <row r="634886" spans="8:8">
      <c r="H634886" s="12"/>
    </row>
    <row r="634887" spans="8:8">
      <c r="H634887" s="12"/>
    </row>
    <row r="634888" spans="8:8">
      <c r="H634888" s="12"/>
    </row>
    <row r="634889" spans="8:8">
      <c r="H634889" s="12"/>
    </row>
    <row r="634890" spans="8:8">
      <c r="H634890" s="12"/>
    </row>
    <row r="634891" spans="8:8">
      <c r="H634891" s="12"/>
    </row>
    <row r="634892" spans="8:8">
      <c r="H634892" s="12"/>
    </row>
    <row r="634893" spans="8:8">
      <c r="H634893" s="12"/>
    </row>
    <row r="634894" spans="8:8">
      <c r="H634894" s="12"/>
    </row>
    <row r="634895" spans="8:8">
      <c r="H634895" s="12"/>
    </row>
    <row r="634896" spans="8:8">
      <c r="H634896" s="12"/>
    </row>
    <row r="634897" spans="8:8">
      <c r="H634897" s="12"/>
    </row>
    <row r="634898" spans="8:8">
      <c r="H634898" s="12"/>
    </row>
    <row r="634899" spans="8:8">
      <c r="H634899" s="12"/>
    </row>
    <row r="634900" spans="8:8">
      <c r="H634900" s="12"/>
    </row>
    <row r="634901" spans="8:8">
      <c r="H634901" s="12"/>
    </row>
    <row r="634902" spans="8:8">
      <c r="H634902" s="12"/>
    </row>
    <row r="634903" spans="8:8">
      <c r="H634903" s="12"/>
    </row>
    <row r="634904" spans="8:8">
      <c r="H634904" s="12"/>
    </row>
    <row r="634905" spans="8:8">
      <c r="H634905" s="12"/>
    </row>
    <row r="634906" spans="8:8">
      <c r="H634906" s="12"/>
    </row>
    <row r="634907" spans="8:8">
      <c r="H634907" s="12"/>
    </row>
    <row r="634908" spans="8:8">
      <c r="H634908" s="12"/>
    </row>
    <row r="634909" spans="8:8">
      <c r="H634909" s="12"/>
    </row>
    <row r="634910" spans="8:8">
      <c r="H634910" s="12"/>
    </row>
    <row r="634911" spans="8:8">
      <c r="H634911" s="12"/>
    </row>
    <row r="634912" spans="8:8">
      <c r="H634912" s="12"/>
    </row>
    <row r="634913" spans="8:8">
      <c r="H634913" s="12"/>
    </row>
    <row r="634914" spans="8:8">
      <c r="H634914" s="12"/>
    </row>
    <row r="634915" spans="8:8">
      <c r="H634915" s="12"/>
    </row>
    <row r="634916" spans="8:8">
      <c r="H634916" s="12"/>
    </row>
    <row r="634917" spans="8:8">
      <c r="H634917" s="12"/>
    </row>
    <row r="634918" spans="8:8">
      <c r="H634918" s="12"/>
    </row>
    <row r="634919" spans="8:8">
      <c r="H634919" s="12"/>
    </row>
    <row r="634920" spans="8:8">
      <c r="H634920" s="12"/>
    </row>
    <row r="634921" spans="8:8">
      <c r="H634921" s="12"/>
    </row>
    <row r="634922" spans="8:8">
      <c r="H634922" s="12"/>
    </row>
    <row r="634923" spans="8:8">
      <c r="H634923" s="12"/>
    </row>
    <row r="634924" spans="8:8">
      <c r="H634924" s="12"/>
    </row>
    <row r="634925" spans="8:8">
      <c r="H634925" s="12"/>
    </row>
    <row r="634926" spans="8:8">
      <c r="H634926" s="12"/>
    </row>
    <row r="634927" spans="8:8">
      <c r="H634927" s="12"/>
    </row>
    <row r="634928" spans="8:8">
      <c r="H634928" s="12"/>
    </row>
    <row r="634929" spans="8:8">
      <c r="H634929" s="12"/>
    </row>
    <row r="634930" spans="8:8">
      <c r="H634930" s="12"/>
    </row>
    <row r="634931" spans="8:8">
      <c r="H634931" s="12"/>
    </row>
    <row r="634932" spans="8:8">
      <c r="H634932" s="12"/>
    </row>
    <row r="634933" spans="8:8">
      <c r="H634933" s="12"/>
    </row>
    <row r="634934" spans="8:8">
      <c r="H634934" s="12"/>
    </row>
    <row r="634935" spans="8:8">
      <c r="H634935" s="12"/>
    </row>
    <row r="634936" spans="8:8">
      <c r="H634936" s="12"/>
    </row>
    <row r="634937" spans="8:8">
      <c r="H634937" s="12"/>
    </row>
    <row r="634938" spans="8:8">
      <c r="H634938" s="12"/>
    </row>
    <row r="634939" spans="8:8">
      <c r="H634939" s="12"/>
    </row>
    <row r="634940" spans="8:8">
      <c r="H634940" s="12"/>
    </row>
    <row r="634941" spans="8:8">
      <c r="H634941" s="12"/>
    </row>
    <row r="634942" spans="8:8">
      <c r="H634942" s="12"/>
    </row>
    <row r="634943" spans="8:8">
      <c r="H634943" s="12"/>
    </row>
    <row r="634944" spans="8:8">
      <c r="H634944" s="12"/>
    </row>
    <row r="634945" spans="8:8">
      <c r="H634945" s="12"/>
    </row>
    <row r="634946" spans="8:8">
      <c r="H634946" s="12"/>
    </row>
    <row r="634947" spans="8:8">
      <c r="H634947" s="12"/>
    </row>
    <row r="634948" spans="8:8">
      <c r="H634948" s="12"/>
    </row>
    <row r="634949" spans="8:8">
      <c r="H634949" s="12"/>
    </row>
    <row r="634950" spans="8:8">
      <c r="H634950" s="12"/>
    </row>
    <row r="634951" spans="8:8">
      <c r="H634951" s="12"/>
    </row>
    <row r="634952" spans="8:8">
      <c r="H634952" s="12"/>
    </row>
    <row r="634953" spans="8:8">
      <c r="H634953" s="12"/>
    </row>
    <row r="634954" spans="8:8">
      <c r="H634954" s="12"/>
    </row>
    <row r="634955" spans="8:8">
      <c r="H634955" s="12"/>
    </row>
    <row r="634956" spans="8:8">
      <c r="H634956" s="12"/>
    </row>
    <row r="634957" spans="8:8">
      <c r="H634957" s="12"/>
    </row>
    <row r="634958" spans="8:8">
      <c r="H634958" s="12"/>
    </row>
    <row r="634959" spans="8:8">
      <c r="H634959" s="12"/>
    </row>
    <row r="634960" spans="8:8">
      <c r="H634960" s="12"/>
    </row>
    <row r="634961" spans="8:8">
      <c r="H634961" s="12"/>
    </row>
    <row r="634962" spans="8:8">
      <c r="H634962" s="12"/>
    </row>
    <row r="634963" spans="8:8">
      <c r="H634963" s="12"/>
    </row>
    <row r="634964" spans="8:8">
      <c r="H634964" s="12"/>
    </row>
    <row r="634965" spans="8:8">
      <c r="H634965" s="12"/>
    </row>
    <row r="634966" spans="8:8">
      <c r="H634966" s="12"/>
    </row>
    <row r="634967" spans="8:8">
      <c r="H634967" s="12"/>
    </row>
    <row r="634968" spans="8:8">
      <c r="H634968" s="12"/>
    </row>
    <row r="634969" spans="8:8">
      <c r="H634969" s="12"/>
    </row>
    <row r="634970" spans="8:8">
      <c r="H634970" s="12"/>
    </row>
    <row r="634971" spans="8:8">
      <c r="H634971" s="12"/>
    </row>
    <row r="634972" spans="8:8">
      <c r="H634972" s="12"/>
    </row>
    <row r="634973" spans="8:8">
      <c r="H634973" s="12"/>
    </row>
    <row r="634974" spans="8:8">
      <c r="H634974" s="12"/>
    </row>
    <row r="634975" spans="8:8">
      <c r="H634975" s="12"/>
    </row>
    <row r="634976" spans="8:8">
      <c r="H634976" s="12"/>
    </row>
    <row r="634977" spans="8:8">
      <c r="H634977" s="12"/>
    </row>
    <row r="634978" spans="8:8">
      <c r="H634978" s="12"/>
    </row>
    <row r="634979" spans="8:8">
      <c r="H634979" s="12"/>
    </row>
    <row r="634980" spans="8:8">
      <c r="H634980" s="12"/>
    </row>
    <row r="634981" spans="8:8">
      <c r="H634981" s="12"/>
    </row>
    <row r="634982" spans="8:8">
      <c r="H634982" s="12"/>
    </row>
    <row r="634983" spans="8:8">
      <c r="H634983" s="12"/>
    </row>
    <row r="634984" spans="8:8">
      <c r="H634984" s="12"/>
    </row>
    <row r="634985" spans="8:8">
      <c r="H634985" s="12"/>
    </row>
    <row r="634986" spans="8:8">
      <c r="H634986" s="12"/>
    </row>
    <row r="634987" spans="8:8">
      <c r="H634987" s="12"/>
    </row>
    <row r="634988" spans="8:8">
      <c r="H634988" s="12"/>
    </row>
    <row r="634989" spans="8:8">
      <c r="H634989" s="12"/>
    </row>
    <row r="634990" spans="8:8">
      <c r="H634990" s="12"/>
    </row>
    <row r="634991" spans="8:8">
      <c r="H634991" s="12"/>
    </row>
    <row r="634992" spans="8:8">
      <c r="H634992" s="12"/>
    </row>
    <row r="634993" spans="8:8">
      <c r="H634993" s="12"/>
    </row>
    <row r="634994" spans="8:8">
      <c r="H634994" s="12"/>
    </row>
    <row r="634995" spans="8:8">
      <c r="H634995" s="12"/>
    </row>
    <row r="634996" spans="8:8">
      <c r="H634996" s="12"/>
    </row>
    <row r="634997" spans="8:8">
      <c r="H634997" s="12"/>
    </row>
    <row r="634998" spans="8:8">
      <c r="H634998" s="12"/>
    </row>
    <row r="634999" spans="8:8">
      <c r="H634999" s="12"/>
    </row>
    <row r="635000" spans="8:8">
      <c r="H635000" s="12"/>
    </row>
    <row r="635001" spans="8:8">
      <c r="H635001" s="12"/>
    </row>
    <row r="635002" spans="8:8">
      <c r="H635002" s="12"/>
    </row>
    <row r="635003" spans="8:8">
      <c r="H635003" s="12"/>
    </row>
    <row r="635004" spans="8:8">
      <c r="H635004" s="12"/>
    </row>
    <row r="635005" spans="8:8">
      <c r="H635005" s="12"/>
    </row>
    <row r="635006" spans="8:8">
      <c r="H635006" s="12"/>
    </row>
    <row r="635007" spans="8:8">
      <c r="H635007" s="12"/>
    </row>
    <row r="635008" spans="8:8">
      <c r="H635008" s="12"/>
    </row>
    <row r="635009" spans="8:8">
      <c r="H635009" s="12"/>
    </row>
    <row r="635010" spans="8:8">
      <c r="H635010" s="12"/>
    </row>
    <row r="635011" spans="8:8">
      <c r="H635011" s="12"/>
    </row>
    <row r="635012" spans="8:8">
      <c r="H635012" s="12"/>
    </row>
    <row r="635013" spans="8:8">
      <c r="H635013" s="12"/>
    </row>
    <row r="635014" spans="8:8">
      <c r="H635014" s="12"/>
    </row>
    <row r="635015" spans="8:8">
      <c r="H635015" s="12"/>
    </row>
    <row r="635016" spans="8:8">
      <c r="H635016" s="12"/>
    </row>
    <row r="635017" spans="8:8">
      <c r="H635017" s="12"/>
    </row>
    <row r="635018" spans="8:8">
      <c r="H635018" s="12"/>
    </row>
    <row r="635019" spans="8:8">
      <c r="H635019" s="12"/>
    </row>
    <row r="635020" spans="8:8">
      <c r="H635020" s="12"/>
    </row>
    <row r="635021" spans="8:8">
      <c r="H635021" s="12"/>
    </row>
    <row r="635022" spans="8:8">
      <c r="H635022" s="12"/>
    </row>
    <row r="635023" spans="8:8">
      <c r="H635023" s="12"/>
    </row>
    <row r="635024" spans="8:8">
      <c r="H635024" s="12"/>
    </row>
    <row r="635025" spans="8:8">
      <c r="H635025" s="12"/>
    </row>
    <row r="635026" spans="8:8">
      <c r="H635026" s="12"/>
    </row>
    <row r="635027" spans="8:8">
      <c r="H635027" s="12"/>
    </row>
    <row r="635028" spans="8:8">
      <c r="H635028" s="12"/>
    </row>
    <row r="635029" spans="8:8">
      <c r="H635029" s="12"/>
    </row>
    <row r="635030" spans="8:8">
      <c r="H635030" s="12"/>
    </row>
    <row r="635031" spans="8:8">
      <c r="H635031" s="12"/>
    </row>
    <row r="635032" spans="8:8">
      <c r="H635032" s="12"/>
    </row>
    <row r="635033" spans="8:8">
      <c r="H635033" s="12"/>
    </row>
    <row r="635034" spans="8:8">
      <c r="H635034" s="12"/>
    </row>
    <row r="635035" spans="8:8">
      <c r="H635035" s="12"/>
    </row>
    <row r="635036" spans="8:8">
      <c r="H635036" s="12"/>
    </row>
    <row r="635037" spans="8:8">
      <c r="H635037" s="12"/>
    </row>
    <row r="635038" spans="8:8">
      <c r="H635038" s="12"/>
    </row>
    <row r="635039" spans="8:8">
      <c r="H635039" s="12"/>
    </row>
    <row r="635040" spans="8:8">
      <c r="H635040" s="12"/>
    </row>
    <row r="635041" spans="8:8">
      <c r="H635041" s="12"/>
    </row>
    <row r="635042" spans="8:8">
      <c r="H635042" s="12"/>
    </row>
    <row r="635043" spans="8:8">
      <c r="H635043" s="12"/>
    </row>
    <row r="635044" spans="8:8">
      <c r="H635044" s="12"/>
    </row>
    <row r="635045" spans="8:8">
      <c r="H635045" s="12"/>
    </row>
    <row r="635046" spans="8:8">
      <c r="H635046" s="12"/>
    </row>
    <row r="635047" spans="8:8">
      <c r="H635047" s="12"/>
    </row>
    <row r="635048" spans="8:8">
      <c r="H635048" s="12"/>
    </row>
    <row r="635049" spans="8:8">
      <c r="H635049" s="12"/>
    </row>
    <row r="635050" spans="8:8">
      <c r="H635050" s="12"/>
    </row>
    <row r="635051" spans="8:8">
      <c r="H635051" s="12"/>
    </row>
    <row r="635052" spans="8:8">
      <c r="H635052" s="12"/>
    </row>
    <row r="635053" spans="8:8">
      <c r="H635053" s="12"/>
    </row>
    <row r="635054" spans="8:8">
      <c r="H635054" s="12"/>
    </row>
    <row r="635055" spans="8:8">
      <c r="H635055" s="12"/>
    </row>
    <row r="635056" spans="8:8">
      <c r="H635056" s="12"/>
    </row>
    <row r="635057" spans="8:8">
      <c r="H635057" s="12"/>
    </row>
    <row r="635058" spans="8:8">
      <c r="H635058" s="12"/>
    </row>
    <row r="635059" spans="8:8">
      <c r="H635059" s="12"/>
    </row>
    <row r="635060" spans="8:8">
      <c r="H635060" s="12"/>
    </row>
    <row r="635061" spans="8:8">
      <c r="H635061" s="12"/>
    </row>
    <row r="635062" spans="8:8">
      <c r="H635062" s="12"/>
    </row>
    <row r="635063" spans="8:8">
      <c r="H635063" s="12"/>
    </row>
    <row r="635064" spans="8:8">
      <c r="H635064" s="12"/>
    </row>
    <row r="635065" spans="8:8">
      <c r="H635065" s="12"/>
    </row>
    <row r="635066" spans="8:8">
      <c r="H635066" s="12"/>
    </row>
    <row r="635067" spans="8:8">
      <c r="H635067" s="12"/>
    </row>
    <row r="635068" spans="8:8">
      <c r="H635068" s="12"/>
    </row>
    <row r="635069" spans="8:8">
      <c r="H635069" s="12"/>
    </row>
    <row r="635070" spans="8:8">
      <c r="H635070" s="12"/>
    </row>
    <row r="635071" spans="8:8">
      <c r="H635071" s="12"/>
    </row>
    <row r="635072" spans="8:8">
      <c r="H635072" s="12"/>
    </row>
    <row r="635073" spans="8:8">
      <c r="H635073" s="12"/>
    </row>
    <row r="635074" spans="8:8">
      <c r="H635074" s="12"/>
    </row>
    <row r="635075" spans="8:8">
      <c r="H635075" s="12"/>
    </row>
    <row r="635076" spans="8:8">
      <c r="H635076" s="12"/>
    </row>
    <row r="635077" spans="8:8">
      <c r="H635077" s="12"/>
    </row>
    <row r="635078" spans="8:8">
      <c r="H635078" s="12"/>
    </row>
    <row r="635079" spans="8:8">
      <c r="H635079" s="12"/>
    </row>
    <row r="635080" spans="8:8">
      <c r="H635080" s="12"/>
    </row>
    <row r="635081" spans="8:8">
      <c r="H635081" s="12"/>
    </row>
    <row r="635082" spans="8:8">
      <c r="H635082" s="12"/>
    </row>
    <row r="635083" spans="8:8">
      <c r="H635083" s="12"/>
    </row>
    <row r="635084" spans="8:8">
      <c r="H635084" s="12"/>
    </row>
    <row r="635085" spans="8:8">
      <c r="H635085" s="12"/>
    </row>
    <row r="635086" spans="8:8">
      <c r="H635086" s="12"/>
    </row>
    <row r="635087" spans="8:8">
      <c r="H635087" s="12"/>
    </row>
    <row r="635088" spans="8:8">
      <c r="H635088" s="12"/>
    </row>
    <row r="635089" spans="8:8">
      <c r="H635089" s="12"/>
    </row>
    <row r="635090" spans="8:8">
      <c r="H635090" s="12"/>
    </row>
    <row r="635091" spans="8:8">
      <c r="H635091" s="12"/>
    </row>
    <row r="635092" spans="8:8">
      <c r="H635092" s="12"/>
    </row>
    <row r="635093" spans="8:8">
      <c r="H635093" s="12"/>
    </row>
    <row r="635094" spans="8:8">
      <c r="H635094" s="12"/>
    </row>
    <row r="635095" spans="8:8">
      <c r="H635095" s="12"/>
    </row>
    <row r="635096" spans="8:8">
      <c r="H635096" s="12"/>
    </row>
    <row r="635097" spans="8:8">
      <c r="H635097" s="12"/>
    </row>
    <row r="635098" spans="8:8">
      <c r="H635098" s="12"/>
    </row>
    <row r="635099" spans="8:8">
      <c r="H635099" s="12"/>
    </row>
    <row r="635100" spans="8:8">
      <c r="H635100" s="12"/>
    </row>
    <row r="635101" spans="8:8">
      <c r="H635101" s="12"/>
    </row>
    <row r="635102" spans="8:8">
      <c r="H635102" s="12"/>
    </row>
    <row r="635103" spans="8:8">
      <c r="H635103" s="12"/>
    </row>
    <row r="635104" spans="8:8">
      <c r="H635104" s="12"/>
    </row>
    <row r="635105" spans="8:8">
      <c r="H635105" s="12"/>
    </row>
    <row r="635106" spans="8:8">
      <c r="H635106" s="12"/>
    </row>
    <row r="635107" spans="8:8">
      <c r="H635107" s="12"/>
    </row>
    <row r="635108" spans="8:8">
      <c r="H635108" s="12"/>
    </row>
    <row r="635109" spans="8:8">
      <c r="H635109" s="12"/>
    </row>
    <row r="635110" spans="8:8">
      <c r="H635110" s="12"/>
    </row>
    <row r="635111" spans="8:8">
      <c r="H635111" s="12"/>
    </row>
    <row r="635112" spans="8:8">
      <c r="H635112" s="12"/>
    </row>
    <row r="635113" spans="8:8">
      <c r="H635113" s="12"/>
    </row>
    <row r="635114" spans="8:8">
      <c r="H635114" s="12"/>
    </row>
    <row r="635115" spans="8:8">
      <c r="H635115" s="12"/>
    </row>
    <row r="635116" spans="8:8">
      <c r="H635116" s="12"/>
    </row>
    <row r="635117" spans="8:8">
      <c r="H635117" s="12"/>
    </row>
    <row r="635118" spans="8:8">
      <c r="H635118" s="12"/>
    </row>
    <row r="635119" spans="8:8">
      <c r="H635119" s="12"/>
    </row>
    <row r="635120" spans="8:8">
      <c r="H635120" s="12"/>
    </row>
    <row r="635121" spans="8:8">
      <c r="H635121" s="12"/>
    </row>
    <row r="635122" spans="8:8">
      <c r="H635122" s="12"/>
    </row>
    <row r="635123" spans="8:8">
      <c r="H635123" s="12"/>
    </row>
    <row r="635124" spans="8:8">
      <c r="H635124" s="12"/>
    </row>
    <row r="635125" spans="8:8">
      <c r="H635125" s="12"/>
    </row>
    <row r="635126" spans="8:8">
      <c r="H635126" s="12"/>
    </row>
    <row r="635127" spans="8:8">
      <c r="H635127" s="12"/>
    </row>
    <row r="635128" spans="8:8">
      <c r="H635128" s="12"/>
    </row>
    <row r="635129" spans="8:8">
      <c r="H635129" s="12"/>
    </row>
    <row r="635130" spans="8:8">
      <c r="H635130" s="12"/>
    </row>
    <row r="635131" spans="8:8">
      <c r="H635131" s="12"/>
    </row>
    <row r="635132" spans="8:8">
      <c r="H635132" s="12"/>
    </row>
    <row r="635133" spans="8:8">
      <c r="H635133" s="12"/>
    </row>
    <row r="635134" spans="8:8">
      <c r="H635134" s="12"/>
    </row>
    <row r="635135" spans="8:8">
      <c r="H635135" s="12"/>
    </row>
    <row r="635136" spans="8:8">
      <c r="H635136" s="12"/>
    </row>
    <row r="635137" spans="8:8">
      <c r="H635137" s="12"/>
    </row>
    <row r="635138" spans="8:8">
      <c r="H635138" s="12"/>
    </row>
    <row r="635139" spans="8:8">
      <c r="H635139" s="12"/>
    </row>
    <row r="635140" spans="8:8">
      <c r="H635140" s="12"/>
    </row>
    <row r="635141" spans="8:8">
      <c r="H635141" s="12"/>
    </row>
    <row r="635142" spans="8:8">
      <c r="H635142" s="12"/>
    </row>
    <row r="635143" spans="8:8">
      <c r="H635143" s="12"/>
    </row>
    <row r="635144" spans="8:8">
      <c r="H635144" s="12"/>
    </row>
    <row r="635145" spans="8:8">
      <c r="H635145" s="12"/>
    </row>
    <row r="635146" spans="8:8">
      <c r="H635146" s="12"/>
    </row>
    <row r="635147" spans="8:8">
      <c r="H635147" s="12"/>
    </row>
    <row r="635148" spans="8:8">
      <c r="H635148" s="12"/>
    </row>
    <row r="635149" spans="8:8">
      <c r="H635149" s="12"/>
    </row>
    <row r="635150" spans="8:8">
      <c r="H635150" s="12"/>
    </row>
    <row r="635151" spans="8:8">
      <c r="H635151" s="12"/>
    </row>
    <row r="635152" spans="8:8">
      <c r="H635152" s="12"/>
    </row>
    <row r="635153" spans="8:8">
      <c r="H635153" s="12"/>
    </row>
    <row r="635154" spans="8:8">
      <c r="H635154" s="12"/>
    </row>
    <row r="635155" spans="8:8">
      <c r="H635155" s="12"/>
    </row>
    <row r="635156" spans="8:8">
      <c r="H635156" s="12"/>
    </row>
    <row r="635157" spans="8:8">
      <c r="H635157" s="12"/>
    </row>
    <row r="635158" spans="8:8">
      <c r="H635158" s="12"/>
    </row>
    <row r="635159" spans="8:8">
      <c r="H635159" s="12"/>
    </row>
    <row r="635160" spans="8:8">
      <c r="H635160" s="12"/>
    </row>
    <row r="635161" spans="8:8">
      <c r="H635161" s="12"/>
    </row>
    <row r="635162" spans="8:8">
      <c r="H635162" s="12"/>
    </row>
    <row r="635163" spans="8:8">
      <c r="H635163" s="12"/>
    </row>
    <row r="635164" spans="8:8">
      <c r="H635164" s="12"/>
    </row>
    <row r="635165" spans="8:8">
      <c r="H635165" s="12"/>
    </row>
    <row r="635166" spans="8:8">
      <c r="H635166" s="12"/>
    </row>
    <row r="635167" spans="8:8">
      <c r="H635167" s="12"/>
    </row>
    <row r="635168" spans="8:8">
      <c r="H635168" s="12"/>
    </row>
    <row r="635169" spans="8:8">
      <c r="H635169" s="12"/>
    </row>
    <row r="635170" spans="8:8">
      <c r="H635170" s="12"/>
    </row>
    <row r="635171" spans="8:8">
      <c r="H635171" s="12"/>
    </row>
    <row r="635172" spans="8:8">
      <c r="H635172" s="12"/>
    </row>
    <row r="635173" spans="8:8">
      <c r="H635173" s="12"/>
    </row>
    <row r="635174" spans="8:8">
      <c r="H635174" s="12"/>
    </row>
    <row r="635175" spans="8:8">
      <c r="H635175" s="12"/>
    </row>
    <row r="635176" spans="8:8">
      <c r="H635176" s="12"/>
    </row>
    <row r="635177" spans="8:8">
      <c r="H635177" s="12"/>
    </row>
    <row r="635178" spans="8:8">
      <c r="H635178" s="12"/>
    </row>
    <row r="635179" spans="8:8">
      <c r="H635179" s="12"/>
    </row>
    <row r="635180" spans="8:8">
      <c r="H635180" s="12"/>
    </row>
    <row r="635181" spans="8:8">
      <c r="H635181" s="12"/>
    </row>
    <row r="635182" spans="8:8">
      <c r="H635182" s="12"/>
    </row>
    <row r="635183" spans="8:8">
      <c r="H635183" s="12"/>
    </row>
    <row r="635184" spans="8:8">
      <c r="H635184" s="12"/>
    </row>
    <row r="635185" spans="8:8">
      <c r="H635185" s="12"/>
    </row>
    <row r="635186" spans="8:8">
      <c r="H635186" s="12"/>
    </row>
    <row r="635187" spans="8:8">
      <c r="H635187" s="12"/>
    </row>
    <row r="635188" spans="8:8">
      <c r="H635188" s="12"/>
    </row>
    <row r="635189" spans="8:8">
      <c r="H635189" s="12"/>
    </row>
    <row r="635190" spans="8:8">
      <c r="H635190" s="12"/>
    </row>
    <row r="635191" spans="8:8">
      <c r="H635191" s="12"/>
    </row>
    <row r="635192" spans="8:8">
      <c r="H635192" s="12"/>
    </row>
    <row r="635193" spans="8:8">
      <c r="H635193" s="12"/>
    </row>
    <row r="635194" spans="8:8">
      <c r="H635194" s="12"/>
    </row>
    <row r="635195" spans="8:8">
      <c r="H635195" s="12"/>
    </row>
    <row r="635196" spans="8:8">
      <c r="H635196" s="12"/>
    </row>
    <row r="635197" spans="8:8">
      <c r="H635197" s="12"/>
    </row>
    <row r="635198" spans="8:8">
      <c r="H635198" s="12"/>
    </row>
    <row r="635199" spans="8:8">
      <c r="H635199" s="12"/>
    </row>
    <row r="635200" spans="8:8">
      <c r="H635200" s="12"/>
    </row>
    <row r="635201" spans="8:8">
      <c r="H635201" s="12"/>
    </row>
    <row r="635202" spans="8:8">
      <c r="H635202" s="12"/>
    </row>
    <row r="635203" spans="8:8">
      <c r="H635203" s="12"/>
    </row>
    <row r="635204" spans="8:8">
      <c r="H635204" s="12"/>
    </row>
    <row r="635205" spans="8:8">
      <c r="H635205" s="12"/>
    </row>
    <row r="635206" spans="8:8">
      <c r="H635206" s="12"/>
    </row>
    <row r="635207" spans="8:8">
      <c r="H635207" s="12"/>
    </row>
    <row r="635208" spans="8:8">
      <c r="H635208" s="12"/>
    </row>
    <row r="635209" spans="8:8">
      <c r="H635209" s="12"/>
    </row>
    <row r="635210" spans="8:8">
      <c r="H635210" s="12"/>
    </row>
    <row r="635211" spans="8:8">
      <c r="H635211" s="12"/>
    </row>
    <row r="635212" spans="8:8">
      <c r="H635212" s="12"/>
    </row>
    <row r="635213" spans="8:8">
      <c r="H635213" s="12"/>
    </row>
    <row r="635214" spans="8:8">
      <c r="H635214" s="12"/>
    </row>
    <row r="635215" spans="8:8">
      <c r="H635215" s="12"/>
    </row>
    <row r="635216" spans="8:8">
      <c r="H635216" s="12"/>
    </row>
    <row r="635217" spans="8:8">
      <c r="H635217" s="12"/>
    </row>
    <row r="635218" spans="8:8">
      <c r="H635218" s="12"/>
    </row>
    <row r="635219" spans="8:8">
      <c r="H635219" s="12"/>
    </row>
    <row r="635220" spans="8:8">
      <c r="H635220" s="12"/>
    </row>
    <row r="635221" spans="8:8">
      <c r="H635221" s="12"/>
    </row>
    <row r="635222" spans="8:8">
      <c r="H635222" s="12"/>
    </row>
    <row r="635223" spans="8:8">
      <c r="H635223" s="12"/>
    </row>
    <row r="635224" spans="8:8">
      <c r="H635224" s="12"/>
    </row>
    <row r="635225" spans="8:8">
      <c r="H635225" s="12"/>
    </row>
    <row r="635226" spans="8:8">
      <c r="H635226" s="12"/>
    </row>
    <row r="635227" spans="8:8">
      <c r="H635227" s="12"/>
    </row>
    <row r="635228" spans="8:8">
      <c r="H635228" s="12"/>
    </row>
    <row r="635229" spans="8:8">
      <c r="H635229" s="12"/>
    </row>
    <row r="635230" spans="8:8">
      <c r="H635230" s="12"/>
    </row>
    <row r="635231" spans="8:8">
      <c r="H635231" s="12"/>
    </row>
    <row r="635232" spans="8:8">
      <c r="H635232" s="12"/>
    </row>
    <row r="635233" spans="8:8">
      <c r="H635233" s="12"/>
    </row>
    <row r="635234" spans="8:8">
      <c r="H635234" s="12"/>
    </row>
    <row r="635235" spans="8:8">
      <c r="H635235" s="12"/>
    </row>
    <row r="635236" spans="8:8">
      <c r="H635236" s="12"/>
    </row>
    <row r="635237" spans="8:8">
      <c r="H635237" s="12"/>
    </row>
    <row r="635238" spans="8:8">
      <c r="H635238" s="12"/>
    </row>
    <row r="635239" spans="8:8">
      <c r="H635239" s="12"/>
    </row>
    <row r="635240" spans="8:8">
      <c r="H635240" s="12"/>
    </row>
    <row r="635241" spans="8:8">
      <c r="H635241" s="12"/>
    </row>
    <row r="635242" spans="8:8">
      <c r="H635242" s="12"/>
    </row>
    <row r="635243" spans="8:8">
      <c r="H635243" s="12"/>
    </row>
    <row r="635244" spans="8:8">
      <c r="H635244" s="12"/>
    </row>
    <row r="635245" spans="8:8">
      <c r="H635245" s="12"/>
    </row>
    <row r="635246" spans="8:8">
      <c r="H635246" s="12"/>
    </row>
    <row r="635247" spans="8:8">
      <c r="H635247" s="12"/>
    </row>
    <row r="635248" spans="8:8">
      <c r="H635248" s="12"/>
    </row>
    <row r="635249" spans="8:8">
      <c r="H635249" s="12"/>
    </row>
    <row r="635250" spans="8:8">
      <c r="H635250" s="12"/>
    </row>
    <row r="635251" spans="8:8">
      <c r="H635251" s="12"/>
    </row>
    <row r="635252" spans="8:8">
      <c r="H635252" s="12"/>
    </row>
    <row r="635253" spans="8:8">
      <c r="H635253" s="12"/>
    </row>
    <row r="635254" spans="8:8">
      <c r="H635254" s="12"/>
    </row>
    <row r="635255" spans="8:8">
      <c r="H635255" s="12"/>
    </row>
    <row r="635256" spans="8:8">
      <c r="H635256" s="12"/>
    </row>
    <row r="635257" spans="8:8">
      <c r="H635257" s="12"/>
    </row>
    <row r="635258" spans="8:8">
      <c r="H635258" s="12"/>
    </row>
    <row r="635259" spans="8:8">
      <c r="H635259" s="12"/>
    </row>
    <row r="635260" spans="8:8">
      <c r="H635260" s="12"/>
    </row>
    <row r="635261" spans="8:8">
      <c r="H635261" s="12"/>
    </row>
    <row r="635262" spans="8:8">
      <c r="H635262" s="12"/>
    </row>
    <row r="635263" spans="8:8">
      <c r="H635263" s="12"/>
    </row>
    <row r="635264" spans="8:8">
      <c r="H635264" s="12"/>
    </row>
    <row r="635265" spans="8:8">
      <c r="H635265" s="12"/>
    </row>
    <row r="635266" spans="8:8">
      <c r="H635266" s="12"/>
    </row>
    <row r="635267" spans="8:8">
      <c r="H635267" s="12"/>
    </row>
    <row r="635268" spans="8:8">
      <c r="H635268" s="12"/>
    </row>
    <row r="635269" spans="8:8">
      <c r="H635269" s="12"/>
    </row>
    <row r="635270" spans="8:8">
      <c r="H635270" s="12"/>
    </row>
    <row r="635271" spans="8:8">
      <c r="H635271" s="12"/>
    </row>
    <row r="635272" spans="8:8">
      <c r="H635272" s="12"/>
    </row>
    <row r="635273" spans="8:8">
      <c r="H635273" s="12"/>
    </row>
    <row r="635274" spans="8:8">
      <c r="H635274" s="12"/>
    </row>
    <row r="635275" spans="8:8">
      <c r="H635275" s="12"/>
    </row>
    <row r="635276" spans="8:8">
      <c r="H635276" s="12"/>
    </row>
    <row r="635277" spans="8:8">
      <c r="H635277" s="12"/>
    </row>
    <row r="635278" spans="8:8">
      <c r="H635278" s="12"/>
    </row>
    <row r="635279" spans="8:8">
      <c r="H635279" s="12"/>
    </row>
    <row r="635280" spans="8:8">
      <c r="H635280" s="12"/>
    </row>
    <row r="635281" spans="8:8">
      <c r="H635281" s="12"/>
    </row>
    <row r="635282" spans="8:8">
      <c r="H635282" s="12"/>
    </row>
    <row r="635283" spans="8:8">
      <c r="H635283" s="12"/>
    </row>
    <row r="635284" spans="8:8">
      <c r="H635284" s="12"/>
    </row>
    <row r="635285" spans="8:8">
      <c r="H635285" s="12"/>
    </row>
    <row r="635286" spans="8:8">
      <c r="H635286" s="12"/>
    </row>
    <row r="635287" spans="8:8">
      <c r="H635287" s="12"/>
    </row>
    <row r="635288" spans="8:8">
      <c r="H635288" s="12"/>
    </row>
    <row r="635289" spans="8:8">
      <c r="H635289" s="12"/>
    </row>
    <row r="635290" spans="8:8">
      <c r="H635290" s="12"/>
    </row>
    <row r="635291" spans="8:8">
      <c r="H635291" s="12"/>
    </row>
    <row r="635292" spans="8:8">
      <c r="H635292" s="12"/>
    </row>
    <row r="635293" spans="8:8">
      <c r="H635293" s="12"/>
    </row>
    <row r="635294" spans="8:8">
      <c r="H635294" s="12"/>
    </row>
    <row r="635295" spans="8:8">
      <c r="H635295" s="12"/>
    </row>
    <row r="635296" spans="8:8">
      <c r="H635296" s="12"/>
    </row>
    <row r="635297" spans="8:8">
      <c r="H635297" s="12"/>
    </row>
    <row r="635298" spans="8:8">
      <c r="H635298" s="12"/>
    </row>
    <row r="635299" spans="8:8">
      <c r="H635299" s="12"/>
    </row>
    <row r="635300" spans="8:8">
      <c r="H635300" s="12"/>
    </row>
    <row r="635301" spans="8:8">
      <c r="H635301" s="12"/>
    </row>
    <row r="635302" spans="8:8">
      <c r="H635302" s="12"/>
    </row>
    <row r="635303" spans="8:8">
      <c r="H635303" s="12"/>
    </row>
    <row r="635304" spans="8:8">
      <c r="H635304" s="12"/>
    </row>
    <row r="635305" spans="8:8">
      <c r="H635305" s="12"/>
    </row>
    <row r="635306" spans="8:8">
      <c r="H635306" s="12"/>
    </row>
    <row r="635307" spans="8:8">
      <c r="H635307" s="12"/>
    </row>
    <row r="635308" spans="8:8">
      <c r="H635308" s="12"/>
    </row>
    <row r="635309" spans="8:8">
      <c r="H635309" s="12"/>
    </row>
    <row r="635310" spans="8:8">
      <c r="H635310" s="12"/>
    </row>
    <row r="635311" spans="8:8">
      <c r="H635311" s="12"/>
    </row>
    <row r="635312" spans="8:8">
      <c r="H635312" s="12"/>
    </row>
    <row r="635313" spans="8:8">
      <c r="H635313" s="12"/>
    </row>
    <row r="635314" spans="8:8">
      <c r="H635314" s="12"/>
    </row>
    <row r="635315" spans="8:8">
      <c r="H635315" s="12"/>
    </row>
    <row r="635316" spans="8:8">
      <c r="H635316" s="12"/>
    </row>
    <row r="635317" spans="8:8">
      <c r="H635317" s="12"/>
    </row>
    <row r="635318" spans="8:8">
      <c r="H635318" s="12"/>
    </row>
    <row r="635319" spans="8:8">
      <c r="H635319" s="12"/>
    </row>
    <row r="635320" spans="8:8">
      <c r="H635320" s="12"/>
    </row>
    <row r="635321" spans="8:8">
      <c r="H635321" s="12"/>
    </row>
    <row r="635322" spans="8:8">
      <c r="H635322" s="12"/>
    </row>
    <row r="635323" spans="8:8">
      <c r="H635323" s="12"/>
    </row>
    <row r="635324" spans="8:8">
      <c r="H635324" s="12"/>
    </row>
    <row r="635325" spans="8:8">
      <c r="H635325" s="12"/>
    </row>
    <row r="635326" spans="8:8">
      <c r="H635326" s="12"/>
    </row>
    <row r="635327" spans="8:8">
      <c r="H635327" s="12"/>
    </row>
    <row r="635328" spans="8:8">
      <c r="H635328" s="12"/>
    </row>
    <row r="635329" spans="8:8">
      <c r="H635329" s="12"/>
    </row>
    <row r="635330" spans="8:8">
      <c r="H635330" s="12"/>
    </row>
    <row r="635331" spans="8:8">
      <c r="H635331" s="12"/>
    </row>
    <row r="635332" spans="8:8">
      <c r="H635332" s="12"/>
    </row>
    <row r="635333" spans="8:8">
      <c r="H635333" s="12"/>
    </row>
    <row r="635334" spans="8:8">
      <c r="H635334" s="12"/>
    </row>
    <row r="635335" spans="8:8">
      <c r="H635335" s="12"/>
    </row>
    <row r="635336" spans="8:8">
      <c r="H635336" s="12"/>
    </row>
    <row r="635337" spans="8:8">
      <c r="H635337" s="12"/>
    </row>
    <row r="635338" spans="8:8">
      <c r="H635338" s="12"/>
    </row>
    <row r="635339" spans="8:8">
      <c r="H635339" s="12"/>
    </row>
    <row r="635340" spans="8:8">
      <c r="H635340" s="12"/>
    </row>
    <row r="635341" spans="8:8">
      <c r="H635341" s="12"/>
    </row>
    <row r="635342" spans="8:8">
      <c r="H635342" s="12"/>
    </row>
    <row r="635343" spans="8:8">
      <c r="H635343" s="12"/>
    </row>
    <row r="635344" spans="8:8">
      <c r="H635344" s="12"/>
    </row>
    <row r="635345" spans="8:8">
      <c r="H635345" s="12"/>
    </row>
    <row r="635346" spans="8:8">
      <c r="H635346" s="12"/>
    </row>
    <row r="635347" spans="8:8">
      <c r="H635347" s="12"/>
    </row>
    <row r="635348" spans="8:8">
      <c r="H635348" s="12"/>
    </row>
    <row r="635349" spans="8:8">
      <c r="H635349" s="12"/>
    </row>
    <row r="635350" spans="8:8">
      <c r="H635350" s="12"/>
    </row>
    <row r="635351" spans="8:8">
      <c r="H635351" s="12"/>
    </row>
    <row r="635352" spans="8:8">
      <c r="H635352" s="12"/>
    </row>
    <row r="635353" spans="8:8">
      <c r="H635353" s="12"/>
    </row>
    <row r="635354" spans="8:8">
      <c r="H635354" s="12"/>
    </row>
    <row r="635355" spans="8:8">
      <c r="H635355" s="12"/>
    </row>
    <row r="635356" spans="8:8">
      <c r="H635356" s="12"/>
    </row>
    <row r="635357" spans="8:8">
      <c r="H635357" s="12"/>
    </row>
    <row r="635358" spans="8:8">
      <c r="H635358" s="12"/>
    </row>
    <row r="635359" spans="8:8">
      <c r="H635359" s="12"/>
    </row>
    <row r="635360" spans="8:8">
      <c r="H635360" s="12"/>
    </row>
    <row r="635361" spans="8:8">
      <c r="H635361" s="12"/>
    </row>
    <row r="635362" spans="8:8">
      <c r="H635362" s="12"/>
    </row>
    <row r="635363" spans="8:8">
      <c r="H635363" s="12"/>
    </row>
    <row r="635364" spans="8:8">
      <c r="H635364" s="12"/>
    </row>
    <row r="635365" spans="8:8">
      <c r="H635365" s="12"/>
    </row>
    <row r="635366" spans="8:8">
      <c r="H635366" s="12"/>
    </row>
    <row r="635367" spans="8:8">
      <c r="H635367" s="12"/>
    </row>
    <row r="635368" spans="8:8">
      <c r="H635368" s="12"/>
    </row>
    <row r="635369" spans="8:8">
      <c r="H635369" s="12"/>
    </row>
    <row r="635370" spans="8:8">
      <c r="H635370" s="12"/>
    </row>
    <row r="635371" spans="8:8">
      <c r="H635371" s="12"/>
    </row>
    <row r="635372" spans="8:8">
      <c r="H635372" s="12"/>
    </row>
    <row r="635373" spans="8:8">
      <c r="H635373" s="12"/>
    </row>
    <row r="635374" spans="8:8">
      <c r="H635374" s="12"/>
    </row>
    <row r="635375" spans="8:8">
      <c r="H635375" s="12"/>
    </row>
    <row r="635376" spans="8:8">
      <c r="H635376" s="12"/>
    </row>
    <row r="635377" spans="8:8">
      <c r="H635377" s="12"/>
    </row>
    <row r="635378" spans="8:8">
      <c r="H635378" s="12"/>
    </row>
    <row r="635379" spans="8:8">
      <c r="H635379" s="12"/>
    </row>
    <row r="635380" spans="8:8">
      <c r="H635380" s="12"/>
    </row>
    <row r="635381" spans="8:8">
      <c r="H635381" s="12"/>
    </row>
    <row r="635382" spans="8:8">
      <c r="H635382" s="12"/>
    </row>
    <row r="635383" spans="8:8">
      <c r="H635383" s="12"/>
    </row>
    <row r="635384" spans="8:8">
      <c r="H635384" s="12"/>
    </row>
    <row r="635385" spans="8:8">
      <c r="H635385" s="12"/>
    </row>
    <row r="635386" spans="8:8">
      <c r="H635386" s="12"/>
    </row>
    <row r="635387" spans="8:8">
      <c r="H635387" s="12"/>
    </row>
    <row r="635388" spans="8:8">
      <c r="H635388" s="12"/>
    </row>
    <row r="635389" spans="8:8">
      <c r="H635389" s="12"/>
    </row>
    <row r="635390" spans="8:8">
      <c r="H635390" s="12"/>
    </row>
    <row r="635391" spans="8:8">
      <c r="H635391" s="12"/>
    </row>
    <row r="635392" spans="8:8">
      <c r="H635392" s="12"/>
    </row>
    <row r="635393" spans="8:8">
      <c r="H635393" s="12"/>
    </row>
    <row r="635394" spans="8:8">
      <c r="H635394" s="12"/>
    </row>
    <row r="635395" spans="8:8">
      <c r="H635395" s="12"/>
    </row>
    <row r="635396" spans="8:8">
      <c r="H635396" s="12"/>
    </row>
    <row r="635397" spans="8:8">
      <c r="H635397" s="12"/>
    </row>
    <row r="635398" spans="8:8">
      <c r="H635398" s="12"/>
    </row>
    <row r="635399" spans="8:8">
      <c r="H635399" s="12"/>
    </row>
    <row r="635400" spans="8:8">
      <c r="H635400" s="12"/>
    </row>
    <row r="635401" spans="8:8">
      <c r="H635401" s="12"/>
    </row>
    <row r="635402" spans="8:8">
      <c r="H635402" s="12"/>
    </row>
    <row r="635403" spans="8:8">
      <c r="H635403" s="12"/>
    </row>
    <row r="635404" spans="8:8">
      <c r="H635404" s="12"/>
    </row>
    <row r="635405" spans="8:8">
      <c r="H635405" s="12"/>
    </row>
    <row r="635406" spans="8:8">
      <c r="H635406" s="12"/>
    </row>
    <row r="635407" spans="8:8">
      <c r="H635407" s="12"/>
    </row>
    <row r="635408" spans="8:8">
      <c r="H635408" s="12"/>
    </row>
    <row r="635409" spans="8:8">
      <c r="H635409" s="12"/>
    </row>
    <row r="635410" spans="8:8">
      <c r="H635410" s="12"/>
    </row>
    <row r="635411" spans="8:8">
      <c r="H635411" s="12"/>
    </row>
    <row r="635412" spans="8:8">
      <c r="H635412" s="12"/>
    </row>
    <row r="635413" spans="8:8">
      <c r="H635413" s="12"/>
    </row>
    <row r="635414" spans="8:8">
      <c r="H635414" s="12"/>
    </row>
    <row r="635415" spans="8:8">
      <c r="H635415" s="12"/>
    </row>
    <row r="635416" spans="8:8">
      <c r="H635416" s="12"/>
    </row>
    <row r="635417" spans="8:8">
      <c r="H635417" s="12"/>
    </row>
    <row r="635418" spans="8:8">
      <c r="H635418" s="12"/>
    </row>
    <row r="635419" spans="8:8">
      <c r="H635419" s="12"/>
    </row>
    <row r="635420" spans="8:8">
      <c r="H635420" s="12"/>
    </row>
    <row r="635421" spans="8:8">
      <c r="H635421" s="12"/>
    </row>
    <row r="635422" spans="8:8">
      <c r="H635422" s="12"/>
    </row>
    <row r="635423" spans="8:8">
      <c r="H635423" s="12"/>
    </row>
    <row r="635424" spans="8:8">
      <c r="H635424" s="12"/>
    </row>
    <row r="635425" spans="8:8">
      <c r="H635425" s="12"/>
    </row>
    <row r="635426" spans="8:8">
      <c r="H635426" s="12"/>
    </row>
    <row r="635427" spans="8:8">
      <c r="H635427" s="12"/>
    </row>
    <row r="635428" spans="8:8">
      <c r="H635428" s="12"/>
    </row>
    <row r="635429" spans="8:8">
      <c r="H635429" s="12"/>
    </row>
    <row r="635430" spans="8:8">
      <c r="H635430" s="12"/>
    </row>
    <row r="635431" spans="8:8">
      <c r="H635431" s="12"/>
    </row>
    <row r="635432" spans="8:8">
      <c r="H635432" s="12"/>
    </row>
    <row r="635433" spans="8:8">
      <c r="H635433" s="12"/>
    </row>
    <row r="635434" spans="8:8">
      <c r="H635434" s="12"/>
    </row>
    <row r="635435" spans="8:8">
      <c r="H635435" s="12"/>
    </row>
    <row r="635436" spans="8:8">
      <c r="H635436" s="12"/>
    </row>
    <row r="635437" spans="8:8">
      <c r="H635437" s="12"/>
    </row>
    <row r="635438" spans="8:8">
      <c r="H635438" s="12"/>
    </row>
    <row r="635439" spans="8:8">
      <c r="H635439" s="12"/>
    </row>
    <row r="635440" spans="8:8">
      <c r="H635440" s="12"/>
    </row>
    <row r="635441" spans="8:8">
      <c r="H635441" s="12"/>
    </row>
    <row r="635442" spans="8:8">
      <c r="H635442" s="12"/>
    </row>
    <row r="635443" spans="8:8">
      <c r="H635443" s="12"/>
    </row>
    <row r="635444" spans="8:8">
      <c r="H635444" s="12"/>
    </row>
    <row r="635445" spans="8:8">
      <c r="H635445" s="12"/>
    </row>
    <row r="635446" spans="8:8">
      <c r="H635446" s="12"/>
    </row>
    <row r="635447" spans="8:8">
      <c r="H635447" s="12"/>
    </row>
    <row r="635448" spans="8:8">
      <c r="H635448" s="12"/>
    </row>
    <row r="635449" spans="8:8">
      <c r="H635449" s="12"/>
    </row>
    <row r="635450" spans="8:8">
      <c r="H635450" s="12"/>
    </row>
    <row r="635451" spans="8:8">
      <c r="H635451" s="12"/>
    </row>
    <row r="635452" spans="8:8">
      <c r="H635452" s="12"/>
    </row>
    <row r="635453" spans="8:8">
      <c r="H635453" s="12"/>
    </row>
    <row r="635454" spans="8:8">
      <c r="H635454" s="12"/>
    </row>
    <row r="635455" spans="8:8">
      <c r="H635455" s="12"/>
    </row>
    <row r="635456" spans="8:8">
      <c r="H635456" s="12"/>
    </row>
    <row r="635457" spans="8:8">
      <c r="H635457" s="12"/>
    </row>
    <row r="635458" spans="8:8">
      <c r="H635458" s="12"/>
    </row>
    <row r="635459" spans="8:8">
      <c r="H635459" s="12"/>
    </row>
    <row r="635460" spans="8:8">
      <c r="H635460" s="12"/>
    </row>
    <row r="635461" spans="8:8">
      <c r="H635461" s="12"/>
    </row>
    <row r="635462" spans="8:8">
      <c r="H635462" s="12"/>
    </row>
    <row r="635463" spans="8:8">
      <c r="H635463" s="12"/>
    </row>
    <row r="635464" spans="8:8">
      <c r="H635464" s="12"/>
    </row>
    <row r="635465" spans="8:8">
      <c r="H635465" s="12"/>
    </row>
    <row r="635466" spans="8:8">
      <c r="H635466" s="12"/>
    </row>
    <row r="635467" spans="8:8">
      <c r="H635467" s="12"/>
    </row>
    <row r="635468" spans="8:8">
      <c r="H635468" s="12"/>
    </row>
    <row r="635469" spans="8:8">
      <c r="H635469" s="12"/>
    </row>
    <row r="635470" spans="8:8">
      <c r="H635470" s="12"/>
    </row>
    <row r="635471" spans="8:8">
      <c r="H635471" s="12"/>
    </row>
    <row r="635472" spans="8:8">
      <c r="H635472" s="12"/>
    </row>
    <row r="635473" spans="8:8">
      <c r="H635473" s="12"/>
    </row>
    <row r="635474" spans="8:8">
      <c r="H635474" s="12"/>
    </row>
    <row r="635475" spans="8:8">
      <c r="H635475" s="12"/>
    </row>
    <row r="635476" spans="8:8">
      <c r="H635476" s="12"/>
    </row>
    <row r="635477" spans="8:8">
      <c r="H635477" s="12"/>
    </row>
    <row r="635478" spans="8:8">
      <c r="H635478" s="12"/>
    </row>
    <row r="635479" spans="8:8">
      <c r="H635479" s="12"/>
    </row>
    <row r="635480" spans="8:8">
      <c r="H635480" s="12"/>
    </row>
    <row r="635481" spans="8:8">
      <c r="H635481" s="12"/>
    </row>
    <row r="635482" spans="8:8">
      <c r="H635482" s="12"/>
    </row>
    <row r="635483" spans="8:8">
      <c r="H635483" s="12"/>
    </row>
    <row r="635484" spans="8:8">
      <c r="H635484" s="12"/>
    </row>
    <row r="635485" spans="8:8">
      <c r="H635485" s="12"/>
    </row>
    <row r="635486" spans="8:8">
      <c r="H635486" s="12"/>
    </row>
    <row r="635487" spans="8:8">
      <c r="H635487" s="12"/>
    </row>
    <row r="635488" spans="8:8">
      <c r="H635488" s="12"/>
    </row>
    <row r="635489" spans="8:8">
      <c r="H635489" s="12"/>
    </row>
    <row r="635490" spans="8:8">
      <c r="H635490" s="12"/>
    </row>
    <row r="635491" spans="8:8">
      <c r="H635491" s="12"/>
    </row>
    <row r="635492" spans="8:8">
      <c r="H635492" s="12"/>
    </row>
    <row r="635493" spans="8:8">
      <c r="H635493" s="12"/>
    </row>
    <row r="635494" spans="8:8">
      <c r="H635494" s="12"/>
    </row>
    <row r="635495" spans="8:8">
      <c r="H635495" s="12"/>
    </row>
    <row r="635496" spans="8:8">
      <c r="H635496" s="12"/>
    </row>
    <row r="635497" spans="8:8">
      <c r="H635497" s="12"/>
    </row>
    <row r="635498" spans="8:8">
      <c r="H635498" s="12"/>
    </row>
    <row r="635499" spans="8:8">
      <c r="H635499" s="12"/>
    </row>
    <row r="635500" spans="8:8">
      <c r="H635500" s="12"/>
    </row>
    <row r="635501" spans="8:8">
      <c r="H635501" s="12"/>
    </row>
    <row r="635502" spans="8:8">
      <c r="H635502" s="12"/>
    </row>
    <row r="635503" spans="8:8">
      <c r="H635503" s="12"/>
    </row>
    <row r="635504" spans="8:8">
      <c r="H635504" s="12"/>
    </row>
    <row r="635505" spans="8:8">
      <c r="H635505" s="12"/>
    </row>
    <row r="635506" spans="8:8">
      <c r="H635506" s="12"/>
    </row>
    <row r="635507" spans="8:8">
      <c r="H635507" s="12"/>
    </row>
    <row r="635508" spans="8:8">
      <c r="H635508" s="12"/>
    </row>
    <row r="635509" spans="8:8">
      <c r="H635509" s="12"/>
    </row>
    <row r="635510" spans="8:8">
      <c r="H635510" s="12"/>
    </row>
    <row r="635511" spans="8:8">
      <c r="H635511" s="12"/>
    </row>
    <row r="635512" spans="8:8">
      <c r="H635512" s="12"/>
    </row>
    <row r="635513" spans="8:8">
      <c r="H635513" s="12"/>
    </row>
    <row r="635514" spans="8:8">
      <c r="H635514" s="12"/>
    </row>
    <row r="635515" spans="8:8">
      <c r="H635515" s="12"/>
    </row>
    <row r="635516" spans="8:8">
      <c r="H635516" s="12"/>
    </row>
    <row r="635517" spans="8:8">
      <c r="H635517" s="12"/>
    </row>
    <row r="635518" spans="8:8">
      <c r="H635518" s="12"/>
    </row>
    <row r="635519" spans="8:8">
      <c r="H635519" s="12"/>
    </row>
    <row r="635520" spans="8:8">
      <c r="H635520" s="12"/>
    </row>
    <row r="635521" spans="8:8">
      <c r="H635521" s="12"/>
    </row>
    <row r="635522" spans="8:8">
      <c r="H635522" s="12"/>
    </row>
    <row r="635523" spans="8:8">
      <c r="H635523" s="12"/>
    </row>
    <row r="635524" spans="8:8">
      <c r="H635524" s="12"/>
    </row>
    <row r="635525" spans="8:8">
      <c r="H635525" s="12"/>
    </row>
    <row r="635526" spans="8:8">
      <c r="H635526" s="12"/>
    </row>
    <row r="635527" spans="8:8">
      <c r="H635527" s="12"/>
    </row>
    <row r="635528" spans="8:8">
      <c r="H635528" s="12"/>
    </row>
    <row r="635529" spans="8:8">
      <c r="H635529" s="12"/>
    </row>
    <row r="635530" spans="8:8">
      <c r="H635530" s="12"/>
    </row>
    <row r="635531" spans="8:8">
      <c r="H635531" s="12"/>
    </row>
    <row r="635532" spans="8:8">
      <c r="H635532" s="12"/>
    </row>
    <row r="635533" spans="8:8">
      <c r="H635533" s="12"/>
    </row>
    <row r="635534" spans="8:8">
      <c r="H635534" s="12"/>
    </row>
    <row r="635535" spans="8:8">
      <c r="H635535" s="12"/>
    </row>
    <row r="635536" spans="8:8">
      <c r="H635536" s="12"/>
    </row>
    <row r="635537" spans="8:8">
      <c r="H635537" s="12"/>
    </row>
    <row r="635538" spans="8:8">
      <c r="H635538" s="12"/>
    </row>
    <row r="635539" spans="8:8">
      <c r="H635539" s="12"/>
    </row>
    <row r="635540" spans="8:8">
      <c r="H635540" s="12"/>
    </row>
    <row r="635541" spans="8:8">
      <c r="H635541" s="12"/>
    </row>
    <row r="635542" spans="8:8">
      <c r="H635542" s="12"/>
    </row>
    <row r="635543" spans="8:8">
      <c r="H635543" s="12"/>
    </row>
    <row r="635544" spans="8:8">
      <c r="H635544" s="12"/>
    </row>
    <row r="635545" spans="8:8">
      <c r="H635545" s="12"/>
    </row>
    <row r="635546" spans="8:8">
      <c r="H635546" s="12"/>
    </row>
    <row r="635547" spans="8:8">
      <c r="H635547" s="12"/>
    </row>
    <row r="635548" spans="8:8">
      <c r="H635548" s="12"/>
    </row>
    <row r="635549" spans="8:8">
      <c r="H635549" s="12"/>
    </row>
    <row r="635550" spans="8:8">
      <c r="H635550" s="12"/>
    </row>
    <row r="635551" spans="8:8">
      <c r="H635551" s="12"/>
    </row>
    <row r="635552" spans="8:8">
      <c r="H635552" s="12"/>
    </row>
    <row r="635553" spans="8:8">
      <c r="H635553" s="12"/>
    </row>
    <row r="635554" spans="8:8">
      <c r="H635554" s="12"/>
    </row>
    <row r="635555" spans="8:8">
      <c r="H635555" s="12"/>
    </row>
    <row r="635556" spans="8:8">
      <c r="H635556" s="12"/>
    </row>
    <row r="635557" spans="8:8">
      <c r="H635557" s="12"/>
    </row>
    <row r="635558" spans="8:8">
      <c r="H635558" s="12"/>
    </row>
    <row r="635559" spans="8:8">
      <c r="H635559" s="12"/>
    </row>
    <row r="635560" spans="8:8">
      <c r="H635560" s="12"/>
    </row>
    <row r="635561" spans="8:8">
      <c r="H635561" s="12"/>
    </row>
    <row r="635562" spans="8:8">
      <c r="H635562" s="12"/>
    </row>
    <row r="635563" spans="8:8">
      <c r="H635563" s="12"/>
    </row>
    <row r="635564" spans="8:8">
      <c r="H635564" s="12"/>
    </row>
    <row r="635565" spans="8:8">
      <c r="H635565" s="12"/>
    </row>
    <row r="635566" spans="8:8">
      <c r="H635566" s="12"/>
    </row>
    <row r="635567" spans="8:8">
      <c r="H635567" s="12"/>
    </row>
    <row r="635568" spans="8:8">
      <c r="H635568" s="12"/>
    </row>
    <row r="635569" spans="8:8">
      <c r="H635569" s="12"/>
    </row>
    <row r="635570" spans="8:8">
      <c r="H635570" s="12"/>
    </row>
    <row r="635571" spans="8:8">
      <c r="H635571" s="12"/>
    </row>
    <row r="635572" spans="8:8">
      <c r="H635572" s="12"/>
    </row>
    <row r="635573" spans="8:8">
      <c r="H635573" s="12"/>
    </row>
    <row r="635574" spans="8:8">
      <c r="H635574" s="12"/>
    </row>
    <row r="635575" spans="8:8">
      <c r="H635575" s="12"/>
    </row>
    <row r="635576" spans="8:8">
      <c r="H635576" s="12"/>
    </row>
    <row r="635577" spans="8:8">
      <c r="H635577" s="12"/>
    </row>
    <row r="635578" spans="8:8">
      <c r="H635578" s="12"/>
    </row>
    <row r="635579" spans="8:8">
      <c r="H635579" s="12"/>
    </row>
    <row r="635580" spans="8:8">
      <c r="H635580" s="12"/>
    </row>
    <row r="635581" spans="8:8">
      <c r="H635581" s="12"/>
    </row>
    <row r="635582" spans="8:8">
      <c r="H635582" s="12"/>
    </row>
    <row r="635583" spans="8:8">
      <c r="H635583" s="12"/>
    </row>
    <row r="635584" spans="8:8">
      <c r="H635584" s="12"/>
    </row>
    <row r="635585" spans="8:8">
      <c r="H635585" s="12"/>
    </row>
    <row r="635586" spans="8:8">
      <c r="H635586" s="12"/>
    </row>
    <row r="635587" spans="8:8">
      <c r="H635587" s="12"/>
    </row>
    <row r="635588" spans="8:8">
      <c r="H635588" s="12"/>
    </row>
    <row r="635589" spans="8:8">
      <c r="H635589" s="12"/>
    </row>
    <row r="635590" spans="8:8">
      <c r="H635590" s="12"/>
    </row>
    <row r="635591" spans="8:8">
      <c r="H635591" s="12"/>
    </row>
    <row r="635592" spans="8:8">
      <c r="H635592" s="12"/>
    </row>
    <row r="635593" spans="8:8">
      <c r="H635593" s="12"/>
    </row>
    <row r="635594" spans="8:8">
      <c r="H635594" s="12"/>
    </row>
    <row r="635595" spans="8:8">
      <c r="H635595" s="12"/>
    </row>
    <row r="635596" spans="8:8">
      <c r="H635596" s="12"/>
    </row>
    <row r="635597" spans="8:8">
      <c r="H635597" s="12"/>
    </row>
    <row r="635598" spans="8:8">
      <c r="H635598" s="12"/>
    </row>
    <row r="635599" spans="8:8">
      <c r="H635599" s="12"/>
    </row>
    <row r="635600" spans="8:8">
      <c r="H635600" s="12"/>
    </row>
    <row r="635601" spans="8:8">
      <c r="H635601" s="12"/>
    </row>
    <row r="635602" spans="8:8">
      <c r="H635602" s="12"/>
    </row>
    <row r="635603" spans="8:8">
      <c r="H635603" s="12"/>
    </row>
    <row r="635604" spans="8:8">
      <c r="H635604" s="12"/>
    </row>
    <row r="635605" spans="8:8">
      <c r="H635605" s="12"/>
    </row>
    <row r="635606" spans="8:8">
      <c r="H635606" s="12"/>
    </row>
    <row r="635607" spans="8:8">
      <c r="H635607" s="12"/>
    </row>
    <row r="635608" spans="8:8">
      <c r="H635608" s="12"/>
    </row>
    <row r="635609" spans="8:8">
      <c r="H635609" s="12"/>
    </row>
    <row r="635610" spans="8:8">
      <c r="H635610" s="12"/>
    </row>
    <row r="635611" spans="8:8">
      <c r="H635611" s="12"/>
    </row>
    <row r="635612" spans="8:8">
      <c r="H635612" s="12"/>
    </row>
    <row r="635613" spans="8:8">
      <c r="H635613" s="12"/>
    </row>
    <row r="635614" spans="8:8">
      <c r="H635614" s="12"/>
    </row>
    <row r="635615" spans="8:8">
      <c r="H635615" s="12"/>
    </row>
    <row r="635616" spans="8:8">
      <c r="H635616" s="12"/>
    </row>
    <row r="635617" spans="8:8">
      <c r="H635617" s="12"/>
    </row>
    <row r="635618" spans="8:8">
      <c r="H635618" s="12"/>
    </row>
    <row r="635619" spans="8:8">
      <c r="H635619" s="12"/>
    </row>
    <row r="635620" spans="8:8">
      <c r="H635620" s="12"/>
    </row>
    <row r="635621" spans="8:8">
      <c r="H635621" s="12"/>
    </row>
    <row r="635622" spans="8:8">
      <c r="H635622" s="12"/>
    </row>
    <row r="635623" spans="8:8">
      <c r="H635623" s="12"/>
    </row>
    <row r="635624" spans="8:8">
      <c r="H635624" s="12"/>
    </row>
    <row r="635625" spans="8:8">
      <c r="H635625" s="12"/>
    </row>
    <row r="635626" spans="8:8">
      <c r="H635626" s="12"/>
    </row>
    <row r="635627" spans="8:8">
      <c r="H635627" s="12"/>
    </row>
    <row r="635628" spans="8:8">
      <c r="H635628" s="12"/>
    </row>
    <row r="635629" spans="8:8">
      <c r="H635629" s="12"/>
    </row>
    <row r="635630" spans="8:8">
      <c r="H635630" s="12"/>
    </row>
    <row r="635631" spans="8:8">
      <c r="H635631" s="12"/>
    </row>
    <row r="635632" spans="8:8">
      <c r="H635632" s="12"/>
    </row>
    <row r="635633" spans="8:8">
      <c r="H635633" s="12"/>
    </row>
    <row r="635634" spans="8:8">
      <c r="H635634" s="12"/>
    </row>
    <row r="635635" spans="8:8">
      <c r="H635635" s="12"/>
    </row>
    <row r="635636" spans="8:8">
      <c r="H635636" s="12"/>
    </row>
    <row r="635637" spans="8:8">
      <c r="H635637" s="12"/>
    </row>
    <row r="635638" spans="8:8">
      <c r="H635638" s="12"/>
    </row>
    <row r="635639" spans="8:8">
      <c r="H635639" s="12"/>
    </row>
    <row r="635640" spans="8:8">
      <c r="H635640" s="12"/>
    </row>
    <row r="635641" spans="8:8">
      <c r="H635641" s="12"/>
    </row>
    <row r="635642" spans="8:8">
      <c r="H635642" s="12"/>
    </row>
    <row r="635643" spans="8:8">
      <c r="H635643" s="12"/>
    </row>
    <row r="635644" spans="8:8">
      <c r="H635644" s="12"/>
    </row>
    <row r="635645" spans="8:8">
      <c r="H635645" s="12"/>
    </row>
    <row r="635646" spans="8:8">
      <c r="H635646" s="12"/>
    </row>
    <row r="635647" spans="8:8">
      <c r="H635647" s="12"/>
    </row>
    <row r="635648" spans="8:8">
      <c r="H635648" s="12"/>
    </row>
    <row r="635649" spans="8:8">
      <c r="H635649" s="12"/>
    </row>
    <row r="635650" spans="8:8">
      <c r="H635650" s="12"/>
    </row>
    <row r="635651" spans="8:8">
      <c r="H635651" s="12"/>
    </row>
    <row r="635652" spans="8:8">
      <c r="H635652" s="12"/>
    </row>
    <row r="635653" spans="8:8">
      <c r="H635653" s="12"/>
    </row>
    <row r="635654" spans="8:8">
      <c r="H635654" s="12"/>
    </row>
    <row r="635655" spans="8:8">
      <c r="H635655" s="12"/>
    </row>
    <row r="635656" spans="8:8">
      <c r="H635656" s="12"/>
    </row>
    <row r="635657" spans="8:8">
      <c r="H635657" s="12"/>
    </row>
    <row r="635658" spans="8:8">
      <c r="H635658" s="12"/>
    </row>
    <row r="635659" spans="8:8">
      <c r="H635659" s="12"/>
    </row>
    <row r="635660" spans="8:8">
      <c r="H635660" s="12"/>
    </row>
    <row r="635661" spans="8:8">
      <c r="H635661" s="12"/>
    </row>
    <row r="635662" spans="8:8">
      <c r="H635662" s="12"/>
    </row>
    <row r="635663" spans="8:8">
      <c r="H635663" s="12"/>
    </row>
    <row r="635664" spans="8:8">
      <c r="H635664" s="12"/>
    </row>
    <row r="635665" spans="8:8">
      <c r="H635665" s="12"/>
    </row>
    <row r="635666" spans="8:8">
      <c r="H635666" s="12"/>
    </row>
    <row r="635667" spans="8:8">
      <c r="H635667" s="12"/>
    </row>
    <row r="635668" spans="8:8">
      <c r="H635668" s="12"/>
    </row>
    <row r="635669" spans="8:8">
      <c r="H635669" s="12"/>
    </row>
    <row r="635670" spans="8:8">
      <c r="H635670" s="12"/>
    </row>
    <row r="635671" spans="8:8">
      <c r="H635671" s="12"/>
    </row>
    <row r="635672" spans="8:8">
      <c r="H635672" s="12"/>
    </row>
    <row r="635673" spans="8:8">
      <c r="H635673" s="12"/>
    </row>
    <row r="635674" spans="8:8">
      <c r="H635674" s="12"/>
    </row>
    <row r="635675" spans="8:8">
      <c r="H635675" s="12"/>
    </row>
    <row r="635676" spans="8:8">
      <c r="H635676" s="12"/>
    </row>
    <row r="635677" spans="8:8">
      <c r="H635677" s="12"/>
    </row>
    <row r="635678" spans="8:8">
      <c r="H635678" s="12"/>
    </row>
    <row r="635679" spans="8:8">
      <c r="H635679" s="12"/>
    </row>
    <row r="635680" spans="8:8">
      <c r="H635680" s="12"/>
    </row>
    <row r="635681" spans="8:8">
      <c r="H635681" s="12"/>
    </row>
    <row r="635682" spans="8:8">
      <c r="H635682" s="12"/>
    </row>
    <row r="635683" spans="8:8">
      <c r="H635683" s="12"/>
    </row>
    <row r="635684" spans="8:8">
      <c r="H635684" s="12"/>
    </row>
    <row r="635685" spans="8:8">
      <c r="H635685" s="12"/>
    </row>
    <row r="635686" spans="8:8">
      <c r="H635686" s="12"/>
    </row>
    <row r="635687" spans="8:8">
      <c r="H635687" s="12"/>
    </row>
    <row r="635688" spans="8:8">
      <c r="H635688" s="12"/>
    </row>
    <row r="635689" spans="8:8">
      <c r="H635689" s="12"/>
    </row>
    <row r="635690" spans="8:8">
      <c r="H635690" s="12"/>
    </row>
    <row r="635691" spans="8:8">
      <c r="H635691" s="12"/>
    </row>
    <row r="635692" spans="8:8">
      <c r="H635692" s="12"/>
    </row>
    <row r="635693" spans="8:8">
      <c r="H635693" s="12"/>
    </row>
    <row r="635694" spans="8:8">
      <c r="H635694" s="12"/>
    </row>
    <row r="635695" spans="8:8">
      <c r="H635695" s="12"/>
    </row>
    <row r="635696" spans="8:8">
      <c r="H635696" s="12"/>
    </row>
    <row r="635697" spans="8:8">
      <c r="H635697" s="12"/>
    </row>
    <row r="635698" spans="8:8">
      <c r="H635698" s="12"/>
    </row>
    <row r="635699" spans="8:8">
      <c r="H635699" s="12"/>
    </row>
    <row r="635700" spans="8:8">
      <c r="H635700" s="12"/>
    </row>
    <row r="635701" spans="8:8">
      <c r="H635701" s="12"/>
    </row>
    <row r="635702" spans="8:8">
      <c r="H635702" s="12"/>
    </row>
    <row r="635703" spans="8:8">
      <c r="H635703" s="12"/>
    </row>
    <row r="635704" spans="8:8">
      <c r="H635704" s="12"/>
    </row>
    <row r="635705" spans="8:8">
      <c r="H635705" s="12"/>
    </row>
    <row r="635706" spans="8:8">
      <c r="H635706" s="12"/>
    </row>
    <row r="635707" spans="8:8">
      <c r="H635707" s="12"/>
    </row>
    <row r="635708" spans="8:8">
      <c r="H635708" s="12"/>
    </row>
    <row r="635709" spans="8:8">
      <c r="H635709" s="12"/>
    </row>
    <row r="635710" spans="8:8">
      <c r="H635710" s="12"/>
    </row>
    <row r="635711" spans="8:8">
      <c r="H635711" s="12"/>
    </row>
    <row r="635712" spans="8:8">
      <c r="H635712" s="12"/>
    </row>
    <row r="635713" spans="8:8">
      <c r="H635713" s="12"/>
    </row>
    <row r="635714" spans="8:8">
      <c r="H635714" s="12"/>
    </row>
    <row r="635715" spans="8:8">
      <c r="H635715" s="12"/>
    </row>
    <row r="635716" spans="8:8">
      <c r="H635716" s="12"/>
    </row>
    <row r="635717" spans="8:8">
      <c r="H635717" s="12"/>
    </row>
    <row r="635718" spans="8:8">
      <c r="H635718" s="12"/>
    </row>
    <row r="635719" spans="8:8">
      <c r="H635719" s="12"/>
    </row>
    <row r="635720" spans="8:8">
      <c r="H635720" s="12"/>
    </row>
    <row r="635721" spans="8:8">
      <c r="H635721" s="12"/>
    </row>
    <row r="635722" spans="8:8">
      <c r="H635722" s="12"/>
    </row>
    <row r="635723" spans="8:8">
      <c r="H635723" s="12"/>
    </row>
    <row r="635724" spans="8:8">
      <c r="H635724" s="12"/>
    </row>
    <row r="635725" spans="8:8">
      <c r="H635725" s="12"/>
    </row>
    <row r="635726" spans="8:8">
      <c r="H635726" s="12"/>
    </row>
    <row r="635727" spans="8:8">
      <c r="H635727" s="12"/>
    </row>
    <row r="635728" spans="8:8">
      <c r="H635728" s="12"/>
    </row>
    <row r="635729" spans="8:8">
      <c r="H635729" s="12"/>
    </row>
    <row r="635730" spans="8:8">
      <c r="H635730" s="12"/>
    </row>
    <row r="635731" spans="8:8">
      <c r="H635731" s="12"/>
    </row>
    <row r="635732" spans="8:8">
      <c r="H635732" s="12"/>
    </row>
    <row r="635733" spans="8:8">
      <c r="H635733" s="12"/>
    </row>
    <row r="635734" spans="8:8">
      <c r="H635734" s="12"/>
    </row>
    <row r="635735" spans="8:8">
      <c r="H635735" s="12"/>
    </row>
    <row r="635736" spans="8:8">
      <c r="H635736" s="12"/>
    </row>
    <row r="635737" spans="8:8">
      <c r="H635737" s="12"/>
    </row>
    <row r="635738" spans="8:8">
      <c r="H635738" s="12"/>
    </row>
    <row r="635739" spans="8:8">
      <c r="H635739" s="12"/>
    </row>
    <row r="635740" spans="8:8">
      <c r="H635740" s="12"/>
    </row>
    <row r="635741" spans="8:8">
      <c r="H635741" s="12"/>
    </row>
    <row r="635742" spans="8:8">
      <c r="H635742" s="12"/>
    </row>
    <row r="635743" spans="8:8">
      <c r="H635743" s="12"/>
    </row>
    <row r="635744" spans="8:8">
      <c r="H635744" s="12"/>
    </row>
    <row r="635745" spans="8:8">
      <c r="H635745" s="12"/>
    </row>
    <row r="635746" spans="8:8">
      <c r="H635746" s="12"/>
    </row>
    <row r="635747" spans="8:8">
      <c r="H635747" s="12"/>
    </row>
    <row r="635748" spans="8:8">
      <c r="H635748" s="12"/>
    </row>
    <row r="635749" spans="8:8">
      <c r="H635749" s="12"/>
    </row>
    <row r="635750" spans="8:8">
      <c r="H635750" s="12"/>
    </row>
    <row r="635751" spans="8:8">
      <c r="H635751" s="12"/>
    </row>
    <row r="635752" spans="8:8">
      <c r="H635752" s="12"/>
    </row>
    <row r="635753" spans="8:8">
      <c r="H635753" s="12"/>
    </row>
    <row r="635754" spans="8:8">
      <c r="H635754" s="12"/>
    </row>
    <row r="635755" spans="8:8">
      <c r="H635755" s="12"/>
    </row>
    <row r="635756" spans="8:8">
      <c r="H635756" s="12"/>
    </row>
    <row r="635757" spans="8:8">
      <c r="H635757" s="12"/>
    </row>
    <row r="635758" spans="8:8">
      <c r="H635758" s="12"/>
    </row>
    <row r="635759" spans="8:8">
      <c r="H635759" s="12"/>
    </row>
    <row r="635760" spans="8:8">
      <c r="H635760" s="12"/>
    </row>
    <row r="635761" spans="8:8">
      <c r="H635761" s="12"/>
    </row>
    <row r="635762" spans="8:8">
      <c r="H635762" s="12"/>
    </row>
    <row r="635763" spans="8:8">
      <c r="H635763" s="12"/>
    </row>
    <row r="635764" spans="8:8">
      <c r="H635764" s="12"/>
    </row>
    <row r="635765" spans="8:8">
      <c r="H635765" s="12"/>
    </row>
    <row r="635766" spans="8:8">
      <c r="H635766" s="12"/>
    </row>
    <row r="635767" spans="8:8">
      <c r="H635767" s="12"/>
    </row>
    <row r="635768" spans="8:8">
      <c r="H635768" s="12"/>
    </row>
    <row r="635769" spans="8:8">
      <c r="H635769" s="12"/>
    </row>
    <row r="635770" spans="8:8">
      <c r="H635770" s="12"/>
    </row>
    <row r="635771" spans="8:8">
      <c r="H635771" s="12"/>
    </row>
    <row r="635772" spans="8:8">
      <c r="H635772" s="12"/>
    </row>
    <row r="635773" spans="8:8">
      <c r="H635773" s="12"/>
    </row>
    <row r="635774" spans="8:8">
      <c r="H635774" s="12"/>
    </row>
    <row r="635775" spans="8:8">
      <c r="H635775" s="12"/>
    </row>
    <row r="635776" spans="8:8">
      <c r="H635776" s="12"/>
    </row>
    <row r="635777" spans="8:8">
      <c r="H635777" s="12"/>
    </row>
    <row r="635778" spans="8:8">
      <c r="H635778" s="12"/>
    </row>
    <row r="635779" spans="8:8">
      <c r="H635779" s="12"/>
    </row>
    <row r="635780" spans="8:8">
      <c r="H635780" s="12"/>
    </row>
    <row r="635781" spans="8:8">
      <c r="H635781" s="12"/>
    </row>
    <row r="635782" spans="8:8">
      <c r="H635782" s="12"/>
    </row>
    <row r="635783" spans="8:8">
      <c r="H635783" s="12"/>
    </row>
    <row r="635784" spans="8:8">
      <c r="H635784" s="12"/>
    </row>
    <row r="635785" spans="8:8">
      <c r="H635785" s="12"/>
    </row>
    <row r="635786" spans="8:8">
      <c r="H635786" s="12"/>
    </row>
    <row r="635787" spans="8:8">
      <c r="H635787" s="12"/>
    </row>
    <row r="635788" spans="8:8">
      <c r="H635788" s="12"/>
    </row>
    <row r="635789" spans="8:8">
      <c r="H635789" s="12"/>
    </row>
    <row r="635790" spans="8:8">
      <c r="H635790" s="12"/>
    </row>
    <row r="635791" spans="8:8">
      <c r="H635791" s="12"/>
    </row>
    <row r="635792" spans="8:8">
      <c r="H635792" s="12"/>
    </row>
    <row r="635793" spans="8:8">
      <c r="H635793" s="12"/>
    </row>
    <row r="635794" spans="8:8">
      <c r="H635794" s="12"/>
    </row>
    <row r="635795" spans="8:8">
      <c r="H635795" s="12"/>
    </row>
    <row r="635796" spans="8:8">
      <c r="H635796" s="12"/>
    </row>
    <row r="635797" spans="8:8">
      <c r="H635797" s="12"/>
    </row>
    <row r="635798" spans="8:8">
      <c r="H635798" s="12"/>
    </row>
    <row r="635799" spans="8:8">
      <c r="H635799" s="12"/>
    </row>
    <row r="635800" spans="8:8">
      <c r="H635800" s="12"/>
    </row>
    <row r="635801" spans="8:8">
      <c r="H635801" s="12"/>
    </row>
    <row r="635802" spans="8:8">
      <c r="H635802" s="12"/>
    </row>
    <row r="635803" spans="8:8">
      <c r="H635803" s="12"/>
    </row>
    <row r="635804" spans="8:8">
      <c r="H635804" s="12"/>
    </row>
    <row r="635805" spans="8:8">
      <c r="H635805" s="12"/>
    </row>
    <row r="635806" spans="8:8">
      <c r="H635806" s="12"/>
    </row>
    <row r="635807" spans="8:8">
      <c r="H635807" s="12"/>
    </row>
    <row r="635808" spans="8:8">
      <c r="H635808" s="12"/>
    </row>
    <row r="635809" spans="8:8">
      <c r="H635809" s="12"/>
    </row>
    <row r="635810" spans="8:8">
      <c r="H635810" s="12"/>
    </row>
    <row r="635811" spans="8:8">
      <c r="H635811" s="12"/>
    </row>
    <row r="635812" spans="8:8">
      <c r="H635812" s="12"/>
    </row>
    <row r="635813" spans="8:8">
      <c r="H635813" s="12"/>
    </row>
    <row r="635814" spans="8:8">
      <c r="H635814" s="12"/>
    </row>
    <row r="635815" spans="8:8">
      <c r="H635815" s="12"/>
    </row>
    <row r="635816" spans="8:8">
      <c r="H635816" s="12"/>
    </row>
    <row r="635817" spans="8:8">
      <c r="H635817" s="12"/>
    </row>
    <row r="635818" spans="8:8">
      <c r="H635818" s="12"/>
    </row>
    <row r="635819" spans="8:8">
      <c r="H635819" s="12"/>
    </row>
    <row r="635820" spans="8:8">
      <c r="H635820" s="12"/>
    </row>
    <row r="635821" spans="8:8">
      <c r="H635821" s="12"/>
    </row>
    <row r="635822" spans="8:8">
      <c r="H635822" s="12"/>
    </row>
    <row r="635823" spans="8:8">
      <c r="H635823" s="12"/>
    </row>
    <row r="635824" spans="8:8">
      <c r="H635824" s="12"/>
    </row>
    <row r="635825" spans="8:8">
      <c r="H635825" s="12"/>
    </row>
    <row r="635826" spans="8:8">
      <c r="H635826" s="12"/>
    </row>
    <row r="635827" spans="8:8">
      <c r="H635827" s="12"/>
    </row>
    <row r="635828" spans="8:8">
      <c r="H635828" s="12"/>
    </row>
    <row r="635829" spans="8:8">
      <c r="H635829" s="12"/>
    </row>
    <row r="635830" spans="8:8">
      <c r="H635830" s="12"/>
    </row>
    <row r="635831" spans="8:8">
      <c r="H635831" s="12"/>
    </row>
    <row r="635832" spans="8:8">
      <c r="H635832" s="12"/>
    </row>
    <row r="635833" spans="8:8">
      <c r="H635833" s="12"/>
    </row>
    <row r="635834" spans="8:8">
      <c r="H635834" s="12"/>
    </row>
    <row r="635835" spans="8:8">
      <c r="H635835" s="12"/>
    </row>
    <row r="635836" spans="8:8">
      <c r="H635836" s="12"/>
    </row>
    <row r="635837" spans="8:8">
      <c r="H635837" s="12"/>
    </row>
    <row r="635838" spans="8:8">
      <c r="H635838" s="12"/>
    </row>
    <row r="635839" spans="8:8">
      <c r="H635839" s="12"/>
    </row>
    <row r="635840" spans="8:8">
      <c r="H635840" s="12"/>
    </row>
    <row r="635841" spans="8:8">
      <c r="H635841" s="12"/>
    </row>
    <row r="635842" spans="8:8">
      <c r="H635842" s="12"/>
    </row>
    <row r="635843" spans="8:8">
      <c r="H635843" s="12"/>
    </row>
    <row r="635844" spans="8:8">
      <c r="H635844" s="12"/>
    </row>
    <row r="635845" spans="8:8">
      <c r="H635845" s="12"/>
    </row>
    <row r="635846" spans="8:8">
      <c r="H635846" s="12"/>
    </row>
    <row r="635847" spans="8:8">
      <c r="H635847" s="12"/>
    </row>
    <row r="635848" spans="8:8">
      <c r="H635848" s="12"/>
    </row>
    <row r="635849" spans="8:8">
      <c r="H635849" s="12"/>
    </row>
    <row r="635850" spans="8:8">
      <c r="H635850" s="12"/>
    </row>
    <row r="635851" spans="8:8">
      <c r="H635851" s="12"/>
    </row>
    <row r="635852" spans="8:8">
      <c r="H635852" s="12"/>
    </row>
    <row r="635853" spans="8:8">
      <c r="H635853" s="12"/>
    </row>
    <row r="635854" spans="8:8">
      <c r="H635854" s="12"/>
    </row>
    <row r="635855" spans="8:8">
      <c r="H635855" s="12"/>
    </row>
    <row r="635856" spans="8:8">
      <c r="H635856" s="12"/>
    </row>
    <row r="635857" spans="8:8">
      <c r="H635857" s="12"/>
    </row>
    <row r="635858" spans="8:8">
      <c r="H635858" s="12"/>
    </row>
    <row r="635859" spans="8:8">
      <c r="H635859" s="12"/>
    </row>
    <row r="635860" spans="8:8">
      <c r="H635860" s="12"/>
    </row>
    <row r="635861" spans="8:8">
      <c r="H635861" s="12"/>
    </row>
    <row r="635862" spans="8:8">
      <c r="H635862" s="12"/>
    </row>
    <row r="635863" spans="8:8">
      <c r="H635863" s="12"/>
    </row>
    <row r="635864" spans="8:8">
      <c r="H635864" s="12"/>
    </row>
    <row r="635865" spans="8:8">
      <c r="H635865" s="12"/>
    </row>
    <row r="635866" spans="8:8">
      <c r="H635866" s="12"/>
    </row>
    <row r="635867" spans="8:8">
      <c r="H635867" s="12"/>
    </row>
    <row r="635868" spans="8:8">
      <c r="H635868" s="12"/>
    </row>
    <row r="635869" spans="8:8">
      <c r="H635869" s="12"/>
    </row>
    <row r="635870" spans="8:8">
      <c r="H635870" s="12"/>
    </row>
    <row r="635871" spans="8:8">
      <c r="H635871" s="12"/>
    </row>
    <row r="635872" spans="8:8">
      <c r="H635872" s="12"/>
    </row>
    <row r="635873" spans="8:8">
      <c r="H635873" s="12"/>
    </row>
    <row r="635874" spans="8:8">
      <c r="H635874" s="12"/>
    </row>
    <row r="635875" spans="8:8">
      <c r="H635875" s="12"/>
    </row>
    <row r="635876" spans="8:8">
      <c r="H635876" s="12"/>
    </row>
    <row r="635877" spans="8:8">
      <c r="H635877" s="12"/>
    </row>
    <row r="635878" spans="8:8">
      <c r="H635878" s="12"/>
    </row>
    <row r="635879" spans="8:8">
      <c r="H635879" s="12"/>
    </row>
    <row r="635880" spans="8:8">
      <c r="H635880" s="12"/>
    </row>
    <row r="635881" spans="8:8">
      <c r="H635881" s="12"/>
    </row>
    <row r="635882" spans="8:8">
      <c r="H635882" s="12"/>
    </row>
    <row r="635883" spans="8:8">
      <c r="H635883" s="12"/>
    </row>
    <row r="635884" spans="8:8">
      <c r="H635884" s="12"/>
    </row>
    <row r="635885" spans="8:8">
      <c r="H635885" s="12"/>
    </row>
    <row r="635886" spans="8:8">
      <c r="H635886" s="12"/>
    </row>
    <row r="635887" spans="8:8">
      <c r="H635887" s="12"/>
    </row>
    <row r="635888" spans="8:8">
      <c r="H635888" s="12"/>
    </row>
    <row r="635889" spans="8:8">
      <c r="H635889" s="12"/>
    </row>
    <row r="635890" spans="8:8">
      <c r="H635890" s="12"/>
    </row>
    <row r="635891" spans="8:8">
      <c r="H635891" s="12"/>
    </row>
    <row r="635892" spans="8:8">
      <c r="H635892" s="12"/>
    </row>
    <row r="635893" spans="8:8">
      <c r="H635893" s="12"/>
    </row>
    <row r="635894" spans="8:8">
      <c r="H635894" s="12"/>
    </row>
    <row r="635895" spans="8:8">
      <c r="H635895" s="12"/>
    </row>
    <row r="635896" spans="8:8">
      <c r="H635896" s="12"/>
    </row>
    <row r="635897" spans="8:8">
      <c r="H635897" s="12"/>
    </row>
    <row r="635898" spans="8:8">
      <c r="H635898" s="12"/>
    </row>
    <row r="635899" spans="8:8">
      <c r="H635899" s="12"/>
    </row>
    <row r="635900" spans="8:8">
      <c r="H635900" s="12"/>
    </row>
    <row r="635901" spans="8:8">
      <c r="H635901" s="12"/>
    </row>
    <row r="635902" spans="8:8">
      <c r="H635902" s="12"/>
    </row>
    <row r="635903" spans="8:8">
      <c r="H635903" s="12"/>
    </row>
    <row r="635904" spans="8:8">
      <c r="H635904" s="12"/>
    </row>
    <row r="635905" spans="8:8">
      <c r="H635905" s="12"/>
    </row>
    <row r="635906" spans="8:8">
      <c r="H635906" s="12"/>
    </row>
    <row r="635907" spans="8:8">
      <c r="H635907" s="12"/>
    </row>
    <row r="635908" spans="8:8">
      <c r="H635908" s="12"/>
    </row>
    <row r="635909" spans="8:8">
      <c r="H635909" s="12"/>
    </row>
    <row r="635910" spans="8:8">
      <c r="H635910" s="12"/>
    </row>
    <row r="635911" spans="8:8">
      <c r="H635911" s="12"/>
    </row>
    <row r="635912" spans="8:8">
      <c r="H635912" s="12"/>
    </row>
    <row r="635913" spans="8:8">
      <c r="H635913" s="12"/>
    </row>
    <row r="635914" spans="8:8">
      <c r="H635914" s="12"/>
    </row>
    <row r="635915" spans="8:8">
      <c r="H635915" s="12"/>
    </row>
    <row r="635916" spans="8:8">
      <c r="H635916" s="12"/>
    </row>
    <row r="635917" spans="8:8">
      <c r="H635917" s="12"/>
    </row>
    <row r="635918" spans="8:8">
      <c r="H635918" s="12"/>
    </row>
    <row r="635919" spans="8:8">
      <c r="H635919" s="12"/>
    </row>
    <row r="635920" spans="8:8">
      <c r="H635920" s="12"/>
    </row>
    <row r="635921" spans="8:8">
      <c r="H635921" s="12"/>
    </row>
    <row r="635922" spans="8:8">
      <c r="H635922" s="12"/>
    </row>
    <row r="635923" spans="8:8">
      <c r="H635923" s="12"/>
    </row>
    <row r="635924" spans="8:8">
      <c r="H635924" s="12"/>
    </row>
    <row r="635925" spans="8:8">
      <c r="H635925" s="12"/>
    </row>
    <row r="635926" spans="8:8">
      <c r="H635926" s="12"/>
    </row>
    <row r="635927" spans="8:8">
      <c r="H635927" s="12"/>
    </row>
    <row r="635928" spans="8:8">
      <c r="H635928" s="12"/>
    </row>
    <row r="635929" spans="8:8">
      <c r="H635929" s="12"/>
    </row>
    <row r="635930" spans="8:8">
      <c r="H635930" s="12"/>
    </row>
    <row r="635931" spans="8:8">
      <c r="H635931" s="12"/>
    </row>
    <row r="635932" spans="8:8">
      <c r="H635932" s="12"/>
    </row>
    <row r="635933" spans="8:8">
      <c r="H635933" s="12"/>
    </row>
    <row r="635934" spans="8:8">
      <c r="H635934" s="12"/>
    </row>
    <row r="635935" spans="8:8">
      <c r="H635935" s="12"/>
    </row>
    <row r="635936" spans="8:8">
      <c r="H635936" s="12"/>
    </row>
    <row r="635937" spans="8:8">
      <c r="H635937" s="12"/>
    </row>
    <row r="635938" spans="8:8">
      <c r="H635938" s="12"/>
    </row>
    <row r="635939" spans="8:8">
      <c r="H635939" s="12"/>
    </row>
    <row r="635940" spans="8:8">
      <c r="H635940" s="12"/>
    </row>
    <row r="635941" spans="8:8">
      <c r="H635941" s="12"/>
    </row>
    <row r="635942" spans="8:8">
      <c r="H635942" s="12"/>
    </row>
    <row r="635943" spans="8:8">
      <c r="H635943" s="12"/>
    </row>
    <row r="635944" spans="8:8">
      <c r="H635944" s="12"/>
    </row>
    <row r="635945" spans="8:8">
      <c r="H635945" s="12"/>
    </row>
    <row r="635946" spans="8:8">
      <c r="H635946" s="12"/>
    </row>
    <row r="635947" spans="8:8">
      <c r="H635947" s="12"/>
    </row>
    <row r="635948" spans="8:8">
      <c r="H635948" s="12"/>
    </row>
    <row r="635949" spans="8:8">
      <c r="H635949" s="12"/>
    </row>
    <row r="635950" spans="8:8">
      <c r="H635950" s="12"/>
    </row>
    <row r="635951" spans="8:8">
      <c r="H635951" s="12"/>
    </row>
    <row r="635952" spans="8:8">
      <c r="H635952" s="12"/>
    </row>
    <row r="635953" spans="8:8">
      <c r="H635953" s="12"/>
    </row>
    <row r="635954" spans="8:8">
      <c r="H635954" s="12"/>
    </row>
    <row r="635955" spans="8:8">
      <c r="H635955" s="12"/>
    </row>
    <row r="635956" spans="8:8">
      <c r="H635956" s="12"/>
    </row>
    <row r="635957" spans="8:8">
      <c r="H635957" s="12"/>
    </row>
    <row r="635958" spans="8:8">
      <c r="H635958" s="12"/>
    </row>
    <row r="635959" spans="8:8">
      <c r="H635959" s="12"/>
    </row>
    <row r="635960" spans="8:8">
      <c r="H635960" s="12"/>
    </row>
    <row r="635961" spans="8:8">
      <c r="H635961" s="12"/>
    </row>
    <row r="635962" spans="8:8">
      <c r="H635962" s="12"/>
    </row>
    <row r="635963" spans="8:8">
      <c r="H635963" s="12"/>
    </row>
    <row r="635964" spans="8:8">
      <c r="H635964" s="12"/>
    </row>
    <row r="635965" spans="8:8">
      <c r="H635965" s="12"/>
    </row>
    <row r="635966" spans="8:8">
      <c r="H635966" s="12"/>
    </row>
    <row r="635967" spans="8:8">
      <c r="H635967" s="12"/>
    </row>
    <row r="635968" spans="8:8">
      <c r="H635968" s="12"/>
    </row>
    <row r="635969" spans="8:8">
      <c r="H635969" s="12"/>
    </row>
    <row r="635970" spans="8:8">
      <c r="H635970" s="12"/>
    </row>
    <row r="635971" spans="8:8">
      <c r="H635971" s="12"/>
    </row>
    <row r="635972" spans="8:8">
      <c r="H635972" s="12"/>
    </row>
    <row r="635973" spans="8:8">
      <c r="H635973" s="12"/>
    </row>
    <row r="635974" spans="8:8">
      <c r="H635974" s="12"/>
    </row>
    <row r="635975" spans="8:8">
      <c r="H635975" s="12"/>
    </row>
    <row r="635976" spans="8:8">
      <c r="H635976" s="12"/>
    </row>
    <row r="635977" spans="8:8">
      <c r="H635977" s="12"/>
    </row>
    <row r="635978" spans="8:8">
      <c r="H635978" s="12"/>
    </row>
    <row r="635979" spans="8:8">
      <c r="H635979" s="12"/>
    </row>
    <row r="635980" spans="8:8">
      <c r="H635980" s="12"/>
    </row>
    <row r="635981" spans="8:8">
      <c r="H635981" s="12"/>
    </row>
    <row r="635982" spans="8:8">
      <c r="H635982" s="12"/>
    </row>
    <row r="635983" spans="8:8">
      <c r="H635983" s="12"/>
    </row>
    <row r="635984" spans="8:8">
      <c r="H635984" s="12"/>
    </row>
    <row r="635985" spans="8:8">
      <c r="H635985" s="12"/>
    </row>
    <row r="635986" spans="8:8">
      <c r="H635986" s="12"/>
    </row>
    <row r="635987" spans="8:8">
      <c r="H635987" s="12"/>
    </row>
    <row r="635988" spans="8:8">
      <c r="H635988" s="12"/>
    </row>
    <row r="635989" spans="8:8">
      <c r="H635989" s="12"/>
    </row>
    <row r="635990" spans="8:8">
      <c r="H635990" s="12"/>
    </row>
    <row r="635991" spans="8:8">
      <c r="H635991" s="12"/>
    </row>
    <row r="635992" spans="8:8">
      <c r="H635992" s="12"/>
    </row>
    <row r="635993" spans="8:8">
      <c r="H635993" s="12"/>
    </row>
    <row r="635994" spans="8:8">
      <c r="H635994" s="12"/>
    </row>
    <row r="635995" spans="8:8">
      <c r="H635995" s="12"/>
    </row>
    <row r="635996" spans="8:8">
      <c r="H635996" s="12"/>
    </row>
    <row r="635997" spans="8:8">
      <c r="H635997" s="12"/>
    </row>
    <row r="635998" spans="8:8">
      <c r="H635998" s="12"/>
    </row>
    <row r="635999" spans="8:8">
      <c r="H635999" s="12"/>
    </row>
    <row r="636000" spans="8:8">
      <c r="H636000" s="12"/>
    </row>
    <row r="636001" spans="8:8">
      <c r="H636001" s="12"/>
    </row>
    <row r="636002" spans="8:8">
      <c r="H636002" s="12"/>
    </row>
    <row r="636003" spans="8:8">
      <c r="H636003" s="12"/>
    </row>
    <row r="636004" spans="8:8">
      <c r="H636004" s="12"/>
    </row>
    <row r="636005" spans="8:8">
      <c r="H636005" s="12"/>
    </row>
    <row r="636006" spans="8:8">
      <c r="H636006" s="12"/>
    </row>
    <row r="636007" spans="8:8">
      <c r="H636007" s="12"/>
    </row>
    <row r="636008" spans="8:8">
      <c r="H636008" s="12"/>
    </row>
    <row r="636009" spans="8:8">
      <c r="H636009" s="12"/>
    </row>
    <row r="636010" spans="8:8">
      <c r="H636010" s="12"/>
    </row>
    <row r="636011" spans="8:8">
      <c r="H636011" s="12"/>
    </row>
    <row r="636012" spans="8:8">
      <c r="H636012" s="12"/>
    </row>
    <row r="636013" spans="8:8">
      <c r="H636013" s="12"/>
    </row>
    <row r="636014" spans="8:8">
      <c r="H636014" s="12"/>
    </row>
    <row r="636015" spans="8:8">
      <c r="H636015" s="12"/>
    </row>
    <row r="636016" spans="8:8">
      <c r="H636016" s="12"/>
    </row>
    <row r="636017" spans="8:8">
      <c r="H636017" s="12"/>
    </row>
    <row r="636018" spans="8:8">
      <c r="H636018" s="12"/>
    </row>
    <row r="636019" spans="8:8">
      <c r="H636019" s="12"/>
    </row>
    <row r="636020" spans="8:8">
      <c r="H636020" s="12"/>
    </row>
    <row r="636021" spans="8:8">
      <c r="H636021" s="12"/>
    </row>
    <row r="636022" spans="8:8">
      <c r="H636022" s="12"/>
    </row>
    <row r="636023" spans="8:8">
      <c r="H636023" s="12"/>
    </row>
    <row r="636024" spans="8:8">
      <c r="H636024" s="12"/>
    </row>
    <row r="636025" spans="8:8">
      <c r="H636025" s="12"/>
    </row>
    <row r="636026" spans="8:8">
      <c r="H636026" s="12"/>
    </row>
    <row r="636027" spans="8:8">
      <c r="H636027" s="12"/>
    </row>
    <row r="636028" spans="8:8">
      <c r="H636028" s="12"/>
    </row>
    <row r="636029" spans="8:8">
      <c r="H636029" s="12"/>
    </row>
    <row r="636030" spans="8:8">
      <c r="H636030" s="12"/>
    </row>
    <row r="636031" spans="8:8">
      <c r="H636031" s="12"/>
    </row>
    <row r="636032" spans="8:8">
      <c r="H636032" s="12"/>
    </row>
    <row r="636033" spans="8:8">
      <c r="H636033" s="12"/>
    </row>
    <row r="636034" spans="8:8">
      <c r="H636034" s="12"/>
    </row>
    <row r="636035" spans="8:8">
      <c r="H636035" s="12"/>
    </row>
    <row r="636036" spans="8:8">
      <c r="H636036" s="12"/>
    </row>
    <row r="636037" spans="8:8">
      <c r="H636037" s="12"/>
    </row>
    <row r="636038" spans="8:8">
      <c r="H636038" s="12"/>
    </row>
    <row r="636039" spans="8:8">
      <c r="H636039" s="12"/>
    </row>
    <row r="636040" spans="8:8">
      <c r="H636040" s="12"/>
    </row>
    <row r="636041" spans="8:8">
      <c r="H636041" s="12"/>
    </row>
    <row r="636042" spans="8:8">
      <c r="H636042" s="12"/>
    </row>
    <row r="636043" spans="8:8">
      <c r="H636043" s="12"/>
    </row>
    <row r="636044" spans="8:8">
      <c r="H636044" s="12"/>
    </row>
    <row r="636045" spans="8:8">
      <c r="H636045" s="12"/>
    </row>
    <row r="636046" spans="8:8">
      <c r="H636046" s="12"/>
    </row>
    <row r="636047" spans="8:8">
      <c r="H636047" s="12"/>
    </row>
    <row r="636048" spans="8:8">
      <c r="H636048" s="12"/>
    </row>
    <row r="636049" spans="8:8">
      <c r="H636049" s="12"/>
    </row>
    <row r="636050" spans="8:8">
      <c r="H636050" s="12"/>
    </row>
    <row r="636051" spans="8:8">
      <c r="H636051" s="12"/>
    </row>
    <row r="636052" spans="8:8">
      <c r="H636052" s="12"/>
    </row>
    <row r="636053" spans="8:8">
      <c r="H636053" s="12"/>
    </row>
    <row r="636054" spans="8:8">
      <c r="H636054" s="12"/>
    </row>
    <row r="636055" spans="8:8">
      <c r="H636055" s="12"/>
    </row>
    <row r="636056" spans="8:8">
      <c r="H636056" s="12"/>
    </row>
    <row r="636057" spans="8:8">
      <c r="H636057" s="12"/>
    </row>
    <row r="636058" spans="8:8">
      <c r="H636058" s="12"/>
    </row>
    <row r="636059" spans="8:8">
      <c r="H636059" s="12"/>
    </row>
    <row r="636060" spans="8:8">
      <c r="H636060" s="12"/>
    </row>
    <row r="636061" spans="8:8">
      <c r="H636061" s="12"/>
    </row>
    <row r="636062" spans="8:8">
      <c r="H636062" s="12"/>
    </row>
    <row r="636063" spans="8:8">
      <c r="H636063" s="12"/>
    </row>
    <row r="636064" spans="8:8">
      <c r="H636064" s="12"/>
    </row>
    <row r="636065" spans="8:8">
      <c r="H636065" s="12"/>
    </row>
    <row r="636066" spans="8:8">
      <c r="H636066" s="12"/>
    </row>
    <row r="636067" spans="8:8">
      <c r="H636067" s="12"/>
    </row>
    <row r="636068" spans="8:8">
      <c r="H636068" s="12"/>
    </row>
    <row r="636069" spans="8:8">
      <c r="H636069" s="12"/>
    </row>
    <row r="636070" spans="8:8">
      <c r="H636070" s="12"/>
    </row>
    <row r="636071" spans="8:8">
      <c r="H636071" s="12"/>
    </row>
    <row r="636072" spans="8:8">
      <c r="H636072" s="12"/>
    </row>
    <row r="636073" spans="8:8">
      <c r="H636073" s="12"/>
    </row>
    <row r="636074" spans="8:8">
      <c r="H636074" s="12"/>
    </row>
    <row r="636075" spans="8:8">
      <c r="H636075" s="12"/>
    </row>
    <row r="636076" spans="8:8">
      <c r="H636076" s="12"/>
    </row>
    <row r="636077" spans="8:8">
      <c r="H636077" s="12"/>
    </row>
    <row r="636078" spans="8:8">
      <c r="H636078" s="12"/>
    </row>
    <row r="636079" spans="8:8">
      <c r="H636079" s="12"/>
    </row>
    <row r="636080" spans="8:8">
      <c r="H636080" s="12"/>
    </row>
    <row r="636081" spans="8:8">
      <c r="H636081" s="12"/>
    </row>
    <row r="636082" spans="8:8">
      <c r="H636082" s="12"/>
    </row>
    <row r="636083" spans="8:8">
      <c r="H636083" s="12"/>
    </row>
    <row r="636084" spans="8:8">
      <c r="H636084" s="12"/>
    </row>
    <row r="636085" spans="8:8">
      <c r="H636085" s="12"/>
    </row>
    <row r="636086" spans="8:8">
      <c r="H636086" s="12"/>
    </row>
    <row r="636087" spans="8:8">
      <c r="H636087" s="12"/>
    </row>
    <row r="636088" spans="8:8">
      <c r="H636088" s="12"/>
    </row>
    <row r="636089" spans="8:8">
      <c r="H636089" s="12"/>
    </row>
    <row r="636090" spans="8:8">
      <c r="H636090" s="12"/>
    </row>
    <row r="636091" spans="8:8">
      <c r="H636091" s="12"/>
    </row>
    <row r="636092" spans="8:8">
      <c r="H636092" s="12"/>
    </row>
    <row r="636093" spans="8:8">
      <c r="H636093" s="12"/>
    </row>
    <row r="636094" spans="8:8">
      <c r="H636094" s="12"/>
    </row>
    <row r="636095" spans="8:8">
      <c r="H636095" s="12"/>
    </row>
    <row r="636096" spans="8:8">
      <c r="H636096" s="12"/>
    </row>
    <row r="636097" spans="8:8">
      <c r="H636097" s="12"/>
    </row>
    <row r="636098" spans="8:8">
      <c r="H636098" s="12"/>
    </row>
    <row r="636099" spans="8:8">
      <c r="H636099" s="12"/>
    </row>
    <row r="636100" spans="8:8">
      <c r="H636100" s="12"/>
    </row>
    <row r="636101" spans="8:8">
      <c r="H636101" s="12"/>
    </row>
    <row r="636102" spans="8:8">
      <c r="H636102" s="12"/>
    </row>
    <row r="636103" spans="8:8">
      <c r="H636103" s="12"/>
    </row>
    <row r="636104" spans="8:8">
      <c r="H636104" s="12"/>
    </row>
    <row r="636105" spans="8:8">
      <c r="H636105" s="12"/>
    </row>
    <row r="636106" spans="8:8">
      <c r="H636106" s="12"/>
    </row>
    <row r="636107" spans="8:8">
      <c r="H636107" s="12"/>
    </row>
    <row r="636108" spans="8:8">
      <c r="H636108" s="12"/>
    </row>
    <row r="636109" spans="8:8">
      <c r="H636109" s="12"/>
    </row>
    <row r="636110" spans="8:8">
      <c r="H636110" s="12"/>
    </row>
    <row r="636111" spans="8:8">
      <c r="H636111" s="12"/>
    </row>
    <row r="636112" spans="8:8">
      <c r="H636112" s="12"/>
    </row>
    <row r="636113" spans="8:8">
      <c r="H636113" s="12"/>
    </row>
    <row r="636114" spans="8:8">
      <c r="H636114" s="12"/>
    </row>
    <row r="636115" spans="8:8">
      <c r="H636115" s="12"/>
    </row>
    <row r="636116" spans="8:8">
      <c r="H636116" s="12"/>
    </row>
    <row r="636117" spans="8:8">
      <c r="H636117" s="12"/>
    </row>
    <row r="636118" spans="8:8">
      <c r="H636118" s="12"/>
    </row>
    <row r="636119" spans="8:8">
      <c r="H636119" s="12"/>
    </row>
    <row r="636120" spans="8:8">
      <c r="H636120" s="12"/>
    </row>
    <row r="636121" spans="8:8">
      <c r="H636121" s="12"/>
    </row>
    <row r="636122" spans="8:8">
      <c r="H636122" s="12"/>
    </row>
    <row r="636123" spans="8:8">
      <c r="H636123" s="12"/>
    </row>
    <row r="636124" spans="8:8">
      <c r="H636124" s="12"/>
    </row>
    <row r="636125" spans="8:8">
      <c r="H636125" s="12"/>
    </row>
    <row r="636126" spans="8:8">
      <c r="H636126" s="12"/>
    </row>
    <row r="636127" spans="8:8">
      <c r="H636127" s="12"/>
    </row>
    <row r="636128" spans="8:8">
      <c r="H636128" s="12"/>
    </row>
    <row r="636129" spans="8:8">
      <c r="H636129" s="12"/>
    </row>
    <row r="636130" spans="8:8">
      <c r="H636130" s="12"/>
    </row>
    <row r="636131" spans="8:8">
      <c r="H636131" s="12"/>
    </row>
    <row r="636132" spans="8:8">
      <c r="H636132" s="12"/>
    </row>
    <row r="636133" spans="8:8">
      <c r="H636133" s="12"/>
    </row>
    <row r="636134" spans="8:8">
      <c r="H636134" s="12"/>
    </row>
    <row r="636135" spans="8:8">
      <c r="H636135" s="12"/>
    </row>
    <row r="636136" spans="8:8">
      <c r="H636136" s="12"/>
    </row>
    <row r="636137" spans="8:8">
      <c r="H636137" s="12"/>
    </row>
    <row r="636138" spans="8:8">
      <c r="H636138" s="12"/>
    </row>
    <row r="636139" spans="8:8">
      <c r="H636139" s="12"/>
    </row>
    <row r="636140" spans="8:8">
      <c r="H636140" s="12"/>
    </row>
    <row r="636141" spans="8:8">
      <c r="H636141" s="12"/>
    </row>
    <row r="636142" spans="8:8">
      <c r="H636142" s="12"/>
    </row>
    <row r="636143" spans="8:8">
      <c r="H636143" s="12"/>
    </row>
    <row r="636144" spans="8:8">
      <c r="H636144" s="12"/>
    </row>
    <row r="636145" spans="8:8">
      <c r="H636145" s="12"/>
    </row>
    <row r="636146" spans="8:8">
      <c r="H636146" s="12"/>
    </row>
    <row r="636147" spans="8:8">
      <c r="H636147" s="12"/>
    </row>
    <row r="636148" spans="8:8">
      <c r="H636148" s="12"/>
    </row>
    <row r="636149" spans="8:8">
      <c r="H636149" s="12"/>
    </row>
    <row r="636150" spans="8:8">
      <c r="H636150" s="12"/>
    </row>
    <row r="636151" spans="8:8">
      <c r="H636151" s="12"/>
    </row>
    <row r="636152" spans="8:8">
      <c r="H636152" s="12"/>
    </row>
    <row r="636153" spans="8:8">
      <c r="H636153" s="12"/>
    </row>
    <row r="636154" spans="8:8">
      <c r="H636154" s="12"/>
    </row>
    <row r="636155" spans="8:8">
      <c r="H636155" s="12"/>
    </row>
    <row r="636156" spans="8:8">
      <c r="H636156" s="12"/>
    </row>
    <row r="636157" spans="8:8">
      <c r="H636157" s="12"/>
    </row>
    <row r="636158" spans="8:8">
      <c r="H636158" s="12"/>
    </row>
    <row r="636159" spans="8:8">
      <c r="H636159" s="12"/>
    </row>
    <row r="636160" spans="8:8">
      <c r="H636160" s="12"/>
    </row>
    <row r="636161" spans="8:8">
      <c r="H636161" s="12"/>
    </row>
    <row r="636162" spans="8:8">
      <c r="H636162" s="12"/>
    </row>
    <row r="636163" spans="8:8">
      <c r="H636163" s="12"/>
    </row>
    <row r="636164" spans="8:8">
      <c r="H636164" s="12"/>
    </row>
    <row r="636165" spans="8:8">
      <c r="H636165" s="12"/>
    </row>
    <row r="636166" spans="8:8">
      <c r="H636166" s="12"/>
    </row>
    <row r="636167" spans="8:8">
      <c r="H636167" s="12"/>
    </row>
    <row r="636168" spans="8:8">
      <c r="H636168" s="12"/>
    </row>
    <row r="636169" spans="8:8">
      <c r="H636169" s="12"/>
    </row>
    <row r="636170" spans="8:8">
      <c r="H636170" s="12"/>
    </row>
    <row r="636171" spans="8:8">
      <c r="H636171" s="12"/>
    </row>
    <row r="636172" spans="8:8">
      <c r="H636172" s="12"/>
    </row>
    <row r="636173" spans="8:8">
      <c r="H636173" s="12"/>
    </row>
    <row r="636174" spans="8:8">
      <c r="H636174" s="12"/>
    </row>
    <row r="636175" spans="8:8">
      <c r="H636175" s="12"/>
    </row>
    <row r="636176" spans="8:8">
      <c r="H636176" s="12"/>
    </row>
    <row r="636177" spans="8:8">
      <c r="H636177" s="12"/>
    </row>
    <row r="636178" spans="8:8">
      <c r="H636178" s="12"/>
    </row>
    <row r="636179" spans="8:8">
      <c r="H636179" s="12"/>
    </row>
    <row r="636180" spans="8:8">
      <c r="H636180" s="12"/>
    </row>
    <row r="636181" spans="8:8">
      <c r="H636181" s="12"/>
    </row>
    <row r="636182" spans="8:8">
      <c r="H636182" s="12"/>
    </row>
    <row r="636183" spans="8:8">
      <c r="H636183" s="12"/>
    </row>
    <row r="636184" spans="8:8">
      <c r="H636184" s="12"/>
    </row>
    <row r="636185" spans="8:8">
      <c r="H636185" s="12"/>
    </row>
    <row r="636186" spans="8:8">
      <c r="H636186" s="12"/>
    </row>
    <row r="636187" spans="8:8">
      <c r="H636187" s="12"/>
    </row>
    <row r="636188" spans="8:8">
      <c r="H636188" s="12"/>
    </row>
    <row r="636189" spans="8:8">
      <c r="H636189" s="12"/>
    </row>
    <row r="636190" spans="8:8">
      <c r="H636190" s="12"/>
    </row>
    <row r="636191" spans="8:8">
      <c r="H636191" s="12"/>
    </row>
    <row r="636192" spans="8:8">
      <c r="H636192" s="12"/>
    </row>
    <row r="636193" spans="8:8">
      <c r="H636193" s="12"/>
    </row>
    <row r="636194" spans="8:8">
      <c r="H636194" s="12"/>
    </row>
    <row r="636195" spans="8:8">
      <c r="H636195" s="12"/>
    </row>
    <row r="636196" spans="8:8">
      <c r="H636196" s="12"/>
    </row>
    <row r="636197" spans="8:8">
      <c r="H636197" s="12"/>
    </row>
    <row r="636198" spans="8:8">
      <c r="H636198" s="12"/>
    </row>
    <row r="636199" spans="8:8">
      <c r="H636199" s="12"/>
    </row>
    <row r="636200" spans="8:8">
      <c r="H636200" s="12"/>
    </row>
    <row r="636201" spans="8:8">
      <c r="H636201" s="12"/>
    </row>
    <row r="636202" spans="8:8">
      <c r="H636202" s="12"/>
    </row>
    <row r="636203" spans="8:8">
      <c r="H636203" s="12"/>
    </row>
    <row r="636204" spans="8:8">
      <c r="H636204" s="12"/>
    </row>
    <row r="636205" spans="8:8">
      <c r="H636205" s="12"/>
    </row>
    <row r="636206" spans="8:8">
      <c r="H636206" s="12"/>
    </row>
    <row r="636207" spans="8:8">
      <c r="H636207" s="12"/>
    </row>
    <row r="636208" spans="8:8">
      <c r="H636208" s="12"/>
    </row>
    <row r="636209" spans="8:8">
      <c r="H636209" s="12"/>
    </row>
    <row r="636210" spans="8:8">
      <c r="H636210" s="12"/>
    </row>
    <row r="636211" spans="8:8">
      <c r="H636211" s="12"/>
    </row>
    <row r="636212" spans="8:8">
      <c r="H636212" s="12"/>
    </row>
    <row r="636213" spans="8:8">
      <c r="H636213" s="12"/>
    </row>
    <row r="636214" spans="8:8">
      <c r="H636214" s="12"/>
    </row>
    <row r="636215" spans="8:8">
      <c r="H636215" s="12"/>
    </row>
    <row r="636216" spans="8:8">
      <c r="H636216" s="12"/>
    </row>
    <row r="636217" spans="8:8">
      <c r="H636217" s="12"/>
    </row>
    <row r="636218" spans="8:8">
      <c r="H636218" s="12"/>
    </row>
    <row r="636219" spans="8:8">
      <c r="H636219" s="12"/>
    </row>
    <row r="636220" spans="8:8">
      <c r="H636220" s="12"/>
    </row>
    <row r="636221" spans="8:8">
      <c r="H636221" s="12"/>
    </row>
    <row r="636222" spans="8:8">
      <c r="H636222" s="12"/>
    </row>
    <row r="636223" spans="8:8">
      <c r="H636223" s="12"/>
    </row>
    <row r="636224" spans="8:8">
      <c r="H636224" s="12"/>
    </row>
    <row r="636225" spans="8:8">
      <c r="H636225" s="12"/>
    </row>
    <row r="636226" spans="8:8">
      <c r="H636226" s="12"/>
    </row>
    <row r="636227" spans="8:8">
      <c r="H636227" s="12"/>
    </row>
    <row r="636228" spans="8:8">
      <c r="H636228" s="12"/>
    </row>
    <row r="636229" spans="8:8">
      <c r="H636229" s="12"/>
    </row>
    <row r="636230" spans="8:8">
      <c r="H636230" s="12"/>
    </row>
    <row r="636231" spans="8:8">
      <c r="H636231" s="12"/>
    </row>
    <row r="636232" spans="8:8">
      <c r="H636232" s="12"/>
    </row>
    <row r="636233" spans="8:8">
      <c r="H636233" s="12"/>
    </row>
    <row r="636234" spans="8:8">
      <c r="H636234" s="12"/>
    </row>
    <row r="636235" spans="8:8">
      <c r="H636235" s="12"/>
    </row>
    <row r="636236" spans="8:8">
      <c r="H636236" s="12"/>
    </row>
    <row r="636237" spans="8:8">
      <c r="H636237" s="12"/>
    </row>
    <row r="636238" spans="8:8">
      <c r="H636238" s="12"/>
    </row>
    <row r="636239" spans="8:8">
      <c r="H636239" s="12"/>
    </row>
    <row r="636240" spans="8:8">
      <c r="H636240" s="12"/>
    </row>
    <row r="636241" spans="8:8">
      <c r="H636241" s="12"/>
    </row>
    <row r="636242" spans="8:8">
      <c r="H636242" s="12"/>
    </row>
    <row r="636243" spans="8:8">
      <c r="H636243" s="12"/>
    </row>
    <row r="636244" spans="8:8">
      <c r="H636244" s="12"/>
    </row>
    <row r="636245" spans="8:8">
      <c r="H636245" s="12"/>
    </row>
    <row r="636246" spans="8:8">
      <c r="H636246" s="12"/>
    </row>
    <row r="636247" spans="8:8">
      <c r="H636247" s="12"/>
    </row>
    <row r="636248" spans="8:8">
      <c r="H636248" s="12"/>
    </row>
    <row r="636249" spans="8:8">
      <c r="H636249" s="12"/>
    </row>
    <row r="636250" spans="8:8">
      <c r="H636250" s="12"/>
    </row>
    <row r="636251" spans="8:8">
      <c r="H636251" s="12"/>
    </row>
    <row r="636252" spans="8:8">
      <c r="H636252" s="12"/>
    </row>
    <row r="636253" spans="8:8">
      <c r="H636253" s="12"/>
    </row>
    <row r="636254" spans="8:8">
      <c r="H636254" s="12"/>
    </row>
    <row r="636255" spans="8:8">
      <c r="H636255" s="12"/>
    </row>
    <row r="636256" spans="8:8">
      <c r="H636256" s="12"/>
    </row>
    <row r="636257" spans="8:8">
      <c r="H636257" s="12"/>
    </row>
    <row r="636258" spans="8:8">
      <c r="H636258" s="12"/>
    </row>
    <row r="636259" spans="8:8">
      <c r="H636259" s="12"/>
    </row>
    <row r="636260" spans="8:8">
      <c r="H636260" s="12"/>
    </row>
    <row r="636261" spans="8:8">
      <c r="H636261" s="12"/>
    </row>
    <row r="636262" spans="8:8">
      <c r="H636262" s="12"/>
    </row>
    <row r="636263" spans="8:8">
      <c r="H636263" s="12"/>
    </row>
    <row r="636264" spans="8:8">
      <c r="H636264" s="12"/>
    </row>
    <row r="636265" spans="8:8">
      <c r="H636265" s="12"/>
    </row>
    <row r="636266" spans="8:8">
      <c r="H636266" s="12"/>
    </row>
    <row r="636267" spans="8:8">
      <c r="H636267" s="12"/>
    </row>
    <row r="636268" spans="8:8">
      <c r="H636268" s="12"/>
    </row>
    <row r="636269" spans="8:8">
      <c r="H636269" s="12"/>
    </row>
    <row r="636270" spans="8:8">
      <c r="H636270" s="12"/>
    </row>
    <row r="636271" spans="8:8">
      <c r="H636271" s="12"/>
    </row>
    <row r="636272" spans="8:8">
      <c r="H636272" s="12"/>
    </row>
    <row r="636273" spans="8:8">
      <c r="H636273" s="12"/>
    </row>
    <row r="636274" spans="8:8">
      <c r="H636274" s="12"/>
    </row>
    <row r="636275" spans="8:8">
      <c r="H636275" s="12"/>
    </row>
    <row r="636276" spans="8:8">
      <c r="H636276" s="12"/>
    </row>
    <row r="636277" spans="8:8">
      <c r="H636277" s="12"/>
    </row>
    <row r="636278" spans="8:8">
      <c r="H636278" s="12"/>
    </row>
    <row r="636279" spans="8:8">
      <c r="H636279" s="12"/>
    </row>
    <row r="636280" spans="8:8">
      <c r="H636280" s="12"/>
    </row>
    <row r="636281" spans="8:8">
      <c r="H636281" s="12"/>
    </row>
    <row r="636282" spans="8:8">
      <c r="H636282" s="12"/>
    </row>
    <row r="636283" spans="8:8">
      <c r="H636283" s="12"/>
    </row>
    <row r="636284" spans="8:8">
      <c r="H636284" s="12"/>
    </row>
    <row r="636285" spans="8:8">
      <c r="H636285" s="12"/>
    </row>
    <row r="636286" spans="8:8">
      <c r="H636286" s="12"/>
    </row>
    <row r="636287" spans="8:8">
      <c r="H636287" s="12"/>
    </row>
    <row r="636288" spans="8:8">
      <c r="H636288" s="12"/>
    </row>
    <row r="636289" spans="8:8">
      <c r="H636289" s="12"/>
    </row>
    <row r="636290" spans="8:8">
      <c r="H636290" s="12"/>
    </row>
    <row r="636291" spans="8:8">
      <c r="H636291" s="12"/>
    </row>
    <row r="636292" spans="8:8">
      <c r="H636292" s="12"/>
    </row>
    <row r="636293" spans="8:8">
      <c r="H636293" s="12"/>
    </row>
    <row r="636294" spans="8:8">
      <c r="H636294" s="12"/>
    </row>
    <row r="636295" spans="8:8">
      <c r="H636295" s="12"/>
    </row>
    <row r="636296" spans="8:8">
      <c r="H636296" s="12"/>
    </row>
    <row r="636297" spans="8:8">
      <c r="H636297" s="12"/>
    </row>
    <row r="636298" spans="8:8">
      <c r="H636298" s="12"/>
    </row>
    <row r="636299" spans="8:8">
      <c r="H636299" s="12"/>
    </row>
    <row r="636300" spans="8:8">
      <c r="H636300" s="12"/>
    </row>
    <row r="636301" spans="8:8">
      <c r="H636301" s="12"/>
    </row>
    <row r="636302" spans="8:8">
      <c r="H636302" s="12"/>
    </row>
    <row r="636303" spans="8:8">
      <c r="H636303" s="12"/>
    </row>
    <row r="636304" spans="8:8">
      <c r="H636304" s="12"/>
    </row>
    <row r="636305" spans="8:8">
      <c r="H636305" s="12"/>
    </row>
    <row r="636306" spans="8:8">
      <c r="H636306" s="12"/>
    </row>
    <row r="636307" spans="8:8">
      <c r="H636307" s="12"/>
    </row>
    <row r="636308" spans="8:8">
      <c r="H636308" s="12"/>
    </row>
    <row r="636309" spans="8:8">
      <c r="H636309" s="12"/>
    </row>
    <row r="636310" spans="8:8">
      <c r="H636310" s="12"/>
    </row>
    <row r="636311" spans="8:8">
      <c r="H636311" s="12"/>
    </row>
    <row r="636312" spans="8:8">
      <c r="H636312" s="12"/>
    </row>
    <row r="636313" spans="8:8">
      <c r="H636313" s="12"/>
    </row>
    <row r="636314" spans="8:8">
      <c r="H636314" s="12"/>
    </row>
    <row r="636315" spans="8:8">
      <c r="H636315" s="12"/>
    </row>
    <row r="636316" spans="8:8">
      <c r="H636316" s="12"/>
    </row>
    <row r="636317" spans="8:8">
      <c r="H636317" s="12"/>
    </row>
    <row r="636318" spans="8:8">
      <c r="H636318" s="12"/>
    </row>
    <row r="636319" spans="8:8">
      <c r="H636319" s="12"/>
    </row>
    <row r="636320" spans="8:8">
      <c r="H636320" s="12"/>
    </row>
    <row r="636321" spans="8:8">
      <c r="H636321" s="12"/>
    </row>
    <row r="636322" spans="8:8">
      <c r="H636322" s="12"/>
    </row>
    <row r="636323" spans="8:8">
      <c r="H636323" s="12"/>
    </row>
    <row r="636324" spans="8:8">
      <c r="H636324" s="12"/>
    </row>
    <row r="636325" spans="8:8">
      <c r="H636325" s="12"/>
    </row>
    <row r="636326" spans="8:8">
      <c r="H636326" s="12"/>
    </row>
    <row r="636327" spans="8:8">
      <c r="H636327" s="12"/>
    </row>
    <row r="636328" spans="8:8">
      <c r="H636328" s="12"/>
    </row>
    <row r="636329" spans="8:8">
      <c r="H636329" s="12"/>
    </row>
    <row r="636330" spans="8:8">
      <c r="H636330" s="12"/>
    </row>
    <row r="636331" spans="8:8">
      <c r="H636331" s="12"/>
    </row>
    <row r="636332" spans="8:8">
      <c r="H636332" s="12"/>
    </row>
    <row r="636333" spans="8:8">
      <c r="H636333" s="12"/>
    </row>
    <row r="636334" spans="8:8">
      <c r="H636334" s="12"/>
    </row>
    <row r="636335" spans="8:8">
      <c r="H636335" s="12"/>
    </row>
    <row r="636336" spans="8:8">
      <c r="H636336" s="12"/>
    </row>
    <row r="636337" spans="8:8">
      <c r="H636337" s="12"/>
    </row>
    <row r="636338" spans="8:8">
      <c r="H636338" s="12"/>
    </row>
    <row r="636339" spans="8:8">
      <c r="H636339" s="12"/>
    </row>
    <row r="636340" spans="8:8">
      <c r="H636340" s="12"/>
    </row>
    <row r="636341" spans="8:8">
      <c r="H636341" s="12"/>
    </row>
    <row r="636342" spans="8:8">
      <c r="H636342" s="12"/>
    </row>
    <row r="636343" spans="8:8">
      <c r="H636343" s="12"/>
    </row>
    <row r="636344" spans="8:8">
      <c r="H636344" s="12"/>
    </row>
    <row r="636345" spans="8:8">
      <c r="H636345" s="12"/>
    </row>
    <row r="636346" spans="8:8">
      <c r="H636346" s="12"/>
    </row>
    <row r="636347" spans="8:8">
      <c r="H636347" s="12"/>
    </row>
    <row r="636348" spans="8:8">
      <c r="H636348" s="12"/>
    </row>
    <row r="636349" spans="8:8">
      <c r="H636349" s="12"/>
    </row>
    <row r="636350" spans="8:8">
      <c r="H636350" s="12"/>
    </row>
    <row r="636351" spans="8:8">
      <c r="H636351" s="12"/>
    </row>
    <row r="636352" spans="8:8">
      <c r="H636352" s="12"/>
    </row>
    <row r="636353" spans="8:8">
      <c r="H636353" s="12"/>
    </row>
    <row r="636354" spans="8:8">
      <c r="H636354" s="12"/>
    </row>
    <row r="636355" spans="8:8">
      <c r="H636355" s="12"/>
    </row>
    <row r="636356" spans="8:8">
      <c r="H636356" s="12"/>
    </row>
    <row r="636357" spans="8:8">
      <c r="H636357" s="12"/>
    </row>
    <row r="636358" spans="8:8">
      <c r="H636358" s="12"/>
    </row>
    <row r="636359" spans="8:8">
      <c r="H636359" s="12"/>
    </row>
    <row r="636360" spans="8:8">
      <c r="H636360" s="12"/>
    </row>
    <row r="636361" spans="8:8">
      <c r="H636361" s="12"/>
    </row>
    <row r="636362" spans="8:8">
      <c r="H636362" s="12"/>
    </row>
    <row r="636363" spans="8:8">
      <c r="H636363" s="12"/>
    </row>
    <row r="636364" spans="8:8">
      <c r="H636364" s="12"/>
    </row>
    <row r="636365" spans="8:8">
      <c r="H636365" s="12"/>
    </row>
    <row r="636366" spans="8:8">
      <c r="H636366" s="12"/>
    </row>
    <row r="636367" spans="8:8">
      <c r="H636367" s="12"/>
    </row>
    <row r="636368" spans="8:8">
      <c r="H636368" s="12"/>
    </row>
    <row r="636369" spans="8:8">
      <c r="H636369" s="12"/>
    </row>
    <row r="636370" spans="8:8">
      <c r="H636370" s="12"/>
    </row>
    <row r="636371" spans="8:8">
      <c r="H636371" s="12"/>
    </row>
    <row r="636372" spans="8:8">
      <c r="H636372" s="12"/>
    </row>
    <row r="636373" spans="8:8">
      <c r="H636373" s="12"/>
    </row>
    <row r="636374" spans="8:8">
      <c r="H636374" s="12"/>
    </row>
    <row r="636375" spans="8:8">
      <c r="H636375" s="12"/>
    </row>
    <row r="636376" spans="8:8">
      <c r="H636376" s="12"/>
    </row>
    <row r="636377" spans="8:8">
      <c r="H636377" s="12"/>
    </row>
    <row r="636378" spans="8:8">
      <c r="H636378" s="12"/>
    </row>
    <row r="636379" spans="8:8">
      <c r="H636379" s="12"/>
    </row>
    <row r="636380" spans="8:8">
      <c r="H636380" s="12"/>
    </row>
    <row r="636381" spans="8:8">
      <c r="H636381" s="12"/>
    </row>
    <row r="636382" spans="8:8">
      <c r="H636382" s="12"/>
    </row>
    <row r="636383" spans="8:8">
      <c r="H636383" s="12"/>
    </row>
    <row r="636384" spans="8:8">
      <c r="H636384" s="12"/>
    </row>
    <row r="636385" spans="8:8">
      <c r="H636385" s="12"/>
    </row>
    <row r="636386" spans="8:8">
      <c r="H636386" s="12"/>
    </row>
    <row r="636387" spans="8:8">
      <c r="H636387" s="12"/>
    </row>
    <row r="636388" spans="8:8">
      <c r="H636388" s="12"/>
    </row>
    <row r="636389" spans="8:8">
      <c r="H636389" s="12"/>
    </row>
    <row r="636390" spans="8:8">
      <c r="H636390" s="12"/>
    </row>
    <row r="636391" spans="8:8">
      <c r="H636391" s="12"/>
    </row>
    <row r="636392" spans="8:8">
      <c r="H636392" s="12"/>
    </row>
    <row r="636393" spans="8:8">
      <c r="H636393" s="12"/>
    </row>
    <row r="636394" spans="8:8">
      <c r="H636394" s="12"/>
    </row>
    <row r="636395" spans="8:8">
      <c r="H636395" s="12"/>
    </row>
    <row r="636396" spans="8:8">
      <c r="H636396" s="12"/>
    </row>
    <row r="636397" spans="8:8">
      <c r="H636397" s="12"/>
    </row>
    <row r="636398" spans="8:8">
      <c r="H636398" s="12"/>
    </row>
    <row r="636399" spans="8:8">
      <c r="H636399" s="12"/>
    </row>
    <row r="636400" spans="8:8">
      <c r="H636400" s="12"/>
    </row>
    <row r="636401" spans="8:8">
      <c r="H636401" s="12"/>
    </row>
    <row r="636402" spans="8:8">
      <c r="H636402" s="12"/>
    </row>
    <row r="636403" spans="8:8">
      <c r="H636403" s="12"/>
    </row>
    <row r="636404" spans="8:8">
      <c r="H636404" s="12"/>
    </row>
    <row r="636405" spans="8:8">
      <c r="H636405" s="12"/>
    </row>
    <row r="636406" spans="8:8">
      <c r="H636406" s="12"/>
    </row>
    <row r="636407" spans="8:8">
      <c r="H636407" s="12"/>
    </row>
    <row r="636408" spans="8:8">
      <c r="H636408" s="12"/>
    </row>
    <row r="636409" spans="8:8">
      <c r="H636409" s="12"/>
    </row>
    <row r="636410" spans="8:8">
      <c r="H636410" s="12"/>
    </row>
    <row r="636411" spans="8:8">
      <c r="H636411" s="12"/>
    </row>
    <row r="636412" spans="8:8">
      <c r="H636412" s="12"/>
    </row>
    <row r="636413" spans="8:8">
      <c r="H636413" s="12"/>
    </row>
    <row r="636414" spans="8:8">
      <c r="H636414" s="12"/>
    </row>
    <row r="636415" spans="8:8">
      <c r="H636415" s="12"/>
    </row>
    <row r="636416" spans="8:8">
      <c r="H636416" s="12"/>
    </row>
    <row r="636417" spans="8:8">
      <c r="H636417" s="12"/>
    </row>
    <row r="636418" spans="8:8">
      <c r="H636418" s="12"/>
    </row>
    <row r="636419" spans="8:8">
      <c r="H636419" s="12"/>
    </row>
    <row r="636420" spans="8:8">
      <c r="H636420" s="12"/>
    </row>
    <row r="636421" spans="8:8">
      <c r="H636421" s="12"/>
    </row>
    <row r="636422" spans="8:8">
      <c r="H636422" s="12"/>
    </row>
    <row r="636423" spans="8:8">
      <c r="H636423" s="12"/>
    </row>
    <row r="636424" spans="8:8">
      <c r="H636424" s="12"/>
    </row>
    <row r="636425" spans="8:8">
      <c r="H636425" s="12"/>
    </row>
    <row r="636426" spans="8:8">
      <c r="H636426" s="12"/>
    </row>
    <row r="636427" spans="8:8">
      <c r="H636427" s="12"/>
    </row>
    <row r="636428" spans="8:8">
      <c r="H636428" s="12"/>
    </row>
    <row r="636429" spans="8:8">
      <c r="H636429" s="12"/>
    </row>
    <row r="636430" spans="8:8">
      <c r="H636430" s="12"/>
    </row>
    <row r="636431" spans="8:8">
      <c r="H636431" s="12"/>
    </row>
    <row r="636432" spans="8:8">
      <c r="H636432" s="12"/>
    </row>
    <row r="636433" spans="8:8">
      <c r="H636433" s="12"/>
    </row>
    <row r="636434" spans="8:8">
      <c r="H636434" s="12"/>
    </row>
    <row r="636435" spans="8:8">
      <c r="H636435" s="12"/>
    </row>
    <row r="636436" spans="8:8">
      <c r="H636436" s="12"/>
    </row>
    <row r="636437" spans="8:8">
      <c r="H636437" s="12"/>
    </row>
    <row r="636438" spans="8:8">
      <c r="H636438" s="12"/>
    </row>
    <row r="636439" spans="8:8">
      <c r="H636439" s="12"/>
    </row>
    <row r="636440" spans="8:8">
      <c r="H636440" s="12"/>
    </row>
    <row r="636441" spans="8:8">
      <c r="H636441" s="12"/>
    </row>
    <row r="636442" spans="8:8">
      <c r="H636442" s="12"/>
    </row>
    <row r="636443" spans="8:8">
      <c r="H636443" s="12"/>
    </row>
    <row r="636444" spans="8:8">
      <c r="H636444" s="12"/>
    </row>
    <row r="636445" spans="8:8">
      <c r="H636445" s="12"/>
    </row>
    <row r="636446" spans="8:8">
      <c r="H636446" s="12"/>
    </row>
    <row r="636447" spans="8:8">
      <c r="H636447" s="12"/>
    </row>
    <row r="636448" spans="8:8">
      <c r="H636448" s="12"/>
    </row>
    <row r="636449" spans="8:8">
      <c r="H636449" s="12"/>
    </row>
    <row r="636450" spans="8:8">
      <c r="H636450" s="12"/>
    </row>
    <row r="636451" spans="8:8">
      <c r="H636451" s="12"/>
    </row>
    <row r="636452" spans="8:8">
      <c r="H636452" s="12"/>
    </row>
    <row r="636453" spans="8:8">
      <c r="H636453" s="12"/>
    </row>
    <row r="636454" spans="8:8">
      <c r="H636454" s="12"/>
    </row>
    <row r="636455" spans="8:8">
      <c r="H636455" s="12"/>
    </row>
    <row r="636456" spans="8:8">
      <c r="H636456" s="12"/>
    </row>
    <row r="636457" spans="8:8">
      <c r="H636457" s="12"/>
    </row>
    <row r="636458" spans="8:8">
      <c r="H636458" s="12"/>
    </row>
    <row r="636459" spans="8:8">
      <c r="H636459" s="12"/>
    </row>
    <row r="636460" spans="8:8">
      <c r="H636460" s="12"/>
    </row>
    <row r="636461" spans="8:8">
      <c r="H636461" s="12"/>
    </row>
    <row r="636462" spans="8:8">
      <c r="H636462" s="12"/>
    </row>
    <row r="636463" spans="8:8">
      <c r="H636463" s="12"/>
    </row>
    <row r="636464" spans="8:8">
      <c r="H636464" s="12"/>
    </row>
    <row r="636465" spans="8:8">
      <c r="H636465" s="12"/>
    </row>
    <row r="636466" spans="8:8">
      <c r="H636466" s="12"/>
    </row>
    <row r="636467" spans="8:8">
      <c r="H636467" s="12"/>
    </row>
    <row r="636468" spans="8:8">
      <c r="H636468" s="12"/>
    </row>
    <row r="636469" spans="8:8">
      <c r="H636469" s="12"/>
    </row>
    <row r="636470" spans="8:8">
      <c r="H636470" s="12"/>
    </row>
    <row r="636471" spans="8:8">
      <c r="H636471" s="12"/>
    </row>
    <row r="636472" spans="8:8">
      <c r="H636472" s="12"/>
    </row>
    <row r="636473" spans="8:8">
      <c r="H636473" s="12"/>
    </row>
    <row r="636474" spans="8:8">
      <c r="H636474" s="12"/>
    </row>
    <row r="636475" spans="8:8">
      <c r="H636475" s="12"/>
    </row>
    <row r="636476" spans="8:8">
      <c r="H636476" s="12"/>
    </row>
    <row r="636477" spans="8:8">
      <c r="H636477" s="12"/>
    </row>
    <row r="636478" spans="8:8">
      <c r="H636478" s="12"/>
    </row>
    <row r="636479" spans="8:8">
      <c r="H636479" s="12"/>
    </row>
    <row r="636480" spans="8:8">
      <c r="H636480" s="12"/>
    </row>
    <row r="636481" spans="8:8">
      <c r="H636481" s="12"/>
    </row>
    <row r="636482" spans="8:8">
      <c r="H636482" s="12"/>
    </row>
    <row r="636483" spans="8:8">
      <c r="H636483" s="12"/>
    </row>
    <row r="636484" spans="8:8">
      <c r="H636484" s="12"/>
    </row>
    <row r="636485" spans="8:8">
      <c r="H636485" s="12"/>
    </row>
    <row r="636486" spans="8:8">
      <c r="H636486" s="12"/>
    </row>
    <row r="636487" spans="8:8">
      <c r="H636487" s="12"/>
    </row>
    <row r="636488" spans="8:8">
      <c r="H636488" s="12"/>
    </row>
    <row r="636489" spans="8:8">
      <c r="H636489" s="12"/>
    </row>
    <row r="636490" spans="8:8">
      <c r="H636490" s="12"/>
    </row>
    <row r="636491" spans="8:8">
      <c r="H636491" s="12"/>
    </row>
    <row r="636492" spans="8:8">
      <c r="H636492" s="12"/>
    </row>
    <row r="636493" spans="8:8">
      <c r="H636493" s="12"/>
    </row>
    <row r="636494" spans="8:8">
      <c r="H636494" s="12"/>
    </row>
    <row r="636495" spans="8:8">
      <c r="H636495" s="12"/>
    </row>
    <row r="636496" spans="8:8">
      <c r="H636496" s="12"/>
    </row>
    <row r="636497" spans="8:8">
      <c r="H636497" s="12"/>
    </row>
    <row r="636498" spans="8:8">
      <c r="H636498" s="12"/>
    </row>
    <row r="636499" spans="8:8">
      <c r="H636499" s="12"/>
    </row>
    <row r="636500" spans="8:8">
      <c r="H636500" s="12"/>
    </row>
    <row r="636501" spans="8:8">
      <c r="H636501" s="12"/>
    </row>
    <row r="636502" spans="8:8">
      <c r="H636502" s="12"/>
    </row>
    <row r="636503" spans="8:8">
      <c r="H636503" s="12"/>
    </row>
    <row r="636504" spans="8:8">
      <c r="H636504" s="12"/>
    </row>
    <row r="636505" spans="8:8">
      <c r="H636505" s="12"/>
    </row>
    <row r="636506" spans="8:8">
      <c r="H636506" s="12"/>
    </row>
    <row r="636507" spans="8:8">
      <c r="H636507" s="12"/>
    </row>
    <row r="636508" spans="8:8">
      <c r="H636508" s="12"/>
    </row>
    <row r="636509" spans="8:8">
      <c r="H636509" s="12"/>
    </row>
    <row r="636510" spans="8:8">
      <c r="H636510" s="12"/>
    </row>
    <row r="636511" spans="8:8">
      <c r="H636511" s="12"/>
    </row>
    <row r="636512" spans="8:8">
      <c r="H636512" s="12"/>
    </row>
    <row r="636513" spans="8:8">
      <c r="H636513" s="12"/>
    </row>
    <row r="636514" spans="8:8">
      <c r="H636514" s="12"/>
    </row>
    <row r="636515" spans="8:8">
      <c r="H636515" s="12"/>
    </row>
    <row r="636516" spans="8:8">
      <c r="H636516" s="12"/>
    </row>
    <row r="636517" spans="8:8">
      <c r="H636517" s="12"/>
    </row>
    <row r="636518" spans="8:8">
      <c r="H636518" s="12"/>
    </row>
    <row r="636519" spans="8:8">
      <c r="H636519" s="12"/>
    </row>
    <row r="636520" spans="8:8">
      <c r="H636520" s="12"/>
    </row>
    <row r="636521" spans="8:8">
      <c r="H636521" s="12"/>
    </row>
    <row r="636522" spans="8:8">
      <c r="H636522" s="12"/>
    </row>
    <row r="636523" spans="8:8">
      <c r="H636523" s="12"/>
    </row>
    <row r="636524" spans="8:8">
      <c r="H636524" s="12"/>
    </row>
    <row r="636525" spans="8:8">
      <c r="H636525" s="12"/>
    </row>
    <row r="636526" spans="8:8">
      <c r="H636526" s="12"/>
    </row>
    <row r="636527" spans="8:8">
      <c r="H636527" s="12"/>
    </row>
    <row r="636528" spans="8:8">
      <c r="H636528" s="12"/>
    </row>
    <row r="636529" spans="8:8">
      <c r="H636529" s="12"/>
    </row>
    <row r="636530" spans="8:8">
      <c r="H636530" s="12"/>
    </row>
    <row r="636531" spans="8:8">
      <c r="H636531" s="12"/>
    </row>
    <row r="636532" spans="8:8">
      <c r="H636532" s="12"/>
    </row>
    <row r="636533" spans="8:8">
      <c r="H636533" s="12"/>
    </row>
    <row r="636534" spans="8:8">
      <c r="H636534" s="12"/>
    </row>
    <row r="636535" spans="8:8">
      <c r="H636535" s="12"/>
    </row>
    <row r="636536" spans="8:8">
      <c r="H636536" s="12"/>
    </row>
    <row r="636537" spans="8:8">
      <c r="H636537" s="12"/>
    </row>
    <row r="636538" spans="8:8">
      <c r="H636538" s="12"/>
    </row>
    <row r="636539" spans="8:8">
      <c r="H636539" s="12"/>
    </row>
    <row r="636540" spans="8:8">
      <c r="H636540" s="12"/>
    </row>
    <row r="636541" spans="8:8">
      <c r="H636541" s="12"/>
    </row>
    <row r="636542" spans="8:8">
      <c r="H636542" s="12"/>
    </row>
    <row r="636543" spans="8:8">
      <c r="H636543" s="12"/>
    </row>
    <row r="636544" spans="8:8">
      <c r="H636544" s="12"/>
    </row>
    <row r="636545" spans="8:8">
      <c r="H636545" s="12"/>
    </row>
    <row r="636546" spans="8:8">
      <c r="H636546" s="12"/>
    </row>
    <row r="636547" spans="8:8">
      <c r="H636547" s="12"/>
    </row>
    <row r="636548" spans="8:8">
      <c r="H636548" s="12"/>
    </row>
    <row r="636549" spans="8:8">
      <c r="H636549" s="12"/>
    </row>
    <row r="636550" spans="8:8">
      <c r="H636550" s="12"/>
    </row>
    <row r="636551" spans="8:8">
      <c r="H636551" s="12"/>
    </row>
    <row r="636552" spans="8:8">
      <c r="H636552" s="12"/>
    </row>
    <row r="636553" spans="8:8">
      <c r="H636553" s="12"/>
    </row>
    <row r="636554" spans="8:8">
      <c r="H636554" s="12"/>
    </row>
    <row r="636555" spans="8:8">
      <c r="H636555" s="12"/>
    </row>
    <row r="636556" spans="8:8">
      <c r="H636556" s="12"/>
    </row>
    <row r="636557" spans="8:8">
      <c r="H636557" s="12"/>
    </row>
    <row r="636558" spans="8:8">
      <c r="H636558" s="12"/>
    </row>
    <row r="636559" spans="8:8">
      <c r="H636559" s="12"/>
    </row>
    <row r="636560" spans="8:8">
      <c r="H636560" s="12"/>
    </row>
    <row r="636561" spans="8:8">
      <c r="H636561" s="12"/>
    </row>
    <row r="636562" spans="8:8">
      <c r="H636562" s="12"/>
    </row>
    <row r="636563" spans="8:8">
      <c r="H636563" s="12"/>
    </row>
    <row r="636564" spans="8:8">
      <c r="H636564" s="12"/>
    </row>
    <row r="636565" spans="8:8">
      <c r="H636565" s="12"/>
    </row>
    <row r="636566" spans="8:8">
      <c r="H636566" s="12"/>
    </row>
    <row r="636567" spans="8:8">
      <c r="H636567" s="12"/>
    </row>
    <row r="636568" spans="8:8">
      <c r="H636568" s="12"/>
    </row>
    <row r="636569" spans="8:8">
      <c r="H636569" s="12"/>
    </row>
    <row r="636570" spans="8:8">
      <c r="H636570" s="12"/>
    </row>
    <row r="636571" spans="8:8">
      <c r="H636571" s="12"/>
    </row>
    <row r="636572" spans="8:8">
      <c r="H636572" s="12"/>
    </row>
    <row r="636573" spans="8:8">
      <c r="H636573" s="12"/>
    </row>
    <row r="636574" spans="8:8">
      <c r="H636574" s="12"/>
    </row>
    <row r="636575" spans="8:8">
      <c r="H636575" s="12"/>
    </row>
    <row r="636576" spans="8:8">
      <c r="H636576" s="12"/>
    </row>
    <row r="636577" spans="8:8">
      <c r="H636577" s="12"/>
    </row>
    <row r="636578" spans="8:8">
      <c r="H636578" s="12"/>
    </row>
    <row r="636579" spans="8:8">
      <c r="H636579" s="12"/>
    </row>
    <row r="636580" spans="8:8">
      <c r="H636580" s="12"/>
    </row>
    <row r="636581" spans="8:8">
      <c r="H636581" s="12"/>
    </row>
    <row r="636582" spans="8:8">
      <c r="H636582" s="12"/>
    </row>
    <row r="636583" spans="8:8">
      <c r="H636583" s="12"/>
    </row>
    <row r="636584" spans="8:8">
      <c r="H636584" s="12"/>
    </row>
    <row r="636585" spans="8:8">
      <c r="H636585" s="12"/>
    </row>
    <row r="636586" spans="8:8">
      <c r="H636586" s="12"/>
    </row>
    <row r="636587" spans="8:8">
      <c r="H636587" s="12"/>
    </row>
    <row r="636588" spans="8:8">
      <c r="H636588" s="12"/>
    </row>
    <row r="636589" spans="8:8">
      <c r="H636589" s="12"/>
    </row>
    <row r="636590" spans="8:8">
      <c r="H636590" s="12"/>
    </row>
    <row r="636591" spans="8:8">
      <c r="H636591" s="12"/>
    </row>
    <row r="636592" spans="8:8">
      <c r="H636592" s="12"/>
    </row>
    <row r="636593" spans="8:8">
      <c r="H636593" s="12"/>
    </row>
    <row r="636594" spans="8:8">
      <c r="H636594" s="12"/>
    </row>
    <row r="636595" spans="8:8">
      <c r="H636595" s="12"/>
    </row>
    <row r="636596" spans="8:8">
      <c r="H636596" s="12"/>
    </row>
    <row r="636597" spans="8:8">
      <c r="H636597" s="12"/>
    </row>
    <row r="636598" spans="8:8">
      <c r="H636598" s="12"/>
    </row>
    <row r="636599" spans="8:8">
      <c r="H636599" s="12"/>
    </row>
    <row r="636600" spans="8:8">
      <c r="H636600" s="12"/>
    </row>
    <row r="636601" spans="8:8">
      <c r="H636601" s="12"/>
    </row>
    <row r="636602" spans="8:8">
      <c r="H636602" s="12"/>
    </row>
    <row r="636603" spans="8:8">
      <c r="H636603" s="12"/>
    </row>
    <row r="636604" spans="8:8">
      <c r="H636604" s="12"/>
    </row>
    <row r="636605" spans="8:8">
      <c r="H636605" s="12"/>
    </row>
    <row r="636606" spans="8:8">
      <c r="H636606" s="12"/>
    </row>
    <row r="636607" spans="8:8">
      <c r="H636607" s="12"/>
    </row>
    <row r="636608" spans="8:8">
      <c r="H636608" s="12"/>
    </row>
    <row r="636609" spans="8:8">
      <c r="H636609" s="12"/>
    </row>
    <row r="636610" spans="8:8">
      <c r="H636610" s="12"/>
    </row>
    <row r="636611" spans="8:8">
      <c r="H636611" s="12"/>
    </row>
    <row r="636612" spans="8:8">
      <c r="H636612" s="12"/>
    </row>
    <row r="636613" spans="8:8">
      <c r="H636613" s="12"/>
    </row>
    <row r="636614" spans="8:8">
      <c r="H636614" s="12"/>
    </row>
    <row r="636615" spans="8:8">
      <c r="H636615" s="12"/>
    </row>
    <row r="636616" spans="8:8">
      <c r="H636616" s="12"/>
    </row>
    <row r="636617" spans="8:8">
      <c r="H636617" s="12"/>
    </row>
    <row r="636618" spans="8:8">
      <c r="H636618" s="12"/>
    </row>
    <row r="636619" spans="8:8">
      <c r="H636619" s="12"/>
    </row>
    <row r="636620" spans="8:8">
      <c r="H636620" s="12"/>
    </row>
    <row r="636621" spans="8:8">
      <c r="H636621" s="12"/>
    </row>
    <row r="636622" spans="8:8">
      <c r="H636622" s="12"/>
    </row>
    <row r="636623" spans="8:8">
      <c r="H636623" s="12"/>
    </row>
    <row r="636624" spans="8:8">
      <c r="H636624" s="12"/>
    </row>
    <row r="636625" spans="8:8">
      <c r="H636625" s="12"/>
    </row>
    <row r="636626" spans="8:8">
      <c r="H636626" s="12"/>
    </row>
    <row r="636627" spans="8:8">
      <c r="H636627" s="12"/>
    </row>
    <row r="636628" spans="8:8">
      <c r="H636628" s="12"/>
    </row>
    <row r="636629" spans="8:8">
      <c r="H636629" s="12"/>
    </row>
    <row r="636630" spans="8:8">
      <c r="H636630" s="12"/>
    </row>
    <row r="636631" spans="8:8">
      <c r="H636631" s="12"/>
    </row>
    <row r="636632" spans="8:8">
      <c r="H636632" s="12"/>
    </row>
    <row r="636633" spans="8:8">
      <c r="H636633" s="12"/>
    </row>
    <row r="636634" spans="8:8">
      <c r="H636634" s="12"/>
    </row>
    <row r="636635" spans="8:8">
      <c r="H636635" s="12"/>
    </row>
    <row r="636636" spans="8:8">
      <c r="H636636" s="12"/>
    </row>
    <row r="636637" spans="8:8">
      <c r="H636637" s="12"/>
    </row>
    <row r="636638" spans="8:8">
      <c r="H636638" s="12"/>
    </row>
    <row r="636639" spans="8:8">
      <c r="H636639" s="12"/>
    </row>
    <row r="636640" spans="8:8">
      <c r="H636640" s="12"/>
    </row>
    <row r="636641" spans="8:8">
      <c r="H636641" s="12"/>
    </row>
    <row r="636642" spans="8:8">
      <c r="H636642" s="12"/>
    </row>
    <row r="636643" spans="8:8">
      <c r="H636643" s="12"/>
    </row>
    <row r="636644" spans="8:8">
      <c r="H636644" s="12"/>
    </row>
    <row r="636645" spans="8:8">
      <c r="H636645" s="12"/>
    </row>
    <row r="636646" spans="8:8">
      <c r="H636646" s="12"/>
    </row>
    <row r="636647" spans="8:8">
      <c r="H636647" s="12"/>
    </row>
    <row r="636648" spans="8:8">
      <c r="H636648" s="12"/>
    </row>
    <row r="636649" spans="8:8">
      <c r="H636649" s="12"/>
    </row>
    <row r="636650" spans="8:8">
      <c r="H636650" s="12"/>
    </row>
    <row r="636651" spans="8:8">
      <c r="H636651" s="12"/>
    </row>
    <row r="636652" spans="8:8">
      <c r="H636652" s="12"/>
    </row>
    <row r="636653" spans="8:8">
      <c r="H636653" s="12"/>
    </row>
    <row r="636654" spans="8:8">
      <c r="H636654" s="12"/>
    </row>
    <row r="636655" spans="8:8">
      <c r="H636655" s="12"/>
    </row>
    <row r="636656" spans="8:8">
      <c r="H636656" s="12"/>
    </row>
    <row r="636657" spans="8:8">
      <c r="H636657" s="12"/>
    </row>
    <row r="636658" spans="8:8">
      <c r="H636658" s="12"/>
    </row>
    <row r="636659" spans="8:8">
      <c r="H636659" s="12"/>
    </row>
    <row r="636660" spans="8:8">
      <c r="H636660" s="12"/>
    </row>
    <row r="636661" spans="8:8">
      <c r="H636661" s="12"/>
    </row>
    <row r="636662" spans="8:8">
      <c r="H636662" s="12"/>
    </row>
    <row r="636663" spans="8:8">
      <c r="H636663" s="12"/>
    </row>
    <row r="636664" spans="8:8">
      <c r="H636664" s="12"/>
    </row>
    <row r="636665" spans="8:8">
      <c r="H636665" s="12"/>
    </row>
    <row r="636666" spans="8:8">
      <c r="H636666" s="12"/>
    </row>
    <row r="636667" spans="8:8">
      <c r="H636667" s="12"/>
    </row>
    <row r="636668" spans="8:8">
      <c r="H636668" s="12"/>
    </row>
    <row r="636669" spans="8:8">
      <c r="H636669" s="12"/>
    </row>
    <row r="636670" spans="8:8">
      <c r="H636670" s="12"/>
    </row>
    <row r="636671" spans="8:8">
      <c r="H636671" s="12"/>
    </row>
    <row r="636672" spans="8:8">
      <c r="H636672" s="12"/>
    </row>
    <row r="636673" spans="8:8">
      <c r="H636673" s="12"/>
    </row>
    <row r="636674" spans="8:8">
      <c r="H636674" s="12"/>
    </row>
    <row r="636675" spans="8:8">
      <c r="H636675" s="12"/>
    </row>
    <row r="636676" spans="8:8">
      <c r="H636676" s="12"/>
    </row>
    <row r="636677" spans="8:8">
      <c r="H636677" s="12"/>
    </row>
    <row r="636678" spans="8:8">
      <c r="H636678" s="12"/>
    </row>
    <row r="636679" spans="8:8">
      <c r="H636679" s="12"/>
    </row>
    <row r="636680" spans="8:8">
      <c r="H636680" s="12"/>
    </row>
    <row r="636681" spans="8:8">
      <c r="H636681" s="12"/>
    </row>
    <row r="636682" spans="8:8">
      <c r="H636682" s="12"/>
    </row>
    <row r="636683" spans="8:8">
      <c r="H636683" s="12"/>
    </row>
    <row r="636684" spans="8:8">
      <c r="H636684" s="12"/>
    </row>
    <row r="636685" spans="8:8">
      <c r="H636685" s="12"/>
    </row>
    <row r="636686" spans="8:8">
      <c r="H636686" s="12"/>
    </row>
    <row r="636687" spans="8:8">
      <c r="H636687" s="12"/>
    </row>
    <row r="636688" spans="8:8">
      <c r="H636688" s="12"/>
    </row>
    <row r="636689" spans="8:8">
      <c r="H636689" s="12"/>
    </row>
    <row r="636690" spans="8:8">
      <c r="H636690" s="12"/>
    </row>
    <row r="636691" spans="8:8">
      <c r="H636691" s="12"/>
    </row>
    <row r="636692" spans="8:8">
      <c r="H636692" s="12"/>
    </row>
    <row r="636693" spans="8:8">
      <c r="H636693" s="12"/>
    </row>
    <row r="636694" spans="8:8">
      <c r="H636694" s="12"/>
    </row>
    <row r="636695" spans="8:8">
      <c r="H636695" s="12"/>
    </row>
    <row r="636696" spans="8:8">
      <c r="H636696" s="12"/>
    </row>
    <row r="636697" spans="8:8">
      <c r="H636697" s="12"/>
    </row>
    <row r="636698" spans="8:8">
      <c r="H636698" s="12"/>
    </row>
    <row r="636699" spans="8:8">
      <c r="H636699" s="12"/>
    </row>
    <row r="636700" spans="8:8">
      <c r="H636700" s="12"/>
    </row>
    <row r="636701" spans="8:8">
      <c r="H636701" s="12"/>
    </row>
    <row r="636702" spans="8:8">
      <c r="H636702" s="12"/>
    </row>
    <row r="636703" spans="8:8">
      <c r="H636703" s="12"/>
    </row>
    <row r="636704" spans="8:8">
      <c r="H636704" s="12"/>
    </row>
    <row r="636705" spans="8:8">
      <c r="H636705" s="12"/>
    </row>
    <row r="636706" spans="8:8">
      <c r="H636706" s="12"/>
    </row>
    <row r="636707" spans="8:8">
      <c r="H636707" s="12"/>
    </row>
    <row r="636708" spans="8:8">
      <c r="H636708" s="12"/>
    </row>
    <row r="636709" spans="8:8">
      <c r="H636709" s="12"/>
    </row>
    <row r="636710" spans="8:8">
      <c r="H636710" s="12"/>
    </row>
    <row r="636711" spans="8:8">
      <c r="H636711" s="12"/>
    </row>
    <row r="636712" spans="8:8">
      <c r="H636712" s="12"/>
    </row>
    <row r="636713" spans="8:8">
      <c r="H636713" s="12"/>
    </row>
    <row r="636714" spans="8:8">
      <c r="H636714" s="12"/>
    </row>
    <row r="636715" spans="8:8">
      <c r="H636715" s="12"/>
    </row>
    <row r="636716" spans="8:8">
      <c r="H636716" s="12"/>
    </row>
    <row r="636717" spans="8:8">
      <c r="H636717" s="12"/>
    </row>
    <row r="636718" spans="8:8">
      <c r="H636718" s="12"/>
    </row>
    <row r="636719" spans="8:8">
      <c r="H636719" s="12"/>
    </row>
    <row r="636720" spans="8:8">
      <c r="H636720" s="12"/>
    </row>
    <row r="636721" spans="8:8">
      <c r="H636721" s="12"/>
    </row>
    <row r="636722" spans="8:8">
      <c r="H636722" s="12"/>
    </row>
    <row r="636723" spans="8:8">
      <c r="H636723" s="12"/>
    </row>
    <row r="636724" spans="8:8">
      <c r="H636724" s="12"/>
    </row>
    <row r="636725" spans="8:8">
      <c r="H636725" s="12"/>
    </row>
    <row r="636726" spans="8:8">
      <c r="H636726" s="12"/>
    </row>
    <row r="636727" spans="8:8">
      <c r="H636727" s="12"/>
    </row>
    <row r="636728" spans="8:8">
      <c r="H636728" s="12"/>
    </row>
    <row r="636729" spans="8:8">
      <c r="H636729" s="12"/>
    </row>
    <row r="636730" spans="8:8">
      <c r="H636730" s="12"/>
    </row>
    <row r="636731" spans="8:8">
      <c r="H636731" s="12"/>
    </row>
    <row r="636732" spans="8:8">
      <c r="H636732" s="12"/>
    </row>
    <row r="636733" spans="8:8">
      <c r="H636733" s="12"/>
    </row>
    <row r="636734" spans="8:8">
      <c r="H636734" s="12"/>
    </row>
    <row r="636735" spans="8:8">
      <c r="H636735" s="12"/>
    </row>
    <row r="636736" spans="8:8">
      <c r="H636736" s="12"/>
    </row>
    <row r="636737" spans="8:8">
      <c r="H636737" s="12"/>
    </row>
    <row r="636738" spans="8:8">
      <c r="H636738" s="12"/>
    </row>
    <row r="636739" spans="8:8">
      <c r="H636739" s="12"/>
    </row>
    <row r="636740" spans="8:8">
      <c r="H636740" s="12"/>
    </row>
    <row r="636741" spans="8:8">
      <c r="H636741" s="12"/>
    </row>
    <row r="636742" spans="8:8">
      <c r="H636742" s="12"/>
    </row>
    <row r="636743" spans="8:8">
      <c r="H636743" s="12"/>
    </row>
    <row r="636744" spans="8:8">
      <c r="H636744" s="12"/>
    </row>
    <row r="636745" spans="8:8">
      <c r="H636745" s="12"/>
    </row>
    <row r="636746" spans="8:8">
      <c r="H636746" s="12"/>
    </row>
    <row r="636747" spans="8:8">
      <c r="H636747" s="12"/>
    </row>
    <row r="636748" spans="8:8">
      <c r="H636748" s="12"/>
    </row>
    <row r="636749" spans="8:8">
      <c r="H636749" s="12"/>
    </row>
    <row r="636750" spans="8:8">
      <c r="H636750" s="12"/>
    </row>
    <row r="636751" spans="8:8">
      <c r="H636751" s="12"/>
    </row>
    <row r="636752" spans="8:8">
      <c r="H636752" s="12"/>
    </row>
    <row r="636753" spans="8:8">
      <c r="H636753" s="12"/>
    </row>
    <row r="636754" spans="8:8">
      <c r="H636754" s="12"/>
    </row>
    <row r="636755" spans="8:8">
      <c r="H636755" s="12"/>
    </row>
    <row r="636756" spans="8:8">
      <c r="H636756" s="12"/>
    </row>
    <row r="636757" spans="8:8">
      <c r="H636757" s="12"/>
    </row>
    <row r="636758" spans="8:8">
      <c r="H636758" s="12"/>
    </row>
    <row r="636759" spans="8:8">
      <c r="H636759" s="12"/>
    </row>
    <row r="636760" spans="8:8">
      <c r="H636760" s="12"/>
    </row>
    <row r="636761" spans="8:8">
      <c r="H636761" s="12"/>
    </row>
    <row r="636762" spans="8:8">
      <c r="H636762" s="12"/>
    </row>
    <row r="636763" spans="8:8">
      <c r="H636763" s="12"/>
    </row>
    <row r="636764" spans="8:8">
      <c r="H636764" s="12"/>
    </row>
    <row r="636765" spans="8:8">
      <c r="H636765" s="12"/>
    </row>
    <row r="636766" spans="8:8">
      <c r="H636766" s="12"/>
    </row>
    <row r="636767" spans="8:8">
      <c r="H636767" s="12"/>
    </row>
    <row r="636768" spans="8:8">
      <c r="H636768" s="12"/>
    </row>
    <row r="636769" spans="8:8">
      <c r="H636769" s="12"/>
    </row>
    <row r="636770" spans="8:8">
      <c r="H636770" s="12"/>
    </row>
    <row r="636771" spans="8:8">
      <c r="H636771" s="12"/>
    </row>
    <row r="636772" spans="8:8">
      <c r="H636772" s="12"/>
    </row>
    <row r="636773" spans="8:8">
      <c r="H636773" s="12"/>
    </row>
    <row r="636774" spans="8:8">
      <c r="H636774" s="12"/>
    </row>
    <row r="636775" spans="8:8">
      <c r="H636775" s="12"/>
    </row>
    <row r="636776" spans="8:8">
      <c r="H636776" s="12"/>
    </row>
    <row r="636777" spans="8:8">
      <c r="H636777" s="12"/>
    </row>
    <row r="636778" spans="8:8">
      <c r="H636778" s="12"/>
    </row>
    <row r="636779" spans="8:8">
      <c r="H636779" s="12"/>
    </row>
    <row r="636780" spans="8:8">
      <c r="H636780" s="12"/>
    </row>
    <row r="636781" spans="8:8">
      <c r="H636781" s="12"/>
    </row>
    <row r="636782" spans="8:8">
      <c r="H636782" s="12"/>
    </row>
    <row r="636783" spans="8:8">
      <c r="H636783" s="12"/>
    </row>
    <row r="636784" spans="8:8">
      <c r="H636784" s="12"/>
    </row>
    <row r="636785" spans="8:8">
      <c r="H636785" s="12"/>
    </row>
    <row r="636786" spans="8:8">
      <c r="H636786" s="12"/>
    </row>
    <row r="636787" spans="8:8">
      <c r="H636787" s="12"/>
    </row>
    <row r="636788" spans="8:8">
      <c r="H636788" s="12"/>
    </row>
    <row r="636789" spans="8:8">
      <c r="H636789" s="12"/>
    </row>
    <row r="636790" spans="8:8">
      <c r="H636790" s="12"/>
    </row>
    <row r="636791" spans="8:8">
      <c r="H636791" s="12"/>
    </row>
    <row r="636792" spans="8:8">
      <c r="H636792" s="12"/>
    </row>
    <row r="636793" spans="8:8">
      <c r="H636793" s="12"/>
    </row>
    <row r="636794" spans="8:8">
      <c r="H636794" s="12"/>
    </row>
    <row r="636795" spans="8:8">
      <c r="H636795" s="12"/>
    </row>
    <row r="636796" spans="8:8">
      <c r="H636796" s="12"/>
    </row>
    <row r="636797" spans="8:8">
      <c r="H636797" s="12"/>
    </row>
    <row r="636798" spans="8:8">
      <c r="H636798" s="12"/>
    </row>
    <row r="636799" spans="8:8">
      <c r="H636799" s="12"/>
    </row>
    <row r="636800" spans="8:8">
      <c r="H636800" s="12"/>
    </row>
    <row r="636801" spans="8:8">
      <c r="H636801" s="12"/>
    </row>
    <row r="636802" spans="8:8">
      <c r="H636802" s="12"/>
    </row>
    <row r="636803" spans="8:8">
      <c r="H636803" s="12"/>
    </row>
    <row r="636804" spans="8:8">
      <c r="H636804" s="12"/>
    </row>
    <row r="636805" spans="8:8">
      <c r="H636805" s="12"/>
    </row>
    <row r="636806" spans="8:8">
      <c r="H636806" s="12"/>
    </row>
    <row r="636807" spans="8:8">
      <c r="H636807" s="12"/>
    </row>
    <row r="636808" spans="8:8">
      <c r="H636808" s="12"/>
    </row>
    <row r="636809" spans="8:8">
      <c r="H636809" s="12"/>
    </row>
    <row r="636810" spans="8:8">
      <c r="H636810" s="12"/>
    </row>
    <row r="636811" spans="8:8">
      <c r="H636811" s="12"/>
    </row>
    <row r="636812" spans="8:8">
      <c r="H636812" s="12"/>
    </row>
    <row r="636813" spans="8:8">
      <c r="H636813" s="12"/>
    </row>
    <row r="636814" spans="8:8">
      <c r="H636814" s="12"/>
    </row>
    <row r="636815" spans="8:8">
      <c r="H636815" s="12"/>
    </row>
    <row r="636816" spans="8:8">
      <c r="H636816" s="12"/>
    </row>
    <row r="636817" spans="8:8">
      <c r="H636817" s="12"/>
    </row>
    <row r="636818" spans="8:8">
      <c r="H636818" s="12"/>
    </row>
    <row r="636819" spans="8:8">
      <c r="H636819" s="12"/>
    </row>
    <row r="636820" spans="8:8">
      <c r="H636820" s="12"/>
    </row>
    <row r="636821" spans="8:8">
      <c r="H636821" s="12"/>
    </row>
    <row r="636822" spans="8:8">
      <c r="H636822" s="12"/>
    </row>
    <row r="636823" spans="8:8">
      <c r="H636823" s="12"/>
    </row>
    <row r="636824" spans="8:8">
      <c r="H636824" s="12"/>
    </row>
    <row r="636825" spans="8:8">
      <c r="H636825" s="12"/>
    </row>
    <row r="636826" spans="8:8">
      <c r="H636826" s="12"/>
    </row>
    <row r="636827" spans="8:8">
      <c r="H636827" s="12"/>
    </row>
    <row r="636828" spans="8:8">
      <c r="H636828" s="12"/>
    </row>
    <row r="636829" spans="8:8">
      <c r="H636829" s="12"/>
    </row>
    <row r="636830" spans="8:8">
      <c r="H636830" s="12"/>
    </row>
    <row r="636831" spans="8:8">
      <c r="H636831" s="12"/>
    </row>
    <row r="636832" spans="8:8">
      <c r="H636832" s="12"/>
    </row>
    <row r="636833" spans="8:8">
      <c r="H636833" s="12"/>
    </row>
    <row r="636834" spans="8:8">
      <c r="H636834" s="12"/>
    </row>
    <row r="636835" spans="8:8">
      <c r="H636835" s="12"/>
    </row>
    <row r="636836" spans="8:8">
      <c r="H636836" s="12"/>
    </row>
    <row r="636837" spans="8:8">
      <c r="H636837" s="12"/>
    </row>
    <row r="636838" spans="8:8">
      <c r="H636838" s="12"/>
    </row>
    <row r="636839" spans="8:8">
      <c r="H636839" s="12"/>
    </row>
    <row r="636840" spans="8:8">
      <c r="H636840" s="12"/>
    </row>
    <row r="636841" spans="8:8">
      <c r="H636841" s="12"/>
    </row>
    <row r="636842" spans="8:8">
      <c r="H636842" s="12"/>
    </row>
    <row r="636843" spans="8:8">
      <c r="H636843" s="12"/>
    </row>
    <row r="636844" spans="8:8">
      <c r="H636844" s="12"/>
    </row>
    <row r="636845" spans="8:8">
      <c r="H636845" s="12"/>
    </row>
    <row r="636846" spans="8:8">
      <c r="H636846" s="12"/>
    </row>
    <row r="636847" spans="8:8">
      <c r="H636847" s="12"/>
    </row>
    <row r="636848" spans="8:8">
      <c r="H636848" s="12"/>
    </row>
    <row r="636849" spans="8:8">
      <c r="H636849" s="12"/>
    </row>
    <row r="636850" spans="8:8">
      <c r="H636850" s="12"/>
    </row>
    <row r="636851" spans="8:8">
      <c r="H636851" s="12"/>
    </row>
    <row r="636852" spans="8:8">
      <c r="H636852" s="12"/>
    </row>
    <row r="636853" spans="8:8">
      <c r="H636853" s="12"/>
    </row>
    <row r="636854" spans="8:8">
      <c r="H636854" s="12"/>
    </row>
    <row r="636855" spans="8:8">
      <c r="H636855" s="12"/>
    </row>
    <row r="636856" spans="8:8">
      <c r="H636856" s="12"/>
    </row>
    <row r="636857" spans="8:8">
      <c r="H636857" s="12"/>
    </row>
    <row r="636858" spans="8:8">
      <c r="H636858" s="12"/>
    </row>
    <row r="636859" spans="8:8">
      <c r="H636859" s="12"/>
    </row>
    <row r="636860" spans="8:8">
      <c r="H636860" s="12"/>
    </row>
    <row r="636861" spans="8:8">
      <c r="H636861" s="12"/>
    </row>
    <row r="636862" spans="8:8">
      <c r="H636862" s="12"/>
    </row>
    <row r="636863" spans="8:8">
      <c r="H636863" s="12"/>
    </row>
    <row r="636864" spans="8:8">
      <c r="H636864" s="12"/>
    </row>
    <row r="636865" spans="8:8">
      <c r="H636865" s="12"/>
    </row>
    <row r="636866" spans="8:8">
      <c r="H636866" s="12"/>
    </row>
    <row r="636867" spans="8:8">
      <c r="H636867" s="12"/>
    </row>
    <row r="636868" spans="8:8">
      <c r="H636868" s="12"/>
    </row>
    <row r="636869" spans="8:8">
      <c r="H636869" s="12"/>
    </row>
    <row r="636870" spans="8:8">
      <c r="H636870" s="12"/>
    </row>
    <row r="636871" spans="8:8">
      <c r="H636871" s="12"/>
    </row>
    <row r="636872" spans="8:8">
      <c r="H636872" s="12"/>
    </row>
    <row r="636873" spans="8:8">
      <c r="H636873" s="12"/>
    </row>
    <row r="636874" spans="8:8">
      <c r="H636874" s="12"/>
    </row>
    <row r="636875" spans="8:8">
      <c r="H636875" s="12"/>
    </row>
    <row r="636876" spans="8:8">
      <c r="H636876" s="12"/>
    </row>
    <row r="636877" spans="8:8">
      <c r="H636877" s="12"/>
    </row>
    <row r="636878" spans="8:8">
      <c r="H636878" s="12"/>
    </row>
    <row r="636879" spans="8:8">
      <c r="H636879" s="12"/>
    </row>
    <row r="636880" spans="8:8">
      <c r="H636880" s="12"/>
    </row>
    <row r="636881" spans="8:8">
      <c r="H636881" s="12"/>
    </row>
    <row r="636882" spans="8:8">
      <c r="H636882" s="12"/>
    </row>
    <row r="636883" spans="8:8">
      <c r="H636883" s="12"/>
    </row>
    <row r="636884" spans="8:8">
      <c r="H636884" s="12"/>
    </row>
    <row r="636885" spans="8:8">
      <c r="H636885" s="12"/>
    </row>
    <row r="636886" spans="8:8">
      <c r="H636886" s="12"/>
    </row>
    <row r="636887" spans="8:8">
      <c r="H636887" s="12"/>
    </row>
    <row r="636888" spans="8:8">
      <c r="H636888" s="12"/>
    </row>
    <row r="636889" spans="8:8">
      <c r="H636889" s="12"/>
    </row>
    <row r="636890" spans="8:8">
      <c r="H636890" s="12"/>
    </row>
    <row r="636891" spans="8:8">
      <c r="H636891" s="12"/>
    </row>
    <row r="636892" spans="8:8">
      <c r="H636892" s="12"/>
    </row>
    <row r="636893" spans="8:8">
      <c r="H636893" s="12"/>
    </row>
    <row r="636894" spans="8:8">
      <c r="H636894" s="12"/>
    </row>
    <row r="636895" spans="8:8">
      <c r="H636895" s="12"/>
    </row>
    <row r="636896" spans="8:8">
      <c r="H636896" s="12"/>
    </row>
    <row r="636897" spans="8:8">
      <c r="H636897" s="12"/>
    </row>
    <row r="636898" spans="8:8">
      <c r="H636898" s="12"/>
    </row>
    <row r="636899" spans="8:8">
      <c r="H636899" s="12"/>
    </row>
    <row r="636900" spans="8:8">
      <c r="H636900" s="12"/>
    </row>
    <row r="636901" spans="8:8">
      <c r="H636901" s="12"/>
    </row>
    <row r="636902" spans="8:8">
      <c r="H636902" s="12"/>
    </row>
    <row r="636903" spans="8:8">
      <c r="H636903" s="12"/>
    </row>
    <row r="636904" spans="8:8">
      <c r="H636904" s="12"/>
    </row>
    <row r="636905" spans="8:8">
      <c r="H636905" s="12"/>
    </row>
    <row r="636906" spans="8:8">
      <c r="H636906" s="12"/>
    </row>
    <row r="636907" spans="8:8">
      <c r="H636907" s="12"/>
    </row>
    <row r="636908" spans="8:8">
      <c r="H636908" s="12"/>
    </row>
    <row r="636909" spans="8:8">
      <c r="H636909" s="12"/>
    </row>
    <row r="636910" spans="8:8">
      <c r="H636910" s="12"/>
    </row>
    <row r="636911" spans="8:8">
      <c r="H636911" s="12"/>
    </row>
    <row r="636912" spans="8:8">
      <c r="H636912" s="12"/>
    </row>
    <row r="636913" spans="8:8">
      <c r="H636913" s="12"/>
    </row>
    <row r="636914" spans="8:8">
      <c r="H636914" s="12"/>
    </row>
    <row r="636915" spans="8:8">
      <c r="H636915" s="12"/>
    </row>
    <row r="636916" spans="8:8">
      <c r="H636916" s="12"/>
    </row>
    <row r="636917" spans="8:8">
      <c r="H636917" s="12"/>
    </row>
    <row r="636918" spans="8:8">
      <c r="H636918" s="12"/>
    </row>
    <row r="636919" spans="8:8">
      <c r="H636919" s="12"/>
    </row>
    <row r="636920" spans="8:8">
      <c r="H636920" s="12"/>
    </row>
    <row r="636921" spans="8:8">
      <c r="H636921" s="12"/>
    </row>
    <row r="636922" spans="8:8">
      <c r="H636922" s="12"/>
    </row>
    <row r="636923" spans="8:8">
      <c r="H636923" s="12"/>
    </row>
    <row r="636924" spans="8:8">
      <c r="H636924" s="12"/>
    </row>
    <row r="636925" spans="8:8">
      <c r="H636925" s="12"/>
    </row>
    <row r="636926" spans="8:8">
      <c r="H636926" s="12"/>
    </row>
    <row r="636927" spans="8:8">
      <c r="H636927" s="12"/>
    </row>
    <row r="636928" spans="8:8">
      <c r="H636928" s="12"/>
    </row>
    <row r="636929" spans="8:8">
      <c r="H636929" s="12"/>
    </row>
    <row r="636930" spans="8:8">
      <c r="H636930" s="12"/>
    </row>
    <row r="636931" spans="8:8">
      <c r="H636931" s="12"/>
    </row>
    <row r="636932" spans="8:8">
      <c r="H636932" s="12"/>
    </row>
    <row r="636933" spans="8:8">
      <c r="H636933" s="12"/>
    </row>
    <row r="636934" spans="8:8">
      <c r="H636934" s="12"/>
    </row>
    <row r="636935" spans="8:8">
      <c r="H636935" s="12"/>
    </row>
    <row r="636936" spans="8:8">
      <c r="H636936" s="12"/>
    </row>
    <row r="636937" spans="8:8">
      <c r="H636937" s="12"/>
    </row>
    <row r="636938" spans="8:8">
      <c r="H636938" s="12"/>
    </row>
    <row r="636939" spans="8:8">
      <c r="H636939" s="12"/>
    </row>
    <row r="636940" spans="8:8">
      <c r="H636940" s="12"/>
    </row>
    <row r="636941" spans="8:8">
      <c r="H636941" s="12"/>
    </row>
    <row r="636942" spans="8:8">
      <c r="H636942" s="12"/>
    </row>
    <row r="636943" spans="8:8">
      <c r="H636943" s="12"/>
    </row>
    <row r="636944" spans="8:8">
      <c r="H636944" s="12"/>
    </row>
    <row r="636945" spans="8:8">
      <c r="H636945" s="12"/>
    </row>
    <row r="636946" spans="8:8">
      <c r="H636946" s="12"/>
    </row>
    <row r="636947" spans="8:8">
      <c r="H636947" s="12"/>
    </row>
    <row r="636948" spans="8:8">
      <c r="H636948" s="12"/>
    </row>
    <row r="636949" spans="8:8">
      <c r="H636949" s="12"/>
    </row>
    <row r="636950" spans="8:8">
      <c r="H636950" s="12"/>
    </row>
    <row r="636951" spans="8:8">
      <c r="H636951" s="12"/>
    </row>
    <row r="636952" spans="8:8">
      <c r="H636952" s="12"/>
    </row>
    <row r="636953" spans="8:8">
      <c r="H636953" s="12"/>
    </row>
    <row r="636954" spans="8:8">
      <c r="H636954" s="12"/>
    </row>
    <row r="636955" spans="8:8">
      <c r="H636955" s="12"/>
    </row>
    <row r="636956" spans="8:8">
      <c r="H636956" s="12"/>
    </row>
    <row r="636957" spans="8:8">
      <c r="H636957" s="12"/>
    </row>
    <row r="636958" spans="8:8">
      <c r="H636958" s="12"/>
    </row>
    <row r="636959" spans="8:8">
      <c r="H636959" s="12"/>
    </row>
    <row r="636960" spans="8:8">
      <c r="H636960" s="12"/>
    </row>
    <row r="636961" spans="8:8">
      <c r="H636961" s="12"/>
    </row>
    <row r="636962" spans="8:8">
      <c r="H636962" s="12"/>
    </row>
    <row r="636963" spans="8:8">
      <c r="H636963" s="12"/>
    </row>
    <row r="636964" spans="8:8">
      <c r="H636964" s="12"/>
    </row>
    <row r="636965" spans="8:8">
      <c r="H636965" s="12"/>
    </row>
    <row r="636966" spans="8:8">
      <c r="H636966" s="12"/>
    </row>
    <row r="636967" spans="8:8">
      <c r="H636967" s="12"/>
    </row>
    <row r="636968" spans="8:8">
      <c r="H636968" s="12"/>
    </row>
    <row r="636969" spans="8:8">
      <c r="H636969" s="12"/>
    </row>
    <row r="636970" spans="8:8">
      <c r="H636970" s="12"/>
    </row>
    <row r="636971" spans="8:8">
      <c r="H636971" s="12"/>
    </row>
    <row r="636972" spans="8:8">
      <c r="H636972" s="12"/>
    </row>
    <row r="636973" spans="8:8">
      <c r="H636973" s="12"/>
    </row>
    <row r="636974" spans="8:8">
      <c r="H636974" s="12"/>
    </row>
    <row r="636975" spans="8:8">
      <c r="H636975" s="12"/>
    </row>
    <row r="636976" spans="8:8">
      <c r="H636976" s="12"/>
    </row>
    <row r="636977" spans="8:8">
      <c r="H636977" s="12"/>
    </row>
    <row r="636978" spans="8:8">
      <c r="H636978" s="12"/>
    </row>
    <row r="636979" spans="8:8">
      <c r="H636979" s="12"/>
    </row>
    <row r="636980" spans="8:8">
      <c r="H636980" s="12"/>
    </row>
    <row r="636981" spans="8:8">
      <c r="H636981" s="12"/>
    </row>
    <row r="636982" spans="8:8">
      <c r="H636982" s="12"/>
    </row>
    <row r="636983" spans="8:8">
      <c r="H636983" s="12"/>
    </row>
    <row r="636984" spans="8:8">
      <c r="H636984" s="12"/>
    </row>
    <row r="636985" spans="8:8">
      <c r="H636985" s="12"/>
    </row>
    <row r="636986" spans="8:8">
      <c r="H636986" s="12"/>
    </row>
    <row r="636987" spans="8:8">
      <c r="H636987" s="12"/>
    </row>
    <row r="636988" spans="8:8">
      <c r="H636988" s="12"/>
    </row>
    <row r="636989" spans="8:8">
      <c r="H636989" s="12"/>
    </row>
    <row r="636990" spans="8:8">
      <c r="H636990" s="12"/>
    </row>
    <row r="636991" spans="8:8">
      <c r="H636991" s="12"/>
    </row>
    <row r="636992" spans="8:8">
      <c r="H636992" s="12"/>
    </row>
    <row r="636993" spans="8:8">
      <c r="H636993" s="12"/>
    </row>
    <row r="636994" spans="8:8">
      <c r="H636994" s="12"/>
    </row>
    <row r="636995" spans="8:8">
      <c r="H636995" s="12"/>
    </row>
    <row r="636996" spans="8:8">
      <c r="H636996" s="12"/>
    </row>
    <row r="636997" spans="8:8">
      <c r="H636997" s="12"/>
    </row>
    <row r="636998" spans="8:8">
      <c r="H636998" s="12"/>
    </row>
    <row r="636999" spans="8:8">
      <c r="H636999" s="12"/>
    </row>
    <row r="637000" spans="8:8">
      <c r="H637000" s="12"/>
    </row>
    <row r="637001" spans="8:8">
      <c r="H637001" s="12"/>
    </row>
    <row r="637002" spans="8:8">
      <c r="H637002" s="12"/>
    </row>
    <row r="637003" spans="8:8">
      <c r="H637003" s="12"/>
    </row>
    <row r="637004" spans="8:8">
      <c r="H637004" s="12"/>
    </row>
    <row r="637005" spans="8:8">
      <c r="H637005" s="12"/>
    </row>
    <row r="637006" spans="8:8">
      <c r="H637006" s="12"/>
    </row>
    <row r="637007" spans="8:8">
      <c r="H637007" s="12"/>
    </row>
    <row r="637008" spans="8:8">
      <c r="H637008" s="12"/>
    </row>
    <row r="637009" spans="8:8">
      <c r="H637009" s="12"/>
    </row>
    <row r="637010" spans="8:8">
      <c r="H637010" s="12"/>
    </row>
    <row r="637011" spans="8:8">
      <c r="H637011" s="12"/>
    </row>
    <row r="637012" spans="8:8">
      <c r="H637012" s="12"/>
    </row>
    <row r="637013" spans="8:8">
      <c r="H637013" s="12"/>
    </row>
    <row r="637014" spans="8:8">
      <c r="H637014" s="12"/>
    </row>
    <row r="637015" spans="8:8">
      <c r="H637015" s="12"/>
    </row>
    <row r="637016" spans="8:8">
      <c r="H637016" s="12"/>
    </row>
    <row r="637017" spans="8:8">
      <c r="H637017" s="12"/>
    </row>
    <row r="637018" spans="8:8">
      <c r="H637018" s="12"/>
    </row>
    <row r="637019" spans="8:8">
      <c r="H637019" s="12"/>
    </row>
    <row r="637020" spans="8:8">
      <c r="H637020" s="12"/>
    </row>
    <row r="637021" spans="8:8">
      <c r="H637021" s="12"/>
    </row>
    <row r="637022" spans="8:8">
      <c r="H637022" s="12"/>
    </row>
    <row r="637023" spans="8:8">
      <c r="H637023" s="12"/>
    </row>
    <row r="637024" spans="8:8">
      <c r="H637024" s="12"/>
    </row>
    <row r="637025" spans="8:8">
      <c r="H637025" s="12"/>
    </row>
    <row r="637026" spans="8:8">
      <c r="H637026" s="12"/>
    </row>
    <row r="637027" spans="8:8">
      <c r="H637027" s="12"/>
    </row>
    <row r="637028" spans="8:8">
      <c r="H637028" s="12"/>
    </row>
    <row r="637029" spans="8:8">
      <c r="H637029" s="12"/>
    </row>
    <row r="637030" spans="8:8">
      <c r="H637030" s="12"/>
    </row>
    <row r="637031" spans="8:8">
      <c r="H637031" s="12"/>
    </row>
    <row r="637032" spans="8:8">
      <c r="H637032" s="12"/>
    </row>
    <row r="637033" spans="8:8">
      <c r="H637033" s="12"/>
    </row>
    <row r="637034" spans="8:8">
      <c r="H637034" s="12"/>
    </row>
    <row r="637035" spans="8:8">
      <c r="H637035" s="12"/>
    </row>
    <row r="637036" spans="8:8">
      <c r="H637036" s="12"/>
    </row>
    <row r="637037" spans="8:8">
      <c r="H637037" s="12"/>
    </row>
    <row r="637038" spans="8:8">
      <c r="H637038" s="12"/>
    </row>
    <row r="637039" spans="8:8">
      <c r="H637039" s="12"/>
    </row>
    <row r="637040" spans="8:8">
      <c r="H637040" s="12"/>
    </row>
    <row r="637041" spans="8:8">
      <c r="H637041" s="12"/>
    </row>
    <row r="637042" spans="8:8">
      <c r="H637042" s="12"/>
    </row>
    <row r="637043" spans="8:8">
      <c r="H637043" s="12"/>
    </row>
    <row r="637044" spans="8:8">
      <c r="H637044" s="12"/>
    </row>
    <row r="637045" spans="8:8">
      <c r="H637045" s="12"/>
    </row>
    <row r="637046" spans="8:8">
      <c r="H637046" s="12"/>
    </row>
    <row r="637047" spans="8:8">
      <c r="H637047" s="12"/>
    </row>
    <row r="637048" spans="8:8">
      <c r="H637048" s="12"/>
    </row>
    <row r="637049" spans="8:8">
      <c r="H637049" s="12"/>
    </row>
    <row r="637050" spans="8:8">
      <c r="H637050" s="12"/>
    </row>
    <row r="637051" spans="8:8">
      <c r="H637051" s="12"/>
    </row>
    <row r="637052" spans="8:8">
      <c r="H637052" s="12"/>
    </row>
    <row r="637053" spans="8:8">
      <c r="H637053" s="12"/>
    </row>
    <row r="637054" spans="8:8">
      <c r="H637054" s="12"/>
    </row>
    <row r="637055" spans="8:8">
      <c r="H637055" s="12"/>
    </row>
    <row r="637056" spans="8:8">
      <c r="H637056" s="12"/>
    </row>
    <row r="637057" spans="8:8">
      <c r="H637057" s="12"/>
    </row>
    <row r="637058" spans="8:8">
      <c r="H637058" s="12"/>
    </row>
    <row r="637059" spans="8:8">
      <c r="H637059" s="12"/>
    </row>
    <row r="637060" spans="8:8">
      <c r="H637060" s="12"/>
    </row>
    <row r="637061" spans="8:8">
      <c r="H637061" s="12"/>
    </row>
    <row r="637062" spans="8:8">
      <c r="H637062" s="12"/>
    </row>
    <row r="637063" spans="8:8">
      <c r="H637063" s="12"/>
    </row>
    <row r="637064" spans="8:8">
      <c r="H637064" s="12"/>
    </row>
    <row r="637065" spans="8:8">
      <c r="H637065" s="12"/>
    </row>
    <row r="637066" spans="8:8">
      <c r="H637066" s="12"/>
    </row>
    <row r="637067" spans="8:8">
      <c r="H637067" s="12"/>
    </row>
    <row r="637068" spans="8:8">
      <c r="H637068" s="12"/>
    </row>
    <row r="637069" spans="8:8">
      <c r="H637069" s="12"/>
    </row>
    <row r="637070" spans="8:8">
      <c r="H637070" s="12"/>
    </row>
    <row r="637071" spans="8:8">
      <c r="H637071" s="12"/>
    </row>
    <row r="637072" spans="8:8">
      <c r="H637072" s="12"/>
    </row>
    <row r="637073" spans="8:8">
      <c r="H637073" s="12"/>
    </row>
    <row r="637074" spans="8:8">
      <c r="H637074" s="12"/>
    </row>
    <row r="637075" spans="8:8">
      <c r="H637075" s="12"/>
    </row>
    <row r="637076" spans="8:8">
      <c r="H637076" s="12"/>
    </row>
    <row r="637077" spans="8:8">
      <c r="H637077" s="12"/>
    </row>
    <row r="637078" spans="8:8">
      <c r="H637078" s="12"/>
    </row>
    <row r="637079" spans="8:8">
      <c r="H637079" s="12"/>
    </row>
    <row r="637080" spans="8:8">
      <c r="H637080" s="12"/>
    </row>
    <row r="637081" spans="8:8">
      <c r="H637081" s="12"/>
    </row>
    <row r="637082" spans="8:8">
      <c r="H637082" s="12"/>
    </row>
    <row r="637083" spans="8:8">
      <c r="H637083" s="12"/>
    </row>
    <row r="637084" spans="8:8">
      <c r="H637084" s="12"/>
    </row>
    <row r="637085" spans="8:8">
      <c r="H637085" s="12"/>
    </row>
    <row r="637086" spans="8:8">
      <c r="H637086" s="12"/>
    </row>
    <row r="637087" spans="8:8">
      <c r="H637087" s="12"/>
    </row>
    <row r="637088" spans="8:8">
      <c r="H637088" s="12"/>
    </row>
    <row r="637089" spans="8:8">
      <c r="H637089" s="12"/>
    </row>
    <row r="637090" spans="8:8">
      <c r="H637090" s="12"/>
    </row>
    <row r="637091" spans="8:8">
      <c r="H637091" s="12"/>
    </row>
    <row r="637092" spans="8:8">
      <c r="H637092" s="12"/>
    </row>
    <row r="637093" spans="8:8">
      <c r="H637093" s="12"/>
    </row>
    <row r="637094" spans="8:8">
      <c r="H637094" s="12"/>
    </row>
    <row r="637095" spans="8:8">
      <c r="H637095" s="12"/>
    </row>
    <row r="637096" spans="8:8">
      <c r="H637096" s="12"/>
    </row>
    <row r="637097" spans="8:8">
      <c r="H637097" s="12"/>
    </row>
    <row r="637098" spans="8:8">
      <c r="H637098" s="12"/>
    </row>
    <row r="637099" spans="8:8">
      <c r="H637099" s="12"/>
    </row>
    <row r="637100" spans="8:8">
      <c r="H637100" s="12"/>
    </row>
    <row r="637101" spans="8:8">
      <c r="H637101" s="12"/>
    </row>
    <row r="637102" spans="8:8">
      <c r="H637102" s="12"/>
    </row>
    <row r="637103" spans="8:8">
      <c r="H637103" s="12"/>
    </row>
    <row r="637104" spans="8:8">
      <c r="H637104" s="12"/>
    </row>
    <row r="637105" spans="8:8">
      <c r="H637105" s="12"/>
    </row>
    <row r="637106" spans="8:8">
      <c r="H637106" s="12"/>
    </row>
    <row r="637107" spans="8:8">
      <c r="H637107" s="12"/>
    </row>
    <row r="637108" spans="8:8">
      <c r="H637108" s="12"/>
    </row>
    <row r="637109" spans="8:8">
      <c r="H637109" s="12"/>
    </row>
    <row r="637110" spans="8:8">
      <c r="H637110" s="12"/>
    </row>
    <row r="637111" spans="8:8">
      <c r="H637111" s="12"/>
    </row>
    <row r="637112" spans="8:8">
      <c r="H637112" s="12"/>
    </row>
    <row r="637113" spans="8:8">
      <c r="H637113" s="12"/>
    </row>
    <row r="637114" spans="8:8">
      <c r="H637114" s="12"/>
    </row>
    <row r="637115" spans="8:8">
      <c r="H637115" s="12"/>
    </row>
    <row r="637116" spans="8:8">
      <c r="H637116" s="12"/>
    </row>
    <row r="637117" spans="8:8">
      <c r="H637117" s="12"/>
    </row>
    <row r="637118" spans="8:8">
      <c r="H637118" s="12"/>
    </row>
    <row r="637119" spans="8:8">
      <c r="H637119" s="12"/>
    </row>
    <row r="637120" spans="8:8">
      <c r="H637120" s="12"/>
    </row>
    <row r="637121" spans="8:8">
      <c r="H637121" s="12"/>
    </row>
    <row r="637122" spans="8:8">
      <c r="H637122" s="12"/>
    </row>
    <row r="637123" spans="8:8">
      <c r="H637123" s="12"/>
    </row>
    <row r="637124" spans="8:8">
      <c r="H637124" s="12"/>
    </row>
    <row r="637125" spans="8:8">
      <c r="H637125" s="12"/>
    </row>
    <row r="637126" spans="8:8">
      <c r="H637126" s="12"/>
    </row>
    <row r="637127" spans="8:8">
      <c r="H637127" s="12"/>
    </row>
    <row r="637128" spans="8:8">
      <c r="H637128" s="12"/>
    </row>
    <row r="637129" spans="8:8">
      <c r="H637129" s="12"/>
    </row>
    <row r="637130" spans="8:8">
      <c r="H637130" s="12"/>
    </row>
    <row r="637131" spans="8:8">
      <c r="H637131" s="12"/>
    </row>
    <row r="637132" spans="8:8">
      <c r="H637132" s="12"/>
    </row>
    <row r="637133" spans="8:8">
      <c r="H637133" s="12"/>
    </row>
    <row r="637134" spans="8:8">
      <c r="H637134" s="12"/>
    </row>
    <row r="637135" spans="8:8">
      <c r="H637135" s="12"/>
    </row>
    <row r="637136" spans="8:8">
      <c r="H637136" s="12"/>
    </row>
    <row r="637137" spans="8:8">
      <c r="H637137" s="12"/>
    </row>
    <row r="637138" spans="8:8">
      <c r="H637138" s="12"/>
    </row>
    <row r="637139" spans="8:8">
      <c r="H637139" s="12"/>
    </row>
    <row r="637140" spans="8:8">
      <c r="H637140" s="12"/>
    </row>
    <row r="637141" spans="8:8">
      <c r="H637141" s="12"/>
    </row>
    <row r="637142" spans="8:8">
      <c r="H637142" s="12"/>
    </row>
    <row r="637143" spans="8:8">
      <c r="H637143" s="12"/>
    </row>
    <row r="637144" spans="8:8">
      <c r="H637144" s="12"/>
    </row>
    <row r="637145" spans="8:8">
      <c r="H637145" s="12"/>
    </row>
    <row r="637146" spans="8:8">
      <c r="H637146" s="12"/>
    </row>
    <row r="637147" spans="8:8">
      <c r="H637147" s="12"/>
    </row>
    <row r="637148" spans="8:8">
      <c r="H637148" s="12"/>
    </row>
    <row r="637149" spans="8:8">
      <c r="H637149" s="12"/>
    </row>
    <row r="637150" spans="8:8">
      <c r="H637150" s="12"/>
    </row>
    <row r="637151" spans="8:8">
      <c r="H637151" s="12"/>
    </row>
    <row r="637152" spans="8:8">
      <c r="H637152" s="12"/>
    </row>
    <row r="637153" spans="8:8">
      <c r="H637153" s="12"/>
    </row>
    <row r="637154" spans="8:8">
      <c r="H637154" s="12"/>
    </row>
    <row r="637155" spans="8:8">
      <c r="H637155" s="12"/>
    </row>
    <row r="637156" spans="8:8">
      <c r="H637156" s="12"/>
    </row>
    <row r="637157" spans="8:8">
      <c r="H637157" s="12"/>
    </row>
    <row r="637158" spans="8:8">
      <c r="H637158" s="12"/>
    </row>
    <row r="637159" spans="8:8">
      <c r="H637159" s="12"/>
    </row>
    <row r="637160" spans="8:8">
      <c r="H637160" s="12"/>
    </row>
    <row r="637161" spans="8:8">
      <c r="H637161" s="12"/>
    </row>
    <row r="637162" spans="8:8">
      <c r="H637162" s="12"/>
    </row>
    <row r="637163" spans="8:8">
      <c r="H637163" s="12"/>
    </row>
    <row r="637164" spans="8:8">
      <c r="H637164" s="12"/>
    </row>
    <row r="637165" spans="8:8">
      <c r="H637165" s="12"/>
    </row>
    <row r="637166" spans="8:8">
      <c r="H637166" s="12"/>
    </row>
    <row r="637167" spans="8:8">
      <c r="H637167" s="12"/>
    </row>
    <row r="637168" spans="8:8">
      <c r="H637168" s="12"/>
    </row>
    <row r="637169" spans="8:8">
      <c r="H637169" s="12"/>
    </row>
    <row r="637170" spans="8:8">
      <c r="H637170" s="12"/>
    </row>
    <row r="637171" spans="8:8">
      <c r="H637171" s="12"/>
    </row>
    <row r="637172" spans="8:8">
      <c r="H637172" s="12"/>
    </row>
    <row r="637173" spans="8:8">
      <c r="H637173" s="12"/>
    </row>
    <row r="637174" spans="8:8">
      <c r="H637174" s="12"/>
    </row>
    <row r="637175" spans="8:8">
      <c r="H637175" s="12"/>
    </row>
    <row r="637176" spans="8:8">
      <c r="H637176" s="12"/>
    </row>
    <row r="637177" spans="8:8">
      <c r="H637177" s="12"/>
    </row>
    <row r="637178" spans="8:8">
      <c r="H637178" s="12"/>
    </row>
    <row r="637179" spans="8:8">
      <c r="H637179" s="12"/>
    </row>
    <row r="637180" spans="8:8">
      <c r="H637180" s="12"/>
    </row>
    <row r="637181" spans="8:8">
      <c r="H637181" s="12"/>
    </row>
    <row r="637182" spans="8:8">
      <c r="H637182" s="12"/>
    </row>
    <row r="637183" spans="8:8">
      <c r="H637183" s="12"/>
    </row>
    <row r="637184" spans="8:8">
      <c r="H637184" s="12"/>
    </row>
    <row r="637185" spans="8:8">
      <c r="H637185" s="12"/>
    </row>
    <row r="637186" spans="8:8">
      <c r="H637186" s="12"/>
    </row>
    <row r="637187" spans="8:8">
      <c r="H637187" s="12"/>
    </row>
    <row r="637188" spans="8:8">
      <c r="H637188" s="12"/>
    </row>
    <row r="637189" spans="8:8">
      <c r="H637189" s="12"/>
    </row>
    <row r="637190" spans="8:8">
      <c r="H637190" s="12"/>
    </row>
    <row r="637191" spans="8:8">
      <c r="H637191" s="12"/>
    </row>
    <row r="637192" spans="8:8">
      <c r="H637192" s="12"/>
    </row>
    <row r="637193" spans="8:8">
      <c r="H637193" s="12"/>
    </row>
    <row r="637194" spans="8:8">
      <c r="H637194" s="12"/>
    </row>
    <row r="637195" spans="8:8">
      <c r="H637195" s="12"/>
    </row>
    <row r="637196" spans="8:8">
      <c r="H637196" s="12"/>
    </row>
    <row r="637197" spans="8:8">
      <c r="H637197" s="12"/>
    </row>
    <row r="637198" spans="8:8">
      <c r="H637198" s="12"/>
    </row>
    <row r="637199" spans="8:8">
      <c r="H637199" s="12"/>
    </row>
    <row r="637200" spans="8:8">
      <c r="H637200" s="12"/>
    </row>
    <row r="637201" spans="8:8">
      <c r="H637201" s="12"/>
    </row>
    <row r="637202" spans="8:8">
      <c r="H637202" s="12"/>
    </row>
    <row r="637203" spans="8:8">
      <c r="H637203" s="12"/>
    </row>
    <row r="637204" spans="8:8">
      <c r="H637204" s="12"/>
    </row>
    <row r="637205" spans="8:8">
      <c r="H637205" s="12"/>
    </row>
    <row r="637206" spans="8:8">
      <c r="H637206" s="12"/>
    </row>
    <row r="637207" spans="8:8">
      <c r="H637207" s="12"/>
    </row>
    <row r="637208" spans="8:8">
      <c r="H637208" s="12"/>
    </row>
    <row r="637209" spans="8:8">
      <c r="H637209" s="12"/>
    </row>
    <row r="637210" spans="8:8">
      <c r="H637210" s="12"/>
    </row>
    <row r="637211" spans="8:8">
      <c r="H637211" s="12"/>
    </row>
    <row r="637212" spans="8:8">
      <c r="H637212" s="12"/>
    </row>
    <row r="637213" spans="8:8">
      <c r="H637213" s="12"/>
    </row>
    <row r="637214" spans="8:8">
      <c r="H637214" s="12"/>
    </row>
    <row r="637215" spans="8:8">
      <c r="H637215" s="12"/>
    </row>
    <row r="637216" spans="8:8">
      <c r="H637216" s="12"/>
    </row>
    <row r="637217" spans="8:8">
      <c r="H637217" s="12"/>
    </row>
    <row r="637218" spans="8:8">
      <c r="H637218" s="12"/>
    </row>
    <row r="637219" spans="8:8">
      <c r="H637219" s="12"/>
    </row>
    <row r="637220" spans="8:8">
      <c r="H637220" s="12"/>
    </row>
    <row r="637221" spans="8:8">
      <c r="H637221" s="12"/>
    </row>
    <row r="637222" spans="8:8">
      <c r="H637222" s="12"/>
    </row>
    <row r="637223" spans="8:8">
      <c r="H637223" s="12"/>
    </row>
    <row r="637224" spans="8:8">
      <c r="H637224" s="12"/>
    </row>
    <row r="637225" spans="8:8">
      <c r="H637225" s="12"/>
    </row>
    <row r="637226" spans="8:8">
      <c r="H637226" s="12"/>
    </row>
    <row r="637227" spans="8:8">
      <c r="H637227" s="12"/>
    </row>
    <row r="637228" spans="8:8">
      <c r="H637228" s="12"/>
    </row>
    <row r="637229" spans="8:8">
      <c r="H637229" s="12"/>
    </row>
    <row r="637230" spans="8:8">
      <c r="H637230" s="12"/>
    </row>
    <row r="637231" spans="8:8">
      <c r="H637231" s="12"/>
    </row>
    <row r="637232" spans="8:8">
      <c r="H637232" s="12"/>
    </row>
    <row r="637233" spans="8:8">
      <c r="H637233" s="12"/>
    </row>
    <row r="637234" spans="8:8">
      <c r="H637234" s="12"/>
    </row>
    <row r="637235" spans="8:8">
      <c r="H637235" s="12"/>
    </row>
    <row r="637236" spans="8:8">
      <c r="H637236" s="12"/>
    </row>
    <row r="637237" spans="8:8">
      <c r="H637237" s="12"/>
    </row>
    <row r="637238" spans="8:8">
      <c r="H637238" s="12"/>
    </row>
    <row r="637239" spans="8:8">
      <c r="H637239" s="12"/>
    </row>
    <row r="637240" spans="8:8">
      <c r="H637240" s="12"/>
    </row>
    <row r="637241" spans="8:8">
      <c r="H637241" s="12"/>
    </row>
    <row r="637242" spans="8:8">
      <c r="H637242" s="12"/>
    </row>
    <row r="637243" spans="8:8">
      <c r="H637243" s="12"/>
    </row>
    <row r="637244" spans="8:8">
      <c r="H637244" s="12"/>
    </row>
    <row r="637245" spans="8:8">
      <c r="H637245" s="12"/>
    </row>
    <row r="637246" spans="8:8">
      <c r="H637246" s="12"/>
    </row>
    <row r="637247" spans="8:8">
      <c r="H637247" s="12"/>
    </row>
    <row r="637248" spans="8:8">
      <c r="H637248" s="12"/>
    </row>
    <row r="637249" spans="8:8">
      <c r="H637249" s="12"/>
    </row>
    <row r="637250" spans="8:8">
      <c r="H637250" s="12"/>
    </row>
    <row r="637251" spans="8:8">
      <c r="H637251" s="12"/>
    </row>
    <row r="637252" spans="8:8">
      <c r="H637252" s="12"/>
    </row>
    <row r="637253" spans="8:8">
      <c r="H637253" s="12"/>
    </row>
    <row r="637254" spans="8:8">
      <c r="H637254" s="12"/>
    </row>
    <row r="637255" spans="8:8">
      <c r="H637255" s="12"/>
    </row>
    <row r="637256" spans="8:8">
      <c r="H637256" s="12"/>
    </row>
    <row r="637257" spans="8:8">
      <c r="H637257" s="12"/>
    </row>
    <row r="637258" spans="8:8">
      <c r="H637258" s="12"/>
    </row>
    <row r="637259" spans="8:8">
      <c r="H637259" s="12"/>
    </row>
    <row r="637260" spans="8:8">
      <c r="H637260" s="12"/>
    </row>
    <row r="637261" spans="8:8">
      <c r="H637261" s="12"/>
    </row>
    <row r="637262" spans="8:8">
      <c r="H637262" s="12"/>
    </row>
    <row r="637263" spans="8:8">
      <c r="H637263" s="12"/>
    </row>
    <row r="637264" spans="8:8">
      <c r="H637264" s="12"/>
    </row>
    <row r="637265" spans="8:8">
      <c r="H637265" s="12"/>
    </row>
    <row r="637266" spans="8:8">
      <c r="H637266" s="12"/>
    </row>
    <row r="637267" spans="8:8">
      <c r="H637267" s="12"/>
    </row>
    <row r="637268" spans="8:8">
      <c r="H637268" s="12"/>
    </row>
    <row r="637269" spans="8:8">
      <c r="H637269" s="12"/>
    </row>
    <row r="637270" spans="8:8">
      <c r="H637270" s="12"/>
    </row>
    <row r="637271" spans="8:8">
      <c r="H637271" s="12"/>
    </row>
    <row r="637272" spans="8:8">
      <c r="H637272" s="12"/>
    </row>
    <row r="637273" spans="8:8">
      <c r="H637273" s="12"/>
    </row>
    <row r="637274" spans="8:8">
      <c r="H637274" s="12"/>
    </row>
    <row r="637275" spans="8:8">
      <c r="H637275" s="12"/>
    </row>
    <row r="637276" spans="8:8">
      <c r="H637276" s="12"/>
    </row>
    <row r="637277" spans="8:8">
      <c r="H637277" s="12"/>
    </row>
    <row r="637278" spans="8:8">
      <c r="H637278" s="12"/>
    </row>
    <row r="637279" spans="8:8">
      <c r="H637279" s="12"/>
    </row>
    <row r="637280" spans="8:8">
      <c r="H637280" s="12"/>
    </row>
    <row r="637281" spans="8:8">
      <c r="H637281" s="12"/>
    </row>
    <row r="637282" spans="8:8">
      <c r="H637282" s="12"/>
    </row>
    <row r="637283" spans="8:8">
      <c r="H637283" s="12"/>
    </row>
    <row r="637284" spans="8:8">
      <c r="H637284" s="12"/>
    </row>
    <row r="637285" spans="8:8">
      <c r="H637285" s="12"/>
    </row>
    <row r="637286" spans="8:8">
      <c r="H637286" s="12"/>
    </row>
    <row r="637287" spans="8:8">
      <c r="H637287" s="12"/>
    </row>
    <row r="637288" spans="8:8">
      <c r="H637288" s="12"/>
    </row>
    <row r="637289" spans="8:8">
      <c r="H637289" s="12"/>
    </row>
    <row r="637290" spans="8:8">
      <c r="H637290" s="12"/>
    </row>
    <row r="637291" spans="8:8">
      <c r="H637291" s="12"/>
    </row>
    <row r="637292" spans="8:8">
      <c r="H637292" s="12"/>
    </row>
    <row r="637293" spans="8:8">
      <c r="H637293" s="12"/>
    </row>
    <row r="637294" spans="8:8">
      <c r="H637294" s="12"/>
    </row>
    <row r="637295" spans="8:8">
      <c r="H637295" s="12"/>
    </row>
    <row r="637296" spans="8:8">
      <c r="H637296" s="12"/>
    </row>
    <row r="637297" spans="8:8">
      <c r="H637297" s="12"/>
    </row>
    <row r="637298" spans="8:8">
      <c r="H637298" s="12"/>
    </row>
    <row r="637299" spans="8:8">
      <c r="H637299" s="12"/>
    </row>
    <row r="637300" spans="8:8">
      <c r="H637300" s="12"/>
    </row>
    <row r="637301" spans="8:8">
      <c r="H637301" s="12"/>
    </row>
    <row r="637302" spans="8:8">
      <c r="H637302" s="12"/>
    </row>
    <row r="637303" spans="8:8">
      <c r="H637303" s="12"/>
    </row>
    <row r="637304" spans="8:8">
      <c r="H637304" s="12"/>
    </row>
    <row r="637305" spans="8:8">
      <c r="H637305" s="12"/>
    </row>
    <row r="637306" spans="8:8">
      <c r="H637306" s="12"/>
    </row>
    <row r="637307" spans="8:8">
      <c r="H637307" s="12"/>
    </row>
    <row r="637308" spans="8:8">
      <c r="H637308" s="12"/>
    </row>
    <row r="637309" spans="8:8">
      <c r="H637309" s="12"/>
    </row>
    <row r="637310" spans="8:8">
      <c r="H637310" s="12"/>
    </row>
    <row r="637311" spans="8:8">
      <c r="H637311" s="12"/>
    </row>
    <row r="637312" spans="8:8">
      <c r="H637312" s="12"/>
    </row>
    <row r="637313" spans="8:8">
      <c r="H637313" s="12"/>
    </row>
    <row r="637314" spans="8:8">
      <c r="H637314" s="12"/>
    </row>
    <row r="637315" spans="8:8">
      <c r="H637315" s="12"/>
    </row>
    <row r="637316" spans="8:8">
      <c r="H637316" s="12"/>
    </row>
    <row r="637317" spans="8:8">
      <c r="H637317" s="12"/>
    </row>
    <row r="637318" spans="8:8">
      <c r="H637318" s="12"/>
    </row>
    <row r="637319" spans="8:8">
      <c r="H637319" s="12"/>
    </row>
    <row r="637320" spans="8:8">
      <c r="H637320" s="12"/>
    </row>
    <row r="637321" spans="8:8">
      <c r="H637321" s="12"/>
    </row>
    <row r="637322" spans="8:8">
      <c r="H637322" s="12"/>
    </row>
    <row r="637323" spans="8:8">
      <c r="H637323" s="12"/>
    </row>
    <row r="637324" spans="8:8">
      <c r="H637324" s="12"/>
    </row>
    <row r="637325" spans="8:8">
      <c r="H637325" s="12"/>
    </row>
    <row r="637326" spans="8:8">
      <c r="H637326" s="12"/>
    </row>
    <row r="637327" spans="8:8">
      <c r="H637327" s="12"/>
    </row>
    <row r="637328" spans="8:8">
      <c r="H637328" s="12"/>
    </row>
    <row r="637329" spans="8:8">
      <c r="H637329" s="12"/>
    </row>
    <row r="637330" spans="8:8">
      <c r="H637330" s="12"/>
    </row>
    <row r="637331" spans="8:8">
      <c r="H637331" s="12"/>
    </row>
    <row r="637332" spans="8:8">
      <c r="H637332" s="12"/>
    </row>
    <row r="637333" spans="8:8">
      <c r="H637333" s="12"/>
    </row>
    <row r="637334" spans="8:8">
      <c r="H637334" s="12"/>
    </row>
    <row r="637335" spans="8:8">
      <c r="H637335" s="12"/>
    </row>
    <row r="637336" spans="8:8">
      <c r="H637336" s="12"/>
    </row>
    <row r="637337" spans="8:8">
      <c r="H637337" s="12"/>
    </row>
    <row r="637338" spans="8:8">
      <c r="H637338" s="12"/>
    </row>
    <row r="637339" spans="8:8">
      <c r="H637339" s="12"/>
    </row>
    <row r="637340" spans="8:8">
      <c r="H637340" s="12"/>
    </row>
    <row r="637341" spans="8:8">
      <c r="H637341" s="12"/>
    </row>
    <row r="637342" spans="8:8">
      <c r="H637342" s="12"/>
    </row>
    <row r="637343" spans="8:8">
      <c r="H637343" s="12"/>
    </row>
    <row r="637344" spans="8:8">
      <c r="H637344" s="12"/>
    </row>
    <row r="637345" spans="8:8">
      <c r="H637345" s="12"/>
    </row>
    <row r="637346" spans="8:8">
      <c r="H637346" s="12"/>
    </row>
    <row r="637347" spans="8:8">
      <c r="H637347" s="12"/>
    </row>
    <row r="637348" spans="8:8">
      <c r="H637348" s="12"/>
    </row>
    <row r="637349" spans="8:8">
      <c r="H637349" s="12"/>
    </row>
    <row r="637350" spans="8:8">
      <c r="H637350" s="12"/>
    </row>
    <row r="637351" spans="8:8">
      <c r="H637351" s="12"/>
    </row>
    <row r="637352" spans="8:8">
      <c r="H637352" s="12"/>
    </row>
    <row r="637353" spans="8:8">
      <c r="H637353" s="12"/>
    </row>
    <row r="637354" spans="8:8">
      <c r="H637354" s="12"/>
    </row>
    <row r="637355" spans="8:8">
      <c r="H637355" s="12"/>
    </row>
    <row r="637356" spans="8:8">
      <c r="H637356" s="12"/>
    </row>
    <row r="637357" spans="8:8">
      <c r="H637357" s="12"/>
    </row>
    <row r="637358" spans="8:8">
      <c r="H637358" s="12"/>
    </row>
    <row r="637359" spans="8:8">
      <c r="H637359" s="12"/>
    </row>
    <row r="637360" spans="8:8">
      <c r="H637360" s="12"/>
    </row>
    <row r="637361" spans="8:8">
      <c r="H637361" s="12"/>
    </row>
    <row r="637362" spans="8:8">
      <c r="H637362" s="12"/>
    </row>
    <row r="637363" spans="8:8">
      <c r="H637363" s="12"/>
    </row>
    <row r="637364" spans="8:8">
      <c r="H637364" s="12"/>
    </row>
    <row r="637365" spans="8:8">
      <c r="H637365" s="12"/>
    </row>
    <row r="637366" spans="8:8">
      <c r="H637366" s="12"/>
    </row>
    <row r="637367" spans="8:8">
      <c r="H637367" s="12"/>
    </row>
    <row r="637368" spans="8:8">
      <c r="H637368" s="12"/>
    </row>
    <row r="637369" spans="8:8">
      <c r="H637369" s="12"/>
    </row>
    <row r="637370" spans="8:8">
      <c r="H637370" s="12"/>
    </row>
    <row r="637371" spans="8:8">
      <c r="H637371" s="12"/>
    </row>
    <row r="637372" spans="8:8">
      <c r="H637372" s="12"/>
    </row>
    <row r="637373" spans="8:8">
      <c r="H637373" s="12"/>
    </row>
    <row r="637374" spans="8:8">
      <c r="H637374" s="12"/>
    </row>
    <row r="637375" spans="8:8">
      <c r="H637375" s="12"/>
    </row>
    <row r="637376" spans="8:8">
      <c r="H637376" s="12"/>
    </row>
    <row r="637377" spans="8:8">
      <c r="H637377" s="12"/>
    </row>
    <row r="637378" spans="8:8">
      <c r="H637378" s="12"/>
    </row>
    <row r="637379" spans="8:8">
      <c r="H637379" s="12"/>
    </row>
    <row r="637380" spans="8:8">
      <c r="H637380" s="12"/>
    </row>
    <row r="637381" spans="8:8">
      <c r="H637381" s="12"/>
    </row>
    <row r="637382" spans="8:8">
      <c r="H637382" s="12"/>
    </row>
    <row r="637383" spans="8:8">
      <c r="H637383" s="12"/>
    </row>
    <row r="637384" spans="8:8">
      <c r="H637384" s="12"/>
    </row>
    <row r="637385" spans="8:8">
      <c r="H637385" s="12"/>
    </row>
    <row r="637386" spans="8:8">
      <c r="H637386" s="12"/>
    </row>
    <row r="637387" spans="8:8">
      <c r="H637387" s="12"/>
    </row>
    <row r="637388" spans="8:8">
      <c r="H637388" s="12"/>
    </row>
    <row r="637389" spans="8:8">
      <c r="H637389" s="12"/>
    </row>
    <row r="637390" spans="8:8">
      <c r="H637390" s="12"/>
    </row>
    <row r="637391" spans="8:8">
      <c r="H637391" s="12"/>
    </row>
    <row r="637392" spans="8:8">
      <c r="H637392" s="12"/>
    </row>
    <row r="637393" spans="8:8">
      <c r="H637393" s="12"/>
    </row>
    <row r="637394" spans="8:8">
      <c r="H637394" s="12"/>
    </row>
    <row r="637395" spans="8:8">
      <c r="H637395" s="12"/>
    </row>
    <row r="637396" spans="8:8">
      <c r="H637396" s="12"/>
    </row>
    <row r="637397" spans="8:8">
      <c r="H637397" s="12"/>
    </row>
    <row r="637398" spans="8:8">
      <c r="H637398" s="12"/>
    </row>
    <row r="637399" spans="8:8">
      <c r="H637399" s="12"/>
    </row>
    <row r="637400" spans="8:8">
      <c r="H637400" s="12"/>
    </row>
    <row r="637401" spans="8:8">
      <c r="H637401" s="12"/>
    </row>
    <row r="637402" spans="8:8">
      <c r="H637402" s="12"/>
    </row>
    <row r="637403" spans="8:8">
      <c r="H637403" s="12"/>
    </row>
    <row r="637404" spans="8:8">
      <c r="H637404" s="12"/>
    </row>
    <row r="637405" spans="8:8">
      <c r="H637405" s="12"/>
    </row>
    <row r="637406" spans="8:8">
      <c r="H637406" s="12"/>
    </row>
    <row r="637407" spans="8:8">
      <c r="H637407" s="12"/>
    </row>
    <row r="637408" spans="8:8">
      <c r="H637408" s="12"/>
    </row>
    <row r="637409" spans="8:8">
      <c r="H637409" s="12"/>
    </row>
    <row r="637410" spans="8:8">
      <c r="H637410" s="12"/>
    </row>
    <row r="637411" spans="8:8">
      <c r="H637411" s="12"/>
    </row>
    <row r="637412" spans="8:8">
      <c r="H637412" s="12"/>
    </row>
    <row r="637413" spans="8:8">
      <c r="H637413" s="12"/>
    </row>
    <row r="637414" spans="8:8">
      <c r="H637414" s="12"/>
    </row>
    <row r="637415" spans="8:8">
      <c r="H637415" s="12"/>
    </row>
    <row r="637416" spans="8:8">
      <c r="H637416" s="12"/>
    </row>
    <row r="637417" spans="8:8">
      <c r="H637417" s="12"/>
    </row>
    <row r="637418" spans="8:8">
      <c r="H637418" s="12"/>
    </row>
    <row r="637419" spans="8:8">
      <c r="H637419" s="12"/>
    </row>
    <row r="637420" spans="8:8">
      <c r="H637420" s="12"/>
    </row>
    <row r="637421" spans="8:8">
      <c r="H637421" s="12"/>
    </row>
    <row r="637422" spans="8:8">
      <c r="H637422" s="12"/>
    </row>
    <row r="637423" spans="8:8">
      <c r="H637423" s="12"/>
    </row>
    <row r="637424" spans="8:8">
      <c r="H637424" s="12"/>
    </row>
    <row r="637425" spans="8:8">
      <c r="H637425" s="12"/>
    </row>
    <row r="637426" spans="8:8">
      <c r="H637426" s="12"/>
    </row>
    <row r="637427" spans="8:8">
      <c r="H637427" s="12"/>
    </row>
    <row r="637428" spans="8:8">
      <c r="H637428" s="12"/>
    </row>
    <row r="637429" spans="8:8">
      <c r="H637429" s="12"/>
    </row>
    <row r="637430" spans="8:8">
      <c r="H637430" s="12"/>
    </row>
    <row r="637431" spans="8:8">
      <c r="H637431" s="12"/>
    </row>
    <row r="637432" spans="8:8">
      <c r="H637432" s="12"/>
    </row>
    <row r="637433" spans="8:8">
      <c r="H637433" s="12"/>
    </row>
    <row r="637434" spans="8:8">
      <c r="H637434" s="12"/>
    </row>
    <row r="637435" spans="8:8">
      <c r="H637435" s="12"/>
    </row>
    <row r="637436" spans="8:8">
      <c r="H637436" s="12"/>
    </row>
    <row r="637437" spans="8:8">
      <c r="H637437" s="12"/>
    </row>
    <row r="637438" spans="8:8">
      <c r="H637438" s="12"/>
    </row>
    <row r="637439" spans="8:8">
      <c r="H637439" s="12"/>
    </row>
    <row r="637440" spans="8:8">
      <c r="H637440" s="12"/>
    </row>
    <row r="637441" spans="8:8">
      <c r="H637441" s="12"/>
    </row>
    <row r="637442" spans="8:8">
      <c r="H637442" s="12"/>
    </row>
    <row r="637443" spans="8:8">
      <c r="H637443" s="12"/>
    </row>
    <row r="637444" spans="8:8">
      <c r="H637444" s="12"/>
    </row>
    <row r="637445" spans="8:8">
      <c r="H637445" s="12"/>
    </row>
    <row r="637446" spans="8:8">
      <c r="H637446" s="12"/>
    </row>
    <row r="637447" spans="8:8">
      <c r="H637447" s="12"/>
    </row>
    <row r="637448" spans="8:8">
      <c r="H637448" s="12"/>
    </row>
    <row r="637449" spans="8:8">
      <c r="H637449" s="12"/>
    </row>
    <row r="637450" spans="8:8">
      <c r="H637450" s="12"/>
    </row>
    <row r="637451" spans="8:8">
      <c r="H637451" s="12"/>
    </row>
    <row r="637452" spans="8:8">
      <c r="H637452" s="12"/>
    </row>
    <row r="637453" spans="8:8">
      <c r="H637453" s="12"/>
    </row>
    <row r="637454" spans="8:8">
      <c r="H637454" s="12"/>
    </row>
    <row r="637455" spans="8:8">
      <c r="H637455" s="12"/>
    </row>
    <row r="637456" spans="8:8">
      <c r="H637456" s="12"/>
    </row>
    <row r="637457" spans="8:8">
      <c r="H637457" s="12"/>
    </row>
    <row r="637458" spans="8:8">
      <c r="H637458" s="12"/>
    </row>
    <row r="637459" spans="8:8">
      <c r="H637459" s="12"/>
    </row>
    <row r="637460" spans="8:8">
      <c r="H637460" s="12"/>
    </row>
    <row r="637461" spans="8:8">
      <c r="H637461" s="12"/>
    </row>
    <row r="637462" spans="8:8">
      <c r="H637462" s="12"/>
    </row>
    <row r="637463" spans="8:8">
      <c r="H637463" s="12"/>
    </row>
    <row r="637464" spans="8:8">
      <c r="H637464" s="12"/>
    </row>
    <row r="637465" spans="8:8">
      <c r="H637465" s="12"/>
    </row>
    <row r="637466" spans="8:8">
      <c r="H637466" s="12"/>
    </row>
    <row r="637467" spans="8:8">
      <c r="H637467" s="12"/>
    </row>
    <row r="637468" spans="8:8">
      <c r="H637468" s="12"/>
    </row>
    <row r="637469" spans="8:8">
      <c r="H637469" s="12"/>
    </row>
    <row r="637470" spans="8:8">
      <c r="H637470" s="12"/>
    </row>
    <row r="637471" spans="8:8">
      <c r="H637471" s="12"/>
    </row>
    <row r="637472" spans="8:8">
      <c r="H637472" s="12"/>
    </row>
    <row r="637473" spans="8:8">
      <c r="H637473" s="12"/>
    </row>
    <row r="637474" spans="8:8">
      <c r="H637474" s="12"/>
    </row>
    <row r="637475" spans="8:8">
      <c r="H637475" s="12"/>
    </row>
    <row r="637476" spans="8:8">
      <c r="H637476" s="12"/>
    </row>
    <row r="637477" spans="8:8">
      <c r="H637477" s="12"/>
    </row>
    <row r="637478" spans="8:8">
      <c r="H637478" s="12"/>
    </row>
    <row r="637479" spans="8:8">
      <c r="H637479" s="12"/>
    </row>
    <row r="637480" spans="8:8">
      <c r="H637480" s="12"/>
    </row>
    <row r="637481" spans="8:8">
      <c r="H637481" s="12"/>
    </row>
    <row r="637482" spans="8:8">
      <c r="H637482" s="12"/>
    </row>
    <row r="637483" spans="8:8">
      <c r="H637483" s="12"/>
    </row>
    <row r="637484" spans="8:8">
      <c r="H637484" s="12"/>
    </row>
    <row r="637485" spans="8:8">
      <c r="H637485" s="12"/>
    </row>
    <row r="637486" spans="8:8">
      <c r="H637486" s="12"/>
    </row>
    <row r="637487" spans="8:8">
      <c r="H637487" s="12"/>
    </row>
    <row r="637488" spans="8:8">
      <c r="H637488" s="12"/>
    </row>
    <row r="637489" spans="8:8">
      <c r="H637489" s="12"/>
    </row>
    <row r="637490" spans="8:8">
      <c r="H637490" s="12"/>
    </row>
    <row r="637491" spans="8:8">
      <c r="H637491" s="12"/>
    </row>
    <row r="637492" spans="8:8">
      <c r="H637492" s="12"/>
    </row>
    <row r="637493" spans="8:8">
      <c r="H637493" s="12"/>
    </row>
    <row r="637494" spans="8:8">
      <c r="H637494" s="12"/>
    </row>
    <row r="637495" spans="8:8">
      <c r="H637495" s="12"/>
    </row>
    <row r="637496" spans="8:8">
      <c r="H637496" s="12"/>
    </row>
    <row r="637497" spans="8:8">
      <c r="H637497" s="12"/>
    </row>
    <row r="637498" spans="8:8">
      <c r="H637498" s="12"/>
    </row>
    <row r="637499" spans="8:8">
      <c r="H637499" s="12"/>
    </row>
    <row r="637500" spans="8:8">
      <c r="H637500" s="12"/>
    </row>
    <row r="637501" spans="8:8">
      <c r="H637501" s="12"/>
    </row>
    <row r="637502" spans="8:8">
      <c r="H637502" s="12"/>
    </row>
    <row r="637503" spans="8:8">
      <c r="H637503" s="12"/>
    </row>
    <row r="637504" spans="8:8">
      <c r="H637504" s="12"/>
    </row>
    <row r="637505" spans="8:8">
      <c r="H637505" s="12"/>
    </row>
    <row r="637506" spans="8:8">
      <c r="H637506" s="12"/>
    </row>
    <row r="637507" spans="8:8">
      <c r="H637507" s="12"/>
    </row>
    <row r="637508" spans="8:8">
      <c r="H637508" s="12"/>
    </row>
    <row r="637509" spans="8:8">
      <c r="H637509" s="12"/>
    </row>
    <row r="637510" spans="8:8">
      <c r="H637510" s="12"/>
    </row>
    <row r="637511" spans="8:8">
      <c r="H637511" s="12"/>
    </row>
    <row r="637512" spans="8:8">
      <c r="H637512" s="12"/>
    </row>
    <row r="637513" spans="8:8">
      <c r="H637513" s="12"/>
    </row>
    <row r="637514" spans="8:8">
      <c r="H637514" s="12"/>
    </row>
    <row r="637515" spans="8:8">
      <c r="H637515" s="12"/>
    </row>
    <row r="637516" spans="8:8">
      <c r="H637516" s="12"/>
    </row>
    <row r="637517" spans="8:8">
      <c r="H637517" s="12"/>
    </row>
    <row r="637518" spans="8:8">
      <c r="H637518" s="12"/>
    </row>
    <row r="637519" spans="8:8">
      <c r="H637519" s="12"/>
    </row>
    <row r="637520" spans="8:8">
      <c r="H637520" s="12"/>
    </row>
    <row r="637521" spans="8:8">
      <c r="H637521" s="12"/>
    </row>
    <row r="637522" spans="8:8">
      <c r="H637522" s="12"/>
    </row>
    <row r="637523" spans="8:8">
      <c r="H637523" s="12"/>
    </row>
    <row r="637524" spans="8:8">
      <c r="H637524" s="12"/>
    </row>
    <row r="637525" spans="8:8">
      <c r="H637525" s="12"/>
    </row>
    <row r="637526" spans="8:8">
      <c r="H637526" s="12"/>
    </row>
    <row r="637527" spans="8:8">
      <c r="H637527" s="12"/>
    </row>
    <row r="637528" spans="8:8">
      <c r="H637528" s="12"/>
    </row>
    <row r="637529" spans="8:8">
      <c r="H637529" s="12"/>
    </row>
    <row r="637530" spans="8:8">
      <c r="H637530" s="12"/>
    </row>
    <row r="637531" spans="8:8">
      <c r="H637531" s="12"/>
    </row>
    <row r="637532" spans="8:8">
      <c r="H637532" s="12"/>
    </row>
    <row r="637533" spans="8:8">
      <c r="H637533" s="12"/>
    </row>
    <row r="637534" spans="8:8">
      <c r="H637534" s="12"/>
    </row>
    <row r="637535" spans="8:8">
      <c r="H637535" s="12"/>
    </row>
    <row r="637536" spans="8:8">
      <c r="H637536" s="12"/>
    </row>
    <row r="637537" spans="8:8">
      <c r="H637537" s="12"/>
    </row>
    <row r="637538" spans="8:8">
      <c r="H637538" s="12"/>
    </row>
    <row r="637539" spans="8:8">
      <c r="H637539" s="12"/>
    </row>
    <row r="637540" spans="8:8">
      <c r="H637540" s="12"/>
    </row>
    <row r="637541" spans="8:8">
      <c r="H637541" s="12"/>
    </row>
    <row r="637542" spans="8:8">
      <c r="H637542" s="12"/>
    </row>
    <row r="637543" spans="8:8">
      <c r="H637543" s="12"/>
    </row>
    <row r="637544" spans="8:8">
      <c r="H637544" s="12"/>
    </row>
    <row r="637545" spans="8:8">
      <c r="H637545" s="12"/>
    </row>
    <row r="637546" spans="8:8">
      <c r="H637546" s="12"/>
    </row>
    <row r="637547" spans="8:8">
      <c r="H637547" s="12"/>
    </row>
    <row r="637548" spans="8:8">
      <c r="H637548" s="12"/>
    </row>
    <row r="637549" spans="8:8">
      <c r="H637549" s="12"/>
    </row>
    <row r="637550" spans="8:8">
      <c r="H637550" s="12"/>
    </row>
    <row r="637551" spans="8:8">
      <c r="H637551" s="12"/>
    </row>
    <row r="637552" spans="8:8">
      <c r="H637552" s="12"/>
    </row>
    <row r="637553" spans="8:8">
      <c r="H637553" s="12"/>
    </row>
    <row r="637554" spans="8:8">
      <c r="H637554" s="12"/>
    </row>
    <row r="637555" spans="8:8">
      <c r="H637555" s="12"/>
    </row>
    <row r="637556" spans="8:8">
      <c r="H637556" s="12"/>
    </row>
    <row r="637557" spans="8:8">
      <c r="H637557" s="12"/>
    </row>
    <row r="637558" spans="8:8">
      <c r="H637558" s="12"/>
    </row>
    <row r="637559" spans="8:8">
      <c r="H637559" s="12"/>
    </row>
    <row r="637560" spans="8:8">
      <c r="H637560" s="12"/>
    </row>
    <row r="637561" spans="8:8">
      <c r="H637561" s="12"/>
    </row>
    <row r="637562" spans="8:8">
      <c r="H637562" s="12"/>
    </row>
    <row r="637563" spans="8:8">
      <c r="H637563" s="12"/>
    </row>
    <row r="637564" spans="8:8">
      <c r="H637564" s="12"/>
    </row>
    <row r="637565" spans="8:8">
      <c r="H637565" s="12"/>
    </row>
    <row r="637566" spans="8:8">
      <c r="H637566" s="12"/>
    </row>
    <row r="637567" spans="8:8">
      <c r="H637567" s="12"/>
    </row>
    <row r="637568" spans="8:8">
      <c r="H637568" s="12"/>
    </row>
    <row r="637569" spans="8:8">
      <c r="H637569" s="12"/>
    </row>
    <row r="637570" spans="8:8">
      <c r="H637570" s="12"/>
    </row>
    <row r="637571" spans="8:8">
      <c r="H637571" s="12"/>
    </row>
    <row r="637572" spans="8:8">
      <c r="H637572" s="12"/>
    </row>
    <row r="637573" spans="8:8">
      <c r="H637573" s="12"/>
    </row>
    <row r="637574" spans="8:8">
      <c r="H637574" s="12"/>
    </row>
    <row r="637575" spans="8:8">
      <c r="H637575" s="12"/>
    </row>
    <row r="637576" spans="8:8">
      <c r="H637576" s="12"/>
    </row>
    <row r="637577" spans="8:8">
      <c r="H637577" s="12"/>
    </row>
    <row r="637578" spans="8:8">
      <c r="H637578" s="12"/>
    </row>
    <row r="637579" spans="8:8">
      <c r="H637579" s="12"/>
    </row>
    <row r="637580" spans="8:8">
      <c r="H637580" s="12"/>
    </row>
    <row r="637581" spans="8:8">
      <c r="H637581" s="12"/>
    </row>
    <row r="637582" spans="8:8">
      <c r="H637582" s="12"/>
    </row>
    <row r="637583" spans="8:8">
      <c r="H637583" s="12"/>
    </row>
    <row r="637584" spans="8:8">
      <c r="H637584" s="12"/>
    </row>
    <row r="637585" spans="8:8">
      <c r="H637585" s="12"/>
    </row>
    <row r="637586" spans="8:8">
      <c r="H637586" s="12"/>
    </row>
    <row r="637587" spans="8:8">
      <c r="H637587" s="12"/>
    </row>
    <row r="637588" spans="8:8">
      <c r="H637588" s="12"/>
    </row>
    <row r="637589" spans="8:8">
      <c r="H637589" s="12"/>
    </row>
    <row r="637590" spans="8:8">
      <c r="H637590" s="12"/>
    </row>
    <row r="637591" spans="8:8">
      <c r="H637591" s="12"/>
    </row>
    <row r="637592" spans="8:8">
      <c r="H637592" s="12"/>
    </row>
    <row r="637593" spans="8:8">
      <c r="H637593" s="12"/>
    </row>
    <row r="637594" spans="8:8">
      <c r="H637594" s="12"/>
    </row>
    <row r="637595" spans="8:8">
      <c r="H637595" s="12"/>
    </row>
    <row r="637596" spans="8:8">
      <c r="H637596" s="12"/>
    </row>
    <row r="637597" spans="8:8">
      <c r="H637597" s="12"/>
    </row>
    <row r="637598" spans="8:8">
      <c r="H637598" s="12"/>
    </row>
    <row r="637599" spans="8:8">
      <c r="H637599" s="12"/>
    </row>
    <row r="637600" spans="8:8">
      <c r="H637600" s="12"/>
    </row>
    <row r="637601" spans="8:8">
      <c r="H637601" s="12"/>
    </row>
    <row r="637602" spans="8:8">
      <c r="H637602" s="12"/>
    </row>
    <row r="637603" spans="8:8">
      <c r="H637603" s="12"/>
    </row>
    <row r="637604" spans="8:8">
      <c r="H637604" s="12"/>
    </row>
    <row r="637605" spans="8:8">
      <c r="H637605" s="12"/>
    </row>
    <row r="637606" spans="8:8">
      <c r="H637606" s="12"/>
    </row>
    <row r="637607" spans="8:8">
      <c r="H637607" s="12"/>
    </row>
    <row r="637608" spans="8:8">
      <c r="H637608" s="12"/>
    </row>
    <row r="637609" spans="8:8">
      <c r="H637609" s="12"/>
    </row>
    <row r="637610" spans="8:8">
      <c r="H637610" s="12"/>
    </row>
    <row r="637611" spans="8:8">
      <c r="H637611" s="12"/>
    </row>
    <row r="637612" spans="8:8">
      <c r="H637612" s="12"/>
    </row>
    <row r="637613" spans="8:8">
      <c r="H637613" s="12"/>
    </row>
    <row r="637614" spans="8:8">
      <c r="H637614" s="12"/>
    </row>
    <row r="637615" spans="8:8">
      <c r="H637615" s="12"/>
    </row>
    <row r="637616" spans="8:8">
      <c r="H637616" s="12"/>
    </row>
    <row r="637617" spans="8:8">
      <c r="H637617" s="12"/>
    </row>
    <row r="637618" spans="8:8">
      <c r="H637618" s="12"/>
    </row>
    <row r="637619" spans="8:8">
      <c r="H637619" s="12"/>
    </row>
    <row r="637620" spans="8:8">
      <c r="H637620" s="12"/>
    </row>
    <row r="637621" spans="8:8">
      <c r="H637621" s="12"/>
    </row>
    <row r="637622" spans="8:8">
      <c r="H637622" s="12"/>
    </row>
    <row r="637623" spans="8:8">
      <c r="H637623" s="12"/>
    </row>
    <row r="637624" spans="8:8">
      <c r="H637624" s="12"/>
    </row>
    <row r="637625" spans="8:8">
      <c r="H637625" s="12"/>
    </row>
    <row r="637626" spans="8:8">
      <c r="H637626" s="12"/>
    </row>
    <row r="637627" spans="8:8">
      <c r="H637627" s="12"/>
    </row>
    <row r="637628" spans="8:8">
      <c r="H637628" s="12"/>
    </row>
    <row r="637629" spans="8:8">
      <c r="H637629" s="12"/>
    </row>
    <row r="637630" spans="8:8">
      <c r="H637630" s="12"/>
    </row>
    <row r="637631" spans="8:8">
      <c r="H637631" s="12"/>
    </row>
    <row r="637632" spans="8:8">
      <c r="H637632" s="12"/>
    </row>
    <row r="637633" spans="8:8">
      <c r="H637633" s="12"/>
    </row>
    <row r="637634" spans="8:8">
      <c r="H637634" s="12"/>
    </row>
    <row r="637635" spans="8:8">
      <c r="H637635" s="12"/>
    </row>
    <row r="637636" spans="8:8">
      <c r="H637636" s="12"/>
    </row>
    <row r="637637" spans="8:8">
      <c r="H637637" s="12"/>
    </row>
    <row r="637638" spans="8:8">
      <c r="H637638" s="12"/>
    </row>
    <row r="637639" spans="8:8">
      <c r="H637639" s="12"/>
    </row>
    <row r="637640" spans="8:8">
      <c r="H637640" s="12"/>
    </row>
    <row r="637641" spans="8:8">
      <c r="H637641" s="12"/>
    </row>
    <row r="637642" spans="8:8">
      <c r="H637642" s="12"/>
    </row>
    <row r="637643" spans="8:8">
      <c r="H637643" s="12"/>
    </row>
    <row r="637644" spans="8:8">
      <c r="H637644" s="12"/>
    </row>
    <row r="637645" spans="8:8">
      <c r="H637645" s="12"/>
    </row>
    <row r="637646" spans="8:8">
      <c r="H637646" s="12"/>
    </row>
    <row r="637647" spans="8:8">
      <c r="H637647" s="12"/>
    </row>
    <row r="637648" spans="8:8">
      <c r="H637648" s="12"/>
    </row>
    <row r="637649" spans="8:8">
      <c r="H637649" s="12"/>
    </row>
    <row r="637650" spans="8:8">
      <c r="H637650" s="12"/>
    </row>
    <row r="637651" spans="8:8">
      <c r="H637651" s="12"/>
    </row>
    <row r="637652" spans="8:8">
      <c r="H637652" s="12"/>
    </row>
    <row r="637653" spans="8:8">
      <c r="H637653" s="12"/>
    </row>
    <row r="637654" spans="8:8">
      <c r="H637654" s="12"/>
    </row>
    <row r="637655" spans="8:8">
      <c r="H637655" s="12"/>
    </row>
    <row r="637656" spans="8:8">
      <c r="H637656" s="12"/>
    </row>
    <row r="637657" spans="8:8">
      <c r="H637657" s="12"/>
    </row>
    <row r="637658" spans="8:8">
      <c r="H637658" s="12"/>
    </row>
    <row r="637659" spans="8:8">
      <c r="H637659" s="12"/>
    </row>
    <row r="637660" spans="8:8">
      <c r="H637660" s="12"/>
    </row>
    <row r="637661" spans="8:8">
      <c r="H637661" s="12"/>
    </row>
    <row r="637662" spans="8:8">
      <c r="H637662" s="12"/>
    </row>
    <row r="637663" spans="8:8">
      <c r="H637663" s="12"/>
    </row>
    <row r="637664" spans="8:8">
      <c r="H637664" s="12"/>
    </row>
    <row r="637665" spans="8:8">
      <c r="H637665" s="12"/>
    </row>
    <row r="637666" spans="8:8">
      <c r="H637666" s="12"/>
    </row>
    <row r="637667" spans="8:8">
      <c r="H637667" s="12"/>
    </row>
    <row r="637668" spans="8:8">
      <c r="H637668" s="12"/>
    </row>
    <row r="637669" spans="8:8">
      <c r="H637669" s="12"/>
    </row>
    <row r="637670" spans="8:8">
      <c r="H637670" s="12"/>
    </row>
    <row r="637671" spans="8:8">
      <c r="H637671" s="12"/>
    </row>
    <row r="637672" spans="8:8">
      <c r="H637672" s="12"/>
    </row>
    <row r="637673" spans="8:8">
      <c r="H637673" s="12"/>
    </row>
    <row r="637674" spans="8:8">
      <c r="H637674" s="12"/>
    </row>
    <row r="637675" spans="8:8">
      <c r="H637675" s="12"/>
    </row>
    <row r="637676" spans="8:8">
      <c r="H637676" s="12"/>
    </row>
    <row r="637677" spans="8:8">
      <c r="H637677" s="12"/>
    </row>
    <row r="637678" spans="8:8">
      <c r="H637678" s="12"/>
    </row>
    <row r="637679" spans="8:8">
      <c r="H637679" s="12"/>
    </row>
    <row r="637680" spans="8:8">
      <c r="H637680" s="12"/>
    </row>
    <row r="637681" spans="8:8">
      <c r="H637681" s="12"/>
    </row>
    <row r="637682" spans="8:8">
      <c r="H637682" s="12"/>
    </row>
    <row r="637683" spans="8:8">
      <c r="H637683" s="12"/>
    </row>
    <row r="637684" spans="8:8">
      <c r="H637684" s="12"/>
    </row>
    <row r="637685" spans="8:8">
      <c r="H637685" s="12"/>
    </row>
    <row r="637686" spans="8:8">
      <c r="H637686" s="12"/>
    </row>
    <row r="637687" spans="8:8">
      <c r="H637687" s="12"/>
    </row>
    <row r="637688" spans="8:8">
      <c r="H637688" s="12"/>
    </row>
    <row r="637689" spans="8:8">
      <c r="H637689" s="12"/>
    </row>
    <row r="637690" spans="8:8">
      <c r="H637690" s="12"/>
    </row>
    <row r="637691" spans="8:8">
      <c r="H637691" s="12"/>
    </row>
    <row r="637692" spans="8:8">
      <c r="H637692" s="12"/>
    </row>
    <row r="637693" spans="8:8">
      <c r="H637693" s="12"/>
    </row>
    <row r="637694" spans="8:8">
      <c r="H637694" s="12"/>
    </row>
    <row r="637695" spans="8:8">
      <c r="H637695" s="12"/>
    </row>
    <row r="637696" spans="8:8">
      <c r="H637696" s="12"/>
    </row>
    <row r="637697" spans="8:8">
      <c r="H637697" s="12"/>
    </row>
    <row r="637698" spans="8:8">
      <c r="H637698" s="12"/>
    </row>
    <row r="637699" spans="8:8">
      <c r="H637699" s="12"/>
    </row>
    <row r="637700" spans="8:8">
      <c r="H637700" s="12"/>
    </row>
    <row r="637701" spans="8:8">
      <c r="H637701" s="12"/>
    </row>
    <row r="637702" spans="8:8">
      <c r="H637702" s="12"/>
    </row>
    <row r="637703" spans="8:8">
      <c r="H637703" s="12"/>
    </row>
    <row r="637704" spans="8:8">
      <c r="H637704" s="12"/>
    </row>
    <row r="637705" spans="8:8">
      <c r="H637705" s="12"/>
    </row>
    <row r="637706" spans="8:8">
      <c r="H637706" s="12"/>
    </row>
    <row r="637707" spans="8:8">
      <c r="H637707" s="12"/>
    </row>
    <row r="637708" spans="8:8">
      <c r="H637708" s="12"/>
    </row>
    <row r="637709" spans="8:8">
      <c r="H637709" s="12"/>
    </row>
    <row r="637710" spans="8:8">
      <c r="H637710" s="12"/>
    </row>
    <row r="637711" spans="8:8">
      <c r="H637711" s="12"/>
    </row>
    <row r="637712" spans="8:8">
      <c r="H637712" s="12"/>
    </row>
    <row r="637713" spans="8:8">
      <c r="H637713" s="12"/>
    </row>
    <row r="637714" spans="8:8">
      <c r="H637714" s="12"/>
    </row>
    <row r="637715" spans="8:8">
      <c r="H637715" s="12"/>
    </row>
    <row r="637716" spans="8:8">
      <c r="H637716" s="12"/>
    </row>
    <row r="637717" spans="8:8">
      <c r="H637717" s="12"/>
    </row>
    <row r="637718" spans="8:8">
      <c r="H637718" s="12"/>
    </row>
    <row r="637719" spans="8:8">
      <c r="H637719" s="12"/>
    </row>
    <row r="637720" spans="8:8">
      <c r="H637720" s="12"/>
    </row>
    <row r="637721" spans="8:8">
      <c r="H637721" s="12"/>
    </row>
    <row r="637722" spans="8:8">
      <c r="H637722" s="12"/>
    </row>
    <row r="637723" spans="8:8">
      <c r="H637723" s="12"/>
    </row>
    <row r="637724" spans="8:8">
      <c r="H637724" s="12"/>
    </row>
    <row r="637725" spans="8:8">
      <c r="H637725" s="12"/>
    </row>
    <row r="637726" spans="8:8">
      <c r="H637726" s="12"/>
    </row>
    <row r="637727" spans="8:8">
      <c r="H637727" s="12"/>
    </row>
    <row r="637728" spans="8:8">
      <c r="H637728" s="12"/>
    </row>
    <row r="637729" spans="8:8">
      <c r="H637729" s="12"/>
    </row>
    <row r="637730" spans="8:8">
      <c r="H637730" s="12"/>
    </row>
    <row r="637731" spans="8:8">
      <c r="H637731" s="12"/>
    </row>
    <row r="637732" spans="8:8">
      <c r="H637732" s="12"/>
    </row>
    <row r="637733" spans="8:8">
      <c r="H637733" s="12"/>
    </row>
    <row r="637734" spans="8:8">
      <c r="H637734" s="12"/>
    </row>
    <row r="637735" spans="8:8">
      <c r="H637735" s="12"/>
    </row>
    <row r="637736" spans="8:8">
      <c r="H637736" s="12"/>
    </row>
    <row r="637737" spans="8:8">
      <c r="H637737" s="12"/>
    </row>
    <row r="637738" spans="8:8">
      <c r="H637738" s="12"/>
    </row>
    <row r="637739" spans="8:8">
      <c r="H637739" s="12"/>
    </row>
    <row r="637740" spans="8:8">
      <c r="H637740" s="12"/>
    </row>
    <row r="637741" spans="8:8">
      <c r="H637741" s="12"/>
    </row>
    <row r="637742" spans="8:8">
      <c r="H637742" s="12"/>
    </row>
    <row r="637743" spans="8:8">
      <c r="H637743" s="12"/>
    </row>
    <row r="637744" spans="8:8">
      <c r="H637744" s="12"/>
    </row>
    <row r="637745" spans="8:8">
      <c r="H637745" s="12"/>
    </row>
    <row r="637746" spans="8:8">
      <c r="H637746" s="12"/>
    </row>
    <row r="637747" spans="8:8">
      <c r="H637747" s="12"/>
    </row>
    <row r="637748" spans="8:8">
      <c r="H637748" s="12"/>
    </row>
    <row r="637749" spans="8:8">
      <c r="H637749" s="12"/>
    </row>
    <row r="637750" spans="8:8">
      <c r="H637750" s="12"/>
    </row>
    <row r="637751" spans="8:8">
      <c r="H637751" s="12"/>
    </row>
    <row r="637752" spans="8:8">
      <c r="H637752" s="12"/>
    </row>
    <row r="637753" spans="8:8">
      <c r="H637753" s="12"/>
    </row>
    <row r="637754" spans="8:8">
      <c r="H637754" s="12"/>
    </row>
    <row r="637755" spans="8:8">
      <c r="H637755" s="12"/>
    </row>
    <row r="637756" spans="8:8">
      <c r="H637756" s="12"/>
    </row>
    <row r="637757" spans="8:8">
      <c r="H637757" s="12"/>
    </row>
    <row r="637758" spans="8:8">
      <c r="H637758" s="12"/>
    </row>
    <row r="637759" spans="8:8">
      <c r="H637759" s="12"/>
    </row>
    <row r="637760" spans="8:8">
      <c r="H637760" s="12"/>
    </row>
    <row r="637761" spans="8:8">
      <c r="H637761" s="12"/>
    </row>
    <row r="637762" spans="8:8">
      <c r="H637762" s="12"/>
    </row>
    <row r="637763" spans="8:8">
      <c r="H637763" s="12"/>
    </row>
    <row r="637764" spans="8:8">
      <c r="H637764" s="12"/>
    </row>
    <row r="637765" spans="8:8">
      <c r="H637765" s="12"/>
    </row>
    <row r="637766" spans="8:8">
      <c r="H637766" s="12"/>
    </row>
    <row r="637767" spans="8:8">
      <c r="H637767" s="12"/>
    </row>
    <row r="637768" spans="8:8">
      <c r="H637768" s="12"/>
    </row>
    <row r="637769" spans="8:8">
      <c r="H637769" s="12"/>
    </row>
    <row r="637770" spans="8:8">
      <c r="H637770" s="12"/>
    </row>
    <row r="637771" spans="8:8">
      <c r="H637771" s="12"/>
    </row>
    <row r="637772" spans="8:8">
      <c r="H637772" s="12"/>
    </row>
    <row r="637773" spans="8:8">
      <c r="H637773" s="12"/>
    </row>
    <row r="637774" spans="8:8">
      <c r="H637774" s="12"/>
    </row>
    <row r="637775" spans="8:8">
      <c r="H637775" s="12"/>
    </row>
    <row r="637776" spans="8:8">
      <c r="H637776" s="12"/>
    </row>
    <row r="637777" spans="8:8">
      <c r="H637777" s="12"/>
    </row>
    <row r="637778" spans="8:8">
      <c r="H637778" s="12"/>
    </row>
    <row r="637779" spans="8:8">
      <c r="H637779" s="12"/>
    </row>
    <row r="637780" spans="8:8">
      <c r="H637780" s="12"/>
    </row>
    <row r="637781" spans="8:8">
      <c r="H637781" s="12"/>
    </row>
    <row r="637782" spans="8:8">
      <c r="H637782" s="12"/>
    </row>
    <row r="637783" spans="8:8">
      <c r="H637783" s="12"/>
    </row>
    <row r="637784" spans="8:8">
      <c r="H637784" s="12"/>
    </row>
    <row r="637785" spans="8:8">
      <c r="H637785" s="12"/>
    </row>
    <row r="637786" spans="8:8">
      <c r="H637786" s="12"/>
    </row>
    <row r="637787" spans="8:8">
      <c r="H637787" s="12"/>
    </row>
    <row r="637788" spans="8:8">
      <c r="H637788" s="12"/>
    </row>
    <row r="637789" spans="8:8">
      <c r="H637789" s="12"/>
    </row>
    <row r="637790" spans="8:8">
      <c r="H637790" s="12"/>
    </row>
    <row r="637791" spans="8:8">
      <c r="H637791" s="12"/>
    </row>
    <row r="637792" spans="8:8">
      <c r="H637792" s="12"/>
    </row>
    <row r="637793" spans="8:8">
      <c r="H637793" s="12"/>
    </row>
    <row r="637794" spans="8:8">
      <c r="H637794" s="12"/>
    </row>
    <row r="637795" spans="8:8">
      <c r="H637795" s="12"/>
    </row>
    <row r="637796" spans="8:8">
      <c r="H637796" s="12"/>
    </row>
    <row r="637797" spans="8:8">
      <c r="H637797" s="12"/>
    </row>
    <row r="637798" spans="8:8">
      <c r="H637798" s="12"/>
    </row>
    <row r="637799" spans="8:8">
      <c r="H637799" s="12"/>
    </row>
    <row r="637800" spans="8:8">
      <c r="H637800" s="12"/>
    </row>
    <row r="637801" spans="8:8">
      <c r="H637801" s="12"/>
    </row>
    <row r="637802" spans="8:8">
      <c r="H637802" s="12"/>
    </row>
    <row r="637803" spans="8:8">
      <c r="H637803" s="12"/>
    </row>
    <row r="637804" spans="8:8">
      <c r="H637804" s="12"/>
    </row>
    <row r="637805" spans="8:8">
      <c r="H637805" s="12"/>
    </row>
    <row r="637806" spans="8:8">
      <c r="H637806" s="12"/>
    </row>
    <row r="637807" spans="8:8">
      <c r="H637807" s="12"/>
    </row>
    <row r="637808" spans="8:8">
      <c r="H637808" s="12"/>
    </row>
    <row r="637809" spans="8:8">
      <c r="H637809" s="12"/>
    </row>
    <row r="637810" spans="8:8">
      <c r="H637810" s="12"/>
    </row>
    <row r="637811" spans="8:8">
      <c r="H637811" s="12"/>
    </row>
    <row r="637812" spans="8:8">
      <c r="H637812" s="12"/>
    </row>
    <row r="637813" spans="8:8">
      <c r="H637813" s="12"/>
    </row>
    <row r="637814" spans="8:8">
      <c r="H637814" s="12"/>
    </row>
    <row r="637815" spans="8:8">
      <c r="H637815" s="12"/>
    </row>
    <row r="637816" spans="8:8">
      <c r="H637816" s="12"/>
    </row>
    <row r="637817" spans="8:8">
      <c r="H637817" s="12"/>
    </row>
    <row r="637818" spans="8:8">
      <c r="H637818" s="12"/>
    </row>
    <row r="637819" spans="8:8">
      <c r="H637819" s="12"/>
    </row>
    <row r="637820" spans="8:8">
      <c r="H637820" s="12"/>
    </row>
    <row r="637821" spans="8:8">
      <c r="H637821" s="12"/>
    </row>
    <row r="637822" spans="8:8">
      <c r="H637822" s="12"/>
    </row>
    <row r="637823" spans="8:8">
      <c r="H637823" s="12"/>
    </row>
    <row r="637824" spans="8:8">
      <c r="H637824" s="12"/>
    </row>
    <row r="637825" spans="8:8">
      <c r="H637825" s="12"/>
    </row>
    <row r="637826" spans="8:8">
      <c r="H637826" s="12"/>
    </row>
    <row r="637827" spans="8:8">
      <c r="H637827" s="12"/>
    </row>
    <row r="637828" spans="8:8">
      <c r="H637828" s="12"/>
    </row>
    <row r="637829" spans="8:8">
      <c r="H637829" s="12"/>
    </row>
    <row r="637830" spans="8:8">
      <c r="H637830" s="12"/>
    </row>
    <row r="637831" spans="8:8">
      <c r="H637831" s="12"/>
    </row>
    <row r="637832" spans="8:8">
      <c r="H637832" s="12"/>
    </row>
    <row r="637833" spans="8:8">
      <c r="H637833" s="12"/>
    </row>
    <row r="637834" spans="8:8">
      <c r="H637834" s="12"/>
    </row>
    <row r="637835" spans="8:8">
      <c r="H637835" s="12"/>
    </row>
    <row r="637836" spans="8:8">
      <c r="H637836" s="12"/>
    </row>
    <row r="637837" spans="8:8">
      <c r="H637837" s="12"/>
    </row>
    <row r="637838" spans="8:8">
      <c r="H637838" s="12"/>
    </row>
    <row r="637839" spans="8:8">
      <c r="H637839" s="12"/>
    </row>
    <row r="637840" spans="8:8">
      <c r="H637840" s="12"/>
    </row>
    <row r="637841" spans="8:8">
      <c r="H637841" s="12"/>
    </row>
    <row r="637842" spans="8:8">
      <c r="H637842" s="12"/>
    </row>
    <row r="637843" spans="8:8">
      <c r="H637843" s="12"/>
    </row>
    <row r="637844" spans="8:8">
      <c r="H637844" s="12"/>
    </row>
    <row r="637845" spans="8:8">
      <c r="H637845" s="12"/>
    </row>
    <row r="637846" spans="8:8">
      <c r="H637846" s="12"/>
    </row>
    <row r="637847" spans="8:8">
      <c r="H637847" s="12"/>
    </row>
    <row r="637848" spans="8:8">
      <c r="H637848" s="12"/>
    </row>
    <row r="637849" spans="8:8">
      <c r="H637849" s="12"/>
    </row>
    <row r="637850" spans="8:8">
      <c r="H637850" s="12"/>
    </row>
    <row r="637851" spans="8:8">
      <c r="H637851" s="12"/>
    </row>
    <row r="637852" spans="8:8">
      <c r="H637852" s="12"/>
    </row>
    <row r="637853" spans="8:8">
      <c r="H637853" s="12"/>
    </row>
    <row r="637854" spans="8:8">
      <c r="H637854" s="12"/>
    </row>
    <row r="637855" spans="8:8">
      <c r="H637855" s="12"/>
    </row>
    <row r="637856" spans="8:8">
      <c r="H637856" s="12"/>
    </row>
    <row r="637857" spans="8:8">
      <c r="H637857" s="12"/>
    </row>
    <row r="637858" spans="8:8">
      <c r="H637858" s="12"/>
    </row>
    <row r="637859" spans="8:8">
      <c r="H637859" s="12"/>
    </row>
    <row r="637860" spans="8:8">
      <c r="H637860" s="12"/>
    </row>
    <row r="637861" spans="8:8">
      <c r="H637861" s="12"/>
    </row>
    <row r="637862" spans="8:8">
      <c r="H637862" s="12"/>
    </row>
    <row r="637863" spans="8:8">
      <c r="H637863" s="12"/>
    </row>
    <row r="637864" spans="8:8">
      <c r="H637864" s="12"/>
    </row>
    <row r="637865" spans="8:8">
      <c r="H637865" s="12"/>
    </row>
    <row r="637866" spans="8:8">
      <c r="H637866" s="12"/>
    </row>
    <row r="637867" spans="8:8">
      <c r="H637867" s="12"/>
    </row>
    <row r="637868" spans="8:8">
      <c r="H637868" s="12"/>
    </row>
    <row r="637869" spans="8:8">
      <c r="H637869" s="12"/>
    </row>
    <row r="637870" spans="8:8">
      <c r="H637870" s="12"/>
    </row>
    <row r="637871" spans="8:8">
      <c r="H637871" s="12"/>
    </row>
    <row r="637872" spans="8:8">
      <c r="H637872" s="12"/>
    </row>
    <row r="637873" spans="8:8">
      <c r="H637873" s="12"/>
    </row>
    <row r="637874" spans="8:8">
      <c r="H637874" s="12"/>
    </row>
    <row r="637875" spans="8:8">
      <c r="H637875" s="12"/>
    </row>
    <row r="637876" spans="8:8">
      <c r="H637876" s="12"/>
    </row>
    <row r="637877" spans="8:8">
      <c r="H637877" s="12"/>
    </row>
    <row r="637878" spans="8:8">
      <c r="H637878" s="12"/>
    </row>
    <row r="637879" spans="8:8">
      <c r="H637879" s="12"/>
    </row>
    <row r="637880" spans="8:8">
      <c r="H637880" s="12"/>
    </row>
    <row r="637881" spans="8:8">
      <c r="H637881" s="12"/>
    </row>
    <row r="637882" spans="8:8">
      <c r="H637882" s="12"/>
    </row>
    <row r="637883" spans="8:8">
      <c r="H637883" s="12"/>
    </row>
    <row r="637884" spans="8:8">
      <c r="H637884" s="12"/>
    </row>
    <row r="637885" spans="8:8">
      <c r="H637885" s="12"/>
    </row>
    <row r="637886" spans="8:8">
      <c r="H637886" s="12"/>
    </row>
    <row r="637887" spans="8:8">
      <c r="H637887" s="12"/>
    </row>
    <row r="637888" spans="8:8">
      <c r="H637888" s="12"/>
    </row>
    <row r="637889" spans="8:8">
      <c r="H637889" s="12"/>
    </row>
    <row r="637890" spans="8:8">
      <c r="H637890" s="12"/>
    </row>
    <row r="637891" spans="8:8">
      <c r="H637891" s="12"/>
    </row>
    <row r="637892" spans="8:8">
      <c r="H637892" s="12"/>
    </row>
    <row r="637893" spans="8:8">
      <c r="H637893" s="12"/>
    </row>
    <row r="637894" spans="8:8">
      <c r="H637894" s="12"/>
    </row>
    <row r="637895" spans="8:8">
      <c r="H637895" s="12"/>
    </row>
    <row r="637896" spans="8:8">
      <c r="H637896" s="12"/>
    </row>
    <row r="637897" spans="8:8">
      <c r="H637897" s="12"/>
    </row>
    <row r="637898" spans="8:8">
      <c r="H637898" s="12"/>
    </row>
    <row r="637899" spans="8:8">
      <c r="H637899" s="12"/>
    </row>
    <row r="637900" spans="8:8">
      <c r="H637900" s="12"/>
    </row>
    <row r="637901" spans="8:8">
      <c r="H637901" s="12"/>
    </row>
    <row r="637902" spans="8:8">
      <c r="H637902" s="12"/>
    </row>
    <row r="637903" spans="8:8">
      <c r="H637903" s="12"/>
    </row>
    <row r="637904" spans="8:8">
      <c r="H637904" s="12"/>
    </row>
    <row r="637905" spans="8:8">
      <c r="H637905" s="12"/>
    </row>
    <row r="637906" spans="8:8">
      <c r="H637906" s="12"/>
    </row>
    <row r="637907" spans="8:8">
      <c r="H637907" s="12"/>
    </row>
    <row r="637908" spans="8:8">
      <c r="H637908" s="12"/>
    </row>
    <row r="637909" spans="8:8">
      <c r="H637909" s="12"/>
    </row>
    <row r="637910" spans="8:8">
      <c r="H637910" s="12"/>
    </row>
    <row r="637911" spans="8:8">
      <c r="H637911" s="12"/>
    </row>
    <row r="637912" spans="8:8">
      <c r="H637912" s="12"/>
    </row>
    <row r="637913" spans="8:8">
      <c r="H637913" s="12"/>
    </row>
    <row r="637914" spans="8:8">
      <c r="H637914" s="12"/>
    </row>
    <row r="637915" spans="8:8">
      <c r="H637915" s="12"/>
    </row>
    <row r="637916" spans="8:8">
      <c r="H637916" s="12"/>
    </row>
    <row r="637917" spans="8:8">
      <c r="H637917" s="12"/>
    </row>
    <row r="637918" spans="8:8">
      <c r="H637918" s="12"/>
    </row>
    <row r="637919" spans="8:8">
      <c r="H637919" s="12"/>
    </row>
    <row r="637920" spans="8:8">
      <c r="H637920" s="12"/>
    </row>
    <row r="637921" spans="8:8">
      <c r="H637921" s="12"/>
    </row>
    <row r="637922" spans="8:8">
      <c r="H637922" s="12"/>
    </row>
    <row r="637923" spans="8:8">
      <c r="H637923" s="12"/>
    </row>
    <row r="637924" spans="8:8">
      <c r="H637924" s="12"/>
    </row>
    <row r="637925" spans="8:8">
      <c r="H637925" s="12"/>
    </row>
    <row r="637926" spans="8:8">
      <c r="H637926" s="12"/>
    </row>
    <row r="637927" spans="8:8">
      <c r="H637927" s="12"/>
    </row>
    <row r="637928" spans="8:8">
      <c r="H637928" s="12"/>
    </row>
    <row r="637929" spans="8:8">
      <c r="H637929" s="12"/>
    </row>
    <row r="637930" spans="8:8">
      <c r="H637930" s="12"/>
    </row>
    <row r="637931" spans="8:8">
      <c r="H637931" s="12"/>
    </row>
    <row r="637932" spans="8:8">
      <c r="H637932" s="12"/>
    </row>
    <row r="637933" spans="8:8">
      <c r="H637933" s="12"/>
    </row>
    <row r="637934" spans="8:8">
      <c r="H637934" s="12"/>
    </row>
    <row r="637935" spans="8:8">
      <c r="H637935" s="12"/>
    </row>
    <row r="637936" spans="8:8">
      <c r="H637936" s="12"/>
    </row>
    <row r="637937" spans="8:8">
      <c r="H637937" s="12"/>
    </row>
    <row r="637938" spans="8:8">
      <c r="H637938" s="12"/>
    </row>
    <row r="637939" spans="8:8">
      <c r="H637939" s="12"/>
    </row>
    <row r="637940" spans="8:8">
      <c r="H637940" s="12"/>
    </row>
    <row r="637941" spans="8:8">
      <c r="H637941" s="12"/>
    </row>
    <row r="637942" spans="8:8">
      <c r="H637942" s="12"/>
    </row>
    <row r="637943" spans="8:8">
      <c r="H637943" s="12"/>
    </row>
    <row r="637944" spans="8:8">
      <c r="H637944" s="12"/>
    </row>
    <row r="637945" spans="8:8">
      <c r="H637945" s="12"/>
    </row>
    <row r="637946" spans="8:8">
      <c r="H637946" s="12"/>
    </row>
    <row r="637947" spans="8:8">
      <c r="H637947" s="12"/>
    </row>
    <row r="637948" spans="8:8">
      <c r="H637948" s="12"/>
    </row>
    <row r="637949" spans="8:8">
      <c r="H637949" s="12"/>
    </row>
    <row r="637950" spans="8:8">
      <c r="H637950" s="12"/>
    </row>
    <row r="637951" spans="8:8">
      <c r="H637951" s="12"/>
    </row>
    <row r="637952" spans="8:8">
      <c r="H637952" s="12"/>
    </row>
    <row r="637953" spans="8:8">
      <c r="H637953" s="12"/>
    </row>
    <row r="637954" spans="8:8">
      <c r="H637954" s="12"/>
    </row>
    <row r="637955" spans="8:8">
      <c r="H637955" s="12"/>
    </row>
    <row r="637956" spans="8:8">
      <c r="H637956" s="12"/>
    </row>
    <row r="637957" spans="8:8">
      <c r="H637957" s="12"/>
    </row>
    <row r="637958" spans="8:8">
      <c r="H637958" s="12"/>
    </row>
    <row r="637959" spans="8:8">
      <c r="H637959" s="12"/>
    </row>
    <row r="637960" spans="8:8">
      <c r="H637960" s="12"/>
    </row>
    <row r="637961" spans="8:8">
      <c r="H637961" s="12"/>
    </row>
    <row r="637962" spans="8:8">
      <c r="H637962" s="12"/>
    </row>
    <row r="637963" spans="8:8">
      <c r="H637963" s="12"/>
    </row>
    <row r="637964" spans="8:8">
      <c r="H637964" s="12"/>
    </row>
    <row r="637965" spans="8:8">
      <c r="H637965" s="12"/>
    </row>
    <row r="637966" spans="8:8">
      <c r="H637966" s="12"/>
    </row>
    <row r="637967" spans="8:8">
      <c r="H637967" s="12"/>
    </row>
    <row r="637968" spans="8:8">
      <c r="H637968" s="12"/>
    </row>
    <row r="637969" spans="8:8">
      <c r="H637969" s="12"/>
    </row>
    <row r="637970" spans="8:8">
      <c r="H637970" s="12"/>
    </row>
    <row r="637971" spans="8:8">
      <c r="H637971" s="12"/>
    </row>
    <row r="637972" spans="8:8">
      <c r="H637972" s="12"/>
    </row>
    <row r="637973" spans="8:8">
      <c r="H637973" s="12"/>
    </row>
    <row r="637974" spans="8:8">
      <c r="H637974" s="12"/>
    </row>
    <row r="637975" spans="8:8">
      <c r="H637975" s="12"/>
    </row>
    <row r="637976" spans="8:8">
      <c r="H637976" s="12"/>
    </row>
    <row r="637977" spans="8:8">
      <c r="H637977" s="12"/>
    </row>
    <row r="637978" spans="8:8">
      <c r="H637978" s="12"/>
    </row>
    <row r="637979" spans="8:8">
      <c r="H637979" s="12"/>
    </row>
    <row r="637980" spans="8:8">
      <c r="H637980" s="12"/>
    </row>
    <row r="637981" spans="8:8">
      <c r="H637981" s="12"/>
    </row>
    <row r="637982" spans="8:8">
      <c r="H637982" s="12"/>
    </row>
    <row r="637983" spans="8:8">
      <c r="H637983" s="12"/>
    </row>
    <row r="637984" spans="8:8">
      <c r="H637984" s="12"/>
    </row>
    <row r="637985" spans="8:8">
      <c r="H637985" s="12"/>
    </row>
    <row r="637986" spans="8:8">
      <c r="H637986" s="12"/>
    </row>
    <row r="637987" spans="8:8">
      <c r="H637987" s="12"/>
    </row>
    <row r="637988" spans="8:8">
      <c r="H637988" s="12"/>
    </row>
    <row r="637989" spans="8:8">
      <c r="H637989" s="12"/>
    </row>
    <row r="637990" spans="8:8">
      <c r="H637990" s="12"/>
    </row>
    <row r="637991" spans="8:8">
      <c r="H637991" s="12"/>
    </row>
    <row r="637992" spans="8:8">
      <c r="H637992" s="12"/>
    </row>
    <row r="637993" spans="8:8">
      <c r="H637993" s="12"/>
    </row>
    <row r="637994" spans="8:8">
      <c r="H637994" s="12"/>
    </row>
    <row r="637995" spans="8:8">
      <c r="H637995" s="12"/>
    </row>
    <row r="637996" spans="8:8">
      <c r="H637996" s="12"/>
    </row>
    <row r="637997" spans="8:8">
      <c r="H637997" s="12"/>
    </row>
    <row r="637998" spans="8:8">
      <c r="H637998" s="12"/>
    </row>
    <row r="637999" spans="8:8">
      <c r="H637999" s="12"/>
    </row>
    <row r="638000" spans="8:8">
      <c r="H638000" s="12"/>
    </row>
    <row r="638001" spans="8:8">
      <c r="H638001" s="12"/>
    </row>
    <row r="638002" spans="8:8">
      <c r="H638002" s="12"/>
    </row>
    <row r="638003" spans="8:8">
      <c r="H638003" s="12"/>
    </row>
    <row r="638004" spans="8:8">
      <c r="H638004" s="12"/>
    </row>
    <row r="638005" spans="8:8">
      <c r="H638005" s="12"/>
    </row>
    <row r="638006" spans="8:8">
      <c r="H638006" s="12"/>
    </row>
    <row r="638007" spans="8:8">
      <c r="H638007" s="12"/>
    </row>
    <row r="638008" spans="8:8">
      <c r="H638008" s="12"/>
    </row>
    <row r="638009" spans="8:8">
      <c r="H638009" s="12"/>
    </row>
    <row r="638010" spans="8:8">
      <c r="H638010" s="12"/>
    </row>
    <row r="638011" spans="8:8">
      <c r="H638011" s="12"/>
    </row>
    <row r="638012" spans="8:8">
      <c r="H638012" s="12"/>
    </row>
    <row r="638013" spans="8:8">
      <c r="H638013" s="12"/>
    </row>
    <row r="638014" spans="8:8">
      <c r="H638014" s="12"/>
    </row>
    <row r="638015" spans="8:8">
      <c r="H638015" s="12"/>
    </row>
    <row r="638016" spans="8:8">
      <c r="H638016" s="12"/>
    </row>
    <row r="638017" spans="8:8">
      <c r="H638017" s="12"/>
    </row>
    <row r="638018" spans="8:8">
      <c r="H638018" s="12"/>
    </row>
    <row r="638019" spans="8:8">
      <c r="H638019" s="12"/>
    </row>
    <row r="638020" spans="8:8">
      <c r="H638020" s="12"/>
    </row>
    <row r="638021" spans="8:8">
      <c r="H638021" s="12"/>
    </row>
    <row r="638022" spans="8:8">
      <c r="H638022" s="12"/>
    </row>
    <row r="638023" spans="8:8">
      <c r="H638023" s="12"/>
    </row>
    <row r="638024" spans="8:8">
      <c r="H638024" s="12"/>
    </row>
    <row r="638025" spans="8:8">
      <c r="H638025" s="12"/>
    </row>
    <row r="638026" spans="8:8">
      <c r="H638026" s="12"/>
    </row>
    <row r="638027" spans="8:8">
      <c r="H638027" s="12"/>
    </row>
    <row r="638028" spans="8:8">
      <c r="H638028" s="12"/>
    </row>
    <row r="638029" spans="8:8">
      <c r="H638029" s="12"/>
    </row>
    <row r="638030" spans="8:8">
      <c r="H638030" s="12"/>
    </row>
    <row r="638031" spans="8:8">
      <c r="H638031" s="12"/>
    </row>
    <row r="638032" spans="8:8">
      <c r="H638032" s="12"/>
    </row>
    <row r="638033" spans="8:8">
      <c r="H638033" s="12"/>
    </row>
    <row r="638034" spans="8:8">
      <c r="H638034" s="12"/>
    </row>
    <row r="638035" spans="8:8">
      <c r="H638035" s="12"/>
    </row>
    <row r="638036" spans="8:8">
      <c r="H638036" s="12"/>
    </row>
    <row r="638037" spans="8:8">
      <c r="H638037" s="12"/>
    </row>
    <row r="638038" spans="8:8">
      <c r="H638038" s="12"/>
    </row>
    <row r="638039" spans="8:8">
      <c r="H638039" s="12"/>
    </row>
    <row r="638040" spans="8:8">
      <c r="H638040" s="12"/>
    </row>
    <row r="638041" spans="8:8">
      <c r="H638041" s="12"/>
    </row>
    <row r="638042" spans="8:8">
      <c r="H638042" s="12"/>
    </row>
    <row r="638043" spans="8:8">
      <c r="H638043" s="12"/>
    </row>
    <row r="638044" spans="8:8">
      <c r="H638044" s="12"/>
    </row>
    <row r="638045" spans="8:8">
      <c r="H638045" s="12"/>
    </row>
    <row r="638046" spans="8:8">
      <c r="H638046" s="12"/>
    </row>
    <row r="638047" spans="8:8">
      <c r="H638047" s="12"/>
    </row>
    <row r="638048" spans="8:8">
      <c r="H638048" s="12"/>
    </row>
    <row r="638049" spans="8:8">
      <c r="H638049" s="12"/>
    </row>
    <row r="638050" spans="8:8">
      <c r="H638050" s="12"/>
    </row>
    <row r="638051" spans="8:8">
      <c r="H638051" s="12"/>
    </row>
    <row r="638052" spans="8:8">
      <c r="H638052" s="12"/>
    </row>
    <row r="638053" spans="8:8">
      <c r="H638053" s="12"/>
    </row>
    <row r="638054" spans="8:8">
      <c r="H638054" s="12"/>
    </row>
    <row r="638055" spans="8:8">
      <c r="H638055" s="12"/>
    </row>
    <row r="638056" spans="8:8">
      <c r="H638056" s="12"/>
    </row>
    <row r="638057" spans="8:8">
      <c r="H638057" s="12"/>
    </row>
    <row r="638058" spans="8:8">
      <c r="H638058" s="12"/>
    </row>
    <row r="638059" spans="8:8">
      <c r="H638059" s="12"/>
    </row>
    <row r="638060" spans="8:8">
      <c r="H638060" s="12"/>
    </row>
    <row r="638061" spans="8:8">
      <c r="H638061" s="12"/>
    </row>
    <row r="638062" spans="8:8">
      <c r="H638062" s="12"/>
    </row>
    <row r="638063" spans="8:8">
      <c r="H638063" s="12"/>
    </row>
    <row r="638064" spans="8:8">
      <c r="H638064" s="12"/>
    </row>
    <row r="638065" spans="8:8">
      <c r="H638065" s="12"/>
    </row>
    <row r="638066" spans="8:8">
      <c r="H638066" s="12"/>
    </row>
    <row r="638067" spans="8:8">
      <c r="H638067" s="12"/>
    </row>
    <row r="638068" spans="8:8">
      <c r="H638068" s="12"/>
    </row>
    <row r="638069" spans="8:8">
      <c r="H638069" s="12"/>
    </row>
    <row r="638070" spans="8:8">
      <c r="H638070" s="12"/>
    </row>
    <row r="638071" spans="8:8">
      <c r="H638071" s="12"/>
    </row>
    <row r="638072" spans="8:8">
      <c r="H638072" s="12"/>
    </row>
    <row r="638073" spans="8:8">
      <c r="H638073" s="12"/>
    </row>
    <row r="638074" spans="8:8">
      <c r="H638074" s="12"/>
    </row>
    <row r="638075" spans="8:8">
      <c r="H638075" s="12"/>
    </row>
    <row r="638076" spans="8:8">
      <c r="H638076" s="12"/>
    </row>
    <row r="638077" spans="8:8">
      <c r="H638077" s="12"/>
    </row>
    <row r="638078" spans="8:8">
      <c r="H638078" s="12"/>
    </row>
    <row r="638079" spans="8:8">
      <c r="H638079" s="12"/>
    </row>
    <row r="638080" spans="8:8">
      <c r="H638080" s="12"/>
    </row>
    <row r="638081" spans="8:8">
      <c r="H638081" s="12"/>
    </row>
    <row r="638082" spans="8:8">
      <c r="H638082" s="12"/>
    </row>
    <row r="638083" spans="8:8">
      <c r="H638083" s="12"/>
    </row>
    <row r="638084" spans="8:8">
      <c r="H638084" s="12"/>
    </row>
    <row r="638085" spans="8:8">
      <c r="H638085" s="12"/>
    </row>
    <row r="638086" spans="8:8">
      <c r="H638086" s="12"/>
    </row>
    <row r="638087" spans="8:8">
      <c r="H638087" s="12"/>
    </row>
    <row r="638088" spans="8:8">
      <c r="H638088" s="12"/>
    </row>
    <row r="638089" spans="8:8">
      <c r="H638089" s="12"/>
    </row>
    <row r="638090" spans="8:8">
      <c r="H638090" s="12"/>
    </row>
    <row r="638091" spans="8:8">
      <c r="H638091" s="12"/>
    </row>
    <row r="638092" spans="8:8">
      <c r="H638092" s="12"/>
    </row>
    <row r="638093" spans="8:8">
      <c r="H638093" s="12"/>
    </row>
    <row r="638094" spans="8:8">
      <c r="H638094" s="12"/>
    </row>
    <row r="638095" spans="8:8">
      <c r="H638095" s="12"/>
    </row>
    <row r="638096" spans="8:8">
      <c r="H638096" s="12"/>
    </row>
    <row r="638097" spans="8:8">
      <c r="H638097" s="12"/>
    </row>
    <row r="638098" spans="8:8">
      <c r="H638098" s="12"/>
    </row>
    <row r="638099" spans="8:8">
      <c r="H638099" s="12"/>
    </row>
    <row r="638100" spans="8:8">
      <c r="H638100" s="12"/>
    </row>
    <row r="638101" spans="8:8">
      <c r="H638101" s="12"/>
    </row>
    <row r="638102" spans="8:8">
      <c r="H638102" s="12"/>
    </row>
    <row r="638103" spans="8:8">
      <c r="H638103" s="12"/>
    </row>
    <row r="638104" spans="8:8">
      <c r="H638104" s="12"/>
    </row>
    <row r="638105" spans="8:8">
      <c r="H638105" s="12"/>
    </row>
    <row r="638106" spans="8:8">
      <c r="H638106" s="12"/>
    </row>
    <row r="638107" spans="8:8">
      <c r="H638107" s="12"/>
    </row>
    <row r="638108" spans="8:8">
      <c r="H638108" s="12"/>
    </row>
    <row r="638109" spans="8:8">
      <c r="H638109" s="12"/>
    </row>
    <row r="638110" spans="8:8">
      <c r="H638110" s="12"/>
    </row>
    <row r="638111" spans="8:8">
      <c r="H638111" s="12"/>
    </row>
    <row r="638112" spans="8:8">
      <c r="H638112" s="12"/>
    </row>
    <row r="638113" spans="8:8">
      <c r="H638113" s="12"/>
    </row>
    <row r="638114" spans="8:8">
      <c r="H638114" s="12"/>
    </row>
    <row r="638115" spans="8:8">
      <c r="H638115" s="12"/>
    </row>
    <row r="638116" spans="8:8">
      <c r="H638116" s="12"/>
    </row>
    <row r="638117" spans="8:8">
      <c r="H638117" s="12"/>
    </row>
    <row r="638118" spans="8:8">
      <c r="H638118" s="12"/>
    </row>
    <row r="638119" spans="8:8">
      <c r="H638119" s="12"/>
    </row>
    <row r="638120" spans="8:8">
      <c r="H638120" s="12"/>
    </row>
    <row r="638121" spans="8:8">
      <c r="H638121" s="12"/>
    </row>
    <row r="638122" spans="8:8">
      <c r="H638122" s="12"/>
    </row>
    <row r="638123" spans="8:8">
      <c r="H638123" s="12"/>
    </row>
    <row r="638124" spans="8:8">
      <c r="H638124" s="12"/>
    </row>
    <row r="638125" spans="8:8">
      <c r="H638125" s="12"/>
    </row>
    <row r="638126" spans="8:8">
      <c r="H638126" s="12"/>
    </row>
    <row r="638127" spans="8:8">
      <c r="H638127" s="12"/>
    </row>
    <row r="638128" spans="8:8">
      <c r="H638128" s="12"/>
    </row>
    <row r="638129" spans="8:8">
      <c r="H638129" s="12"/>
    </row>
    <row r="638130" spans="8:8">
      <c r="H638130" s="12"/>
    </row>
    <row r="638131" spans="8:8">
      <c r="H638131" s="12"/>
    </row>
    <row r="638132" spans="8:8">
      <c r="H638132" s="12"/>
    </row>
    <row r="638133" spans="8:8">
      <c r="H638133" s="12"/>
    </row>
    <row r="638134" spans="8:8">
      <c r="H638134" s="12"/>
    </row>
    <row r="638135" spans="8:8">
      <c r="H638135" s="12"/>
    </row>
    <row r="638136" spans="8:8">
      <c r="H638136" s="12"/>
    </row>
    <row r="638137" spans="8:8">
      <c r="H638137" s="12"/>
    </row>
    <row r="638138" spans="8:8">
      <c r="H638138" s="12"/>
    </row>
    <row r="638139" spans="8:8">
      <c r="H638139" s="12"/>
    </row>
    <row r="638140" spans="8:8">
      <c r="H638140" s="12"/>
    </row>
    <row r="638141" spans="8:8">
      <c r="H638141" s="12"/>
    </row>
    <row r="638142" spans="8:8">
      <c r="H638142" s="12"/>
    </row>
    <row r="638143" spans="8:8">
      <c r="H638143" s="12"/>
    </row>
    <row r="638144" spans="8:8">
      <c r="H638144" s="12"/>
    </row>
    <row r="638145" spans="8:8">
      <c r="H638145" s="12"/>
    </row>
    <row r="638146" spans="8:8">
      <c r="H638146" s="12"/>
    </row>
    <row r="638147" spans="8:8">
      <c r="H638147" s="12"/>
    </row>
    <row r="638148" spans="8:8">
      <c r="H638148" s="12"/>
    </row>
    <row r="638149" spans="8:8">
      <c r="H638149" s="12"/>
    </row>
    <row r="638150" spans="8:8">
      <c r="H638150" s="12"/>
    </row>
    <row r="638151" spans="8:8">
      <c r="H638151" s="12"/>
    </row>
    <row r="638152" spans="8:8">
      <c r="H638152" s="12"/>
    </row>
    <row r="638153" spans="8:8">
      <c r="H638153" s="12"/>
    </row>
    <row r="638154" spans="8:8">
      <c r="H638154" s="12"/>
    </row>
    <row r="638155" spans="8:8">
      <c r="H638155" s="12"/>
    </row>
    <row r="638156" spans="8:8">
      <c r="H638156" s="12"/>
    </row>
    <row r="638157" spans="8:8">
      <c r="H638157" s="12"/>
    </row>
    <row r="638158" spans="8:8">
      <c r="H638158" s="12"/>
    </row>
    <row r="638159" spans="8:8">
      <c r="H638159" s="12"/>
    </row>
    <row r="638160" spans="8:8">
      <c r="H638160" s="12"/>
    </row>
    <row r="638161" spans="8:8">
      <c r="H638161" s="12"/>
    </row>
    <row r="638162" spans="8:8">
      <c r="H638162" s="12"/>
    </row>
    <row r="638163" spans="8:8">
      <c r="H638163" s="12"/>
    </row>
    <row r="638164" spans="8:8">
      <c r="H638164" s="12"/>
    </row>
    <row r="638165" spans="8:8">
      <c r="H638165" s="12"/>
    </row>
    <row r="638166" spans="8:8">
      <c r="H638166" s="12"/>
    </row>
    <row r="638167" spans="8:8">
      <c r="H638167" s="12"/>
    </row>
    <row r="638168" spans="8:8">
      <c r="H638168" s="12"/>
    </row>
    <row r="638169" spans="8:8">
      <c r="H638169" s="12"/>
    </row>
    <row r="638170" spans="8:8">
      <c r="H638170" s="12"/>
    </row>
    <row r="638171" spans="8:8">
      <c r="H638171" s="12"/>
    </row>
    <row r="638172" spans="8:8">
      <c r="H638172" s="12"/>
    </row>
    <row r="638173" spans="8:8">
      <c r="H638173" s="12"/>
    </row>
    <row r="638174" spans="8:8">
      <c r="H638174" s="12"/>
    </row>
    <row r="638175" spans="8:8">
      <c r="H638175" s="12"/>
    </row>
    <row r="638176" spans="8:8">
      <c r="H638176" s="12"/>
    </row>
    <row r="638177" spans="8:8">
      <c r="H638177" s="12"/>
    </row>
    <row r="638178" spans="8:8">
      <c r="H638178" s="12"/>
    </row>
    <row r="638179" spans="8:8">
      <c r="H638179" s="12"/>
    </row>
    <row r="638180" spans="8:8">
      <c r="H638180" s="12"/>
    </row>
    <row r="638181" spans="8:8">
      <c r="H638181" s="12"/>
    </row>
    <row r="638182" spans="8:8">
      <c r="H638182" s="12"/>
    </row>
    <row r="638183" spans="8:8">
      <c r="H638183" s="12"/>
    </row>
    <row r="638184" spans="8:8">
      <c r="H638184" s="12"/>
    </row>
    <row r="638185" spans="8:8">
      <c r="H638185" s="12"/>
    </row>
    <row r="638186" spans="8:8">
      <c r="H638186" s="12"/>
    </row>
    <row r="638187" spans="8:8">
      <c r="H638187" s="12"/>
    </row>
    <row r="638188" spans="8:8">
      <c r="H638188" s="12"/>
    </row>
    <row r="638189" spans="8:8">
      <c r="H638189" s="12"/>
    </row>
    <row r="638190" spans="8:8">
      <c r="H638190" s="12"/>
    </row>
    <row r="638191" spans="8:8">
      <c r="H638191" s="12"/>
    </row>
    <row r="638192" spans="8:8">
      <c r="H638192" s="12"/>
    </row>
    <row r="638193" spans="8:8">
      <c r="H638193" s="12"/>
    </row>
    <row r="638194" spans="8:8">
      <c r="H638194" s="12"/>
    </row>
    <row r="638195" spans="8:8">
      <c r="H638195" s="12"/>
    </row>
    <row r="638196" spans="8:8">
      <c r="H638196" s="12"/>
    </row>
    <row r="638197" spans="8:8">
      <c r="H638197" s="12"/>
    </row>
    <row r="638198" spans="8:8">
      <c r="H638198" s="12"/>
    </row>
    <row r="638199" spans="8:8">
      <c r="H638199" s="12"/>
    </row>
    <row r="638200" spans="8:8">
      <c r="H638200" s="12"/>
    </row>
    <row r="638201" spans="8:8">
      <c r="H638201" s="12"/>
    </row>
    <row r="638202" spans="8:8">
      <c r="H638202" s="12"/>
    </row>
    <row r="638203" spans="8:8">
      <c r="H638203" s="12"/>
    </row>
    <row r="638204" spans="8:8">
      <c r="H638204" s="12"/>
    </row>
    <row r="638205" spans="8:8">
      <c r="H638205" s="12"/>
    </row>
    <row r="638206" spans="8:8">
      <c r="H638206" s="12"/>
    </row>
    <row r="638207" spans="8:8">
      <c r="H638207" s="12"/>
    </row>
    <row r="638208" spans="8:8">
      <c r="H638208" s="12"/>
    </row>
    <row r="638209" spans="8:8">
      <c r="H638209" s="12"/>
    </row>
    <row r="638210" spans="8:8">
      <c r="H638210" s="12"/>
    </row>
    <row r="638211" spans="8:8">
      <c r="H638211" s="12"/>
    </row>
    <row r="638212" spans="8:8">
      <c r="H638212" s="12"/>
    </row>
    <row r="638213" spans="8:8">
      <c r="H638213" s="12"/>
    </row>
    <row r="638214" spans="8:8">
      <c r="H638214" s="12"/>
    </row>
    <row r="638215" spans="8:8">
      <c r="H638215" s="12"/>
    </row>
    <row r="638216" spans="8:8">
      <c r="H638216" s="12"/>
    </row>
    <row r="638217" spans="8:8">
      <c r="H638217" s="12"/>
    </row>
    <row r="638218" spans="8:8">
      <c r="H638218" s="12"/>
    </row>
    <row r="638219" spans="8:8">
      <c r="H638219" s="12"/>
    </row>
    <row r="638220" spans="8:8">
      <c r="H638220" s="12"/>
    </row>
    <row r="638221" spans="8:8">
      <c r="H638221" s="12"/>
    </row>
    <row r="638222" spans="8:8">
      <c r="H638222" s="12"/>
    </row>
    <row r="638223" spans="8:8">
      <c r="H638223" s="12"/>
    </row>
    <row r="638224" spans="8:8">
      <c r="H638224" s="12"/>
    </row>
    <row r="638225" spans="8:8">
      <c r="H638225" s="12"/>
    </row>
    <row r="638226" spans="8:8">
      <c r="H638226" s="12"/>
    </row>
    <row r="638227" spans="8:8">
      <c r="H638227" s="12"/>
    </row>
    <row r="638228" spans="8:8">
      <c r="H638228" s="12"/>
    </row>
    <row r="638229" spans="8:8">
      <c r="H638229" s="12"/>
    </row>
    <row r="638230" spans="8:8">
      <c r="H638230" s="12"/>
    </row>
    <row r="638231" spans="8:8">
      <c r="H638231" s="12"/>
    </row>
    <row r="638232" spans="8:8">
      <c r="H638232" s="12"/>
    </row>
    <row r="638233" spans="8:8">
      <c r="H638233" s="12"/>
    </row>
    <row r="638234" spans="8:8">
      <c r="H638234" s="12"/>
    </row>
    <row r="638235" spans="8:8">
      <c r="H638235" s="12"/>
    </row>
    <row r="638236" spans="8:8">
      <c r="H638236" s="12"/>
    </row>
    <row r="638237" spans="8:8">
      <c r="H638237" s="12"/>
    </row>
    <row r="638238" spans="8:8">
      <c r="H638238" s="12"/>
    </row>
    <row r="638239" spans="8:8">
      <c r="H638239" s="12"/>
    </row>
    <row r="638240" spans="8:8">
      <c r="H638240" s="12"/>
    </row>
    <row r="638241" spans="8:8">
      <c r="H638241" s="12"/>
    </row>
    <row r="638242" spans="8:8">
      <c r="H638242" s="12"/>
    </row>
    <row r="638243" spans="8:8">
      <c r="H638243" s="12"/>
    </row>
    <row r="638244" spans="8:8">
      <c r="H638244" s="12"/>
    </row>
    <row r="638245" spans="8:8">
      <c r="H638245" s="12"/>
    </row>
    <row r="638246" spans="8:8">
      <c r="H638246" s="12"/>
    </row>
    <row r="638247" spans="8:8">
      <c r="H638247" s="12"/>
    </row>
    <row r="638248" spans="8:8">
      <c r="H638248" s="12"/>
    </row>
    <row r="638249" spans="8:8">
      <c r="H638249" s="12"/>
    </row>
    <row r="638250" spans="8:8">
      <c r="H638250" s="12"/>
    </row>
    <row r="638251" spans="8:8">
      <c r="H638251" s="12"/>
    </row>
    <row r="638252" spans="8:8">
      <c r="H638252" s="12"/>
    </row>
    <row r="638253" spans="8:8">
      <c r="H638253" s="12"/>
    </row>
    <row r="638254" spans="8:8">
      <c r="H638254" s="12"/>
    </row>
    <row r="638255" spans="8:8">
      <c r="H638255" s="12"/>
    </row>
    <row r="638256" spans="8:8">
      <c r="H638256" s="12"/>
    </row>
    <row r="638257" spans="8:8">
      <c r="H638257" s="12"/>
    </row>
    <row r="638258" spans="8:8">
      <c r="H638258" s="12"/>
    </row>
    <row r="638259" spans="8:8">
      <c r="H638259" s="12"/>
    </row>
    <row r="638260" spans="8:8">
      <c r="H638260" s="12"/>
    </row>
    <row r="638261" spans="8:8">
      <c r="H638261" s="12"/>
    </row>
    <row r="638262" spans="8:8">
      <c r="H638262" s="12"/>
    </row>
    <row r="638263" spans="8:8">
      <c r="H638263" s="12"/>
    </row>
    <row r="638264" spans="8:8">
      <c r="H638264" s="12"/>
    </row>
    <row r="638265" spans="8:8">
      <c r="H638265" s="12"/>
    </row>
    <row r="638266" spans="8:8">
      <c r="H638266" s="12"/>
    </row>
    <row r="638267" spans="8:8">
      <c r="H638267" s="12"/>
    </row>
    <row r="638268" spans="8:8">
      <c r="H638268" s="12"/>
    </row>
    <row r="638269" spans="8:8">
      <c r="H638269" s="12"/>
    </row>
    <row r="638270" spans="8:8">
      <c r="H638270" s="12"/>
    </row>
    <row r="638271" spans="8:8">
      <c r="H638271" s="12"/>
    </row>
    <row r="638272" spans="8:8">
      <c r="H638272" s="12"/>
    </row>
    <row r="638273" spans="8:8">
      <c r="H638273" s="12"/>
    </row>
    <row r="638274" spans="8:8">
      <c r="H638274" s="12"/>
    </row>
    <row r="638275" spans="8:8">
      <c r="H638275" s="12"/>
    </row>
    <row r="638276" spans="8:8">
      <c r="H638276" s="12"/>
    </row>
    <row r="638277" spans="8:8">
      <c r="H638277" s="12"/>
    </row>
    <row r="638278" spans="8:8">
      <c r="H638278" s="12"/>
    </row>
    <row r="638279" spans="8:8">
      <c r="H638279" s="12"/>
    </row>
    <row r="638280" spans="8:8">
      <c r="H638280" s="12"/>
    </row>
    <row r="638281" spans="8:8">
      <c r="H638281" s="12"/>
    </row>
    <row r="638282" spans="8:8">
      <c r="H638282" s="12"/>
    </row>
    <row r="638283" spans="8:8">
      <c r="H638283" s="12"/>
    </row>
    <row r="638284" spans="8:8">
      <c r="H638284" s="12"/>
    </row>
    <row r="638285" spans="8:8">
      <c r="H638285" s="12"/>
    </row>
    <row r="638286" spans="8:8">
      <c r="H638286" s="12"/>
    </row>
    <row r="638287" spans="8:8">
      <c r="H638287" s="12"/>
    </row>
    <row r="638288" spans="8:8">
      <c r="H638288" s="12"/>
    </row>
    <row r="638289" spans="8:8">
      <c r="H638289" s="12"/>
    </row>
    <row r="638290" spans="8:8">
      <c r="H638290" s="12"/>
    </row>
    <row r="638291" spans="8:8">
      <c r="H638291" s="12"/>
    </row>
    <row r="638292" spans="8:8">
      <c r="H638292" s="12"/>
    </row>
    <row r="638293" spans="8:8">
      <c r="H638293" s="12"/>
    </row>
    <row r="638294" spans="8:8">
      <c r="H638294" s="12"/>
    </row>
    <row r="638295" spans="8:8">
      <c r="H638295" s="12"/>
    </row>
    <row r="638296" spans="8:8">
      <c r="H638296" s="12"/>
    </row>
    <row r="638297" spans="8:8">
      <c r="H638297" s="12"/>
    </row>
    <row r="638298" spans="8:8">
      <c r="H638298" s="12"/>
    </row>
    <row r="638299" spans="8:8">
      <c r="H638299" s="12"/>
    </row>
    <row r="638300" spans="8:8">
      <c r="H638300" s="12"/>
    </row>
    <row r="638301" spans="8:8">
      <c r="H638301" s="12"/>
    </row>
    <row r="638302" spans="8:8">
      <c r="H638302" s="12"/>
    </row>
    <row r="638303" spans="8:8">
      <c r="H638303" s="12"/>
    </row>
    <row r="638304" spans="8:8">
      <c r="H638304" s="12"/>
    </row>
    <row r="638305" spans="8:8">
      <c r="H638305" s="12"/>
    </row>
    <row r="638306" spans="8:8">
      <c r="H638306" s="12"/>
    </row>
    <row r="638307" spans="8:8">
      <c r="H638307" s="12"/>
    </row>
    <row r="638308" spans="8:8">
      <c r="H638308" s="12"/>
    </row>
    <row r="638309" spans="8:8">
      <c r="H638309" s="12"/>
    </row>
    <row r="638310" spans="8:8">
      <c r="H638310" s="12"/>
    </row>
    <row r="638311" spans="8:8">
      <c r="H638311" s="12"/>
    </row>
    <row r="638312" spans="8:8">
      <c r="H638312" s="12"/>
    </row>
    <row r="638313" spans="8:8">
      <c r="H638313" s="12"/>
    </row>
    <row r="638314" spans="8:8">
      <c r="H638314" s="12"/>
    </row>
    <row r="638315" spans="8:8">
      <c r="H638315" s="12"/>
    </row>
    <row r="638316" spans="8:8">
      <c r="H638316" s="12"/>
    </row>
    <row r="638317" spans="8:8">
      <c r="H638317" s="12"/>
    </row>
    <row r="638318" spans="8:8">
      <c r="H638318" s="12"/>
    </row>
    <row r="638319" spans="8:8">
      <c r="H638319" s="12"/>
    </row>
    <row r="638320" spans="8:8">
      <c r="H638320" s="12"/>
    </row>
    <row r="638321" spans="8:8">
      <c r="H638321" s="12"/>
    </row>
    <row r="638322" spans="8:8">
      <c r="H638322" s="12"/>
    </row>
    <row r="638323" spans="8:8">
      <c r="H638323" s="12"/>
    </row>
    <row r="638324" spans="8:8">
      <c r="H638324" s="12"/>
    </row>
    <row r="638325" spans="8:8">
      <c r="H638325" s="12"/>
    </row>
    <row r="638326" spans="8:8">
      <c r="H638326" s="12"/>
    </row>
    <row r="638327" spans="8:8">
      <c r="H638327" s="12"/>
    </row>
    <row r="638328" spans="8:8">
      <c r="H638328" s="12"/>
    </row>
    <row r="638329" spans="8:8">
      <c r="H638329" s="12"/>
    </row>
    <row r="638330" spans="8:8">
      <c r="H638330" s="12"/>
    </row>
    <row r="638331" spans="8:8">
      <c r="H638331" s="12"/>
    </row>
    <row r="638332" spans="8:8">
      <c r="H638332" s="12"/>
    </row>
    <row r="638333" spans="8:8">
      <c r="H638333" s="12"/>
    </row>
    <row r="638334" spans="8:8">
      <c r="H638334" s="12"/>
    </row>
    <row r="638335" spans="8:8">
      <c r="H638335" s="12"/>
    </row>
    <row r="638336" spans="8:8">
      <c r="H638336" s="12"/>
    </row>
    <row r="638337" spans="8:8">
      <c r="H638337" s="12"/>
    </row>
    <row r="638338" spans="8:8">
      <c r="H638338" s="12"/>
    </row>
    <row r="638339" spans="8:8">
      <c r="H638339" s="12"/>
    </row>
    <row r="638340" spans="8:8">
      <c r="H638340" s="12"/>
    </row>
    <row r="638341" spans="8:8">
      <c r="H638341" s="12"/>
    </row>
    <row r="638342" spans="8:8">
      <c r="H638342" s="12"/>
    </row>
    <row r="638343" spans="8:8">
      <c r="H638343" s="12"/>
    </row>
    <row r="638344" spans="8:8">
      <c r="H638344" s="12"/>
    </row>
    <row r="638345" spans="8:8">
      <c r="H638345" s="12"/>
    </row>
    <row r="638346" spans="8:8">
      <c r="H638346" s="12"/>
    </row>
    <row r="638347" spans="8:8">
      <c r="H638347" s="12"/>
    </row>
    <row r="638348" spans="8:8">
      <c r="H638348" s="12"/>
    </row>
    <row r="638349" spans="8:8">
      <c r="H638349" s="12"/>
    </row>
    <row r="638350" spans="8:8">
      <c r="H638350" s="12"/>
    </row>
    <row r="638351" spans="8:8">
      <c r="H638351" s="12"/>
    </row>
    <row r="638352" spans="8:8">
      <c r="H638352" s="12"/>
    </row>
    <row r="638353" spans="8:8">
      <c r="H638353" s="12"/>
    </row>
    <row r="638354" spans="8:8">
      <c r="H638354" s="12"/>
    </row>
    <row r="638355" spans="8:8">
      <c r="H638355" s="12"/>
    </row>
    <row r="638356" spans="8:8">
      <c r="H638356" s="12"/>
    </row>
    <row r="638357" spans="8:8">
      <c r="H638357" s="12"/>
    </row>
    <row r="638358" spans="8:8">
      <c r="H638358" s="12"/>
    </row>
    <row r="638359" spans="8:8">
      <c r="H638359" s="12"/>
    </row>
    <row r="638360" spans="8:8">
      <c r="H638360" s="12"/>
    </row>
    <row r="638361" spans="8:8">
      <c r="H638361" s="12"/>
    </row>
    <row r="638362" spans="8:8">
      <c r="H638362" s="12"/>
    </row>
    <row r="638363" spans="8:8">
      <c r="H638363" s="12"/>
    </row>
    <row r="638364" spans="8:8">
      <c r="H638364" s="12"/>
    </row>
    <row r="638365" spans="8:8">
      <c r="H638365" s="12"/>
    </row>
    <row r="638366" spans="8:8">
      <c r="H638366" s="12"/>
    </row>
    <row r="638367" spans="8:8">
      <c r="H638367" s="12"/>
    </row>
    <row r="638368" spans="8:8">
      <c r="H638368" s="12"/>
    </row>
    <row r="638369" spans="8:8">
      <c r="H638369" s="12"/>
    </row>
    <row r="638370" spans="8:8">
      <c r="H638370" s="12"/>
    </row>
    <row r="638371" spans="8:8">
      <c r="H638371" s="12"/>
    </row>
    <row r="638372" spans="8:8">
      <c r="H638372" s="12"/>
    </row>
    <row r="638373" spans="8:8">
      <c r="H638373" s="12"/>
    </row>
    <row r="638374" spans="8:8">
      <c r="H638374" s="12"/>
    </row>
    <row r="638375" spans="8:8">
      <c r="H638375" s="12"/>
    </row>
    <row r="638376" spans="8:8">
      <c r="H638376" s="12"/>
    </row>
    <row r="638377" spans="8:8">
      <c r="H638377" s="12"/>
    </row>
    <row r="638378" spans="8:8">
      <c r="H638378" s="12"/>
    </row>
    <row r="638379" spans="8:8">
      <c r="H638379" s="12"/>
    </row>
    <row r="638380" spans="8:8">
      <c r="H638380" s="12"/>
    </row>
    <row r="638381" spans="8:8">
      <c r="H638381" s="12"/>
    </row>
    <row r="638382" spans="8:8">
      <c r="H638382" s="12"/>
    </row>
    <row r="638383" spans="8:8">
      <c r="H638383" s="12"/>
    </row>
    <row r="638384" spans="8:8">
      <c r="H638384" s="12"/>
    </row>
    <row r="638385" spans="8:8">
      <c r="H638385" s="12"/>
    </row>
    <row r="638386" spans="8:8">
      <c r="H638386" s="12"/>
    </row>
    <row r="638387" spans="8:8">
      <c r="H638387" s="12"/>
    </row>
    <row r="638388" spans="8:8">
      <c r="H638388" s="12"/>
    </row>
    <row r="638389" spans="8:8">
      <c r="H638389" s="12"/>
    </row>
    <row r="638390" spans="8:8">
      <c r="H638390" s="12"/>
    </row>
    <row r="638391" spans="8:8">
      <c r="H638391" s="12"/>
    </row>
    <row r="638392" spans="8:8">
      <c r="H638392" s="12"/>
    </row>
    <row r="638393" spans="8:8">
      <c r="H638393" s="12"/>
    </row>
    <row r="638394" spans="8:8">
      <c r="H638394" s="12"/>
    </row>
    <row r="638395" spans="8:8">
      <c r="H638395" s="12"/>
    </row>
    <row r="638396" spans="8:8">
      <c r="H638396" s="12"/>
    </row>
    <row r="638397" spans="8:8">
      <c r="H638397" s="12"/>
    </row>
    <row r="638398" spans="8:8">
      <c r="H638398" s="12"/>
    </row>
    <row r="638399" spans="8:8">
      <c r="H638399" s="12"/>
    </row>
    <row r="638400" spans="8:8">
      <c r="H638400" s="12"/>
    </row>
    <row r="638401" spans="8:8">
      <c r="H638401" s="12"/>
    </row>
    <row r="638402" spans="8:8">
      <c r="H638402" s="12"/>
    </row>
    <row r="638403" spans="8:8">
      <c r="H638403" s="12"/>
    </row>
    <row r="638404" spans="8:8">
      <c r="H638404" s="12"/>
    </row>
    <row r="638405" spans="8:8">
      <c r="H638405" s="12"/>
    </row>
    <row r="638406" spans="8:8">
      <c r="H638406" s="12"/>
    </row>
    <row r="638407" spans="8:8">
      <c r="H638407" s="12"/>
    </row>
    <row r="638408" spans="8:8">
      <c r="H638408" s="12"/>
    </row>
    <row r="638409" spans="8:8">
      <c r="H638409" s="12"/>
    </row>
    <row r="638410" spans="8:8">
      <c r="H638410" s="12"/>
    </row>
    <row r="638411" spans="8:8">
      <c r="H638411" s="12"/>
    </row>
    <row r="638412" spans="8:8">
      <c r="H638412" s="12"/>
    </row>
    <row r="638413" spans="8:8">
      <c r="H638413" s="12"/>
    </row>
    <row r="638414" spans="8:8">
      <c r="H638414" s="12"/>
    </row>
    <row r="638415" spans="8:8">
      <c r="H638415" s="12"/>
    </row>
    <row r="638416" spans="8:8">
      <c r="H638416" s="12"/>
    </row>
    <row r="638417" spans="8:8">
      <c r="H638417" s="12"/>
    </row>
    <row r="638418" spans="8:8">
      <c r="H638418" s="12"/>
    </row>
    <row r="638419" spans="8:8">
      <c r="H638419" s="12"/>
    </row>
    <row r="638420" spans="8:8">
      <c r="H638420" s="12"/>
    </row>
    <row r="638421" spans="8:8">
      <c r="H638421" s="12"/>
    </row>
    <row r="638422" spans="8:8">
      <c r="H638422" s="12"/>
    </row>
    <row r="638423" spans="8:8">
      <c r="H638423" s="12"/>
    </row>
    <row r="638424" spans="8:8">
      <c r="H638424" s="12"/>
    </row>
    <row r="638425" spans="8:8">
      <c r="H638425" s="12"/>
    </row>
    <row r="638426" spans="8:8">
      <c r="H638426" s="12"/>
    </row>
    <row r="638427" spans="8:8">
      <c r="H638427" s="12"/>
    </row>
    <row r="638428" spans="8:8">
      <c r="H638428" s="12"/>
    </row>
    <row r="638429" spans="8:8">
      <c r="H638429" s="12"/>
    </row>
    <row r="638430" spans="8:8">
      <c r="H638430" s="12"/>
    </row>
    <row r="638431" spans="8:8">
      <c r="H638431" s="12"/>
    </row>
    <row r="638432" spans="8:8">
      <c r="H638432" s="12"/>
    </row>
    <row r="638433" spans="8:8">
      <c r="H638433" s="12"/>
    </row>
    <row r="638434" spans="8:8">
      <c r="H638434" s="12"/>
    </row>
    <row r="638435" spans="8:8">
      <c r="H638435" s="12"/>
    </row>
    <row r="638436" spans="8:8">
      <c r="H638436" s="12"/>
    </row>
    <row r="638437" spans="8:8">
      <c r="H638437" s="12"/>
    </row>
    <row r="638438" spans="8:8">
      <c r="H638438" s="12"/>
    </row>
    <row r="638439" spans="8:8">
      <c r="H638439" s="12"/>
    </row>
    <row r="638440" spans="8:8">
      <c r="H638440" s="12"/>
    </row>
    <row r="638441" spans="8:8">
      <c r="H638441" s="12"/>
    </row>
    <row r="638442" spans="8:8">
      <c r="H638442" s="12"/>
    </row>
    <row r="638443" spans="8:8">
      <c r="H638443" s="12"/>
    </row>
    <row r="638444" spans="8:8">
      <c r="H638444" s="12"/>
    </row>
    <row r="638445" spans="8:8">
      <c r="H638445" s="12"/>
    </row>
    <row r="638446" spans="8:8">
      <c r="H638446" s="12"/>
    </row>
    <row r="638447" spans="8:8">
      <c r="H638447" s="12"/>
    </row>
    <row r="638448" spans="8:8">
      <c r="H638448" s="12"/>
    </row>
    <row r="638449" spans="8:8">
      <c r="H638449" s="12"/>
    </row>
    <row r="638450" spans="8:8">
      <c r="H638450" s="12"/>
    </row>
    <row r="638451" spans="8:8">
      <c r="H638451" s="12"/>
    </row>
    <row r="638452" spans="8:8">
      <c r="H638452" s="12"/>
    </row>
    <row r="638453" spans="8:8">
      <c r="H638453" s="12"/>
    </row>
    <row r="638454" spans="8:8">
      <c r="H638454" s="12"/>
    </row>
    <row r="638455" spans="8:8">
      <c r="H638455" s="12"/>
    </row>
    <row r="638456" spans="8:8">
      <c r="H638456" s="12"/>
    </row>
    <row r="638457" spans="8:8">
      <c r="H638457" s="12"/>
    </row>
    <row r="638458" spans="8:8">
      <c r="H638458" s="12"/>
    </row>
    <row r="638459" spans="8:8">
      <c r="H638459" s="12"/>
    </row>
    <row r="638460" spans="8:8">
      <c r="H638460" s="12"/>
    </row>
    <row r="638461" spans="8:8">
      <c r="H638461" s="12"/>
    </row>
    <row r="638462" spans="8:8">
      <c r="H638462" s="12"/>
    </row>
    <row r="638463" spans="8:8">
      <c r="H638463" s="12"/>
    </row>
    <row r="638464" spans="8:8">
      <c r="H638464" s="12"/>
    </row>
    <row r="638465" spans="8:8">
      <c r="H638465" s="12"/>
    </row>
    <row r="638466" spans="8:8">
      <c r="H638466" s="12"/>
    </row>
    <row r="638467" spans="8:8">
      <c r="H638467" s="12"/>
    </row>
    <row r="638468" spans="8:8">
      <c r="H638468" s="12"/>
    </row>
    <row r="638469" spans="8:8">
      <c r="H638469" s="12"/>
    </row>
    <row r="638470" spans="8:8">
      <c r="H638470" s="12"/>
    </row>
    <row r="638471" spans="8:8">
      <c r="H638471" s="12"/>
    </row>
    <row r="638472" spans="8:8">
      <c r="H638472" s="12"/>
    </row>
    <row r="638473" spans="8:8">
      <c r="H638473" s="12"/>
    </row>
    <row r="638474" spans="8:8">
      <c r="H638474" s="12"/>
    </row>
    <row r="638475" spans="8:8">
      <c r="H638475" s="12"/>
    </row>
    <row r="638476" spans="8:8">
      <c r="H638476" s="12"/>
    </row>
    <row r="638477" spans="8:8">
      <c r="H638477" s="12"/>
    </row>
    <row r="638478" spans="8:8">
      <c r="H638478" s="12"/>
    </row>
    <row r="638479" spans="8:8">
      <c r="H638479" s="12"/>
    </row>
    <row r="638480" spans="8:8">
      <c r="H638480" s="12"/>
    </row>
    <row r="638481" spans="8:8">
      <c r="H638481" s="12"/>
    </row>
    <row r="638482" spans="8:8">
      <c r="H638482" s="12"/>
    </row>
    <row r="638483" spans="8:8">
      <c r="H638483" s="12"/>
    </row>
    <row r="638484" spans="8:8">
      <c r="H638484" s="12"/>
    </row>
    <row r="638485" spans="8:8">
      <c r="H638485" s="12"/>
    </row>
    <row r="638486" spans="8:8">
      <c r="H638486" s="12"/>
    </row>
    <row r="638487" spans="8:8">
      <c r="H638487" s="12"/>
    </row>
    <row r="638488" spans="8:8">
      <c r="H638488" s="12"/>
    </row>
    <row r="638489" spans="8:8">
      <c r="H638489" s="12"/>
    </row>
    <row r="638490" spans="8:8">
      <c r="H638490" s="12"/>
    </row>
    <row r="638491" spans="8:8">
      <c r="H638491" s="12"/>
    </row>
    <row r="638492" spans="8:8">
      <c r="H638492" s="12"/>
    </row>
    <row r="638493" spans="8:8">
      <c r="H638493" s="12"/>
    </row>
    <row r="638494" spans="8:8">
      <c r="H638494" s="12"/>
    </row>
    <row r="638495" spans="8:8">
      <c r="H638495" s="12"/>
    </row>
    <row r="638496" spans="8:8">
      <c r="H638496" s="12"/>
    </row>
    <row r="638497" spans="8:8">
      <c r="H638497" s="12"/>
    </row>
    <row r="638498" spans="8:8">
      <c r="H638498" s="12"/>
    </row>
    <row r="638499" spans="8:8">
      <c r="H638499" s="12"/>
    </row>
    <row r="638500" spans="8:8">
      <c r="H638500" s="12"/>
    </row>
    <row r="638501" spans="8:8">
      <c r="H638501" s="12"/>
    </row>
    <row r="638502" spans="8:8">
      <c r="H638502" s="12"/>
    </row>
    <row r="638503" spans="8:8">
      <c r="H638503" s="12"/>
    </row>
    <row r="638504" spans="8:8">
      <c r="H638504" s="12"/>
    </row>
    <row r="638505" spans="8:8">
      <c r="H638505" s="12"/>
    </row>
    <row r="638506" spans="8:8">
      <c r="H638506" s="12"/>
    </row>
    <row r="638507" spans="8:8">
      <c r="H638507" s="12"/>
    </row>
    <row r="638508" spans="8:8">
      <c r="H638508" s="12"/>
    </row>
    <row r="638509" spans="8:8">
      <c r="H638509" s="12"/>
    </row>
    <row r="638510" spans="8:8">
      <c r="H638510" s="12"/>
    </row>
    <row r="638511" spans="8:8">
      <c r="H638511" s="12"/>
    </row>
    <row r="638512" spans="8:8">
      <c r="H638512" s="12"/>
    </row>
    <row r="638513" spans="8:8">
      <c r="H638513" s="12"/>
    </row>
    <row r="638514" spans="8:8">
      <c r="H638514" s="12"/>
    </row>
    <row r="638515" spans="8:8">
      <c r="H638515" s="12"/>
    </row>
    <row r="638516" spans="8:8">
      <c r="H638516" s="12"/>
    </row>
    <row r="638517" spans="8:8">
      <c r="H638517" s="12"/>
    </row>
    <row r="638518" spans="8:8">
      <c r="H638518" s="12"/>
    </row>
    <row r="638519" spans="8:8">
      <c r="H638519" s="12"/>
    </row>
    <row r="638520" spans="8:8">
      <c r="H638520" s="12"/>
    </row>
    <row r="638521" spans="8:8">
      <c r="H638521" s="12"/>
    </row>
    <row r="638522" spans="8:8">
      <c r="H638522" s="12"/>
    </row>
    <row r="638523" spans="8:8">
      <c r="H638523" s="12"/>
    </row>
    <row r="638524" spans="8:8">
      <c r="H638524" s="12"/>
    </row>
    <row r="638525" spans="8:8">
      <c r="H638525" s="12"/>
    </row>
    <row r="638526" spans="8:8">
      <c r="H638526" s="12"/>
    </row>
    <row r="638527" spans="8:8">
      <c r="H638527" s="12"/>
    </row>
    <row r="638528" spans="8:8">
      <c r="H638528" s="12"/>
    </row>
    <row r="638529" spans="8:8">
      <c r="H638529" s="12"/>
    </row>
    <row r="638530" spans="8:8">
      <c r="H638530" s="12"/>
    </row>
    <row r="638531" spans="8:8">
      <c r="H638531" s="12"/>
    </row>
    <row r="638532" spans="8:8">
      <c r="H638532" s="12"/>
    </row>
    <row r="638533" spans="8:8">
      <c r="H638533" s="12"/>
    </row>
    <row r="638534" spans="8:8">
      <c r="H638534" s="12"/>
    </row>
    <row r="638535" spans="8:8">
      <c r="H638535" s="12"/>
    </row>
    <row r="638536" spans="8:8">
      <c r="H638536" s="12"/>
    </row>
    <row r="638537" spans="8:8">
      <c r="H638537" s="12"/>
    </row>
    <row r="638538" spans="8:8">
      <c r="H638538" s="12"/>
    </row>
    <row r="638539" spans="8:8">
      <c r="H638539" s="12"/>
    </row>
    <row r="638540" spans="8:8">
      <c r="H638540" s="12"/>
    </row>
    <row r="638541" spans="8:8">
      <c r="H638541" s="12"/>
    </row>
    <row r="638542" spans="8:8">
      <c r="H638542" s="12"/>
    </row>
    <row r="638543" spans="8:8">
      <c r="H638543" s="12"/>
    </row>
    <row r="638544" spans="8:8">
      <c r="H638544" s="12"/>
    </row>
    <row r="638545" spans="8:8">
      <c r="H638545" s="12"/>
    </row>
    <row r="638546" spans="8:8">
      <c r="H638546" s="12"/>
    </row>
    <row r="638547" spans="8:8">
      <c r="H638547" s="12"/>
    </row>
    <row r="638548" spans="8:8">
      <c r="H638548" s="12"/>
    </row>
    <row r="638549" spans="8:8">
      <c r="H638549" s="12"/>
    </row>
    <row r="638550" spans="8:8">
      <c r="H638550" s="12"/>
    </row>
    <row r="638551" spans="8:8">
      <c r="H638551" s="12"/>
    </row>
    <row r="638552" spans="8:8">
      <c r="H638552" s="12"/>
    </row>
    <row r="638553" spans="8:8">
      <c r="H638553" s="12"/>
    </row>
    <row r="638554" spans="8:8">
      <c r="H638554" s="12"/>
    </row>
    <row r="638555" spans="8:8">
      <c r="H638555" s="12"/>
    </row>
    <row r="638556" spans="8:8">
      <c r="H638556" s="12"/>
    </row>
    <row r="638557" spans="8:8">
      <c r="H638557" s="12"/>
    </row>
    <row r="638558" spans="8:8">
      <c r="H638558" s="12"/>
    </row>
    <row r="638559" spans="8:8">
      <c r="H638559" s="12"/>
    </row>
    <row r="638560" spans="8:8">
      <c r="H638560" s="12"/>
    </row>
    <row r="638561" spans="8:8">
      <c r="H638561" s="12"/>
    </row>
    <row r="638562" spans="8:8">
      <c r="H638562" s="12"/>
    </row>
    <row r="638563" spans="8:8">
      <c r="H638563" s="12"/>
    </row>
    <row r="638564" spans="8:8">
      <c r="H638564" s="12"/>
    </row>
    <row r="638565" spans="8:8">
      <c r="H638565" s="12"/>
    </row>
    <row r="638566" spans="8:8">
      <c r="H638566" s="12"/>
    </row>
    <row r="638567" spans="8:8">
      <c r="H638567" s="12"/>
    </row>
    <row r="638568" spans="8:8">
      <c r="H638568" s="12"/>
    </row>
    <row r="638569" spans="8:8">
      <c r="H638569" s="12"/>
    </row>
    <row r="638570" spans="8:8">
      <c r="H638570" s="12"/>
    </row>
    <row r="638571" spans="8:8">
      <c r="H638571" s="12"/>
    </row>
    <row r="638572" spans="8:8">
      <c r="H638572" s="12"/>
    </row>
    <row r="638573" spans="8:8">
      <c r="H638573" s="12"/>
    </row>
    <row r="638574" spans="8:8">
      <c r="H638574" s="12"/>
    </row>
    <row r="638575" spans="8:8">
      <c r="H638575" s="12"/>
    </row>
    <row r="638576" spans="8:8">
      <c r="H638576" s="12"/>
    </row>
    <row r="638577" spans="8:8">
      <c r="H638577" s="12"/>
    </row>
    <row r="638578" spans="8:8">
      <c r="H638578" s="12"/>
    </row>
    <row r="638579" spans="8:8">
      <c r="H638579" s="12"/>
    </row>
    <row r="638580" spans="8:8">
      <c r="H638580" s="12"/>
    </row>
    <row r="638581" spans="8:8">
      <c r="H638581" s="12"/>
    </row>
    <row r="638582" spans="8:8">
      <c r="H638582" s="12"/>
    </row>
    <row r="638583" spans="8:8">
      <c r="H638583" s="12"/>
    </row>
    <row r="638584" spans="8:8">
      <c r="H638584" s="12"/>
    </row>
    <row r="638585" spans="8:8">
      <c r="H638585" s="12"/>
    </row>
    <row r="638586" spans="8:8">
      <c r="H638586" s="12"/>
    </row>
    <row r="638587" spans="8:8">
      <c r="H638587" s="12"/>
    </row>
    <row r="638588" spans="8:8">
      <c r="H638588" s="12"/>
    </row>
    <row r="638589" spans="8:8">
      <c r="H638589" s="12"/>
    </row>
    <row r="638590" spans="8:8">
      <c r="H638590" s="12"/>
    </row>
    <row r="638591" spans="8:8">
      <c r="H638591" s="12"/>
    </row>
    <row r="638592" spans="8:8">
      <c r="H638592" s="12"/>
    </row>
    <row r="638593" spans="8:8">
      <c r="H638593" s="12"/>
    </row>
    <row r="638594" spans="8:8">
      <c r="H638594" s="12"/>
    </row>
    <row r="638595" spans="8:8">
      <c r="H638595" s="12"/>
    </row>
    <row r="638596" spans="8:8">
      <c r="H638596" s="12"/>
    </row>
    <row r="638597" spans="8:8">
      <c r="H638597" s="12"/>
    </row>
    <row r="638598" spans="8:8">
      <c r="H638598" s="12"/>
    </row>
    <row r="638599" spans="8:8">
      <c r="H638599" s="12"/>
    </row>
    <row r="638600" spans="8:8">
      <c r="H638600" s="12"/>
    </row>
    <row r="638601" spans="8:8">
      <c r="H638601" s="12"/>
    </row>
    <row r="638602" spans="8:8">
      <c r="H638602" s="12"/>
    </row>
    <row r="638603" spans="8:8">
      <c r="H638603" s="12"/>
    </row>
    <row r="638604" spans="8:8">
      <c r="H638604" s="12"/>
    </row>
    <row r="638605" spans="8:8">
      <c r="H638605" s="12"/>
    </row>
    <row r="638606" spans="8:8">
      <c r="H638606" s="12"/>
    </row>
    <row r="638607" spans="8:8">
      <c r="H638607" s="12"/>
    </row>
    <row r="638608" spans="8:8">
      <c r="H638608" s="12"/>
    </row>
    <row r="638609" spans="8:8">
      <c r="H638609" s="12"/>
    </row>
    <row r="638610" spans="8:8">
      <c r="H638610" s="12"/>
    </row>
    <row r="638611" spans="8:8">
      <c r="H638611" s="12"/>
    </row>
    <row r="638612" spans="8:8">
      <c r="H638612" s="12"/>
    </row>
    <row r="638613" spans="8:8">
      <c r="H638613" s="12"/>
    </row>
    <row r="638614" spans="8:8">
      <c r="H638614" s="12"/>
    </row>
    <row r="638615" spans="8:8">
      <c r="H638615" s="12"/>
    </row>
    <row r="638616" spans="8:8">
      <c r="H638616" s="12"/>
    </row>
    <row r="638617" spans="8:8">
      <c r="H638617" s="12"/>
    </row>
    <row r="638618" spans="8:8">
      <c r="H638618" s="12"/>
    </row>
    <row r="638619" spans="8:8">
      <c r="H638619" s="12"/>
    </row>
    <row r="638620" spans="8:8">
      <c r="H638620" s="12"/>
    </row>
    <row r="638621" spans="8:8">
      <c r="H638621" s="12"/>
    </row>
    <row r="638622" spans="8:8">
      <c r="H638622" s="12"/>
    </row>
    <row r="638623" spans="8:8">
      <c r="H638623" s="12"/>
    </row>
    <row r="638624" spans="8:8">
      <c r="H638624" s="12"/>
    </row>
    <row r="638625" spans="8:8">
      <c r="H638625" s="12"/>
    </row>
    <row r="638626" spans="8:8">
      <c r="H638626" s="12"/>
    </row>
    <row r="638627" spans="8:8">
      <c r="H638627" s="12"/>
    </row>
    <row r="638628" spans="8:8">
      <c r="H638628" s="12"/>
    </row>
    <row r="638629" spans="8:8">
      <c r="H638629" s="12"/>
    </row>
    <row r="638630" spans="8:8">
      <c r="H638630" s="12"/>
    </row>
    <row r="638631" spans="8:8">
      <c r="H638631" s="12"/>
    </row>
    <row r="638632" spans="8:8">
      <c r="H638632" s="12"/>
    </row>
    <row r="638633" spans="8:8">
      <c r="H638633" s="12"/>
    </row>
    <row r="638634" spans="8:8">
      <c r="H638634" s="12"/>
    </row>
    <row r="638635" spans="8:8">
      <c r="H638635" s="12"/>
    </row>
    <row r="638636" spans="8:8">
      <c r="H638636" s="12"/>
    </row>
    <row r="638637" spans="8:8">
      <c r="H638637" s="12"/>
    </row>
    <row r="638638" spans="8:8">
      <c r="H638638" s="12"/>
    </row>
    <row r="638639" spans="8:8">
      <c r="H638639" s="12"/>
    </row>
    <row r="638640" spans="8:8">
      <c r="H638640" s="12"/>
    </row>
    <row r="638641" spans="8:8">
      <c r="H638641" s="12"/>
    </row>
    <row r="638642" spans="8:8">
      <c r="H638642" s="12"/>
    </row>
    <row r="638643" spans="8:8">
      <c r="H638643" s="12"/>
    </row>
    <row r="638644" spans="8:8">
      <c r="H638644" s="12"/>
    </row>
    <row r="638645" spans="8:8">
      <c r="H638645" s="12"/>
    </row>
    <row r="638646" spans="8:8">
      <c r="H638646" s="12"/>
    </row>
    <row r="638647" spans="8:8">
      <c r="H638647" s="12"/>
    </row>
    <row r="638648" spans="8:8">
      <c r="H638648" s="12"/>
    </row>
    <row r="638649" spans="8:8">
      <c r="H638649" s="12"/>
    </row>
    <row r="638650" spans="8:8">
      <c r="H638650" s="12"/>
    </row>
    <row r="638651" spans="8:8">
      <c r="H638651" s="12"/>
    </row>
    <row r="638652" spans="8:8">
      <c r="H638652" s="12"/>
    </row>
    <row r="638653" spans="8:8">
      <c r="H638653" s="12"/>
    </row>
    <row r="638654" spans="8:8">
      <c r="H638654" s="12"/>
    </row>
    <row r="638655" spans="8:8">
      <c r="H638655" s="12"/>
    </row>
    <row r="638656" spans="8:8">
      <c r="H638656" s="12"/>
    </row>
    <row r="638657" spans="8:8">
      <c r="H638657" s="12"/>
    </row>
    <row r="638658" spans="8:8">
      <c r="H638658" s="12"/>
    </row>
    <row r="638659" spans="8:8">
      <c r="H638659" s="12"/>
    </row>
    <row r="638660" spans="8:8">
      <c r="H638660" s="12"/>
    </row>
    <row r="638661" spans="8:8">
      <c r="H638661" s="12"/>
    </row>
    <row r="638662" spans="8:8">
      <c r="H638662" s="12"/>
    </row>
    <row r="638663" spans="8:8">
      <c r="H638663" s="12"/>
    </row>
    <row r="638664" spans="8:8">
      <c r="H638664" s="12"/>
    </row>
    <row r="638665" spans="8:8">
      <c r="H638665" s="12"/>
    </row>
    <row r="638666" spans="8:8">
      <c r="H638666" s="12"/>
    </row>
    <row r="638667" spans="8:8">
      <c r="H638667" s="12"/>
    </row>
    <row r="638668" spans="8:8">
      <c r="H638668" s="12"/>
    </row>
    <row r="638669" spans="8:8">
      <c r="H638669" s="12"/>
    </row>
    <row r="638670" spans="8:8">
      <c r="H638670" s="12"/>
    </row>
    <row r="638671" spans="8:8">
      <c r="H638671" s="12"/>
    </row>
    <row r="638672" spans="8:8">
      <c r="H638672" s="12"/>
    </row>
    <row r="638673" spans="8:8">
      <c r="H638673" s="12"/>
    </row>
    <row r="638674" spans="8:8">
      <c r="H638674" s="12"/>
    </row>
    <row r="638675" spans="8:8">
      <c r="H638675" s="12"/>
    </row>
    <row r="638676" spans="8:8">
      <c r="H638676" s="12"/>
    </row>
    <row r="638677" spans="8:8">
      <c r="H638677" s="12"/>
    </row>
    <row r="638678" spans="8:8">
      <c r="H638678" s="12"/>
    </row>
    <row r="638679" spans="8:8">
      <c r="H638679" s="12"/>
    </row>
    <row r="638680" spans="8:8">
      <c r="H638680" s="12"/>
    </row>
    <row r="638681" spans="8:8">
      <c r="H638681" s="12"/>
    </row>
    <row r="638682" spans="8:8">
      <c r="H638682" s="12"/>
    </row>
    <row r="638683" spans="8:8">
      <c r="H638683" s="12"/>
    </row>
    <row r="638684" spans="8:8">
      <c r="H638684" s="12"/>
    </row>
    <row r="638685" spans="8:8">
      <c r="H638685" s="12"/>
    </row>
    <row r="638686" spans="8:8">
      <c r="H638686" s="12"/>
    </row>
    <row r="638687" spans="8:8">
      <c r="H638687" s="12"/>
    </row>
    <row r="638688" spans="8:8">
      <c r="H638688" s="12"/>
    </row>
    <row r="638689" spans="8:8">
      <c r="H638689" s="12"/>
    </row>
    <row r="638690" spans="8:8">
      <c r="H638690" s="12"/>
    </row>
    <row r="638691" spans="8:8">
      <c r="H638691" s="12"/>
    </row>
    <row r="638692" spans="8:8">
      <c r="H638692" s="12"/>
    </row>
    <row r="638693" spans="8:8">
      <c r="H638693" s="12"/>
    </row>
    <row r="638694" spans="8:8">
      <c r="H638694" s="12"/>
    </row>
    <row r="638695" spans="8:8">
      <c r="H638695" s="12"/>
    </row>
    <row r="638696" spans="8:8">
      <c r="H638696" s="12"/>
    </row>
    <row r="638697" spans="8:8">
      <c r="H638697" s="12"/>
    </row>
    <row r="638698" spans="8:8">
      <c r="H638698" s="12"/>
    </row>
    <row r="638699" spans="8:8">
      <c r="H638699" s="12"/>
    </row>
    <row r="638700" spans="8:8">
      <c r="H638700" s="12"/>
    </row>
    <row r="638701" spans="8:8">
      <c r="H638701" s="12"/>
    </row>
    <row r="638702" spans="8:8">
      <c r="H638702" s="12"/>
    </row>
    <row r="638703" spans="8:8">
      <c r="H638703" s="12"/>
    </row>
    <row r="638704" spans="8:8">
      <c r="H638704" s="12"/>
    </row>
    <row r="638705" spans="8:8">
      <c r="H638705" s="12"/>
    </row>
    <row r="638706" spans="8:8">
      <c r="H638706" s="12"/>
    </row>
    <row r="638707" spans="8:8">
      <c r="H638707" s="12"/>
    </row>
    <row r="638708" spans="8:8">
      <c r="H638708" s="12"/>
    </row>
    <row r="638709" spans="8:8">
      <c r="H638709" s="12"/>
    </row>
    <row r="638710" spans="8:8">
      <c r="H638710" s="12"/>
    </row>
    <row r="638711" spans="8:8">
      <c r="H638711" s="12"/>
    </row>
    <row r="638712" spans="8:8">
      <c r="H638712" s="12"/>
    </row>
    <row r="638713" spans="8:8">
      <c r="H638713" s="12"/>
    </row>
    <row r="638714" spans="8:8">
      <c r="H638714" s="12"/>
    </row>
    <row r="638715" spans="8:8">
      <c r="H638715" s="12"/>
    </row>
    <row r="638716" spans="8:8">
      <c r="H638716" s="12"/>
    </row>
    <row r="638717" spans="8:8">
      <c r="H638717" s="12"/>
    </row>
    <row r="638718" spans="8:8">
      <c r="H638718" s="12"/>
    </row>
    <row r="638719" spans="8:8">
      <c r="H638719" s="12"/>
    </row>
    <row r="638720" spans="8:8">
      <c r="H638720" s="12"/>
    </row>
    <row r="638721" spans="8:8">
      <c r="H638721" s="12"/>
    </row>
    <row r="638722" spans="8:8">
      <c r="H638722" s="12"/>
    </row>
    <row r="638723" spans="8:8">
      <c r="H638723" s="12"/>
    </row>
    <row r="638724" spans="8:8">
      <c r="H638724" s="12"/>
    </row>
    <row r="638725" spans="8:8">
      <c r="H638725" s="12"/>
    </row>
    <row r="638726" spans="8:8">
      <c r="H638726" s="12"/>
    </row>
    <row r="638727" spans="8:8">
      <c r="H638727" s="12"/>
    </row>
    <row r="638728" spans="8:8">
      <c r="H638728" s="12"/>
    </row>
    <row r="638729" spans="8:8">
      <c r="H638729" s="12"/>
    </row>
    <row r="638730" spans="8:8">
      <c r="H638730" s="12"/>
    </row>
    <row r="638731" spans="8:8">
      <c r="H638731" s="12"/>
    </row>
    <row r="638732" spans="8:8">
      <c r="H638732" s="12"/>
    </row>
    <row r="638733" spans="8:8">
      <c r="H638733" s="12"/>
    </row>
    <row r="638734" spans="8:8">
      <c r="H638734" s="12"/>
    </row>
    <row r="638735" spans="8:8">
      <c r="H638735" s="12"/>
    </row>
    <row r="638736" spans="8:8">
      <c r="H638736" s="12"/>
    </row>
    <row r="638737" spans="8:8">
      <c r="H638737" s="12"/>
    </row>
    <row r="638738" spans="8:8">
      <c r="H638738" s="12"/>
    </row>
    <row r="638739" spans="8:8">
      <c r="H638739" s="12"/>
    </row>
    <row r="638740" spans="8:8">
      <c r="H638740" s="12"/>
    </row>
    <row r="638741" spans="8:8">
      <c r="H638741" s="12"/>
    </row>
    <row r="638742" spans="8:8">
      <c r="H638742" s="12"/>
    </row>
    <row r="638743" spans="8:8">
      <c r="H638743" s="12"/>
    </row>
    <row r="638744" spans="8:8">
      <c r="H638744" s="12"/>
    </row>
    <row r="638745" spans="8:8">
      <c r="H638745" s="12"/>
    </row>
    <row r="638746" spans="8:8">
      <c r="H638746" s="12"/>
    </row>
    <row r="638747" spans="8:8">
      <c r="H638747" s="12"/>
    </row>
    <row r="638748" spans="8:8">
      <c r="H638748" s="12"/>
    </row>
    <row r="638749" spans="8:8">
      <c r="H638749" s="12"/>
    </row>
    <row r="638750" spans="8:8">
      <c r="H638750" s="12"/>
    </row>
    <row r="638751" spans="8:8">
      <c r="H638751" s="12"/>
    </row>
    <row r="638752" spans="8:8">
      <c r="H638752" s="12"/>
    </row>
    <row r="638753" spans="8:8">
      <c r="H638753" s="12"/>
    </row>
    <row r="638754" spans="8:8">
      <c r="H638754" s="12"/>
    </row>
    <row r="638755" spans="8:8">
      <c r="H638755" s="12"/>
    </row>
    <row r="638756" spans="8:8">
      <c r="H638756" s="12"/>
    </row>
    <row r="638757" spans="8:8">
      <c r="H638757" s="12"/>
    </row>
    <row r="638758" spans="8:8">
      <c r="H638758" s="12"/>
    </row>
    <row r="638759" spans="8:8">
      <c r="H638759" s="12"/>
    </row>
    <row r="638760" spans="8:8">
      <c r="H638760" s="12"/>
    </row>
    <row r="638761" spans="8:8">
      <c r="H638761" s="12"/>
    </row>
    <row r="638762" spans="8:8">
      <c r="H638762" s="12"/>
    </row>
    <row r="638763" spans="8:8">
      <c r="H638763" s="12"/>
    </row>
    <row r="638764" spans="8:8">
      <c r="H638764" s="12"/>
    </row>
    <row r="638765" spans="8:8">
      <c r="H638765" s="12"/>
    </row>
    <row r="638766" spans="8:8">
      <c r="H638766" s="12"/>
    </row>
    <row r="638767" spans="8:8">
      <c r="H638767" s="12"/>
    </row>
    <row r="638768" spans="8:8">
      <c r="H638768" s="12"/>
    </row>
    <row r="638769" spans="8:8">
      <c r="H638769" s="12"/>
    </row>
    <row r="638770" spans="8:8">
      <c r="H638770" s="12"/>
    </row>
    <row r="638771" spans="8:8">
      <c r="H638771" s="12"/>
    </row>
    <row r="638772" spans="8:8">
      <c r="H638772" s="12"/>
    </row>
    <row r="638773" spans="8:8">
      <c r="H638773" s="12"/>
    </row>
    <row r="638774" spans="8:8">
      <c r="H638774" s="12"/>
    </row>
    <row r="638775" spans="8:8">
      <c r="H638775" s="12"/>
    </row>
    <row r="638776" spans="8:8">
      <c r="H638776" s="12"/>
    </row>
    <row r="638777" spans="8:8">
      <c r="H638777" s="12"/>
    </row>
    <row r="638778" spans="8:8">
      <c r="H638778" s="12"/>
    </row>
    <row r="638779" spans="8:8">
      <c r="H638779" s="12"/>
    </row>
    <row r="638780" spans="8:8">
      <c r="H638780" s="12"/>
    </row>
    <row r="638781" spans="8:8">
      <c r="H638781" s="12"/>
    </row>
    <row r="638782" spans="8:8">
      <c r="H638782" s="12"/>
    </row>
    <row r="638783" spans="8:8">
      <c r="H638783" s="12"/>
    </row>
    <row r="638784" spans="8:8">
      <c r="H638784" s="12"/>
    </row>
    <row r="638785" spans="8:8">
      <c r="H638785" s="12"/>
    </row>
    <row r="638786" spans="8:8">
      <c r="H638786" s="12"/>
    </row>
    <row r="638787" spans="8:8">
      <c r="H638787" s="12"/>
    </row>
    <row r="638788" spans="8:8">
      <c r="H638788" s="12"/>
    </row>
    <row r="638789" spans="8:8">
      <c r="H638789" s="12"/>
    </row>
    <row r="638790" spans="8:8">
      <c r="H638790" s="12"/>
    </row>
    <row r="638791" spans="8:8">
      <c r="H638791" s="12"/>
    </row>
    <row r="638792" spans="8:8">
      <c r="H638792" s="12"/>
    </row>
    <row r="638793" spans="8:8">
      <c r="H638793" s="12"/>
    </row>
    <row r="638794" spans="8:8">
      <c r="H638794" s="12"/>
    </row>
    <row r="638795" spans="8:8">
      <c r="H638795" s="12"/>
    </row>
    <row r="638796" spans="8:8">
      <c r="H638796" s="12"/>
    </row>
    <row r="638797" spans="8:8">
      <c r="H638797" s="12"/>
    </row>
    <row r="638798" spans="8:8">
      <c r="H638798" s="12"/>
    </row>
    <row r="638799" spans="8:8">
      <c r="H638799" s="12"/>
    </row>
    <row r="638800" spans="8:8">
      <c r="H638800" s="12"/>
    </row>
    <row r="638801" spans="8:8">
      <c r="H638801" s="12"/>
    </row>
    <row r="638802" spans="8:8">
      <c r="H638802" s="12"/>
    </row>
    <row r="638803" spans="8:8">
      <c r="H638803" s="12"/>
    </row>
    <row r="638804" spans="8:8">
      <c r="H638804" s="12"/>
    </row>
    <row r="638805" spans="8:8">
      <c r="H638805" s="12"/>
    </row>
    <row r="638806" spans="8:8">
      <c r="H638806" s="12"/>
    </row>
    <row r="638807" spans="8:8">
      <c r="H638807" s="12"/>
    </row>
    <row r="638808" spans="8:8">
      <c r="H638808" s="12"/>
    </row>
    <row r="638809" spans="8:8">
      <c r="H638809" s="12"/>
    </row>
    <row r="638810" spans="8:8">
      <c r="H638810" s="12"/>
    </row>
    <row r="638811" spans="8:8">
      <c r="H638811" s="12"/>
    </row>
    <row r="638812" spans="8:8">
      <c r="H638812" s="12"/>
    </row>
    <row r="638813" spans="8:8">
      <c r="H638813" s="12"/>
    </row>
    <row r="638814" spans="8:8">
      <c r="H638814" s="12"/>
    </row>
    <row r="638815" spans="8:8">
      <c r="H638815" s="12"/>
    </row>
    <row r="638816" spans="8:8">
      <c r="H638816" s="12"/>
    </row>
    <row r="638817" spans="8:8">
      <c r="H638817" s="12"/>
    </row>
    <row r="638818" spans="8:8">
      <c r="H638818" s="12"/>
    </row>
    <row r="638819" spans="8:8">
      <c r="H638819" s="12"/>
    </row>
    <row r="638820" spans="8:8">
      <c r="H638820" s="12"/>
    </row>
    <row r="638821" spans="8:8">
      <c r="H638821" s="12"/>
    </row>
    <row r="638822" spans="8:8">
      <c r="H638822" s="12"/>
    </row>
    <row r="638823" spans="8:8">
      <c r="H638823" s="12"/>
    </row>
    <row r="638824" spans="8:8">
      <c r="H638824" s="12"/>
    </row>
    <row r="638825" spans="8:8">
      <c r="H638825" s="12"/>
    </row>
    <row r="638826" spans="8:8">
      <c r="H638826" s="12"/>
    </row>
    <row r="638827" spans="8:8">
      <c r="H638827" s="12"/>
    </row>
    <row r="638828" spans="8:8">
      <c r="H638828" s="12"/>
    </row>
    <row r="638829" spans="8:8">
      <c r="H638829" s="12"/>
    </row>
    <row r="638830" spans="8:8">
      <c r="H638830" s="12"/>
    </row>
    <row r="638831" spans="8:8">
      <c r="H638831" s="12"/>
    </row>
    <row r="638832" spans="8:8">
      <c r="H638832" s="12"/>
    </row>
    <row r="638833" spans="8:8">
      <c r="H638833" s="12"/>
    </row>
    <row r="638834" spans="8:8">
      <c r="H638834" s="12"/>
    </row>
    <row r="638835" spans="8:8">
      <c r="H638835" s="12"/>
    </row>
    <row r="638836" spans="8:8">
      <c r="H638836" s="12"/>
    </row>
    <row r="638837" spans="8:8">
      <c r="H638837" s="12"/>
    </row>
    <row r="638838" spans="8:8">
      <c r="H638838" s="12"/>
    </row>
    <row r="638839" spans="8:8">
      <c r="H638839" s="12"/>
    </row>
    <row r="638840" spans="8:8">
      <c r="H638840" s="12"/>
    </row>
    <row r="638841" spans="8:8">
      <c r="H638841" s="12"/>
    </row>
    <row r="638842" spans="8:8">
      <c r="H638842" s="12"/>
    </row>
    <row r="638843" spans="8:8">
      <c r="H638843" s="12"/>
    </row>
    <row r="638844" spans="8:8">
      <c r="H638844" s="12"/>
    </row>
    <row r="638845" spans="8:8">
      <c r="H638845" s="12"/>
    </row>
    <row r="638846" spans="8:8">
      <c r="H638846" s="12"/>
    </row>
    <row r="638847" spans="8:8">
      <c r="H638847" s="12"/>
    </row>
    <row r="638848" spans="8:8">
      <c r="H638848" s="12"/>
    </row>
    <row r="638849" spans="8:8">
      <c r="H638849" s="12"/>
    </row>
    <row r="638850" spans="8:8">
      <c r="H638850" s="12"/>
    </row>
    <row r="638851" spans="8:8">
      <c r="H638851" s="12"/>
    </row>
    <row r="638852" spans="8:8">
      <c r="H638852" s="12"/>
    </row>
    <row r="638853" spans="8:8">
      <c r="H638853" s="12"/>
    </row>
    <row r="638854" spans="8:8">
      <c r="H638854" s="12"/>
    </row>
    <row r="638855" spans="8:8">
      <c r="H638855" s="12"/>
    </row>
    <row r="638856" spans="8:8">
      <c r="H638856" s="12"/>
    </row>
    <row r="638857" spans="8:8">
      <c r="H638857" s="12"/>
    </row>
    <row r="638858" spans="8:8">
      <c r="H638858" s="12"/>
    </row>
    <row r="638859" spans="8:8">
      <c r="H638859" s="12"/>
    </row>
    <row r="638860" spans="8:8">
      <c r="H638860" s="12"/>
    </row>
    <row r="638861" spans="8:8">
      <c r="H638861" s="12"/>
    </row>
    <row r="638862" spans="8:8">
      <c r="H638862" s="12"/>
    </row>
    <row r="638863" spans="8:8">
      <c r="H638863" s="12"/>
    </row>
    <row r="638864" spans="8:8">
      <c r="H638864" s="12"/>
    </row>
    <row r="638865" spans="8:8">
      <c r="H638865" s="12"/>
    </row>
    <row r="638866" spans="8:8">
      <c r="H638866" s="12"/>
    </row>
    <row r="638867" spans="8:8">
      <c r="H638867" s="12"/>
    </row>
    <row r="638868" spans="8:8">
      <c r="H638868" s="12"/>
    </row>
    <row r="638869" spans="8:8">
      <c r="H638869" s="12"/>
    </row>
    <row r="638870" spans="8:8">
      <c r="H638870" s="12"/>
    </row>
    <row r="638871" spans="8:8">
      <c r="H638871" s="12"/>
    </row>
    <row r="638872" spans="8:8">
      <c r="H638872" s="12"/>
    </row>
    <row r="638873" spans="8:8">
      <c r="H638873" s="12"/>
    </row>
    <row r="638874" spans="8:8">
      <c r="H638874" s="12"/>
    </row>
    <row r="638875" spans="8:8">
      <c r="H638875" s="12"/>
    </row>
    <row r="638876" spans="8:8">
      <c r="H638876" s="12"/>
    </row>
    <row r="638877" spans="8:8">
      <c r="H638877" s="12"/>
    </row>
    <row r="638878" spans="8:8">
      <c r="H638878" s="12"/>
    </row>
    <row r="638879" spans="8:8">
      <c r="H638879" s="12"/>
    </row>
    <row r="638880" spans="8:8">
      <c r="H638880" s="12"/>
    </row>
    <row r="638881" spans="8:8">
      <c r="H638881" s="12"/>
    </row>
    <row r="638882" spans="8:8">
      <c r="H638882" s="12"/>
    </row>
    <row r="638883" spans="8:8">
      <c r="H638883" s="12"/>
    </row>
    <row r="638884" spans="8:8">
      <c r="H638884" s="12"/>
    </row>
    <row r="638885" spans="8:8">
      <c r="H638885" s="12"/>
    </row>
    <row r="638886" spans="8:8">
      <c r="H638886" s="12"/>
    </row>
    <row r="638887" spans="8:8">
      <c r="H638887" s="12"/>
    </row>
    <row r="638888" spans="8:8">
      <c r="H638888" s="12"/>
    </row>
    <row r="638889" spans="8:8">
      <c r="H638889" s="12"/>
    </row>
    <row r="638890" spans="8:8">
      <c r="H638890" s="12"/>
    </row>
    <row r="638891" spans="8:8">
      <c r="H638891" s="12"/>
    </row>
    <row r="638892" spans="8:8">
      <c r="H638892" s="12"/>
    </row>
    <row r="638893" spans="8:8">
      <c r="H638893" s="12"/>
    </row>
    <row r="638894" spans="8:8">
      <c r="H638894" s="12"/>
    </row>
    <row r="638895" spans="8:8">
      <c r="H638895" s="12"/>
    </row>
    <row r="638896" spans="8:8">
      <c r="H638896" s="12"/>
    </row>
    <row r="638897" spans="8:8">
      <c r="H638897" s="12"/>
    </row>
    <row r="638898" spans="8:8">
      <c r="H638898" s="12"/>
    </row>
    <row r="638899" spans="8:8">
      <c r="H638899" s="12"/>
    </row>
    <row r="638900" spans="8:8">
      <c r="H638900" s="12"/>
    </row>
    <row r="638901" spans="8:8">
      <c r="H638901" s="12"/>
    </row>
    <row r="638902" spans="8:8">
      <c r="H638902" s="12"/>
    </row>
    <row r="638903" spans="8:8">
      <c r="H638903" s="12"/>
    </row>
    <row r="638904" spans="8:8">
      <c r="H638904" s="12"/>
    </row>
    <row r="638905" spans="8:8">
      <c r="H638905" s="12"/>
    </row>
    <row r="638906" spans="8:8">
      <c r="H638906" s="12"/>
    </row>
    <row r="638907" spans="8:8">
      <c r="H638907" s="12"/>
    </row>
    <row r="638908" spans="8:8">
      <c r="H638908" s="12"/>
    </row>
    <row r="638909" spans="8:8">
      <c r="H638909" s="12"/>
    </row>
    <row r="638910" spans="8:8">
      <c r="H638910" s="12"/>
    </row>
    <row r="638911" spans="8:8">
      <c r="H638911" s="12"/>
    </row>
    <row r="638912" spans="8:8">
      <c r="H638912" s="12"/>
    </row>
    <row r="638913" spans="8:8">
      <c r="H638913" s="12"/>
    </row>
    <row r="638914" spans="8:8">
      <c r="H638914" s="12"/>
    </row>
    <row r="638915" spans="8:8">
      <c r="H638915" s="12"/>
    </row>
    <row r="638916" spans="8:8">
      <c r="H638916" s="12"/>
    </row>
    <row r="638917" spans="8:8">
      <c r="H638917" s="12"/>
    </row>
    <row r="638918" spans="8:8">
      <c r="H638918" s="12"/>
    </row>
    <row r="638919" spans="8:8">
      <c r="H638919" s="12"/>
    </row>
    <row r="638920" spans="8:8">
      <c r="H638920" s="12"/>
    </row>
    <row r="638921" spans="8:8">
      <c r="H638921" s="12"/>
    </row>
    <row r="638922" spans="8:8">
      <c r="H638922" s="12"/>
    </row>
    <row r="638923" spans="8:8">
      <c r="H638923" s="12"/>
    </row>
    <row r="638924" spans="8:8">
      <c r="H638924" s="12"/>
    </row>
    <row r="638925" spans="8:8">
      <c r="H638925" s="12"/>
    </row>
    <row r="638926" spans="8:8">
      <c r="H638926" s="12"/>
    </row>
    <row r="638927" spans="8:8">
      <c r="H638927" s="12"/>
    </row>
    <row r="638928" spans="8:8">
      <c r="H638928" s="12"/>
    </row>
    <row r="638929" spans="8:8">
      <c r="H638929" s="12"/>
    </row>
    <row r="638930" spans="8:8">
      <c r="H638930" s="12"/>
    </row>
    <row r="638931" spans="8:8">
      <c r="H638931" s="12"/>
    </row>
    <row r="638932" spans="8:8">
      <c r="H638932" s="12"/>
    </row>
    <row r="638933" spans="8:8">
      <c r="H638933" s="12"/>
    </row>
    <row r="638934" spans="8:8">
      <c r="H638934" s="12"/>
    </row>
    <row r="638935" spans="8:8">
      <c r="H638935" s="12"/>
    </row>
    <row r="638936" spans="8:8">
      <c r="H638936" s="12"/>
    </row>
    <row r="638937" spans="8:8">
      <c r="H638937" s="12"/>
    </row>
    <row r="638938" spans="8:8">
      <c r="H638938" s="12"/>
    </row>
    <row r="638939" spans="8:8">
      <c r="H638939" s="12"/>
    </row>
    <row r="638940" spans="8:8">
      <c r="H638940" s="12"/>
    </row>
    <row r="638941" spans="8:8">
      <c r="H638941" s="12"/>
    </row>
    <row r="638942" spans="8:8">
      <c r="H638942" s="12"/>
    </row>
    <row r="638943" spans="8:8">
      <c r="H638943" s="12"/>
    </row>
    <row r="638944" spans="8:8">
      <c r="H638944" s="12"/>
    </row>
    <row r="638945" spans="8:8">
      <c r="H638945" s="12"/>
    </row>
    <row r="638946" spans="8:8">
      <c r="H638946" s="12"/>
    </row>
    <row r="638947" spans="8:8">
      <c r="H638947" s="12"/>
    </row>
    <row r="638948" spans="8:8">
      <c r="H638948" s="12"/>
    </row>
    <row r="638949" spans="8:8">
      <c r="H638949" s="12"/>
    </row>
    <row r="638950" spans="8:8">
      <c r="H638950" s="12"/>
    </row>
    <row r="638951" spans="8:8">
      <c r="H638951" s="12"/>
    </row>
    <row r="638952" spans="8:8">
      <c r="H638952" s="12"/>
    </row>
    <row r="638953" spans="8:8">
      <c r="H638953" s="12"/>
    </row>
    <row r="638954" spans="8:8">
      <c r="H638954" s="12"/>
    </row>
    <row r="638955" spans="8:8">
      <c r="H638955" s="12"/>
    </row>
    <row r="638956" spans="8:8">
      <c r="H638956" s="12"/>
    </row>
    <row r="638957" spans="8:8">
      <c r="H638957" s="12"/>
    </row>
    <row r="638958" spans="8:8">
      <c r="H638958" s="12"/>
    </row>
    <row r="638959" spans="8:8">
      <c r="H638959" s="12"/>
    </row>
    <row r="638960" spans="8:8">
      <c r="H638960" s="12"/>
    </row>
    <row r="638961" spans="8:8">
      <c r="H638961" s="12"/>
    </row>
    <row r="638962" spans="8:8">
      <c r="H638962" s="12"/>
    </row>
    <row r="638963" spans="8:8">
      <c r="H638963" s="12"/>
    </row>
    <row r="638964" spans="8:8">
      <c r="H638964" s="12"/>
    </row>
    <row r="638965" spans="8:8">
      <c r="H638965" s="12"/>
    </row>
    <row r="638966" spans="8:8">
      <c r="H638966" s="12"/>
    </row>
    <row r="638967" spans="8:8">
      <c r="H638967" s="12"/>
    </row>
    <row r="638968" spans="8:8">
      <c r="H638968" s="12"/>
    </row>
    <row r="638969" spans="8:8">
      <c r="H638969" s="12"/>
    </row>
    <row r="638970" spans="8:8">
      <c r="H638970" s="12"/>
    </row>
    <row r="638971" spans="8:8">
      <c r="H638971" s="12"/>
    </row>
    <row r="638972" spans="8:8">
      <c r="H638972" s="12"/>
    </row>
    <row r="638973" spans="8:8">
      <c r="H638973" s="12"/>
    </row>
    <row r="638974" spans="8:8">
      <c r="H638974" s="12"/>
    </row>
    <row r="638975" spans="8:8">
      <c r="H638975" s="12"/>
    </row>
    <row r="638976" spans="8:8">
      <c r="H638976" s="12"/>
    </row>
    <row r="638977" spans="8:8">
      <c r="H638977" s="12"/>
    </row>
    <row r="638978" spans="8:8">
      <c r="H638978" s="12"/>
    </row>
    <row r="638979" spans="8:8">
      <c r="H638979" s="12"/>
    </row>
    <row r="638980" spans="8:8">
      <c r="H638980" s="12"/>
    </row>
    <row r="638981" spans="8:8">
      <c r="H638981" s="12"/>
    </row>
    <row r="638982" spans="8:8">
      <c r="H638982" s="12"/>
    </row>
    <row r="638983" spans="8:8">
      <c r="H638983" s="12"/>
    </row>
    <row r="638984" spans="8:8">
      <c r="H638984" s="12"/>
    </row>
    <row r="638985" spans="8:8">
      <c r="H638985" s="12"/>
    </row>
    <row r="638986" spans="8:8">
      <c r="H638986" s="12"/>
    </row>
    <row r="638987" spans="8:8">
      <c r="H638987" s="12"/>
    </row>
    <row r="638988" spans="8:8">
      <c r="H638988" s="12"/>
    </row>
    <row r="638989" spans="8:8">
      <c r="H638989" s="12"/>
    </row>
    <row r="638990" spans="8:8">
      <c r="H638990" s="12"/>
    </row>
    <row r="638991" spans="8:8">
      <c r="H638991" s="12"/>
    </row>
    <row r="638992" spans="8:8">
      <c r="H638992" s="12"/>
    </row>
    <row r="638993" spans="8:8">
      <c r="H638993" s="12"/>
    </row>
    <row r="638994" spans="8:8">
      <c r="H638994" s="12"/>
    </row>
    <row r="638995" spans="8:8">
      <c r="H638995" s="12"/>
    </row>
    <row r="638996" spans="8:8">
      <c r="H638996" s="12"/>
    </row>
    <row r="638997" spans="8:8">
      <c r="H638997" s="12"/>
    </row>
    <row r="638998" spans="8:8">
      <c r="H638998" s="12"/>
    </row>
    <row r="638999" spans="8:8">
      <c r="H638999" s="12"/>
    </row>
    <row r="639000" spans="8:8">
      <c r="H639000" s="12"/>
    </row>
    <row r="639001" spans="8:8">
      <c r="H639001" s="12"/>
    </row>
    <row r="639002" spans="8:8">
      <c r="H639002" s="12"/>
    </row>
    <row r="639003" spans="8:8">
      <c r="H639003" s="12"/>
    </row>
    <row r="639004" spans="8:8">
      <c r="H639004" s="12"/>
    </row>
    <row r="639005" spans="8:8">
      <c r="H639005" s="12"/>
    </row>
    <row r="639006" spans="8:8">
      <c r="H639006" s="12"/>
    </row>
    <row r="639007" spans="8:8">
      <c r="H639007" s="12"/>
    </row>
    <row r="639008" spans="8:8">
      <c r="H639008" s="12"/>
    </row>
    <row r="639009" spans="8:8">
      <c r="H639009" s="12"/>
    </row>
    <row r="639010" spans="8:8">
      <c r="H639010" s="12"/>
    </row>
    <row r="639011" spans="8:8">
      <c r="H639011" s="12"/>
    </row>
    <row r="639012" spans="8:8">
      <c r="H639012" s="12"/>
    </row>
    <row r="639013" spans="8:8">
      <c r="H639013" s="12"/>
    </row>
    <row r="639014" spans="8:8">
      <c r="H639014" s="12"/>
    </row>
    <row r="639015" spans="8:8">
      <c r="H639015" s="12"/>
    </row>
    <row r="639016" spans="8:8">
      <c r="H639016" s="12"/>
    </row>
    <row r="639017" spans="8:8">
      <c r="H639017" s="12"/>
    </row>
    <row r="639018" spans="8:8">
      <c r="H639018" s="12"/>
    </row>
    <row r="639019" spans="8:8">
      <c r="H639019" s="12"/>
    </row>
    <row r="639020" spans="8:8">
      <c r="H639020" s="12"/>
    </row>
    <row r="639021" spans="8:8">
      <c r="H639021" s="12"/>
    </row>
    <row r="639022" spans="8:8">
      <c r="H639022" s="12"/>
    </row>
    <row r="639023" spans="8:8">
      <c r="H639023" s="12"/>
    </row>
    <row r="639024" spans="8:8">
      <c r="H639024" s="12"/>
    </row>
    <row r="639025" spans="8:8">
      <c r="H639025" s="12"/>
    </row>
    <row r="639026" spans="8:8">
      <c r="H639026" s="12"/>
    </row>
    <row r="639027" spans="8:8">
      <c r="H639027" s="12"/>
    </row>
    <row r="639028" spans="8:8">
      <c r="H639028" s="12"/>
    </row>
    <row r="639029" spans="8:8">
      <c r="H639029" s="12"/>
    </row>
    <row r="639030" spans="8:8">
      <c r="H639030" s="12"/>
    </row>
    <row r="639031" spans="8:8">
      <c r="H639031" s="12"/>
    </row>
    <row r="639032" spans="8:8">
      <c r="H639032" s="12"/>
    </row>
    <row r="639033" spans="8:8">
      <c r="H639033" s="12"/>
    </row>
    <row r="639034" spans="8:8">
      <c r="H639034" s="12"/>
    </row>
    <row r="639035" spans="8:8">
      <c r="H639035" s="12"/>
    </row>
    <row r="639036" spans="8:8">
      <c r="H639036" s="12"/>
    </row>
    <row r="639037" spans="8:8">
      <c r="H639037" s="12"/>
    </row>
    <row r="639038" spans="8:8">
      <c r="H639038" s="12"/>
    </row>
    <row r="639039" spans="8:8">
      <c r="H639039" s="12"/>
    </row>
    <row r="639040" spans="8:8">
      <c r="H639040" s="12"/>
    </row>
    <row r="639041" spans="8:8">
      <c r="H639041" s="12"/>
    </row>
    <row r="639042" spans="8:8">
      <c r="H639042" s="12"/>
    </row>
    <row r="639043" spans="8:8">
      <c r="H639043" s="12"/>
    </row>
    <row r="639044" spans="8:8">
      <c r="H639044" s="12"/>
    </row>
    <row r="639045" spans="8:8">
      <c r="H639045" s="12"/>
    </row>
    <row r="639046" spans="8:8">
      <c r="H639046" s="12"/>
    </row>
    <row r="639047" spans="8:8">
      <c r="H639047" s="12"/>
    </row>
    <row r="639048" spans="8:8">
      <c r="H639048" s="12"/>
    </row>
    <row r="639049" spans="8:8">
      <c r="H639049" s="12"/>
    </row>
    <row r="639050" spans="8:8">
      <c r="H639050" s="12"/>
    </row>
    <row r="639051" spans="8:8">
      <c r="H639051" s="12"/>
    </row>
    <row r="639052" spans="8:8">
      <c r="H639052" s="12"/>
    </row>
    <row r="639053" spans="8:8">
      <c r="H639053" s="12"/>
    </row>
    <row r="639054" spans="8:8">
      <c r="H639054" s="12"/>
    </row>
    <row r="639055" spans="8:8">
      <c r="H639055" s="12"/>
    </row>
    <row r="639056" spans="8:8">
      <c r="H639056" s="12"/>
    </row>
    <row r="639057" spans="8:8">
      <c r="H639057" s="12"/>
    </row>
    <row r="639058" spans="8:8">
      <c r="H639058" s="12"/>
    </row>
    <row r="639059" spans="8:8">
      <c r="H639059" s="12"/>
    </row>
    <row r="639060" spans="8:8">
      <c r="H639060" s="12"/>
    </row>
    <row r="639061" spans="8:8">
      <c r="H639061" s="12"/>
    </row>
    <row r="639062" spans="8:8">
      <c r="H639062" s="12"/>
    </row>
    <row r="639063" spans="8:8">
      <c r="H639063" s="12"/>
    </row>
    <row r="639064" spans="8:8">
      <c r="H639064" s="12"/>
    </row>
    <row r="639065" spans="8:8">
      <c r="H639065" s="12"/>
    </row>
    <row r="639066" spans="8:8">
      <c r="H639066" s="12"/>
    </row>
    <row r="639067" spans="8:8">
      <c r="H639067" s="12"/>
    </row>
    <row r="639068" spans="8:8">
      <c r="H639068" s="12"/>
    </row>
    <row r="639069" spans="8:8">
      <c r="H639069" s="12"/>
    </row>
    <row r="639070" spans="8:8">
      <c r="H639070" s="12"/>
    </row>
    <row r="639071" spans="8:8">
      <c r="H639071" s="12"/>
    </row>
    <row r="639072" spans="8:8">
      <c r="H639072" s="12"/>
    </row>
    <row r="639073" spans="8:8">
      <c r="H639073" s="12"/>
    </row>
    <row r="639074" spans="8:8">
      <c r="H639074" s="12"/>
    </row>
    <row r="639075" spans="8:8">
      <c r="H639075" s="12"/>
    </row>
    <row r="639076" spans="8:8">
      <c r="H639076" s="12"/>
    </row>
    <row r="639077" spans="8:8">
      <c r="H639077" s="12"/>
    </row>
    <row r="639078" spans="8:8">
      <c r="H639078" s="12"/>
    </row>
    <row r="639079" spans="8:8">
      <c r="H639079" s="12"/>
    </row>
    <row r="639080" spans="8:8">
      <c r="H639080" s="12"/>
    </row>
    <row r="639081" spans="8:8">
      <c r="H639081" s="12"/>
    </row>
    <row r="639082" spans="8:8">
      <c r="H639082" s="12"/>
    </row>
    <row r="639083" spans="8:8">
      <c r="H639083" s="12"/>
    </row>
    <row r="639084" spans="8:8">
      <c r="H639084" s="12"/>
    </row>
    <row r="639085" spans="8:8">
      <c r="H639085" s="12"/>
    </row>
    <row r="639086" spans="8:8">
      <c r="H639086" s="12"/>
    </row>
    <row r="639087" spans="8:8">
      <c r="H639087" s="12"/>
    </row>
    <row r="639088" spans="8:8">
      <c r="H639088" s="12"/>
    </row>
    <row r="639089" spans="8:8">
      <c r="H639089" s="12"/>
    </row>
    <row r="639090" spans="8:8">
      <c r="H639090" s="12"/>
    </row>
    <row r="639091" spans="8:8">
      <c r="H639091" s="12"/>
    </row>
    <row r="639092" spans="8:8">
      <c r="H639092" s="12"/>
    </row>
    <row r="639093" spans="8:8">
      <c r="H639093" s="12"/>
    </row>
    <row r="639094" spans="8:8">
      <c r="H639094" s="12"/>
    </row>
    <row r="639095" spans="8:8">
      <c r="H639095" s="12"/>
    </row>
    <row r="639096" spans="8:8">
      <c r="H639096" s="12"/>
    </row>
    <row r="639097" spans="8:8">
      <c r="H639097" s="12"/>
    </row>
    <row r="639098" spans="8:8">
      <c r="H639098" s="12"/>
    </row>
    <row r="639099" spans="8:8">
      <c r="H639099" s="12"/>
    </row>
    <row r="639100" spans="8:8">
      <c r="H639100" s="12"/>
    </row>
    <row r="639101" spans="8:8">
      <c r="H639101" s="12"/>
    </row>
    <row r="639102" spans="8:8">
      <c r="H639102" s="12"/>
    </row>
    <row r="639103" spans="8:8">
      <c r="H639103" s="12"/>
    </row>
    <row r="639104" spans="8:8">
      <c r="H639104" s="12"/>
    </row>
    <row r="639105" spans="8:8">
      <c r="H639105" s="12"/>
    </row>
    <row r="639106" spans="8:8">
      <c r="H639106" s="12"/>
    </row>
    <row r="639107" spans="8:8">
      <c r="H639107" s="12"/>
    </row>
    <row r="639108" spans="8:8">
      <c r="H639108" s="12"/>
    </row>
    <row r="639109" spans="8:8">
      <c r="H639109" s="12"/>
    </row>
    <row r="639110" spans="8:8">
      <c r="H639110" s="12"/>
    </row>
    <row r="639111" spans="8:8">
      <c r="H639111" s="12"/>
    </row>
    <row r="639112" spans="8:8">
      <c r="H639112" s="12"/>
    </row>
    <row r="639113" spans="8:8">
      <c r="H639113" s="12"/>
    </row>
    <row r="639114" spans="8:8">
      <c r="H639114" s="12"/>
    </row>
    <row r="639115" spans="8:8">
      <c r="H639115" s="12"/>
    </row>
    <row r="639116" spans="8:8">
      <c r="H639116" s="12"/>
    </row>
    <row r="639117" spans="8:8">
      <c r="H639117" s="12"/>
    </row>
    <row r="639118" spans="8:8">
      <c r="H639118" s="12"/>
    </row>
    <row r="639119" spans="8:8">
      <c r="H639119" s="12"/>
    </row>
    <row r="639120" spans="8:8">
      <c r="H639120" s="12"/>
    </row>
    <row r="639121" spans="8:8">
      <c r="H639121" s="12"/>
    </row>
    <row r="639122" spans="8:8">
      <c r="H639122" s="12"/>
    </row>
    <row r="639123" spans="8:8">
      <c r="H639123" s="12"/>
    </row>
    <row r="639124" spans="8:8">
      <c r="H639124" s="12"/>
    </row>
    <row r="639125" spans="8:8">
      <c r="H639125" s="12"/>
    </row>
    <row r="639126" spans="8:8">
      <c r="H639126" s="12"/>
    </row>
    <row r="639127" spans="8:8">
      <c r="H639127" s="12"/>
    </row>
    <row r="639128" spans="8:8">
      <c r="H639128" s="12"/>
    </row>
    <row r="639129" spans="8:8">
      <c r="H639129" s="12"/>
    </row>
    <row r="639130" spans="8:8">
      <c r="H639130" s="12"/>
    </row>
    <row r="639131" spans="8:8">
      <c r="H639131" s="12"/>
    </row>
    <row r="639132" spans="8:8">
      <c r="H639132" s="12"/>
    </row>
    <row r="639133" spans="8:8">
      <c r="H639133" s="12"/>
    </row>
    <row r="639134" spans="8:8">
      <c r="H639134" s="12"/>
    </row>
    <row r="639135" spans="8:8">
      <c r="H639135" s="12"/>
    </row>
    <row r="639136" spans="8:8">
      <c r="H639136" s="12"/>
    </row>
    <row r="639137" spans="8:8">
      <c r="H639137" s="12"/>
    </row>
    <row r="639138" spans="8:8">
      <c r="H639138" s="12"/>
    </row>
    <row r="639139" spans="8:8">
      <c r="H639139" s="12"/>
    </row>
    <row r="639140" spans="8:8">
      <c r="H639140" s="12"/>
    </row>
    <row r="639141" spans="8:8">
      <c r="H639141" s="12"/>
    </row>
    <row r="639142" spans="8:8">
      <c r="H639142" s="12"/>
    </row>
    <row r="639143" spans="8:8">
      <c r="H639143" s="12"/>
    </row>
    <row r="639144" spans="8:8">
      <c r="H639144" s="12"/>
    </row>
    <row r="639145" spans="8:8">
      <c r="H639145" s="12"/>
    </row>
    <row r="639146" spans="8:8">
      <c r="H639146" s="12"/>
    </row>
    <row r="639147" spans="8:8">
      <c r="H639147" s="12"/>
    </row>
    <row r="639148" spans="8:8">
      <c r="H639148" s="12"/>
    </row>
    <row r="639149" spans="8:8">
      <c r="H639149" s="12"/>
    </row>
    <row r="639150" spans="8:8">
      <c r="H639150" s="12"/>
    </row>
    <row r="639151" spans="8:8">
      <c r="H639151" s="12"/>
    </row>
    <row r="639152" spans="8:8">
      <c r="H639152" s="12"/>
    </row>
    <row r="639153" spans="8:8">
      <c r="H639153" s="12"/>
    </row>
    <row r="639154" spans="8:8">
      <c r="H639154" s="12"/>
    </row>
    <row r="639155" spans="8:8">
      <c r="H639155" s="12"/>
    </row>
    <row r="639156" spans="8:8">
      <c r="H639156" s="12"/>
    </row>
    <row r="639157" spans="8:8">
      <c r="H639157" s="12"/>
    </row>
    <row r="639158" spans="8:8">
      <c r="H639158" s="12"/>
    </row>
    <row r="639159" spans="8:8">
      <c r="H639159" s="12"/>
    </row>
    <row r="639160" spans="8:8">
      <c r="H639160" s="12"/>
    </row>
    <row r="639161" spans="8:8">
      <c r="H639161" s="12"/>
    </row>
    <row r="639162" spans="8:8">
      <c r="H639162" s="12"/>
    </row>
    <row r="639163" spans="8:8">
      <c r="H639163" s="12"/>
    </row>
    <row r="639164" spans="8:8">
      <c r="H639164" s="12"/>
    </row>
    <row r="639165" spans="8:8">
      <c r="H639165" s="12"/>
    </row>
    <row r="639166" spans="8:8">
      <c r="H639166" s="12"/>
    </row>
    <row r="639167" spans="8:8">
      <c r="H639167" s="12"/>
    </row>
    <row r="639168" spans="8:8">
      <c r="H639168" s="12"/>
    </row>
    <row r="639169" spans="8:8">
      <c r="H639169" s="12"/>
    </row>
    <row r="639170" spans="8:8">
      <c r="H639170" s="12"/>
    </row>
    <row r="639171" spans="8:8">
      <c r="H639171" s="12"/>
    </row>
    <row r="639172" spans="8:8">
      <c r="H639172" s="12"/>
    </row>
    <row r="639173" spans="8:8">
      <c r="H639173" s="12"/>
    </row>
    <row r="639174" spans="8:8">
      <c r="H639174" s="12"/>
    </row>
    <row r="639175" spans="8:8">
      <c r="H639175" s="12"/>
    </row>
    <row r="639176" spans="8:8">
      <c r="H639176" s="12"/>
    </row>
    <row r="639177" spans="8:8">
      <c r="H639177" s="12"/>
    </row>
    <row r="639178" spans="8:8">
      <c r="H639178" s="12"/>
    </row>
    <row r="639179" spans="8:8">
      <c r="H639179" s="12"/>
    </row>
    <row r="639180" spans="8:8">
      <c r="H639180" s="12"/>
    </row>
    <row r="639181" spans="8:8">
      <c r="H639181" s="12"/>
    </row>
    <row r="639182" spans="8:8">
      <c r="H639182" s="12"/>
    </row>
    <row r="639183" spans="8:8">
      <c r="H639183" s="12"/>
    </row>
    <row r="639184" spans="8:8">
      <c r="H639184" s="12"/>
    </row>
    <row r="639185" spans="8:8">
      <c r="H639185" s="12"/>
    </row>
    <row r="639186" spans="8:8">
      <c r="H639186" s="12"/>
    </row>
    <row r="639187" spans="8:8">
      <c r="H639187" s="12"/>
    </row>
    <row r="639188" spans="8:8">
      <c r="H639188" s="12"/>
    </row>
    <row r="639189" spans="8:8">
      <c r="H639189" s="12"/>
    </row>
    <row r="639190" spans="8:8">
      <c r="H639190" s="12"/>
    </row>
    <row r="639191" spans="8:8">
      <c r="H639191" s="12"/>
    </row>
    <row r="639192" spans="8:8">
      <c r="H639192" s="12"/>
    </row>
    <row r="639193" spans="8:8">
      <c r="H639193" s="12"/>
    </row>
    <row r="639194" spans="8:8">
      <c r="H639194" s="12"/>
    </row>
    <row r="639195" spans="8:8">
      <c r="H639195" s="12"/>
    </row>
    <row r="639196" spans="8:8">
      <c r="H639196" s="12"/>
    </row>
    <row r="639197" spans="8:8">
      <c r="H639197" s="12"/>
    </row>
    <row r="639198" spans="8:8">
      <c r="H639198" s="12"/>
    </row>
    <row r="639199" spans="8:8">
      <c r="H639199" s="12"/>
    </row>
    <row r="639200" spans="8:8">
      <c r="H639200" s="12"/>
    </row>
    <row r="639201" spans="8:8">
      <c r="H639201" s="12"/>
    </row>
    <row r="639202" spans="8:8">
      <c r="H639202" s="12"/>
    </row>
    <row r="639203" spans="8:8">
      <c r="H639203" s="12"/>
    </row>
    <row r="639204" spans="8:8">
      <c r="H639204" s="12"/>
    </row>
    <row r="639205" spans="8:8">
      <c r="H639205" s="12"/>
    </row>
    <row r="639206" spans="8:8">
      <c r="H639206" s="12"/>
    </row>
    <row r="639207" spans="8:8">
      <c r="H639207" s="12"/>
    </row>
    <row r="639208" spans="8:8">
      <c r="H639208" s="12"/>
    </row>
    <row r="639209" spans="8:8">
      <c r="H639209" s="12"/>
    </row>
    <row r="639210" spans="8:8">
      <c r="H639210" s="12"/>
    </row>
    <row r="639211" spans="8:8">
      <c r="H639211" s="12"/>
    </row>
    <row r="639212" spans="8:8">
      <c r="H639212" s="12"/>
    </row>
    <row r="639213" spans="8:8">
      <c r="H639213" s="12"/>
    </row>
    <row r="639214" spans="8:8">
      <c r="H639214" s="12"/>
    </row>
    <row r="639215" spans="8:8">
      <c r="H639215" s="12"/>
    </row>
    <row r="639216" spans="8:8">
      <c r="H639216" s="12"/>
    </row>
    <row r="639217" spans="8:8">
      <c r="H639217" s="12"/>
    </row>
    <row r="639218" spans="8:8">
      <c r="H639218" s="12"/>
    </row>
    <row r="639219" spans="8:8">
      <c r="H639219" s="12"/>
    </row>
    <row r="639220" spans="8:8">
      <c r="H639220" s="12"/>
    </row>
    <row r="639221" spans="8:8">
      <c r="H639221" s="12"/>
    </row>
    <row r="639222" spans="8:8">
      <c r="H639222" s="12"/>
    </row>
    <row r="639223" spans="8:8">
      <c r="H639223" s="12"/>
    </row>
    <row r="639224" spans="8:8">
      <c r="H639224" s="12"/>
    </row>
    <row r="639225" spans="8:8">
      <c r="H639225" s="12"/>
    </row>
    <row r="639226" spans="8:8">
      <c r="H639226" s="12"/>
    </row>
    <row r="639227" spans="8:8">
      <c r="H639227" s="12"/>
    </row>
    <row r="639228" spans="8:8">
      <c r="H639228" s="12"/>
    </row>
    <row r="639229" spans="8:8">
      <c r="H639229" s="12"/>
    </row>
    <row r="639230" spans="8:8">
      <c r="H639230" s="12"/>
    </row>
    <row r="639231" spans="8:8">
      <c r="H639231" s="12"/>
    </row>
    <row r="639232" spans="8:8">
      <c r="H639232" s="12"/>
    </row>
    <row r="639233" spans="8:8">
      <c r="H639233" s="12"/>
    </row>
    <row r="639234" spans="8:8">
      <c r="H639234" s="12"/>
    </row>
    <row r="639235" spans="8:8">
      <c r="H639235" s="12"/>
    </row>
    <row r="639236" spans="8:8">
      <c r="H639236" s="12"/>
    </row>
    <row r="639237" spans="8:8">
      <c r="H639237" s="12"/>
    </row>
    <row r="639238" spans="8:8">
      <c r="H639238" s="12"/>
    </row>
    <row r="639239" spans="8:8">
      <c r="H639239" s="12"/>
    </row>
    <row r="639240" spans="8:8">
      <c r="H639240" s="12"/>
    </row>
    <row r="639241" spans="8:8">
      <c r="H639241" s="12"/>
    </row>
    <row r="639242" spans="8:8">
      <c r="H639242" s="12"/>
    </row>
    <row r="639243" spans="8:8">
      <c r="H639243" s="12"/>
    </row>
    <row r="639244" spans="8:8">
      <c r="H639244" s="12"/>
    </row>
    <row r="639245" spans="8:8">
      <c r="H639245" s="12"/>
    </row>
    <row r="639246" spans="8:8">
      <c r="H639246" s="12"/>
    </row>
    <row r="639247" spans="8:8">
      <c r="H639247" s="12"/>
    </row>
    <row r="639248" spans="8:8">
      <c r="H639248" s="12"/>
    </row>
    <row r="639249" spans="8:8">
      <c r="H639249" s="12"/>
    </row>
    <row r="639250" spans="8:8">
      <c r="H639250" s="12"/>
    </row>
    <row r="639251" spans="8:8">
      <c r="H639251" s="12"/>
    </row>
    <row r="639252" spans="8:8">
      <c r="H639252" s="12"/>
    </row>
    <row r="639253" spans="8:8">
      <c r="H639253" s="12"/>
    </row>
    <row r="639254" spans="8:8">
      <c r="H639254" s="12"/>
    </row>
    <row r="639255" spans="8:8">
      <c r="H639255" s="12"/>
    </row>
    <row r="639256" spans="8:8">
      <c r="H639256" s="12"/>
    </row>
    <row r="639257" spans="8:8">
      <c r="H639257" s="12"/>
    </row>
    <row r="639258" spans="8:8">
      <c r="H639258" s="12"/>
    </row>
    <row r="639259" spans="8:8">
      <c r="H639259" s="12"/>
    </row>
    <row r="639260" spans="8:8">
      <c r="H639260" s="12"/>
    </row>
    <row r="639261" spans="8:8">
      <c r="H639261" s="12"/>
    </row>
    <row r="639262" spans="8:8">
      <c r="H639262" s="12"/>
    </row>
    <row r="639263" spans="8:8">
      <c r="H639263" s="12"/>
    </row>
    <row r="639264" spans="8:8">
      <c r="H639264" s="12"/>
    </row>
    <row r="639265" spans="8:8">
      <c r="H639265" s="12"/>
    </row>
    <row r="639266" spans="8:8">
      <c r="H639266" s="12"/>
    </row>
    <row r="639267" spans="8:8">
      <c r="H639267" s="12"/>
    </row>
    <row r="639268" spans="8:8">
      <c r="H639268" s="12"/>
    </row>
    <row r="639269" spans="8:8">
      <c r="H639269" s="12"/>
    </row>
    <row r="639270" spans="8:8">
      <c r="H639270" s="12"/>
    </row>
    <row r="639271" spans="8:8">
      <c r="H639271" s="12"/>
    </row>
    <row r="639272" spans="8:8">
      <c r="H639272" s="12"/>
    </row>
    <row r="639273" spans="8:8">
      <c r="H639273" s="12"/>
    </row>
    <row r="639274" spans="8:8">
      <c r="H639274" s="12"/>
    </row>
    <row r="639275" spans="8:8">
      <c r="H639275" s="12"/>
    </row>
    <row r="639276" spans="8:8">
      <c r="H639276" s="12"/>
    </row>
    <row r="639277" spans="8:8">
      <c r="H639277" s="12"/>
    </row>
    <row r="639278" spans="8:8">
      <c r="H639278" s="12"/>
    </row>
    <row r="639279" spans="8:8">
      <c r="H639279" s="12"/>
    </row>
    <row r="639280" spans="8:8">
      <c r="H639280" s="12"/>
    </row>
    <row r="639281" spans="8:8">
      <c r="H639281" s="12"/>
    </row>
    <row r="639282" spans="8:8">
      <c r="H639282" s="12"/>
    </row>
    <row r="639283" spans="8:8">
      <c r="H639283" s="12"/>
    </row>
    <row r="639284" spans="8:8">
      <c r="H639284" s="12"/>
    </row>
    <row r="639285" spans="8:8">
      <c r="H639285" s="12"/>
    </row>
    <row r="639286" spans="8:8">
      <c r="H639286" s="12"/>
    </row>
    <row r="639287" spans="8:8">
      <c r="H639287" s="12"/>
    </row>
    <row r="639288" spans="8:8">
      <c r="H639288" s="12"/>
    </row>
    <row r="639289" spans="8:8">
      <c r="H639289" s="12"/>
    </row>
    <row r="639290" spans="8:8">
      <c r="H639290" s="12"/>
    </row>
    <row r="639291" spans="8:8">
      <c r="H639291" s="12"/>
    </row>
    <row r="639292" spans="8:8">
      <c r="H639292" s="12"/>
    </row>
    <row r="639293" spans="8:8">
      <c r="H639293" s="12"/>
    </row>
    <row r="639294" spans="8:8">
      <c r="H639294" s="12"/>
    </row>
    <row r="639295" spans="8:8">
      <c r="H639295" s="12"/>
    </row>
    <row r="639296" spans="8:8">
      <c r="H639296" s="12"/>
    </row>
    <row r="639297" spans="8:8">
      <c r="H639297" s="12"/>
    </row>
    <row r="639298" spans="8:8">
      <c r="H639298" s="12"/>
    </row>
    <row r="639299" spans="8:8">
      <c r="H639299" s="12"/>
    </row>
    <row r="639300" spans="8:8">
      <c r="H639300" s="12"/>
    </row>
    <row r="639301" spans="8:8">
      <c r="H639301" s="12"/>
    </row>
    <row r="639302" spans="8:8">
      <c r="H639302" s="12"/>
    </row>
    <row r="639303" spans="8:8">
      <c r="H639303" s="12"/>
    </row>
    <row r="639304" spans="8:8">
      <c r="H639304" s="12"/>
    </row>
    <row r="639305" spans="8:8">
      <c r="H639305" s="12"/>
    </row>
    <row r="639306" spans="8:8">
      <c r="H639306" s="12"/>
    </row>
    <row r="639307" spans="8:8">
      <c r="H639307" s="12"/>
    </row>
    <row r="639308" spans="8:8">
      <c r="H639308" s="12"/>
    </row>
    <row r="639309" spans="8:8">
      <c r="H639309" s="12"/>
    </row>
    <row r="639310" spans="8:8">
      <c r="H639310" s="12"/>
    </row>
    <row r="639311" spans="8:8">
      <c r="H639311" s="12"/>
    </row>
    <row r="639312" spans="8:8">
      <c r="H639312" s="12"/>
    </row>
    <row r="639313" spans="8:8">
      <c r="H639313" s="12"/>
    </row>
    <row r="639314" spans="8:8">
      <c r="H639314" s="12"/>
    </row>
    <row r="639315" spans="8:8">
      <c r="H639315" s="12"/>
    </row>
    <row r="639316" spans="8:8">
      <c r="H639316" s="12"/>
    </row>
    <row r="639317" spans="8:8">
      <c r="H639317" s="12"/>
    </row>
    <row r="639318" spans="8:8">
      <c r="H639318" s="12"/>
    </row>
    <row r="639319" spans="8:8">
      <c r="H639319" s="12"/>
    </row>
    <row r="639320" spans="8:8">
      <c r="H639320" s="12"/>
    </row>
    <row r="639321" spans="8:8">
      <c r="H639321" s="12"/>
    </row>
    <row r="639322" spans="8:8">
      <c r="H639322" s="12"/>
    </row>
    <row r="639323" spans="8:8">
      <c r="H639323" s="12"/>
    </row>
    <row r="639324" spans="8:8">
      <c r="H639324" s="12"/>
    </row>
    <row r="639325" spans="8:8">
      <c r="H639325" s="12"/>
    </row>
    <row r="639326" spans="8:8">
      <c r="H639326" s="12"/>
    </row>
    <row r="639327" spans="8:8">
      <c r="H639327" s="12"/>
    </row>
    <row r="639328" spans="8:8">
      <c r="H639328" s="12"/>
    </row>
    <row r="639329" spans="8:8">
      <c r="H639329" s="12"/>
    </row>
    <row r="639330" spans="8:8">
      <c r="H639330" s="12"/>
    </row>
    <row r="639331" spans="8:8">
      <c r="H639331" s="12"/>
    </row>
    <row r="639332" spans="8:8">
      <c r="H639332" s="12"/>
    </row>
    <row r="639333" spans="8:8">
      <c r="H639333" s="12"/>
    </row>
    <row r="639334" spans="8:8">
      <c r="H639334" s="12"/>
    </row>
    <row r="639335" spans="8:8">
      <c r="H639335" s="12"/>
    </row>
    <row r="639336" spans="8:8">
      <c r="H639336" s="12"/>
    </row>
    <row r="639337" spans="8:8">
      <c r="H639337" s="12"/>
    </row>
    <row r="639338" spans="8:8">
      <c r="H639338" s="12"/>
    </row>
    <row r="639339" spans="8:8">
      <c r="H639339" s="12"/>
    </row>
    <row r="639340" spans="8:8">
      <c r="H639340" s="12"/>
    </row>
    <row r="639341" spans="8:8">
      <c r="H639341" s="12"/>
    </row>
    <row r="639342" spans="8:8">
      <c r="H639342" s="12"/>
    </row>
    <row r="639343" spans="8:8">
      <c r="H639343" s="12"/>
    </row>
    <row r="639344" spans="8:8">
      <c r="H639344" s="12"/>
    </row>
    <row r="639345" spans="8:8">
      <c r="H639345" s="12"/>
    </row>
    <row r="639346" spans="8:8">
      <c r="H639346" s="12"/>
    </row>
    <row r="639347" spans="8:8">
      <c r="H639347" s="12"/>
    </row>
    <row r="639348" spans="8:8">
      <c r="H639348" s="12"/>
    </row>
    <row r="639349" spans="8:8">
      <c r="H639349" s="12"/>
    </row>
    <row r="639350" spans="8:8">
      <c r="H639350" s="12"/>
    </row>
    <row r="639351" spans="8:8">
      <c r="H639351" s="12"/>
    </row>
    <row r="639352" spans="8:8">
      <c r="H639352" s="12"/>
    </row>
    <row r="639353" spans="8:8">
      <c r="H639353" s="12"/>
    </row>
    <row r="639354" spans="8:8">
      <c r="H639354" s="12"/>
    </row>
    <row r="639355" spans="8:8">
      <c r="H639355" s="12"/>
    </row>
    <row r="639356" spans="8:8">
      <c r="H639356" s="12"/>
    </row>
    <row r="639357" spans="8:8">
      <c r="H639357" s="12"/>
    </row>
    <row r="639358" spans="8:8">
      <c r="H639358" s="12"/>
    </row>
    <row r="639359" spans="8:8">
      <c r="H639359" s="12"/>
    </row>
    <row r="639360" spans="8:8">
      <c r="H639360" s="12"/>
    </row>
    <row r="639361" spans="8:8">
      <c r="H639361" s="12"/>
    </row>
    <row r="639362" spans="8:8">
      <c r="H639362" s="12"/>
    </row>
    <row r="639363" spans="8:8">
      <c r="H639363" s="12"/>
    </row>
    <row r="639364" spans="8:8">
      <c r="H639364" s="12"/>
    </row>
    <row r="639365" spans="8:8">
      <c r="H639365" s="12"/>
    </row>
    <row r="639366" spans="8:8">
      <c r="H639366" s="12"/>
    </row>
    <row r="639367" spans="8:8">
      <c r="H639367" s="12"/>
    </row>
    <row r="639368" spans="8:8">
      <c r="H639368" s="12"/>
    </row>
    <row r="639369" spans="8:8">
      <c r="H639369" s="12"/>
    </row>
    <row r="639370" spans="8:8">
      <c r="H639370" s="12"/>
    </row>
    <row r="639371" spans="8:8">
      <c r="H639371" s="12"/>
    </row>
    <row r="639372" spans="8:8">
      <c r="H639372" s="12"/>
    </row>
    <row r="639373" spans="8:8">
      <c r="H639373" s="12"/>
    </row>
    <row r="639374" spans="8:8">
      <c r="H639374" s="12"/>
    </row>
    <row r="639375" spans="8:8">
      <c r="H639375" s="12"/>
    </row>
    <row r="639376" spans="8:8">
      <c r="H639376" s="12"/>
    </row>
    <row r="639377" spans="8:8">
      <c r="H639377" s="12"/>
    </row>
    <row r="639378" spans="8:8">
      <c r="H639378" s="12"/>
    </row>
    <row r="639379" spans="8:8">
      <c r="H639379" s="12"/>
    </row>
    <row r="639380" spans="8:8">
      <c r="H639380" s="12"/>
    </row>
    <row r="639381" spans="8:8">
      <c r="H639381" s="12"/>
    </row>
    <row r="639382" spans="8:8">
      <c r="H639382" s="12"/>
    </row>
    <row r="639383" spans="8:8">
      <c r="H639383" s="12"/>
    </row>
    <row r="639384" spans="8:8">
      <c r="H639384" s="12"/>
    </row>
    <row r="639385" spans="8:8">
      <c r="H639385" s="12"/>
    </row>
    <row r="639386" spans="8:8">
      <c r="H639386" s="12"/>
    </row>
    <row r="639387" spans="8:8">
      <c r="H639387" s="12"/>
    </row>
    <row r="639388" spans="8:8">
      <c r="H639388" s="12"/>
    </row>
    <row r="639389" spans="8:8">
      <c r="H639389" s="12"/>
    </row>
    <row r="639390" spans="8:8">
      <c r="H639390" s="12"/>
    </row>
    <row r="639391" spans="8:8">
      <c r="H639391" s="12"/>
    </row>
    <row r="639392" spans="8:8">
      <c r="H639392" s="12"/>
    </row>
    <row r="639393" spans="8:8">
      <c r="H639393" s="12"/>
    </row>
    <row r="639394" spans="8:8">
      <c r="H639394" s="12"/>
    </row>
    <row r="639395" spans="8:8">
      <c r="H639395" s="12"/>
    </row>
    <row r="639396" spans="8:8">
      <c r="H639396" s="12"/>
    </row>
    <row r="639397" spans="8:8">
      <c r="H639397" s="12"/>
    </row>
    <row r="639398" spans="8:8">
      <c r="H639398" s="12"/>
    </row>
    <row r="639399" spans="8:8">
      <c r="H639399" s="12"/>
    </row>
    <row r="639400" spans="8:8">
      <c r="H639400" s="12"/>
    </row>
    <row r="639401" spans="8:8">
      <c r="H639401" s="12"/>
    </row>
    <row r="639402" spans="8:8">
      <c r="H639402" s="12"/>
    </row>
    <row r="639403" spans="8:8">
      <c r="H639403" s="12"/>
    </row>
    <row r="639404" spans="8:8">
      <c r="H639404" s="12"/>
    </row>
    <row r="639405" spans="8:8">
      <c r="H639405" s="12"/>
    </row>
    <row r="639406" spans="8:8">
      <c r="H639406" s="12"/>
    </row>
    <row r="639407" spans="8:8">
      <c r="H639407" s="12"/>
    </row>
    <row r="639408" spans="8:8">
      <c r="H639408" s="12"/>
    </row>
    <row r="639409" spans="8:8">
      <c r="H639409" s="12"/>
    </row>
    <row r="639410" spans="8:8">
      <c r="H639410" s="12"/>
    </row>
    <row r="639411" spans="8:8">
      <c r="H639411" s="12"/>
    </row>
    <row r="639412" spans="8:8">
      <c r="H639412" s="12"/>
    </row>
    <row r="639413" spans="8:8">
      <c r="H639413" s="12"/>
    </row>
    <row r="639414" spans="8:8">
      <c r="H639414" s="12"/>
    </row>
    <row r="639415" spans="8:8">
      <c r="H639415" s="12"/>
    </row>
    <row r="639416" spans="8:8">
      <c r="H639416" s="12"/>
    </row>
    <row r="639417" spans="8:8">
      <c r="H639417" s="12"/>
    </row>
    <row r="639418" spans="8:8">
      <c r="H639418" s="12"/>
    </row>
    <row r="639419" spans="8:8">
      <c r="H639419" s="12"/>
    </row>
    <row r="639420" spans="8:8">
      <c r="H639420" s="12"/>
    </row>
    <row r="639421" spans="8:8">
      <c r="H639421" s="12"/>
    </row>
    <row r="639422" spans="8:8">
      <c r="H639422" s="12"/>
    </row>
    <row r="639423" spans="8:8">
      <c r="H639423" s="12"/>
    </row>
    <row r="639424" spans="8:8">
      <c r="H639424" s="12"/>
    </row>
    <row r="639425" spans="8:8">
      <c r="H639425" s="12"/>
    </row>
    <row r="639426" spans="8:8">
      <c r="H639426" s="12"/>
    </row>
    <row r="639427" spans="8:8">
      <c r="H639427" s="12"/>
    </row>
    <row r="639428" spans="8:8">
      <c r="H639428" s="12"/>
    </row>
    <row r="639429" spans="8:8">
      <c r="H639429" s="12"/>
    </row>
    <row r="639430" spans="8:8">
      <c r="H639430" s="12"/>
    </row>
    <row r="639431" spans="8:8">
      <c r="H639431" s="12"/>
    </row>
    <row r="639432" spans="8:8">
      <c r="H639432" s="12"/>
    </row>
    <row r="639433" spans="8:8">
      <c r="H639433" s="12"/>
    </row>
    <row r="639434" spans="8:8">
      <c r="H639434" s="12"/>
    </row>
    <row r="639435" spans="8:8">
      <c r="H639435" s="12"/>
    </row>
    <row r="639436" spans="8:8">
      <c r="H639436" s="12"/>
    </row>
    <row r="639437" spans="8:8">
      <c r="H639437" s="12"/>
    </row>
    <row r="639438" spans="8:8">
      <c r="H639438" s="12"/>
    </row>
    <row r="639439" spans="8:8">
      <c r="H639439" s="12"/>
    </row>
    <row r="639440" spans="8:8">
      <c r="H639440" s="12"/>
    </row>
    <row r="639441" spans="8:8">
      <c r="H639441" s="12"/>
    </row>
    <row r="639442" spans="8:8">
      <c r="H639442" s="12"/>
    </row>
    <row r="639443" spans="8:8">
      <c r="H639443" s="12"/>
    </row>
    <row r="639444" spans="8:8">
      <c r="H639444" s="12"/>
    </row>
    <row r="639445" spans="8:8">
      <c r="H639445" s="12"/>
    </row>
    <row r="639446" spans="8:8">
      <c r="H639446" s="12"/>
    </row>
    <row r="639447" spans="8:8">
      <c r="H639447" s="12"/>
    </row>
    <row r="639448" spans="8:8">
      <c r="H639448" s="12"/>
    </row>
    <row r="639449" spans="8:8">
      <c r="H639449" s="12"/>
    </row>
    <row r="639450" spans="8:8">
      <c r="H639450" s="12"/>
    </row>
    <row r="639451" spans="8:8">
      <c r="H639451" s="12"/>
    </row>
    <row r="639452" spans="8:8">
      <c r="H639452" s="12"/>
    </row>
    <row r="639453" spans="8:8">
      <c r="H639453" s="12"/>
    </row>
    <row r="639454" spans="8:8">
      <c r="H639454" s="12"/>
    </row>
    <row r="639455" spans="8:8">
      <c r="H639455" s="12"/>
    </row>
    <row r="639456" spans="8:8">
      <c r="H639456" s="12"/>
    </row>
    <row r="639457" spans="8:8">
      <c r="H639457" s="12"/>
    </row>
    <row r="639458" spans="8:8">
      <c r="H639458" s="12"/>
    </row>
    <row r="639459" spans="8:8">
      <c r="H639459" s="12"/>
    </row>
    <row r="639460" spans="8:8">
      <c r="H639460" s="12"/>
    </row>
    <row r="639461" spans="8:8">
      <c r="H639461" s="12"/>
    </row>
    <row r="639462" spans="8:8">
      <c r="H639462" s="12"/>
    </row>
    <row r="639463" spans="8:8">
      <c r="H639463" s="12"/>
    </row>
    <row r="639464" spans="8:8">
      <c r="H639464" s="12"/>
    </row>
    <row r="639465" spans="8:8">
      <c r="H639465" s="12"/>
    </row>
    <row r="639466" spans="8:8">
      <c r="H639466" s="12"/>
    </row>
    <row r="639467" spans="8:8">
      <c r="H639467" s="12"/>
    </row>
    <row r="639468" spans="8:8">
      <c r="H639468" s="12"/>
    </row>
    <row r="639469" spans="8:8">
      <c r="H639469" s="12"/>
    </row>
    <row r="639470" spans="8:8">
      <c r="H639470" s="12"/>
    </row>
    <row r="639471" spans="8:8">
      <c r="H639471" s="12"/>
    </row>
    <row r="639472" spans="8:8">
      <c r="H639472" s="12"/>
    </row>
    <row r="639473" spans="8:8">
      <c r="H639473" s="12"/>
    </row>
    <row r="639474" spans="8:8">
      <c r="H639474" s="12"/>
    </row>
    <row r="639475" spans="8:8">
      <c r="H639475" s="12"/>
    </row>
    <row r="639476" spans="8:8">
      <c r="H639476" s="12"/>
    </row>
    <row r="639477" spans="8:8">
      <c r="H639477" s="12"/>
    </row>
    <row r="639478" spans="8:8">
      <c r="H639478" s="12"/>
    </row>
    <row r="639479" spans="8:8">
      <c r="H639479" s="12"/>
    </row>
    <row r="639480" spans="8:8">
      <c r="H639480" s="12"/>
    </row>
    <row r="639481" spans="8:8">
      <c r="H639481" s="12"/>
    </row>
    <row r="639482" spans="8:8">
      <c r="H639482" s="12"/>
    </row>
    <row r="639483" spans="8:8">
      <c r="H639483" s="12"/>
    </row>
    <row r="639484" spans="8:8">
      <c r="H639484" s="12"/>
    </row>
    <row r="639485" spans="8:8">
      <c r="H639485" s="12"/>
    </row>
    <row r="639486" spans="8:8">
      <c r="H639486" s="12"/>
    </row>
    <row r="639487" spans="8:8">
      <c r="H639487" s="12"/>
    </row>
    <row r="639488" spans="8:8">
      <c r="H639488" s="12"/>
    </row>
    <row r="639489" spans="8:8">
      <c r="H639489" s="12"/>
    </row>
    <row r="639490" spans="8:8">
      <c r="H639490" s="12"/>
    </row>
    <row r="639491" spans="8:8">
      <c r="H639491" s="12"/>
    </row>
    <row r="639492" spans="8:8">
      <c r="H639492" s="12"/>
    </row>
    <row r="639493" spans="8:8">
      <c r="H639493" s="12"/>
    </row>
    <row r="639494" spans="8:8">
      <c r="H639494" s="12"/>
    </row>
    <row r="639495" spans="8:8">
      <c r="H639495" s="12"/>
    </row>
    <row r="639496" spans="8:8">
      <c r="H639496" s="12"/>
    </row>
    <row r="639497" spans="8:8">
      <c r="H639497" s="12"/>
    </row>
    <row r="639498" spans="8:8">
      <c r="H639498" s="12"/>
    </row>
    <row r="639499" spans="8:8">
      <c r="H639499" s="12"/>
    </row>
    <row r="639500" spans="8:8">
      <c r="H639500" s="12"/>
    </row>
    <row r="639501" spans="8:8">
      <c r="H639501" s="12"/>
    </row>
    <row r="639502" spans="8:8">
      <c r="H639502" s="12"/>
    </row>
    <row r="639503" spans="8:8">
      <c r="H639503" s="12"/>
    </row>
    <row r="639504" spans="8:8">
      <c r="H639504" s="12"/>
    </row>
    <row r="639505" spans="8:8">
      <c r="H639505" s="12"/>
    </row>
    <row r="639506" spans="8:8">
      <c r="H639506" s="12"/>
    </row>
    <row r="639507" spans="8:8">
      <c r="H639507" s="12"/>
    </row>
    <row r="639508" spans="8:8">
      <c r="H639508" s="12"/>
    </row>
    <row r="639509" spans="8:8">
      <c r="H639509" s="12"/>
    </row>
    <row r="639510" spans="8:8">
      <c r="H639510" s="12"/>
    </row>
    <row r="639511" spans="8:8">
      <c r="H639511" s="12"/>
    </row>
    <row r="639512" spans="8:8">
      <c r="H639512" s="12"/>
    </row>
    <row r="639513" spans="8:8">
      <c r="H639513" s="12"/>
    </row>
    <row r="639514" spans="8:8">
      <c r="H639514" s="12"/>
    </row>
    <row r="639515" spans="8:8">
      <c r="H639515" s="12"/>
    </row>
    <row r="639516" spans="8:8">
      <c r="H639516" s="12"/>
    </row>
    <row r="639517" spans="8:8">
      <c r="H639517" s="12"/>
    </row>
    <row r="639518" spans="8:8">
      <c r="H639518" s="12"/>
    </row>
    <row r="639519" spans="8:8">
      <c r="H639519" s="12"/>
    </row>
    <row r="639520" spans="8:8">
      <c r="H639520" s="12"/>
    </row>
    <row r="639521" spans="8:8">
      <c r="H639521" s="12"/>
    </row>
    <row r="639522" spans="8:8">
      <c r="H639522" s="12"/>
    </row>
    <row r="639523" spans="8:8">
      <c r="H639523" s="12"/>
    </row>
    <row r="639524" spans="8:8">
      <c r="H639524" s="12"/>
    </row>
    <row r="639525" spans="8:8">
      <c r="H639525" s="12"/>
    </row>
    <row r="639526" spans="8:8">
      <c r="H639526" s="12"/>
    </row>
    <row r="639527" spans="8:8">
      <c r="H639527" s="12"/>
    </row>
    <row r="639528" spans="8:8">
      <c r="H639528" s="12"/>
    </row>
    <row r="639529" spans="8:8">
      <c r="H639529" s="12"/>
    </row>
    <row r="639530" spans="8:8">
      <c r="H639530" s="12"/>
    </row>
    <row r="639531" spans="8:8">
      <c r="H639531" s="12"/>
    </row>
    <row r="639532" spans="8:8">
      <c r="H639532" s="12"/>
    </row>
    <row r="639533" spans="8:8">
      <c r="H639533" s="12"/>
    </row>
    <row r="639534" spans="8:8">
      <c r="H639534" s="12"/>
    </row>
    <row r="639535" spans="8:8">
      <c r="H639535" s="12"/>
    </row>
    <row r="639536" spans="8:8">
      <c r="H639536" s="12"/>
    </row>
    <row r="639537" spans="8:8">
      <c r="H639537" s="12"/>
    </row>
    <row r="639538" spans="8:8">
      <c r="H639538" s="12"/>
    </row>
    <row r="639539" spans="8:8">
      <c r="H639539" s="12"/>
    </row>
    <row r="639540" spans="8:8">
      <c r="H639540" s="12"/>
    </row>
    <row r="639541" spans="8:8">
      <c r="H639541" s="12"/>
    </row>
    <row r="639542" spans="8:8">
      <c r="H639542" s="12"/>
    </row>
    <row r="639543" spans="8:8">
      <c r="H639543" s="12"/>
    </row>
    <row r="639544" spans="8:8">
      <c r="H639544" s="12"/>
    </row>
    <row r="639545" spans="8:8">
      <c r="H639545" s="12"/>
    </row>
    <row r="639546" spans="8:8">
      <c r="H639546" s="12"/>
    </row>
    <row r="639547" spans="8:8">
      <c r="H639547" s="12"/>
    </row>
    <row r="639548" spans="8:8">
      <c r="H639548" s="12"/>
    </row>
    <row r="639549" spans="8:8">
      <c r="H639549" s="12"/>
    </row>
    <row r="639550" spans="8:8">
      <c r="H639550" s="12"/>
    </row>
    <row r="639551" spans="8:8">
      <c r="H639551" s="12"/>
    </row>
    <row r="639552" spans="8:8">
      <c r="H639552" s="12"/>
    </row>
    <row r="639553" spans="8:8">
      <c r="H639553" s="12"/>
    </row>
    <row r="639554" spans="8:8">
      <c r="H639554" s="12"/>
    </row>
    <row r="639555" spans="8:8">
      <c r="H639555" s="12"/>
    </row>
    <row r="639556" spans="8:8">
      <c r="H639556" s="12"/>
    </row>
    <row r="639557" spans="8:8">
      <c r="H639557" s="12"/>
    </row>
    <row r="639558" spans="8:8">
      <c r="H639558" s="12"/>
    </row>
    <row r="639559" spans="8:8">
      <c r="H639559" s="12"/>
    </row>
    <row r="639560" spans="8:8">
      <c r="H639560" s="12"/>
    </row>
    <row r="639561" spans="8:8">
      <c r="H639561" s="12"/>
    </row>
    <row r="639562" spans="8:8">
      <c r="H639562" s="12"/>
    </row>
    <row r="639563" spans="8:8">
      <c r="H639563" s="12"/>
    </row>
    <row r="639564" spans="8:8">
      <c r="H639564" s="12"/>
    </row>
    <row r="639565" spans="8:8">
      <c r="H639565" s="12"/>
    </row>
    <row r="639566" spans="8:8">
      <c r="H639566" s="12"/>
    </row>
    <row r="639567" spans="8:8">
      <c r="H639567" s="12"/>
    </row>
    <row r="639568" spans="8:8">
      <c r="H639568" s="12"/>
    </row>
    <row r="639569" spans="8:8">
      <c r="H639569" s="12"/>
    </row>
    <row r="639570" spans="8:8">
      <c r="H639570" s="12"/>
    </row>
    <row r="639571" spans="8:8">
      <c r="H639571" s="12"/>
    </row>
    <row r="639572" spans="8:8">
      <c r="H639572" s="12"/>
    </row>
    <row r="639573" spans="8:8">
      <c r="H639573" s="12"/>
    </row>
    <row r="639574" spans="8:8">
      <c r="H639574" s="12"/>
    </row>
    <row r="639575" spans="8:8">
      <c r="H639575" s="12"/>
    </row>
    <row r="639576" spans="8:8">
      <c r="H639576" s="12"/>
    </row>
    <row r="639577" spans="8:8">
      <c r="H639577" s="12"/>
    </row>
    <row r="639578" spans="8:8">
      <c r="H639578" s="12"/>
    </row>
    <row r="639579" spans="8:8">
      <c r="H639579" s="12"/>
    </row>
    <row r="639580" spans="8:8">
      <c r="H639580" s="12"/>
    </row>
    <row r="639581" spans="8:8">
      <c r="H639581" s="12"/>
    </row>
    <row r="639582" spans="8:8">
      <c r="H639582" s="12"/>
    </row>
    <row r="639583" spans="8:8">
      <c r="H639583" s="12"/>
    </row>
    <row r="639584" spans="8:8">
      <c r="H639584" s="12"/>
    </row>
    <row r="639585" spans="8:8">
      <c r="H639585" s="12"/>
    </row>
    <row r="639586" spans="8:8">
      <c r="H639586" s="12"/>
    </row>
    <row r="639587" spans="8:8">
      <c r="H639587" s="12"/>
    </row>
    <row r="639588" spans="8:8">
      <c r="H639588" s="12"/>
    </row>
    <row r="639589" spans="8:8">
      <c r="H639589" s="12"/>
    </row>
    <row r="639590" spans="8:8">
      <c r="H639590" s="12"/>
    </row>
    <row r="639591" spans="8:8">
      <c r="H639591" s="12"/>
    </row>
    <row r="639592" spans="8:8">
      <c r="H639592" s="12"/>
    </row>
    <row r="639593" spans="8:8">
      <c r="H639593" s="12"/>
    </row>
    <row r="639594" spans="8:8">
      <c r="H639594" s="12"/>
    </row>
    <row r="639595" spans="8:8">
      <c r="H639595" s="12"/>
    </row>
    <row r="639596" spans="8:8">
      <c r="H639596" s="12"/>
    </row>
    <row r="639597" spans="8:8">
      <c r="H639597" s="12"/>
    </row>
    <row r="639598" spans="8:8">
      <c r="H639598" s="12"/>
    </row>
    <row r="639599" spans="8:8">
      <c r="H639599" s="12"/>
    </row>
    <row r="639600" spans="8:8">
      <c r="H639600" s="12"/>
    </row>
    <row r="639601" spans="8:8">
      <c r="H639601" s="12"/>
    </row>
    <row r="639602" spans="8:8">
      <c r="H639602" s="12"/>
    </row>
    <row r="639603" spans="8:8">
      <c r="H639603" s="12"/>
    </row>
    <row r="639604" spans="8:8">
      <c r="H639604" s="12"/>
    </row>
    <row r="639605" spans="8:8">
      <c r="H639605" s="12"/>
    </row>
    <row r="639606" spans="8:8">
      <c r="H639606" s="12"/>
    </row>
    <row r="639607" spans="8:8">
      <c r="H639607" s="12"/>
    </row>
    <row r="639608" spans="8:8">
      <c r="H639608" s="12"/>
    </row>
    <row r="639609" spans="8:8">
      <c r="H639609" s="12"/>
    </row>
    <row r="639610" spans="8:8">
      <c r="H639610" s="12"/>
    </row>
    <row r="639611" spans="8:8">
      <c r="H639611" s="12"/>
    </row>
    <row r="639612" spans="8:8">
      <c r="H639612" s="12"/>
    </row>
    <row r="639613" spans="8:8">
      <c r="H639613" s="12"/>
    </row>
    <row r="639614" spans="8:8">
      <c r="H639614" s="12"/>
    </row>
    <row r="639615" spans="8:8">
      <c r="H639615" s="12"/>
    </row>
    <row r="639616" spans="8:8">
      <c r="H639616" s="12"/>
    </row>
    <row r="639617" spans="8:8">
      <c r="H639617" s="12"/>
    </row>
    <row r="639618" spans="8:8">
      <c r="H639618" s="12"/>
    </row>
    <row r="639619" spans="8:8">
      <c r="H639619" s="12"/>
    </row>
    <row r="639620" spans="8:8">
      <c r="H639620" s="12"/>
    </row>
    <row r="639621" spans="8:8">
      <c r="H639621" s="12"/>
    </row>
    <row r="639622" spans="8:8">
      <c r="H639622" s="12"/>
    </row>
    <row r="639623" spans="8:8">
      <c r="H639623" s="12"/>
    </row>
    <row r="639624" spans="8:8">
      <c r="H639624" s="12"/>
    </row>
    <row r="639625" spans="8:8">
      <c r="H639625" s="12"/>
    </row>
    <row r="639626" spans="8:8">
      <c r="H639626" s="12"/>
    </row>
    <row r="639627" spans="8:8">
      <c r="H639627" s="12"/>
    </row>
    <row r="639628" spans="8:8">
      <c r="H639628" s="12"/>
    </row>
    <row r="639629" spans="8:8">
      <c r="H639629" s="12"/>
    </row>
    <row r="639630" spans="8:8">
      <c r="H639630" s="12"/>
    </row>
    <row r="639631" spans="8:8">
      <c r="H639631" s="12"/>
    </row>
    <row r="639632" spans="8:8">
      <c r="H639632" s="12"/>
    </row>
    <row r="639633" spans="8:8">
      <c r="H639633" s="12"/>
    </row>
    <row r="639634" spans="8:8">
      <c r="H639634" s="12"/>
    </row>
    <row r="639635" spans="8:8">
      <c r="H639635" s="12"/>
    </row>
    <row r="639636" spans="8:8">
      <c r="H639636" s="12"/>
    </row>
    <row r="639637" spans="8:8">
      <c r="H639637" s="12"/>
    </row>
    <row r="639638" spans="8:8">
      <c r="H639638" s="12"/>
    </row>
    <row r="639639" spans="8:8">
      <c r="H639639" s="12"/>
    </row>
    <row r="639640" spans="8:8">
      <c r="H639640" s="12"/>
    </row>
    <row r="639641" spans="8:8">
      <c r="H639641" s="12"/>
    </row>
    <row r="639642" spans="8:8">
      <c r="H639642" s="12"/>
    </row>
    <row r="639643" spans="8:8">
      <c r="H639643" s="12"/>
    </row>
    <row r="639644" spans="8:8">
      <c r="H639644" s="12"/>
    </row>
    <row r="639645" spans="8:8">
      <c r="H639645" s="12"/>
    </row>
    <row r="639646" spans="8:8">
      <c r="H639646" s="12"/>
    </row>
    <row r="639647" spans="8:8">
      <c r="H639647" s="12"/>
    </row>
    <row r="639648" spans="8:8">
      <c r="H639648" s="12"/>
    </row>
    <row r="639649" spans="8:8">
      <c r="H639649" s="12"/>
    </row>
    <row r="639650" spans="8:8">
      <c r="H639650" s="12"/>
    </row>
    <row r="639651" spans="8:8">
      <c r="H639651" s="12"/>
    </row>
    <row r="639652" spans="8:8">
      <c r="H639652" s="12"/>
    </row>
    <row r="639653" spans="8:8">
      <c r="H639653" s="12"/>
    </row>
    <row r="639654" spans="8:8">
      <c r="H639654" s="12"/>
    </row>
    <row r="639655" spans="8:8">
      <c r="H639655" s="12"/>
    </row>
    <row r="639656" spans="8:8">
      <c r="H639656" s="12"/>
    </row>
    <row r="639657" spans="8:8">
      <c r="H639657" s="12"/>
    </row>
    <row r="639658" spans="8:8">
      <c r="H639658" s="12"/>
    </row>
    <row r="639659" spans="8:8">
      <c r="H639659" s="12"/>
    </row>
    <row r="639660" spans="8:8">
      <c r="H639660" s="12"/>
    </row>
    <row r="639661" spans="8:8">
      <c r="H639661" s="12"/>
    </row>
    <row r="639662" spans="8:8">
      <c r="H639662" s="12"/>
    </row>
    <row r="639663" spans="8:8">
      <c r="H639663" s="12"/>
    </row>
    <row r="639664" spans="8:8">
      <c r="H639664" s="12"/>
    </row>
    <row r="639665" spans="8:8">
      <c r="H639665" s="12"/>
    </row>
    <row r="639666" spans="8:8">
      <c r="H639666" s="12"/>
    </row>
    <row r="639667" spans="8:8">
      <c r="H639667" s="12"/>
    </row>
    <row r="639668" spans="8:8">
      <c r="H639668" s="12"/>
    </row>
    <row r="639669" spans="8:8">
      <c r="H639669" s="12"/>
    </row>
    <row r="639670" spans="8:8">
      <c r="H639670" s="12"/>
    </row>
    <row r="639671" spans="8:8">
      <c r="H639671" s="12"/>
    </row>
    <row r="639672" spans="8:8">
      <c r="H639672" s="12"/>
    </row>
    <row r="639673" spans="8:8">
      <c r="H639673" s="12"/>
    </row>
    <row r="639674" spans="8:8">
      <c r="H639674" s="12"/>
    </row>
    <row r="639675" spans="8:8">
      <c r="H639675" s="12"/>
    </row>
    <row r="639676" spans="8:8">
      <c r="H639676" s="12"/>
    </row>
    <row r="639677" spans="8:8">
      <c r="H639677" s="12"/>
    </row>
    <row r="639678" spans="8:8">
      <c r="H639678" s="12"/>
    </row>
    <row r="639679" spans="8:8">
      <c r="H639679" s="12"/>
    </row>
    <row r="639680" spans="8:8">
      <c r="H639680" s="12"/>
    </row>
    <row r="639681" spans="8:8">
      <c r="H639681" s="12"/>
    </row>
    <row r="639682" spans="8:8">
      <c r="H639682" s="12"/>
    </row>
    <row r="639683" spans="8:8">
      <c r="H639683" s="12"/>
    </row>
    <row r="639684" spans="8:8">
      <c r="H639684" s="12"/>
    </row>
    <row r="639685" spans="8:8">
      <c r="H639685" s="12"/>
    </row>
    <row r="639686" spans="8:8">
      <c r="H639686" s="12"/>
    </row>
    <row r="639687" spans="8:8">
      <c r="H639687" s="12"/>
    </row>
    <row r="639688" spans="8:8">
      <c r="H639688" s="12"/>
    </row>
    <row r="639689" spans="8:8">
      <c r="H639689" s="12"/>
    </row>
    <row r="639690" spans="8:8">
      <c r="H639690" s="12"/>
    </row>
    <row r="639691" spans="8:8">
      <c r="H639691" s="12"/>
    </row>
    <row r="639692" spans="8:8">
      <c r="H639692" s="12"/>
    </row>
    <row r="639693" spans="8:8">
      <c r="H639693" s="12"/>
    </row>
    <row r="639694" spans="8:8">
      <c r="H639694" s="12"/>
    </row>
    <row r="639695" spans="8:8">
      <c r="H639695" s="12"/>
    </row>
    <row r="639696" spans="8:8">
      <c r="H639696" s="12"/>
    </row>
    <row r="639697" spans="8:8">
      <c r="H639697" s="12"/>
    </row>
    <row r="639698" spans="8:8">
      <c r="H639698" s="12"/>
    </row>
    <row r="639699" spans="8:8">
      <c r="H639699" s="12"/>
    </row>
    <row r="639700" spans="8:8">
      <c r="H639700" s="12"/>
    </row>
    <row r="639701" spans="8:8">
      <c r="H639701" s="12"/>
    </row>
    <row r="639702" spans="8:8">
      <c r="H639702" s="12"/>
    </row>
    <row r="639703" spans="8:8">
      <c r="H639703" s="12"/>
    </row>
    <row r="639704" spans="8:8">
      <c r="H639704" s="12"/>
    </row>
    <row r="639705" spans="8:8">
      <c r="H639705" s="12"/>
    </row>
    <row r="639706" spans="8:8">
      <c r="H639706" s="12"/>
    </row>
    <row r="639707" spans="8:8">
      <c r="H639707" s="12"/>
    </row>
    <row r="639708" spans="8:8">
      <c r="H639708" s="12"/>
    </row>
    <row r="639709" spans="8:8">
      <c r="H639709" s="12"/>
    </row>
    <row r="639710" spans="8:8">
      <c r="H639710" s="12"/>
    </row>
    <row r="639711" spans="8:8">
      <c r="H639711" s="12"/>
    </row>
    <row r="639712" spans="8:8">
      <c r="H639712" s="12"/>
    </row>
    <row r="639713" spans="8:8">
      <c r="H639713" s="12"/>
    </row>
    <row r="639714" spans="8:8">
      <c r="H639714" s="12"/>
    </row>
    <row r="639715" spans="8:8">
      <c r="H639715" s="12"/>
    </row>
    <row r="639716" spans="8:8">
      <c r="H639716" s="12"/>
    </row>
    <row r="639717" spans="8:8">
      <c r="H639717" s="12"/>
    </row>
    <row r="639718" spans="8:8">
      <c r="H639718" s="12"/>
    </row>
    <row r="639719" spans="8:8">
      <c r="H639719" s="12"/>
    </row>
    <row r="639720" spans="8:8">
      <c r="H639720" s="12"/>
    </row>
    <row r="639721" spans="8:8">
      <c r="H639721" s="12"/>
    </row>
    <row r="639722" spans="8:8">
      <c r="H639722" s="12"/>
    </row>
    <row r="639723" spans="8:8">
      <c r="H639723" s="12"/>
    </row>
    <row r="639724" spans="8:8">
      <c r="H639724" s="12"/>
    </row>
    <row r="639725" spans="8:8">
      <c r="H639725" s="12"/>
    </row>
    <row r="639726" spans="8:8">
      <c r="H639726" s="12"/>
    </row>
    <row r="639727" spans="8:8">
      <c r="H639727" s="12"/>
    </row>
    <row r="639728" spans="8:8">
      <c r="H639728" s="12"/>
    </row>
    <row r="639729" spans="8:8">
      <c r="H639729" s="12"/>
    </row>
    <row r="639730" spans="8:8">
      <c r="H639730" s="12"/>
    </row>
    <row r="639731" spans="8:8">
      <c r="H639731" s="12"/>
    </row>
    <row r="639732" spans="8:8">
      <c r="H639732" s="12"/>
    </row>
    <row r="639733" spans="8:8">
      <c r="H639733" s="12"/>
    </row>
    <row r="639734" spans="8:8">
      <c r="H639734" s="12"/>
    </row>
    <row r="639735" spans="8:8">
      <c r="H639735" s="12"/>
    </row>
    <row r="639736" spans="8:8">
      <c r="H639736" s="12"/>
    </row>
    <row r="639737" spans="8:8">
      <c r="H639737" s="12"/>
    </row>
    <row r="639738" spans="8:8">
      <c r="H639738" s="12"/>
    </row>
    <row r="639739" spans="8:8">
      <c r="H639739" s="12"/>
    </row>
    <row r="639740" spans="8:8">
      <c r="H639740" s="12"/>
    </row>
    <row r="639741" spans="8:8">
      <c r="H639741" s="12"/>
    </row>
    <row r="639742" spans="8:8">
      <c r="H639742" s="12"/>
    </row>
    <row r="639743" spans="8:8">
      <c r="H639743" s="12"/>
    </row>
    <row r="639744" spans="8:8">
      <c r="H639744" s="12"/>
    </row>
    <row r="639745" spans="8:8">
      <c r="H639745" s="12"/>
    </row>
    <row r="639746" spans="8:8">
      <c r="H639746" s="12"/>
    </row>
    <row r="639747" spans="8:8">
      <c r="H639747" s="12"/>
    </row>
    <row r="639748" spans="8:8">
      <c r="H639748" s="12"/>
    </row>
    <row r="639749" spans="8:8">
      <c r="H639749" s="12"/>
    </row>
    <row r="639750" spans="8:8">
      <c r="H639750" s="12"/>
    </row>
    <row r="639751" spans="8:8">
      <c r="H639751" s="12"/>
    </row>
    <row r="639752" spans="8:8">
      <c r="H639752" s="12"/>
    </row>
    <row r="639753" spans="8:8">
      <c r="H639753" s="12"/>
    </row>
    <row r="639754" spans="8:8">
      <c r="H639754" s="12"/>
    </row>
    <row r="639755" spans="8:8">
      <c r="H639755" s="12"/>
    </row>
    <row r="639756" spans="8:8">
      <c r="H639756" s="12"/>
    </row>
    <row r="639757" spans="8:8">
      <c r="H639757" s="12"/>
    </row>
    <row r="639758" spans="8:8">
      <c r="H639758" s="12"/>
    </row>
    <row r="639759" spans="8:8">
      <c r="H639759" s="12"/>
    </row>
    <row r="639760" spans="8:8">
      <c r="H639760" s="12"/>
    </row>
    <row r="639761" spans="8:8">
      <c r="H639761" s="12"/>
    </row>
    <row r="639762" spans="8:8">
      <c r="H639762" s="12"/>
    </row>
    <row r="639763" spans="8:8">
      <c r="H639763" s="12"/>
    </row>
    <row r="639764" spans="8:8">
      <c r="H639764" s="12"/>
    </row>
    <row r="639765" spans="8:8">
      <c r="H639765" s="12"/>
    </row>
    <row r="639766" spans="8:8">
      <c r="H639766" s="12"/>
    </row>
    <row r="639767" spans="8:8">
      <c r="H639767" s="12"/>
    </row>
    <row r="639768" spans="8:8">
      <c r="H639768" s="12"/>
    </row>
    <row r="639769" spans="8:8">
      <c r="H639769" s="12"/>
    </row>
    <row r="639770" spans="8:8">
      <c r="H639770" s="12"/>
    </row>
    <row r="639771" spans="8:8">
      <c r="H639771" s="12"/>
    </row>
    <row r="639772" spans="8:8">
      <c r="H639772" s="12"/>
    </row>
    <row r="639773" spans="8:8">
      <c r="H639773" s="12"/>
    </row>
    <row r="639774" spans="8:8">
      <c r="H639774" s="12"/>
    </row>
    <row r="639775" spans="8:8">
      <c r="H639775" s="12"/>
    </row>
    <row r="639776" spans="8:8">
      <c r="H639776" s="12"/>
    </row>
    <row r="639777" spans="8:8">
      <c r="H639777" s="12"/>
    </row>
    <row r="639778" spans="8:8">
      <c r="H639778" s="12"/>
    </row>
    <row r="639779" spans="8:8">
      <c r="H639779" s="12"/>
    </row>
    <row r="639780" spans="8:8">
      <c r="H639780" s="12"/>
    </row>
    <row r="639781" spans="8:8">
      <c r="H639781" s="12"/>
    </row>
    <row r="639782" spans="8:8">
      <c r="H639782" s="12"/>
    </row>
    <row r="639783" spans="8:8">
      <c r="H639783" s="12"/>
    </row>
    <row r="639784" spans="8:8">
      <c r="H639784" s="12"/>
    </row>
    <row r="639785" spans="8:8">
      <c r="H639785" s="12"/>
    </row>
    <row r="639786" spans="8:8">
      <c r="H639786" s="12"/>
    </row>
    <row r="639787" spans="8:8">
      <c r="H639787" s="12"/>
    </row>
    <row r="639788" spans="8:8">
      <c r="H639788" s="12"/>
    </row>
    <row r="639789" spans="8:8">
      <c r="H639789" s="12"/>
    </row>
    <row r="639790" spans="8:8">
      <c r="H639790" s="12"/>
    </row>
    <row r="639791" spans="8:8">
      <c r="H639791" s="12"/>
    </row>
    <row r="639792" spans="8:8">
      <c r="H639792" s="12"/>
    </row>
    <row r="639793" spans="8:8">
      <c r="H639793" s="12"/>
    </row>
    <row r="639794" spans="8:8">
      <c r="H639794" s="12"/>
    </row>
    <row r="639795" spans="8:8">
      <c r="H639795" s="12"/>
    </row>
    <row r="639796" spans="8:8">
      <c r="H639796" s="12"/>
    </row>
    <row r="639797" spans="8:8">
      <c r="H639797" s="12"/>
    </row>
    <row r="639798" spans="8:8">
      <c r="H639798" s="12"/>
    </row>
    <row r="639799" spans="8:8">
      <c r="H639799" s="12"/>
    </row>
    <row r="639800" spans="8:8">
      <c r="H639800" s="12"/>
    </row>
    <row r="639801" spans="8:8">
      <c r="H639801" s="12"/>
    </row>
    <row r="639802" spans="8:8">
      <c r="H639802" s="12"/>
    </row>
    <row r="639803" spans="8:8">
      <c r="H639803" s="12"/>
    </row>
    <row r="639804" spans="8:8">
      <c r="H639804" s="12"/>
    </row>
    <row r="639805" spans="8:8">
      <c r="H639805" s="12"/>
    </row>
    <row r="639806" spans="8:8">
      <c r="H639806" s="12"/>
    </row>
    <row r="639807" spans="8:8">
      <c r="H639807" s="12"/>
    </row>
    <row r="639808" spans="8:8">
      <c r="H639808" s="12"/>
    </row>
    <row r="639809" spans="8:8">
      <c r="H639809" s="12"/>
    </row>
    <row r="639810" spans="8:8">
      <c r="H639810" s="12"/>
    </row>
    <row r="639811" spans="8:8">
      <c r="H639811" s="12"/>
    </row>
    <row r="639812" spans="8:8">
      <c r="H639812" s="12"/>
    </row>
    <row r="639813" spans="8:8">
      <c r="H639813" s="12"/>
    </row>
    <row r="639814" spans="8:8">
      <c r="H639814" s="12"/>
    </row>
    <row r="639815" spans="8:8">
      <c r="H639815" s="12"/>
    </row>
    <row r="639816" spans="8:8">
      <c r="H639816" s="12"/>
    </row>
    <row r="639817" spans="8:8">
      <c r="H639817" s="12"/>
    </row>
    <row r="639818" spans="8:8">
      <c r="H639818" s="12"/>
    </row>
    <row r="639819" spans="8:8">
      <c r="H639819" s="12"/>
    </row>
    <row r="639820" spans="8:8">
      <c r="H639820" s="12"/>
    </row>
    <row r="639821" spans="8:8">
      <c r="H639821" s="12"/>
    </row>
    <row r="639822" spans="8:8">
      <c r="H639822" s="12"/>
    </row>
    <row r="639823" spans="8:8">
      <c r="H639823" s="12"/>
    </row>
    <row r="639824" spans="8:8">
      <c r="H639824" s="12"/>
    </row>
    <row r="639825" spans="8:8">
      <c r="H639825" s="12"/>
    </row>
    <row r="639826" spans="8:8">
      <c r="H639826" s="12"/>
    </row>
    <row r="639827" spans="8:8">
      <c r="H639827" s="12"/>
    </row>
    <row r="639828" spans="8:8">
      <c r="H639828" s="12"/>
    </row>
    <row r="639829" spans="8:8">
      <c r="H639829" s="12"/>
    </row>
    <row r="639830" spans="8:8">
      <c r="H639830" s="12"/>
    </row>
    <row r="639831" spans="8:8">
      <c r="H639831" s="12"/>
    </row>
    <row r="639832" spans="8:8">
      <c r="H639832" s="12"/>
    </row>
    <row r="639833" spans="8:8">
      <c r="H639833" s="12"/>
    </row>
    <row r="639834" spans="8:8">
      <c r="H639834" s="12"/>
    </row>
    <row r="639835" spans="8:8">
      <c r="H639835" s="12"/>
    </row>
    <row r="639836" spans="8:8">
      <c r="H639836" s="12"/>
    </row>
    <row r="639837" spans="8:8">
      <c r="H639837" s="12"/>
    </row>
    <row r="639838" spans="8:8">
      <c r="H639838" s="12"/>
    </row>
    <row r="639839" spans="8:8">
      <c r="H639839" s="12"/>
    </row>
    <row r="639840" spans="8:8">
      <c r="H639840" s="12"/>
    </row>
    <row r="639841" spans="8:8">
      <c r="H639841" s="12"/>
    </row>
    <row r="639842" spans="8:8">
      <c r="H639842" s="12"/>
    </row>
    <row r="639843" spans="8:8">
      <c r="H639843" s="12"/>
    </row>
    <row r="639844" spans="8:8">
      <c r="H639844" s="12"/>
    </row>
    <row r="639845" spans="8:8">
      <c r="H639845" s="12"/>
    </row>
    <row r="639846" spans="8:8">
      <c r="H639846" s="12"/>
    </row>
    <row r="639847" spans="8:8">
      <c r="H639847" s="12"/>
    </row>
    <row r="639848" spans="8:8">
      <c r="H639848" s="12"/>
    </row>
    <row r="639849" spans="8:8">
      <c r="H639849" s="12"/>
    </row>
    <row r="639850" spans="8:8">
      <c r="H639850" s="12"/>
    </row>
    <row r="639851" spans="8:8">
      <c r="H639851" s="12"/>
    </row>
    <row r="639852" spans="8:8">
      <c r="H639852" s="12"/>
    </row>
    <row r="639853" spans="8:8">
      <c r="H639853" s="12"/>
    </row>
    <row r="639854" spans="8:8">
      <c r="H639854" s="12"/>
    </row>
    <row r="639855" spans="8:8">
      <c r="H639855" s="12"/>
    </row>
    <row r="639856" spans="8:8">
      <c r="H639856" s="12"/>
    </row>
    <row r="639857" spans="8:8">
      <c r="H639857" s="12"/>
    </row>
    <row r="639858" spans="8:8">
      <c r="H639858" s="12"/>
    </row>
    <row r="639859" spans="8:8">
      <c r="H639859" s="12"/>
    </row>
    <row r="639860" spans="8:8">
      <c r="H639860" s="12"/>
    </row>
    <row r="639861" spans="8:8">
      <c r="H639861" s="12"/>
    </row>
    <row r="639862" spans="8:8">
      <c r="H639862" s="12"/>
    </row>
    <row r="639863" spans="8:8">
      <c r="H639863" s="12"/>
    </row>
    <row r="639864" spans="8:8">
      <c r="H639864" s="12"/>
    </row>
    <row r="639865" spans="8:8">
      <c r="H639865" s="12"/>
    </row>
    <row r="639866" spans="8:8">
      <c r="H639866" s="12"/>
    </row>
    <row r="639867" spans="8:8">
      <c r="H639867" s="12"/>
    </row>
    <row r="639868" spans="8:8">
      <c r="H639868" s="12"/>
    </row>
    <row r="639869" spans="8:8">
      <c r="H639869" s="12"/>
    </row>
    <row r="639870" spans="8:8">
      <c r="H639870" s="12"/>
    </row>
    <row r="639871" spans="8:8">
      <c r="H639871" s="12"/>
    </row>
    <row r="639872" spans="8:8">
      <c r="H639872" s="12"/>
    </row>
    <row r="639873" spans="8:8">
      <c r="H639873" s="12"/>
    </row>
    <row r="639874" spans="8:8">
      <c r="H639874" s="12"/>
    </row>
    <row r="639875" spans="8:8">
      <c r="H639875" s="12"/>
    </row>
    <row r="639876" spans="8:8">
      <c r="H639876" s="12"/>
    </row>
    <row r="639877" spans="8:8">
      <c r="H639877" s="12"/>
    </row>
    <row r="639878" spans="8:8">
      <c r="H639878" s="12"/>
    </row>
    <row r="639879" spans="8:8">
      <c r="H639879" s="12"/>
    </row>
    <row r="639880" spans="8:8">
      <c r="H639880" s="12"/>
    </row>
    <row r="639881" spans="8:8">
      <c r="H639881" s="12"/>
    </row>
    <row r="639882" spans="8:8">
      <c r="H639882" s="12"/>
    </row>
    <row r="639883" spans="8:8">
      <c r="H639883" s="12"/>
    </row>
    <row r="639884" spans="8:8">
      <c r="H639884" s="12"/>
    </row>
    <row r="639885" spans="8:8">
      <c r="H639885" s="12"/>
    </row>
    <row r="639886" spans="8:8">
      <c r="H639886" s="12"/>
    </row>
    <row r="639887" spans="8:8">
      <c r="H639887" s="12"/>
    </row>
    <row r="639888" spans="8:8">
      <c r="H639888" s="12"/>
    </row>
    <row r="639889" spans="8:8">
      <c r="H639889" s="12"/>
    </row>
    <row r="639890" spans="8:8">
      <c r="H639890" s="12"/>
    </row>
    <row r="639891" spans="8:8">
      <c r="H639891" s="12"/>
    </row>
    <row r="639892" spans="8:8">
      <c r="H639892" s="12"/>
    </row>
    <row r="639893" spans="8:8">
      <c r="H639893" s="12"/>
    </row>
    <row r="639894" spans="8:8">
      <c r="H639894" s="12"/>
    </row>
    <row r="639895" spans="8:8">
      <c r="H639895" s="12"/>
    </row>
    <row r="639896" spans="8:8">
      <c r="H639896" s="12"/>
    </row>
    <row r="639897" spans="8:8">
      <c r="H639897" s="12"/>
    </row>
    <row r="639898" spans="8:8">
      <c r="H639898" s="12"/>
    </row>
    <row r="639899" spans="8:8">
      <c r="H639899" s="12"/>
    </row>
    <row r="639900" spans="8:8">
      <c r="H639900" s="12"/>
    </row>
    <row r="639901" spans="8:8">
      <c r="H639901" s="12"/>
    </row>
    <row r="639902" spans="8:8">
      <c r="H639902" s="12"/>
    </row>
    <row r="639903" spans="8:8">
      <c r="H639903" s="12"/>
    </row>
    <row r="639904" spans="8:8">
      <c r="H639904" s="12"/>
    </row>
    <row r="639905" spans="8:8">
      <c r="H639905" s="12"/>
    </row>
    <row r="639906" spans="8:8">
      <c r="H639906" s="12"/>
    </row>
    <row r="639907" spans="8:8">
      <c r="H639907" s="12"/>
    </row>
    <row r="639908" spans="8:8">
      <c r="H639908" s="12"/>
    </row>
    <row r="639909" spans="8:8">
      <c r="H639909" s="12"/>
    </row>
    <row r="639910" spans="8:8">
      <c r="H639910" s="12"/>
    </row>
    <row r="639911" spans="8:8">
      <c r="H639911" s="12"/>
    </row>
    <row r="639912" spans="8:8">
      <c r="H639912" s="12"/>
    </row>
    <row r="639913" spans="8:8">
      <c r="H639913" s="12"/>
    </row>
    <row r="639914" spans="8:8">
      <c r="H639914" s="12"/>
    </row>
    <row r="639915" spans="8:8">
      <c r="H639915" s="12"/>
    </row>
    <row r="639916" spans="8:8">
      <c r="H639916" s="12"/>
    </row>
    <row r="639917" spans="8:8">
      <c r="H639917" s="12"/>
    </row>
    <row r="639918" spans="8:8">
      <c r="H639918" s="12"/>
    </row>
    <row r="639919" spans="8:8">
      <c r="H639919" s="12"/>
    </row>
    <row r="639920" spans="8:8">
      <c r="H639920" s="12"/>
    </row>
    <row r="639921" spans="8:8">
      <c r="H639921" s="12"/>
    </row>
    <row r="639922" spans="8:8">
      <c r="H639922" s="12"/>
    </row>
    <row r="639923" spans="8:8">
      <c r="H639923" s="12"/>
    </row>
    <row r="639924" spans="8:8">
      <c r="H639924" s="12"/>
    </row>
    <row r="639925" spans="8:8">
      <c r="H639925" s="12"/>
    </row>
    <row r="639926" spans="8:8">
      <c r="H639926" s="12"/>
    </row>
    <row r="639927" spans="8:8">
      <c r="H639927" s="12"/>
    </row>
    <row r="639928" spans="8:8">
      <c r="H639928" s="12"/>
    </row>
    <row r="639929" spans="8:8">
      <c r="H639929" s="12"/>
    </row>
    <row r="639930" spans="8:8">
      <c r="H639930" s="12"/>
    </row>
    <row r="639931" spans="8:8">
      <c r="H639931" s="12"/>
    </row>
    <row r="639932" spans="8:8">
      <c r="H639932" s="12"/>
    </row>
    <row r="639933" spans="8:8">
      <c r="H639933" s="12"/>
    </row>
    <row r="639934" spans="8:8">
      <c r="H639934" s="12"/>
    </row>
    <row r="639935" spans="8:8">
      <c r="H639935" s="12"/>
    </row>
    <row r="639936" spans="8:8">
      <c r="H639936" s="12"/>
    </row>
    <row r="639937" spans="8:8">
      <c r="H639937" s="12"/>
    </row>
    <row r="639938" spans="8:8">
      <c r="H639938" s="12"/>
    </row>
    <row r="639939" spans="8:8">
      <c r="H639939" s="12"/>
    </row>
    <row r="639940" spans="8:8">
      <c r="H639940" s="12"/>
    </row>
    <row r="639941" spans="8:8">
      <c r="H639941" s="12"/>
    </row>
    <row r="639942" spans="8:8">
      <c r="H639942" s="12"/>
    </row>
    <row r="639943" spans="8:8">
      <c r="H639943" s="12"/>
    </row>
    <row r="639944" spans="8:8">
      <c r="H639944" s="12"/>
    </row>
    <row r="639945" spans="8:8">
      <c r="H639945" s="12"/>
    </row>
    <row r="639946" spans="8:8">
      <c r="H639946" s="12"/>
    </row>
    <row r="639947" spans="8:8">
      <c r="H639947" s="12"/>
    </row>
    <row r="639948" spans="8:8">
      <c r="H639948" s="12"/>
    </row>
    <row r="639949" spans="8:8">
      <c r="H639949" s="12"/>
    </row>
    <row r="639950" spans="8:8">
      <c r="H639950" s="12"/>
    </row>
    <row r="639951" spans="8:8">
      <c r="H639951" s="12"/>
    </row>
    <row r="639952" spans="8:8">
      <c r="H639952" s="12"/>
    </row>
    <row r="639953" spans="8:8">
      <c r="H639953" s="12"/>
    </row>
    <row r="639954" spans="8:8">
      <c r="H639954" s="12"/>
    </row>
    <row r="639955" spans="8:8">
      <c r="H639955" s="12"/>
    </row>
    <row r="639956" spans="8:8">
      <c r="H639956" s="12"/>
    </row>
    <row r="639957" spans="8:8">
      <c r="H639957" s="12"/>
    </row>
    <row r="639958" spans="8:8">
      <c r="H639958" s="12"/>
    </row>
    <row r="639959" spans="8:8">
      <c r="H639959" s="12"/>
    </row>
    <row r="639960" spans="8:8">
      <c r="H639960" s="12"/>
    </row>
    <row r="639961" spans="8:8">
      <c r="H639961" s="12"/>
    </row>
    <row r="639962" spans="8:8">
      <c r="H639962" s="12"/>
    </row>
    <row r="639963" spans="8:8">
      <c r="H639963" s="12"/>
    </row>
    <row r="639964" spans="8:8">
      <c r="H639964" s="12"/>
    </row>
    <row r="639965" spans="8:8">
      <c r="H639965" s="12"/>
    </row>
    <row r="639966" spans="8:8">
      <c r="H639966" s="12"/>
    </row>
    <row r="639967" spans="8:8">
      <c r="H639967" s="12"/>
    </row>
    <row r="639968" spans="8:8">
      <c r="H639968" s="12"/>
    </row>
    <row r="639969" spans="8:8">
      <c r="H639969" s="12"/>
    </row>
    <row r="639970" spans="8:8">
      <c r="H639970" s="12"/>
    </row>
    <row r="639971" spans="8:8">
      <c r="H639971" s="12"/>
    </row>
    <row r="639972" spans="8:8">
      <c r="H639972" s="12"/>
    </row>
    <row r="639973" spans="8:8">
      <c r="H639973" s="12"/>
    </row>
    <row r="639974" spans="8:8">
      <c r="H639974" s="12"/>
    </row>
    <row r="639975" spans="8:8">
      <c r="H639975" s="12"/>
    </row>
    <row r="639976" spans="8:8">
      <c r="H639976" s="12"/>
    </row>
    <row r="639977" spans="8:8">
      <c r="H639977" s="12"/>
    </row>
    <row r="639978" spans="8:8">
      <c r="H639978" s="12"/>
    </row>
    <row r="639979" spans="8:8">
      <c r="H639979" s="12"/>
    </row>
    <row r="639980" spans="8:8">
      <c r="H639980" s="12"/>
    </row>
    <row r="639981" spans="8:8">
      <c r="H639981" s="12"/>
    </row>
    <row r="639982" spans="8:8">
      <c r="H639982" s="12"/>
    </row>
    <row r="639983" spans="8:8">
      <c r="H639983" s="12"/>
    </row>
    <row r="639984" spans="8:8">
      <c r="H639984" s="12"/>
    </row>
    <row r="639985" spans="8:8">
      <c r="H639985" s="12"/>
    </row>
    <row r="639986" spans="8:8">
      <c r="H639986" s="12"/>
    </row>
    <row r="639987" spans="8:8">
      <c r="H639987" s="12"/>
    </row>
    <row r="639988" spans="8:8">
      <c r="H639988" s="12"/>
    </row>
    <row r="639989" spans="8:8">
      <c r="H639989" s="12"/>
    </row>
    <row r="639990" spans="8:8">
      <c r="H639990" s="12"/>
    </row>
    <row r="639991" spans="8:8">
      <c r="H639991" s="12"/>
    </row>
    <row r="639992" spans="8:8">
      <c r="H639992" s="12"/>
    </row>
    <row r="639993" spans="8:8">
      <c r="H639993" s="12"/>
    </row>
    <row r="639994" spans="8:8">
      <c r="H639994" s="12"/>
    </row>
    <row r="639995" spans="8:8">
      <c r="H639995" s="12"/>
    </row>
    <row r="639996" spans="8:8">
      <c r="H639996" s="12"/>
    </row>
    <row r="639997" spans="8:8">
      <c r="H639997" s="12"/>
    </row>
    <row r="639998" spans="8:8">
      <c r="H639998" s="12"/>
    </row>
    <row r="639999" spans="8:8">
      <c r="H639999" s="12"/>
    </row>
    <row r="640000" spans="8:8">
      <c r="H640000" s="12"/>
    </row>
    <row r="640001" spans="8:8">
      <c r="H640001" s="12"/>
    </row>
    <row r="640002" spans="8:8">
      <c r="H640002" s="12"/>
    </row>
    <row r="640003" spans="8:8">
      <c r="H640003" s="12"/>
    </row>
    <row r="640004" spans="8:8">
      <c r="H640004" s="12"/>
    </row>
    <row r="640005" spans="8:8">
      <c r="H640005" s="12"/>
    </row>
    <row r="640006" spans="8:8">
      <c r="H640006" s="12"/>
    </row>
    <row r="640007" spans="8:8">
      <c r="H640007" s="12"/>
    </row>
    <row r="640008" spans="8:8">
      <c r="H640008" s="12"/>
    </row>
    <row r="640009" spans="8:8">
      <c r="H640009" s="12"/>
    </row>
    <row r="640010" spans="8:8">
      <c r="H640010" s="12"/>
    </row>
    <row r="640011" spans="8:8">
      <c r="H640011" s="12"/>
    </row>
    <row r="640012" spans="8:8">
      <c r="H640012" s="12"/>
    </row>
    <row r="640013" spans="8:8">
      <c r="H640013" s="12"/>
    </row>
    <row r="640014" spans="8:8">
      <c r="H640014" s="12"/>
    </row>
    <row r="640015" spans="8:8">
      <c r="H640015" s="12"/>
    </row>
    <row r="640016" spans="8:8">
      <c r="H640016" s="12"/>
    </row>
    <row r="640017" spans="8:8">
      <c r="H640017" s="12"/>
    </row>
    <row r="640018" spans="8:8">
      <c r="H640018" s="12"/>
    </row>
    <row r="640019" spans="8:8">
      <c r="H640019" s="12"/>
    </row>
    <row r="640020" spans="8:8">
      <c r="H640020" s="12"/>
    </row>
    <row r="640021" spans="8:8">
      <c r="H640021" s="12"/>
    </row>
    <row r="640022" spans="8:8">
      <c r="H640022" s="12"/>
    </row>
    <row r="640023" spans="8:8">
      <c r="H640023" s="12"/>
    </row>
    <row r="640024" spans="8:8">
      <c r="H640024" s="12"/>
    </row>
    <row r="640025" spans="8:8">
      <c r="H640025" s="12"/>
    </row>
    <row r="640026" spans="8:8">
      <c r="H640026" s="12"/>
    </row>
    <row r="640027" spans="8:8">
      <c r="H640027" s="12"/>
    </row>
    <row r="640028" spans="8:8">
      <c r="H640028" s="12"/>
    </row>
    <row r="640029" spans="8:8">
      <c r="H640029" s="12"/>
    </row>
    <row r="640030" spans="8:8">
      <c r="H640030" s="12"/>
    </row>
    <row r="640031" spans="8:8">
      <c r="H640031" s="12"/>
    </row>
    <row r="640032" spans="8:8">
      <c r="H640032" s="12"/>
    </row>
    <row r="640033" spans="8:8">
      <c r="H640033" s="12"/>
    </row>
    <row r="640034" spans="8:8">
      <c r="H640034" s="12"/>
    </row>
    <row r="640035" spans="8:8">
      <c r="H640035" s="12"/>
    </row>
    <row r="640036" spans="8:8">
      <c r="H640036" s="12"/>
    </row>
    <row r="640037" spans="8:8">
      <c r="H640037" s="12"/>
    </row>
    <row r="640038" spans="8:8">
      <c r="H640038" s="12"/>
    </row>
    <row r="640039" spans="8:8">
      <c r="H640039" s="12"/>
    </row>
    <row r="640040" spans="8:8">
      <c r="H640040" s="12"/>
    </row>
    <row r="640041" spans="8:8">
      <c r="H640041" s="12"/>
    </row>
    <row r="640042" spans="8:8">
      <c r="H640042" s="12"/>
    </row>
    <row r="640043" spans="8:8">
      <c r="H640043" s="12"/>
    </row>
    <row r="640044" spans="8:8">
      <c r="H640044" s="12"/>
    </row>
    <row r="640045" spans="8:8">
      <c r="H640045" s="12"/>
    </row>
    <row r="640046" spans="8:8">
      <c r="H640046" s="12"/>
    </row>
    <row r="640047" spans="8:8">
      <c r="H640047" s="12"/>
    </row>
    <row r="640048" spans="8:8">
      <c r="H640048" s="12"/>
    </row>
    <row r="640049" spans="8:8">
      <c r="H640049" s="12"/>
    </row>
    <row r="640050" spans="8:8">
      <c r="H640050" s="12"/>
    </row>
    <row r="640051" spans="8:8">
      <c r="H640051" s="12"/>
    </row>
    <row r="640052" spans="8:8">
      <c r="H640052" s="12"/>
    </row>
    <row r="640053" spans="8:8">
      <c r="H640053" s="12"/>
    </row>
    <row r="640054" spans="8:8">
      <c r="H640054" s="12"/>
    </row>
    <row r="640055" spans="8:8">
      <c r="H640055" s="12"/>
    </row>
    <row r="640056" spans="8:8">
      <c r="H640056" s="12"/>
    </row>
    <row r="640057" spans="8:8">
      <c r="H640057" s="12"/>
    </row>
    <row r="640058" spans="8:8">
      <c r="H640058" s="12"/>
    </row>
    <row r="640059" spans="8:8">
      <c r="H640059" s="12"/>
    </row>
    <row r="640060" spans="8:8">
      <c r="H640060" s="12"/>
    </row>
    <row r="640061" spans="8:8">
      <c r="H640061" s="12"/>
    </row>
    <row r="640062" spans="8:8">
      <c r="H640062" s="12"/>
    </row>
    <row r="640063" spans="8:8">
      <c r="H640063" s="12"/>
    </row>
    <row r="640064" spans="8:8">
      <c r="H640064" s="12"/>
    </row>
    <row r="640065" spans="8:8">
      <c r="H640065" s="12"/>
    </row>
    <row r="640066" spans="8:8">
      <c r="H640066" s="12"/>
    </row>
    <row r="640067" spans="8:8">
      <c r="H640067" s="12"/>
    </row>
    <row r="640068" spans="8:8">
      <c r="H640068" s="12"/>
    </row>
    <row r="640069" spans="8:8">
      <c r="H640069" s="12"/>
    </row>
    <row r="640070" spans="8:8">
      <c r="H640070" s="12"/>
    </row>
    <row r="640071" spans="8:8">
      <c r="H640071" s="12"/>
    </row>
    <row r="640072" spans="8:8">
      <c r="H640072" s="12"/>
    </row>
    <row r="640073" spans="8:8">
      <c r="H640073" s="12"/>
    </row>
    <row r="640074" spans="8:8">
      <c r="H640074" s="12"/>
    </row>
    <row r="640075" spans="8:8">
      <c r="H640075" s="12"/>
    </row>
    <row r="640076" spans="8:8">
      <c r="H640076" s="12"/>
    </row>
    <row r="640077" spans="8:8">
      <c r="H640077" s="12"/>
    </row>
    <row r="640078" spans="8:8">
      <c r="H640078" s="12"/>
    </row>
    <row r="640079" spans="8:8">
      <c r="H640079" s="12"/>
    </row>
    <row r="640080" spans="8:8">
      <c r="H640080" s="12"/>
    </row>
    <row r="640081" spans="8:8">
      <c r="H640081" s="12"/>
    </row>
    <row r="640082" spans="8:8">
      <c r="H640082" s="12"/>
    </row>
    <row r="640083" spans="8:8">
      <c r="H640083" s="12"/>
    </row>
    <row r="640084" spans="8:8">
      <c r="H640084" s="12"/>
    </row>
    <row r="640085" spans="8:8">
      <c r="H640085" s="12"/>
    </row>
    <row r="640086" spans="8:8">
      <c r="H640086" s="12"/>
    </row>
    <row r="640087" spans="8:8">
      <c r="H640087" s="12"/>
    </row>
    <row r="640088" spans="8:8">
      <c r="H640088" s="12"/>
    </row>
    <row r="640089" spans="8:8">
      <c r="H640089" s="12"/>
    </row>
    <row r="640090" spans="8:8">
      <c r="H640090" s="12"/>
    </row>
    <row r="640091" spans="8:8">
      <c r="H640091" s="12"/>
    </row>
    <row r="640092" spans="8:8">
      <c r="H640092" s="12"/>
    </row>
    <row r="640093" spans="8:8">
      <c r="H640093" s="12"/>
    </row>
    <row r="640094" spans="8:8">
      <c r="H640094" s="12"/>
    </row>
    <row r="640095" spans="8:8">
      <c r="H640095" s="12"/>
    </row>
    <row r="640096" spans="8:8">
      <c r="H640096" s="12"/>
    </row>
    <row r="640097" spans="8:8">
      <c r="H640097" s="12"/>
    </row>
    <row r="640098" spans="8:8">
      <c r="H640098" s="12"/>
    </row>
    <row r="640099" spans="8:8">
      <c r="H640099" s="12"/>
    </row>
    <row r="640100" spans="8:8">
      <c r="H640100" s="12"/>
    </row>
    <row r="640101" spans="8:8">
      <c r="H640101" s="12"/>
    </row>
    <row r="640102" spans="8:8">
      <c r="H640102" s="12"/>
    </row>
    <row r="640103" spans="8:8">
      <c r="H640103" s="12"/>
    </row>
    <row r="640104" spans="8:8">
      <c r="H640104" s="12"/>
    </row>
    <row r="640105" spans="8:8">
      <c r="H640105" s="12"/>
    </row>
    <row r="640106" spans="8:8">
      <c r="H640106" s="12"/>
    </row>
    <row r="640107" spans="8:8">
      <c r="H640107" s="12"/>
    </row>
    <row r="640108" spans="8:8">
      <c r="H640108" s="12"/>
    </row>
    <row r="640109" spans="8:8">
      <c r="H640109" s="12"/>
    </row>
    <row r="640110" spans="8:8">
      <c r="H640110" s="12"/>
    </row>
    <row r="640111" spans="8:8">
      <c r="H640111" s="12"/>
    </row>
    <row r="640112" spans="8:8">
      <c r="H640112" s="12"/>
    </row>
    <row r="640113" spans="8:8">
      <c r="H640113" s="12"/>
    </row>
    <row r="640114" spans="8:8">
      <c r="H640114" s="12"/>
    </row>
    <row r="640115" spans="8:8">
      <c r="H640115" s="12"/>
    </row>
    <row r="640116" spans="8:8">
      <c r="H640116" s="12"/>
    </row>
    <row r="640117" spans="8:8">
      <c r="H640117" s="12"/>
    </row>
    <row r="640118" spans="8:8">
      <c r="H640118" s="12"/>
    </row>
    <row r="640119" spans="8:8">
      <c r="H640119" s="12"/>
    </row>
    <row r="640120" spans="8:8">
      <c r="H640120" s="12"/>
    </row>
    <row r="640121" spans="8:8">
      <c r="H640121" s="12"/>
    </row>
    <row r="640122" spans="8:8">
      <c r="H640122" s="12"/>
    </row>
    <row r="640123" spans="8:8">
      <c r="H640123" s="12"/>
    </row>
    <row r="640124" spans="8:8">
      <c r="H640124" s="12"/>
    </row>
    <row r="640125" spans="8:8">
      <c r="H640125" s="12"/>
    </row>
    <row r="640126" spans="8:8">
      <c r="H640126" s="12"/>
    </row>
    <row r="640127" spans="8:8">
      <c r="H640127" s="12"/>
    </row>
    <row r="640128" spans="8:8">
      <c r="H640128" s="12"/>
    </row>
    <row r="640129" spans="8:8">
      <c r="H640129" s="12"/>
    </row>
    <row r="640130" spans="8:8">
      <c r="H640130" s="12"/>
    </row>
    <row r="640131" spans="8:8">
      <c r="H640131" s="12"/>
    </row>
    <row r="640132" spans="8:8">
      <c r="H640132" s="12"/>
    </row>
    <row r="640133" spans="8:8">
      <c r="H640133" s="12"/>
    </row>
    <row r="640134" spans="8:8">
      <c r="H640134" s="12"/>
    </row>
    <row r="640135" spans="8:8">
      <c r="H640135" s="12"/>
    </row>
    <row r="640136" spans="8:8">
      <c r="H640136" s="12"/>
    </row>
    <row r="640137" spans="8:8">
      <c r="H640137" s="12"/>
    </row>
    <row r="640138" spans="8:8">
      <c r="H640138" s="12"/>
    </row>
    <row r="640139" spans="8:8">
      <c r="H640139" s="12"/>
    </row>
    <row r="640140" spans="8:8">
      <c r="H640140" s="12"/>
    </row>
    <row r="640141" spans="8:8">
      <c r="H640141" s="12"/>
    </row>
    <row r="640142" spans="8:8">
      <c r="H640142" s="12"/>
    </row>
    <row r="640143" spans="8:8">
      <c r="H640143" s="12"/>
    </row>
    <row r="640144" spans="8:8">
      <c r="H640144" s="12"/>
    </row>
    <row r="640145" spans="8:8">
      <c r="H640145" s="12"/>
    </row>
    <row r="640146" spans="8:8">
      <c r="H640146" s="12"/>
    </row>
    <row r="640147" spans="8:8">
      <c r="H640147" s="12"/>
    </row>
    <row r="640148" spans="8:8">
      <c r="H640148" s="12"/>
    </row>
    <row r="640149" spans="8:8">
      <c r="H640149" s="12"/>
    </row>
    <row r="640150" spans="8:8">
      <c r="H640150" s="12"/>
    </row>
    <row r="640151" spans="8:8">
      <c r="H640151" s="12"/>
    </row>
    <row r="640152" spans="8:8">
      <c r="H640152" s="12"/>
    </row>
    <row r="640153" spans="8:8">
      <c r="H640153" s="12"/>
    </row>
    <row r="640154" spans="8:8">
      <c r="H640154" s="12"/>
    </row>
    <row r="640155" spans="8:8">
      <c r="H640155" s="12"/>
    </row>
    <row r="640156" spans="8:8">
      <c r="H640156" s="12"/>
    </row>
    <row r="640157" spans="8:8">
      <c r="H640157" s="12"/>
    </row>
    <row r="640158" spans="8:8">
      <c r="H640158" s="12"/>
    </row>
    <row r="640159" spans="8:8">
      <c r="H640159" s="12"/>
    </row>
    <row r="640160" spans="8:8">
      <c r="H640160" s="12"/>
    </row>
    <row r="640161" spans="8:8">
      <c r="H640161" s="12"/>
    </row>
    <row r="640162" spans="8:8">
      <c r="H640162" s="12"/>
    </row>
    <row r="640163" spans="8:8">
      <c r="H640163" s="12"/>
    </row>
    <row r="640164" spans="8:8">
      <c r="H640164" s="12"/>
    </row>
    <row r="640165" spans="8:8">
      <c r="H640165" s="12"/>
    </row>
    <row r="640166" spans="8:8">
      <c r="H640166" s="12"/>
    </row>
    <row r="640167" spans="8:8">
      <c r="H640167" s="12"/>
    </row>
    <row r="640168" spans="8:8">
      <c r="H640168" s="12"/>
    </row>
    <row r="640169" spans="8:8">
      <c r="H640169" s="12"/>
    </row>
    <row r="640170" spans="8:8">
      <c r="H640170" s="12"/>
    </row>
    <row r="640171" spans="8:8">
      <c r="H640171" s="12"/>
    </row>
    <row r="640172" spans="8:8">
      <c r="H640172" s="12"/>
    </row>
    <row r="640173" spans="8:8">
      <c r="H640173" s="12"/>
    </row>
    <row r="640174" spans="8:8">
      <c r="H640174" s="12"/>
    </row>
    <row r="640175" spans="8:8">
      <c r="H640175" s="12"/>
    </row>
    <row r="640176" spans="8:8">
      <c r="H640176" s="12"/>
    </row>
    <row r="640177" spans="8:8">
      <c r="H640177" s="12"/>
    </row>
    <row r="640178" spans="8:8">
      <c r="H640178" s="12"/>
    </row>
    <row r="640179" spans="8:8">
      <c r="H640179" s="12"/>
    </row>
    <row r="640180" spans="8:8">
      <c r="H640180" s="12"/>
    </row>
    <row r="640181" spans="8:8">
      <c r="H640181" s="12"/>
    </row>
    <row r="640182" spans="8:8">
      <c r="H640182" s="12"/>
    </row>
    <row r="640183" spans="8:8">
      <c r="H640183" s="12"/>
    </row>
    <row r="640184" spans="8:8">
      <c r="H640184" s="12"/>
    </row>
    <row r="640185" spans="8:8">
      <c r="H640185" s="12"/>
    </row>
    <row r="640186" spans="8:8">
      <c r="H640186" s="12"/>
    </row>
    <row r="640187" spans="8:8">
      <c r="H640187" s="12"/>
    </row>
    <row r="640188" spans="8:8">
      <c r="H640188" s="12"/>
    </row>
    <row r="640189" spans="8:8">
      <c r="H640189" s="12"/>
    </row>
    <row r="640190" spans="8:8">
      <c r="H640190" s="12"/>
    </row>
    <row r="640191" spans="8:8">
      <c r="H640191" s="12"/>
    </row>
    <row r="640192" spans="8:8">
      <c r="H640192" s="12"/>
    </row>
    <row r="640193" spans="8:8">
      <c r="H640193" s="12"/>
    </row>
    <row r="640194" spans="8:8">
      <c r="H640194" s="12"/>
    </row>
    <row r="640195" spans="8:8">
      <c r="H640195" s="12"/>
    </row>
    <row r="640196" spans="8:8">
      <c r="H640196" s="12"/>
    </row>
    <row r="640197" spans="8:8">
      <c r="H640197" s="12"/>
    </row>
    <row r="640198" spans="8:8">
      <c r="H640198" s="12"/>
    </row>
    <row r="640199" spans="8:8">
      <c r="H640199" s="12"/>
    </row>
    <row r="640200" spans="8:8">
      <c r="H640200" s="12"/>
    </row>
    <row r="640201" spans="8:8">
      <c r="H640201" s="12"/>
    </row>
    <row r="640202" spans="8:8">
      <c r="H640202" s="12"/>
    </row>
    <row r="640203" spans="8:8">
      <c r="H640203" s="12"/>
    </row>
    <row r="640204" spans="8:8">
      <c r="H640204" s="12"/>
    </row>
    <row r="640205" spans="8:8">
      <c r="H640205" s="12"/>
    </row>
    <row r="640206" spans="8:8">
      <c r="H640206" s="12"/>
    </row>
    <row r="640207" spans="8:8">
      <c r="H640207" s="12"/>
    </row>
    <row r="640208" spans="8:8">
      <c r="H640208" s="12"/>
    </row>
    <row r="640209" spans="8:8">
      <c r="H640209" s="12"/>
    </row>
    <row r="640210" spans="8:8">
      <c r="H640210" s="12"/>
    </row>
    <row r="640211" spans="8:8">
      <c r="H640211" s="12"/>
    </row>
    <row r="640212" spans="8:8">
      <c r="H640212" s="12"/>
    </row>
    <row r="640213" spans="8:8">
      <c r="H640213" s="12"/>
    </row>
    <row r="640214" spans="8:8">
      <c r="H640214" s="12"/>
    </row>
    <row r="640215" spans="8:8">
      <c r="H640215" s="12"/>
    </row>
    <row r="640216" spans="8:8">
      <c r="H640216" s="12"/>
    </row>
    <row r="640217" spans="8:8">
      <c r="H640217" s="12"/>
    </row>
    <row r="640218" spans="8:8">
      <c r="H640218" s="12"/>
    </row>
    <row r="640219" spans="8:8">
      <c r="H640219" s="12"/>
    </row>
    <row r="640220" spans="8:8">
      <c r="H640220" s="12"/>
    </row>
    <row r="640221" spans="8:8">
      <c r="H640221" s="12"/>
    </row>
    <row r="640222" spans="8:8">
      <c r="H640222" s="12"/>
    </row>
    <row r="640223" spans="8:8">
      <c r="H640223" s="12"/>
    </row>
    <row r="640224" spans="8:8">
      <c r="H640224" s="12"/>
    </row>
    <row r="640225" spans="8:8">
      <c r="H640225" s="12"/>
    </row>
    <row r="640226" spans="8:8">
      <c r="H640226" s="12"/>
    </row>
    <row r="640227" spans="8:8">
      <c r="H640227" s="12"/>
    </row>
    <row r="640228" spans="8:8">
      <c r="H640228" s="12"/>
    </row>
    <row r="640229" spans="8:8">
      <c r="H640229" s="12"/>
    </row>
    <row r="640230" spans="8:8">
      <c r="H640230" s="12"/>
    </row>
    <row r="640231" spans="8:8">
      <c r="H640231" s="12"/>
    </row>
    <row r="640232" spans="8:8">
      <c r="H640232" s="12"/>
    </row>
    <row r="640233" spans="8:8">
      <c r="H640233" s="12"/>
    </row>
    <row r="640234" spans="8:8">
      <c r="H640234" s="12"/>
    </row>
    <row r="640235" spans="8:8">
      <c r="H640235" s="12"/>
    </row>
    <row r="640236" spans="8:8">
      <c r="H640236" s="12"/>
    </row>
    <row r="640237" spans="8:8">
      <c r="H640237" s="12"/>
    </row>
    <row r="640238" spans="8:8">
      <c r="H640238" s="12"/>
    </row>
    <row r="640239" spans="8:8">
      <c r="H640239" s="12"/>
    </row>
    <row r="640240" spans="8:8">
      <c r="H640240" s="12"/>
    </row>
    <row r="640241" spans="8:8">
      <c r="H640241" s="12"/>
    </row>
    <row r="640242" spans="8:8">
      <c r="H640242" s="12"/>
    </row>
    <row r="640243" spans="8:8">
      <c r="H640243" s="12"/>
    </row>
    <row r="640244" spans="8:8">
      <c r="H640244" s="12"/>
    </row>
    <row r="640245" spans="8:8">
      <c r="H640245" s="12"/>
    </row>
    <row r="640246" spans="8:8">
      <c r="H640246" s="12"/>
    </row>
    <row r="640247" spans="8:8">
      <c r="H640247" s="12"/>
    </row>
    <row r="640248" spans="8:8">
      <c r="H640248" s="12"/>
    </row>
    <row r="640249" spans="8:8">
      <c r="H640249" s="12"/>
    </row>
    <row r="640250" spans="8:8">
      <c r="H640250" s="12"/>
    </row>
    <row r="640251" spans="8:8">
      <c r="H640251" s="12"/>
    </row>
    <row r="640252" spans="8:8">
      <c r="H640252" s="12"/>
    </row>
    <row r="640253" spans="8:8">
      <c r="H640253" s="12"/>
    </row>
    <row r="640254" spans="8:8">
      <c r="H640254" s="12"/>
    </row>
    <row r="640255" spans="8:8">
      <c r="H640255" s="12"/>
    </row>
    <row r="640256" spans="8:8">
      <c r="H640256" s="12"/>
    </row>
    <row r="640257" spans="8:8">
      <c r="H640257" s="12"/>
    </row>
    <row r="640258" spans="8:8">
      <c r="H640258" s="12"/>
    </row>
    <row r="640259" spans="8:8">
      <c r="H640259" s="12"/>
    </row>
    <row r="640260" spans="8:8">
      <c r="H640260" s="12"/>
    </row>
    <row r="640261" spans="8:8">
      <c r="H640261" s="12"/>
    </row>
    <row r="640262" spans="8:8">
      <c r="H640262" s="12"/>
    </row>
    <row r="640263" spans="8:8">
      <c r="H640263" s="12"/>
    </row>
    <row r="640264" spans="8:8">
      <c r="H640264" s="12"/>
    </row>
    <row r="640265" spans="8:8">
      <c r="H640265" s="12"/>
    </row>
    <row r="640266" spans="8:8">
      <c r="H640266" s="12"/>
    </row>
    <row r="640267" spans="8:8">
      <c r="H640267" s="12"/>
    </row>
    <row r="640268" spans="8:8">
      <c r="H640268" s="12"/>
    </row>
    <row r="640269" spans="8:8">
      <c r="H640269" s="12"/>
    </row>
    <row r="640270" spans="8:8">
      <c r="H640270" s="12"/>
    </row>
    <row r="640271" spans="8:8">
      <c r="H640271" s="12"/>
    </row>
    <row r="640272" spans="8:8">
      <c r="H640272" s="12"/>
    </row>
    <row r="640273" spans="8:8">
      <c r="H640273" s="12"/>
    </row>
    <row r="640274" spans="8:8">
      <c r="H640274" s="12"/>
    </row>
    <row r="640275" spans="8:8">
      <c r="H640275" s="12"/>
    </row>
    <row r="640276" spans="8:8">
      <c r="H640276" s="12"/>
    </row>
    <row r="640277" spans="8:8">
      <c r="H640277" s="12"/>
    </row>
    <row r="640278" spans="8:8">
      <c r="H640278" s="12"/>
    </row>
    <row r="640279" spans="8:8">
      <c r="H640279" s="12"/>
    </row>
    <row r="640280" spans="8:8">
      <c r="H640280" s="12"/>
    </row>
    <row r="640281" spans="8:8">
      <c r="H640281" s="12"/>
    </row>
    <row r="640282" spans="8:8">
      <c r="H640282" s="12"/>
    </row>
    <row r="640283" spans="8:8">
      <c r="H640283" s="12"/>
    </row>
    <row r="640284" spans="8:8">
      <c r="H640284" s="12"/>
    </row>
    <row r="640285" spans="8:8">
      <c r="H640285" s="12"/>
    </row>
    <row r="640286" spans="8:8">
      <c r="H640286" s="12"/>
    </row>
    <row r="640287" spans="8:8">
      <c r="H640287" s="12"/>
    </row>
    <row r="640288" spans="8:8">
      <c r="H640288" s="12"/>
    </row>
    <row r="640289" spans="8:8">
      <c r="H640289" s="12"/>
    </row>
    <row r="640290" spans="8:8">
      <c r="H640290" s="12"/>
    </row>
    <row r="640291" spans="8:8">
      <c r="H640291" s="12"/>
    </row>
    <row r="640292" spans="8:8">
      <c r="H640292" s="12"/>
    </row>
    <row r="640293" spans="8:8">
      <c r="H640293" s="12"/>
    </row>
    <row r="640294" spans="8:8">
      <c r="H640294" s="12"/>
    </row>
    <row r="640295" spans="8:8">
      <c r="H640295" s="12"/>
    </row>
    <row r="640296" spans="8:8">
      <c r="H640296" s="12"/>
    </row>
    <row r="640297" spans="8:8">
      <c r="H640297" s="12"/>
    </row>
    <row r="640298" spans="8:8">
      <c r="H640298" s="12"/>
    </row>
    <row r="640299" spans="8:8">
      <c r="H640299" s="12"/>
    </row>
    <row r="640300" spans="8:8">
      <c r="H640300" s="12"/>
    </row>
    <row r="640301" spans="8:8">
      <c r="H640301" s="12"/>
    </row>
    <row r="640302" spans="8:8">
      <c r="H640302" s="12"/>
    </row>
    <row r="640303" spans="8:8">
      <c r="H640303" s="12"/>
    </row>
    <row r="640304" spans="8:8">
      <c r="H640304" s="12"/>
    </row>
    <row r="640305" spans="8:8">
      <c r="H640305" s="12"/>
    </row>
    <row r="640306" spans="8:8">
      <c r="H640306" s="12"/>
    </row>
    <row r="640307" spans="8:8">
      <c r="H640307" s="12"/>
    </row>
    <row r="640308" spans="8:8">
      <c r="H640308" s="12"/>
    </row>
    <row r="640309" spans="8:8">
      <c r="H640309" s="12"/>
    </row>
    <row r="640310" spans="8:8">
      <c r="H640310" s="12"/>
    </row>
    <row r="640311" spans="8:8">
      <c r="H640311" s="12"/>
    </row>
    <row r="640312" spans="8:8">
      <c r="H640312" s="12"/>
    </row>
    <row r="640313" spans="8:8">
      <c r="H640313" s="12"/>
    </row>
    <row r="640314" spans="8:8">
      <c r="H640314" s="12"/>
    </row>
    <row r="640315" spans="8:8">
      <c r="H640315" s="12"/>
    </row>
    <row r="640316" spans="8:8">
      <c r="H640316" s="12"/>
    </row>
    <row r="640317" spans="8:8">
      <c r="H640317" s="12"/>
    </row>
    <row r="640318" spans="8:8">
      <c r="H640318" s="12"/>
    </row>
    <row r="640319" spans="8:8">
      <c r="H640319" s="12"/>
    </row>
    <row r="640320" spans="8:8">
      <c r="H640320" s="12"/>
    </row>
    <row r="640321" spans="8:8">
      <c r="H640321" s="12"/>
    </row>
    <row r="640322" spans="8:8">
      <c r="H640322" s="12"/>
    </row>
    <row r="640323" spans="8:8">
      <c r="H640323" s="12"/>
    </row>
    <row r="640324" spans="8:8">
      <c r="H640324" s="12"/>
    </row>
    <row r="640325" spans="8:8">
      <c r="H640325" s="12"/>
    </row>
    <row r="640326" spans="8:8">
      <c r="H640326" s="12"/>
    </row>
    <row r="640327" spans="8:8">
      <c r="H640327" s="12"/>
    </row>
    <row r="640328" spans="8:8">
      <c r="H640328" s="12"/>
    </row>
    <row r="640329" spans="8:8">
      <c r="H640329" s="12"/>
    </row>
    <row r="640330" spans="8:8">
      <c r="H640330" s="12"/>
    </row>
    <row r="640331" spans="8:8">
      <c r="H640331" s="12"/>
    </row>
    <row r="640332" spans="8:8">
      <c r="H640332" s="12"/>
    </row>
    <row r="640333" spans="8:8">
      <c r="H640333" s="12"/>
    </row>
    <row r="640334" spans="8:8">
      <c r="H640334" s="12"/>
    </row>
    <row r="640335" spans="8:8">
      <c r="H640335" s="12"/>
    </row>
    <row r="640336" spans="8:8">
      <c r="H640336" s="12"/>
    </row>
    <row r="640337" spans="8:8">
      <c r="H640337" s="12"/>
    </row>
    <row r="640338" spans="8:8">
      <c r="H640338" s="12"/>
    </row>
    <row r="640339" spans="8:8">
      <c r="H640339" s="12"/>
    </row>
    <row r="640340" spans="8:8">
      <c r="H640340" s="12"/>
    </row>
    <row r="640341" spans="8:8">
      <c r="H640341" s="12"/>
    </row>
    <row r="640342" spans="8:8">
      <c r="H640342" s="12"/>
    </row>
    <row r="640343" spans="8:8">
      <c r="H640343" s="12"/>
    </row>
    <row r="640344" spans="8:8">
      <c r="H640344" s="12"/>
    </row>
    <row r="640345" spans="8:8">
      <c r="H640345" s="12"/>
    </row>
    <row r="640346" spans="8:8">
      <c r="H640346" s="12"/>
    </row>
    <row r="640347" spans="8:8">
      <c r="H640347" s="12"/>
    </row>
    <row r="640348" spans="8:8">
      <c r="H640348" s="12"/>
    </row>
    <row r="640349" spans="8:8">
      <c r="H640349" s="12"/>
    </row>
    <row r="640350" spans="8:8">
      <c r="H640350" s="12"/>
    </row>
    <row r="640351" spans="8:8">
      <c r="H640351" s="12"/>
    </row>
    <row r="640352" spans="8:8">
      <c r="H640352" s="12"/>
    </row>
    <row r="640353" spans="8:8">
      <c r="H640353" s="12"/>
    </row>
    <row r="640354" spans="8:8">
      <c r="H640354" s="12"/>
    </row>
    <row r="640355" spans="8:8">
      <c r="H640355" s="12"/>
    </row>
    <row r="640356" spans="8:8">
      <c r="H640356" s="12"/>
    </row>
    <row r="640357" spans="8:8">
      <c r="H640357" s="12"/>
    </row>
    <row r="640358" spans="8:8">
      <c r="H640358" s="12"/>
    </row>
    <row r="640359" spans="8:8">
      <c r="H640359" s="12"/>
    </row>
    <row r="640360" spans="8:8">
      <c r="H640360" s="12"/>
    </row>
    <row r="640361" spans="8:8">
      <c r="H640361" s="12"/>
    </row>
    <row r="640362" spans="8:8">
      <c r="H640362" s="12"/>
    </row>
    <row r="640363" spans="8:8">
      <c r="H640363" s="12"/>
    </row>
    <row r="640364" spans="8:8">
      <c r="H640364" s="12"/>
    </row>
    <row r="640365" spans="8:8">
      <c r="H640365" s="12"/>
    </row>
    <row r="640366" spans="8:8">
      <c r="H640366" s="12"/>
    </row>
    <row r="640367" spans="8:8">
      <c r="H640367" s="12"/>
    </row>
    <row r="640368" spans="8:8">
      <c r="H640368" s="12"/>
    </row>
    <row r="640369" spans="8:8">
      <c r="H640369" s="12"/>
    </row>
    <row r="640370" spans="8:8">
      <c r="H640370" s="12"/>
    </row>
    <row r="640371" spans="8:8">
      <c r="H640371" s="12"/>
    </row>
    <row r="640372" spans="8:8">
      <c r="H640372" s="12"/>
    </row>
    <row r="640373" spans="8:8">
      <c r="H640373" s="12"/>
    </row>
    <row r="640374" spans="8:8">
      <c r="H640374" s="12"/>
    </row>
    <row r="640375" spans="8:8">
      <c r="H640375" s="12"/>
    </row>
    <row r="640376" spans="8:8">
      <c r="H640376" s="12"/>
    </row>
    <row r="640377" spans="8:8">
      <c r="H640377" s="12"/>
    </row>
    <row r="640378" spans="8:8">
      <c r="H640378" s="12"/>
    </row>
    <row r="640379" spans="8:8">
      <c r="H640379" s="12"/>
    </row>
    <row r="640380" spans="8:8">
      <c r="H640380" s="12"/>
    </row>
    <row r="640381" spans="8:8">
      <c r="H640381" s="12"/>
    </row>
    <row r="640382" spans="8:8">
      <c r="H640382" s="12"/>
    </row>
    <row r="640383" spans="8:8">
      <c r="H640383" s="12"/>
    </row>
    <row r="640384" spans="8:8">
      <c r="H640384" s="12"/>
    </row>
    <row r="640385" spans="8:8">
      <c r="H640385" s="12"/>
    </row>
    <row r="640386" spans="8:8">
      <c r="H640386" s="12"/>
    </row>
    <row r="640387" spans="8:8">
      <c r="H640387" s="12"/>
    </row>
    <row r="640388" spans="8:8">
      <c r="H640388" s="12"/>
    </row>
    <row r="640389" spans="8:8">
      <c r="H640389" s="12"/>
    </row>
    <row r="640390" spans="8:8">
      <c r="H640390" s="12"/>
    </row>
    <row r="640391" spans="8:8">
      <c r="H640391" s="12"/>
    </row>
    <row r="640392" spans="8:8">
      <c r="H640392" s="12"/>
    </row>
    <row r="640393" spans="8:8">
      <c r="H640393" s="12"/>
    </row>
    <row r="640394" spans="8:8">
      <c r="H640394" s="12"/>
    </row>
    <row r="640395" spans="8:8">
      <c r="H640395" s="12"/>
    </row>
    <row r="640396" spans="8:8">
      <c r="H640396" s="12"/>
    </row>
    <row r="640397" spans="8:8">
      <c r="H640397" s="12"/>
    </row>
    <row r="640398" spans="8:8">
      <c r="H640398" s="12"/>
    </row>
    <row r="640399" spans="8:8">
      <c r="H640399" s="12"/>
    </row>
    <row r="640400" spans="8:8">
      <c r="H640400" s="12"/>
    </row>
    <row r="640401" spans="8:8">
      <c r="H640401" s="12"/>
    </row>
    <row r="640402" spans="8:8">
      <c r="H640402" s="12"/>
    </row>
    <row r="640403" spans="8:8">
      <c r="H640403" s="12"/>
    </row>
    <row r="640404" spans="8:8">
      <c r="H640404" s="12"/>
    </row>
    <row r="640405" spans="8:8">
      <c r="H640405" s="12"/>
    </row>
    <row r="640406" spans="8:8">
      <c r="H640406" s="12"/>
    </row>
    <row r="640407" spans="8:8">
      <c r="H640407" s="12"/>
    </row>
    <row r="640408" spans="8:8">
      <c r="H640408" s="12"/>
    </row>
    <row r="640409" spans="8:8">
      <c r="H640409" s="12"/>
    </row>
    <row r="640410" spans="8:8">
      <c r="H640410" s="12"/>
    </row>
    <row r="640411" spans="8:8">
      <c r="H640411" s="12"/>
    </row>
    <row r="640412" spans="8:8">
      <c r="H640412" s="12"/>
    </row>
    <row r="640413" spans="8:8">
      <c r="H640413" s="12"/>
    </row>
    <row r="640414" spans="8:8">
      <c r="H640414" s="12"/>
    </row>
    <row r="640415" spans="8:8">
      <c r="H640415" s="12"/>
    </row>
    <row r="640416" spans="8:8">
      <c r="H640416" s="12"/>
    </row>
    <row r="640417" spans="8:8">
      <c r="H640417" s="12"/>
    </row>
    <row r="640418" spans="8:8">
      <c r="H640418" s="12"/>
    </row>
    <row r="640419" spans="8:8">
      <c r="H640419" s="12"/>
    </row>
    <row r="640420" spans="8:8">
      <c r="H640420" s="12"/>
    </row>
    <row r="640421" spans="8:8">
      <c r="H640421" s="12"/>
    </row>
    <row r="640422" spans="8:8">
      <c r="H640422" s="12"/>
    </row>
    <row r="640423" spans="8:8">
      <c r="H640423" s="12"/>
    </row>
    <row r="640424" spans="8:8">
      <c r="H640424" s="12"/>
    </row>
    <row r="640425" spans="8:8">
      <c r="H640425" s="12"/>
    </row>
    <row r="640426" spans="8:8">
      <c r="H640426" s="12"/>
    </row>
    <row r="640427" spans="8:8">
      <c r="H640427" s="12"/>
    </row>
    <row r="640428" spans="8:8">
      <c r="H640428" s="12"/>
    </row>
    <row r="640429" spans="8:8">
      <c r="H640429" s="12"/>
    </row>
    <row r="640430" spans="8:8">
      <c r="H640430" s="12"/>
    </row>
    <row r="640431" spans="8:8">
      <c r="H640431" s="12"/>
    </row>
    <row r="640432" spans="8:8">
      <c r="H640432" s="12"/>
    </row>
    <row r="640433" spans="8:8">
      <c r="H640433" s="12"/>
    </row>
    <row r="640434" spans="8:8">
      <c r="H640434" s="12"/>
    </row>
    <row r="640435" spans="8:8">
      <c r="H640435" s="12"/>
    </row>
    <row r="640436" spans="8:8">
      <c r="H640436" s="12"/>
    </row>
    <row r="640437" spans="8:8">
      <c r="H640437" s="12"/>
    </row>
    <row r="640438" spans="8:8">
      <c r="H640438" s="12"/>
    </row>
    <row r="640439" spans="8:8">
      <c r="H640439" s="12"/>
    </row>
    <row r="640440" spans="8:8">
      <c r="H640440" s="12"/>
    </row>
    <row r="640441" spans="8:8">
      <c r="H640441" s="12"/>
    </row>
    <row r="640442" spans="8:8">
      <c r="H640442" s="12"/>
    </row>
    <row r="640443" spans="8:8">
      <c r="H640443" s="12"/>
    </row>
    <row r="640444" spans="8:8">
      <c r="H640444" s="12"/>
    </row>
    <row r="640445" spans="8:8">
      <c r="H640445" s="12"/>
    </row>
    <row r="640446" spans="8:8">
      <c r="H640446" s="12"/>
    </row>
    <row r="640447" spans="8:8">
      <c r="H640447" s="12"/>
    </row>
    <row r="640448" spans="8:8">
      <c r="H640448" s="12"/>
    </row>
    <row r="640449" spans="8:8">
      <c r="H640449" s="12"/>
    </row>
    <row r="640450" spans="8:8">
      <c r="H640450" s="12"/>
    </row>
    <row r="640451" spans="8:8">
      <c r="H640451" s="12"/>
    </row>
    <row r="640452" spans="8:8">
      <c r="H640452" s="12"/>
    </row>
    <row r="640453" spans="8:8">
      <c r="H640453" s="12"/>
    </row>
    <row r="640454" spans="8:8">
      <c r="H640454" s="12"/>
    </row>
    <row r="640455" spans="8:8">
      <c r="H640455" s="12"/>
    </row>
    <row r="640456" spans="8:8">
      <c r="H640456" s="12"/>
    </row>
    <row r="640457" spans="8:8">
      <c r="H640457" s="12"/>
    </row>
    <row r="640458" spans="8:8">
      <c r="H640458" s="12"/>
    </row>
    <row r="640459" spans="8:8">
      <c r="H640459" s="12"/>
    </row>
    <row r="640460" spans="8:8">
      <c r="H640460" s="12"/>
    </row>
    <row r="640461" spans="8:8">
      <c r="H640461" s="12"/>
    </row>
    <row r="640462" spans="8:8">
      <c r="H640462" s="12"/>
    </row>
    <row r="640463" spans="8:8">
      <c r="H640463" s="12"/>
    </row>
    <row r="640464" spans="8:8">
      <c r="H640464" s="12"/>
    </row>
    <row r="640465" spans="8:8">
      <c r="H640465" s="12"/>
    </row>
    <row r="640466" spans="8:8">
      <c r="H640466" s="12"/>
    </row>
    <row r="640467" spans="8:8">
      <c r="H640467" s="12"/>
    </row>
    <row r="640468" spans="8:8">
      <c r="H640468" s="12"/>
    </row>
    <row r="640469" spans="8:8">
      <c r="H640469" s="12"/>
    </row>
    <row r="640470" spans="8:8">
      <c r="H640470" s="12"/>
    </row>
    <row r="640471" spans="8:8">
      <c r="H640471" s="12"/>
    </row>
    <row r="640472" spans="8:8">
      <c r="H640472" s="12"/>
    </row>
    <row r="640473" spans="8:8">
      <c r="H640473" s="12"/>
    </row>
    <row r="640474" spans="8:8">
      <c r="H640474" s="12"/>
    </row>
    <row r="640475" spans="8:8">
      <c r="H640475" s="12"/>
    </row>
    <row r="640476" spans="8:8">
      <c r="H640476" s="12"/>
    </row>
    <row r="640477" spans="8:8">
      <c r="H640477" s="12"/>
    </row>
    <row r="640478" spans="8:8">
      <c r="H640478" s="12"/>
    </row>
    <row r="640479" spans="8:8">
      <c r="H640479" s="12"/>
    </row>
    <row r="640480" spans="8:8">
      <c r="H640480" s="12"/>
    </row>
    <row r="640481" spans="8:8">
      <c r="H640481" s="12"/>
    </row>
    <row r="640482" spans="8:8">
      <c r="H640482" s="12"/>
    </row>
    <row r="640483" spans="8:8">
      <c r="H640483" s="12"/>
    </row>
    <row r="640484" spans="8:8">
      <c r="H640484" s="12"/>
    </row>
    <row r="640485" spans="8:8">
      <c r="H640485" s="12"/>
    </row>
    <row r="640486" spans="8:8">
      <c r="H640486" s="12"/>
    </row>
    <row r="640487" spans="8:8">
      <c r="H640487" s="12"/>
    </row>
    <row r="640488" spans="8:8">
      <c r="H640488" s="12"/>
    </row>
    <row r="640489" spans="8:8">
      <c r="H640489" s="12"/>
    </row>
    <row r="640490" spans="8:8">
      <c r="H640490" s="12"/>
    </row>
    <row r="640491" spans="8:8">
      <c r="H640491" s="12"/>
    </row>
    <row r="640492" spans="8:8">
      <c r="H640492" s="12"/>
    </row>
    <row r="640493" spans="8:8">
      <c r="H640493" s="12"/>
    </row>
    <row r="640494" spans="8:8">
      <c r="H640494" s="12"/>
    </row>
    <row r="640495" spans="8:8">
      <c r="H640495" s="12"/>
    </row>
    <row r="640496" spans="8:8">
      <c r="H640496" s="12"/>
    </row>
    <row r="640497" spans="8:8">
      <c r="H640497" s="12"/>
    </row>
    <row r="640498" spans="8:8">
      <c r="H640498" s="12"/>
    </row>
    <row r="640499" spans="8:8">
      <c r="H640499" s="12"/>
    </row>
    <row r="640500" spans="8:8">
      <c r="H640500" s="12"/>
    </row>
    <row r="640501" spans="8:8">
      <c r="H640501" s="12"/>
    </row>
    <row r="640502" spans="8:8">
      <c r="H640502" s="12"/>
    </row>
    <row r="640503" spans="8:8">
      <c r="H640503" s="12"/>
    </row>
    <row r="640504" spans="8:8">
      <c r="H640504" s="12"/>
    </row>
    <row r="640505" spans="8:8">
      <c r="H640505" s="12"/>
    </row>
    <row r="640506" spans="8:8">
      <c r="H640506" s="12"/>
    </row>
    <row r="640507" spans="8:8">
      <c r="H640507" s="12"/>
    </row>
    <row r="640508" spans="8:8">
      <c r="H640508" s="12"/>
    </row>
    <row r="640509" spans="8:8">
      <c r="H640509" s="12"/>
    </row>
    <row r="640510" spans="8:8">
      <c r="H640510" s="12"/>
    </row>
    <row r="640511" spans="8:8">
      <c r="H640511" s="12"/>
    </row>
    <row r="640512" spans="8:8">
      <c r="H640512" s="12"/>
    </row>
    <row r="640513" spans="8:8">
      <c r="H640513" s="12"/>
    </row>
    <row r="640514" spans="8:8">
      <c r="H640514" s="12"/>
    </row>
    <row r="640515" spans="8:8">
      <c r="H640515" s="12"/>
    </row>
    <row r="640516" spans="8:8">
      <c r="H640516" s="12"/>
    </row>
    <row r="640517" spans="8:8">
      <c r="H640517" s="12"/>
    </row>
    <row r="640518" spans="8:8">
      <c r="H640518" s="12"/>
    </row>
    <row r="640519" spans="8:8">
      <c r="H640519" s="12"/>
    </row>
    <row r="640520" spans="8:8">
      <c r="H640520" s="12"/>
    </row>
    <row r="640521" spans="8:8">
      <c r="H640521" s="12"/>
    </row>
    <row r="640522" spans="8:8">
      <c r="H640522" s="12"/>
    </row>
    <row r="640523" spans="8:8">
      <c r="H640523" s="12"/>
    </row>
    <row r="640524" spans="8:8">
      <c r="H640524" s="12"/>
    </row>
    <row r="640525" spans="8:8">
      <c r="H640525" s="12"/>
    </row>
    <row r="640526" spans="8:8">
      <c r="H640526" s="12"/>
    </row>
    <row r="640527" spans="8:8">
      <c r="H640527" s="12"/>
    </row>
    <row r="640528" spans="8:8">
      <c r="H640528" s="12"/>
    </row>
    <row r="640529" spans="8:8">
      <c r="H640529" s="12"/>
    </row>
    <row r="640530" spans="8:8">
      <c r="H640530" s="12"/>
    </row>
    <row r="640531" spans="8:8">
      <c r="H640531" s="12"/>
    </row>
    <row r="640532" spans="8:8">
      <c r="H640532" s="12"/>
    </row>
    <row r="640533" spans="8:8">
      <c r="H640533" s="12"/>
    </row>
    <row r="640534" spans="8:8">
      <c r="H640534" s="12"/>
    </row>
    <row r="640535" spans="8:8">
      <c r="H640535" s="12"/>
    </row>
    <row r="640536" spans="8:8">
      <c r="H640536" s="12"/>
    </row>
    <row r="640537" spans="8:8">
      <c r="H640537" s="12"/>
    </row>
    <row r="640538" spans="8:8">
      <c r="H640538" s="12"/>
    </row>
    <row r="640539" spans="8:8">
      <c r="H640539" s="12"/>
    </row>
    <row r="640540" spans="8:8">
      <c r="H640540" s="12"/>
    </row>
    <row r="640541" spans="8:8">
      <c r="H640541" s="12"/>
    </row>
    <row r="640542" spans="8:8">
      <c r="H640542" s="12"/>
    </row>
    <row r="640543" spans="8:8">
      <c r="H640543" s="12"/>
    </row>
    <row r="640544" spans="8:8">
      <c r="H640544" s="12"/>
    </row>
    <row r="640545" spans="8:8">
      <c r="H640545" s="12"/>
    </row>
    <row r="640546" spans="8:8">
      <c r="H640546" s="12"/>
    </row>
    <row r="640547" spans="8:8">
      <c r="H640547" s="12"/>
    </row>
    <row r="640548" spans="8:8">
      <c r="H640548" s="12"/>
    </row>
    <row r="640549" spans="8:8">
      <c r="H640549" s="12"/>
    </row>
    <row r="640550" spans="8:8">
      <c r="H640550" s="12"/>
    </row>
    <row r="640551" spans="8:8">
      <c r="H640551" s="12"/>
    </row>
    <row r="640552" spans="8:8">
      <c r="H640552" s="12"/>
    </row>
    <row r="640553" spans="8:8">
      <c r="H640553" s="12"/>
    </row>
    <row r="640554" spans="8:8">
      <c r="H640554" s="12"/>
    </row>
    <row r="640555" spans="8:8">
      <c r="H640555" s="12"/>
    </row>
    <row r="640556" spans="8:8">
      <c r="H640556" s="12"/>
    </row>
    <row r="640557" spans="8:8">
      <c r="H640557" s="12"/>
    </row>
    <row r="640558" spans="8:8">
      <c r="H640558" s="12"/>
    </row>
    <row r="640559" spans="8:8">
      <c r="H640559" s="12"/>
    </row>
    <row r="640560" spans="8:8">
      <c r="H640560" s="12"/>
    </row>
    <row r="640561" spans="8:8">
      <c r="H640561" s="12"/>
    </row>
    <row r="640562" spans="8:8">
      <c r="H640562" s="12"/>
    </row>
    <row r="640563" spans="8:8">
      <c r="H640563" s="12"/>
    </row>
    <row r="640564" spans="8:8">
      <c r="H640564" s="12"/>
    </row>
    <row r="640565" spans="8:8">
      <c r="H640565" s="12"/>
    </row>
    <row r="640566" spans="8:8">
      <c r="H640566" s="12"/>
    </row>
    <row r="640567" spans="8:8">
      <c r="H640567" s="12"/>
    </row>
    <row r="640568" spans="8:8">
      <c r="H640568" s="12"/>
    </row>
    <row r="640569" spans="8:8">
      <c r="H640569" s="12"/>
    </row>
    <row r="640570" spans="8:8">
      <c r="H640570" s="12"/>
    </row>
    <row r="640571" spans="8:8">
      <c r="H640571" s="12"/>
    </row>
    <row r="640572" spans="8:8">
      <c r="H640572" s="12"/>
    </row>
    <row r="640573" spans="8:8">
      <c r="H640573" s="12"/>
    </row>
    <row r="640574" spans="8:8">
      <c r="H640574" s="12"/>
    </row>
    <row r="640575" spans="8:8">
      <c r="H640575" s="12"/>
    </row>
    <row r="640576" spans="8:8">
      <c r="H640576" s="12"/>
    </row>
    <row r="640577" spans="8:8">
      <c r="H640577" s="12"/>
    </row>
    <row r="640578" spans="8:8">
      <c r="H640578" s="12"/>
    </row>
    <row r="640579" spans="8:8">
      <c r="H640579" s="12"/>
    </row>
    <row r="640580" spans="8:8">
      <c r="H640580" s="12"/>
    </row>
    <row r="640581" spans="8:8">
      <c r="H640581" s="12"/>
    </row>
    <row r="640582" spans="8:8">
      <c r="H640582" s="12"/>
    </row>
    <row r="640583" spans="8:8">
      <c r="H640583" s="12"/>
    </row>
    <row r="640584" spans="8:8">
      <c r="H640584" s="12"/>
    </row>
    <row r="640585" spans="8:8">
      <c r="H640585" s="12"/>
    </row>
    <row r="640586" spans="8:8">
      <c r="H640586" s="12"/>
    </row>
    <row r="640587" spans="8:8">
      <c r="H640587" s="12"/>
    </row>
    <row r="640588" spans="8:8">
      <c r="H640588" s="12"/>
    </row>
    <row r="640589" spans="8:8">
      <c r="H640589" s="12"/>
    </row>
    <row r="640590" spans="8:8">
      <c r="H640590" s="12"/>
    </row>
    <row r="640591" spans="8:8">
      <c r="H640591" s="12"/>
    </row>
    <row r="640592" spans="8:8">
      <c r="H640592" s="12"/>
    </row>
    <row r="640593" spans="8:8">
      <c r="H640593" s="12"/>
    </row>
    <row r="640594" spans="8:8">
      <c r="H640594" s="12"/>
    </row>
    <row r="640595" spans="8:8">
      <c r="H640595" s="12"/>
    </row>
    <row r="640596" spans="8:8">
      <c r="H640596" s="12"/>
    </row>
    <row r="640597" spans="8:8">
      <c r="H640597" s="12"/>
    </row>
    <row r="640598" spans="8:8">
      <c r="H640598" s="12"/>
    </row>
    <row r="640599" spans="8:8">
      <c r="H640599" s="12"/>
    </row>
    <row r="640600" spans="8:8">
      <c r="H640600" s="12"/>
    </row>
    <row r="640601" spans="8:8">
      <c r="H640601" s="12"/>
    </row>
    <row r="640602" spans="8:8">
      <c r="H640602" s="12"/>
    </row>
    <row r="640603" spans="8:8">
      <c r="H640603" s="12"/>
    </row>
    <row r="640604" spans="8:8">
      <c r="H640604" s="12"/>
    </row>
    <row r="640605" spans="8:8">
      <c r="H640605" s="12"/>
    </row>
    <row r="640606" spans="8:8">
      <c r="H640606" s="12"/>
    </row>
    <row r="640607" spans="8:8">
      <c r="H640607" s="12"/>
    </row>
    <row r="640608" spans="8:8">
      <c r="H640608" s="12"/>
    </row>
    <row r="640609" spans="8:8">
      <c r="H640609" s="12"/>
    </row>
    <row r="640610" spans="8:8">
      <c r="H640610" s="12"/>
    </row>
    <row r="640611" spans="8:8">
      <c r="H640611" s="12"/>
    </row>
    <row r="640612" spans="8:8">
      <c r="H640612" s="12"/>
    </row>
    <row r="640613" spans="8:8">
      <c r="H640613" s="12"/>
    </row>
    <row r="640614" spans="8:8">
      <c r="H640614" s="12"/>
    </row>
    <row r="640615" spans="8:8">
      <c r="H640615" s="12"/>
    </row>
    <row r="640616" spans="8:8">
      <c r="H640616" s="12"/>
    </row>
    <row r="640617" spans="8:8">
      <c r="H640617" s="12"/>
    </row>
    <row r="640618" spans="8:8">
      <c r="H640618" s="12"/>
    </row>
    <row r="640619" spans="8:8">
      <c r="H640619" s="12"/>
    </row>
    <row r="640620" spans="8:8">
      <c r="H640620" s="12"/>
    </row>
    <row r="640621" spans="8:8">
      <c r="H640621" s="12"/>
    </row>
    <row r="640622" spans="8:8">
      <c r="H640622" s="12"/>
    </row>
    <row r="640623" spans="8:8">
      <c r="H640623" s="12"/>
    </row>
    <row r="640624" spans="8:8">
      <c r="H640624" s="12"/>
    </row>
    <row r="640625" spans="8:8">
      <c r="H640625" s="12"/>
    </row>
    <row r="640626" spans="8:8">
      <c r="H640626" s="12"/>
    </row>
    <row r="640627" spans="8:8">
      <c r="H640627" s="12"/>
    </row>
    <row r="640628" spans="8:8">
      <c r="H640628" s="12"/>
    </row>
    <row r="640629" spans="8:8">
      <c r="H640629" s="12"/>
    </row>
    <row r="640630" spans="8:8">
      <c r="H640630" s="12"/>
    </row>
    <row r="640631" spans="8:8">
      <c r="H640631" s="12"/>
    </row>
    <row r="640632" spans="8:8">
      <c r="H640632" s="12"/>
    </row>
    <row r="640633" spans="8:8">
      <c r="H640633" s="12"/>
    </row>
    <row r="640634" spans="8:8">
      <c r="H640634" s="12"/>
    </row>
    <row r="640635" spans="8:8">
      <c r="H640635" s="12"/>
    </row>
    <row r="640636" spans="8:8">
      <c r="H640636" s="12"/>
    </row>
    <row r="640637" spans="8:8">
      <c r="H640637" s="12"/>
    </row>
    <row r="640638" spans="8:8">
      <c r="H640638" s="12"/>
    </row>
    <row r="640639" spans="8:8">
      <c r="H640639" s="12"/>
    </row>
    <row r="640640" spans="8:8">
      <c r="H640640" s="12"/>
    </row>
    <row r="640641" spans="8:8">
      <c r="H640641" s="12"/>
    </row>
    <row r="640642" spans="8:8">
      <c r="H640642" s="12"/>
    </row>
    <row r="640643" spans="8:8">
      <c r="H640643" s="12"/>
    </row>
    <row r="640644" spans="8:8">
      <c r="H640644" s="12"/>
    </row>
    <row r="640645" spans="8:8">
      <c r="H640645" s="12"/>
    </row>
    <row r="640646" spans="8:8">
      <c r="H640646" s="12"/>
    </row>
    <row r="640647" spans="8:8">
      <c r="H640647" s="12"/>
    </row>
    <row r="640648" spans="8:8">
      <c r="H640648" s="12"/>
    </row>
    <row r="640649" spans="8:8">
      <c r="H640649" s="12"/>
    </row>
    <row r="640650" spans="8:8">
      <c r="H640650" s="12"/>
    </row>
    <row r="640651" spans="8:8">
      <c r="H640651" s="12"/>
    </row>
    <row r="640652" spans="8:8">
      <c r="H640652" s="12"/>
    </row>
    <row r="640653" spans="8:8">
      <c r="H640653" s="12"/>
    </row>
    <row r="640654" spans="8:8">
      <c r="H640654" s="12"/>
    </row>
    <row r="640655" spans="8:8">
      <c r="H640655" s="12"/>
    </row>
    <row r="640656" spans="8:8">
      <c r="H640656" s="12"/>
    </row>
    <row r="640657" spans="8:8">
      <c r="H640657" s="12"/>
    </row>
    <row r="640658" spans="8:8">
      <c r="H640658" s="12"/>
    </row>
    <row r="640659" spans="8:8">
      <c r="H640659" s="12"/>
    </row>
    <row r="640660" spans="8:8">
      <c r="H640660" s="12"/>
    </row>
    <row r="640661" spans="8:8">
      <c r="H640661" s="12"/>
    </row>
    <row r="640662" spans="8:8">
      <c r="H640662" s="12"/>
    </row>
    <row r="640663" spans="8:8">
      <c r="H640663" s="12"/>
    </row>
    <row r="640664" spans="8:8">
      <c r="H640664" s="12"/>
    </row>
    <row r="640665" spans="8:8">
      <c r="H640665" s="12"/>
    </row>
    <row r="640666" spans="8:8">
      <c r="H640666" s="12"/>
    </row>
    <row r="640667" spans="8:8">
      <c r="H640667" s="12"/>
    </row>
    <row r="640668" spans="8:8">
      <c r="H640668" s="12"/>
    </row>
    <row r="640669" spans="8:8">
      <c r="H640669" s="12"/>
    </row>
    <row r="640670" spans="8:8">
      <c r="H640670" s="12"/>
    </row>
    <row r="640671" spans="8:8">
      <c r="H640671" s="12"/>
    </row>
    <row r="640672" spans="8:8">
      <c r="H640672" s="12"/>
    </row>
    <row r="640673" spans="8:8">
      <c r="H640673" s="12"/>
    </row>
    <row r="640674" spans="8:8">
      <c r="H640674" s="12"/>
    </row>
    <row r="640675" spans="8:8">
      <c r="H640675" s="12"/>
    </row>
    <row r="640676" spans="8:8">
      <c r="H640676" s="12"/>
    </row>
    <row r="640677" spans="8:8">
      <c r="H640677" s="12"/>
    </row>
    <row r="640678" spans="8:8">
      <c r="H640678" s="12"/>
    </row>
    <row r="640679" spans="8:8">
      <c r="H640679" s="12"/>
    </row>
    <row r="640680" spans="8:8">
      <c r="H640680" s="12"/>
    </row>
    <row r="640681" spans="8:8">
      <c r="H640681" s="12"/>
    </row>
    <row r="640682" spans="8:8">
      <c r="H640682" s="12"/>
    </row>
    <row r="640683" spans="8:8">
      <c r="H640683" s="12"/>
    </row>
    <row r="640684" spans="8:8">
      <c r="H640684" s="12"/>
    </row>
    <row r="640685" spans="8:8">
      <c r="H640685" s="12"/>
    </row>
    <row r="640686" spans="8:8">
      <c r="H640686" s="12"/>
    </row>
    <row r="640687" spans="8:8">
      <c r="H640687" s="12"/>
    </row>
    <row r="640688" spans="8:8">
      <c r="H640688" s="12"/>
    </row>
    <row r="640689" spans="8:8">
      <c r="H640689" s="12"/>
    </row>
    <row r="640690" spans="8:8">
      <c r="H640690" s="12"/>
    </row>
    <row r="640691" spans="8:8">
      <c r="H640691" s="12"/>
    </row>
    <row r="640692" spans="8:8">
      <c r="H640692" s="12"/>
    </row>
    <row r="640693" spans="8:8">
      <c r="H640693" s="12"/>
    </row>
    <row r="640694" spans="8:8">
      <c r="H640694" s="12"/>
    </row>
    <row r="640695" spans="8:8">
      <c r="H640695" s="12"/>
    </row>
    <row r="640696" spans="8:8">
      <c r="H640696" s="12"/>
    </row>
    <row r="640697" spans="8:8">
      <c r="H640697" s="12"/>
    </row>
    <row r="640698" spans="8:8">
      <c r="H640698" s="12"/>
    </row>
    <row r="640699" spans="8:8">
      <c r="H640699" s="12"/>
    </row>
    <row r="640700" spans="8:8">
      <c r="H640700" s="12"/>
    </row>
    <row r="640701" spans="8:8">
      <c r="H640701" s="12"/>
    </row>
    <row r="640702" spans="8:8">
      <c r="H640702" s="12"/>
    </row>
    <row r="640703" spans="8:8">
      <c r="H640703" s="12"/>
    </row>
    <row r="640704" spans="8:8">
      <c r="H640704" s="12"/>
    </row>
    <row r="640705" spans="8:8">
      <c r="H640705" s="12"/>
    </row>
    <row r="640706" spans="8:8">
      <c r="H640706" s="12"/>
    </row>
    <row r="640707" spans="8:8">
      <c r="H640707" s="12"/>
    </row>
    <row r="640708" spans="8:8">
      <c r="H640708" s="12"/>
    </row>
    <row r="640709" spans="8:8">
      <c r="H640709" s="12"/>
    </row>
    <row r="640710" spans="8:8">
      <c r="H640710" s="12"/>
    </row>
    <row r="640711" spans="8:8">
      <c r="H640711" s="12"/>
    </row>
    <row r="640712" spans="8:8">
      <c r="H640712" s="12"/>
    </row>
    <row r="640713" spans="8:8">
      <c r="H640713" s="12"/>
    </row>
    <row r="640714" spans="8:8">
      <c r="H640714" s="12"/>
    </row>
    <row r="640715" spans="8:8">
      <c r="H640715" s="12"/>
    </row>
    <row r="640716" spans="8:8">
      <c r="H640716" s="12"/>
    </row>
    <row r="640717" spans="8:8">
      <c r="H640717" s="12"/>
    </row>
    <row r="640718" spans="8:8">
      <c r="H640718" s="12"/>
    </row>
    <row r="640719" spans="8:8">
      <c r="H640719" s="12"/>
    </row>
    <row r="640720" spans="8:8">
      <c r="H640720" s="12"/>
    </row>
    <row r="640721" spans="8:8">
      <c r="H640721" s="12"/>
    </row>
    <row r="640722" spans="8:8">
      <c r="H640722" s="12"/>
    </row>
    <row r="640723" spans="8:8">
      <c r="H640723" s="12"/>
    </row>
    <row r="640724" spans="8:8">
      <c r="H640724" s="12"/>
    </row>
    <row r="640725" spans="8:8">
      <c r="H640725" s="12"/>
    </row>
    <row r="640726" spans="8:8">
      <c r="H640726" s="12"/>
    </row>
    <row r="640727" spans="8:8">
      <c r="H640727" s="12"/>
    </row>
    <row r="640728" spans="8:8">
      <c r="H640728" s="12"/>
    </row>
    <row r="640729" spans="8:8">
      <c r="H640729" s="12"/>
    </row>
    <row r="640730" spans="8:8">
      <c r="H640730" s="12"/>
    </row>
    <row r="640731" spans="8:8">
      <c r="H640731" s="12"/>
    </row>
    <row r="640732" spans="8:8">
      <c r="H640732" s="12"/>
    </row>
    <row r="640733" spans="8:8">
      <c r="H640733" s="12"/>
    </row>
    <row r="640734" spans="8:8">
      <c r="H640734" s="12"/>
    </row>
    <row r="640735" spans="8:8">
      <c r="H640735" s="12"/>
    </row>
    <row r="640736" spans="8:8">
      <c r="H640736" s="12"/>
    </row>
    <row r="640737" spans="8:8">
      <c r="H640737" s="12"/>
    </row>
    <row r="640738" spans="8:8">
      <c r="H640738" s="12"/>
    </row>
    <row r="640739" spans="8:8">
      <c r="H640739" s="12"/>
    </row>
    <row r="640740" spans="8:8">
      <c r="H640740" s="12"/>
    </row>
    <row r="640741" spans="8:8">
      <c r="H640741" s="12"/>
    </row>
    <row r="640742" spans="8:8">
      <c r="H640742" s="12"/>
    </row>
    <row r="640743" spans="8:8">
      <c r="H640743" s="12"/>
    </row>
    <row r="640744" spans="8:8">
      <c r="H640744" s="12"/>
    </row>
    <row r="640745" spans="8:8">
      <c r="H640745" s="12"/>
    </row>
    <row r="640746" spans="8:8">
      <c r="H640746" s="12"/>
    </row>
    <row r="640747" spans="8:8">
      <c r="H640747" s="12"/>
    </row>
    <row r="640748" spans="8:8">
      <c r="H640748" s="12"/>
    </row>
    <row r="640749" spans="8:8">
      <c r="H640749" s="12"/>
    </row>
    <row r="640750" spans="8:8">
      <c r="H640750" s="12"/>
    </row>
    <row r="640751" spans="8:8">
      <c r="H640751" s="12"/>
    </row>
    <row r="640752" spans="8:8">
      <c r="H640752" s="12"/>
    </row>
    <row r="640753" spans="8:8">
      <c r="H640753" s="12"/>
    </row>
    <row r="640754" spans="8:8">
      <c r="H640754" s="12"/>
    </row>
    <row r="640755" spans="8:8">
      <c r="H640755" s="12"/>
    </row>
    <row r="640756" spans="8:8">
      <c r="H640756" s="12"/>
    </row>
    <row r="640757" spans="8:8">
      <c r="H640757" s="12"/>
    </row>
    <row r="640758" spans="8:8">
      <c r="H640758" s="12"/>
    </row>
    <row r="640759" spans="8:8">
      <c r="H640759" s="12"/>
    </row>
    <row r="640760" spans="8:8">
      <c r="H640760" s="12"/>
    </row>
    <row r="640761" spans="8:8">
      <c r="H640761" s="12"/>
    </row>
    <row r="640762" spans="8:8">
      <c r="H640762" s="12"/>
    </row>
    <row r="640763" spans="8:8">
      <c r="H640763" s="12"/>
    </row>
    <row r="640764" spans="8:8">
      <c r="H640764" s="12"/>
    </row>
    <row r="640765" spans="8:8">
      <c r="H640765" s="12"/>
    </row>
    <row r="640766" spans="8:8">
      <c r="H640766" s="12"/>
    </row>
    <row r="640767" spans="8:8">
      <c r="H640767" s="12"/>
    </row>
    <row r="640768" spans="8:8">
      <c r="H640768" s="12"/>
    </row>
    <row r="640769" spans="8:8">
      <c r="H640769" s="12"/>
    </row>
    <row r="640770" spans="8:8">
      <c r="H640770" s="12"/>
    </row>
    <row r="640771" spans="8:8">
      <c r="H640771" s="12"/>
    </row>
    <row r="640772" spans="8:8">
      <c r="H640772" s="12"/>
    </row>
    <row r="640773" spans="8:8">
      <c r="H640773" s="12"/>
    </row>
    <row r="640774" spans="8:8">
      <c r="H640774" s="12"/>
    </row>
    <row r="640775" spans="8:8">
      <c r="H640775" s="12"/>
    </row>
    <row r="640776" spans="8:8">
      <c r="H640776" s="12"/>
    </row>
    <row r="640777" spans="8:8">
      <c r="H640777" s="12"/>
    </row>
    <row r="640778" spans="8:8">
      <c r="H640778" s="12"/>
    </row>
    <row r="640779" spans="8:8">
      <c r="H640779" s="12"/>
    </row>
    <row r="640780" spans="8:8">
      <c r="H640780" s="12"/>
    </row>
    <row r="640781" spans="8:8">
      <c r="H640781" s="12"/>
    </row>
    <row r="640782" spans="8:8">
      <c r="H640782" s="12"/>
    </row>
    <row r="640783" spans="8:8">
      <c r="H640783" s="12"/>
    </row>
    <row r="640784" spans="8:8">
      <c r="H640784" s="12"/>
    </row>
    <row r="640785" spans="8:8">
      <c r="H640785" s="12"/>
    </row>
    <row r="640786" spans="8:8">
      <c r="H640786" s="12"/>
    </row>
    <row r="640787" spans="8:8">
      <c r="H640787" s="12"/>
    </row>
    <row r="640788" spans="8:8">
      <c r="H640788" s="12"/>
    </row>
    <row r="640789" spans="8:8">
      <c r="H640789" s="12"/>
    </row>
    <row r="640790" spans="8:8">
      <c r="H640790" s="12"/>
    </row>
    <row r="640791" spans="8:8">
      <c r="H640791" s="12"/>
    </row>
    <row r="640792" spans="8:8">
      <c r="H640792" s="12"/>
    </row>
    <row r="640793" spans="8:8">
      <c r="H640793" s="12"/>
    </row>
    <row r="640794" spans="8:8">
      <c r="H640794" s="12"/>
    </row>
    <row r="640795" spans="8:8">
      <c r="H640795" s="12"/>
    </row>
    <row r="640796" spans="8:8">
      <c r="H640796" s="12"/>
    </row>
    <row r="640797" spans="8:8">
      <c r="H640797" s="12"/>
    </row>
    <row r="640798" spans="8:8">
      <c r="H640798" s="12"/>
    </row>
    <row r="640799" spans="8:8">
      <c r="H640799" s="12"/>
    </row>
    <row r="640800" spans="8:8">
      <c r="H640800" s="12"/>
    </row>
    <row r="640801" spans="8:8">
      <c r="H640801" s="12"/>
    </row>
    <row r="640802" spans="8:8">
      <c r="H640802" s="12"/>
    </row>
    <row r="640803" spans="8:8">
      <c r="H640803" s="12"/>
    </row>
    <row r="640804" spans="8:8">
      <c r="H640804" s="12"/>
    </row>
    <row r="640805" spans="8:8">
      <c r="H640805" s="12"/>
    </row>
    <row r="640806" spans="8:8">
      <c r="H640806" s="12"/>
    </row>
    <row r="640807" spans="8:8">
      <c r="H640807" s="12"/>
    </row>
    <row r="640808" spans="8:8">
      <c r="H640808" s="12"/>
    </row>
    <row r="640809" spans="8:8">
      <c r="H640809" s="12"/>
    </row>
    <row r="640810" spans="8:8">
      <c r="H640810" s="12"/>
    </row>
    <row r="640811" spans="8:8">
      <c r="H640811" s="12"/>
    </row>
    <row r="640812" spans="8:8">
      <c r="H640812" s="12"/>
    </row>
    <row r="640813" spans="8:8">
      <c r="H640813" s="12"/>
    </row>
    <row r="640814" spans="8:8">
      <c r="H640814" s="12"/>
    </row>
    <row r="640815" spans="8:8">
      <c r="H640815" s="12"/>
    </row>
    <row r="640816" spans="8:8">
      <c r="H640816" s="12"/>
    </row>
    <row r="640817" spans="8:8">
      <c r="H640817" s="12"/>
    </row>
    <row r="640818" spans="8:8">
      <c r="H640818" s="12"/>
    </row>
    <row r="640819" spans="8:8">
      <c r="H640819" s="12"/>
    </row>
    <row r="640820" spans="8:8">
      <c r="H640820" s="12"/>
    </row>
    <row r="640821" spans="8:8">
      <c r="H640821" s="12"/>
    </row>
    <row r="640822" spans="8:8">
      <c r="H640822" s="12"/>
    </row>
    <row r="640823" spans="8:8">
      <c r="H640823" s="12"/>
    </row>
    <row r="640824" spans="8:8">
      <c r="H640824" s="12"/>
    </row>
    <row r="640825" spans="8:8">
      <c r="H640825" s="12"/>
    </row>
    <row r="640826" spans="8:8">
      <c r="H640826" s="12"/>
    </row>
    <row r="640827" spans="8:8">
      <c r="H640827" s="12"/>
    </row>
    <row r="640828" spans="8:8">
      <c r="H640828" s="12"/>
    </row>
    <row r="640829" spans="8:8">
      <c r="H640829" s="12"/>
    </row>
    <row r="640830" spans="8:8">
      <c r="H640830" s="12"/>
    </row>
    <row r="640831" spans="8:8">
      <c r="H640831" s="12"/>
    </row>
    <row r="640832" spans="8:8">
      <c r="H640832" s="12"/>
    </row>
    <row r="640833" spans="8:8">
      <c r="H640833" s="12"/>
    </row>
    <row r="640834" spans="8:8">
      <c r="H640834" s="12"/>
    </row>
    <row r="640835" spans="8:8">
      <c r="H640835" s="12"/>
    </row>
    <row r="640836" spans="8:8">
      <c r="H640836" s="12"/>
    </row>
    <row r="640837" spans="8:8">
      <c r="H640837" s="12"/>
    </row>
    <row r="640838" spans="8:8">
      <c r="H640838" s="12"/>
    </row>
    <row r="640839" spans="8:8">
      <c r="H640839" s="12"/>
    </row>
    <row r="640840" spans="8:8">
      <c r="H640840" s="12"/>
    </row>
    <row r="640841" spans="8:8">
      <c r="H640841" s="12"/>
    </row>
    <row r="640842" spans="8:8">
      <c r="H640842" s="12"/>
    </row>
    <row r="640843" spans="8:8">
      <c r="H640843" s="12"/>
    </row>
    <row r="640844" spans="8:8">
      <c r="H640844" s="12"/>
    </row>
    <row r="640845" spans="8:8">
      <c r="H640845" s="12"/>
    </row>
    <row r="640846" spans="8:8">
      <c r="H640846" s="12"/>
    </row>
    <row r="640847" spans="8:8">
      <c r="H640847" s="12"/>
    </row>
    <row r="640848" spans="8:8">
      <c r="H640848" s="12"/>
    </row>
    <row r="640849" spans="8:8">
      <c r="H640849" s="12"/>
    </row>
    <row r="640850" spans="8:8">
      <c r="H640850" s="12"/>
    </row>
    <row r="640851" spans="8:8">
      <c r="H640851" s="12"/>
    </row>
    <row r="640852" spans="8:8">
      <c r="H640852" s="12"/>
    </row>
    <row r="640853" spans="8:8">
      <c r="H640853" s="12"/>
    </row>
    <row r="640854" spans="8:8">
      <c r="H640854" s="12"/>
    </row>
    <row r="640855" spans="8:8">
      <c r="H640855" s="12"/>
    </row>
    <row r="640856" spans="8:8">
      <c r="H640856" s="12"/>
    </row>
    <row r="640857" spans="8:8">
      <c r="H640857" s="12"/>
    </row>
    <row r="640858" spans="8:8">
      <c r="H640858" s="12"/>
    </row>
    <row r="640859" spans="8:8">
      <c r="H640859" s="12"/>
    </row>
    <row r="640860" spans="8:8">
      <c r="H640860" s="12"/>
    </row>
    <row r="640861" spans="8:8">
      <c r="H640861" s="12"/>
    </row>
    <row r="640862" spans="8:8">
      <c r="H640862" s="12"/>
    </row>
    <row r="640863" spans="8:8">
      <c r="H640863" s="12"/>
    </row>
    <row r="640864" spans="8:8">
      <c r="H640864" s="12"/>
    </row>
    <row r="640865" spans="8:8">
      <c r="H640865" s="12"/>
    </row>
    <row r="640866" spans="8:8">
      <c r="H640866" s="12"/>
    </row>
    <row r="640867" spans="8:8">
      <c r="H640867" s="12"/>
    </row>
    <row r="640868" spans="8:8">
      <c r="H640868" s="12"/>
    </row>
    <row r="640869" spans="8:8">
      <c r="H640869" s="12"/>
    </row>
    <row r="640870" spans="8:8">
      <c r="H640870" s="12"/>
    </row>
    <row r="640871" spans="8:8">
      <c r="H640871" s="12"/>
    </row>
    <row r="640872" spans="8:8">
      <c r="H640872" s="12"/>
    </row>
    <row r="640873" spans="8:8">
      <c r="H640873" s="12"/>
    </row>
    <row r="640874" spans="8:8">
      <c r="H640874" s="12"/>
    </row>
    <row r="640875" spans="8:8">
      <c r="H640875" s="12"/>
    </row>
    <row r="640876" spans="8:8">
      <c r="H640876" s="12"/>
    </row>
    <row r="640877" spans="8:8">
      <c r="H640877" s="12"/>
    </row>
    <row r="640878" spans="8:8">
      <c r="H640878" s="12"/>
    </row>
    <row r="640879" spans="8:8">
      <c r="H640879" s="12"/>
    </row>
    <row r="640880" spans="8:8">
      <c r="H640880" s="12"/>
    </row>
    <row r="640881" spans="8:8">
      <c r="H640881" s="12"/>
    </row>
    <row r="640882" spans="8:8">
      <c r="H640882" s="12"/>
    </row>
    <row r="640883" spans="8:8">
      <c r="H640883" s="12"/>
    </row>
    <row r="640884" spans="8:8">
      <c r="H640884" s="12"/>
    </row>
    <row r="640885" spans="8:8">
      <c r="H640885" s="12"/>
    </row>
    <row r="640886" spans="8:8">
      <c r="H640886" s="12"/>
    </row>
    <row r="640887" spans="8:8">
      <c r="H640887" s="12"/>
    </row>
    <row r="640888" spans="8:8">
      <c r="H640888" s="12"/>
    </row>
    <row r="640889" spans="8:8">
      <c r="H640889" s="12"/>
    </row>
    <row r="640890" spans="8:8">
      <c r="H640890" s="12"/>
    </row>
    <row r="640891" spans="8:8">
      <c r="H640891" s="12"/>
    </row>
    <row r="640892" spans="8:8">
      <c r="H640892" s="12"/>
    </row>
    <row r="640893" spans="8:8">
      <c r="H640893" s="12"/>
    </row>
    <row r="640894" spans="8:8">
      <c r="H640894" s="12"/>
    </row>
    <row r="640895" spans="8:8">
      <c r="H640895" s="12"/>
    </row>
    <row r="640896" spans="8:8">
      <c r="H640896" s="12"/>
    </row>
    <row r="640897" spans="8:8">
      <c r="H640897" s="12"/>
    </row>
    <row r="640898" spans="8:8">
      <c r="H640898" s="12"/>
    </row>
    <row r="640899" spans="8:8">
      <c r="H640899" s="12"/>
    </row>
    <row r="640900" spans="8:8">
      <c r="H640900" s="12"/>
    </row>
    <row r="640901" spans="8:8">
      <c r="H640901" s="12"/>
    </row>
    <row r="640902" spans="8:8">
      <c r="H640902" s="12"/>
    </row>
    <row r="640903" spans="8:8">
      <c r="H640903" s="12"/>
    </row>
    <row r="640904" spans="8:8">
      <c r="H640904" s="12"/>
    </row>
    <row r="640905" spans="8:8">
      <c r="H640905" s="12"/>
    </row>
    <row r="640906" spans="8:8">
      <c r="H640906" s="12"/>
    </row>
    <row r="640907" spans="8:8">
      <c r="H640907" s="12"/>
    </row>
    <row r="640908" spans="8:8">
      <c r="H640908" s="12"/>
    </row>
    <row r="640909" spans="8:8">
      <c r="H640909" s="12"/>
    </row>
    <row r="640910" spans="8:8">
      <c r="H640910" s="12"/>
    </row>
    <row r="640911" spans="8:8">
      <c r="H640911" s="12"/>
    </row>
    <row r="640912" spans="8:8">
      <c r="H640912" s="12"/>
    </row>
    <row r="640913" spans="8:8">
      <c r="H640913" s="12"/>
    </row>
    <row r="640914" spans="8:8">
      <c r="H640914" s="12"/>
    </row>
    <row r="640915" spans="8:8">
      <c r="H640915" s="12"/>
    </row>
    <row r="640916" spans="8:8">
      <c r="H640916" s="12"/>
    </row>
    <row r="640917" spans="8:8">
      <c r="H640917" s="12"/>
    </row>
    <row r="640918" spans="8:8">
      <c r="H640918" s="12"/>
    </row>
    <row r="640919" spans="8:8">
      <c r="H640919" s="12"/>
    </row>
    <row r="640920" spans="8:8">
      <c r="H640920" s="12"/>
    </row>
    <row r="640921" spans="8:8">
      <c r="H640921" s="12"/>
    </row>
    <row r="640922" spans="8:8">
      <c r="H640922" s="12"/>
    </row>
    <row r="640923" spans="8:8">
      <c r="H640923" s="12"/>
    </row>
    <row r="640924" spans="8:8">
      <c r="H640924" s="12"/>
    </row>
    <row r="640925" spans="8:8">
      <c r="H640925" s="12"/>
    </row>
    <row r="640926" spans="8:8">
      <c r="H640926" s="12"/>
    </row>
    <row r="640927" spans="8:8">
      <c r="H640927" s="12"/>
    </row>
    <row r="640928" spans="8:8">
      <c r="H640928" s="12"/>
    </row>
    <row r="640929" spans="8:8">
      <c r="H640929" s="12"/>
    </row>
    <row r="640930" spans="8:8">
      <c r="H640930" s="12"/>
    </row>
    <row r="640931" spans="8:8">
      <c r="H640931" s="12"/>
    </row>
    <row r="640932" spans="8:8">
      <c r="H640932" s="12"/>
    </row>
    <row r="640933" spans="8:8">
      <c r="H640933" s="12"/>
    </row>
    <row r="640934" spans="8:8">
      <c r="H640934" s="12"/>
    </row>
    <row r="640935" spans="8:8">
      <c r="H640935" s="12"/>
    </row>
    <row r="640936" spans="8:8">
      <c r="H640936" s="12"/>
    </row>
    <row r="640937" spans="8:8">
      <c r="H640937" s="12"/>
    </row>
    <row r="640938" spans="8:8">
      <c r="H640938" s="12"/>
    </row>
    <row r="640939" spans="8:8">
      <c r="H640939" s="12"/>
    </row>
    <row r="640940" spans="8:8">
      <c r="H640940" s="12"/>
    </row>
    <row r="640941" spans="8:8">
      <c r="H640941" s="12"/>
    </row>
    <row r="640942" spans="8:8">
      <c r="H640942" s="12"/>
    </row>
    <row r="640943" spans="8:8">
      <c r="H640943" s="12"/>
    </row>
    <row r="640944" spans="8:8">
      <c r="H640944" s="12"/>
    </row>
    <row r="640945" spans="8:8">
      <c r="H640945" s="12"/>
    </row>
    <row r="640946" spans="8:8">
      <c r="H640946" s="12"/>
    </row>
    <row r="640947" spans="8:8">
      <c r="H640947" s="12"/>
    </row>
    <row r="640948" spans="8:8">
      <c r="H640948" s="12"/>
    </row>
    <row r="640949" spans="8:8">
      <c r="H640949" s="12"/>
    </row>
    <row r="640950" spans="8:8">
      <c r="H640950" s="12"/>
    </row>
    <row r="640951" spans="8:8">
      <c r="H640951" s="12"/>
    </row>
    <row r="640952" spans="8:8">
      <c r="H640952" s="12"/>
    </row>
    <row r="640953" spans="8:8">
      <c r="H640953" s="12"/>
    </row>
    <row r="640954" spans="8:8">
      <c r="H640954" s="12"/>
    </row>
    <row r="640955" spans="8:8">
      <c r="H640955" s="12"/>
    </row>
    <row r="640956" spans="8:8">
      <c r="H640956" s="12"/>
    </row>
    <row r="640957" spans="8:8">
      <c r="H640957" s="12"/>
    </row>
    <row r="640958" spans="8:8">
      <c r="H640958" s="12"/>
    </row>
    <row r="640959" spans="8:8">
      <c r="H640959" s="12"/>
    </row>
    <row r="640960" spans="8:8">
      <c r="H640960" s="12"/>
    </row>
    <row r="640961" spans="8:8">
      <c r="H640961" s="12"/>
    </row>
    <row r="640962" spans="8:8">
      <c r="H640962" s="12"/>
    </row>
    <row r="640963" spans="8:8">
      <c r="H640963" s="12"/>
    </row>
    <row r="640964" spans="8:8">
      <c r="H640964" s="12"/>
    </row>
    <row r="640965" spans="8:8">
      <c r="H640965" s="12"/>
    </row>
    <row r="640966" spans="8:8">
      <c r="H640966" s="12"/>
    </row>
    <row r="640967" spans="8:8">
      <c r="H640967" s="12"/>
    </row>
    <row r="640968" spans="8:8">
      <c r="H640968" s="12"/>
    </row>
    <row r="640969" spans="8:8">
      <c r="H640969" s="12"/>
    </row>
    <row r="640970" spans="8:8">
      <c r="H640970" s="12"/>
    </row>
    <row r="640971" spans="8:8">
      <c r="H640971" s="12"/>
    </row>
    <row r="640972" spans="8:8">
      <c r="H640972" s="12"/>
    </row>
    <row r="640973" spans="8:8">
      <c r="H640973" s="12"/>
    </row>
    <row r="640974" spans="8:8">
      <c r="H640974" s="12"/>
    </row>
    <row r="640975" spans="8:8">
      <c r="H640975" s="12"/>
    </row>
    <row r="640976" spans="8:8">
      <c r="H640976" s="12"/>
    </row>
    <row r="640977" spans="8:8">
      <c r="H640977" s="12"/>
    </row>
    <row r="640978" spans="8:8">
      <c r="H640978" s="12"/>
    </row>
    <row r="640979" spans="8:8">
      <c r="H640979" s="12"/>
    </row>
    <row r="640980" spans="8:8">
      <c r="H640980" s="12"/>
    </row>
    <row r="640981" spans="8:8">
      <c r="H640981" s="12"/>
    </row>
    <row r="640982" spans="8:8">
      <c r="H640982" s="12"/>
    </row>
    <row r="640983" spans="8:8">
      <c r="H640983" s="12"/>
    </row>
    <row r="640984" spans="8:8">
      <c r="H640984" s="12"/>
    </row>
    <row r="640985" spans="8:8">
      <c r="H640985" s="12"/>
    </row>
    <row r="640986" spans="8:8">
      <c r="H640986" s="12"/>
    </row>
    <row r="640987" spans="8:8">
      <c r="H640987" s="12"/>
    </row>
    <row r="640988" spans="8:8">
      <c r="H640988" s="12"/>
    </row>
    <row r="640989" spans="8:8">
      <c r="H640989" s="12"/>
    </row>
    <row r="640990" spans="8:8">
      <c r="H640990" s="12"/>
    </row>
    <row r="640991" spans="8:8">
      <c r="H640991" s="12"/>
    </row>
    <row r="640992" spans="8:8">
      <c r="H640992" s="12"/>
    </row>
    <row r="640993" spans="8:8">
      <c r="H640993" s="12"/>
    </row>
    <row r="640994" spans="8:8">
      <c r="H640994" s="12"/>
    </row>
    <row r="640995" spans="8:8">
      <c r="H640995" s="12"/>
    </row>
    <row r="640996" spans="8:8">
      <c r="H640996" s="12"/>
    </row>
    <row r="640997" spans="8:8">
      <c r="H640997" s="12"/>
    </row>
    <row r="640998" spans="8:8">
      <c r="H640998" s="12"/>
    </row>
    <row r="640999" spans="8:8">
      <c r="H640999" s="12"/>
    </row>
    <row r="641000" spans="8:8">
      <c r="H641000" s="12"/>
    </row>
    <row r="641001" spans="8:8">
      <c r="H641001" s="12"/>
    </row>
    <row r="641002" spans="8:8">
      <c r="H641002" s="12"/>
    </row>
    <row r="641003" spans="8:8">
      <c r="H641003" s="12"/>
    </row>
    <row r="641004" spans="8:8">
      <c r="H641004" s="12"/>
    </row>
    <row r="641005" spans="8:8">
      <c r="H641005" s="12"/>
    </row>
    <row r="641006" spans="8:8">
      <c r="H641006" s="12"/>
    </row>
    <row r="641007" spans="8:8">
      <c r="H641007" s="12"/>
    </row>
    <row r="641008" spans="8:8">
      <c r="H641008" s="12"/>
    </row>
    <row r="641009" spans="8:8">
      <c r="H641009" s="12"/>
    </row>
    <row r="641010" spans="8:8">
      <c r="H641010" s="12"/>
    </row>
    <row r="641011" spans="8:8">
      <c r="H641011" s="12"/>
    </row>
    <row r="641012" spans="8:8">
      <c r="H641012" s="12"/>
    </row>
    <row r="641013" spans="8:8">
      <c r="H641013" s="12"/>
    </row>
    <row r="641014" spans="8:8">
      <c r="H641014" s="12"/>
    </row>
    <row r="641015" spans="8:8">
      <c r="H641015" s="12"/>
    </row>
    <row r="641016" spans="8:8">
      <c r="H641016" s="12"/>
    </row>
    <row r="641017" spans="8:8">
      <c r="H641017" s="12"/>
    </row>
    <row r="641018" spans="8:8">
      <c r="H641018" s="12"/>
    </row>
    <row r="641019" spans="8:8">
      <c r="H641019" s="12"/>
    </row>
    <row r="641020" spans="8:8">
      <c r="H641020" s="12"/>
    </row>
    <row r="641021" spans="8:8">
      <c r="H641021" s="12"/>
    </row>
    <row r="641022" spans="8:8">
      <c r="H641022" s="12"/>
    </row>
    <row r="641023" spans="8:8">
      <c r="H641023" s="12"/>
    </row>
    <row r="641024" spans="8:8">
      <c r="H641024" s="12"/>
    </row>
    <row r="641025" spans="8:8">
      <c r="H641025" s="12"/>
    </row>
    <row r="641026" spans="8:8">
      <c r="H641026" s="12"/>
    </row>
    <row r="641027" spans="8:8">
      <c r="H641027" s="12"/>
    </row>
    <row r="641028" spans="8:8">
      <c r="H641028" s="12"/>
    </row>
    <row r="641029" spans="8:8">
      <c r="H641029" s="12"/>
    </row>
    <row r="641030" spans="8:8">
      <c r="H641030" s="12"/>
    </row>
    <row r="641031" spans="8:8">
      <c r="H641031" s="12"/>
    </row>
    <row r="641032" spans="8:8">
      <c r="H641032" s="12"/>
    </row>
    <row r="641033" spans="8:8">
      <c r="H641033" s="12"/>
    </row>
    <row r="641034" spans="8:8">
      <c r="H641034" s="12"/>
    </row>
    <row r="641035" spans="8:8">
      <c r="H641035" s="12"/>
    </row>
    <row r="641036" spans="8:8">
      <c r="H641036" s="12"/>
    </row>
    <row r="641037" spans="8:8">
      <c r="H641037" s="12"/>
    </row>
    <row r="641038" spans="8:8">
      <c r="H641038" s="12"/>
    </row>
    <row r="641039" spans="8:8">
      <c r="H641039" s="12"/>
    </row>
    <row r="641040" spans="8:8">
      <c r="H641040" s="12"/>
    </row>
    <row r="641041" spans="8:8">
      <c r="H641041" s="12"/>
    </row>
    <row r="641042" spans="8:8">
      <c r="H641042" s="12"/>
    </row>
    <row r="641043" spans="8:8">
      <c r="H641043" s="12"/>
    </row>
    <row r="641044" spans="8:8">
      <c r="H641044" s="12"/>
    </row>
    <row r="641045" spans="8:8">
      <c r="H641045" s="12"/>
    </row>
    <row r="641046" spans="8:8">
      <c r="H641046" s="12"/>
    </row>
    <row r="641047" spans="8:8">
      <c r="H641047" s="12"/>
    </row>
    <row r="641048" spans="8:8">
      <c r="H641048" s="12"/>
    </row>
    <row r="641049" spans="8:8">
      <c r="H641049" s="12"/>
    </row>
    <row r="641050" spans="8:8">
      <c r="H641050" s="12"/>
    </row>
    <row r="641051" spans="8:8">
      <c r="H641051" s="12"/>
    </row>
    <row r="641052" spans="8:8">
      <c r="H641052" s="12"/>
    </row>
    <row r="641053" spans="8:8">
      <c r="H641053" s="12"/>
    </row>
    <row r="641054" spans="8:8">
      <c r="H641054" s="12"/>
    </row>
    <row r="641055" spans="8:8">
      <c r="H641055" s="12"/>
    </row>
    <row r="641056" spans="8:8">
      <c r="H641056" s="12"/>
    </row>
    <row r="641057" spans="8:8">
      <c r="H641057" s="12"/>
    </row>
    <row r="641058" spans="8:8">
      <c r="H641058" s="12"/>
    </row>
    <row r="641059" spans="8:8">
      <c r="H641059" s="12"/>
    </row>
    <row r="641060" spans="8:8">
      <c r="H641060" s="12"/>
    </row>
    <row r="641061" spans="8:8">
      <c r="H641061" s="12"/>
    </row>
    <row r="641062" spans="8:8">
      <c r="H641062" s="12"/>
    </row>
    <row r="641063" spans="8:8">
      <c r="H641063" s="12"/>
    </row>
    <row r="641064" spans="8:8">
      <c r="H641064" s="12"/>
    </row>
    <row r="641065" spans="8:8">
      <c r="H641065" s="12"/>
    </row>
    <row r="641066" spans="8:8">
      <c r="H641066" s="12"/>
    </row>
    <row r="641067" spans="8:8">
      <c r="H641067" s="12"/>
    </row>
    <row r="641068" spans="8:8">
      <c r="H641068" s="12"/>
    </row>
    <row r="641069" spans="8:8">
      <c r="H641069" s="12"/>
    </row>
    <row r="641070" spans="8:8">
      <c r="H641070" s="12"/>
    </row>
    <row r="641071" spans="8:8">
      <c r="H641071" s="12"/>
    </row>
    <row r="641072" spans="8:8">
      <c r="H641072" s="12"/>
    </row>
    <row r="641073" spans="8:8">
      <c r="H641073" s="12"/>
    </row>
    <row r="641074" spans="8:8">
      <c r="H641074" s="12"/>
    </row>
    <row r="641075" spans="8:8">
      <c r="H641075" s="12"/>
    </row>
    <row r="641076" spans="8:8">
      <c r="H641076" s="12"/>
    </row>
    <row r="641077" spans="8:8">
      <c r="H641077" s="12"/>
    </row>
    <row r="641078" spans="8:8">
      <c r="H641078" s="12"/>
    </row>
    <row r="641079" spans="8:8">
      <c r="H641079" s="12"/>
    </row>
    <row r="641080" spans="8:8">
      <c r="H641080" s="12"/>
    </row>
    <row r="641081" spans="8:8">
      <c r="H641081" s="12"/>
    </row>
    <row r="641082" spans="8:8">
      <c r="H641082" s="12"/>
    </row>
    <row r="641083" spans="8:8">
      <c r="H641083" s="12"/>
    </row>
    <row r="641084" spans="8:8">
      <c r="H641084" s="12"/>
    </row>
    <row r="641085" spans="8:8">
      <c r="H641085" s="12"/>
    </row>
    <row r="641086" spans="8:8">
      <c r="H641086" s="12"/>
    </row>
    <row r="641087" spans="8:8">
      <c r="H641087" s="12"/>
    </row>
    <row r="641088" spans="8:8">
      <c r="H641088" s="12"/>
    </row>
    <row r="641089" spans="8:8">
      <c r="H641089" s="12"/>
    </row>
    <row r="641090" spans="8:8">
      <c r="H641090" s="12"/>
    </row>
    <row r="641091" spans="8:8">
      <c r="H641091" s="12"/>
    </row>
    <row r="641092" spans="8:8">
      <c r="H641092" s="12"/>
    </row>
    <row r="641093" spans="8:8">
      <c r="H641093" s="12"/>
    </row>
    <row r="641094" spans="8:8">
      <c r="H641094" s="12"/>
    </row>
    <row r="641095" spans="8:8">
      <c r="H641095" s="12"/>
    </row>
    <row r="641096" spans="8:8">
      <c r="H641096" s="12"/>
    </row>
    <row r="641097" spans="8:8">
      <c r="H641097" s="12"/>
    </row>
    <row r="641098" spans="8:8">
      <c r="H641098" s="12"/>
    </row>
    <row r="641099" spans="8:8">
      <c r="H641099" s="12"/>
    </row>
    <row r="641100" spans="8:8">
      <c r="H641100" s="12"/>
    </row>
    <row r="641101" spans="8:8">
      <c r="H641101" s="12"/>
    </row>
    <row r="641102" spans="8:8">
      <c r="H641102" s="12"/>
    </row>
    <row r="641103" spans="8:8">
      <c r="H641103" s="12"/>
    </row>
    <row r="641104" spans="8:8">
      <c r="H641104" s="12"/>
    </row>
    <row r="641105" spans="8:8">
      <c r="H641105" s="12"/>
    </row>
    <row r="641106" spans="8:8">
      <c r="H641106" s="12"/>
    </row>
    <row r="641107" spans="8:8">
      <c r="H641107" s="12"/>
    </row>
    <row r="641108" spans="8:8">
      <c r="H641108" s="12"/>
    </row>
    <row r="641109" spans="8:8">
      <c r="H641109" s="12"/>
    </row>
    <row r="641110" spans="8:8">
      <c r="H641110" s="12"/>
    </row>
    <row r="641111" spans="8:8">
      <c r="H641111" s="12"/>
    </row>
    <row r="641112" spans="8:8">
      <c r="H641112" s="12"/>
    </row>
    <row r="641113" spans="8:8">
      <c r="H641113" s="12"/>
    </row>
    <row r="641114" spans="8:8">
      <c r="H641114" s="12"/>
    </row>
    <row r="641115" spans="8:8">
      <c r="H641115" s="12"/>
    </row>
    <row r="641116" spans="8:8">
      <c r="H641116" s="12"/>
    </row>
    <row r="641117" spans="8:8">
      <c r="H641117" s="12"/>
    </row>
    <row r="641118" spans="8:8">
      <c r="H641118" s="12"/>
    </row>
    <row r="641119" spans="8:8">
      <c r="H641119" s="12"/>
    </row>
    <row r="641120" spans="8:8">
      <c r="H641120" s="12"/>
    </row>
    <row r="641121" spans="8:8">
      <c r="H641121" s="12"/>
    </row>
    <row r="641122" spans="8:8">
      <c r="H641122" s="12"/>
    </row>
    <row r="641123" spans="8:8">
      <c r="H641123" s="12"/>
    </row>
    <row r="641124" spans="8:8">
      <c r="H641124" s="12"/>
    </row>
    <row r="641125" spans="8:8">
      <c r="H641125" s="12"/>
    </row>
    <row r="641126" spans="8:8">
      <c r="H641126" s="12"/>
    </row>
    <row r="641127" spans="8:8">
      <c r="H641127" s="12"/>
    </row>
    <row r="641128" spans="8:8">
      <c r="H641128" s="12"/>
    </row>
    <row r="641129" spans="8:8">
      <c r="H641129" s="12"/>
    </row>
    <row r="641130" spans="8:8">
      <c r="H641130" s="12"/>
    </row>
    <row r="641131" spans="8:8">
      <c r="H641131" s="12"/>
    </row>
    <row r="641132" spans="8:8">
      <c r="H641132" s="12"/>
    </row>
    <row r="641133" spans="8:8">
      <c r="H641133" s="12"/>
    </row>
    <row r="641134" spans="8:8">
      <c r="H641134" s="12"/>
    </row>
    <row r="641135" spans="8:8">
      <c r="H641135" s="12"/>
    </row>
    <row r="641136" spans="8:8">
      <c r="H641136" s="12"/>
    </row>
    <row r="641137" spans="8:8">
      <c r="H641137" s="12"/>
    </row>
    <row r="641138" spans="8:8">
      <c r="H641138" s="12"/>
    </row>
    <row r="641139" spans="8:8">
      <c r="H641139" s="12"/>
    </row>
    <row r="641140" spans="8:8">
      <c r="H641140" s="12"/>
    </row>
    <row r="641141" spans="8:8">
      <c r="H641141" s="12"/>
    </row>
    <row r="641142" spans="8:8">
      <c r="H641142" s="12"/>
    </row>
    <row r="641143" spans="8:8">
      <c r="H641143" s="12"/>
    </row>
    <row r="641144" spans="8:8">
      <c r="H641144" s="12"/>
    </row>
    <row r="641145" spans="8:8">
      <c r="H641145" s="12"/>
    </row>
    <row r="641146" spans="8:8">
      <c r="H641146" s="12"/>
    </row>
    <row r="641147" spans="8:8">
      <c r="H641147" s="12"/>
    </row>
    <row r="641148" spans="8:8">
      <c r="H641148" s="12"/>
    </row>
    <row r="641149" spans="8:8">
      <c r="H641149" s="12"/>
    </row>
    <row r="641150" spans="8:8">
      <c r="H641150" s="12"/>
    </row>
    <row r="641151" spans="8:8">
      <c r="H641151" s="12"/>
    </row>
    <row r="641152" spans="8:8">
      <c r="H641152" s="12"/>
    </row>
    <row r="641153" spans="8:8">
      <c r="H641153" s="12"/>
    </row>
    <row r="641154" spans="8:8">
      <c r="H641154" s="12"/>
    </row>
    <row r="641155" spans="8:8">
      <c r="H641155" s="12"/>
    </row>
    <row r="641156" spans="8:8">
      <c r="H641156" s="12"/>
    </row>
    <row r="641157" spans="8:8">
      <c r="H641157" s="12"/>
    </row>
    <row r="641158" spans="8:8">
      <c r="H641158" s="12"/>
    </row>
    <row r="641159" spans="8:8">
      <c r="H641159" s="12"/>
    </row>
    <row r="641160" spans="8:8">
      <c r="H641160" s="12"/>
    </row>
    <row r="641161" spans="8:8">
      <c r="H641161" s="12"/>
    </row>
    <row r="641162" spans="8:8">
      <c r="H641162" s="12"/>
    </row>
    <row r="641163" spans="8:8">
      <c r="H641163" s="12"/>
    </row>
    <row r="641164" spans="8:8">
      <c r="H641164" s="12"/>
    </row>
    <row r="641165" spans="8:8">
      <c r="H641165" s="12"/>
    </row>
    <row r="641166" spans="8:8">
      <c r="H641166" s="12"/>
    </row>
    <row r="641167" spans="8:8">
      <c r="H641167" s="12"/>
    </row>
    <row r="641168" spans="8:8">
      <c r="H641168" s="12"/>
    </row>
    <row r="641169" spans="8:8">
      <c r="H641169" s="12"/>
    </row>
    <row r="641170" spans="8:8">
      <c r="H641170" s="12"/>
    </row>
    <row r="641171" spans="8:8">
      <c r="H641171" s="12"/>
    </row>
    <row r="641172" spans="8:8">
      <c r="H641172" s="12"/>
    </row>
    <row r="641173" spans="8:8">
      <c r="H641173" s="12"/>
    </row>
    <row r="641174" spans="8:8">
      <c r="H641174" s="12"/>
    </row>
    <row r="641175" spans="8:8">
      <c r="H641175" s="12"/>
    </row>
    <row r="641176" spans="8:8">
      <c r="H641176" s="12"/>
    </row>
    <row r="641177" spans="8:8">
      <c r="H641177" s="12"/>
    </row>
    <row r="641178" spans="8:8">
      <c r="H641178" s="12"/>
    </row>
    <row r="641179" spans="8:8">
      <c r="H641179" s="12"/>
    </row>
    <row r="641180" spans="8:8">
      <c r="H641180" s="12"/>
    </row>
    <row r="641181" spans="8:8">
      <c r="H641181" s="12"/>
    </row>
    <row r="641182" spans="8:8">
      <c r="H641182" s="12"/>
    </row>
    <row r="641183" spans="8:8">
      <c r="H641183" s="12"/>
    </row>
    <row r="641184" spans="8:8">
      <c r="H641184" s="12"/>
    </row>
    <row r="641185" spans="8:8">
      <c r="H641185" s="12"/>
    </row>
    <row r="641186" spans="8:8">
      <c r="H641186" s="12"/>
    </row>
    <row r="641187" spans="8:8">
      <c r="H641187" s="12"/>
    </row>
    <row r="641188" spans="8:8">
      <c r="H641188" s="12"/>
    </row>
    <row r="641189" spans="8:8">
      <c r="H641189" s="12"/>
    </row>
    <row r="641190" spans="8:8">
      <c r="H641190" s="12"/>
    </row>
    <row r="641191" spans="8:8">
      <c r="H641191" s="12"/>
    </row>
    <row r="641192" spans="8:8">
      <c r="H641192" s="12"/>
    </row>
    <row r="641193" spans="8:8">
      <c r="H641193" s="12"/>
    </row>
    <row r="641194" spans="8:8">
      <c r="H641194" s="12"/>
    </row>
    <row r="641195" spans="8:8">
      <c r="H641195" s="12"/>
    </row>
    <row r="641196" spans="8:8">
      <c r="H641196" s="12"/>
    </row>
    <row r="641197" spans="8:8">
      <c r="H641197" s="12"/>
    </row>
    <row r="641198" spans="8:8">
      <c r="H641198" s="12"/>
    </row>
    <row r="641199" spans="8:8">
      <c r="H641199" s="12"/>
    </row>
    <row r="641200" spans="8:8">
      <c r="H641200" s="12"/>
    </row>
    <row r="641201" spans="8:8">
      <c r="H641201" s="12"/>
    </row>
    <row r="641202" spans="8:8">
      <c r="H641202" s="12"/>
    </row>
    <row r="641203" spans="8:8">
      <c r="H641203" s="12"/>
    </row>
    <row r="641204" spans="8:8">
      <c r="H641204" s="12"/>
    </row>
    <row r="641205" spans="8:8">
      <c r="H641205" s="12"/>
    </row>
    <row r="641206" spans="8:8">
      <c r="H641206" s="12"/>
    </row>
    <row r="641207" spans="8:8">
      <c r="H641207" s="12"/>
    </row>
    <row r="641208" spans="8:8">
      <c r="H641208" s="12"/>
    </row>
    <row r="641209" spans="8:8">
      <c r="H641209" s="12"/>
    </row>
    <row r="641210" spans="8:8">
      <c r="H641210" s="12"/>
    </row>
    <row r="641211" spans="8:8">
      <c r="H641211" s="12"/>
    </row>
    <row r="641212" spans="8:8">
      <c r="H641212" s="12"/>
    </row>
    <row r="641213" spans="8:8">
      <c r="H641213" s="12"/>
    </row>
    <row r="641214" spans="8:8">
      <c r="H641214" s="12"/>
    </row>
    <row r="641215" spans="8:8">
      <c r="H641215" s="12"/>
    </row>
    <row r="641216" spans="8:8">
      <c r="H641216" s="12"/>
    </row>
    <row r="641217" spans="8:8">
      <c r="H641217" s="12"/>
    </row>
    <row r="641218" spans="8:8">
      <c r="H641218" s="12"/>
    </row>
    <row r="641219" spans="8:8">
      <c r="H641219" s="12"/>
    </row>
    <row r="641220" spans="8:8">
      <c r="H641220" s="12"/>
    </row>
    <row r="641221" spans="8:8">
      <c r="H641221" s="12"/>
    </row>
    <row r="641222" spans="8:8">
      <c r="H641222" s="12"/>
    </row>
    <row r="641223" spans="8:8">
      <c r="H641223" s="12"/>
    </row>
    <row r="641224" spans="8:8">
      <c r="H641224" s="12"/>
    </row>
    <row r="641225" spans="8:8">
      <c r="H641225" s="12"/>
    </row>
    <row r="641226" spans="8:8">
      <c r="H641226" s="12"/>
    </row>
    <row r="641227" spans="8:8">
      <c r="H641227" s="12"/>
    </row>
    <row r="641228" spans="8:8">
      <c r="H641228" s="12"/>
    </row>
    <row r="641229" spans="8:8">
      <c r="H641229" s="12"/>
    </row>
    <row r="641230" spans="8:8">
      <c r="H641230" s="12"/>
    </row>
    <row r="641231" spans="8:8">
      <c r="H641231" s="12"/>
    </row>
    <row r="641232" spans="8:8">
      <c r="H641232" s="12"/>
    </row>
    <row r="641233" spans="8:8">
      <c r="H641233" s="12"/>
    </row>
    <row r="641234" spans="8:8">
      <c r="H641234" s="12"/>
    </row>
    <row r="641235" spans="8:8">
      <c r="H641235" s="12"/>
    </row>
    <row r="641236" spans="8:8">
      <c r="H641236" s="12"/>
    </row>
    <row r="641237" spans="8:8">
      <c r="H641237" s="12"/>
    </row>
    <row r="641238" spans="8:8">
      <c r="H641238" s="12"/>
    </row>
    <row r="641239" spans="8:8">
      <c r="H641239" s="12"/>
    </row>
    <row r="641240" spans="8:8">
      <c r="H641240" s="12"/>
    </row>
    <row r="641241" spans="8:8">
      <c r="H641241" s="12"/>
    </row>
    <row r="641242" spans="8:8">
      <c r="H641242" s="12"/>
    </row>
    <row r="641243" spans="8:8">
      <c r="H641243" s="12"/>
    </row>
    <row r="641244" spans="8:8">
      <c r="H641244" s="12"/>
    </row>
    <row r="641245" spans="8:8">
      <c r="H641245" s="12"/>
    </row>
    <row r="641246" spans="8:8">
      <c r="H641246" s="12"/>
    </row>
    <row r="641247" spans="8:8">
      <c r="H641247" s="12"/>
    </row>
    <row r="641248" spans="8:8">
      <c r="H641248" s="12"/>
    </row>
    <row r="641249" spans="8:8">
      <c r="H641249" s="12"/>
    </row>
    <row r="641250" spans="8:8">
      <c r="H641250" s="12"/>
    </row>
    <row r="641251" spans="8:8">
      <c r="H641251" s="12"/>
    </row>
    <row r="641252" spans="8:8">
      <c r="H641252" s="12"/>
    </row>
    <row r="641253" spans="8:8">
      <c r="H641253" s="12"/>
    </row>
    <row r="641254" spans="8:8">
      <c r="H641254" s="12"/>
    </row>
    <row r="641255" spans="8:8">
      <c r="H641255" s="12"/>
    </row>
    <row r="641256" spans="8:8">
      <c r="H641256" s="12"/>
    </row>
    <row r="641257" spans="8:8">
      <c r="H641257" s="12"/>
    </row>
    <row r="641258" spans="8:8">
      <c r="H641258" s="12"/>
    </row>
    <row r="641259" spans="8:8">
      <c r="H641259" s="12"/>
    </row>
    <row r="641260" spans="8:8">
      <c r="H641260" s="12"/>
    </row>
    <row r="641261" spans="8:8">
      <c r="H641261" s="12"/>
    </row>
    <row r="641262" spans="8:8">
      <c r="H641262" s="12"/>
    </row>
    <row r="641263" spans="8:8">
      <c r="H641263" s="12"/>
    </row>
    <row r="641264" spans="8:8">
      <c r="H641264" s="12"/>
    </row>
    <row r="641265" spans="8:8">
      <c r="H641265" s="12"/>
    </row>
    <row r="641266" spans="8:8">
      <c r="H641266" s="12"/>
    </row>
    <row r="641267" spans="8:8">
      <c r="H641267" s="12"/>
    </row>
    <row r="641268" spans="8:8">
      <c r="H641268" s="12"/>
    </row>
    <row r="641269" spans="8:8">
      <c r="H641269" s="12"/>
    </row>
    <row r="641270" spans="8:8">
      <c r="H641270" s="12"/>
    </row>
    <row r="641271" spans="8:8">
      <c r="H641271" s="12"/>
    </row>
    <row r="641272" spans="8:8">
      <c r="H641272" s="12"/>
    </row>
    <row r="641273" spans="8:8">
      <c r="H641273" s="12"/>
    </row>
    <row r="641274" spans="8:8">
      <c r="H641274" s="12"/>
    </row>
    <row r="641275" spans="8:8">
      <c r="H641275" s="12"/>
    </row>
    <row r="641276" spans="8:8">
      <c r="H641276" s="12"/>
    </row>
    <row r="641277" spans="8:8">
      <c r="H641277" s="12"/>
    </row>
    <row r="641278" spans="8:8">
      <c r="H641278" s="12"/>
    </row>
    <row r="641279" spans="8:8">
      <c r="H641279" s="12"/>
    </row>
    <row r="641280" spans="8:8">
      <c r="H641280" s="12"/>
    </row>
    <row r="641281" spans="8:8">
      <c r="H641281" s="12"/>
    </row>
    <row r="641282" spans="8:8">
      <c r="H641282" s="12"/>
    </row>
    <row r="641283" spans="8:8">
      <c r="H641283" s="12"/>
    </row>
    <row r="641284" spans="8:8">
      <c r="H641284" s="12"/>
    </row>
    <row r="641285" spans="8:8">
      <c r="H641285" s="12"/>
    </row>
    <row r="641286" spans="8:8">
      <c r="H641286" s="12"/>
    </row>
    <row r="641287" spans="8:8">
      <c r="H641287" s="12"/>
    </row>
    <row r="641288" spans="8:8">
      <c r="H641288" s="12"/>
    </row>
    <row r="641289" spans="8:8">
      <c r="H641289" s="12"/>
    </row>
    <row r="641290" spans="8:8">
      <c r="H641290" s="12"/>
    </row>
    <row r="641291" spans="8:8">
      <c r="H641291" s="12"/>
    </row>
    <row r="641292" spans="8:8">
      <c r="H641292" s="12"/>
    </row>
    <row r="641293" spans="8:8">
      <c r="H641293" s="12"/>
    </row>
    <row r="641294" spans="8:8">
      <c r="H641294" s="12"/>
    </row>
    <row r="641295" spans="8:8">
      <c r="H641295" s="12"/>
    </row>
    <row r="641296" spans="8:8">
      <c r="H641296" s="12"/>
    </row>
    <row r="641297" spans="8:8">
      <c r="H641297" s="12"/>
    </row>
    <row r="641298" spans="8:8">
      <c r="H641298" s="12"/>
    </row>
    <row r="641299" spans="8:8">
      <c r="H641299" s="12"/>
    </row>
    <row r="641300" spans="8:8">
      <c r="H641300" s="12"/>
    </row>
    <row r="641301" spans="8:8">
      <c r="H641301" s="12"/>
    </row>
    <row r="641302" spans="8:8">
      <c r="H641302" s="12"/>
    </row>
    <row r="641303" spans="8:8">
      <c r="H641303" s="12"/>
    </row>
    <row r="641304" spans="8:8">
      <c r="H641304" s="12"/>
    </row>
    <row r="641305" spans="8:8">
      <c r="H641305" s="12"/>
    </row>
    <row r="641306" spans="8:8">
      <c r="H641306" s="12"/>
    </row>
    <row r="641307" spans="8:8">
      <c r="H641307" s="12"/>
    </row>
    <row r="641308" spans="8:8">
      <c r="H641308" s="12"/>
    </row>
    <row r="641309" spans="8:8">
      <c r="H641309" s="12"/>
    </row>
    <row r="641310" spans="8:8">
      <c r="H641310" s="12"/>
    </row>
    <row r="641311" spans="8:8">
      <c r="H641311" s="12"/>
    </row>
    <row r="641312" spans="8:8">
      <c r="H641312" s="12"/>
    </row>
    <row r="641313" spans="8:8">
      <c r="H641313" s="12"/>
    </row>
    <row r="641314" spans="8:8">
      <c r="H641314" s="12"/>
    </row>
    <row r="641315" spans="8:8">
      <c r="H641315" s="12"/>
    </row>
    <row r="641316" spans="8:8">
      <c r="H641316" s="12"/>
    </row>
    <row r="641317" spans="8:8">
      <c r="H641317" s="12"/>
    </row>
    <row r="641318" spans="8:8">
      <c r="H641318" s="12"/>
    </row>
    <row r="641319" spans="8:8">
      <c r="H641319" s="12"/>
    </row>
    <row r="641320" spans="8:8">
      <c r="H641320" s="12"/>
    </row>
    <row r="641321" spans="8:8">
      <c r="H641321" s="12"/>
    </row>
    <row r="641322" spans="8:8">
      <c r="H641322" s="12"/>
    </row>
    <row r="641323" spans="8:8">
      <c r="H641323" s="12"/>
    </row>
    <row r="641324" spans="8:8">
      <c r="H641324" s="12"/>
    </row>
    <row r="641325" spans="8:8">
      <c r="H641325" s="12"/>
    </row>
    <row r="641326" spans="8:8">
      <c r="H641326" s="12"/>
    </row>
    <row r="641327" spans="8:8">
      <c r="H641327" s="12"/>
    </row>
    <row r="641328" spans="8:8">
      <c r="H641328" s="12"/>
    </row>
    <row r="641329" spans="8:8">
      <c r="H641329" s="12"/>
    </row>
    <row r="641330" spans="8:8">
      <c r="H641330" s="12"/>
    </row>
    <row r="641331" spans="8:8">
      <c r="H641331" s="12"/>
    </row>
    <row r="641332" spans="8:8">
      <c r="H641332" s="12"/>
    </row>
    <row r="641333" spans="8:8">
      <c r="H641333" s="12"/>
    </row>
    <row r="641334" spans="8:8">
      <c r="H641334" s="12"/>
    </row>
    <row r="641335" spans="8:8">
      <c r="H641335" s="12"/>
    </row>
    <row r="641336" spans="8:8">
      <c r="H641336" s="12"/>
    </row>
    <row r="641337" spans="8:8">
      <c r="H641337" s="12"/>
    </row>
    <row r="641338" spans="8:8">
      <c r="H641338" s="12"/>
    </row>
    <row r="641339" spans="8:8">
      <c r="H641339" s="12"/>
    </row>
    <row r="641340" spans="8:8">
      <c r="H641340" s="12"/>
    </row>
    <row r="641341" spans="8:8">
      <c r="H641341" s="12"/>
    </row>
    <row r="641342" spans="8:8">
      <c r="H641342" s="12"/>
    </row>
    <row r="641343" spans="8:8">
      <c r="H641343" s="12"/>
    </row>
    <row r="641344" spans="8:8">
      <c r="H641344" s="12"/>
    </row>
    <row r="641345" spans="8:8">
      <c r="H641345" s="12"/>
    </row>
    <row r="641346" spans="8:8">
      <c r="H641346" s="12"/>
    </row>
    <row r="641347" spans="8:8">
      <c r="H641347" s="12"/>
    </row>
    <row r="641348" spans="8:8">
      <c r="H641348" s="12"/>
    </row>
    <row r="641349" spans="8:8">
      <c r="H641349" s="12"/>
    </row>
    <row r="641350" spans="8:8">
      <c r="H641350" s="12"/>
    </row>
    <row r="641351" spans="8:8">
      <c r="H641351" s="12"/>
    </row>
    <row r="641352" spans="8:8">
      <c r="H641352" s="12"/>
    </row>
    <row r="641353" spans="8:8">
      <c r="H641353" s="12"/>
    </row>
    <row r="641354" spans="8:8">
      <c r="H641354" s="12"/>
    </row>
    <row r="641355" spans="8:8">
      <c r="H641355" s="12"/>
    </row>
    <row r="641356" spans="8:8">
      <c r="H641356" s="12"/>
    </row>
    <row r="641357" spans="8:8">
      <c r="H641357" s="12"/>
    </row>
    <row r="641358" spans="8:8">
      <c r="H641358" s="12"/>
    </row>
    <row r="641359" spans="8:8">
      <c r="H641359" s="12"/>
    </row>
    <row r="641360" spans="8:8">
      <c r="H641360" s="12"/>
    </row>
    <row r="641361" spans="8:8">
      <c r="H641361" s="12"/>
    </row>
    <row r="641362" spans="8:8">
      <c r="H641362" s="12"/>
    </row>
    <row r="641363" spans="8:8">
      <c r="H641363" s="12"/>
    </row>
    <row r="641364" spans="8:8">
      <c r="H641364" s="12"/>
    </row>
    <row r="641365" spans="8:8">
      <c r="H641365" s="12"/>
    </row>
    <row r="641366" spans="8:8">
      <c r="H641366" s="12"/>
    </row>
    <row r="641367" spans="8:8">
      <c r="H641367" s="12"/>
    </row>
    <row r="641368" spans="8:8">
      <c r="H641368" s="12"/>
    </row>
    <row r="641369" spans="8:8">
      <c r="H641369" s="12"/>
    </row>
    <row r="641370" spans="8:8">
      <c r="H641370" s="12"/>
    </row>
    <row r="641371" spans="8:8">
      <c r="H641371" s="12"/>
    </row>
    <row r="641372" spans="8:8">
      <c r="H641372" s="12"/>
    </row>
    <row r="641373" spans="8:8">
      <c r="H641373" s="12"/>
    </row>
    <row r="641374" spans="8:8">
      <c r="H641374" s="12"/>
    </row>
    <row r="641375" spans="8:8">
      <c r="H641375" s="12"/>
    </row>
    <row r="641376" spans="8:8">
      <c r="H641376" s="12"/>
    </row>
    <row r="641377" spans="8:8">
      <c r="H641377" s="12"/>
    </row>
    <row r="641378" spans="8:8">
      <c r="H641378" s="12"/>
    </row>
    <row r="641379" spans="8:8">
      <c r="H641379" s="12"/>
    </row>
    <row r="641380" spans="8:8">
      <c r="H641380" s="12"/>
    </row>
    <row r="641381" spans="8:8">
      <c r="H641381" s="12"/>
    </row>
    <row r="641382" spans="8:8">
      <c r="H641382" s="12"/>
    </row>
    <row r="641383" spans="8:8">
      <c r="H641383" s="12"/>
    </row>
    <row r="641384" spans="8:8">
      <c r="H641384" s="12"/>
    </row>
    <row r="641385" spans="8:8">
      <c r="H641385" s="12"/>
    </row>
    <row r="641386" spans="8:8">
      <c r="H641386" s="12"/>
    </row>
    <row r="641387" spans="8:8">
      <c r="H641387" s="12"/>
    </row>
    <row r="641388" spans="8:8">
      <c r="H641388" s="12"/>
    </row>
    <row r="641389" spans="8:8">
      <c r="H641389" s="12"/>
    </row>
    <row r="641390" spans="8:8">
      <c r="H641390" s="12"/>
    </row>
    <row r="641391" spans="8:8">
      <c r="H641391" s="12"/>
    </row>
    <row r="641392" spans="8:8">
      <c r="H641392" s="12"/>
    </row>
    <row r="641393" spans="8:8">
      <c r="H641393" s="12"/>
    </row>
    <row r="641394" spans="8:8">
      <c r="H641394" s="12"/>
    </row>
    <row r="641395" spans="8:8">
      <c r="H641395" s="12"/>
    </row>
    <row r="641396" spans="8:8">
      <c r="H641396" s="12"/>
    </row>
    <row r="641397" spans="8:8">
      <c r="H641397" s="12"/>
    </row>
    <row r="641398" spans="8:8">
      <c r="H641398" s="12"/>
    </row>
    <row r="641399" spans="8:8">
      <c r="H641399" s="12"/>
    </row>
    <row r="641400" spans="8:8">
      <c r="H641400" s="12"/>
    </row>
    <row r="641401" spans="8:8">
      <c r="H641401" s="12"/>
    </row>
    <row r="641402" spans="8:8">
      <c r="H641402" s="12"/>
    </row>
    <row r="641403" spans="8:8">
      <c r="H641403" s="12"/>
    </row>
    <row r="641404" spans="8:8">
      <c r="H641404" s="12"/>
    </row>
    <row r="641405" spans="8:8">
      <c r="H641405" s="12"/>
    </row>
    <row r="641406" spans="8:8">
      <c r="H641406" s="12"/>
    </row>
    <row r="641407" spans="8:8">
      <c r="H641407" s="12"/>
    </row>
    <row r="641408" spans="8:8">
      <c r="H641408" s="12"/>
    </row>
    <row r="641409" spans="8:8">
      <c r="H641409" s="12"/>
    </row>
    <row r="641410" spans="8:8">
      <c r="H641410" s="12"/>
    </row>
    <row r="641411" spans="8:8">
      <c r="H641411" s="12"/>
    </row>
    <row r="641412" spans="8:8">
      <c r="H641412" s="12"/>
    </row>
    <row r="641413" spans="8:8">
      <c r="H641413" s="12"/>
    </row>
    <row r="641414" spans="8:8">
      <c r="H641414" s="12"/>
    </row>
    <row r="641415" spans="8:8">
      <c r="H641415" s="12"/>
    </row>
    <row r="641416" spans="8:8">
      <c r="H641416" s="12"/>
    </row>
    <row r="641417" spans="8:8">
      <c r="H641417" s="12"/>
    </row>
    <row r="641418" spans="8:8">
      <c r="H641418" s="12"/>
    </row>
    <row r="641419" spans="8:8">
      <c r="H641419" s="12"/>
    </row>
    <row r="641420" spans="8:8">
      <c r="H641420" s="12"/>
    </row>
    <row r="641421" spans="8:8">
      <c r="H641421" s="12"/>
    </row>
    <row r="641422" spans="8:8">
      <c r="H641422" s="12"/>
    </row>
    <row r="641423" spans="8:8">
      <c r="H641423" s="12"/>
    </row>
    <row r="641424" spans="8:8">
      <c r="H641424" s="12"/>
    </row>
    <row r="641425" spans="8:8">
      <c r="H641425" s="12"/>
    </row>
    <row r="641426" spans="8:8">
      <c r="H641426" s="12"/>
    </row>
    <row r="641427" spans="8:8">
      <c r="H641427" s="12"/>
    </row>
    <row r="641428" spans="8:8">
      <c r="H641428" s="12"/>
    </row>
    <row r="641429" spans="8:8">
      <c r="H641429" s="12"/>
    </row>
    <row r="641430" spans="8:8">
      <c r="H641430" s="12"/>
    </row>
    <row r="641431" spans="8:8">
      <c r="H641431" s="12"/>
    </row>
    <row r="641432" spans="8:8">
      <c r="H641432" s="12"/>
    </row>
    <row r="641433" spans="8:8">
      <c r="H641433" s="12"/>
    </row>
    <row r="641434" spans="8:8">
      <c r="H641434" s="12"/>
    </row>
    <row r="641435" spans="8:8">
      <c r="H641435" s="12"/>
    </row>
    <row r="641436" spans="8:8">
      <c r="H641436" s="12"/>
    </row>
    <row r="641437" spans="8:8">
      <c r="H641437" s="12"/>
    </row>
    <row r="641438" spans="8:8">
      <c r="H641438" s="12"/>
    </row>
    <row r="641439" spans="8:8">
      <c r="H641439" s="12"/>
    </row>
    <row r="641440" spans="8:8">
      <c r="H641440" s="12"/>
    </row>
    <row r="641441" spans="8:8">
      <c r="H641441" s="12"/>
    </row>
    <row r="641442" spans="8:8">
      <c r="H641442" s="12"/>
    </row>
    <row r="641443" spans="8:8">
      <c r="H641443" s="12"/>
    </row>
    <row r="641444" spans="8:8">
      <c r="H641444" s="12"/>
    </row>
    <row r="641445" spans="8:8">
      <c r="H641445" s="12"/>
    </row>
    <row r="641446" spans="8:8">
      <c r="H641446" s="12"/>
    </row>
    <row r="641447" spans="8:8">
      <c r="H641447" s="12"/>
    </row>
    <row r="641448" spans="8:8">
      <c r="H641448" s="12"/>
    </row>
    <row r="641449" spans="8:8">
      <c r="H641449" s="12"/>
    </row>
    <row r="641450" spans="8:8">
      <c r="H641450" s="12"/>
    </row>
    <row r="641451" spans="8:8">
      <c r="H641451" s="12"/>
    </row>
    <row r="641452" spans="8:8">
      <c r="H641452" s="12"/>
    </row>
    <row r="641453" spans="8:8">
      <c r="H641453" s="12"/>
    </row>
    <row r="641454" spans="8:8">
      <c r="H641454" s="12"/>
    </row>
    <row r="641455" spans="8:8">
      <c r="H641455" s="12"/>
    </row>
    <row r="641456" spans="8:8">
      <c r="H641456" s="12"/>
    </row>
    <row r="641457" spans="8:8">
      <c r="H641457" s="12"/>
    </row>
    <row r="641458" spans="8:8">
      <c r="H641458" s="12"/>
    </row>
    <row r="641459" spans="8:8">
      <c r="H641459" s="12"/>
    </row>
    <row r="641460" spans="8:8">
      <c r="H641460" s="12"/>
    </row>
    <row r="641461" spans="8:8">
      <c r="H641461" s="12"/>
    </row>
    <row r="641462" spans="8:8">
      <c r="H641462" s="12"/>
    </row>
    <row r="641463" spans="8:8">
      <c r="H641463" s="12"/>
    </row>
    <row r="641464" spans="8:8">
      <c r="H641464" s="12"/>
    </row>
    <row r="641465" spans="8:8">
      <c r="H641465" s="12"/>
    </row>
    <row r="641466" spans="8:8">
      <c r="H641466" s="12"/>
    </row>
    <row r="641467" spans="8:8">
      <c r="H641467" s="12"/>
    </row>
    <row r="641468" spans="8:8">
      <c r="H641468" s="12"/>
    </row>
    <row r="641469" spans="8:8">
      <c r="H641469" s="12"/>
    </row>
    <row r="641470" spans="8:8">
      <c r="H641470" s="12"/>
    </row>
    <row r="641471" spans="8:8">
      <c r="H641471" s="12"/>
    </row>
    <row r="641472" spans="8:8">
      <c r="H641472" s="12"/>
    </row>
    <row r="641473" spans="8:8">
      <c r="H641473" s="12"/>
    </row>
    <row r="641474" spans="8:8">
      <c r="H641474" s="12"/>
    </row>
    <row r="641475" spans="8:8">
      <c r="H641475" s="12"/>
    </row>
    <row r="641476" spans="8:8">
      <c r="H641476" s="12"/>
    </row>
    <row r="641477" spans="8:8">
      <c r="H641477" s="12"/>
    </row>
    <row r="641478" spans="8:8">
      <c r="H641478" s="12"/>
    </row>
    <row r="641479" spans="8:8">
      <c r="H641479" s="12"/>
    </row>
    <row r="641480" spans="8:8">
      <c r="H641480" s="12"/>
    </row>
    <row r="641481" spans="8:8">
      <c r="H641481" s="12"/>
    </row>
    <row r="641482" spans="8:8">
      <c r="H641482" s="12"/>
    </row>
    <row r="641483" spans="8:8">
      <c r="H641483" s="12"/>
    </row>
    <row r="641484" spans="8:8">
      <c r="H641484" s="12"/>
    </row>
    <row r="641485" spans="8:8">
      <c r="H641485" s="12"/>
    </row>
    <row r="641486" spans="8:8">
      <c r="H641486" s="12"/>
    </row>
    <row r="641487" spans="8:8">
      <c r="H641487" s="12"/>
    </row>
    <row r="641488" spans="8:8">
      <c r="H641488" s="12"/>
    </row>
    <row r="641489" spans="8:8">
      <c r="H641489" s="12"/>
    </row>
    <row r="641490" spans="8:8">
      <c r="H641490" s="12"/>
    </row>
    <row r="641491" spans="8:8">
      <c r="H641491" s="12"/>
    </row>
    <row r="641492" spans="8:8">
      <c r="H641492" s="12"/>
    </row>
    <row r="641493" spans="8:8">
      <c r="H641493" s="12"/>
    </row>
    <row r="641494" spans="8:8">
      <c r="H641494" s="12"/>
    </row>
    <row r="641495" spans="8:8">
      <c r="H641495" s="12"/>
    </row>
    <row r="641496" spans="8:8">
      <c r="H641496" s="12"/>
    </row>
    <row r="641497" spans="8:8">
      <c r="H641497" s="12"/>
    </row>
    <row r="641498" spans="8:8">
      <c r="H641498" s="12"/>
    </row>
    <row r="641499" spans="8:8">
      <c r="H641499" s="12"/>
    </row>
    <row r="641500" spans="8:8">
      <c r="H641500" s="12"/>
    </row>
    <row r="641501" spans="8:8">
      <c r="H641501" s="12"/>
    </row>
    <row r="641502" spans="8:8">
      <c r="H641502" s="12"/>
    </row>
    <row r="641503" spans="8:8">
      <c r="H641503" s="12"/>
    </row>
    <row r="641504" spans="8:8">
      <c r="H641504" s="12"/>
    </row>
    <row r="641505" spans="8:8">
      <c r="H641505" s="12"/>
    </row>
    <row r="641506" spans="8:8">
      <c r="H641506" s="12"/>
    </row>
    <row r="641507" spans="8:8">
      <c r="H641507" s="12"/>
    </row>
    <row r="641508" spans="8:8">
      <c r="H641508" s="12"/>
    </row>
    <row r="641509" spans="8:8">
      <c r="H641509" s="12"/>
    </row>
    <row r="641510" spans="8:8">
      <c r="H641510" s="12"/>
    </row>
    <row r="641511" spans="8:8">
      <c r="H641511" s="12"/>
    </row>
    <row r="641512" spans="8:8">
      <c r="H641512" s="12"/>
    </row>
    <row r="641513" spans="8:8">
      <c r="H641513" s="12"/>
    </row>
    <row r="641514" spans="8:8">
      <c r="H641514" s="12"/>
    </row>
    <row r="641515" spans="8:8">
      <c r="H641515" s="12"/>
    </row>
    <row r="641516" spans="8:8">
      <c r="H641516" s="12"/>
    </row>
    <row r="641517" spans="8:8">
      <c r="H641517" s="12"/>
    </row>
    <row r="641518" spans="8:8">
      <c r="H641518" s="12"/>
    </row>
    <row r="641519" spans="8:8">
      <c r="H641519" s="12"/>
    </row>
    <row r="641520" spans="8:8">
      <c r="H641520" s="12"/>
    </row>
    <row r="641521" spans="8:8">
      <c r="H641521" s="12"/>
    </row>
    <row r="641522" spans="8:8">
      <c r="H641522" s="12"/>
    </row>
    <row r="641523" spans="8:8">
      <c r="H641523" s="12"/>
    </row>
    <row r="641524" spans="8:8">
      <c r="H641524" s="12"/>
    </row>
    <row r="641525" spans="8:8">
      <c r="H641525" s="12"/>
    </row>
    <row r="641526" spans="8:8">
      <c r="H641526" s="12"/>
    </row>
    <row r="641527" spans="8:8">
      <c r="H641527" s="12"/>
    </row>
    <row r="641528" spans="8:8">
      <c r="H641528" s="12"/>
    </row>
    <row r="641529" spans="8:8">
      <c r="H641529" s="12"/>
    </row>
    <row r="641530" spans="8:8">
      <c r="H641530" s="12"/>
    </row>
    <row r="641531" spans="8:8">
      <c r="H641531" s="12"/>
    </row>
    <row r="641532" spans="8:8">
      <c r="H641532" s="12"/>
    </row>
    <row r="641533" spans="8:8">
      <c r="H641533" s="12"/>
    </row>
    <row r="641534" spans="8:8">
      <c r="H641534" s="12"/>
    </row>
    <row r="641535" spans="8:8">
      <c r="H641535" s="12"/>
    </row>
    <row r="641536" spans="8:8">
      <c r="H641536" s="12"/>
    </row>
    <row r="641537" spans="8:8">
      <c r="H641537" s="12"/>
    </row>
    <row r="641538" spans="8:8">
      <c r="H641538" s="12"/>
    </row>
    <row r="641539" spans="8:8">
      <c r="H641539" s="12"/>
    </row>
    <row r="641540" spans="8:8">
      <c r="H641540" s="12"/>
    </row>
    <row r="641541" spans="8:8">
      <c r="H641541" s="12"/>
    </row>
    <row r="641542" spans="8:8">
      <c r="H641542" s="12"/>
    </row>
    <row r="641543" spans="8:8">
      <c r="H641543" s="12"/>
    </row>
    <row r="641544" spans="8:8">
      <c r="H641544" s="12"/>
    </row>
    <row r="641545" spans="8:8">
      <c r="H641545" s="12"/>
    </row>
    <row r="641546" spans="8:8">
      <c r="H641546" s="12"/>
    </row>
    <row r="641547" spans="8:8">
      <c r="H641547" s="12"/>
    </row>
    <row r="641548" spans="8:8">
      <c r="H641548" s="12"/>
    </row>
    <row r="641549" spans="8:8">
      <c r="H641549" s="12"/>
    </row>
    <row r="641550" spans="8:8">
      <c r="H641550" s="12"/>
    </row>
    <row r="641551" spans="8:8">
      <c r="H641551" s="12"/>
    </row>
    <row r="641552" spans="8:8">
      <c r="H641552" s="12"/>
    </row>
    <row r="641553" spans="8:8">
      <c r="H641553" s="12"/>
    </row>
    <row r="641554" spans="8:8">
      <c r="H641554" s="12"/>
    </row>
    <row r="641555" spans="8:8">
      <c r="H641555" s="12"/>
    </row>
    <row r="641556" spans="8:8">
      <c r="H641556" s="12"/>
    </row>
    <row r="641557" spans="8:8">
      <c r="H641557" s="12"/>
    </row>
    <row r="641558" spans="8:8">
      <c r="H641558" s="12"/>
    </row>
    <row r="641559" spans="8:8">
      <c r="H641559" s="12"/>
    </row>
    <row r="641560" spans="8:8">
      <c r="H641560" s="12"/>
    </row>
    <row r="641561" spans="8:8">
      <c r="H641561" s="12"/>
    </row>
    <row r="641562" spans="8:8">
      <c r="H641562" s="12"/>
    </row>
    <row r="641563" spans="8:8">
      <c r="H641563" s="12"/>
    </row>
    <row r="641564" spans="8:8">
      <c r="H641564" s="12"/>
    </row>
    <row r="641565" spans="8:8">
      <c r="H641565" s="12"/>
    </row>
    <row r="641566" spans="8:8">
      <c r="H641566" s="12"/>
    </row>
    <row r="641567" spans="8:8">
      <c r="H641567" s="12"/>
    </row>
    <row r="641568" spans="8:8">
      <c r="H641568" s="12"/>
    </row>
    <row r="641569" spans="8:8">
      <c r="H641569" s="12"/>
    </row>
    <row r="641570" spans="8:8">
      <c r="H641570" s="12"/>
    </row>
    <row r="641571" spans="8:8">
      <c r="H641571" s="12"/>
    </row>
    <row r="641572" spans="8:8">
      <c r="H641572" s="12"/>
    </row>
    <row r="641573" spans="8:8">
      <c r="H641573" s="12"/>
    </row>
    <row r="641574" spans="8:8">
      <c r="H641574" s="12"/>
    </row>
    <row r="641575" spans="8:8">
      <c r="H641575" s="12"/>
    </row>
    <row r="641576" spans="8:8">
      <c r="H641576" s="12"/>
    </row>
    <row r="641577" spans="8:8">
      <c r="H641577" s="12"/>
    </row>
    <row r="641578" spans="8:8">
      <c r="H641578" s="12"/>
    </row>
    <row r="641579" spans="8:8">
      <c r="H641579" s="12"/>
    </row>
    <row r="641580" spans="8:8">
      <c r="H641580" s="12"/>
    </row>
    <row r="641581" spans="8:8">
      <c r="H641581" s="12"/>
    </row>
    <row r="641582" spans="8:8">
      <c r="H641582" s="12"/>
    </row>
    <row r="641583" spans="8:8">
      <c r="H641583" s="12"/>
    </row>
    <row r="641584" spans="8:8">
      <c r="H641584" s="12"/>
    </row>
    <row r="641585" spans="8:8">
      <c r="H641585" s="12"/>
    </row>
    <row r="641586" spans="8:8">
      <c r="H641586" s="12"/>
    </row>
    <row r="641587" spans="8:8">
      <c r="H641587" s="12"/>
    </row>
    <row r="641588" spans="8:8">
      <c r="H641588" s="12"/>
    </row>
    <row r="641589" spans="8:8">
      <c r="H641589" s="12"/>
    </row>
    <row r="641590" spans="8:8">
      <c r="H641590" s="12"/>
    </row>
    <row r="641591" spans="8:8">
      <c r="H641591" s="12"/>
    </row>
    <row r="641592" spans="8:8">
      <c r="H641592" s="12"/>
    </row>
    <row r="641593" spans="8:8">
      <c r="H641593" s="12"/>
    </row>
    <row r="641594" spans="8:8">
      <c r="H641594" s="12"/>
    </row>
    <row r="641595" spans="8:8">
      <c r="H641595" s="12"/>
    </row>
    <row r="641596" spans="8:8">
      <c r="H641596" s="12"/>
    </row>
    <row r="641597" spans="8:8">
      <c r="H641597" s="12"/>
    </row>
    <row r="641598" spans="8:8">
      <c r="H641598" s="12"/>
    </row>
    <row r="641599" spans="8:8">
      <c r="H641599" s="12"/>
    </row>
    <row r="641600" spans="8:8">
      <c r="H641600" s="12"/>
    </row>
    <row r="641601" spans="8:8">
      <c r="H641601" s="12"/>
    </row>
    <row r="641602" spans="8:8">
      <c r="H641602" s="12"/>
    </row>
    <row r="641603" spans="8:8">
      <c r="H641603" s="12"/>
    </row>
    <row r="641604" spans="8:8">
      <c r="H641604" s="12"/>
    </row>
    <row r="641605" spans="8:8">
      <c r="H641605" s="12"/>
    </row>
    <row r="641606" spans="8:8">
      <c r="H641606" s="12"/>
    </row>
    <row r="641607" spans="8:8">
      <c r="H641607" s="12"/>
    </row>
    <row r="641608" spans="8:8">
      <c r="H641608" s="12"/>
    </row>
    <row r="641609" spans="8:8">
      <c r="H641609" s="12"/>
    </row>
    <row r="641610" spans="8:8">
      <c r="H641610" s="12"/>
    </row>
    <row r="641611" spans="8:8">
      <c r="H641611" s="12"/>
    </row>
    <row r="641612" spans="8:8">
      <c r="H641612" s="12"/>
    </row>
    <row r="641613" spans="8:8">
      <c r="H641613" s="12"/>
    </row>
    <row r="641614" spans="8:8">
      <c r="H641614" s="12"/>
    </row>
    <row r="641615" spans="8:8">
      <c r="H641615" s="12"/>
    </row>
    <row r="641616" spans="8:8">
      <c r="H641616" s="12"/>
    </row>
    <row r="641617" spans="8:8">
      <c r="H641617" s="12"/>
    </row>
    <row r="641618" spans="8:8">
      <c r="H641618" s="12"/>
    </row>
    <row r="641619" spans="8:8">
      <c r="H641619" s="12"/>
    </row>
    <row r="641620" spans="8:8">
      <c r="H641620" s="12"/>
    </row>
    <row r="641621" spans="8:8">
      <c r="H641621" s="12"/>
    </row>
    <row r="641622" spans="8:8">
      <c r="H641622" s="12"/>
    </row>
    <row r="641623" spans="8:8">
      <c r="H641623" s="12"/>
    </row>
    <row r="641624" spans="8:8">
      <c r="H641624" s="12"/>
    </row>
    <row r="641625" spans="8:8">
      <c r="H641625" s="12"/>
    </row>
    <row r="641626" spans="8:8">
      <c r="H641626" s="12"/>
    </row>
    <row r="641627" spans="8:8">
      <c r="H641627" s="12"/>
    </row>
    <row r="641628" spans="8:8">
      <c r="H641628" s="12"/>
    </row>
    <row r="641629" spans="8:8">
      <c r="H641629" s="12"/>
    </row>
    <row r="641630" spans="8:8">
      <c r="H641630" s="12"/>
    </row>
    <row r="641631" spans="8:8">
      <c r="H641631" s="12"/>
    </row>
    <row r="641632" spans="8:8">
      <c r="H641632" s="12"/>
    </row>
    <row r="641633" spans="8:8">
      <c r="H641633" s="12"/>
    </row>
    <row r="641634" spans="8:8">
      <c r="H641634" s="12"/>
    </row>
    <row r="641635" spans="8:8">
      <c r="H641635" s="12"/>
    </row>
    <row r="641636" spans="8:8">
      <c r="H641636" s="12"/>
    </row>
    <row r="641637" spans="8:8">
      <c r="H641637" s="12"/>
    </row>
    <row r="641638" spans="8:8">
      <c r="H641638" s="12"/>
    </row>
    <row r="641639" spans="8:8">
      <c r="H641639" s="12"/>
    </row>
    <row r="641640" spans="8:8">
      <c r="H641640" s="12"/>
    </row>
    <row r="641641" spans="8:8">
      <c r="H641641" s="12"/>
    </row>
    <row r="641642" spans="8:8">
      <c r="H641642" s="12"/>
    </row>
    <row r="641643" spans="8:8">
      <c r="H641643" s="12"/>
    </row>
    <row r="641644" spans="8:8">
      <c r="H641644" s="12"/>
    </row>
    <row r="641645" spans="8:8">
      <c r="H641645" s="12"/>
    </row>
    <row r="641646" spans="8:8">
      <c r="H641646" s="12"/>
    </row>
    <row r="641647" spans="8:8">
      <c r="H641647" s="12"/>
    </row>
    <row r="641648" spans="8:8">
      <c r="H641648" s="12"/>
    </row>
    <row r="641649" spans="8:8">
      <c r="H641649" s="12"/>
    </row>
    <row r="641650" spans="8:8">
      <c r="H641650" s="12"/>
    </row>
    <row r="641651" spans="8:8">
      <c r="H641651" s="12"/>
    </row>
    <row r="641652" spans="8:8">
      <c r="H641652" s="12"/>
    </row>
    <row r="641653" spans="8:8">
      <c r="H641653" s="12"/>
    </row>
    <row r="641654" spans="8:8">
      <c r="H641654" s="12"/>
    </row>
    <row r="641655" spans="8:8">
      <c r="H641655" s="12"/>
    </row>
    <row r="641656" spans="8:8">
      <c r="H641656" s="12"/>
    </row>
    <row r="641657" spans="8:8">
      <c r="H641657" s="12"/>
    </row>
    <row r="641658" spans="8:8">
      <c r="H641658" s="12"/>
    </row>
    <row r="641659" spans="8:8">
      <c r="H641659" s="12"/>
    </row>
    <row r="641660" spans="8:8">
      <c r="H641660" s="12"/>
    </row>
    <row r="641661" spans="8:8">
      <c r="H641661" s="12"/>
    </row>
    <row r="641662" spans="8:8">
      <c r="H641662" s="12"/>
    </row>
    <row r="641663" spans="8:8">
      <c r="H641663" s="12"/>
    </row>
    <row r="641664" spans="8:8">
      <c r="H641664" s="12"/>
    </row>
    <row r="641665" spans="8:8">
      <c r="H641665" s="12"/>
    </row>
    <row r="641666" spans="8:8">
      <c r="H641666" s="12"/>
    </row>
    <row r="641667" spans="8:8">
      <c r="H641667" s="12"/>
    </row>
    <row r="641668" spans="8:8">
      <c r="H641668" s="12"/>
    </row>
    <row r="641669" spans="8:8">
      <c r="H641669" s="12"/>
    </row>
    <row r="641670" spans="8:8">
      <c r="H641670" s="12"/>
    </row>
    <row r="641671" spans="8:8">
      <c r="H641671" s="12"/>
    </row>
    <row r="641672" spans="8:8">
      <c r="H641672" s="12"/>
    </row>
    <row r="641673" spans="8:8">
      <c r="H641673" s="12"/>
    </row>
    <row r="641674" spans="8:8">
      <c r="H641674" s="12"/>
    </row>
    <row r="641675" spans="8:8">
      <c r="H641675" s="12"/>
    </row>
    <row r="641676" spans="8:8">
      <c r="H641676" s="12"/>
    </row>
    <row r="641677" spans="8:8">
      <c r="H641677" s="12"/>
    </row>
    <row r="641678" spans="8:8">
      <c r="H641678" s="12"/>
    </row>
    <row r="641679" spans="8:8">
      <c r="H641679" s="12"/>
    </row>
    <row r="641680" spans="8:8">
      <c r="H641680" s="12"/>
    </row>
    <row r="641681" spans="8:8">
      <c r="H641681" s="12"/>
    </row>
    <row r="641682" spans="8:8">
      <c r="H641682" s="12"/>
    </row>
    <row r="641683" spans="8:8">
      <c r="H641683" s="12"/>
    </row>
    <row r="641684" spans="8:8">
      <c r="H641684" s="12"/>
    </row>
    <row r="641685" spans="8:8">
      <c r="H641685" s="12"/>
    </row>
    <row r="641686" spans="8:8">
      <c r="H641686" s="12"/>
    </row>
    <row r="641687" spans="8:8">
      <c r="H641687" s="12"/>
    </row>
    <row r="641688" spans="8:8">
      <c r="H641688" s="12"/>
    </row>
    <row r="641689" spans="8:8">
      <c r="H641689" s="12"/>
    </row>
    <row r="641690" spans="8:8">
      <c r="H641690" s="12"/>
    </row>
    <row r="641691" spans="8:8">
      <c r="H641691" s="12"/>
    </row>
    <row r="641692" spans="8:8">
      <c r="H641692" s="12"/>
    </row>
    <row r="641693" spans="8:8">
      <c r="H641693" s="12"/>
    </row>
    <row r="641694" spans="8:8">
      <c r="H641694" s="12"/>
    </row>
    <row r="641695" spans="8:8">
      <c r="H641695" s="12"/>
    </row>
    <row r="641696" spans="8:8">
      <c r="H641696" s="12"/>
    </row>
    <row r="641697" spans="8:8">
      <c r="H641697" s="12"/>
    </row>
    <row r="641698" spans="8:8">
      <c r="H641698" s="12"/>
    </row>
    <row r="641699" spans="8:8">
      <c r="H641699" s="12"/>
    </row>
    <row r="641700" spans="8:8">
      <c r="H641700" s="12"/>
    </row>
    <row r="641701" spans="8:8">
      <c r="H641701" s="12"/>
    </row>
    <row r="641702" spans="8:8">
      <c r="H641702" s="12"/>
    </row>
    <row r="641703" spans="8:8">
      <c r="H641703" s="12"/>
    </row>
    <row r="641704" spans="8:8">
      <c r="H641704" s="12"/>
    </row>
    <row r="641705" spans="8:8">
      <c r="H641705" s="12"/>
    </row>
    <row r="641706" spans="8:8">
      <c r="H641706" s="12"/>
    </row>
    <row r="641707" spans="8:8">
      <c r="H641707" s="12"/>
    </row>
    <row r="641708" spans="8:8">
      <c r="H641708" s="12"/>
    </row>
    <row r="641709" spans="8:8">
      <c r="H641709" s="12"/>
    </row>
    <row r="641710" spans="8:8">
      <c r="H641710" s="12"/>
    </row>
    <row r="641711" spans="8:8">
      <c r="H641711" s="12"/>
    </row>
    <row r="641712" spans="8:8">
      <c r="H641712" s="12"/>
    </row>
    <row r="641713" spans="8:8">
      <c r="H641713" s="12"/>
    </row>
    <row r="641714" spans="8:8">
      <c r="H641714" s="12"/>
    </row>
    <row r="641715" spans="8:8">
      <c r="H641715" s="12"/>
    </row>
    <row r="641716" spans="8:8">
      <c r="H641716" s="12"/>
    </row>
    <row r="641717" spans="8:8">
      <c r="H641717" s="12"/>
    </row>
    <row r="641718" spans="8:8">
      <c r="H641718" s="12"/>
    </row>
    <row r="641719" spans="8:8">
      <c r="H641719" s="12"/>
    </row>
    <row r="641720" spans="8:8">
      <c r="H641720" s="12"/>
    </row>
    <row r="641721" spans="8:8">
      <c r="H641721" s="12"/>
    </row>
    <row r="641722" spans="8:8">
      <c r="H641722" s="12"/>
    </row>
    <row r="641723" spans="8:8">
      <c r="H641723" s="12"/>
    </row>
    <row r="641724" spans="8:8">
      <c r="H641724" s="12"/>
    </row>
    <row r="641725" spans="8:8">
      <c r="H641725" s="12"/>
    </row>
    <row r="641726" spans="8:8">
      <c r="H641726" s="12"/>
    </row>
    <row r="641727" spans="8:8">
      <c r="H641727" s="12"/>
    </row>
    <row r="641728" spans="8:8">
      <c r="H641728" s="12"/>
    </row>
    <row r="641729" spans="8:8">
      <c r="H641729" s="12"/>
    </row>
    <row r="641730" spans="8:8">
      <c r="H641730" s="12"/>
    </row>
    <row r="641731" spans="8:8">
      <c r="H641731" s="12"/>
    </row>
    <row r="641732" spans="8:8">
      <c r="H641732" s="12"/>
    </row>
    <row r="641733" spans="8:8">
      <c r="H641733" s="12"/>
    </row>
    <row r="641734" spans="8:8">
      <c r="H641734" s="12"/>
    </row>
    <row r="641735" spans="8:8">
      <c r="H641735" s="12"/>
    </row>
    <row r="641736" spans="8:8">
      <c r="H641736" s="12"/>
    </row>
    <row r="641737" spans="8:8">
      <c r="H641737" s="12"/>
    </row>
    <row r="641738" spans="8:8">
      <c r="H641738" s="12"/>
    </row>
    <row r="641739" spans="8:8">
      <c r="H641739" s="12"/>
    </row>
    <row r="641740" spans="8:8">
      <c r="H641740" s="12"/>
    </row>
    <row r="641741" spans="8:8">
      <c r="H641741" s="12"/>
    </row>
    <row r="641742" spans="8:8">
      <c r="H641742" s="12"/>
    </row>
    <row r="641743" spans="8:8">
      <c r="H641743" s="12"/>
    </row>
    <row r="641744" spans="8:8">
      <c r="H641744" s="12"/>
    </row>
    <row r="641745" spans="8:8">
      <c r="H641745" s="12"/>
    </row>
    <row r="641746" spans="8:8">
      <c r="H641746" s="12"/>
    </row>
    <row r="641747" spans="8:8">
      <c r="H641747" s="12"/>
    </row>
    <row r="641748" spans="8:8">
      <c r="H641748" s="12"/>
    </row>
    <row r="641749" spans="8:8">
      <c r="H641749" s="12"/>
    </row>
    <row r="641750" spans="8:8">
      <c r="H641750" s="12"/>
    </row>
    <row r="641751" spans="8:8">
      <c r="H641751" s="12"/>
    </row>
    <row r="641752" spans="8:8">
      <c r="H641752" s="12"/>
    </row>
    <row r="641753" spans="8:8">
      <c r="H641753" s="12"/>
    </row>
    <row r="641754" spans="8:8">
      <c r="H641754" s="12"/>
    </row>
    <row r="641755" spans="8:8">
      <c r="H641755" s="12"/>
    </row>
    <row r="641756" spans="8:8">
      <c r="H641756" s="12"/>
    </row>
    <row r="641757" spans="8:8">
      <c r="H641757" s="12"/>
    </row>
    <row r="641758" spans="8:8">
      <c r="H641758" s="12"/>
    </row>
    <row r="641759" spans="8:8">
      <c r="H641759" s="12"/>
    </row>
    <row r="641760" spans="8:8">
      <c r="H641760" s="12"/>
    </row>
    <row r="641761" spans="8:8">
      <c r="H641761" s="12"/>
    </row>
    <row r="641762" spans="8:8">
      <c r="H641762" s="12"/>
    </row>
    <row r="641763" spans="8:8">
      <c r="H641763" s="12"/>
    </row>
    <row r="641764" spans="8:8">
      <c r="H641764" s="12"/>
    </row>
    <row r="641765" spans="8:8">
      <c r="H641765" s="12"/>
    </row>
    <row r="641766" spans="8:8">
      <c r="H641766" s="12"/>
    </row>
    <row r="641767" spans="8:8">
      <c r="H641767" s="12"/>
    </row>
    <row r="641768" spans="8:8">
      <c r="H641768" s="12"/>
    </row>
    <row r="641769" spans="8:8">
      <c r="H641769" s="12"/>
    </row>
    <row r="641770" spans="8:8">
      <c r="H641770" s="12"/>
    </row>
    <row r="641771" spans="8:8">
      <c r="H641771" s="12"/>
    </row>
    <row r="641772" spans="8:8">
      <c r="H641772" s="12"/>
    </row>
    <row r="641773" spans="8:8">
      <c r="H641773" s="12"/>
    </row>
    <row r="641774" spans="8:8">
      <c r="H641774" s="12"/>
    </row>
    <row r="641775" spans="8:8">
      <c r="H641775" s="12"/>
    </row>
    <row r="641776" spans="8:8">
      <c r="H641776" s="12"/>
    </row>
    <row r="641777" spans="8:8">
      <c r="H641777" s="12"/>
    </row>
    <row r="641778" spans="8:8">
      <c r="H641778" s="12"/>
    </row>
    <row r="641779" spans="8:8">
      <c r="H641779" s="12"/>
    </row>
    <row r="641780" spans="8:8">
      <c r="H641780" s="12"/>
    </row>
    <row r="641781" spans="8:8">
      <c r="H641781" s="12"/>
    </row>
    <row r="641782" spans="8:8">
      <c r="H641782" s="12"/>
    </row>
    <row r="641783" spans="8:8">
      <c r="H641783" s="12"/>
    </row>
    <row r="641784" spans="8:8">
      <c r="H641784" s="12"/>
    </row>
    <row r="641785" spans="8:8">
      <c r="H641785" s="12"/>
    </row>
    <row r="641786" spans="8:8">
      <c r="H641786" s="12"/>
    </row>
    <row r="641787" spans="8:8">
      <c r="H641787" s="12"/>
    </row>
    <row r="641788" spans="8:8">
      <c r="H641788" s="12"/>
    </row>
    <row r="641789" spans="8:8">
      <c r="H641789" s="12"/>
    </row>
    <row r="641790" spans="8:8">
      <c r="H641790" s="12"/>
    </row>
    <row r="641791" spans="8:8">
      <c r="H641791" s="12"/>
    </row>
    <row r="641792" spans="8:8">
      <c r="H641792" s="12"/>
    </row>
    <row r="641793" spans="8:8">
      <c r="H641793" s="12"/>
    </row>
    <row r="641794" spans="8:8">
      <c r="H641794" s="12"/>
    </row>
    <row r="641795" spans="8:8">
      <c r="H641795" s="12"/>
    </row>
    <row r="641796" spans="8:8">
      <c r="H641796" s="12"/>
    </row>
    <row r="641797" spans="8:8">
      <c r="H641797" s="12"/>
    </row>
    <row r="641798" spans="8:8">
      <c r="H641798" s="12"/>
    </row>
    <row r="641799" spans="8:8">
      <c r="H641799" s="12"/>
    </row>
    <row r="641800" spans="8:8">
      <c r="H641800" s="12"/>
    </row>
    <row r="641801" spans="8:8">
      <c r="H641801" s="12"/>
    </row>
    <row r="641802" spans="8:8">
      <c r="H641802" s="12"/>
    </row>
    <row r="641803" spans="8:8">
      <c r="H641803" s="12"/>
    </row>
    <row r="641804" spans="8:8">
      <c r="H641804" s="12"/>
    </row>
    <row r="641805" spans="8:8">
      <c r="H641805" s="12"/>
    </row>
    <row r="641806" spans="8:8">
      <c r="H641806" s="12"/>
    </row>
    <row r="641807" spans="8:8">
      <c r="H641807" s="12"/>
    </row>
    <row r="641808" spans="8:8">
      <c r="H641808" s="12"/>
    </row>
    <row r="641809" spans="8:8">
      <c r="H641809" s="12"/>
    </row>
    <row r="641810" spans="8:8">
      <c r="H641810" s="12"/>
    </row>
    <row r="641811" spans="8:8">
      <c r="H641811" s="12"/>
    </row>
    <row r="641812" spans="8:8">
      <c r="H641812" s="12"/>
    </row>
    <row r="641813" spans="8:8">
      <c r="H641813" s="12"/>
    </row>
    <row r="641814" spans="8:8">
      <c r="H641814" s="12"/>
    </row>
    <row r="641815" spans="8:8">
      <c r="H641815" s="12"/>
    </row>
    <row r="641816" spans="8:8">
      <c r="H641816" s="12"/>
    </row>
    <row r="641817" spans="8:8">
      <c r="H641817" s="12"/>
    </row>
    <row r="641818" spans="8:8">
      <c r="H641818" s="12"/>
    </row>
    <row r="641819" spans="8:8">
      <c r="H641819" s="12"/>
    </row>
    <row r="641820" spans="8:8">
      <c r="H641820" s="12"/>
    </row>
    <row r="641821" spans="8:8">
      <c r="H641821" s="12"/>
    </row>
    <row r="641822" spans="8:8">
      <c r="H641822" s="12"/>
    </row>
    <row r="641823" spans="8:8">
      <c r="H641823" s="12"/>
    </row>
    <row r="641824" spans="8:8">
      <c r="H641824" s="12"/>
    </row>
    <row r="641825" spans="8:8">
      <c r="H641825" s="12"/>
    </row>
    <row r="641826" spans="8:8">
      <c r="H641826" s="12"/>
    </row>
    <row r="641827" spans="8:8">
      <c r="H641827" s="12"/>
    </row>
    <row r="641828" spans="8:8">
      <c r="H641828" s="12"/>
    </row>
    <row r="641829" spans="8:8">
      <c r="H641829" s="12"/>
    </row>
    <row r="641830" spans="8:8">
      <c r="H641830" s="12"/>
    </row>
    <row r="641831" spans="8:8">
      <c r="H641831" s="12"/>
    </row>
    <row r="641832" spans="8:8">
      <c r="H641832" s="12"/>
    </row>
    <row r="641833" spans="8:8">
      <c r="H641833" s="12"/>
    </row>
    <row r="641834" spans="8:8">
      <c r="H641834" s="12"/>
    </row>
    <row r="641835" spans="8:8">
      <c r="H641835" s="12"/>
    </row>
    <row r="641836" spans="8:8">
      <c r="H641836" s="12"/>
    </row>
    <row r="641837" spans="8:8">
      <c r="H641837" s="12"/>
    </row>
    <row r="641838" spans="8:8">
      <c r="H641838" s="12"/>
    </row>
    <row r="641839" spans="8:8">
      <c r="H641839" s="12"/>
    </row>
    <row r="641840" spans="8:8">
      <c r="H641840" s="12"/>
    </row>
    <row r="641841" spans="8:8">
      <c r="H641841" s="12"/>
    </row>
    <row r="641842" spans="8:8">
      <c r="H641842" s="12"/>
    </row>
    <row r="641843" spans="8:8">
      <c r="H641843" s="12"/>
    </row>
    <row r="641844" spans="8:8">
      <c r="H641844" s="12"/>
    </row>
    <row r="641845" spans="8:8">
      <c r="H641845" s="12"/>
    </row>
    <row r="641846" spans="8:8">
      <c r="H641846" s="12"/>
    </row>
    <row r="641847" spans="8:8">
      <c r="H641847" s="12"/>
    </row>
    <row r="641848" spans="8:8">
      <c r="H641848" s="12"/>
    </row>
    <row r="641849" spans="8:8">
      <c r="H641849" s="12"/>
    </row>
    <row r="641850" spans="8:8">
      <c r="H641850" s="12"/>
    </row>
    <row r="641851" spans="8:8">
      <c r="H641851" s="12"/>
    </row>
    <row r="641852" spans="8:8">
      <c r="H641852" s="12"/>
    </row>
    <row r="641853" spans="8:8">
      <c r="H641853" s="12"/>
    </row>
    <row r="641854" spans="8:8">
      <c r="H641854" s="12"/>
    </row>
    <row r="641855" spans="8:8">
      <c r="H641855" s="12"/>
    </row>
    <row r="641856" spans="8:8">
      <c r="H641856" s="12"/>
    </row>
    <row r="641857" spans="8:8">
      <c r="H641857" s="12"/>
    </row>
    <row r="641858" spans="8:8">
      <c r="H641858" s="12"/>
    </row>
    <row r="641859" spans="8:8">
      <c r="H641859" s="12"/>
    </row>
    <row r="641860" spans="8:8">
      <c r="H641860" s="12"/>
    </row>
    <row r="641861" spans="8:8">
      <c r="H641861" s="12"/>
    </row>
    <row r="641862" spans="8:8">
      <c r="H641862" s="12"/>
    </row>
    <row r="641863" spans="8:8">
      <c r="H641863" s="12"/>
    </row>
    <row r="641864" spans="8:8">
      <c r="H641864" s="12"/>
    </row>
    <row r="641865" spans="8:8">
      <c r="H641865" s="12"/>
    </row>
    <row r="641866" spans="8:8">
      <c r="H641866" s="12"/>
    </row>
    <row r="641867" spans="8:8">
      <c r="H641867" s="12"/>
    </row>
    <row r="641868" spans="8:8">
      <c r="H641868" s="12"/>
    </row>
    <row r="641869" spans="8:8">
      <c r="H641869" s="12"/>
    </row>
    <row r="641870" spans="8:8">
      <c r="H641870" s="12"/>
    </row>
    <row r="641871" spans="8:8">
      <c r="H641871" s="12"/>
    </row>
    <row r="641872" spans="8:8">
      <c r="H641872" s="12"/>
    </row>
    <row r="641873" spans="8:8">
      <c r="H641873" s="12"/>
    </row>
    <row r="641874" spans="8:8">
      <c r="H641874" s="12"/>
    </row>
    <row r="641875" spans="8:8">
      <c r="H641875" s="12"/>
    </row>
    <row r="641876" spans="8:8">
      <c r="H641876" s="12"/>
    </row>
    <row r="641877" spans="8:8">
      <c r="H641877" s="12"/>
    </row>
    <row r="641878" spans="8:8">
      <c r="H641878" s="12"/>
    </row>
    <row r="641879" spans="8:8">
      <c r="H641879" s="12"/>
    </row>
    <row r="641880" spans="8:8">
      <c r="H641880" s="12"/>
    </row>
    <row r="641881" spans="8:8">
      <c r="H641881" s="12"/>
    </row>
    <row r="641882" spans="8:8">
      <c r="H641882" s="12"/>
    </row>
    <row r="641883" spans="8:8">
      <c r="H641883" s="12"/>
    </row>
    <row r="641884" spans="8:8">
      <c r="H641884" s="12"/>
    </row>
    <row r="641885" spans="8:8">
      <c r="H641885" s="12"/>
    </row>
    <row r="641886" spans="8:8">
      <c r="H641886" s="12"/>
    </row>
    <row r="641887" spans="8:8">
      <c r="H641887" s="12"/>
    </row>
    <row r="641888" spans="8:8">
      <c r="H641888" s="12"/>
    </row>
    <row r="641889" spans="8:8">
      <c r="H641889" s="12"/>
    </row>
    <row r="641890" spans="8:8">
      <c r="H641890" s="12"/>
    </row>
    <row r="641891" spans="8:8">
      <c r="H641891" s="12"/>
    </row>
    <row r="641892" spans="8:8">
      <c r="H641892" s="12"/>
    </row>
    <row r="641893" spans="8:8">
      <c r="H641893" s="12"/>
    </row>
    <row r="641894" spans="8:8">
      <c r="H641894" s="12"/>
    </row>
    <row r="641895" spans="8:8">
      <c r="H641895" s="12"/>
    </row>
    <row r="641896" spans="8:8">
      <c r="H641896" s="12"/>
    </row>
    <row r="641897" spans="8:8">
      <c r="H641897" s="12"/>
    </row>
    <row r="641898" spans="8:8">
      <c r="H641898" s="12"/>
    </row>
    <row r="641899" spans="8:8">
      <c r="H641899" s="12"/>
    </row>
    <row r="641900" spans="8:8">
      <c r="H641900" s="12"/>
    </row>
    <row r="641901" spans="8:8">
      <c r="H641901" s="12"/>
    </row>
    <row r="641902" spans="8:8">
      <c r="H641902" s="12"/>
    </row>
    <row r="641903" spans="8:8">
      <c r="H641903" s="12"/>
    </row>
    <row r="641904" spans="8:8">
      <c r="H641904" s="12"/>
    </row>
    <row r="641905" spans="8:8">
      <c r="H641905" s="12"/>
    </row>
    <row r="641906" spans="8:8">
      <c r="H641906" s="12"/>
    </row>
    <row r="641907" spans="8:8">
      <c r="H641907" s="12"/>
    </row>
    <row r="641908" spans="8:8">
      <c r="H641908" s="12"/>
    </row>
    <row r="641909" spans="8:8">
      <c r="H641909" s="12"/>
    </row>
    <row r="641910" spans="8:8">
      <c r="H641910" s="12"/>
    </row>
    <row r="641911" spans="8:8">
      <c r="H641911" s="12"/>
    </row>
    <row r="641912" spans="8:8">
      <c r="H641912" s="12"/>
    </row>
    <row r="641913" spans="8:8">
      <c r="H641913" s="12"/>
    </row>
    <row r="641914" spans="8:8">
      <c r="H641914" s="12"/>
    </row>
    <row r="641915" spans="8:8">
      <c r="H641915" s="12"/>
    </row>
    <row r="641916" spans="8:8">
      <c r="H641916" s="12"/>
    </row>
    <row r="641917" spans="8:8">
      <c r="H641917" s="12"/>
    </row>
    <row r="641918" spans="8:8">
      <c r="H641918" s="12"/>
    </row>
    <row r="641919" spans="8:8">
      <c r="H641919" s="12"/>
    </row>
    <row r="641920" spans="8:8">
      <c r="H641920" s="12"/>
    </row>
    <row r="641921" spans="8:8">
      <c r="H641921" s="12"/>
    </row>
    <row r="641922" spans="8:8">
      <c r="H641922" s="12"/>
    </row>
    <row r="641923" spans="8:8">
      <c r="H641923" s="12"/>
    </row>
    <row r="641924" spans="8:8">
      <c r="H641924" s="12"/>
    </row>
    <row r="641925" spans="8:8">
      <c r="H641925" s="12"/>
    </row>
    <row r="641926" spans="8:8">
      <c r="H641926" s="12"/>
    </row>
    <row r="641927" spans="8:8">
      <c r="H641927" s="12"/>
    </row>
    <row r="641928" spans="8:8">
      <c r="H641928" s="12"/>
    </row>
    <row r="641929" spans="8:8">
      <c r="H641929" s="12"/>
    </row>
    <row r="641930" spans="8:8">
      <c r="H641930" s="12"/>
    </row>
    <row r="641931" spans="8:8">
      <c r="H641931" s="12"/>
    </row>
    <row r="641932" spans="8:8">
      <c r="H641932" s="12"/>
    </row>
    <row r="641933" spans="8:8">
      <c r="H641933" s="12"/>
    </row>
    <row r="641934" spans="8:8">
      <c r="H641934" s="12"/>
    </row>
    <row r="641935" spans="8:8">
      <c r="H641935" s="12"/>
    </row>
    <row r="641936" spans="8:8">
      <c r="H641936" s="12"/>
    </row>
    <row r="641937" spans="8:8">
      <c r="H641937" s="12"/>
    </row>
    <row r="641938" spans="8:8">
      <c r="H641938" s="12"/>
    </row>
    <row r="641939" spans="8:8">
      <c r="H641939" s="12"/>
    </row>
    <row r="641940" spans="8:8">
      <c r="H641940" s="12"/>
    </row>
    <row r="641941" spans="8:8">
      <c r="H641941" s="12"/>
    </row>
    <row r="641942" spans="8:8">
      <c r="H641942" s="12"/>
    </row>
    <row r="641943" spans="8:8">
      <c r="H641943" s="12"/>
    </row>
    <row r="641944" spans="8:8">
      <c r="H641944" s="12"/>
    </row>
    <row r="641945" spans="8:8">
      <c r="H641945" s="12"/>
    </row>
    <row r="641946" spans="8:8">
      <c r="H641946" s="12"/>
    </row>
    <row r="641947" spans="8:8">
      <c r="H641947" s="12"/>
    </row>
    <row r="641948" spans="8:8">
      <c r="H641948" s="12"/>
    </row>
    <row r="641949" spans="8:8">
      <c r="H641949" s="12"/>
    </row>
    <row r="641950" spans="8:8">
      <c r="H641950" s="12"/>
    </row>
    <row r="641951" spans="8:8">
      <c r="H641951" s="12"/>
    </row>
    <row r="641952" spans="8:8">
      <c r="H641952" s="12"/>
    </row>
    <row r="641953" spans="8:8">
      <c r="H641953" s="12"/>
    </row>
    <row r="641954" spans="8:8">
      <c r="H641954" s="12"/>
    </row>
    <row r="641955" spans="8:8">
      <c r="H641955" s="12"/>
    </row>
    <row r="641956" spans="8:8">
      <c r="H641956" s="12"/>
    </row>
    <row r="641957" spans="8:8">
      <c r="H641957" s="12"/>
    </row>
    <row r="641958" spans="8:8">
      <c r="H641958" s="12"/>
    </row>
    <row r="641959" spans="8:8">
      <c r="H641959" s="12"/>
    </row>
    <row r="641960" spans="8:8">
      <c r="H641960" s="12"/>
    </row>
    <row r="641961" spans="8:8">
      <c r="H641961" s="12"/>
    </row>
    <row r="641962" spans="8:8">
      <c r="H641962" s="12"/>
    </row>
    <row r="641963" spans="8:8">
      <c r="H641963" s="12"/>
    </row>
    <row r="641964" spans="8:8">
      <c r="H641964" s="12"/>
    </row>
    <row r="641965" spans="8:8">
      <c r="H641965" s="12"/>
    </row>
    <row r="641966" spans="8:8">
      <c r="H641966" s="12"/>
    </row>
    <row r="641967" spans="8:8">
      <c r="H641967" s="12"/>
    </row>
    <row r="641968" spans="8:8">
      <c r="H641968" s="12"/>
    </row>
    <row r="641969" spans="8:8">
      <c r="H641969" s="12"/>
    </row>
    <row r="641970" spans="8:8">
      <c r="H641970" s="12"/>
    </row>
    <row r="641971" spans="8:8">
      <c r="H641971" s="12"/>
    </row>
    <row r="641972" spans="8:8">
      <c r="H641972" s="12"/>
    </row>
    <row r="641973" spans="8:8">
      <c r="H641973" s="12"/>
    </row>
    <row r="641974" spans="8:8">
      <c r="H641974" s="12"/>
    </row>
    <row r="641975" spans="8:8">
      <c r="H641975" s="12"/>
    </row>
    <row r="641976" spans="8:8">
      <c r="H641976" s="12"/>
    </row>
    <row r="641977" spans="8:8">
      <c r="H641977" s="12"/>
    </row>
    <row r="641978" spans="8:8">
      <c r="H641978" s="12"/>
    </row>
    <row r="641979" spans="8:8">
      <c r="H641979" s="12"/>
    </row>
    <row r="641980" spans="8:8">
      <c r="H641980" s="12"/>
    </row>
    <row r="641981" spans="8:8">
      <c r="H641981" s="12"/>
    </row>
    <row r="641982" spans="8:8">
      <c r="H641982" s="12"/>
    </row>
    <row r="641983" spans="8:8">
      <c r="H641983" s="12"/>
    </row>
    <row r="641984" spans="8:8">
      <c r="H641984" s="12"/>
    </row>
    <row r="641985" spans="8:8">
      <c r="H641985" s="12"/>
    </row>
    <row r="641986" spans="8:8">
      <c r="H641986" s="12"/>
    </row>
    <row r="641987" spans="8:8">
      <c r="H641987" s="12"/>
    </row>
    <row r="641988" spans="8:8">
      <c r="H641988" s="12"/>
    </row>
    <row r="641989" spans="8:8">
      <c r="H641989" s="12"/>
    </row>
    <row r="641990" spans="8:8">
      <c r="H641990" s="12"/>
    </row>
    <row r="641991" spans="8:8">
      <c r="H641991" s="12"/>
    </row>
    <row r="641992" spans="8:8">
      <c r="H641992" s="12"/>
    </row>
    <row r="641993" spans="8:8">
      <c r="H641993" s="12"/>
    </row>
    <row r="641994" spans="8:8">
      <c r="H641994" s="12"/>
    </row>
    <row r="641995" spans="8:8">
      <c r="H641995" s="12"/>
    </row>
    <row r="641996" spans="8:8">
      <c r="H641996" s="12"/>
    </row>
    <row r="641997" spans="8:8">
      <c r="H641997" s="12"/>
    </row>
    <row r="641998" spans="8:8">
      <c r="H641998" s="12"/>
    </row>
    <row r="641999" spans="8:8">
      <c r="H641999" s="12"/>
    </row>
    <row r="642000" spans="8:8">
      <c r="H642000" s="12"/>
    </row>
    <row r="642001" spans="8:8">
      <c r="H642001" s="12"/>
    </row>
    <row r="642002" spans="8:8">
      <c r="H642002" s="12"/>
    </row>
    <row r="642003" spans="8:8">
      <c r="H642003" s="12"/>
    </row>
    <row r="642004" spans="8:8">
      <c r="H642004" s="12"/>
    </row>
    <row r="642005" spans="8:8">
      <c r="H642005" s="12"/>
    </row>
    <row r="642006" spans="8:8">
      <c r="H642006" s="12"/>
    </row>
    <row r="642007" spans="8:8">
      <c r="H642007" s="12"/>
    </row>
    <row r="642008" spans="8:8">
      <c r="H642008" s="12"/>
    </row>
    <row r="642009" spans="8:8">
      <c r="H642009" s="12"/>
    </row>
    <row r="642010" spans="8:8">
      <c r="H642010" s="12"/>
    </row>
    <row r="642011" spans="8:8">
      <c r="H642011" s="12"/>
    </row>
    <row r="642012" spans="8:8">
      <c r="H642012" s="12"/>
    </row>
    <row r="642013" spans="8:8">
      <c r="H642013" s="12"/>
    </row>
    <row r="642014" spans="8:8">
      <c r="H642014" s="12"/>
    </row>
    <row r="642015" spans="8:8">
      <c r="H642015" s="12"/>
    </row>
    <row r="642016" spans="8:8">
      <c r="H642016" s="12"/>
    </row>
    <row r="642017" spans="8:8">
      <c r="H642017" s="12"/>
    </row>
    <row r="642018" spans="8:8">
      <c r="H642018" s="12"/>
    </row>
    <row r="642019" spans="8:8">
      <c r="H642019" s="12"/>
    </row>
    <row r="642020" spans="8:8">
      <c r="H642020" s="12"/>
    </row>
    <row r="642021" spans="8:8">
      <c r="H642021" s="12"/>
    </row>
    <row r="642022" spans="8:8">
      <c r="H642022" s="12"/>
    </row>
    <row r="642023" spans="8:8">
      <c r="H642023" s="12"/>
    </row>
    <row r="642024" spans="8:8">
      <c r="H642024" s="12"/>
    </row>
    <row r="642025" spans="8:8">
      <c r="H642025" s="12"/>
    </row>
    <row r="642026" spans="8:8">
      <c r="H642026" s="12"/>
    </row>
    <row r="642027" spans="8:8">
      <c r="H642027" s="12"/>
    </row>
    <row r="642028" spans="8:8">
      <c r="H642028" s="12"/>
    </row>
    <row r="642029" spans="8:8">
      <c r="H642029" s="12"/>
    </row>
    <row r="642030" spans="8:8">
      <c r="H642030" s="12"/>
    </row>
    <row r="642031" spans="8:8">
      <c r="H642031" s="12"/>
    </row>
    <row r="642032" spans="8:8">
      <c r="H642032" s="12"/>
    </row>
    <row r="642033" spans="8:8">
      <c r="H642033" s="12"/>
    </row>
    <row r="642034" spans="8:8">
      <c r="H642034" s="12"/>
    </row>
    <row r="642035" spans="8:8">
      <c r="H642035" s="12"/>
    </row>
    <row r="642036" spans="8:8">
      <c r="H642036" s="12"/>
    </row>
    <row r="642037" spans="8:8">
      <c r="H642037" s="12"/>
    </row>
    <row r="642038" spans="8:8">
      <c r="H642038" s="12"/>
    </row>
    <row r="642039" spans="8:8">
      <c r="H642039" s="12"/>
    </row>
    <row r="642040" spans="8:8">
      <c r="H642040" s="12"/>
    </row>
    <row r="642041" spans="8:8">
      <c r="H642041" s="12"/>
    </row>
    <row r="642042" spans="8:8">
      <c r="H642042" s="12"/>
    </row>
    <row r="642043" spans="8:8">
      <c r="H642043" s="12"/>
    </row>
    <row r="642044" spans="8:8">
      <c r="H642044" s="12"/>
    </row>
    <row r="642045" spans="8:8">
      <c r="H642045" s="12"/>
    </row>
    <row r="642046" spans="8:8">
      <c r="H642046" s="12"/>
    </row>
    <row r="642047" spans="8:8">
      <c r="H642047" s="12"/>
    </row>
    <row r="642048" spans="8:8">
      <c r="H642048" s="12"/>
    </row>
    <row r="642049" spans="8:8">
      <c r="H642049" s="12"/>
    </row>
    <row r="642050" spans="8:8">
      <c r="H642050" s="12"/>
    </row>
    <row r="642051" spans="8:8">
      <c r="H642051" s="12"/>
    </row>
    <row r="642052" spans="8:8">
      <c r="H642052" s="12"/>
    </row>
    <row r="642053" spans="8:8">
      <c r="H642053" s="12"/>
    </row>
    <row r="642054" spans="8:8">
      <c r="H642054" s="12"/>
    </row>
    <row r="642055" spans="8:8">
      <c r="H642055" s="12"/>
    </row>
    <row r="642056" spans="8:8">
      <c r="H642056" s="12"/>
    </row>
    <row r="642057" spans="8:8">
      <c r="H642057" s="12"/>
    </row>
    <row r="642058" spans="8:8">
      <c r="H642058" s="12"/>
    </row>
    <row r="642059" spans="8:8">
      <c r="H642059" s="12"/>
    </row>
    <row r="642060" spans="8:8">
      <c r="H642060" s="12"/>
    </row>
    <row r="642061" spans="8:8">
      <c r="H642061" s="12"/>
    </row>
    <row r="642062" spans="8:8">
      <c r="H642062" s="12"/>
    </row>
    <row r="642063" spans="8:8">
      <c r="H642063" s="12"/>
    </row>
    <row r="642064" spans="8:8">
      <c r="H642064" s="12"/>
    </row>
    <row r="642065" spans="8:8">
      <c r="H642065" s="12"/>
    </row>
    <row r="642066" spans="8:8">
      <c r="H642066" s="12"/>
    </row>
    <row r="642067" spans="8:8">
      <c r="H642067" s="12"/>
    </row>
    <row r="642068" spans="8:8">
      <c r="H642068" s="12"/>
    </row>
    <row r="642069" spans="8:8">
      <c r="H642069" s="12"/>
    </row>
    <row r="642070" spans="8:8">
      <c r="H642070" s="12"/>
    </row>
    <row r="642071" spans="8:8">
      <c r="H642071" s="12"/>
    </row>
    <row r="642072" spans="8:8">
      <c r="H642072" s="12"/>
    </row>
    <row r="642073" spans="8:8">
      <c r="H642073" s="12"/>
    </row>
    <row r="642074" spans="8:8">
      <c r="H642074" s="12"/>
    </row>
    <row r="642075" spans="8:8">
      <c r="H642075" s="12"/>
    </row>
    <row r="642076" spans="8:8">
      <c r="H642076" s="12"/>
    </row>
    <row r="642077" spans="8:8">
      <c r="H642077" s="12"/>
    </row>
    <row r="642078" spans="8:8">
      <c r="H642078" s="12"/>
    </row>
    <row r="642079" spans="8:8">
      <c r="H642079" s="12"/>
    </row>
    <row r="642080" spans="8:8">
      <c r="H642080" s="12"/>
    </row>
    <row r="642081" spans="8:8">
      <c r="H642081" s="12"/>
    </row>
    <row r="642082" spans="8:8">
      <c r="H642082" s="12"/>
    </row>
    <row r="642083" spans="8:8">
      <c r="H642083" s="12"/>
    </row>
    <row r="642084" spans="8:8">
      <c r="H642084" s="12"/>
    </row>
    <row r="642085" spans="8:8">
      <c r="H642085" s="12"/>
    </row>
    <row r="642086" spans="8:8">
      <c r="H642086" s="12"/>
    </row>
    <row r="642087" spans="8:8">
      <c r="H642087" s="12"/>
    </row>
    <row r="642088" spans="8:8">
      <c r="H642088" s="12"/>
    </row>
    <row r="642089" spans="8:8">
      <c r="H642089" s="12"/>
    </row>
    <row r="642090" spans="8:8">
      <c r="H642090" s="12"/>
    </row>
    <row r="642091" spans="8:8">
      <c r="H642091" s="12"/>
    </row>
    <row r="642092" spans="8:8">
      <c r="H642092" s="12"/>
    </row>
    <row r="642093" spans="8:8">
      <c r="H642093" s="12"/>
    </row>
    <row r="642094" spans="8:8">
      <c r="H642094" s="12"/>
    </row>
    <row r="642095" spans="8:8">
      <c r="H642095" s="12"/>
    </row>
    <row r="642096" spans="8:8">
      <c r="H642096" s="12"/>
    </row>
    <row r="642097" spans="8:8">
      <c r="H642097" s="12"/>
    </row>
    <row r="642098" spans="8:8">
      <c r="H642098" s="12"/>
    </row>
    <row r="642099" spans="8:8">
      <c r="H642099" s="12"/>
    </row>
    <row r="642100" spans="8:8">
      <c r="H642100" s="12"/>
    </row>
    <row r="642101" spans="8:8">
      <c r="H642101" s="12"/>
    </row>
    <row r="642102" spans="8:8">
      <c r="H642102" s="12"/>
    </row>
    <row r="642103" spans="8:8">
      <c r="H642103" s="12"/>
    </row>
    <row r="642104" spans="8:8">
      <c r="H642104" s="12"/>
    </row>
    <row r="642105" spans="8:8">
      <c r="H642105" s="12"/>
    </row>
    <row r="642106" spans="8:8">
      <c r="H642106" s="12"/>
    </row>
    <row r="642107" spans="8:8">
      <c r="H642107" s="12"/>
    </row>
    <row r="642108" spans="8:8">
      <c r="H642108" s="12"/>
    </row>
    <row r="642109" spans="8:8">
      <c r="H642109" s="12"/>
    </row>
    <row r="642110" spans="8:8">
      <c r="H642110" s="12"/>
    </row>
    <row r="642111" spans="8:8">
      <c r="H642111" s="12"/>
    </row>
    <row r="642112" spans="8:8">
      <c r="H642112" s="12"/>
    </row>
    <row r="642113" spans="8:8">
      <c r="H642113" s="12"/>
    </row>
    <row r="642114" spans="8:8">
      <c r="H642114" s="12"/>
    </row>
    <row r="642115" spans="8:8">
      <c r="H642115" s="12"/>
    </row>
    <row r="642116" spans="8:8">
      <c r="H642116" s="12"/>
    </row>
    <row r="642117" spans="8:8">
      <c r="H642117" s="12"/>
    </row>
    <row r="642118" spans="8:8">
      <c r="H642118" s="12"/>
    </row>
    <row r="642119" spans="8:8">
      <c r="H642119" s="12"/>
    </row>
    <row r="642120" spans="8:8">
      <c r="H642120" s="12"/>
    </row>
    <row r="642121" spans="8:8">
      <c r="H642121" s="12"/>
    </row>
    <row r="642122" spans="8:8">
      <c r="H642122" s="12"/>
    </row>
    <row r="642123" spans="8:8">
      <c r="H642123" s="12"/>
    </row>
    <row r="642124" spans="8:8">
      <c r="H642124" s="12"/>
    </row>
    <row r="642125" spans="8:8">
      <c r="H642125" s="12"/>
    </row>
    <row r="642126" spans="8:8">
      <c r="H642126" s="12"/>
    </row>
    <row r="642127" spans="8:8">
      <c r="H642127" s="12"/>
    </row>
    <row r="642128" spans="8:8">
      <c r="H642128" s="12"/>
    </row>
    <row r="642129" spans="8:8">
      <c r="H642129" s="12"/>
    </row>
    <row r="642130" spans="8:8">
      <c r="H642130" s="12"/>
    </row>
    <row r="642131" spans="8:8">
      <c r="H642131" s="12"/>
    </row>
    <row r="642132" spans="8:8">
      <c r="H642132" s="12"/>
    </row>
    <row r="642133" spans="8:8">
      <c r="H642133" s="12"/>
    </row>
    <row r="642134" spans="8:8">
      <c r="H642134" s="12"/>
    </row>
    <row r="642135" spans="8:8">
      <c r="H642135" s="12"/>
    </row>
    <row r="642136" spans="8:8">
      <c r="H642136" s="12"/>
    </row>
    <row r="642137" spans="8:8">
      <c r="H642137" s="12"/>
    </row>
    <row r="642138" spans="8:8">
      <c r="H642138" s="12"/>
    </row>
    <row r="642139" spans="8:8">
      <c r="H642139" s="12"/>
    </row>
    <row r="642140" spans="8:8">
      <c r="H642140" s="12"/>
    </row>
    <row r="642141" spans="8:8">
      <c r="H642141" s="12"/>
    </row>
    <row r="642142" spans="8:8">
      <c r="H642142" s="12"/>
    </row>
    <row r="642143" spans="8:8">
      <c r="H642143" s="12"/>
    </row>
    <row r="642144" spans="8:8">
      <c r="H642144" s="12"/>
    </row>
    <row r="642145" spans="8:8">
      <c r="H642145" s="12"/>
    </row>
    <row r="642146" spans="8:8">
      <c r="H642146" s="12"/>
    </row>
    <row r="642147" spans="8:8">
      <c r="H642147" s="12"/>
    </row>
    <row r="642148" spans="8:8">
      <c r="H642148" s="12"/>
    </row>
    <row r="642149" spans="8:8">
      <c r="H642149" s="12"/>
    </row>
    <row r="642150" spans="8:8">
      <c r="H642150" s="12"/>
    </row>
    <row r="642151" spans="8:8">
      <c r="H642151" s="12"/>
    </row>
    <row r="642152" spans="8:8">
      <c r="H642152" s="12"/>
    </row>
    <row r="642153" spans="8:8">
      <c r="H642153" s="12"/>
    </row>
    <row r="642154" spans="8:8">
      <c r="H642154" s="12"/>
    </row>
    <row r="642155" spans="8:8">
      <c r="H642155" s="12"/>
    </row>
    <row r="642156" spans="8:8">
      <c r="H642156" s="12"/>
    </row>
    <row r="642157" spans="8:8">
      <c r="H642157" s="12"/>
    </row>
    <row r="642158" spans="8:8">
      <c r="H642158" s="12"/>
    </row>
    <row r="642159" spans="8:8">
      <c r="H642159" s="12"/>
    </row>
    <row r="642160" spans="8:8">
      <c r="H642160" s="12"/>
    </row>
    <row r="642161" spans="8:8">
      <c r="H642161" s="12"/>
    </row>
    <row r="642162" spans="8:8">
      <c r="H642162" s="12"/>
    </row>
    <row r="642163" spans="8:8">
      <c r="H642163" s="12"/>
    </row>
    <row r="642164" spans="8:8">
      <c r="H642164" s="12"/>
    </row>
    <row r="642165" spans="8:8">
      <c r="H642165" s="12"/>
    </row>
    <row r="642166" spans="8:8">
      <c r="H642166" s="12"/>
    </row>
    <row r="642167" spans="8:8">
      <c r="H642167" s="12"/>
    </row>
    <row r="642168" spans="8:8">
      <c r="H642168" s="12"/>
    </row>
    <row r="642169" spans="8:8">
      <c r="H642169" s="12"/>
    </row>
    <row r="642170" spans="8:8">
      <c r="H642170" s="12"/>
    </row>
    <row r="642171" spans="8:8">
      <c r="H642171" s="12"/>
    </row>
    <row r="642172" spans="8:8">
      <c r="H642172" s="12"/>
    </row>
    <row r="642173" spans="8:8">
      <c r="H642173" s="12"/>
    </row>
    <row r="642174" spans="8:8">
      <c r="H642174" s="12"/>
    </row>
    <row r="642175" spans="8:8">
      <c r="H642175" s="12"/>
    </row>
    <row r="642176" spans="8:8">
      <c r="H642176" s="12"/>
    </row>
    <row r="642177" spans="8:8">
      <c r="H642177" s="12"/>
    </row>
    <row r="642178" spans="8:8">
      <c r="H642178" s="12"/>
    </row>
    <row r="642179" spans="8:8">
      <c r="H642179" s="12"/>
    </row>
    <row r="642180" spans="8:8">
      <c r="H642180" s="12"/>
    </row>
    <row r="642181" spans="8:8">
      <c r="H642181" s="12"/>
    </row>
    <row r="642182" spans="8:8">
      <c r="H642182" s="12"/>
    </row>
    <row r="642183" spans="8:8">
      <c r="H642183" s="12"/>
    </row>
    <row r="642184" spans="8:8">
      <c r="H642184" s="12"/>
    </row>
    <row r="642185" spans="8:8">
      <c r="H642185" s="12"/>
    </row>
    <row r="642186" spans="8:8">
      <c r="H642186" s="12"/>
    </row>
    <row r="642187" spans="8:8">
      <c r="H642187" s="12"/>
    </row>
    <row r="642188" spans="8:8">
      <c r="H642188" s="12"/>
    </row>
    <row r="642189" spans="8:8">
      <c r="H642189" s="12"/>
    </row>
    <row r="642190" spans="8:8">
      <c r="H642190" s="12"/>
    </row>
    <row r="642191" spans="8:8">
      <c r="H642191" s="12"/>
    </row>
    <row r="642192" spans="8:8">
      <c r="H642192" s="12"/>
    </row>
    <row r="642193" spans="8:8">
      <c r="H642193" s="12"/>
    </row>
    <row r="642194" spans="8:8">
      <c r="H642194" s="12"/>
    </row>
    <row r="642195" spans="8:8">
      <c r="H642195" s="12"/>
    </row>
    <row r="642196" spans="8:8">
      <c r="H642196" s="12"/>
    </row>
    <row r="642197" spans="8:8">
      <c r="H642197" s="12"/>
    </row>
    <row r="642198" spans="8:8">
      <c r="H642198" s="12"/>
    </row>
    <row r="642199" spans="8:8">
      <c r="H642199" s="12"/>
    </row>
    <row r="642200" spans="8:8">
      <c r="H642200" s="12"/>
    </row>
    <row r="642201" spans="8:8">
      <c r="H642201" s="12"/>
    </row>
    <row r="642202" spans="8:8">
      <c r="H642202" s="12"/>
    </row>
    <row r="642203" spans="8:8">
      <c r="H642203" s="12"/>
    </row>
    <row r="642204" spans="8:8">
      <c r="H642204" s="12"/>
    </row>
    <row r="642205" spans="8:8">
      <c r="H642205" s="12"/>
    </row>
    <row r="642206" spans="8:8">
      <c r="H642206" s="12"/>
    </row>
    <row r="642207" spans="8:8">
      <c r="H642207" s="12"/>
    </row>
    <row r="642208" spans="8:8">
      <c r="H642208" s="12"/>
    </row>
    <row r="642209" spans="8:8">
      <c r="H642209" s="12"/>
    </row>
    <row r="642210" spans="8:8">
      <c r="H642210" s="12"/>
    </row>
    <row r="642211" spans="8:8">
      <c r="H642211" s="12"/>
    </row>
    <row r="642212" spans="8:8">
      <c r="H642212" s="12"/>
    </row>
    <row r="642213" spans="8:8">
      <c r="H642213" s="12"/>
    </row>
    <row r="642214" spans="8:8">
      <c r="H642214" s="12"/>
    </row>
    <row r="642215" spans="8:8">
      <c r="H642215" s="12"/>
    </row>
    <row r="642216" spans="8:8">
      <c r="H642216" s="12"/>
    </row>
    <row r="642217" spans="8:8">
      <c r="H642217" s="12"/>
    </row>
    <row r="642218" spans="8:8">
      <c r="H642218" s="12"/>
    </row>
    <row r="642219" spans="8:8">
      <c r="H642219" s="12"/>
    </row>
    <row r="642220" spans="8:8">
      <c r="H642220" s="12"/>
    </row>
    <row r="642221" spans="8:8">
      <c r="H642221" s="12"/>
    </row>
    <row r="642222" spans="8:8">
      <c r="H642222" s="12"/>
    </row>
    <row r="642223" spans="8:8">
      <c r="H642223" s="12"/>
    </row>
    <row r="642224" spans="8:8">
      <c r="H642224" s="12"/>
    </row>
    <row r="642225" spans="8:8">
      <c r="H642225" s="12"/>
    </row>
    <row r="642226" spans="8:8">
      <c r="H642226" s="12"/>
    </row>
    <row r="642227" spans="8:8">
      <c r="H642227" s="12"/>
    </row>
    <row r="642228" spans="8:8">
      <c r="H642228" s="12"/>
    </row>
    <row r="642229" spans="8:8">
      <c r="H642229" s="12"/>
    </row>
    <row r="642230" spans="8:8">
      <c r="H642230" s="12"/>
    </row>
    <row r="642231" spans="8:8">
      <c r="H642231" s="12"/>
    </row>
    <row r="642232" spans="8:8">
      <c r="H642232" s="12"/>
    </row>
    <row r="642233" spans="8:8">
      <c r="H642233" s="12"/>
    </row>
    <row r="642234" spans="8:8">
      <c r="H642234" s="12"/>
    </row>
    <row r="642235" spans="8:8">
      <c r="H642235" s="12"/>
    </row>
    <row r="642236" spans="8:8">
      <c r="H642236" s="12"/>
    </row>
    <row r="642237" spans="8:8">
      <c r="H642237" s="12"/>
    </row>
    <row r="642238" spans="8:8">
      <c r="H642238" s="12"/>
    </row>
    <row r="642239" spans="8:8">
      <c r="H642239" s="12"/>
    </row>
    <row r="642240" spans="8:8">
      <c r="H642240" s="12"/>
    </row>
    <row r="642241" spans="8:8">
      <c r="H642241" s="12"/>
    </row>
    <row r="642242" spans="8:8">
      <c r="H642242" s="12"/>
    </row>
    <row r="642243" spans="8:8">
      <c r="H642243" s="12"/>
    </row>
    <row r="642244" spans="8:8">
      <c r="H642244" s="12"/>
    </row>
    <row r="642245" spans="8:8">
      <c r="H642245" s="12"/>
    </row>
    <row r="642246" spans="8:8">
      <c r="H642246" s="12"/>
    </row>
    <row r="642247" spans="8:8">
      <c r="H642247" s="12"/>
    </row>
    <row r="642248" spans="8:8">
      <c r="H642248" s="12"/>
    </row>
    <row r="642249" spans="8:8">
      <c r="H642249" s="12"/>
    </row>
    <row r="642250" spans="8:8">
      <c r="H642250" s="12"/>
    </row>
    <row r="642251" spans="8:8">
      <c r="H642251" s="12"/>
    </row>
    <row r="642252" spans="8:8">
      <c r="H642252" s="12"/>
    </row>
    <row r="642253" spans="8:8">
      <c r="H642253" s="12"/>
    </row>
    <row r="642254" spans="8:8">
      <c r="H642254" s="12"/>
    </row>
    <row r="642255" spans="8:8">
      <c r="H642255" s="12"/>
    </row>
    <row r="642256" spans="8:8">
      <c r="H642256" s="12"/>
    </row>
    <row r="642257" spans="8:8">
      <c r="H642257" s="12"/>
    </row>
    <row r="642258" spans="8:8">
      <c r="H642258" s="12"/>
    </row>
    <row r="642259" spans="8:8">
      <c r="H642259" s="12"/>
    </row>
    <row r="642260" spans="8:8">
      <c r="H642260" s="12"/>
    </row>
    <row r="642261" spans="8:8">
      <c r="H642261" s="12"/>
    </row>
    <row r="642262" spans="8:8">
      <c r="H642262" s="12"/>
    </row>
    <row r="642263" spans="8:8">
      <c r="H642263" s="12"/>
    </row>
    <row r="642264" spans="8:8">
      <c r="H642264" s="12"/>
    </row>
    <row r="642265" spans="8:8">
      <c r="H642265" s="12"/>
    </row>
    <row r="642266" spans="8:8">
      <c r="H642266" s="12"/>
    </row>
    <row r="642267" spans="8:8">
      <c r="H642267" s="12"/>
    </row>
    <row r="642268" spans="8:8">
      <c r="H642268" s="12"/>
    </row>
    <row r="642269" spans="8:8">
      <c r="H642269" s="12"/>
    </row>
    <row r="642270" spans="8:8">
      <c r="H642270" s="12"/>
    </row>
    <row r="642271" spans="8:8">
      <c r="H642271" s="12"/>
    </row>
    <row r="642272" spans="8:8">
      <c r="H642272" s="12"/>
    </row>
    <row r="642273" spans="8:8">
      <c r="H642273" s="12"/>
    </row>
    <row r="642274" spans="8:8">
      <c r="H642274" s="12"/>
    </row>
    <row r="642275" spans="8:8">
      <c r="H642275" s="12"/>
    </row>
    <row r="642276" spans="8:8">
      <c r="H642276" s="12"/>
    </row>
    <row r="642277" spans="8:8">
      <c r="H642277" s="12"/>
    </row>
    <row r="642278" spans="8:8">
      <c r="H642278" s="12"/>
    </row>
    <row r="642279" spans="8:8">
      <c r="H642279" s="12"/>
    </row>
    <row r="642280" spans="8:8">
      <c r="H642280" s="12"/>
    </row>
    <row r="642281" spans="8:8">
      <c r="H642281" s="12"/>
    </row>
    <row r="642282" spans="8:8">
      <c r="H642282" s="12"/>
    </row>
    <row r="642283" spans="8:8">
      <c r="H642283" s="12"/>
    </row>
    <row r="642284" spans="8:8">
      <c r="H642284" s="12"/>
    </row>
    <row r="642285" spans="8:8">
      <c r="H642285" s="12"/>
    </row>
    <row r="642286" spans="8:8">
      <c r="H642286" s="12"/>
    </row>
    <row r="642287" spans="8:8">
      <c r="H642287" s="12"/>
    </row>
    <row r="642288" spans="8:8">
      <c r="H642288" s="12"/>
    </row>
    <row r="642289" spans="8:8">
      <c r="H642289" s="12"/>
    </row>
    <row r="642290" spans="8:8">
      <c r="H642290" s="12"/>
    </row>
    <row r="642291" spans="8:8">
      <c r="H642291" s="12"/>
    </row>
    <row r="642292" spans="8:8">
      <c r="H642292" s="12"/>
    </row>
    <row r="642293" spans="8:8">
      <c r="H642293" s="12"/>
    </row>
    <row r="642294" spans="8:8">
      <c r="H642294" s="12"/>
    </row>
    <row r="642295" spans="8:8">
      <c r="H642295" s="12"/>
    </row>
    <row r="642296" spans="8:8">
      <c r="H642296" s="12"/>
    </row>
    <row r="642297" spans="8:8">
      <c r="H642297" s="12"/>
    </row>
    <row r="642298" spans="8:8">
      <c r="H642298" s="12"/>
    </row>
    <row r="642299" spans="8:8">
      <c r="H642299" s="12"/>
    </row>
    <row r="642300" spans="8:8">
      <c r="H642300" s="12"/>
    </row>
    <row r="642301" spans="8:8">
      <c r="H642301" s="12"/>
    </row>
    <row r="642302" spans="8:8">
      <c r="H642302" s="12"/>
    </row>
    <row r="642303" spans="8:8">
      <c r="H642303" s="12"/>
    </row>
    <row r="642304" spans="8:8">
      <c r="H642304" s="12"/>
    </row>
    <row r="642305" spans="8:8">
      <c r="H642305" s="12"/>
    </row>
    <row r="642306" spans="8:8">
      <c r="H642306" s="12"/>
    </row>
    <row r="642307" spans="8:8">
      <c r="H642307" s="12"/>
    </row>
    <row r="642308" spans="8:8">
      <c r="H642308" s="12"/>
    </row>
    <row r="642309" spans="8:8">
      <c r="H642309" s="12"/>
    </row>
    <row r="642310" spans="8:8">
      <c r="H642310" s="12"/>
    </row>
    <row r="642311" spans="8:8">
      <c r="H642311" s="12"/>
    </row>
    <row r="642312" spans="8:8">
      <c r="H642312" s="12"/>
    </row>
    <row r="642313" spans="8:8">
      <c r="H642313" s="12"/>
    </row>
    <row r="642314" spans="8:8">
      <c r="H642314" s="12"/>
    </row>
    <row r="642315" spans="8:8">
      <c r="H642315" s="12"/>
    </row>
    <row r="642316" spans="8:8">
      <c r="H642316" s="12"/>
    </row>
    <row r="642317" spans="8:8">
      <c r="H642317" s="12"/>
    </row>
    <row r="642318" spans="8:8">
      <c r="H642318" s="12"/>
    </row>
    <row r="642319" spans="8:8">
      <c r="H642319" s="12"/>
    </row>
    <row r="642320" spans="8:8">
      <c r="H642320" s="12"/>
    </row>
    <row r="642321" spans="8:8">
      <c r="H642321" s="12"/>
    </row>
    <row r="642322" spans="8:8">
      <c r="H642322" s="12"/>
    </row>
    <row r="642323" spans="8:8">
      <c r="H642323" s="12"/>
    </row>
    <row r="642324" spans="8:8">
      <c r="H642324" s="12"/>
    </row>
    <row r="642325" spans="8:8">
      <c r="H642325" s="12"/>
    </row>
    <row r="642326" spans="8:8">
      <c r="H642326" s="12"/>
    </row>
    <row r="642327" spans="8:8">
      <c r="H642327" s="12"/>
    </row>
    <row r="642328" spans="8:8">
      <c r="H642328" s="12"/>
    </row>
    <row r="642329" spans="8:8">
      <c r="H642329" s="12"/>
    </row>
    <row r="642330" spans="8:8">
      <c r="H642330" s="12"/>
    </row>
    <row r="642331" spans="8:8">
      <c r="H642331" s="12"/>
    </row>
    <row r="642332" spans="8:8">
      <c r="H642332" s="12"/>
    </row>
    <row r="642333" spans="8:8">
      <c r="H642333" s="12"/>
    </row>
    <row r="642334" spans="8:8">
      <c r="H642334" s="12"/>
    </row>
    <row r="642335" spans="8:8">
      <c r="H642335" s="12"/>
    </row>
    <row r="642336" spans="8:8">
      <c r="H642336" s="12"/>
    </row>
    <row r="642337" spans="8:8">
      <c r="H642337" s="12"/>
    </row>
    <row r="642338" spans="8:8">
      <c r="H642338" s="12"/>
    </row>
    <row r="642339" spans="8:8">
      <c r="H642339" s="12"/>
    </row>
    <row r="642340" spans="8:8">
      <c r="H642340" s="12"/>
    </row>
    <row r="642341" spans="8:8">
      <c r="H642341" s="12"/>
    </row>
    <row r="642342" spans="8:8">
      <c r="H642342" s="12"/>
    </row>
    <row r="642343" spans="8:8">
      <c r="H642343" s="12"/>
    </row>
    <row r="642344" spans="8:8">
      <c r="H642344" s="12"/>
    </row>
    <row r="642345" spans="8:8">
      <c r="H642345" s="12"/>
    </row>
    <row r="642346" spans="8:8">
      <c r="H642346" s="12"/>
    </row>
    <row r="642347" spans="8:8">
      <c r="H642347" s="12"/>
    </row>
    <row r="642348" spans="8:8">
      <c r="H642348" s="12"/>
    </row>
    <row r="642349" spans="8:8">
      <c r="H642349" s="12"/>
    </row>
    <row r="642350" spans="8:8">
      <c r="H642350" s="12"/>
    </row>
    <row r="642351" spans="8:8">
      <c r="H642351" s="12"/>
    </row>
    <row r="642352" spans="8:8">
      <c r="H642352" s="12"/>
    </row>
    <row r="642353" spans="8:8">
      <c r="H642353" s="12"/>
    </row>
    <row r="642354" spans="8:8">
      <c r="H642354" s="12"/>
    </row>
    <row r="642355" spans="8:8">
      <c r="H642355" s="12"/>
    </row>
    <row r="642356" spans="8:8">
      <c r="H642356" s="12"/>
    </row>
    <row r="642357" spans="8:8">
      <c r="H642357" s="12"/>
    </row>
    <row r="642358" spans="8:8">
      <c r="H642358" s="12"/>
    </row>
    <row r="642359" spans="8:8">
      <c r="H642359" s="12"/>
    </row>
    <row r="642360" spans="8:8">
      <c r="H642360" s="12"/>
    </row>
    <row r="642361" spans="8:8">
      <c r="H642361" s="12"/>
    </row>
    <row r="642362" spans="8:8">
      <c r="H642362" s="12"/>
    </row>
    <row r="642363" spans="8:8">
      <c r="H642363" s="12"/>
    </row>
    <row r="642364" spans="8:8">
      <c r="H642364" s="12"/>
    </row>
    <row r="642365" spans="8:8">
      <c r="H642365" s="12"/>
    </row>
    <row r="642366" spans="8:8">
      <c r="H642366" s="12"/>
    </row>
    <row r="642367" spans="8:8">
      <c r="H642367" s="12"/>
    </row>
    <row r="642368" spans="8:8">
      <c r="H642368" s="12"/>
    </row>
    <row r="642369" spans="8:8">
      <c r="H642369" s="12"/>
    </row>
    <row r="642370" spans="8:8">
      <c r="H642370" s="12"/>
    </row>
    <row r="642371" spans="8:8">
      <c r="H642371" s="12"/>
    </row>
    <row r="642372" spans="8:8">
      <c r="H642372" s="12"/>
    </row>
    <row r="642373" spans="8:8">
      <c r="H642373" s="12"/>
    </row>
    <row r="642374" spans="8:8">
      <c r="H642374" s="12"/>
    </row>
    <row r="642375" spans="8:8">
      <c r="H642375" s="12"/>
    </row>
    <row r="642376" spans="8:8">
      <c r="H642376" s="12"/>
    </row>
    <row r="642377" spans="8:8">
      <c r="H642377" s="12"/>
    </row>
    <row r="642378" spans="8:8">
      <c r="H642378" s="12"/>
    </row>
    <row r="642379" spans="8:8">
      <c r="H642379" s="12"/>
    </row>
    <row r="642380" spans="8:8">
      <c r="H642380" s="12"/>
    </row>
    <row r="642381" spans="8:8">
      <c r="H642381" s="12"/>
    </row>
    <row r="642382" spans="8:8">
      <c r="H642382" s="12"/>
    </row>
    <row r="642383" spans="8:8">
      <c r="H642383" s="12"/>
    </row>
    <row r="642384" spans="8:8">
      <c r="H642384" s="12"/>
    </row>
    <row r="642385" spans="8:8">
      <c r="H642385" s="12"/>
    </row>
    <row r="642386" spans="8:8">
      <c r="H642386" s="12"/>
    </row>
    <row r="642387" spans="8:8">
      <c r="H642387" s="12"/>
    </row>
    <row r="642388" spans="8:8">
      <c r="H642388" s="12"/>
    </row>
    <row r="642389" spans="8:8">
      <c r="H642389" s="12"/>
    </row>
    <row r="642390" spans="8:8">
      <c r="H642390" s="12"/>
    </row>
    <row r="642391" spans="8:8">
      <c r="H642391" s="12"/>
    </row>
    <row r="642392" spans="8:8">
      <c r="H642392" s="12"/>
    </row>
    <row r="642393" spans="8:8">
      <c r="H642393" s="12"/>
    </row>
    <row r="642394" spans="8:8">
      <c r="H642394" s="12"/>
    </row>
    <row r="642395" spans="8:8">
      <c r="H642395" s="12"/>
    </row>
    <row r="642396" spans="8:8">
      <c r="H642396" s="12"/>
    </row>
    <row r="642397" spans="8:8">
      <c r="H642397" s="12"/>
    </row>
    <row r="642398" spans="8:8">
      <c r="H642398" s="12"/>
    </row>
    <row r="642399" spans="8:8">
      <c r="H642399" s="12"/>
    </row>
    <row r="642400" spans="8:8">
      <c r="H642400" s="12"/>
    </row>
    <row r="642401" spans="8:8">
      <c r="H642401" s="12"/>
    </row>
    <row r="642402" spans="8:8">
      <c r="H642402" s="12"/>
    </row>
    <row r="642403" spans="8:8">
      <c r="H642403" s="12"/>
    </row>
    <row r="642404" spans="8:8">
      <c r="H642404" s="12"/>
    </row>
    <row r="642405" spans="8:8">
      <c r="H642405" s="12"/>
    </row>
    <row r="642406" spans="8:8">
      <c r="H642406" s="12"/>
    </row>
    <row r="642407" spans="8:8">
      <c r="H642407" s="12"/>
    </row>
    <row r="642408" spans="8:8">
      <c r="H642408" s="12"/>
    </row>
    <row r="642409" spans="8:8">
      <c r="H642409" s="12"/>
    </row>
    <row r="642410" spans="8:8">
      <c r="H642410" s="12"/>
    </row>
    <row r="642411" spans="8:8">
      <c r="H642411" s="12"/>
    </row>
    <row r="642412" spans="8:8">
      <c r="H642412" s="12"/>
    </row>
    <row r="642413" spans="8:8">
      <c r="H642413" s="12"/>
    </row>
    <row r="642414" spans="8:8">
      <c r="H642414" s="12"/>
    </row>
    <row r="642415" spans="8:8">
      <c r="H642415" s="12"/>
    </row>
    <row r="642416" spans="8:8">
      <c r="H642416" s="12"/>
    </row>
    <row r="642417" spans="8:8">
      <c r="H642417" s="12"/>
    </row>
    <row r="642418" spans="8:8">
      <c r="H642418" s="12"/>
    </row>
    <row r="642419" spans="8:8">
      <c r="H642419" s="12"/>
    </row>
    <row r="642420" spans="8:8">
      <c r="H642420" s="12"/>
    </row>
    <row r="642421" spans="8:8">
      <c r="H642421" s="12"/>
    </row>
    <row r="642422" spans="8:8">
      <c r="H642422" s="12"/>
    </row>
    <row r="642423" spans="8:8">
      <c r="H642423" s="12"/>
    </row>
    <row r="642424" spans="8:8">
      <c r="H642424" s="12"/>
    </row>
    <row r="642425" spans="8:8">
      <c r="H642425" s="12"/>
    </row>
    <row r="642426" spans="8:8">
      <c r="H642426" s="12"/>
    </row>
    <row r="642427" spans="8:8">
      <c r="H642427" s="12"/>
    </row>
    <row r="642428" spans="8:8">
      <c r="H642428" s="12"/>
    </row>
    <row r="642429" spans="8:8">
      <c r="H642429" s="12"/>
    </row>
    <row r="642430" spans="8:8">
      <c r="H642430" s="12"/>
    </row>
    <row r="642431" spans="8:8">
      <c r="H642431" s="12"/>
    </row>
    <row r="642432" spans="8:8">
      <c r="H642432" s="12"/>
    </row>
    <row r="642433" spans="8:8">
      <c r="H642433" s="12"/>
    </row>
    <row r="642434" spans="8:8">
      <c r="H642434" s="12"/>
    </row>
    <row r="642435" spans="8:8">
      <c r="H642435" s="12"/>
    </row>
    <row r="642436" spans="8:8">
      <c r="H642436" s="12"/>
    </row>
    <row r="642437" spans="8:8">
      <c r="H642437" s="12"/>
    </row>
    <row r="642438" spans="8:8">
      <c r="H642438" s="12"/>
    </row>
    <row r="642439" spans="8:8">
      <c r="H642439" s="12"/>
    </row>
    <row r="642440" spans="8:8">
      <c r="H642440" s="12"/>
    </row>
    <row r="642441" spans="8:8">
      <c r="H642441" s="12"/>
    </row>
    <row r="642442" spans="8:8">
      <c r="H642442" s="12"/>
    </row>
    <row r="642443" spans="8:8">
      <c r="H642443" s="12"/>
    </row>
    <row r="642444" spans="8:8">
      <c r="H642444" s="12"/>
    </row>
    <row r="642445" spans="8:8">
      <c r="H642445" s="12"/>
    </row>
    <row r="642446" spans="8:8">
      <c r="H642446" s="12"/>
    </row>
    <row r="642447" spans="8:8">
      <c r="H642447" s="12"/>
    </row>
    <row r="642448" spans="8:8">
      <c r="H642448" s="12"/>
    </row>
    <row r="642449" spans="8:8">
      <c r="H642449" s="12"/>
    </row>
    <row r="642450" spans="8:8">
      <c r="H642450" s="12"/>
    </row>
    <row r="642451" spans="8:8">
      <c r="H642451" s="12"/>
    </row>
    <row r="642452" spans="8:8">
      <c r="H642452" s="12"/>
    </row>
    <row r="642453" spans="8:8">
      <c r="H642453" s="12"/>
    </row>
    <row r="642454" spans="8:8">
      <c r="H642454" s="12"/>
    </row>
    <row r="642455" spans="8:8">
      <c r="H642455" s="12"/>
    </row>
    <row r="642456" spans="8:8">
      <c r="H642456" s="12"/>
    </row>
    <row r="642457" spans="8:8">
      <c r="H642457" s="12"/>
    </row>
    <row r="642458" spans="8:8">
      <c r="H642458" s="12"/>
    </row>
    <row r="642459" spans="8:8">
      <c r="H642459" s="12"/>
    </row>
    <row r="642460" spans="8:8">
      <c r="H642460" s="12"/>
    </row>
    <row r="642461" spans="8:8">
      <c r="H642461" s="12"/>
    </row>
    <row r="642462" spans="8:8">
      <c r="H642462" s="12"/>
    </row>
    <row r="642463" spans="8:8">
      <c r="H642463" s="12"/>
    </row>
    <row r="642464" spans="8:8">
      <c r="H642464" s="12"/>
    </row>
    <row r="642465" spans="8:8">
      <c r="H642465" s="12"/>
    </row>
    <row r="642466" spans="8:8">
      <c r="H642466" s="12"/>
    </row>
    <row r="642467" spans="8:8">
      <c r="H642467" s="12"/>
    </row>
    <row r="642468" spans="8:8">
      <c r="H642468" s="12"/>
    </row>
    <row r="642469" spans="8:8">
      <c r="H642469" s="12"/>
    </row>
    <row r="642470" spans="8:8">
      <c r="H642470" s="12"/>
    </row>
    <row r="642471" spans="8:8">
      <c r="H642471" s="12"/>
    </row>
    <row r="642472" spans="8:8">
      <c r="H642472" s="12"/>
    </row>
    <row r="642473" spans="8:8">
      <c r="H642473" s="12"/>
    </row>
    <row r="642474" spans="8:8">
      <c r="H642474" s="12"/>
    </row>
    <row r="642475" spans="8:8">
      <c r="H642475" s="12"/>
    </row>
    <row r="642476" spans="8:8">
      <c r="H642476" s="12"/>
    </row>
    <row r="642477" spans="8:8">
      <c r="H642477" s="12"/>
    </row>
    <row r="642478" spans="8:8">
      <c r="H642478" s="12"/>
    </row>
    <row r="642479" spans="8:8">
      <c r="H642479" s="12"/>
    </row>
    <row r="642480" spans="8:8">
      <c r="H642480" s="12"/>
    </row>
    <row r="642481" spans="8:8">
      <c r="H642481" s="12"/>
    </row>
    <row r="642482" spans="8:8">
      <c r="H642482" s="12"/>
    </row>
    <row r="642483" spans="8:8">
      <c r="H642483" s="12"/>
    </row>
    <row r="642484" spans="8:8">
      <c r="H642484" s="12"/>
    </row>
    <row r="642485" spans="8:8">
      <c r="H642485" s="12"/>
    </row>
    <row r="642486" spans="8:8">
      <c r="H642486" s="12"/>
    </row>
    <row r="642487" spans="8:8">
      <c r="H642487" s="12"/>
    </row>
    <row r="642488" spans="8:8">
      <c r="H642488" s="12"/>
    </row>
    <row r="642489" spans="8:8">
      <c r="H642489" s="12"/>
    </row>
    <row r="642490" spans="8:8">
      <c r="H642490" s="12"/>
    </row>
    <row r="642491" spans="8:8">
      <c r="H642491" s="12"/>
    </row>
    <row r="642492" spans="8:8">
      <c r="H642492" s="12"/>
    </row>
    <row r="642493" spans="8:8">
      <c r="H642493" s="12"/>
    </row>
    <row r="642494" spans="8:8">
      <c r="H642494" s="12"/>
    </row>
    <row r="642495" spans="8:8">
      <c r="H642495" s="12"/>
    </row>
    <row r="642496" spans="8:8">
      <c r="H642496" s="12"/>
    </row>
    <row r="642497" spans="8:8">
      <c r="H642497" s="12"/>
    </row>
    <row r="642498" spans="8:8">
      <c r="H642498" s="12"/>
    </row>
    <row r="642499" spans="8:8">
      <c r="H642499" s="12"/>
    </row>
    <row r="642500" spans="8:8">
      <c r="H642500" s="12"/>
    </row>
    <row r="642501" spans="8:8">
      <c r="H642501" s="12"/>
    </row>
    <row r="642502" spans="8:8">
      <c r="H642502" s="12"/>
    </row>
    <row r="642503" spans="8:8">
      <c r="H642503" s="12"/>
    </row>
    <row r="642504" spans="8:8">
      <c r="H642504" s="12"/>
    </row>
    <row r="642505" spans="8:8">
      <c r="H642505" s="12"/>
    </row>
    <row r="642506" spans="8:8">
      <c r="H642506" s="12"/>
    </row>
    <row r="642507" spans="8:8">
      <c r="H642507" s="12"/>
    </row>
    <row r="642508" spans="8:8">
      <c r="H642508" s="12"/>
    </row>
    <row r="642509" spans="8:8">
      <c r="H642509" s="12"/>
    </row>
    <row r="642510" spans="8:8">
      <c r="H642510" s="12"/>
    </row>
    <row r="642511" spans="8:8">
      <c r="H642511" s="12"/>
    </row>
    <row r="642512" spans="8:8">
      <c r="H642512" s="12"/>
    </row>
    <row r="642513" spans="8:8">
      <c r="H642513" s="12"/>
    </row>
    <row r="642514" spans="8:8">
      <c r="H642514" s="12"/>
    </row>
    <row r="642515" spans="8:8">
      <c r="H642515" s="12"/>
    </row>
    <row r="642516" spans="8:8">
      <c r="H642516" s="12"/>
    </row>
    <row r="642517" spans="8:8">
      <c r="H642517" s="12"/>
    </row>
    <row r="642518" spans="8:8">
      <c r="H642518" s="12"/>
    </row>
    <row r="642519" spans="8:8">
      <c r="H642519" s="12"/>
    </row>
    <row r="642520" spans="8:8">
      <c r="H642520" s="12"/>
    </row>
    <row r="642521" spans="8:8">
      <c r="H642521" s="12"/>
    </row>
    <row r="642522" spans="8:8">
      <c r="H642522" s="12"/>
    </row>
    <row r="642523" spans="8:8">
      <c r="H642523" s="12"/>
    </row>
    <row r="642524" spans="8:8">
      <c r="H642524" s="12"/>
    </row>
    <row r="642525" spans="8:8">
      <c r="H642525" s="12"/>
    </row>
    <row r="642526" spans="8:8">
      <c r="H642526" s="12"/>
    </row>
    <row r="642527" spans="8:8">
      <c r="H642527" s="12"/>
    </row>
    <row r="642528" spans="8:8">
      <c r="H642528" s="12"/>
    </row>
    <row r="642529" spans="8:8">
      <c r="H642529" s="12"/>
    </row>
    <row r="642530" spans="8:8">
      <c r="H642530" s="12"/>
    </row>
    <row r="642531" spans="8:8">
      <c r="H642531" s="12"/>
    </row>
    <row r="642532" spans="8:8">
      <c r="H642532" s="12"/>
    </row>
    <row r="642533" spans="8:8">
      <c r="H642533" s="12"/>
    </row>
    <row r="642534" spans="8:8">
      <c r="H642534" s="12"/>
    </row>
    <row r="642535" spans="8:8">
      <c r="H642535" s="12"/>
    </row>
    <row r="642536" spans="8:8">
      <c r="H642536" s="12"/>
    </row>
    <row r="642537" spans="8:8">
      <c r="H642537" s="12"/>
    </row>
    <row r="642538" spans="8:8">
      <c r="H642538" s="12"/>
    </row>
    <row r="642539" spans="8:8">
      <c r="H642539" s="12"/>
    </row>
    <row r="642540" spans="8:8">
      <c r="H642540" s="12"/>
    </row>
    <row r="642541" spans="8:8">
      <c r="H642541" s="12"/>
    </row>
    <row r="642542" spans="8:8">
      <c r="H642542" s="12"/>
    </row>
    <row r="642543" spans="8:8">
      <c r="H642543" s="12"/>
    </row>
    <row r="642544" spans="8:8">
      <c r="H642544" s="12"/>
    </row>
    <row r="642545" spans="8:8">
      <c r="H642545" s="12"/>
    </row>
    <row r="642546" spans="8:8">
      <c r="H642546" s="12"/>
    </row>
    <row r="642547" spans="8:8">
      <c r="H642547" s="12"/>
    </row>
    <row r="642548" spans="8:8">
      <c r="H642548" s="12"/>
    </row>
    <row r="642549" spans="8:8">
      <c r="H642549" s="12"/>
    </row>
    <row r="642550" spans="8:8">
      <c r="H642550" s="12"/>
    </row>
    <row r="642551" spans="8:8">
      <c r="H642551" s="12"/>
    </row>
    <row r="642552" spans="8:8">
      <c r="H642552" s="12"/>
    </row>
    <row r="642553" spans="8:8">
      <c r="H642553" s="12"/>
    </row>
    <row r="642554" spans="8:8">
      <c r="H642554" s="12"/>
    </row>
    <row r="642555" spans="8:8">
      <c r="H642555" s="12"/>
    </row>
    <row r="642556" spans="8:8">
      <c r="H642556" s="12"/>
    </row>
    <row r="642557" spans="8:8">
      <c r="H642557" s="12"/>
    </row>
    <row r="642558" spans="8:8">
      <c r="H642558" s="12"/>
    </row>
    <row r="642559" spans="8:8">
      <c r="H642559" s="12"/>
    </row>
    <row r="642560" spans="8:8">
      <c r="H642560" s="12"/>
    </row>
    <row r="642561" spans="8:8">
      <c r="H642561" s="12"/>
    </row>
    <row r="642562" spans="8:8">
      <c r="H642562" s="12"/>
    </row>
    <row r="642563" spans="8:8">
      <c r="H642563" s="12"/>
    </row>
    <row r="642564" spans="8:8">
      <c r="H642564" s="12"/>
    </row>
    <row r="642565" spans="8:8">
      <c r="H642565" s="12"/>
    </row>
    <row r="642566" spans="8:8">
      <c r="H642566" s="12"/>
    </row>
    <row r="642567" spans="8:8">
      <c r="H642567" s="12"/>
    </row>
    <row r="642568" spans="8:8">
      <c r="H642568" s="12"/>
    </row>
    <row r="642569" spans="8:8">
      <c r="H642569" s="12"/>
    </row>
    <row r="642570" spans="8:8">
      <c r="H642570" s="12"/>
    </row>
    <row r="642571" spans="8:8">
      <c r="H642571" s="12"/>
    </row>
    <row r="642572" spans="8:8">
      <c r="H642572" s="12"/>
    </row>
    <row r="642573" spans="8:8">
      <c r="H642573" s="12"/>
    </row>
    <row r="642574" spans="8:8">
      <c r="H642574" s="12"/>
    </row>
    <row r="642575" spans="8:8">
      <c r="H642575" s="12"/>
    </row>
    <row r="642576" spans="8:8">
      <c r="H642576" s="12"/>
    </row>
    <row r="642577" spans="8:8">
      <c r="H642577" s="12"/>
    </row>
    <row r="642578" spans="8:8">
      <c r="H642578" s="12"/>
    </row>
    <row r="642579" spans="8:8">
      <c r="H642579" s="12"/>
    </row>
    <row r="642580" spans="8:8">
      <c r="H642580" s="12"/>
    </row>
    <row r="642581" spans="8:8">
      <c r="H642581" s="12"/>
    </row>
    <row r="642582" spans="8:8">
      <c r="H642582" s="12"/>
    </row>
    <row r="642583" spans="8:8">
      <c r="H642583" s="12"/>
    </row>
    <row r="642584" spans="8:8">
      <c r="H642584" s="12"/>
    </row>
    <row r="642585" spans="8:8">
      <c r="H642585" s="12"/>
    </row>
    <row r="642586" spans="8:8">
      <c r="H642586" s="12"/>
    </row>
    <row r="642587" spans="8:8">
      <c r="H642587" s="12"/>
    </row>
    <row r="642588" spans="8:8">
      <c r="H642588" s="12"/>
    </row>
    <row r="642589" spans="8:8">
      <c r="H642589" s="12"/>
    </row>
    <row r="642590" spans="8:8">
      <c r="H642590" s="12"/>
    </row>
    <row r="642591" spans="8:8">
      <c r="H642591" s="12"/>
    </row>
    <row r="642592" spans="8:8">
      <c r="H642592" s="12"/>
    </row>
    <row r="642593" spans="8:8">
      <c r="H642593" s="12"/>
    </row>
    <row r="642594" spans="8:8">
      <c r="H642594" s="12"/>
    </row>
    <row r="642595" spans="8:8">
      <c r="H642595" s="12"/>
    </row>
    <row r="642596" spans="8:8">
      <c r="H642596" s="12"/>
    </row>
    <row r="642597" spans="8:8">
      <c r="H642597" s="12"/>
    </row>
    <row r="642598" spans="8:8">
      <c r="H642598" s="12"/>
    </row>
    <row r="642599" spans="8:8">
      <c r="H642599" s="12"/>
    </row>
    <row r="642600" spans="8:8">
      <c r="H642600" s="12"/>
    </row>
    <row r="642601" spans="8:8">
      <c r="H642601" s="12"/>
    </row>
    <row r="642602" spans="8:8">
      <c r="H642602" s="12"/>
    </row>
    <row r="642603" spans="8:8">
      <c r="H642603" s="12"/>
    </row>
    <row r="642604" spans="8:8">
      <c r="H642604" s="12"/>
    </row>
    <row r="642605" spans="8:8">
      <c r="H642605" s="12"/>
    </row>
    <row r="642606" spans="8:8">
      <c r="H642606" s="12"/>
    </row>
    <row r="642607" spans="8:8">
      <c r="H642607" s="12"/>
    </row>
    <row r="642608" spans="8:8">
      <c r="H642608" s="12"/>
    </row>
    <row r="642609" spans="8:8">
      <c r="H642609" s="12"/>
    </row>
    <row r="642610" spans="8:8">
      <c r="H642610" s="12"/>
    </row>
    <row r="642611" spans="8:8">
      <c r="H642611" s="12"/>
    </row>
    <row r="642612" spans="8:8">
      <c r="H642612" s="12"/>
    </row>
    <row r="642613" spans="8:8">
      <c r="H642613" s="12"/>
    </row>
    <row r="642614" spans="8:8">
      <c r="H642614" s="12"/>
    </row>
    <row r="642615" spans="8:8">
      <c r="H642615" s="12"/>
    </row>
    <row r="642616" spans="8:8">
      <c r="H642616" s="12"/>
    </row>
    <row r="642617" spans="8:8">
      <c r="H642617" s="12"/>
    </row>
    <row r="642618" spans="8:8">
      <c r="H642618" s="12"/>
    </row>
    <row r="642619" spans="8:8">
      <c r="H642619" s="12"/>
    </row>
    <row r="642620" spans="8:8">
      <c r="H642620" s="12"/>
    </row>
    <row r="642621" spans="8:8">
      <c r="H642621" s="12"/>
    </row>
    <row r="642622" spans="8:8">
      <c r="H642622" s="12"/>
    </row>
    <row r="642623" spans="8:8">
      <c r="H642623" s="12"/>
    </row>
    <row r="642624" spans="8:8">
      <c r="H642624" s="12"/>
    </row>
    <row r="642625" spans="8:8">
      <c r="H642625" s="12"/>
    </row>
    <row r="642626" spans="8:8">
      <c r="H642626" s="12"/>
    </row>
    <row r="642627" spans="8:8">
      <c r="H642627" s="12"/>
    </row>
    <row r="642628" spans="8:8">
      <c r="H642628" s="12"/>
    </row>
    <row r="642629" spans="8:8">
      <c r="H642629" s="12"/>
    </row>
    <row r="642630" spans="8:8">
      <c r="H642630" s="12"/>
    </row>
    <row r="642631" spans="8:8">
      <c r="H642631" s="12"/>
    </row>
    <row r="642632" spans="8:8">
      <c r="H642632" s="12"/>
    </row>
    <row r="642633" spans="8:8">
      <c r="H642633" s="12"/>
    </row>
    <row r="642634" spans="8:8">
      <c r="H642634" s="12"/>
    </row>
    <row r="642635" spans="8:8">
      <c r="H642635" s="12"/>
    </row>
    <row r="642636" spans="8:8">
      <c r="H642636" s="12"/>
    </row>
    <row r="642637" spans="8:8">
      <c r="H642637" s="12"/>
    </row>
    <row r="642638" spans="8:8">
      <c r="H642638" s="12"/>
    </row>
    <row r="642639" spans="8:8">
      <c r="H642639" s="12"/>
    </row>
    <row r="642640" spans="8:8">
      <c r="H642640" s="12"/>
    </row>
    <row r="642641" spans="8:8">
      <c r="H642641" s="12"/>
    </row>
    <row r="642642" spans="8:8">
      <c r="H642642" s="12"/>
    </row>
    <row r="642643" spans="8:8">
      <c r="H642643" s="12"/>
    </row>
    <row r="642644" spans="8:8">
      <c r="H642644" s="12"/>
    </row>
    <row r="642645" spans="8:8">
      <c r="H642645" s="12"/>
    </row>
    <row r="642646" spans="8:8">
      <c r="H642646" s="12"/>
    </row>
    <row r="642647" spans="8:8">
      <c r="H642647" s="12"/>
    </row>
    <row r="642648" spans="8:8">
      <c r="H642648" s="12"/>
    </row>
    <row r="642649" spans="8:8">
      <c r="H642649" s="12"/>
    </row>
    <row r="642650" spans="8:8">
      <c r="H642650" s="12"/>
    </row>
    <row r="642651" spans="8:8">
      <c r="H642651" s="12"/>
    </row>
    <row r="642652" spans="8:8">
      <c r="H642652" s="12"/>
    </row>
    <row r="642653" spans="8:8">
      <c r="H642653" s="12"/>
    </row>
    <row r="642654" spans="8:8">
      <c r="H642654" s="12"/>
    </row>
    <row r="642655" spans="8:8">
      <c r="H642655" s="12"/>
    </row>
    <row r="642656" spans="8:8">
      <c r="H642656" s="12"/>
    </row>
    <row r="642657" spans="8:8">
      <c r="H642657" s="12"/>
    </row>
    <row r="642658" spans="8:8">
      <c r="H642658" s="12"/>
    </row>
    <row r="642659" spans="8:8">
      <c r="H642659" s="12"/>
    </row>
    <row r="642660" spans="8:8">
      <c r="H642660" s="12"/>
    </row>
    <row r="642661" spans="8:8">
      <c r="H642661" s="12"/>
    </row>
    <row r="642662" spans="8:8">
      <c r="H642662" s="12"/>
    </row>
    <row r="642663" spans="8:8">
      <c r="H642663" s="12"/>
    </row>
    <row r="642664" spans="8:8">
      <c r="H642664" s="12"/>
    </row>
    <row r="642665" spans="8:8">
      <c r="H642665" s="12"/>
    </row>
    <row r="642666" spans="8:8">
      <c r="H642666" s="12"/>
    </row>
    <row r="642667" spans="8:8">
      <c r="H642667" s="12"/>
    </row>
    <row r="642668" spans="8:8">
      <c r="H642668" s="12"/>
    </row>
    <row r="642669" spans="8:8">
      <c r="H642669" s="12"/>
    </row>
    <row r="642670" spans="8:8">
      <c r="H642670" s="12"/>
    </row>
    <row r="642671" spans="8:8">
      <c r="H642671" s="12"/>
    </row>
    <row r="642672" spans="8:8">
      <c r="H642672" s="12"/>
    </row>
    <row r="642673" spans="8:8">
      <c r="H642673" s="12"/>
    </row>
    <row r="642674" spans="8:8">
      <c r="H642674" s="12"/>
    </row>
    <row r="642675" spans="8:8">
      <c r="H642675" s="12"/>
    </row>
    <row r="642676" spans="8:8">
      <c r="H642676" s="12"/>
    </row>
    <row r="642677" spans="8:8">
      <c r="H642677" s="12"/>
    </row>
    <row r="642678" spans="8:8">
      <c r="H642678" s="12"/>
    </row>
    <row r="642679" spans="8:8">
      <c r="H642679" s="12"/>
    </row>
    <row r="642680" spans="8:8">
      <c r="H642680" s="12"/>
    </row>
    <row r="642681" spans="8:8">
      <c r="H642681" s="12"/>
    </row>
    <row r="642682" spans="8:8">
      <c r="H642682" s="12"/>
    </row>
    <row r="642683" spans="8:8">
      <c r="H642683" s="12"/>
    </row>
    <row r="642684" spans="8:8">
      <c r="H642684" s="12"/>
    </row>
    <row r="642685" spans="8:8">
      <c r="H642685" s="12"/>
    </row>
    <row r="642686" spans="8:8">
      <c r="H642686" s="12"/>
    </row>
    <row r="642687" spans="8:8">
      <c r="H642687" s="12"/>
    </row>
    <row r="642688" spans="8:8">
      <c r="H642688" s="12"/>
    </row>
    <row r="642689" spans="8:8">
      <c r="H642689" s="12"/>
    </row>
    <row r="642690" spans="8:8">
      <c r="H642690" s="12"/>
    </row>
    <row r="642691" spans="8:8">
      <c r="H642691" s="12"/>
    </row>
    <row r="642692" spans="8:8">
      <c r="H642692" s="12"/>
    </row>
    <row r="642693" spans="8:8">
      <c r="H642693" s="12"/>
    </row>
    <row r="642694" spans="8:8">
      <c r="H642694" s="12"/>
    </row>
    <row r="642695" spans="8:8">
      <c r="H642695" s="12"/>
    </row>
    <row r="642696" spans="8:8">
      <c r="H642696" s="12"/>
    </row>
    <row r="642697" spans="8:8">
      <c r="H642697" s="12"/>
    </row>
    <row r="642698" spans="8:8">
      <c r="H642698" s="12"/>
    </row>
    <row r="642699" spans="8:8">
      <c r="H642699" s="12"/>
    </row>
    <row r="642700" spans="8:8">
      <c r="H642700" s="12"/>
    </row>
    <row r="642701" spans="8:8">
      <c r="H642701" s="12"/>
    </row>
    <row r="642702" spans="8:8">
      <c r="H642702" s="12"/>
    </row>
    <row r="642703" spans="8:8">
      <c r="H642703" s="12"/>
    </row>
    <row r="642704" spans="8:8">
      <c r="H642704" s="12"/>
    </row>
    <row r="642705" spans="8:8">
      <c r="H642705" s="12"/>
    </row>
    <row r="642706" spans="8:8">
      <c r="H642706" s="12"/>
    </row>
    <row r="642707" spans="8:8">
      <c r="H642707" s="12"/>
    </row>
    <row r="642708" spans="8:8">
      <c r="H642708" s="12"/>
    </row>
    <row r="642709" spans="8:8">
      <c r="H642709" s="12"/>
    </row>
    <row r="642710" spans="8:8">
      <c r="H642710" s="12"/>
    </row>
    <row r="642711" spans="8:8">
      <c r="H642711" s="12"/>
    </row>
    <row r="642712" spans="8:8">
      <c r="H642712" s="12"/>
    </row>
    <row r="642713" spans="8:8">
      <c r="H642713" s="12"/>
    </row>
    <row r="642714" spans="8:8">
      <c r="H642714" s="12"/>
    </row>
    <row r="642715" spans="8:8">
      <c r="H642715" s="12"/>
    </row>
    <row r="642716" spans="8:8">
      <c r="H642716" s="12"/>
    </row>
    <row r="642717" spans="8:8">
      <c r="H642717" s="12"/>
    </row>
    <row r="642718" spans="8:8">
      <c r="H642718" s="12"/>
    </row>
    <row r="642719" spans="8:8">
      <c r="H642719" s="12"/>
    </row>
    <row r="642720" spans="8:8">
      <c r="H642720" s="12"/>
    </row>
    <row r="642721" spans="8:8">
      <c r="H642721" s="12"/>
    </row>
    <row r="642722" spans="8:8">
      <c r="H642722" s="12"/>
    </row>
    <row r="642723" spans="8:8">
      <c r="H642723" s="12"/>
    </row>
    <row r="642724" spans="8:8">
      <c r="H642724" s="12"/>
    </row>
    <row r="642725" spans="8:8">
      <c r="H642725" s="12"/>
    </row>
    <row r="642726" spans="8:8">
      <c r="H642726" s="12"/>
    </row>
    <row r="642727" spans="8:8">
      <c r="H642727" s="12"/>
    </row>
    <row r="642728" spans="8:8">
      <c r="H642728" s="12"/>
    </row>
    <row r="642729" spans="8:8">
      <c r="H642729" s="12"/>
    </row>
    <row r="642730" spans="8:8">
      <c r="H642730" s="12"/>
    </row>
    <row r="642731" spans="8:8">
      <c r="H642731" s="12"/>
    </row>
    <row r="642732" spans="8:8">
      <c r="H642732" s="12"/>
    </row>
    <row r="642733" spans="8:8">
      <c r="H642733" s="12"/>
    </row>
    <row r="642734" spans="8:8">
      <c r="H642734" s="12"/>
    </row>
    <row r="642735" spans="8:8">
      <c r="H642735" s="12"/>
    </row>
    <row r="642736" spans="8:8">
      <c r="H642736" s="12"/>
    </row>
    <row r="642737" spans="8:8">
      <c r="H642737" s="12"/>
    </row>
    <row r="642738" spans="8:8">
      <c r="H642738" s="12"/>
    </row>
    <row r="642739" spans="8:8">
      <c r="H642739" s="12"/>
    </row>
    <row r="642740" spans="8:8">
      <c r="H642740" s="12"/>
    </row>
    <row r="642741" spans="8:8">
      <c r="H642741" s="12"/>
    </row>
    <row r="642742" spans="8:8">
      <c r="H642742" s="12"/>
    </row>
    <row r="642743" spans="8:8">
      <c r="H642743" s="12"/>
    </row>
    <row r="642744" spans="8:8">
      <c r="H642744" s="12"/>
    </row>
    <row r="642745" spans="8:8">
      <c r="H642745" s="12"/>
    </row>
    <row r="642746" spans="8:8">
      <c r="H642746" s="12"/>
    </row>
    <row r="642747" spans="8:8">
      <c r="H642747" s="12"/>
    </row>
    <row r="642748" spans="8:8">
      <c r="H642748" s="12"/>
    </row>
    <row r="642749" spans="8:8">
      <c r="H642749" s="12"/>
    </row>
    <row r="642750" spans="8:8">
      <c r="H642750" s="12"/>
    </row>
    <row r="642751" spans="8:8">
      <c r="H642751" s="12"/>
    </row>
    <row r="642752" spans="8:8">
      <c r="H642752" s="12"/>
    </row>
    <row r="642753" spans="8:8">
      <c r="H642753" s="12"/>
    </row>
    <row r="642754" spans="8:8">
      <c r="H642754" s="12"/>
    </row>
    <row r="642755" spans="8:8">
      <c r="H642755" s="12"/>
    </row>
    <row r="642756" spans="8:8">
      <c r="H642756" s="12"/>
    </row>
    <row r="642757" spans="8:8">
      <c r="H642757" s="12"/>
    </row>
    <row r="642758" spans="8:8">
      <c r="H642758" s="12"/>
    </row>
    <row r="642759" spans="8:8">
      <c r="H642759" s="12"/>
    </row>
    <row r="642760" spans="8:8">
      <c r="H642760" s="12"/>
    </row>
    <row r="642761" spans="8:8">
      <c r="H642761" s="12"/>
    </row>
    <row r="642762" spans="8:8">
      <c r="H642762" s="12"/>
    </row>
    <row r="642763" spans="8:8">
      <c r="H642763" s="12"/>
    </row>
    <row r="642764" spans="8:8">
      <c r="H642764" s="12"/>
    </row>
    <row r="642765" spans="8:8">
      <c r="H642765" s="12"/>
    </row>
    <row r="642766" spans="8:8">
      <c r="H642766" s="12"/>
    </row>
    <row r="642767" spans="8:8">
      <c r="H642767" s="12"/>
    </row>
    <row r="642768" spans="8:8">
      <c r="H642768" s="12"/>
    </row>
    <row r="642769" spans="8:8">
      <c r="H642769" s="12"/>
    </row>
    <row r="642770" spans="8:8">
      <c r="H642770" s="12"/>
    </row>
    <row r="642771" spans="8:8">
      <c r="H642771" s="12"/>
    </row>
    <row r="642772" spans="8:8">
      <c r="H642772" s="12"/>
    </row>
    <row r="642773" spans="8:8">
      <c r="H642773" s="12"/>
    </row>
    <row r="642774" spans="8:8">
      <c r="H642774" s="12"/>
    </row>
    <row r="642775" spans="8:8">
      <c r="H642775" s="12"/>
    </row>
    <row r="642776" spans="8:8">
      <c r="H642776" s="12"/>
    </row>
    <row r="642777" spans="8:8">
      <c r="H642777" s="12"/>
    </row>
    <row r="642778" spans="8:8">
      <c r="H642778" s="12"/>
    </row>
    <row r="642779" spans="8:8">
      <c r="H642779" s="12"/>
    </row>
    <row r="642780" spans="8:8">
      <c r="H642780" s="12"/>
    </row>
    <row r="642781" spans="8:8">
      <c r="H642781" s="12"/>
    </row>
    <row r="642782" spans="8:8">
      <c r="H642782" s="12"/>
    </row>
    <row r="642783" spans="8:8">
      <c r="H642783" s="12"/>
    </row>
    <row r="642784" spans="8:8">
      <c r="H642784" s="12"/>
    </row>
    <row r="642785" spans="8:8">
      <c r="H642785" s="12"/>
    </row>
    <row r="642786" spans="8:8">
      <c r="H642786" s="12"/>
    </row>
    <row r="642787" spans="8:8">
      <c r="H642787" s="12"/>
    </row>
    <row r="642788" spans="8:8">
      <c r="H642788" s="12"/>
    </row>
    <row r="642789" spans="8:8">
      <c r="H642789" s="12"/>
    </row>
    <row r="642790" spans="8:8">
      <c r="H642790" s="12"/>
    </row>
    <row r="642791" spans="8:8">
      <c r="H642791" s="12"/>
    </row>
    <row r="642792" spans="8:8">
      <c r="H642792" s="12"/>
    </row>
    <row r="642793" spans="8:8">
      <c r="H642793" s="12"/>
    </row>
    <row r="642794" spans="8:8">
      <c r="H642794" s="12"/>
    </row>
    <row r="642795" spans="8:8">
      <c r="H642795" s="12"/>
    </row>
    <row r="642796" spans="8:8">
      <c r="H642796" s="12"/>
    </row>
    <row r="642797" spans="8:8">
      <c r="H642797" s="12"/>
    </row>
    <row r="642798" spans="8:8">
      <c r="H642798" s="12"/>
    </row>
    <row r="642799" spans="8:8">
      <c r="H642799" s="12"/>
    </row>
    <row r="642800" spans="8:8">
      <c r="H642800" s="12"/>
    </row>
    <row r="642801" spans="8:8">
      <c r="H642801" s="12"/>
    </row>
    <row r="642802" spans="8:8">
      <c r="H642802" s="12"/>
    </row>
    <row r="642803" spans="8:8">
      <c r="H642803" s="12"/>
    </row>
    <row r="642804" spans="8:8">
      <c r="H642804" s="12"/>
    </row>
    <row r="642805" spans="8:8">
      <c r="H642805" s="12"/>
    </row>
    <row r="642806" spans="8:8">
      <c r="H642806" s="12"/>
    </row>
    <row r="642807" spans="8:8">
      <c r="H642807" s="12"/>
    </row>
    <row r="642808" spans="8:8">
      <c r="H642808" s="12"/>
    </row>
    <row r="642809" spans="8:8">
      <c r="H642809" s="12"/>
    </row>
    <row r="642810" spans="8:8">
      <c r="H642810" s="12"/>
    </row>
    <row r="642811" spans="8:8">
      <c r="H642811" s="12"/>
    </row>
    <row r="642812" spans="8:8">
      <c r="H642812" s="12"/>
    </row>
    <row r="642813" spans="8:8">
      <c r="H642813" s="12"/>
    </row>
    <row r="642814" spans="8:8">
      <c r="H642814" s="12"/>
    </row>
    <row r="642815" spans="8:8">
      <c r="H642815" s="12"/>
    </row>
    <row r="642816" spans="8:8">
      <c r="H642816" s="12"/>
    </row>
    <row r="642817" spans="8:8">
      <c r="H642817" s="12"/>
    </row>
    <row r="642818" spans="8:8">
      <c r="H642818" s="12"/>
    </row>
    <row r="642819" spans="8:8">
      <c r="H642819" s="12"/>
    </row>
    <row r="642820" spans="8:8">
      <c r="H642820" s="12"/>
    </row>
    <row r="642821" spans="8:8">
      <c r="H642821" s="12"/>
    </row>
    <row r="642822" spans="8:8">
      <c r="H642822" s="12"/>
    </row>
    <row r="642823" spans="8:8">
      <c r="H642823" s="12"/>
    </row>
    <row r="642824" spans="8:8">
      <c r="H642824" s="12"/>
    </row>
    <row r="642825" spans="8:8">
      <c r="H642825" s="12"/>
    </row>
    <row r="642826" spans="8:8">
      <c r="H642826" s="12"/>
    </row>
    <row r="642827" spans="8:8">
      <c r="H642827" s="12"/>
    </row>
    <row r="642828" spans="8:8">
      <c r="H642828" s="12"/>
    </row>
    <row r="642829" spans="8:8">
      <c r="H642829" s="12"/>
    </row>
    <row r="642830" spans="8:8">
      <c r="H642830" s="12"/>
    </row>
    <row r="642831" spans="8:8">
      <c r="H642831" s="12"/>
    </row>
    <row r="642832" spans="8:8">
      <c r="H642832" s="12"/>
    </row>
    <row r="642833" spans="8:8">
      <c r="H642833" s="12"/>
    </row>
    <row r="642834" spans="8:8">
      <c r="H642834" s="12"/>
    </row>
    <row r="642835" spans="8:8">
      <c r="H642835" s="12"/>
    </row>
    <row r="642836" spans="8:8">
      <c r="H642836" s="12"/>
    </row>
    <row r="642837" spans="8:8">
      <c r="H642837" s="12"/>
    </row>
    <row r="642838" spans="8:8">
      <c r="H642838" s="12"/>
    </row>
    <row r="642839" spans="8:8">
      <c r="H642839" s="12"/>
    </row>
    <row r="642840" spans="8:8">
      <c r="H642840" s="12"/>
    </row>
    <row r="642841" spans="8:8">
      <c r="H642841" s="12"/>
    </row>
    <row r="642842" spans="8:8">
      <c r="H642842" s="12"/>
    </row>
    <row r="642843" spans="8:8">
      <c r="H642843" s="12"/>
    </row>
    <row r="642844" spans="8:8">
      <c r="H642844" s="12"/>
    </row>
    <row r="642845" spans="8:8">
      <c r="H642845" s="12"/>
    </row>
    <row r="642846" spans="8:8">
      <c r="H642846" s="12"/>
    </row>
    <row r="642847" spans="8:8">
      <c r="H642847" s="12"/>
    </row>
    <row r="642848" spans="8:8">
      <c r="H642848" s="12"/>
    </row>
    <row r="642849" spans="8:8">
      <c r="H642849" s="12"/>
    </row>
    <row r="642850" spans="8:8">
      <c r="H642850" s="12"/>
    </row>
    <row r="642851" spans="8:8">
      <c r="H642851" s="12"/>
    </row>
    <row r="642852" spans="8:8">
      <c r="H642852" s="12"/>
    </row>
    <row r="642853" spans="8:8">
      <c r="H642853" s="12"/>
    </row>
    <row r="642854" spans="8:8">
      <c r="H642854" s="12"/>
    </row>
    <row r="642855" spans="8:8">
      <c r="H642855" s="12"/>
    </row>
    <row r="642856" spans="8:8">
      <c r="H642856" s="12"/>
    </row>
    <row r="642857" spans="8:8">
      <c r="H642857" s="12"/>
    </row>
    <row r="642858" spans="8:8">
      <c r="H642858" s="12"/>
    </row>
    <row r="642859" spans="8:8">
      <c r="H642859" s="12"/>
    </row>
    <row r="642860" spans="8:8">
      <c r="H642860" s="12"/>
    </row>
    <row r="642861" spans="8:8">
      <c r="H642861" s="12"/>
    </row>
    <row r="642862" spans="8:8">
      <c r="H642862" s="12"/>
    </row>
    <row r="642863" spans="8:8">
      <c r="H642863" s="12"/>
    </row>
    <row r="642864" spans="8:8">
      <c r="H642864" s="12"/>
    </row>
    <row r="642865" spans="8:8">
      <c r="H642865" s="12"/>
    </row>
    <row r="642866" spans="8:8">
      <c r="H642866" s="12"/>
    </row>
    <row r="642867" spans="8:8">
      <c r="H642867" s="12"/>
    </row>
    <row r="642868" spans="8:8">
      <c r="H642868" s="12"/>
    </row>
    <row r="642869" spans="8:8">
      <c r="H642869" s="12"/>
    </row>
    <row r="642870" spans="8:8">
      <c r="H642870" s="12"/>
    </row>
    <row r="642871" spans="8:8">
      <c r="H642871" s="12"/>
    </row>
    <row r="642872" spans="8:8">
      <c r="H642872" s="12"/>
    </row>
    <row r="642873" spans="8:8">
      <c r="H642873" s="12"/>
    </row>
    <row r="642874" spans="8:8">
      <c r="H642874" s="12"/>
    </row>
    <row r="642875" spans="8:8">
      <c r="H642875" s="12"/>
    </row>
    <row r="642876" spans="8:8">
      <c r="H642876" s="12"/>
    </row>
    <row r="642877" spans="8:8">
      <c r="H642877" s="12"/>
    </row>
    <row r="642878" spans="8:8">
      <c r="H642878" s="12"/>
    </row>
    <row r="642879" spans="8:8">
      <c r="H642879" s="12"/>
    </row>
    <row r="642880" spans="8:8">
      <c r="H642880" s="12"/>
    </row>
    <row r="642881" spans="8:8">
      <c r="H642881" s="12"/>
    </row>
    <row r="642882" spans="8:8">
      <c r="H642882" s="12"/>
    </row>
    <row r="642883" spans="8:8">
      <c r="H642883" s="12"/>
    </row>
    <row r="642884" spans="8:8">
      <c r="H642884" s="12"/>
    </row>
    <row r="642885" spans="8:8">
      <c r="H642885" s="12"/>
    </row>
    <row r="642886" spans="8:8">
      <c r="H642886" s="12"/>
    </row>
    <row r="642887" spans="8:8">
      <c r="H642887" s="12"/>
    </row>
    <row r="642888" spans="8:8">
      <c r="H642888" s="12"/>
    </row>
    <row r="642889" spans="8:8">
      <c r="H642889" s="12"/>
    </row>
    <row r="642890" spans="8:8">
      <c r="H642890" s="12"/>
    </row>
    <row r="642891" spans="8:8">
      <c r="H642891" s="12"/>
    </row>
    <row r="642892" spans="8:8">
      <c r="H642892" s="12"/>
    </row>
    <row r="642893" spans="8:8">
      <c r="H642893" s="12"/>
    </row>
    <row r="642894" spans="8:8">
      <c r="H642894" s="12"/>
    </row>
    <row r="642895" spans="8:8">
      <c r="H642895" s="12"/>
    </row>
    <row r="642896" spans="8:8">
      <c r="H642896" s="12"/>
    </row>
    <row r="642897" spans="8:8">
      <c r="H642897" s="12"/>
    </row>
    <row r="642898" spans="8:8">
      <c r="H642898" s="12"/>
    </row>
    <row r="642899" spans="8:8">
      <c r="H642899" s="12"/>
    </row>
    <row r="642900" spans="8:8">
      <c r="H642900" s="12"/>
    </row>
    <row r="642901" spans="8:8">
      <c r="H642901" s="12"/>
    </row>
    <row r="642902" spans="8:8">
      <c r="H642902" s="12"/>
    </row>
    <row r="642903" spans="8:8">
      <c r="H642903" s="12"/>
    </row>
    <row r="642904" spans="8:8">
      <c r="H642904" s="12"/>
    </row>
    <row r="642905" spans="8:8">
      <c r="H642905" s="12"/>
    </row>
    <row r="642906" spans="8:8">
      <c r="H642906" s="12"/>
    </row>
    <row r="642907" spans="8:8">
      <c r="H642907" s="12"/>
    </row>
    <row r="642908" spans="8:8">
      <c r="H642908" s="12"/>
    </row>
    <row r="642909" spans="8:8">
      <c r="H642909" s="12"/>
    </row>
    <row r="642910" spans="8:8">
      <c r="H642910" s="12"/>
    </row>
    <row r="642911" spans="8:8">
      <c r="H642911" s="12"/>
    </row>
    <row r="642912" spans="8:8">
      <c r="H642912" s="12"/>
    </row>
    <row r="642913" spans="8:8">
      <c r="H642913" s="12"/>
    </row>
    <row r="642914" spans="8:8">
      <c r="H642914" s="12"/>
    </row>
    <row r="642915" spans="8:8">
      <c r="H642915" s="12"/>
    </row>
    <row r="642916" spans="8:8">
      <c r="H642916" s="12"/>
    </row>
    <row r="642917" spans="8:8">
      <c r="H642917" s="12"/>
    </row>
    <row r="642918" spans="8:8">
      <c r="H642918" s="12"/>
    </row>
    <row r="642919" spans="8:8">
      <c r="H642919" s="12"/>
    </row>
    <row r="642920" spans="8:8">
      <c r="H642920" s="12"/>
    </row>
    <row r="642921" spans="8:8">
      <c r="H642921" s="12"/>
    </row>
    <row r="642922" spans="8:8">
      <c r="H642922" s="12"/>
    </row>
    <row r="642923" spans="8:8">
      <c r="H642923" s="12"/>
    </row>
    <row r="642924" spans="8:8">
      <c r="H642924" s="12"/>
    </row>
    <row r="642925" spans="8:8">
      <c r="H642925" s="12"/>
    </row>
    <row r="642926" spans="8:8">
      <c r="H642926" s="12"/>
    </row>
    <row r="642927" spans="8:8">
      <c r="H642927" s="12"/>
    </row>
    <row r="642928" spans="8:8">
      <c r="H642928" s="12"/>
    </row>
    <row r="642929" spans="8:8">
      <c r="H642929" s="12"/>
    </row>
    <row r="642930" spans="8:8">
      <c r="H642930" s="12"/>
    </row>
    <row r="642931" spans="8:8">
      <c r="H642931" s="12"/>
    </row>
    <row r="642932" spans="8:8">
      <c r="H642932" s="12"/>
    </row>
    <row r="642933" spans="8:8">
      <c r="H642933" s="12"/>
    </row>
    <row r="642934" spans="8:8">
      <c r="H642934" s="12"/>
    </row>
    <row r="642935" spans="8:8">
      <c r="H642935" s="12"/>
    </row>
    <row r="642936" spans="8:8">
      <c r="H642936" s="12"/>
    </row>
    <row r="642937" spans="8:8">
      <c r="H642937" s="12"/>
    </row>
    <row r="642938" spans="8:8">
      <c r="H642938" s="12"/>
    </row>
    <row r="642939" spans="8:8">
      <c r="H642939" s="12"/>
    </row>
    <row r="642940" spans="8:8">
      <c r="H642940" s="12"/>
    </row>
    <row r="642941" spans="8:8">
      <c r="H642941" s="12"/>
    </row>
    <row r="642942" spans="8:8">
      <c r="H642942" s="12"/>
    </row>
    <row r="642943" spans="8:8">
      <c r="H642943" s="12"/>
    </row>
    <row r="642944" spans="8:8">
      <c r="H642944" s="12"/>
    </row>
    <row r="642945" spans="8:8">
      <c r="H642945" s="12"/>
    </row>
    <row r="642946" spans="8:8">
      <c r="H642946" s="12"/>
    </row>
    <row r="642947" spans="8:8">
      <c r="H642947" s="12"/>
    </row>
    <row r="642948" spans="8:8">
      <c r="H642948" s="12"/>
    </row>
    <row r="642949" spans="8:8">
      <c r="H642949" s="12"/>
    </row>
    <row r="642950" spans="8:8">
      <c r="H642950" s="12"/>
    </row>
    <row r="642951" spans="8:8">
      <c r="H642951" s="12"/>
    </row>
    <row r="642952" spans="8:8">
      <c r="H642952" s="12"/>
    </row>
    <row r="642953" spans="8:8">
      <c r="H642953" s="12"/>
    </row>
    <row r="642954" spans="8:8">
      <c r="H642954" s="12"/>
    </row>
    <row r="642955" spans="8:8">
      <c r="H642955" s="12"/>
    </row>
    <row r="642956" spans="8:8">
      <c r="H642956" s="12"/>
    </row>
    <row r="642957" spans="8:8">
      <c r="H642957" s="12"/>
    </row>
    <row r="642958" spans="8:8">
      <c r="H642958" s="12"/>
    </row>
    <row r="642959" spans="8:8">
      <c r="H642959" s="12"/>
    </row>
    <row r="642960" spans="8:8">
      <c r="H642960" s="12"/>
    </row>
    <row r="642961" spans="8:8">
      <c r="H642961" s="12"/>
    </row>
    <row r="642962" spans="8:8">
      <c r="H642962" s="12"/>
    </row>
    <row r="642963" spans="8:8">
      <c r="H642963" s="12"/>
    </row>
    <row r="642964" spans="8:8">
      <c r="H642964" s="12"/>
    </row>
    <row r="642965" spans="8:8">
      <c r="H642965" s="12"/>
    </row>
    <row r="642966" spans="8:8">
      <c r="H642966" s="12"/>
    </row>
    <row r="642967" spans="8:8">
      <c r="H642967" s="12"/>
    </row>
    <row r="642968" spans="8:8">
      <c r="H642968" s="12"/>
    </row>
    <row r="642969" spans="8:8">
      <c r="H642969" s="12"/>
    </row>
    <row r="642970" spans="8:8">
      <c r="H642970" s="12"/>
    </row>
    <row r="642971" spans="8:8">
      <c r="H642971" s="12"/>
    </row>
    <row r="642972" spans="8:8">
      <c r="H642972" s="12"/>
    </row>
    <row r="642973" spans="8:8">
      <c r="H642973" s="12"/>
    </row>
    <row r="642974" spans="8:8">
      <c r="H642974" s="12"/>
    </row>
    <row r="642975" spans="8:8">
      <c r="H642975" s="12"/>
    </row>
    <row r="642976" spans="8:8">
      <c r="H642976" s="12"/>
    </row>
    <row r="642977" spans="8:8">
      <c r="H642977" s="12"/>
    </row>
    <row r="642978" spans="8:8">
      <c r="H642978" s="12"/>
    </row>
    <row r="642979" spans="8:8">
      <c r="H642979" s="12"/>
    </row>
    <row r="642980" spans="8:8">
      <c r="H642980" s="12"/>
    </row>
    <row r="642981" spans="8:8">
      <c r="H642981" s="12"/>
    </row>
    <row r="642982" spans="8:8">
      <c r="H642982" s="12"/>
    </row>
    <row r="642983" spans="8:8">
      <c r="H642983" s="12"/>
    </row>
    <row r="642984" spans="8:8">
      <c r="H642984" s="12"/>
    </row>
    <row r="642985" spans="8:8">
      <c r="H642985" s="12"/>
    </row>
    <row r="642986" spans="8:8">
      <c r="H642986" s="12"/>
    </row>
    <row r="642987" spans="8:8">
      <c r="H642987" s="12"/>
    </row>
    <row r="642988" spans="8:8">
      <c r="H642988" s="12"/>
    </row>
    <row r="642989" spans="8:8">
      <c r="H642989" s="12"/>
    </row>
    <row r="642990" spans="8:8">
      <c r="H642990" s="12"/>
    </row>
    <row r="642991" spans="8:8">
      <c r="H642991" s="12"/>
    </row>
    <row r="642992" spans="8:8">
      <c r="H642992" s="12"/>
    </row>
    <row r="642993" spans="8:8">
      <c r="H642993" s="12"/>
    </row>
    <row r="642994" spans="8:8">
      <c r="H642994" s="12"/>
    </row>
    <row r="642995" spans="8:8">
      <c r="H642995" s="12"/>
    </row>
    <row r="642996" spans="8:8">
      <c r="H642996" s="12"/>
    </row>
    <row r="642997" spans="8:8">
      <c r="H642997" s="12"/>
    </row>
    <row r="642998" spans="8:8">
      <c r="H642998" s="12"/>
    </row>
    <row r="642999" spans="8:8">
      <c r="H642999" s="12"/>
    </row>
    <row r="643000" spans="8:8">
      <c r="H643000" s="12"/>
    </row>
    <row r="643001" spans="8:8">
      <c r="H643001" s="12"/>
    </row>
    <row r="643002" spans="8:8">
      <c r="H643002" s="12"/>
    </row>
    <row r="643003" spans="8:8">
      <c r="H643003" s="12"/>
    </row>
    <row r="643004" spans="8:8">
      <c r="H643004" s="12"/>
    </row>
    <row r="643005" spans="8:8">
      <c r="H643005" s="12"/>
    </row>
    <row r="643006" spans="8:8">
      <c r="H643006" s="12"/>
    </row>
    <row r="643007" spans="8:8">
      <c r="H643007" s="12"/>
    </row>
    <row r="643008" spans="8:8">
      <c r="H643008" s="12"/>
    </row>
    <row r="643009" spans="8:8">
      <c r="H643009" s="12"/>
    </row>
    <row r="643010" spans="8:8">
      <c r="H643010" s="12"/>
    </row>
    <row r="643011" spans="8:8">
      <c r="H643011" s="12"/>
    </row>
    <row r="643012" spans="8:8">
      <c r="H643012" s="12"/>
    </row>
    <row r="643013" spans="8:8">
      <c r="H643013" s="12"/>
    </row>
    <row r="643014" spans="8:8">
      <c r="H643014" s="12"/>
    </row>
    <row r="643015" spans="8:8">
      <c r="H643015" s="12"/>
    </row>
    <row r="643016" spans="8:8">
      <c r="H643016" s="12"/>
    </row>
    <row r="643017" spans="8:8">
      <c r="H643017" s="12"/>
    </row>
    <row r="643018" spans="8:8">
      <c r="H643018" s="12"/>
    </row>
    <row r="643019" spans="8:8">
      <c r="H643019" s="12"/>
    </row>
    <row r="643020" spans="8:8">
      <c r="H643020" s="12"/>
    </row>
    <row r="643021" spans="8:8">
      <c r="H643021" s="12"/>
    </row>
    <row r="643022" spans="8:8">
      <c r="H643022" s="12"/>
    </row>
    <row r="643023" spans="8:8">
      <c r="H643023" s="12"/>
    </row>
    <row r="643024" spans="8:8">
      <c r="H643024" s="12"/>
    </row>
    <row r="643025" spans="8:8">
      <c r="H643025" s="12"/>
    </row>
    <row r="643026" spans="8:8">
      <c r="H643026" s="12"/>
    </row>
    <row r="643027" spans="8:8">
      <c r="H643027" s="12"/>
    </row>
    <row r="643028" spans="8:8">
      <c r="H643028" s="12"/>
    </row>
    <row r="643029" spans="8:8">
      <c r="H643029" s="12"/>
    </row>
    <row r="643030" spans="8:8">
      <c r="H643030" s="12"/>
    </row>
    <row r="643031" spans="8:8">
      <c r="H643031" s="12"/>
    </row>
    <row r="643032" spans="8:8">
      <c r="H643032" s="12"/>
    </row>
    <row r="643033" spans="8:8">
      <c r="H643033" s="12"/>
    </row>
    <row r="643034" spans="8:8">
      <c r="H643034" s="12"/>
    </row>
    <row r="643035" spans="8:8">
      <c r="H643035" s="12"/>
    </row>
    <row r="643036" spans="8:8">
      <c r="H643036" s="12"/>
    </row>
    <row r="643037" spans="8:8">
      <c r="H643037" s="12"/>
    </row>
    <row r="643038" spans="8:8">
      <c r="H643038" s="12"/>
    </row>
    <row r="643039" spans="8:8">
      <c r="H643039" s="12"/>
    </row>
    <row r="643040" spans="8:8">
      <c r="H643040" s="12"/>
    </row>
    <row r="643041" spans="8:8">
      <c r="H643041" s="12"/>
    </row>
    <row r="643042" spans="8:8">
      <c r="H643042" s="12"/>
    </row>
    <row r="643043" spans="8:8">
      <c r="H643043" s="12"/>
    </row>
    <row r="643044" spans="8:8">
      <c r="H643044" s="12"/>
    </row>
    <row r="643045" spans="8:8">
      <c r="H643045" s="12"/>
    </row>
    <row r="643046" spans="8:8">
      <c r="H643046" s="12"/>
    </row>
    <row r="643047" spans="8:8">
      <c r="H643047" s="12"/>
    </row>
    <row r="643048" spans="8:8">
      <c r="H643048" s="12"/>
    </row>
    <row r="643049" spans="8:8">
      <c r="H643049" s="12"/>
    </row>
    <row r="643050" spans="8:8">
      <c r="H643050" s="12"/>
    </row>
    <row r="643051" spans="8:8">
      <c r="H643051" s="12"/>
    </row>
    <row r="643052" spans="8:8">
      <c r="H643052" s="12"/>
    </row>
    <row r="643053" spans="8:8">
      <c r="H643053" s="12"/>
    </row>
    <row r="643054" spans="8:8">
      <c r="H643054" s="12"/>
    </row>
    <row r="643055" spans="8:8">
      <c r="H643055" s="12"/>
    </row>
    <row r="643056" spans="8:8">
      <c r="H643056" s="12"/>
    </row>
    <row r="643057" spans="8:8">
      <c r="H643057" s="12"/>
    </row>
    <row r="643058" spans="8:8">
      <c r="H643058" s="12"/>
    </row>
    <row r="643059" spans="8:8">
      <c r="H643059" s="12"/>
    </row>
    <row r="643060" spans="8:8">
      <c r="H643060" s="12"/>
    </row>
    <row r="643061" spans="8:8">
      <c r="H643061" s="12"/>
    </row>
    <row r="643062" spans="8:8">
      <c r="H643062" s="12"/>
    </row>
    <row r="643063" spans="8:8">
      <c r="H643063" s="12"/>
    </row>
    <row r="643064" spans="8:8">
      <c r="H643064" s="12"/>
    </row>
    <row r="643065" spans="8:8">
      <c r="H643065" s="12"/>
    </row>
    <row r="643066" spans="8:8">
      <c r="H643066" s="12"/>
    </row>
    <row r="643067" spans="8:8">
      <c r="H643067" s="12"/>
    </row>
    <row r="643068" spans="8:8">
      <c r="H643068" s="12"/>
    </row>
    <row r="643069" spans="8:8">
      <c r="H643069" s="12"/>
    </row>
    <row r="643070" spans="8:8">
      <c r="H643070" s="12"/>
    </row>
    <row r="643071" spans="8:8">
      <c r="H643071" s="12"/>
    </row>
    <row r="643072" spans="8:8">
      <c r="H643072" s="12"/>
    </row>
    <row r="643073" spans="8:8">
      <c r="H643073" s="12"/>
    </row>
    <row r="643074" spans="8:8">
      <c r="H643074" s="12"/>
    </row>
    <row r="643075" spans="8:8">
      <c r="H643075" s="12"/>
    </row>
    <row r="643076" spans="8:8">
      <c r="H643076" s="12"/>
    </row>
    <row r="643077" spans="8:8">
      <c r="H643077" s="12"/>
    </row>
    <row r="643078" spans="8:8">
      <c r="H643078" s="12"/>
    </row>
    <row r="643079" spans="8:8">
      <c r="H643079" s="12"/>
    </row>
    <row r="643080" spans="8:8">
      <c r="H643080" s="12"/>
    </row>
    <row r="643081" spans="8:8">
      <c r="H643081" s="12"/>
    </row>
    <row r="643082" spans="8:8">
      <c r="H643082" s="12"/>
    </row>
    <row r="643083" spans="8:8">
      <c r="H643083" s="12"/>
    </row>
    <row r="643084" spans="8:8">
      <c r="H643084" s="12"/>
    </row>
    <row r="643085" spans="8:8">
      <c r="H643085" s="12"/>
    </row>
    <row r="643086" spans="8:8">
      <c r="H643086" s="12"/>
    </row>
    <row r="643087" spans="8:8">
      <c r="H643087" s="12"/>
    </row>
    <row r="643088" spans="8:8">
      <c r="H643088" s="12"/>
    </row>
    <row r="643089" spans="8:8">
      <c r="H643089" s="12"/>
    </row>
    <row r="643090" spans="8:8">
      <c r="H643090" s="12"/>
    </row>
    <row r="643091" spans="8:8">
      <c r="H643091" s="12"/>
    </row>
    <row r="643092" spans="8:8">
      <c r="H643092" s="12"/>
    </row>
    <row r="643093" spans="8:8">
      <c r="H643093" s="12"/>
    </row>
    <row r="643094" spans="8:8">
      <c r="H643094" s="12"/>
    </row>
    <row r="643095" spans="8:8">
      <c r="H643095" s="12"/>
    </row>
    <row r="643096" spans="8:8">
      <c r="H643096" s="12"/>
    </row>
    <row r="643097" spans="8:8">
      <c r="H643097" s="12"/>
    </row>
    <row r="643098" spans="8:8">
      <c r="H643098" s="12"/>
    </row>
    <row r="643099" spans="8:8">
      <c r="H643099" s="12"/>
    </row>
    <row r="643100" spans="8:8">
      <c r="H643100" s="12"/>
    </row>
    <row r="643101" spans="8:8">
      <c r="H643101" s="12"/>
    </row>
    <row r="643102" spans="8:8">
      <c r="H643102" s="12"/>
    </row>
    <row r="643103" spans="8:8">
      <c r="H643103" s="12"/>
    </row>
    <row r="643104" spans="8:8">
      <c r="H643104" s="12"/>
    </row>
    <row r="643105" spans="8:8">
      <c r="H643105" s="12"/>
    </row>
    <row r="643106" spans="8:8">
      <c r="H643106" s="12"/>
    </row>
    <row r="643107" spans="8:8">
      <c r="H643107" s="12"/>
    </row>
    <row r="643108" spans="8:8">
      <c r="H643108" s="12"/>
    </row>
    <row r="643109" spans="8:8">
      <c r="H643109" s="12"/>
    </row>
    <row r="643110" spans="8:8">
      <c r="H643110" s="12"/>
    </row>
    <row r="643111" spans="8:8">
      <c r="H643111" s="12"/>
    </row>
    <row r="643112" spans="8:8">
      <c r="H643112" s="12"/>
    </row>
    <row r="643113" spans="8:8">
      <c r="H643113" s="12"/>
    </row>
    <row r="643114" spans="8:8">
      <c r="H643114" s="12"/>
    </row>
    <row r="643115" spans="8:8">
      <c r="H643115" s="12"/>
    </row>
    <row r="643116" spans="8:8">
      <c r="H643116" s="12"/>
    </row>
    <row r="643117" spans="8:8">
      <c r="H643117" s="12"/>
    </row>
    <row r="643118" spans="8:8">
      <c r="H643118" s="12"/>
    </row>
    <row r="643119" spans="8:8">
      <c r="H643119" s="12"/>
    </row>
    <row r="643120" spans="8:8">
      <c r="H643120" s="12"/>
    </row>
    <row r="643121" spans="8:8">
      <c r="H643121" s="12"/>
    </row>
    <row r="643122" spans="8:8">
      <c r="H643122" s="12"/>
    </row>
    <row r="643123" spans="8:8">
      <c r="H643123" s="12"/>
    </row>
    <row r="643124" spans="8:8">
      <c r="H643124" s="12"/>
    </row>
    <row r="643125" spans="8:8">
      <c r="H643125" s="12"/>
    </row>
    <row r="643126" spans="8:8">
      <c r="H643126" s="12"/>
    </row>
    <row r="643127" spans="8:8">
      <c r="H643127" s="12"/>
    </row>
    <row r="643128" spans="8:8">
      <c r="H643128" s="12"/>
    </row>
    <row r="643129" spans="8:8">
      <c r="H643129" s="12"/>
    </row>
    <row r="643130" spans="8:8">
      <c r="H643130" s="12"/>
    </row>
    <row r="643131" spans="8:8">
      <c r="H643131" s="12"/>
    </row>
    <row r="643132" spans="8:8">
      <c r="H643132" s="12"/>
    </row>
    <row r="643133" spans="8:8">
      <c r="H643133" s="12"/>
    </row>
    <row r="643134" spans="8:8">
      <c r="H643134" s="12"/>
    </row>
    <row r="643135" spans="8:8">
      <c r="H643135" s="12"/>
    </row>
    <row r="643136" spans="8:8">
      <c r="H643136" s="12"/>
    </row>
    <row r="643137" spans="8:8">
      <c r="H643137" s="12"/>
    </row>
    <row r="643138" spans="8:8">
      <c r="H643138" s="12"/>
    </row>
    <row r="643139" spans="8:8">
      <c r="H643139" s="12"/>
    </row>
    <row r="643140" spans="8:8">
      <c r="H643140" s="12"/>
    </row>
    <row r="643141" spans="8:8">
      <c r="H643141" s="12"/>
    </row>
    <row r="643142" spans="8:8">
      <c r="H643142" s="12"/>
    </row>
    <row r="643143" spans="8:8">
      <c r="H643143" s="12"/>
    </row>
    <row r="643144" spans="8:8">
      <c r="H643144" s="12"/>
    </row>
    <row r="643145" spans="8:8">
      <c r="H643145" s="12"/>
    </row>
    <row r="643146" spans="8:8">
      <c r="H643146" s="12"/>
    </row>
    <row r="643147" spans="8:8">
      <c r="H643147" s="12"/>
    </row>
    <row r="643148" spans="8:8">
      <c r="H643148" s="12"/>
    </row>
    <row r="643149" spans="8:8">
      <c r="H643149" s="12"/>
    </row>
    <row r="643150" spans="8:8">
      <c r="H643150" s="12"/>
    </row>
    <row r="643151" spans="8:8">
      <c r="H643151" s="12"/>
    </row>
    <row r="643152" spans="8:8">
      <c r="H643152" s="12"/>
    </row>
    <row r="643153" spans="8:8">
      <c r="H643153" s="12"/>
    </row>
    <row r="643154" spans="8:8">
      <c r="H643154" s="12"/>
    </row>
    <row r="643155" spans="8:8">
      <c r="H643155" s="12"/>
    </row>
    <row r="643156" spans="8:8">
      <c r="H643156" s="12"/>
    </row>
    <row r="643157" spans="8:8">
      <c r="H643157" s="12"/>
    </row>
    <row r="643158" spans="8:8">
      <c r="H643158" s="12"/>
    </row>
    <row r="643159" spans="8:8">
      <c r="H643159" s="12"/>
    </row>
    <row r="643160" spans="8:8">
      <c r="H643160" s="12"/>
    </row>
    <row r="643161" spans="8:8">
      <c r="H643161" s="12"/>
    </row>
    <row r="643162" spans="8:8">
      <c r="H643162" s="12"/>
    </row>
    <row r="643163" spans="8:8">
      <c r="H643163" s="12"/>
    </row>
    <row r="643164" spans="8:8">
      <c r="H643164" s="12"/>
    </row>
    <row r="643165" spans="8:8">
      <c r="H643165" s="12"/>
    </row>
    <row r="643166" spans="8:8">
      <c r="H643166" s="12"/>
    </row>
    <row r="643167" spans="8:8">
      <c r="H643167" s="12"/>
    </row>
    <row r="643168" spans="8:8">
      <c r="H643168" s="12"/>
    </row>
    <row r="643169" spans="8:8">
      <c r="H643169" s="12"/>
    </row>
    <row r="643170" spans="8:8">
      <c r="H643170" s="12"/>
    </row>
    <row r="643171" spans="8:8">
      <c r="H643171" s="12"/>
    </row>
    <row r="643172" spans="8:8">
      <c r="H643172" s="12"/>
    </row>
    <row r="643173" spans="8:8">
      <c r="H643173" s="12"/>
    </row>
    <row r="643174" spans="8:8">
      <c r="H643174" s="12"/>
    </row>
    <row r="643175" spans="8:8">
      <c r="H643175" s="12"/>
    </row>
    <row r="643176" spans="8:8">
      <c r="H643176" s="12"/>
    </row>
    <row r="643177" spans="8:8">
      <c r="H643177" s="12"/>
    </row>
    <row r="643178" spans="8:8">
      <c r="H643178" s="12"/>
    </row>
    <row r="643179" spans="8:8">
      <c r="H643179" s="12"/>
    </row>
    <row r="643180" spans="8:8">
      <c r="H643180" s="12"/>
    </row>
    <row r="643181" spans="8:8">
      <c r="H643181" s="12"/>
    </row>
    <row r="643182" spans="8:8">
      <c r="H643182" s="12"/>
    </row>
    <row r="643183" spans="8:8">
      <c r="H643183" s="12"/>
    </row>
    <row r="643184" spans="8:8">
      <c r="H643184" s="12"/>
    </row>
    <row r="643185" spans="8:8">
      <c r="H643185" s="12"/>
    </row>
    <row r="643186" spans="8:8">
      <c r="H643186" s="12"/>
    </row>
    <row r="643187" spans="8:8">
      <c r="H643187" s="12"/>
    </row>
    <row r="643188" spans="8:8">
      <c r="H643188" s="12"/>
    </row>
    <row r="643189" spans="8:8">
      <c r="H643189" s="12"/>
    </row>
    <row r="643190" spans="8:8">
      <c r="H643190" s="12"/>
    </row>
    <row r="643191" spans="8:8">
      <c r="H643191" s="12"/>
    </row>
    <row r="643192" spans="8:8">
      <c r="H643192" s="12"/>
    </row>
    <row r="643193" spans="8:8">
      <c r="H643193" s="12"/>
    </row>
    <row r="643194" spans="8:8">
      <c r="H643194" s="12"/>
    </row>
    <row r="643195" spans="8:8">
      <c r="H643195" s="12"/>
    </row>
    <row r="643196" spans="8:8">
      <c r="H643196" s="12"/>
    </row>
    <row r="643197" spans="8:8">
      <c r="H643197" s="12"/>
    </row>
    <row r="643198" spans="8:8">
      <c r="H643198" s="12"/>
    </row>
    <row r="643199" spans="8:8">
      <c r="H643199" s="12"/>
    </row>
    <row r="643200" spans="8:8">
      <c r="H643200" s="12"/>
    </row>
    <row r="643201" spans="8:8">
      <c r="H643201" s="12"/>
    </row>
    <row r="643202" spans="8:8">
      <c r="H643202" s="12"/>
    </row>
    <row r="643203" spans="8:8">
      <c r="H643203" s="12"/>
    </row>
    <row r="643204" spans="8:8">
      <c r="H643204" s="12"/>
    </row>
    <row r="643205" spans="8:8">
      <c r="H643205" s="12"/>
    </row>
    <row r="643206" spans="8:8">
      <c r="H643206" s="12"/>
    </row>
    <row r="643207" spans="8:8">
      <c r="H643207" s="12"/>
    </row>
    <row r="643208" spans="8:8">
      <c r="H643208" s="12"/>
    </row>
    <row r="643209" spans="8:8">
      <c r="H643209" s="12"/>
    </row>
    <row r="643210" spans="8:8">
      <c r="H643210" s="12"/>
    </row>
    <row r="643211" spans="8:8">
      <c r="H643211" s="12"/>
    </row>
    <row r="643212" spans="8:8">
      <c r="H643212" s="12"/>
    </row>
    <row r="643213" spans="8:8">
      <c r="H643213" s="12"/>
    </row>
    <row r="643214" spans="8:8">
      <c r="H643214" s="12"/>
    </row>
    <row r="643215" spans="8:8">
      <c r="H643215" s="12"/>
    </row>
    <row r="643216" spans="8:8">
      <c r="H643216" s="12"/>
    </row>
    <row r="643217" spans="8:8">
      <c r="H643217" s="12"/>
    </row>
    <row r="643218" spans="8:8">
      <c r="H643218" s="12"/>
    </row>
    <row r="643219" spans="8:8">
      <c r="H643219" s="12"/>
    </row>
    <row r="643220" spans="8:8">
      <c r="H643220" s="12"/>
    </row>
    <row r="643221" spans="8:8">
      <c r="H643221" s="12"/>
    </row>
    <row r="643222" spans="8:8">
      <c r="H643222" s="12"/>
    </row>
    <row r="643223" spans="8:8">
      <c r="H643223" s="12"/>
    </row>
    <row r="643224" spans="8:8">
      <c r="H643224" s="12"/>
    </row>
    <row r="643225" spans="8:8">
      <c r="H643225" s="12"/>
    </row>
    <row r="643226" spans="8:8">
      <c r="H643226" s="12"/>
    </row>
    <row r="643227" spans="8:8">
      <c r="H643227" s="12"/>
    </row>
    <row r="643228" spans="8:8">
      <c r="H643228" s="12"/>
    </row>
    <row r="643229" spans="8:8">
      <c r="H643229" s="12"/>
    </row>
    <row r="643230" spans="8:8">
      <c r="H643230" s="12"/>
    </row>
    <row r="643231" spans="8:8">
      <c r="H643231" s="12"/>
    </row>
    <row r="643232" spans="8:8">
      <c r="H643232" s="12"/>
    </row>
    <row r="643233" spans="8:8">
      <c r="H643233" s="12"/>
    </row>
    <row r="643234" spans="8:8">
      <c r="H643234" s="12"/>
    </row>
    <row r="643235" spans="8:8">
      <c r="H643235" s="12"/>
    </row>
    <row r="643236" spans="8:8">
      <c r="H643236" s="12"/>
    </row>
    <row r="643237" spans="8:8">
      <c r="H643237" s="12"/>
    </row>
    <row r="643238" spans="8:8">
      <c r="H643238" s="12"/>
    </row>
    <row r="643239" spans="8:8">
      <c r="H643239" s="12"/>
    </row>
    <row r="643240" spans="8:8">
      <c r="H643240" s="12"/>
    </row>
    <row r="643241" spans="8:8">
      <c r="H643241" s="12"/>
    </row>
    <row r="643242" spans="8:8">
      <c r="H643242" s="12"/>
    </row>
    <row r="643243" spans="8:8">
      <c r="H643243" s="12"/>
    </row>
    <row r="643244" spans="8:8">
      <c r="H643244" s="12"/>
    </row>
    <row r="643245" spans="8:8">
      <c r="H643245" s="12"/>
    </row>
    <row r="643246" spans="8:8">
      <c r="H643246" s="12"/>
    </row>
    <row r="643247" spans="8:8">
      <c r="H643247" s="12"/>
    </row>
    <row r="643248" spans="8:8">
      <c r="H643248" s="12"/>
    </row>
    <row r="643249" spans="8:8">
      <c r="H643249" s="12"/>
    </row>
    <row r="643250" spans="8:8">
      <c r="H643250" s="12"/>
    </row>
    <row r="643251" spans="8:8">
      <c r="H643251" s="12"/>
    </row>
    <row r="643252" spans="8:8">
      <c r="H643252" s="12"/>
    </row>
    <row r="643253" spans="8:8">
      <c r="H643253" s="12"/>
    </row>
    <row r="643254" spans="8:8">
      <c r="H643254" s="12"/>
    </row>
    <row r="643255" spans="8:8">
      <c r="H643255" s="12"/>
    </row>
    <row r="643256" spans="8:8">
      <c r="H643256" s="12"/>
    </row>
    <row r="643257" spans="8:8">
      <c r="H643257" s="12"/>
    </row>
    <row r="643258" spans="8:8">
      <c r="H643258" s="12"/>
    </row>
    <row r="643259" spans="8:8">
      <c r="H643259" s="12"/>
    </row>
    <row r="643260" spans="8:8">
      <c r="H643260" s="12"/>
    </row>
    <row r="643261" spans="8:8">
      <c r="H643261" s="12"/>
    </row>
    <row r="643262" spans="8:8">
      <c r="H643262" s="12"/>
    </row>
    <row r="643263" spans="8:8">
      <c r="H643263" s="12"/>
    </row>
    <row r="643264" spans="8:8">
      <c r="H643264" s="12"/>
    </row>
    <row r="643265" spans="8:8">
      <c r="H643265" s="12"/>
    </row>
    <row r="643266" spans="8:8">
      <c r="H643266" s="12"/>
    </row>
    <row r="643267" spans="8:8">
      <c r="H643267" s="12"/>
    </row>
    <row r="643268" spans="8:8">
      <c r="H643268" s="12"/>
    </row>
    <row r="643269" spans="8:8">
      <c r="H643269" s="12"/>
    </row>
    <row r="643270" spans="8:8">
      <c r="H643270" s="12"/>
    </row>
    <row r="643271" spans="8:8">
      <c r="H643271" s="12"/>
    </row>
    <row r="643272" spans="8:8">
      <c r="H643272" s="12"/>
    </row>
    <row r="643273" spans="8:8">
      <c r="H643273" s="12"/>
    </row>
    <row r="643274" spans="8:8">
      <c r="H643274" s="12"/>
    </row>
    <row r="643275" spans="8:8">
      <c r="H643275" s="12"/>
    </row>
    <row r="643276" spans="8:8">
      <c r="H643276" s="12"/>
    </row>
    <row r="643277" spans="8:8">
      <c r="H643277" s="12"/>
    </row>
    <row r="643278" spans="8:8">
      <c r="H643278" s="12"/>
    </row>
    <row r="643279" spans="8:8">
      <c r="H643279" s="12"/>
    </row>
    <row r="643280" spans="8:8">
      <c r="H643280" s="12"/>
    </row>
    <row r="643281" spans="8:8">
      <c r="H643281" s="12"/>
    </row>
    <row r="643282" spans="8:8">
      <c r="H643282" s="12"/>
    </row>
    <row r="643283" spans="8:8">
      <c r="H643283" s="12"/>
    </row>
    <row r="643284" spans="8:8">
      <c r="H643284" s="12"/>
    </row>
    <row r="643285" spans="8:8">
      <c r="H643285" s="12"/>
    </row>
    <row r="643286" spans="8:8">
      <c r="H643286" s="12"/>
    </row>
    <row r="643287" spans="8:8">
      <c r="H643287" s="12"/>
    </row>
    <row r="643288" spans="8:8">
      <c r="H643288" s="12"/>
    </row>
    <row r="643289" spans="8:8">
      <c r="H643289" s="12"/>
    </row>
    <row r="643290" spans="8:8">
      <c r="H643290" s="12"/>
    </row>
    <row r="643291" spans="8:8">
      <c r="H643291" s="12"/>
    </row>
    <row r="643292" spans="8:8">
      <c r="H643292" s="12"/>
    </row>
    <row r="643293" spans="8:8">
      <c r="H643293" s="12"/>
    </row>
    <row r="643294" spans="8:8">
      <c r="H643294" s="12"/>
    </row>
    <row r="643295" spans="8:8">
      <c r="H643295" s="12"/>
    </row>
    <row r="643296" spans="8:8">
      <c r="H643296" s="12"/>
    </row>
    <row r="643297" spans="8:8">
      <c r="H643297" s="12"/>
    </row>
    <row r="643298" spans="8:8">
      <c r="H643298" s="12"/>
    </row>
    <row r="643299" spans="8:8">
      <c r="H643299" s="12"/>
    </row>
    <row r="643300" spans="8:8">
      <c r="H643300" s="12"/>
    </row>
    <row r="643301" spans="8:8">
      <c r="H643301" s="12"/>
    </row>
    <row r="643302" spans="8:8">
      <c r="H643302" s="12"/>
    </row>
    <row r="643303" spans="8:8">
      <c r="H643303" s="12"/>
    </row>
    <row r="643304" spans="8:8">
      <c r="H643304" s="12"/>
    </row>
    <row r="643305" spans="8:8">
      <c r="H643305" s="12"/>
    </row>
    <row r="643306" spans="8:8">
      <c r="H643306" s="12"/>
    </row>
    <row r="643307" spans="8:8">
      <c r="H643307" s="12"/>
    </row>
    <row r="643308" spans="8:8">
      <c r="H643308" s="12"/>
    </row>
    <row r="643309" spans="8:8">
      <c r="H643309" s="12"/>
    </row>
    <row r="643310" spans="8:8">
      <c r="H643310" s="12"/>
    </row>
    <row r="643311" spans="8:8">
      <c r="H643311" s="12"/>
    </row>
    <row r="643312" spans="8:8">
      <c r="H643312" s="12"/>
    </row>
    <row r="643313" spans="8:8">
      <c r="H643313" s="12"/>
    </row>
    <row r="643314" spans="8:8">
      <c r="H643314" s="12"/>
    </row>
    <row r="643315" spans="8:8">
      <c r="H643315" s="12"/>
    </row>
    <row r="643316" spans="8:8">
      <c r="H643316" s="12"/>
    </row>
    <row r="643317" spans="8:8">
      <c r="H643317" s="12"/>
    </row>
    <row r="643318" spans="8:8">
      <c r="H643318" s="12"/>
    </row>
    <row r="643319" spans="8:8">
      <c r="H643319" s="12"/>
    </row>
    <row r="643320" spans="8:8">
      <c r="H643320" s="12"/>
    </row>
    <row r="643321" spans="8:8">
      <c r="H643321" s="12"/>
    </row>
    <row r="643322" spans="8:8">
      <c r="H643322" s="12"/>
    </row>
    <row r="643323" spans="8:8">
      <c r="H643323" s="12"/>
    </row>
    <row r="643324" spans="8:8">
      <c r="H643324" s="12"/>
    </row>
    <row r="643325" spans="8:8">
      <c r="H643325" s="12"/>
    </row>
    <row r="643326" spans="8:8">
      <c r="H643326" s="12"/>
    </row>
    <row r="643327" spans="8:8">
      <c r="H643327" s="12"/>
    </row>
    <row r="643328" spans="8:8">
      <c r="H643328" s="12"/>
    </row>
    <row r="643329" spans="8:8">
      <c r="H643329" s="12"/>
    </row>
    <row r="643330" spans="8:8">
      <c r="H643330" s="12"/>
    </row>
    <row r="643331" spans="8:8">
      <c r="H643331" s="12"/>
    </row>
    <row r="643332" spans="8:8">
      <c r="H643332" s="12"/>
    </row>
    <row r="643333" spans="8:8">
      <c r="H643333" s="12"/>
    </row>
    <row r="643334" spans="8:8">
      <c r="H643334" s="12"/>
    </row>
    <row r="643335" spans="8:8">
      <c r="H643335" s="12"/>
    </row>
    <row r="643336" spans="8:8">
      <c r="H643336" s="12"/>
    </row>
    <row r="643337" spans="8:8">
      <c r="H643337" s="12"/>
    </row>
    <row r="643338" spans="8:8">
      <c r="H643338" s="12"/>
    </row>
    <row r="643339" spans="8:8">
      <c r="H643339" s="12"/>
    </row>
    <row r="643340" spans="8:8">
      <c r="H643340" s="12"/>
    </row>
    <row r="643341" spans="8:8">
      <c r="H643341" s="12"/>
    </row>
    <row r="643342" spans="8:8">
      <c r="H643342" s="12"/>
    </row>
    <row r="643343" spans="8:8">
      <c r="H643343" s="12"/>
    </row>
    <row r="643344" spans="8:8">
      <c r="H643344" s="12"/>
    </row>
    <row r="643345" spans="8:8">
      <c r="H643345" s="12"/>
    </row>
    <row r="643346" spans="8:8">
      <c r="H643346" s="12"/>
    </row>
    <row r="643347" spans="8:8">
      <c r="H643347" s="12"/>
    </row>
    <row r="643348" spans="8:8">
      <c r="H643348" s="12"/>
    </row>
    <row r="643349" spans="8:8">
      <c r="H643349" s="12"/>
    </row>
    <row r="643350" spans="8:8">
      <c r="H643350" s="12"/>
    </row>
    <row r="643351" spans="8:8">
      <c r="H643351" s="12"/>
    </row>
    <row r="643352" spans="8:8">
      <c r="H643352" s="12"/>
    </row>
    <row r="643353" spans="8:8">
      <c r="H643353" s="12"/>
    </row>
    <row r="643354" spans="8:8">
      <c r="H643354" s="12"/>
    </row>
    <row r="643355" spans="8:8">
      <c r="H643355" s="12"/>
    </row>
    <row r="643356" spans="8:8">
      <c r="H643356" s="12"/>
    </row>
    <row r="643357" spans="8:8">
      <c r="H643357" s="12"/>
    </row>
    <row r="643358" spans="8:8">
      <c r="H643358" s="12"/>
    </row>
    <row r="643359" spans="8:8">
      <c r="H643359" s="12"/>
    </row>
    <row r="643360" spans="8:8">
      <c r="H643360" s="12"/>
    </row>
    <row r="643361" spans="8:8">
      <c r="H643361" s="12"/>
    </row>
    <row r="643362" spans="8:8">
      <c r="H643362" s="12"/>
    </row>
    <row r="643363" spans="8:8">
      <c r="H643363" s="12"/>
    </row>
    <row r="643364" spans="8:8">
      <c r="H643364" s="12"/>
    </row>
    <row r="643365" spans="8:8">
      <c r="H643365" s="12"/>
    </row>
    <row r="643366" spans="8:8">
      <c r="H643366" s="12"/>
    </row>
    <row r="643367" spans="8:8">
      <c r="H643367" s="12"/>
    </row>
    <row r="643368" spans="8:8">
      <c r="H643368" s="12"/>
    </row>
    <row r="643369" spans="8:8">
      <c r="H643369" s="12"/>
    </row>
    <row r="643370" spans="8:8">
      <c r="H643370" s="12"/>
    </row>
    <row r="643371" spans="8:8">
      <c r="H643371" s="12"/>
    </row>
    <row r="643372" spans="8:8">
      <c r="H643372" s="12"/>
    </row>
    <row r="643373" spans="8:8">
      <c r="H643373" s="12"/>
    </row>
    <row r="643374" spans="8:8">
      <c r="H643374" s="12"/>
    </row>
    <row r="643375" spans="8:8">
      <c r="H643375" s="12"/>
    </row>
    <row r="643376" spans="8:8">
      <c r="H643376" s="12"/>
    </row>
    <row r="643377" spans="8:8">
      <c r="H643377" s="12"/>
    </row>
    <row r="643378" spans="8:8">
      <c r="H643378" s="12"/>
    </row>
    <row r="643379" spans="8:8">
      <c r="H643379" s="12"/>
    </row>
    <row r="643380" spans="8:8">
      <c r="H643380" s="12"/>
    </row>
    <row r="643381" spans="8:8">
      <c r="H643381" s="12"/>
    </row>
    <row r="643382" spans="8:8">
      <c r="H643382" s="12"/>
    </row>
    <row r="643383" spans="8:8">
      <c r="H643383" s="12"/>
    </row>
    <row r="643384" spans="8:8">
      <c r="H643384" s="12"/>
    </row>
    <row r="643385" spans="8:8">
      <c r="H643385" s="12"/>
    </row>
    <row r="643386" spans="8:8">
      <c r="H643386" s="12"/>
    </row>
    <row r="643387" spans="8:8">
      <c r="H643387" s="12"/>
    </row>
    <row r="643388" spans="8:8">
      <c r="H643388" s="12"/>
    </row>
    <row r="643389" spans="8:8">
      <c r="H643389" s="12"/>
    </row>
    <row r="643390" spans="8:8">
      <c r="H643390" s="12"/>
    </row>
    <row r="643391" spans="8:8">
      <c r="H643391" s="12"/>
    </row>
    <row r="643392" spans="8:8">
      <c r="H643392" s="12"/>
    </row>
    <row r="643393" spans="8:8">
      <c r="H643393" s="12"/>
    </row>
    <row r="643394" spans="8:8">
      <c r="H643394" s="12"/>
    </row>
    <row r="643395" spans="8:8">
      <c r="H643395" s="12"/>
    </row>
    <row r="643396" spans="8:8">
      <c r="H643396" s="12"/>
    </row>
    <row r="643397" spans="8:8">
      <c r="H643397" s="12"/>
    </row>
    <row r="643398" spans="8:8">
      <c r="H643398" s="12"/>
    </row>
    <row r="643399" spans="8:8">
      <c r="H643399" s="12"/>
    </row>
    <row r="643400" spans="8:8">
      <c r="H643400" s="12"/>
    </row>
    <row r="643401" spans="8:8">
      <c r="H643401" s="12"/>
    </row>
    <row r="643402" spans="8:8">
      <c r="H643402" s="12"/>
    </row>
    <row r="643403" spans="8:8">
      <c r="H643403" s="12"/>
    </row>
    <row r="643404" spans="8:8">
      <c r="H643404" s="12"/>
    </row>
    <row r="643405" spans="8:8">
      <c r="H643405" s="12"/>
    </row>
    <row r="643406" spans="8:8">
      <c r="H643406" s="12"/>
    </row>
    <row r="643407" spans="8:8">
      <c r="H643407" s="12"/>
    </row>
    <row r="643408" spans="8:8">
      <c r="H643408" s="12"/>
    </row>
    <row r="643409" spans="8:8">
      <c r="H643409" s="12"/>
    </row>
    <row r="643410" spans="8:8">
      <c r="H643410" s="12"/>
    </row>
    <row r="643411" spans="8:8">
      <c r="H643411" s="12"/>
    </row>
    <row r="643412" spans="8:8">
      <c r="H643412" s="12"/>
    </row>
    <row r="643413" spans="8:8">
      <c r="H643413" s="12"/>
    </row>
    <row r="643414" spans="8:8">
      <c r="H643414" s="12"/>
    </row>
    <row r="643415" spans="8:8">
      <c r="H643415" s="12"/>
    </row>
    <row r="643416" spans="8:8">
      <c r="H643416" s="12"/>
    </row>
    <row r="643417" spans="8:8">
      <c r="H643417" s="12"/>
    </row>
    <row r="643418" spans="8:8">
      <c r="H643418" s="12"/>
    </row>
    <row r="643419" spans="8:8">
      <c r="H643419" s="12"/>
    </row>
    <row r="643420" spans="8:8">
      <c r="H643420" s="12"/>
    </row>
    <row r="643421" spans="8:8">
      <c r="H643421" s="12"/>
    </row>
    <row r="643422" spans="8:8">
      <c r="H643422" s="12"/>
    </row>
    <row r="643423" spans="8:8">
      <c r="H643423" s="12"/>
    </row>
    <row r="643424" spans="8:8">
      <c r="H643424" s="12"/>
    </row>
    <row r="643425" spans="8:8">
      <c r="H643425" s="12"/>
    </row>
    <row r="643426" spans="8:8">
      <c r="H643426" s="12"/>
    </row>
    <row r="643427" spans="8:8">
      <c r="H643427" s="12"/>
    </row>
    <row r="643428" spans="8:8">
      <c r="H643428" s="12"/>
    </row>
    <row r="643429" spans="8:8">
      <c r="H643429" s="12"/>
    </row>
    <row r="643430" spans="8:8">
      <c r="H643430" s="12"/>
    </row>
    <row r="643431" spans="8:8">
      <c r="H643431" s="12"/>
    </row>
    <row r="643432" spans="8:8">
      <c r="H643432" s="12"/>
    </row>
    <row r="643433" spans="8:8">
      <c r="H643433" s="12"/>
    </row>
    <row r="643434" spans="8:8">
      <c r="H643434" s="12"/>
    </row>
    <row r="643435" spans="8:8">
      <c r="H643435" s="12"/>
    </row>
    <row r="643436" spans="8:8">
      <c r="H643436" s="12"/>
    </row>
    <row r="643437" spans="8:8">
      <c r="H643437" s="12"/>
    </row>
    <row r="643438" spans="8:8">
      <c r="H643438" s="12"/>
    </row>
    <row r="643439" spans="8:8">
      <c r="H643439" s="12"/>
    </row>
    <row r="643440" spans="8:8">
      <c r="H643440" s="12"/>
    </row>
    <row r="643441" spans="8:8">
      <c r="H643441" s="12"/>
    </row>
    <row r="643442" spans="8:8">
      <c r="H643442" s="12"/>
    </row>
    <row r="643443" spans="8:8">
      <c r="H643443" s="12"/>
    </row>
    <row r="643444" spans="8:8">
      <c r="H643444" s="12"/>
    </row>
    <row r="643445" spans="8:8">
      <c r="H643445" s="12"/>
    </row>
    <row r="643446" spans="8:8">
      <c r="H643446" s="12"/>
    </row>
    <row r="643447" spans="8:8">
      <c r="H643447" s="12"/>
    </row>
    <row r="643448" spans="8:8">
      <c r="H643448" s="12"/>
    </row>
    <row r="643449" spans="8:8">
      <c r="H643449" s="12"/>
    </row>
    <row r="643450" spans="8:8">
      <c r="H643450" s="12"/>
    </row>
    <row r="643451" spans="8:8">
      <c r="H643451" s="12"/>
    </row>
    <row r="643452" spans="8:8">
      <c r="H643452" s="12"/>
    </row>
    <row r="643453" spans="8:8">
      <c r="H643453" s="12"/>
    </row>
    <row r="643454" spans="8:8">
      <c r="H643454" s="12"/>
    </row>
    <row r="643455" spans="8:8">
      <c r="H643455" s="12"/>
    </row>
    <row r="643456" spans="8:8">
      <c r="H643456" s="12"/>
    </row>
    <row r="643457" spans="8:8">
      <c r="H643457" s="12"/>
    </row>
    <row r="643458" spans="8:8">
      <c r="H643458" s="12"/>
    </row>
    <row r="643459" spans="8:8">
      <c r="H643459" s="12"/>
    </row>
    <row r="643460" spans="8:8">
      <c r="H643460" s="12"/>
    </row>
    <row r="643461" spans="8:8">
      <c r="H643461" s="12"/>
    </row>
    <row r="643462" spans="8:8">
      <c r="H643462" s="12"/>
    </row>
    <row r="643463" spans="8:8">
      <c r="H643463" s="12"/>
    </row>
    <row r="643464" spans="8:8">
      <c r="H643464" s="12"/>
    </row>
    <row r="643465" spans="8:8">
      <c r="H643465" s="12"/>
    </row>
    <row r="643466" spans="8:8">
      <c r="H643466" s="12"/>
    </row>
    <row r="643467" spans="8:8">
      <c r="H643467" s="12"/>
    </row>
    <row r="643468" spans="8:8">
      <c r="H643468" s="12"/>
    </row>
    <row r="643469" spans="8:8">
      <c r="H643469" s="12"/>
    </row>
    <row r="643470" spans="8:8">
      <c r="H643470" s="12"/>
    </row>
    <row r="643471" spans="8:8">
      <c r="H643471" s="12"/>
    </row>
    <row r="643472" spans="8:8">
      <c r="H643472" s="12"/>
    </row>
    <row r="643473" spans="8:8">
      <c r="H643473" s="12"/>
    </row>
    <row r="643474" spans="8:8">
      <c r="H643474" s="12"/>
    </row>
    <row r="643475" spans="8:8">
      <c r="H643475" s="12"/>
    </row>
    <row r="643476" spans="8:8">
      <c r="H643476" s="12"/>
    </row>
    <row r="643477" spans="8:8">
      <c r="H643477" s="12"/>
    </row>
    <row r="643478" spans="8:8">
      <c r="H643478" s="12"/>
    </row>
    <row r="643479" spans="8:8">
      <c r="H643479" s="12"/>
    </row>
    <row r="643480" spans="8:8">
      <c r="H643480" s="12"/>
    </row>
    <row r="643481" spans="8:8">
      <c r="H643481" s="12"/>
    </row>
    <row r="643482" spans="8:8">
      <c r="H643482" s="12"/>
    </row>
    <row r="643483" spans="8:8">
      <c r="H643483" s="12"/>
    </row>
    <row r="643484" spans="8:8">
      <c r="H643484" s="12"/>
    </row>
    <row r="643485" spans="8:8">
      <c r="H643485" s="12"/>
    </row>
    <row r="643486" spans="8:8">
      <c r="H643486" s="12"/>
    </row>
    <row r="643487" spans="8:8">
      <c r="H643487" s="12"/>
    </row>
    <row r="643488" spans="8:8">
      <c r="H643488" s="12"/>
    </row>
    <row r="643489" spans="8:8">
      <c r="H643489" s="12"/>
    </row>
    <row r="643490" spans="8:8">
      <c r="H643490" s="12"/>
    </row>
    <row r="643491" spans="8:8">
      <c r="H643491" s="12"/>
    </row>
    <row r="643492" spans="8:8">
      <c r="H643492" s="12"/>
    </row>
    <row r="643493" spans="8:8">
      <c r="H643493" s="12"/>
    </row>
    <row r="643494" spans="8:8">
      <c r="H643494" s="12"/>
    </row>
    <row r="643495" spans="8:8">
      <c r="H643495" s="12"/>
    </row>
    <row r="643496" spans="8:8">
      <c r="H643496" s="12"/>
    </row>
    <row r="643497" spans="8:8">
      <c r="H643497" s="12"/>
    </row>
    <row r="643498" spans="8:8">
      <c r="H643498" s="12"/>
    </row>
    <row r="643499" spans="8:8">
      <c r="H643499" s="12"/>
    </row>
    <row r="643500" spans="8:8">
      <c r="H643500" s="12"/>
    </row>
    <row r="643501" spans="8:8">
      <c r="H643501" s="12"/>
    </row>
    <row r="643502" spans="8:8">
      <c r="H643502" s="12"/>
    </row>
    <row r="643503" spans="8:8">
      <c r="H643503" s="12"/>
    </row>
    <row r="643504" spans="8:8">
      <c r="H643504" s="12"/>
    </row>
    <row r="643505" spans="8:8">
      <c r="H643505" s="12"/>
    </row>
    <row r="643506" spans="8:8">
      <c r="H643506" s="12"/>
    </row>
    <row r="643507" spans="8:8">
      <c r="H643507" s="12"/>
    </row>
    <row r="643508" spans="8:8">
      <c r="H643508" s="12"/>
    </row>
    <row r="643509" spans="8:8">
      <c r="H643509" s="12"/>
    </row>
    <row r="643510" spans="8:8">
      <c r="H643510" s="12"/>
    </row>
    <row r="643511" spans="8:8">
      <c r="H643511" s="12"/>
    </row>
    <row r="643512" spans="8:8">
      <c r="H643512" s="12"/>
    </row>
    <row r="643513" spans="8:8">
      <c r="H643513" s="12"/>
    </row>
    <row r="643514" spans="8:8">
      <c r="H643514" s="12"/>
    </row>
    <row r="643515" spans="8:8">
      <c r="H643515" s="12"/>
    </row>
    <row r="643516" spans="8:8">
      <c r="H643516" s="12"/>
    </row>
    <row r="643517" spans="8:8">
      <c r="H643517" s="12"/>
    </row>
    <row r="643518" spans="8:8">
      <c r="H643518" s="12"/>
    </row>
    <row r="643519" spans="8:8">
      <c r="H643519" s="12"/>
    </row>
    <row r="643520" spans="8:8">
      <c r="H643520" s="12"/>
    </row>
    <row r="643521" spans="8:8">
      <c r="H643521" s="12"/>
    </row>
    <row r="643522" spans="8:8">
      <c r="H643522" s="12"/>
    </row>
    <row r="643523" spans="8:8">
      <c r="H643523" s="12"/>
    </row>
    <row r="643524" spans="8:8">
      <c r="H643524" s="12"/>
    </row>
    <row r="643525" spans="8:8">
      <c r="H643525" s="12"/>
    </row>
    <row r="643526" spans="8:8">
      <c r="H643526" s="12"/>
    </row>
    <row r="643527" spans="8:8">
      <c r="H643527" s="12"/>
    </row>
    <row r="643528" spans="8:8">
      <c r="H643528" s="12"/>
    </row>
    <row r="643529" spans="8:8">
      <c r="H643529" s="12"/>
    </row>
    <row r="643530" spans="8:8">
      <c r="H643530" s="12"/>
    </row>
    <row r="643531" spans="8:8">
      <c r="H643531" s="12"/>
    </row>
    <row r="643532" spans="8:8">
      <c r="H643532" s="12"/>
    </row>
    <row r="643533" spans="8:8">
      <c r="H643533" s="12"/>
    </row>
    <row r="643534" spans="8:8">
      <c r="H643534" s="12"/>
    </row>
    <row r="643535" spans="8:8">
      <c r="H643535" s="12"/>
    </row>
    <row r="643536" spans="8:8">
      <c r="H643536" s="12"/>
    </row>
    <row r="643537" spans="8:8">
      <c r="H643537" s="12"/>
    </row>
    <row r="643538" spans="8:8">
      <c r="H643538" s="12"/>
    </row>
    <row r="643539" spans="8:8">
      <c r="H643539" s="12"/>
    </row>
    <row r="643540" spans="8:8">
      <c r="H643540" s="12"/>
    </row>
    <row r="643541" spans="8:8">
      <c r="H643541" s="12"/>
    </row>
    <row r="643542" spans="8:8">
      <c r="H643542" s="12"/>
    </row>
    <row r="643543" spans="8:8">
      <c r="H643543" s="12"/>
    </row>
    <row r="643544" spans="8:8">
      <c r="H643544" s="12"/>
    </row>
    <row r="643545" spans="8:8">
      <c r="H643545" s="12"/>
    </row>
    <row r="643546" spans="8:8">
      <c r="H643546" s="12"/>
    </row>
    <row r="643547" spans="8:8">
      <c r="H643547" s="12"/>
    </row>
    <row r="643548" spans="8:8">
      <c r="H643548" s="12"/>
    </row>
    <row r="643549" spans="8:8">
      <c r="H643549" s="12"/>
    </row>
    <row r="643550" spans="8:8">
      <c r="H643550" s="12"/>
    </row>
    <row r="643551" spans="8:8">
      <c r="H643551" s="12"/>
    </row>
    <row r="643552" spans="8:8">
      <c r="H643552" s="12"/>
    </row>
    <row r="643553" spans="8:8">
      <c r="H643553" s="12"/>
    </row>
    <row r="643554" spans="8:8">
      <c r="H643554" s="12"/>
    </row>
    <row r="643555" spans="8:8">
      <c r="H643555" s="12"/>
    </row>
    <row r="643556" spans="8:8">
      <c r="H643556" s="12"/>
    </row>
    <row r="643557" spans="8:8">
      <c r="H643557" s="12"/>
    </row>
    <row r="643558" spans="8:8">
      <c r="H643558" s="12"/>
    </row>
    <row r="643559" spans="8:8">
      <c r="H643559" s="12"/>
    </row>
    <row r="643560" spans="8:8">
      <c r="H643560" s="12"/>
    </row>
    <row r="643561" spans="8:8">
      <c r="H643561" s="12"/>
    </row>
    <row r="643562" spans="8:8">
      <c r="H643562" s="12"/>
    </row>
    <row r="643563" spans="8:8">
      <c r="H643563" s="12"/>
    </row>
    <row r="643564" spans="8:8">
      <c r="H643564" s="12"/>
    </row>
    <row r="643565" spans="8:8">
      <c r="H643565" s="12"/>
    </row>
    <row r="643566" spans="8:8">
      <c r="H643566" s="12"/>
    </row>
    <row r="643567" spans="8:8">
      <c r="H643567" s="12"/>
    </row>
    <row r="643568" spans="8:8">
      <c r="H643568" s="12"/>
    </row>
    <row r="643569" spans="8:8">
      <c r="H643569" s="12"/>
    </row>
    <row r="643570" spans="8:8">
      <c r="H643570" s="12"/>
    </row>
    <row r="643571" spans="8:8">
      <c r="H643571" s="12"/>
    </row>
    <row r="643572" spans="8:8">
      <c r="H643572" s="12"/>
    </row>
    <row r="643573" spans="8:8">
      <c r="H643573" s="12"/>
    </row>
    <row r="643574" spans="8:8">
      <c r="H643574" s="12"/>
    </row>
    <row r="643575" spans="8:8">
      <c r="H643575" s="12"/>
    </row>
    <row r="643576" spans="8:8">
      <c r="H643576" s="12"/>
    </row>
    <row r="643577" spans="8:8">
      <c r="H643577" s="12"/>
    </row>
    <row r="643578" spans="8:8">
      <c r="H643578" s="12"/>
    </row>
    <row r="643579" spans="8:8">
      <c r="H643579" s="12"/>
    </row>
    <row r="643580" spans="8:8">
      <c r="H643580" s="12"/>
    </row>
    <row r="643581" spans="8:8">
      <c r="H643581" s="12"/>
    </row>
    <row r="643582" spans="8:8">
      <c r="H643582" s="12"/>
    </row>
    <row r="643583" spans="8:8">
      <c r="H643583" s="12"/>
    </row>
    <row r="643584" spans="8:8">
      <c r="H643584" s="12"/>
    </row>
    <row r="643585" spans="8:8">
      <c r="H643585" s="12"/>
    </row>
    <row r="643586" spans="8:8">
      <c r="H643586" s="12"/>
    </row>
    <row r="643587" spans="8:8">
      <c r="H643587" s="12"/>
    </row>
    <row r="643588" spans="8:8">
      <c r="H643588" s="12"/>
    </row>
    <row r="643589" spans="8:8">
      <c r="H643589" s="12"/>
    </row>
    <row r="643590" spans="8:8">
      <c r="H643590" s="12"/>
    </row>
    <row r="643591" spans="8:8">
      <c r="H643591" s="12"/>
    </row>
    <row r="643592" spans="8:8">
      <c r="H643592" s="12"/>
    </row>
    <row r="643593" spans="8:8">
      <c r="H643593" s="12"/>
    </row>
    <row r="643594" spans="8:8">
      <c r="H643594" s="12"/>
    </row>
    <row r="643595" spans="8:8">
      <c r="H643595" s="12"/>
    </row>
    <row r="643596" spans="8:8">
      <c r="H643596" s="12"/>
    </row>
    <row r="643597" spans="8:8">
      <c r="H643597" s="12"/>
    </row>
    <row r="643598" spans="8:8">
      <c r="H643598" s="12"/>
    </row>
    <row r="643599" spans="8:8">
      <c r="H643599" s="12"/>
    </row>
    <row r="643600" spans="8:8">
      <c r="H643600" s="12"/>
    </row>
    <row r="643601" spans="8:8">
      <c r="H643601" s="12"/>
    </row>
    <row r="643602" spans="8:8">
      <c r="H643602" s="12"/>
    </row>
    <row r="643603" spans="8:8">
      <c r="H643603" s="12"/>
    </row>
    <row r="643604" spans="8:8">
      <c r="H643604" s="12"/>
    </row>
    <row r="643605" spans="8:8">
      <c r="H643605" s="12"/>
    </row>
    <row r="643606" spans="8:8">
      <c r="H643606" s="12"/>
    </row>
    <row r="643607" spans="8:8">
      <c r="H643607" s="12"/>
    </row>
    <row r="643608" spans="8:8">
      <c r="H643608" s="12"/>
    </row>
    <row r="643609" spans="8:8">
      <c r="H643609" s="12"/>
    </row>
    <row r="643610" spans="8:8">
      <c r="H643610" s="12"/>
    </row>
    <row r="643611" spans="8:8">
      <c r="H643611" s="12"/>
    </row>
    <row r="643612" spans="8:8">
      <c r="H643612" s="12"/>
    </row>
    <row r="643613" spans="8:8">
      <c r="H643613" s="12"/>
    </row>
    <row r="643614" spans="8:8">
      <c r="H643614" s="12"/>
    </row>
    <row r="643615" spans="8:8">
      <c r="H643615" s="12"/>
    </row>
    <row r="643616" spans="8:8">
      <c r="H643616" s="12"/>
    </row>
    <row r="643617" spans="8:8">
      <c r="H643617" s="12"/>
    </row>
    <row r="643618" spans="8:8">
      <c r="H643618" s="12"/>
    </row>
    <row r="643619" spans="8:8">
      <c r="H643619" s="12"/>
    </row>
    <row r="643620" spans="8:8">
      <c r="H643620" s="12"/>
    </row>
    <row r="643621" spans="8:8">
      <c r="H643621" s="12"/>
    </row>
    <row r="643622" spans="8:8">
      <c r="H643622" s="12"/>
    </row>
    <row r="643623" spans="8:8">
      <c r="H643623" s="12"/>
    </row>
    <row r="643624" spans="8:8">
      <c r="H643624" s="12"/>
    </row>
    <row r="643625" spans="8:8">
      <c r="H643625" s="12"/>
    </row>
    <row r="643626" spans="8:8">
      <c r="H643626" s="12"/>
    </row>
    <row r="643627" spans="8:8">
      <c r="H643627" s="12"/>
    </row>
    <row r="643628" spans="8:8">
      <c r="H643628" s="12"/>
    </row>
    <row r="643629" spans="8:8">
      <c r="H643629" s="12"/>
    </row>
    <row r="643630" spans="8:8">
      <c r="H643630" s="12"/>
    </row>
    <row r="643631" spans="8:8">
      <c r="H643631" s="12"/>
    </row>
    <row r="643632" spans="8:8">
      <c r="H643632" s="12"/>
    </row>
    <row r="643633" spans="8:8">
      <c r="H643633" s="12"/>
    </row>
    <row r="643634" spans="8:8">
      <c r="H643634" s="12"/>
    </row>
    <row r="643635" spans="8:8">
      <c r="H643635" s="12"/>
    </row>
    <row r="643636" spans="8:8">
      <c r="H643636" s="12"/>
    </row>
    <row r="643637" spans="8:8">
      <c r="H643637" s="12"/>
    </row>
    <row r="643638" spans="8:8">
      <c r="H643638" s="12"/>
    </row>
    <row r="643639" spans="8:8">
      <c r="H643639" s="12"/>
    </row>
    <row r="643640" spans="8:8">
      <c r="H643640" s="12"/>
    </row>
    <row r="643641" spans="8:8">
      <c r="H643641" s="12"/>
    </row>
    <row r="643642" spans="8:8">
      <c r="H643642" s="12"/>
    </row>
    <row r="643643" spans="8:8">
      <c r="H643643" s="12"/>
    </row>
    <row r="643644" spans="8:8">
      <c r="H643644" s="12"/>
    </row>
    <row r="643645" spans="8:8">
      <c r="H643645" s="12"/>
    </row>
    <row r="643646" spans="8:8">
      <c r="H643646" s="12"/>
    </row>
    <row r="643647" spans="8:8">
      <c r="H643647" s="12"/>
    </row>
    <row r="643648" spans="8:8">
      <c r="H643648" s="12"/>
    </row>
    <row r="643649" spans="8:8">
      <c r="H643649" s="12"/>
    </row>
    <row r="643650" spans="8:8">
      <c r="H643650" s="12"/>
    </row>
    <row r="643651" spans="8:8">
      <c r="H643651" s="12"/>
    </row>
    <row r="643652" spans="8:8">
      <c r="H643652" s="12"/>
    </row>
    <row r="643653" spans="8:8">
      <c r="H643653" s="12"/>
    </row>
    <row r="643654" spans="8:8">
      <c r="H643654" s="12"/>
    </row>
    <row r="643655" spans="8:8">
      <c r="H643655" s="12"/>
    </row>
    <row r="643656" spans="8:8">
      <c r="H643656" s="12"/>
    </row>
    <row r="643657" spans="8:8">
      <c r="H643657" s="12"/>
    </row>
    <row r="643658" spans="8:8">
      <c r="H643658" s="12"/>
    </row>
    <row r="643659" spans="8:8">
      <c r="H643659" s="12"/>
    </row>
    <row r="643660" spans="8:8">
      <c r="H643660" s="12"/>
    </row>
    <row r="643661" spans="8:8">
      <c r="H643661" s="12"/>
    </row>
    <row r="643662" spans="8:8">
      <c r="H643662" s="12"/>
    </row>
    <row r="643663" spans="8:8">
      <c r="H643663" s="12"/>
    </row>
    <row r="643664" spans="8:8">
      <c r="H643664" s="12"/>
    </row>
    <row r="643665" spans="8:8">
      <c r="H643665" s="12"/>
    </row>
    <row r="643666" spans="8:8">
      <c r="H643666" s="12"/>
    </row>
    <row r="643667" spans="8:8">
      <c r="H643667" s="12"/>
    </row>
    <row r="643668" spans="8:8">
      <c r="H643668" s="12"/>
    </row>
    <row r="643669" spans="8:8">
      <c r="H643669" s="12"/>
    </row>
    <row r="643670" spans="8:8">
      <c r="H643670" s="12"/>
    </row>
    <row r="643671" spans="8:8">
      <c r="H643671" s="12"/>
    </row>
    <row r="643672" spans="8:8">
      <c r="H643672" s="12"/>
    </row>
    <row r="643673" spans="8:8">
      <c r="H643673" s="12"/>
    </row>
    <row r="643674" spans="8:8">
      <c r="H643674" s="12"/>
    </row>
    <row r="643675" spans="8:8">
      <c r="H643675" s="12"/>
    </row>
    <row r="643676" spans="8:8">
      <c r="H643676" s="12"/>
    </row>
    <row r="643677" spans="8:8">
      <c r="H643677" s="12"/>
    </row>
    <row r="643678" spans="8:8">
      <c r="H643678" s="12"/>
    </row>
    <row r="643679" spans="8:8">
      <c r="H643679" s="12"/>
    </row>
    <row r="643680" spans="8:8">
      <c r="H643680" s="12"/>
    </row>
    <row r="643681" spans="8:8">
      <c r="H643681" s="12"/>
    </row>
    <row r="643682" spans="8:8">
      <c r="H643682" s="12"/>
    </row>
    <row r="643683" spans="8:8">
      <c r="H643683" s="12"/>
    </row>
    <row r="643684" spans="8:8">
      <c r="H643684" s="12"/>
    </row>
    <row r="643685" spans="8:8">
      <c r="H643685" s="12"/>
    </row>
    <row r="643686" spans="8:8">
      <c r="H643686" s="12"/>
    </row>
    <row r="643687" spans="8:8">
      <c r="H643687" s="12"/>
    </row>
    <row r="643688" spans="8:8">
      <c r="H643688" s="12"/>
    </row>
    <row r="643689" spans="8:8">
      <c r="H643689" s="12"/>
    </row>
    <row r="643690" spans="8:8">
      <c r="H643690" s="12"/>
    </row>
    <row r="643691" spans="8:8">
      <c r="H643691" s="12"/>
    </row>
    <row r="643692" spans="8:8">
      <c r="H643692" s="12"/>
    </row>
    <row r="643693" spans="8:8">
      <c r="H643693" s="12"/>
    </row>
    <row r="643694" spans="8:8">
      <c r="H643694" s="12"/>
    </row>
    <row r="643695" spans="8:8">
      <c r="H643695" s="12"/>
    </row>
    <row r="643696" spans="8:8">
      <c r="H643696" s="12"/>
    </row>
    <row r="643697" spans="8:8">
      <c r="H643697" s="12"/>
    </row>
    <row r="643698" spans="8:8">
      <c r="H643698" s="12"/>
    </row>
    <row r="643699" spans="8:8">
      <c r="H643699" s="12"/>
    </row>
    <row r="643700" spans="8:8">
      <c r="H643700" s="12"/>
    </row>
    <row r="643701" spans="8:8">
      <c r="H643701" s="12"/>
    </row>
    <row r="643702" spans="8:8">
      <c r="H643702" s="12"/>
    </row>
    <row r="643703" spans="8:8">
      <c r="H643703" s="12"/>
    </row>
    <row r="643704" spans="8:8">
      <c r="H643704" s="12"/>
    </row>
    <row r="643705" spans="8:8">
      <c r="H643705" s="12"/>
    </row>
    <row r="643706" spans="8:8">
      <c r="H643706" s="12"/>
    </row>
    <row r="643707" spans="8:8">
      <c r="H643707" s="12"/>
    </row>
    <row r="643708" spans="8:8">
      <c r="H643708" s="12"/>
    </row>
    <row r="643709" spans="8:8">
      <c r="H643709" s="12"/>
    </row>
    <row r="643710" spans="8:8">
      <c r="H643710" s="12"/>
    </row>
    <row r="643711" spans="8:8">
      <c r="H643711" s="12"/>
    </row>
    <row r="643712" spans="8:8">
      <c r="H643712" s="12"/>
    </row>
    <row r="643713" spans="8:8">
      <c r="H643713" s="12"/>
    </row>
    <row r="643714" spans="8:8">
      <c r="H643714" s="12"/>
    </row>
    <row r="643715" spans="8:8">
      <c r="H643715" s="12"/>
    </row>
    <row r="643716" spans="8:8">
      <c r="H643716" s="12"/>
    </row>
    <row r="643717" spans="8:8">
      <c r="H643717" s="12"/>
    </row>
    <row r="643718" spans="8:8">
      <c r="H643718" s="12"/>
    </row>
    <row r="643719" spans="8:8">
      <c r="H643719" s="12"/>
    </row>
    <row r="643720" spans="8:8">
      <c r="H643720" s="12"/>
    </row>
    <row r="643721" spans="8:8">
      <c r="H643721" s="12"/>
    </row>
    <row r="643722" spans="8:8">
      <c r="H643722" s="12"/>
    </row>
    <row r="643723" spans="8:8">
      <c r="H643723" s="12"/>
    </row>
    <row r="643724" spans="8:8">
      <c r="H643724" s="12"/>
    </row>
    <row r="643725" spans="8:8">
      <c r="H643725" s="12"/>
    </row>
    <row r="643726" spans="8:8">
      <c r="H643726" s="12"/>
    </row>
    <row r="643727" spans="8:8">
      <c r="H643727" s="12"/>
    </row>
    <row r="643728" spans="8:8">
      <c r="H643728" s="12"/>
    </row>
    <row r="643729" spans="8:8">
      <c r="H643729" s="12"/>
    </row>
    <row r="643730" spans="8:8">
      <c r="H643730" s="12"/>
    </row>
    <row r="643731" spans="8:8">
      <c r="H643731" s="12"/>
    </row>
    <row r="643732" spans="8:8">
      <c r="H643732" s="12"/>
    </row>
    <row r="643733" spans="8:8">
      <c r="H643733" s="12"/>
    </row>
    <row r="643734" spans="8:8">
      <c r="H643734" s="12"/>
    </row>
    <row r="643735" spans="8:8">
      <c r="H643735" s="12"/>
    </row>
    <row r="643736" spans="8:8">
      <c r="H643736" s="12"/>
    </row>
    <row r="643737" spans="8:8">
      <c r="H643737" s="12"/>
    </row>
    <row r="643738" spans="8:8">
      <c r="H643738" s="12"/>
    </row>
    <row r="643739" spans="8:8">
      <c r="H643739" s="12"/>
    </row>
    <row r="643740" spans="8:8">
      <c r="H643740" s="12"/>
    </row>
    <row r="643741" spans="8:8">
      <c r="H643741" s="12"/>
    </row>
    <row r="643742" spans="8:8">
      <c r="H643742" s="12"/>
    </row>
    <row r="643743" spans="8:8">
      <c r="H643743" s="12"/>
    </row>
    <row r="643744" spans="8:8">
      <c r="H643744" s="12"/>
    </row>
    <row r="643745" spans="8:8">
      <c r="H643745" s="12"/>
    </row>
    <row r="643746" spans="8:8">
      <c r="H643746" s="12"/>
    </row>
    <row r="643747" spans="8:8">
      <c r="H643747" s="12"/>
    </row>
    <row r="643748" spans="8:8">
      <c r="H643748" s="12"/>
    </row>
    <row r="643749" spans="8:8">
      <c r="H643749" s="12"/>
    </row>
    <row r="643750" spans="8:8">
      <c r="H643750" s="12"/>
    </row>
    <row r="643751" spans="8:8">
      <c r="H643751" s="12"/>
    </row>
    <row r="643752" spans="8:8">
      <c r="H643752" s="12"/>
    </row>
    <row r="643753" spans="8:8">
      <c r="H643753" s="12"/>
    </row>
    <row r="643754" spans="8:8">
      <c r="H643754" s="12"/>
    </row>
    <row r="643755" spans="8:8">
      <c r="H643755" s="12"/>
    </row>
    <row r="643756" spans="8:8">
      <c r="H643756" s="12"/>
    </row>
    <row r="643757" spans="8:8">
      <c r="H643757" s="12"/>
    </row>
    <row r="643758" spans="8:8">
      <c r="H643758" s="12"/>
    </row>
    <row r="643759" spans="8:8">
      <c r="H643759" s="12"/>
    </row>
    <row r="643760" spans="8:8">
      <c r="H643760" s="12"/>
    </row>
    <row r="643761" spans="8:8">
      <c r="H643761" s="12"/>
    </row>
    <row r="643762" spans="8:8">
      <c r="H643762" s="12"/>
    </row>
    <row r="643763" spans="8:8">
      <c r="H643763" s="12"/>
    </row>
    <row r="643764" spans="8:8">
      <c r="H643764" s="12"/>
    </row>
    <row r="643765" spans="8:8">
      <c r="H643765" s="12"/>
    </row>
    <row r="643766" spans="8:8">
      <c r="H643766" s="12"/>
    </row>
    <row r="643767" spans="8:8">
      <c r="H643767" s="12"/>
    </row>
    <row r="643768" spans="8:8">
      <c r="H643768" s="12"/>
    </row>
    <row r="643769" spans="8:8">
      <c r="H643769" s="12"/>
    </row>
    <row r="643770" spans="8:8">
      <c r="H643770" s="12"/>
    </row>
    <row r="643771" spans="8:8">
      <c r="H643771" s="12"/>
    </row>
    <row r="643772" spans="8:8">
      <c r="H643772" s="12"/>
    </row>
    <row r="643773" spans="8:8">
      <c r="H643773" s="12"/>
    </row>
    <row r="643774" spans="8:8">
      <c r="H643774" s="12"/>
    </row>
    <row r="643775" spans="8:8">
      <c r="H643775" s="12"/>
    </row>
    <row r="643776" spans="8:8">
      <c r="H643776" s="12"/>
    </row>
    <row r="643777" spans="8:8">
      <c r="H643777" s="12"/>
    </row>
    <row r="643778" spans="8:8">
      <c r="H643778" s="12"/>
    </row>
    <row r="643779" spans="8:8">
      <c r="H643779" s="12"/>
    </row>
    <row r="643780" spans="8:8">
      <c r="H643780" s="12"/>
    </row>
    <row r="643781" spans="8:8">
      <c r="H643781" s="12"/>
    </row>
    <row r="643782" spans="8:8">
      <c r="H643782" s="12"/>
    </row>
    <row r="643783" spans="8:8">
      <c r="H643783" s="12"/>
    </row>
    <row r="643784" spans="8:8">
      <c r="H643784" s="12"/>
    </row>
    <row r="643785" spans="8:8">
      <c r="H643785" s="12"/>
    </row>
    <row r="643786" spans="8:8">
      <c r="H643786" s="12"/>
    </row>
    <row r="643787" spans="8:8">
      <c r="H643787" s="12"/>
    </row>
    <row r="643788" spans="8:8">
      <c r="H643788" s="12"/>
    </row>
    <row r="643789" spans="8:8">
      <c r="H643789" s="12"/>
    </row>
    <row r="643790" spans="8:8">
      <c r="H643790" s="12"/>
    </row>
    <row r="643791" spans="8:8">
      <c r="H643791" s="12"/>
    </row>
    <row r="643792" spans="8:8">
      <c r="H643792" s="12"/>
    </row>
    <row r="643793" spans="8:8">
      <c r="H643793" s="12"/>
    </row>
    <row r="643794" spans="8:8">
      <c r="H643794" s="12"/>
    </row>
    <row r="643795" spans="8:8">
      <c r="H643795" s="12"/>
    </row>
    <row r="643796" spans="8:8">
      <c r="H643796" s="12"/>
    </row>
    <row r="643797" spans="8:8">
      <c r="H643797" s="12"/>
    </row>
    <row r="643798" spans="8:8">
      <c r="H643798" s="12"/>
    </row>
    <row r="643799" spans="8:8">
      <c r="H643799" s="12"/>
    </row>
    <row r="643800" spans="8:8">
      <c r="H643800" s="12"/>
    </row>
    <row r="643801" spans="8:8">
      <c r="H643801" s="12"/>
    </row>
    <row r="643802" spans="8:8">
      <c r="H643802" s="12"/>
    </row>
    <row r="643803" spans="8:8">
      <c r="H643803" s="12"/>
    </row>
    <row r="643804" spans="8:8">
      <c r="H643804" s="12"/>
    </row>
    <row r="643805" spans="8:8">
      <c r="H643805" s="12"/>
    </row>
    <row r="643806" spans="8:8">
      <c r="H643806" s="12"/>
    </row>
    <row r="643807" spans="8:8">
      <c r="H643807" s="12"/>
    </row>
    <row r="643808" spans="8:8">
      <c r="H643808" s="12"/>
    </row>
    <row r="643809" spans="8:8">
      <c r="H643809" s="12"/>
    </row>
    <row r="643810" spans="8:8">
      <c r="H643810" s="12"/>
    </row>
    <row r="643811" spans="8:8">
      <c r="H643811" s="12"/>
    </row>
    <row r="643812" spans="8:8">
      <c r="H643812" s="12"/>
    </row>
    <row r="643813" spans="8:8">
      <c r="H643813" s="12"/>
    </row>
    <row r="643814" spans="8:8">
      <c r="H643814" s="12"/>
    </row>
    <row r="643815" spans="8:8">
      <c r="H643815" s="12"/>
    </row>
    <row r="643816" spans="8:8">
      <c r="H643816" s="12"/>
    </row>
    <row r="643817" spans="8:8">
      <c r="H643817" s="12"/>
    </row>
    <row r="643818" spans="8:8">
      <c r="H643818" s="12"/>
    </row>
    <row r="643819" spans="8:8">
      <c r="H643819" s="12"/>
    </row>
    <row r="643820" spans="8:8">
      <c r="H643820" s="12"/>
    </row>
    <row r="643821" spans="8:8">
      <c r="H643821" s="12"/>
    </row>
    <row r="643822" spans="8:8">
      <c r="H643822" s="12"/>
    </row>
    <row r="643823" spans="8:8">
      <c r="H643823" s="12"/>
    </row>
    <row r="643824" spans="8:8">
      <c r="H643824" s="12"/>
    </row>
    <row r="643825" spans="8:8">
      <c r="H643825" s="12"/>
    </row>
    <row r="643826" spans="8:8">
      <c r="H643826" s="12"/>
    </row>
    <row r="643827" spans="8:8">
      <c r="H643827" s="12"/>
    </row>
    <row r="643828" spans="8:8">
      <c r="H643828" s="12"/>
    </row>
    <row r="643829" spans="8:8">
      <c r="H643829" s="12"/>
    </row>
    <row r="643830" spans="8:8">
      <c r="H643830" s="12"/>
    </row>
    <row r="643831" spans="8:8">
      <c r="H643831" s="12"/>
    </row>
    <row r="643832" spans="8:8">
      <c r="H643832" s="12"/>
    </row>
    <row r="643833" spans="8:8">
      <c r="H643833" s="12"/>
    </row>
    <row r="643834" spans="8:8">
      <c r="H643834" s="12"/>
    </row>
    <row r="643835" spans="8:8">
      <c r="H643835" s="12"/>
    </row>
    <row r="643836" spans="8:8">
      <c r="H643836" s="12"/>
    </row>
    <row r="643837" spans="8:8">
      <c r="H643837" s="12"/>
    </row>
    <row r="643838" spans="8:8">
      <c r="H643838" s="12"/>
    </row>
    <row r="643839" spans="8:8">
      <c r="H643839" s="12"/>
    </row>
    <row r="643840" spans="8:8">
      <c r="H643840" s="12"/>
    </row>
    <row r="643841" spans="8:8">
      <c r="H643841" s="12"/>
    </row>
    <row r="643842" spans="8:8">
      <c r="H643842" s="12"/>
    </row>
    <row r="643843" spans="8:8">
      <c r="H643843" s="12"/>
    </row>
    <row r="643844" spans="8:8">
      <c r="H643844" s="12"/>
    </row>
    <row r="643845" spans="8:8">
      <c r="H643845" s="12"/>
    </row>
    <row r="643846" spans="8:8">
      <c r="H643846" s="12"/>
    </row>
    <row r="643847" spans="8:8">
      <c r="H643847" s="12"/>
    </row>
    <row r="643848" spans="8:8">
      <c r="H643848" s="12"/>
    </row>
    <row r="643849" spans="8:8">
      <c r="H643849" s="12"/>
    </row>
    <row r="643850" spans="8:8">
      <c r="H643850" s="12"/>
    </row>
    <row r="643851" spans="8:8">
      <c r="H643851" s="12"/>
    </row>
    <row r="643852" spans="8:8">
      <c r="H643852" s="12"/>
    </row>
    <row r="643853" spans="8:8">
      <c r="H643853" s="12"/>
    </row>
    <row r="643854" spans="8:8">
      <c r="H643854" s="12"/>
    </row>
    <row r="643855" spans="8:8">
      <c r="H643855" s="12"/>
    </row>
    <row r="643856" spans="8:8">
      <c r="H643856" s="12"/>
    </row>
    <row r="643857" spans="8:8">
      <c r="H643857" s="12"/>
    </row>
    <row r="643858" spans="8:8">
      <c r="H643858" s="12"/>
    </row>
    <row r="643859" spans="8:8">
      <c r="H643859" s="12"/>
    </row>
    <row r="643860" spans="8:8">
      <c r="H643860" s="12"/>
    </row>
    <row r="643861" spans="8:8">
      <c r="H643861" s="12"/>
    </row>
    <row r="643862" spans="8:8">
      <c r="H643862" s="12"/>
    </row>
    <row r="643863" spans="8:8">
      <c r="H643863" s="12"/>
    </row>
    <row r="643864" spans="8:8">
      <c r="H643864" s="12"/>
    </row>
    <row r="643865" spans="8:8">
      <c r="H643865" s="12"/>
    </row>
    <row r="643866" spans="8:8">
      <c r="H643866" s="12"/>
    </row>
    <row r="643867" spans="8:8">
      <c r="H643867" s="12"/>
    </row>
    <row r="643868" spans="8:8">
      <c r="H643868" s="12"/>
    </row>
    <row r="643869" spans="8:8">
      <c r="H643869" s="12"/>
    </row>
    <row r="643870" spans="8:8">
      <c r="H643870" s="12"/>
    </row>
    <row r="643871" spans="8:8">
      <c r="H643871" s="12"/>
    </row>
    <row r="643872" spans="8:8">
      <c r="H643872" s="12"/>
    </row>
    <row r="643873" spans="8:8">
      <c r="H643873" s="12"/>
    </row>
    <row r="643874" spans="8:8">
      <c r="H643874" s="12"/>
    </row>
    <row r="643875" spans="8:8">
      <c r="H643875" s="12"/>
    </row>
    <row r="643876" spans="8:8">
      <c r="H643876" s="12"/>
    </row>
    <row r="643877" spans="8:8">
      <c r="H643877" s="12"/>
    </row>
    <row r="643878" spans="8:8">
      <c r="H643878" s="12"/>
    </row>
    <row r="643879" spans="8:8">
      <c r="H643879" s="12"/>
    </row>
    <row r="643880" spans="8:8">
      <c r="H643880" s="12"/>
    </row>
    <row r="643881" spans="8:8">
      <c r="H643881" s="12"/>
    </row>
    <row r="643882" spans="8:8">
      <c r="H643882" s="12"/>
    </row>
    <row r="643883" spans="8:8">
      <c r="H643883" s="12"/>
    </row>
    <row r="643884" spans="8:8">
      <c r="H643884" s="12"/>
    </row>
    <row r="643885" spans="8:8">
      <c r="H643885" s="12"/>
    </row>
    <row r="643886" spans="8:8">
      <c r="H643886" s="12"/>
    </row>
    <row r="643887" spans="8:8">
      <c r="H643887" s="12"/>
    </row>
    <row r="643888" spans="8:8">
      <c r="H643888" s="12"/>
    </row>
    <row r="643889" spans="8:8">
      <c r="H643889" s="12"/>
    </row>
    <row r="643890" spans="8:8">
      <c r="H643890" s="12"/>
    </row>
    <row r="643891" spans="8:8">
      <c r="H643891" s="12"/>
    </row>
    <row r="643892" spans="8:8">
      <c r="H643892" s="12"/>
    </row>
    <row r="643893" spans="8:8">
      <c r="H643893" s="12"/>
    </row>
    <row r="643894" spans="8:8">
      <c r="H643894" s="12"/>
    </row>
    <row r="643895" spans="8:8">
      <c r="H643895" s="12"/>
    </row>
    <row r="643896" spans="8:8">
      <c r="H643896" s="12"/>
    </row>
    <row r="643897" spans="8:8">
      <c r="H643897" s="12"/>
    </row>
    <row r="643898" spans="8:8">
      <c r="H643898" s="12"/>
    </row>
    <row r="643899" spans="8:8">
      <c r="H643899" s="12"/>
    </row>
    <row r="643900" spans="8:8">
      <c r="H643900" s="12"/>
    </row>
    <row r="643901" spans="8:8">
      <c r="H643901" s="12"/>
    </row>
    <row r="643902" spans="8:8">
      <c r="H643902" s="12"/>
    </row>
    <row r="643903" spans="8:8">
      <c r="H643903" s="12"/>
    </row>
    <row r="643904" spans="8:8">
      <c r="H643904" s="12"/>
    </row>
    <row r="643905" spans="8:8">
      <c r="H643905" s="12"/>
    </row>
    <row r="643906" spans="8:8">
      <c r="H643906" s="12"/>
    </row>
    <row r="643907" spans="8:8">
      <c r="H643907" s="12"/>
    </row>
    <row r="643908" spans="8:8">
      <c r="H643908" s="12"/>
    </row>
    <row r="643909" spans="8:8">
      <c r="H643909" s="12"/>
    </row>
    <row r="643910" spans="8:8">
      <c r="H643910" s="12"/>
    </row>
    <row r="643911" spans="8:8">
      <c r="H643911" s="12"/>
    </row>
    <row r="643912" spans="8:8">
      <c r="H643912" s="12"/>
    </row>
    <row r="643913" spans="8:8">
      <c r="H643913" s="12"/>
    </row>
    <row r="643914" spans="8:8">
      <c r="H643914" s="12"/>
    </row>
    <row r="643915" spans="8:8">
      <c r="H643915" s="12"/>
    </row>
    <row r="643916" spans="8:8">
      <c r="H643916" s="12"/>
    </row>
    <row r="643917" spans="8:8">
      <c r="H643917" s="12"/>
    </row>
    <row r="643918" spans="8:8">
      <c r="H643918" s="12"/>
    </row>
    <row r="643919" spans="8:8">
      <c r="H643919" s="12"/>
    </row>
    <row r="643920" spans="8:8">
      <c r="H643920" s="12"/>
    </row>
    <row r="643921" spans="8:8">
      <c r="H643921" s="12"/>
    </row>
    <row r="643922" spans="8:8">
      <c r="H643922" s="12"/>
    </row>
    <row r="643923" spans="8:8">
      <c r="H643923" s="12"/>
    </row>
    <row r="643924" spans="8:8">
      <c r="H643924" s="12"/>
    </row>
    <row r="643925" spans="8:8">
      <c r="H643925" s="12"/>
    </row>
    <row r="643926" spans="8:8">
      <c r="H643926" s="12"/>
    </row>
    <row r="643927" spans="8:8">
      <c r="H643927" s="12"/>
    </row>
    <row r="643928" spans="8:8">
      <c r="H643928" s="12"/>
    </row>
    <row r="643929" spans="8:8">
      <c r="H643929" s="12"/>
    </row>
    <row r="643930" spans="8:8">
      <c r="H643930" s="12"/>
    </row>
    <row r="643931" spans="8:8">
      <c r="H643931" s="12"/>
    </row>
    <row r="643932" spans="8:8">
      <c r="H643932" s="12"/>
    </row>
    <row r="643933" spans="8:8">
      <c r="H643933" s="12"/>
    </row>
    <row r="643934" spans="8:8">
      <c r="H643934" s="12"/>
    </row>
    <row r="643935" spans="8:8">
      <c r="H643935" s="12"/>
    </row>
    <row r="643936" spans="8:8">
      <c r="H643936" s="12"/>
    </row>
    <row r="643937" spans="8:8">
      <c r="H643937" s="12"/>
    </row>
    <row r="643938" spans="8:8">
      <c r="H643938" s="12"/>
    </row>
    <row r="643939" spans="8:8">
      <c r="H643939" s="12"/>
    </row>
    <row r="643940" spans="8:8">
      <c r="H643940" s="12"/>
    </row>
    <row r="643941" spans="8:8">
      <c r="H643941" s="12"/>
    </row>
    <row r="643942" spans="8:8">
      <c r="H643942" s="12"/>
    </row>
    <row r="643943" spans="8:8">
      <c r="H643943" s="12"/>
    </row>
    <row r="643944" spans="8:8">
      <c r="H643944" s="12"/>
    </row>
    <row r="643945" spans="8:8">
      <c r="H643945" s="12"/>
    </row>
    <row r="643946" spans="8:8">
      <c r="H643946" s="12"/>
    </row>
    <row r="643947" spans="8:8">
      <c r="H643947" s="12"/>
    </row>
    <row r="643948" spans="8:8">
      <c r="H643948" s="12"/>
    </row>
    <row r="643949" spans="8:8">
      <c r="H643949" s="12"/>
    </row>
    <row r="643950" spans="8:8">
      <c r="H643950" s="12"/>
    </row>
    <row r="643951" spans="8:8">
      <c r="H643951" s="12"/>
    </row>
    <row r="643952" spans="8:8">
      <c r="H643952" s="12"/>
    </row>
    <row r="643953" spans="8:8">
      <c r="H643953" s="12"/>
    </row>
    <row r="643954" spans="8:8">
      <c r="H643954" s="12"/>
    </row>
    <row r="643955" spans="8:8">
      <c r="H643955" s="12"/>
    </row>
    <row r="643956" spans="8:8">
      <c r="H643956" s="12"/>
    </row>
    <row r="643957" spans="8:8">
      <c r="H643957" s="12"/>
    </row>
    <row r="643958" spans="8:8">
      <c r="H643958" s="12"/>
    </row>
    <row r="643959" spans="8:8">
      <c r="H643959" s="12"/>
    </row>
    <row r="643960" spans="8:8">
      <c r="H643960" s="12"/>
    </row>
    <row r="643961" spans="8:8">
      <c r="H643961" s="12"/>
    </row>
    <row r="643962" spans="8:8">
      <c r="H643962" s="12"/>
    </row>
    <row r="643963" spans="8:8">
      <c r="H643963" s="12"/>
    </row>
    <row r="643964" spans="8:8">
      <c r="H643964" s="12"/>
    </row>
    <row r="643965" spans="8:8">
      <c r="H643965" s="12"/>
    </row>
    <row r="643966" spans="8:8">
      <c r="H643966" s="12"/>
    </row>
    <row r="643967" spans="8:8">
      <c r="H643967" s="12"/>
    </row>
    <row r="643968" spans="8:8">
      <c r="H643968" s="12"/>
    </row>
    <row r="643969" spans="8:8">
      <c r="H643969" s="12"/>
    </row>
    <row r="643970" spans="8:8">
      <c r="H643970" s="12"/>
    </row>
    <row r="643971" spans="8:8">
      <c r="H643971" s="12"/>
    </row>
    <row r="643972" spans="8:8">
      <c r="H643972" s="12"/>
    </row>
    <row r="643973" spans="8:8">
      <c r="H643973" s="12"/>
    </row>
    <row r="643974" spans="8:8">
      <c r="H643974" s="12"/>
    </row>
    <row r="643975" spans="8:8">
      <c r="H643975" s="12"/>
    </row>
    <row r="643976" spans="8:8">
      <c r="H643976" s="12"/>
    </row>
    <row r="643977" spans="8:8">
      <c r="H643977" s="12"/>
    </row>
    <row r="643978" spans="8:8">
      <c r="H643978" s="12"/>
    </row>
    <row r="643979" spans="8:8">
      <c r="H643979" s="12"/>
    </row>
    <row r="643980" spans="8:8">
      <c r="H643980" s="12"/>
    </row>
    <row r="643981" spans="8:8">
      <c r="H643981" s="12"/>
    </row>
    <row r="643982" spans="8:8">
      <c r="H643982" s="12"/>
    </row>
    <row r="643983" spans="8:8">
      <c r="H643983" s="12"/>
    </row>
    <row r="643984" spans="8:8">
      <c r="H643984" s="12"/>
    </row>
    <row r="643985" spans="8:8">
      <c r="H643985" s="12"/>
    </row>
    <row r="643986" spans="8:8">
      <c r="H643986" s="12"/>
    </row>
    <row r="643987" spans="8:8">
      <c r="H643987" s="12"/>
    </row>
    <row r="643988" spans="8:8">
      <c r="H643988" s="12"/>
    </row>
    <row r="643989" spans="8:8">
      <c r="H643989" s="12"/>
    </row>
    <row r="643990" spans="8:8">
      <c r="H643990" s="12"/>
    </row>
    <row r="643991" spans="8:8">
      <c r="H643991" s="12"/>
    </row>
    <row r="643992" spans="8:8">
      <c r="H643992" s="12"/>
    </row>
    <row r="643993" spans="8:8">
      <c r="H643993" s="12"/>
    </row>
    <row r="643994" spans="8:8">
      <c r="H643994" s="12"/>
    </row>
    <row r="643995" spans="8:8">
      <c r="H643995" s="12"/>
    </row>
    <row r="643996" spans="8:8">
      <c r="H643996" s="12"/>
    </row>
    <row r="643997" spans="8:8">
      <c r="H643997" s="12"/>
    </row>
    <row r="643998" spans="8:8">
      <c r="H643998" s="12"/>
    </row>
    <row r="643999" spans="8:8">
      <c r="H643999" s="12"/>
    </row>
    <row r="644000" spans="8:8">
      <c r="H644000" s="12"/>
    </row>
    <row r="644001" spans="8:8">
      <c r="H644001" s="12"/>
    </row>
    <row r="644002" spans="8:8">
      <c r="H644002" s="12"/>
    </row>
    <row r="644003" spans="8:8">
      <c r="H644003" s="12"/>
    </row>
    <row r="644004" spans="8:8">
      <c r="H644004" s="12"/>
    </row>
    <row r="644005" spans="8:8">
      <c r="H644005" s="12"/>
    </row>
    <row r="644006" spans="8:8">
      <c r="H644006" s="12"/>
    </row>
    <row r="644007" spans="8:8">
      <c r="H644007" s="12"/>
    </row>
    <row r="644008" spans="8:8">
      <c r="H644008" s="12"/>
    </row>
    <row r="644009" spans="8:8">
      <c r="H644009" s="12"/>
    </row>
    <row r="644010" spans="8:8">
      <c r="H644010" s="12"/>
    </row>
    <row r="644011" spans="8:8">
      <c r="H644011" s="12"/>
    </row>
    <row r="644012" spans="8:8">
      <c r="H644012" s="12"/>
    </row>
    <row r="644013" spans="8:8">
      <c r="H644013" s="12"/>
    </row>
    <row r="644014" spans="8:8">
      <c r="H644014" s="12"/>
    </row>
    <row r="644015" spans="8:8">
      <c r="H644015" s="12"/>
    </row>
    <row r="644016" spans="8:8">
      <c r="H644016" s="12"/>
    </row>
    <row r="644017" spans="8:8">
      <c r="H644017" s="12"/>
    </row>
    <row r="644018" spans="8:8">
      <c r="H644018" s="12"/>
    </row>
    <row r="644019" spans="8:8">
      <c r="H644019" s="12"/>
    </row>
    <row r="644020" spans="8:8">
      <c r="H644020" s="12"/>
    </row>
    <row r="644021" spans="8:8">
      <c r="H644021" s="12"/>
    </row>
    <row r="644022" spans="8:8">
      <c r="H644022" s="12"/>
    </row>
    <row r="644023" spans="8:8">
      <c r="H644023" s="12"/>
    </row>
    <row r="644024" spans="8:8">
      <c r="H644024" s="12"/>
    </row>
    <row r="644025" spans="8:8">
      <c r="H644025" s="12"/>
    </row>
    <row r="644026" spans="8:8">
      <c r="H644026" s="12"/>
    </row>
    <row r="644027" spans="8:8">
      <c r="H644027" s="12"/>
    </row>
    <row r="644028" spans="8:8">
      <c r="H644028" s="12"/>
    </row>
    <row r="644029" spans="8:8">
      <c r="H644029" s="12"/>
    </row>
    <row r="644030" spans="8:8">
      <c r="H644030" s="12"/>
    </row>
    <row r="644031" spans="8:8">
      <c r="H644031" s="12"/>
    </row>
    <row r="644032" spans="8:8">
      <c r="H644032" s="12"/>
    </row>
    <row r="644033" spans="8:8">
      <c r="H644033" s="12"/>
    </row>
    <row r="644034" spans="8:8">
      <c r="H644034" s="12"/>
    </row>
    <row r="644035" spans="8:8">
      <c r="H644035" s="12"/>
    </row>
    <row r="644036" spans="8:8">
      <c r="H644036" s="12"/>
    </row>
    <row r="644037" spans="8:8">
      <c r="H644037" s="12"/>
    </row>
    <row r="644038" spans="8:8">
      <c r="H644038" s="12"/>
    </row>
    <row r="644039" spans="8:8">
      <c r="H644039" s="12"/>
    </row>
    <row r="644040" spans="8:8">
      <c r="H644040" s="12"/>
    </row>
    <row r="644041" spans="8:8">
      <c r="H644041" s="12"/>
    </row>
    <row r="644042" spans="8:8">
      <c r="H644042" s="12"/>
    </row>
    <row r="644043" spans="8:8">
      <c r="H644043" s="12"/>
    </row>
    <row r="644044" spans="8:8">
      <c r="H644044" s="12"/>
    </row>
    <row r="644045" spans="8:8">
      <c r="H644045" s="12"/>
    </row>
    <row r="644046" spans="8:8">
      <c r="H644046" s="12"/>
    </row>
    <row r="644047" spans="8:8">
      <c r="H644047" s="12"/>
    </row>
    <row r="644048" spans="8:8">
      <c r="H644048" s="12"/>
    </row>
    <row r="644049" spans="8:8">
      <c r="H644049" s="12"/>
    </row>
    <row r="644050" spans="8:8">
      <c r="H644050" s="12"/>
    </row>
    <row r="644051" spans="8:8">
      <c r="H644051" s="12"/>
    </row>
    <row r="644052" spans="8:8">
      <c r="H644052" s="12"/>
    </row>
    <row r="644053" spans="8:8">
      <c r="H644053" s="12"/>
    </row>
    <row r="644054" spans="8:8">
      <c r="H644054" s="12"/>
    </row>
    <row r="644055" spans="8:8">
      <c r="H644055" s="12"/>
    </row>
    <row r="644056" spans="8:8">
      <c r="H644056" s="12"/>
    </row>
    <row r="644057" spans="8:8">
      <c r="H644057" s="12"/>
    </row>
    <row r="644058" spans="8:8">
      <c r="H644058" s="12"/>
    </row>
    <row r="644059" spans="8:8">
      <c r="H644059" s="12"/>
    </row>
    <row r="644060" spans="8:8">
      <c r="H644060" s="12"/>
    </row>
    <row r="644061" spans="8:8">
      <c r="H644061" s="12"/>
    </row>
    <row r="644062" spans="8:8">
      <c r="H644062" s="12"/>
    </row>
    <row r="644063" spans="8:8">
      <c r="H644063" s="12"/>
    </row>
    <row r="644064" spans="8:8">
      <c r="H644064" s="12"/>
    </row>
    <row r="644065" spans="8:8">
      <c r="H644065" s="12"/>
    </row>
    <row r="644066" spans="8:8">
      <c r="H644066" s="12"/>
    </row>
    <row r="644067" spans="8:8">
      <c r="H644067" s="12"/>
    </row>
    <row r="644068" spans="8:8">
      <c r="H644068" s="12"/>
    </row>
    <row r="644069" spans="8:8">
      <c r="H644069" s="12"/>
    </row>
    <row r="644070" spans="8:8">
      <c r="H644070" s="12"/>
    </row>
    <row r="644071" spans="8:8">
      <c r="H644071" s="12"/>
    </row>
    <row r="644072" spans="8:8">
      <c r="H644072" s="12"/>
    </row>
    <row r="644073" spans="8:8">
      <c r="H644073" s="12"/>
    </row>
    <row r="644074" spans="8:8">
      <c r="H644074" s="12"/>
    </row>
    <row r="644075" spans="8:8">
      <c r="H644075" s="12"/>
    </row>
    <row r="644076" spans="8:8">
      <c r="H644076" s="12"/>
    </row>
    <row r="644077" spans="8:8">
      <c r="H644077" s="12"/>
    </row>
    <row r="644078" spans="8:8">
      <c r="H644078" s="12"/>
    </row>
    <row r="644079" spans="8:8">
      <c r="H644079" s="12"/>
    </row>
    <row r="644080" spans="8:8">
      <c r="H644080" s="12"/>
    </row>
    <row r="644081" spans="8:8">
      <c r="H644081" s="12"/>
    </row>
    <row r="644082" spans="8:8">
      <c r="H644082" s="12"/>
    </row>
    <row r="644083" spans="8:8">
      <c r="H644083" s="12"/>
    </row>
    <row r="644084" spans="8:8">
      <c r="H644084" s="12"/>
    </row>
    <row r="644085" spans="8:8">
      <c r="H644085" s="12"/>
    </row>
    <row r="644086" spans="8:8">
      <c r="H644086" s="12"/>
    </row>
    <row r="644087" spans="8:8">
      <c r="H644087" s="12"/>
    </row>
    <row r="644088" spans="8:8">
      <c r="H644088" s="12"/>
    </row>
    <row r="644089" spans="8:8">
      <c r="H644089" s="12"/>
    </row>
    <row r="644090" spans="8:8">
      <c r="H644090" s="12"/>
    </row>
    <row r="644091" spans="8:8">
      <c r="H644091" s="12"/>
    </row>
    <row r="644092" spans="8:8">
      <c r="H644092" s="12"/>
    </row>
    <row r="644093" spans="8:8">
      <c r="H644093" s="12"/>
    </row>
    <row r="644094" spans="8:8">
      <c r="H644094" s="12"/>
    </row>
    <row r="644095" spans="8:8">
      <c r="H644095" s="12"/>
    </row>
    <row r="644096" spans="8:8">
      <c r="H644096" s="12"/>
    </row>
    <row r="644097" spans="8:8">
      <c r="H644097" s="12"/>
    </row>
    <row r="644098" spans="8:8">
      <c r="H644098" s="12"/>
    </row>
    <row r="644099" spans="8:8">
      <c r="H644099" s="12"/>
    </row>
    <row r="644100" spans="8:8">
      <c r="H644100" s="12"/>
    </row>
    <row r="644101" spans="8:8">
      <c r="H644101" s="12"/>
    </row>
    <row r="644102" spans="8:8">
      <c r="H644102" s="12"/>
    </row>
    <row r="644103" spans="8:8">
      <c r="H644103" s="12"/>
    </row>
    <row r="644104" spans="8:8">
      <c r="H644104" s="12"/>
    </row>
    <row r="644105" spans="8:8">
      <c r="H644105" s="12"/>
    </row>
    <row r="644106" spans="8:8">
      <c r="H644106" s="12"/>
    </row>
    <row r="644107" spans="8:8">
      <c r="H644107" s="12"/>
    </row>
    <row r="644108" spans="8:8">
      <c r="H644108" s="12"/>
    </row>
    <row r="644109" spans="8:8">
      <c r="H644109" s="12"/>
    </row>
    <row r="644110" spans="8:8">
      <c r="H644110" s="12"/>
    </row>
    <row r="644111" spans="8:8">
      <c r="H644111" s="12"/>
    </row>
    <row r="644112" spans="8:8">
      <c r="H644112" s="12"/>
    </row>
    <row r="644113" spans="8:8">
      <c r="H644113" s="12"/>
    </row>
    <row r="644114" spans="8:8">
      <c r="H644114" s="12"/>
    </row>
    <row r="644115" spans="8:8">
      <c r="H644115" s="12"/>
    </row>
    <row r="644116" spans="8:8">
      <c r="H644116" s="12"/>
    </row>
    <row r="644117" spans="8:8">
      <c r="H644117" s="12"/>
    </row>
    <row r="644118" spans="8:8">
      <c r="H644118" s="12"/>
    </row>
    <row r="644119" spans="8:8">
      <c r="H644119" s="12"/>
    </row>
    <row r="644120" spans="8:8">
      <c r="H644120" s="12"/>
    </row>
    <row r="644121" spans="8:8">
      <c r="H644121" s="12"/>
    </row>
    <row r="644122" spans="8:8">
      <c r="H644122" s="12"/>
    </row>
    <row r="644123" spans="8:8">
      <c r="H644123" s="12"/>
    </row>
    <row r="644124" spans="8:8">
      <c r="H644124" s="12"/>
    </row>
    <row r="644125" spans="8:8">
      <c r="H644125" s="12"/>
    </row>
    <row r="644126" spans="8:8">
      <c r="H644126" s="12"/>
    </row>
    <row r="644127" spans="8:8">
      <c r="H644127" s="12"/>
    </row>
    <row r="644128" spans="8:8">
      <c r="H644128" s="12"/>
    </row>
    <row r="644129" spans="8:8">
      <c r="H644129" s="12"/>
    </row>
    <row r="644130" spans="8:8">
      <c r="H644130" s="12"/>
    </row>
    <row r="644131" spans="8:8">
      <c r="H644131" s="12"/>
    </row>
    <row r="644132" spans="8:8">
      <c r="H644132" s="12"/>
    </row>
    <row r="644133" spans="8:8">
      <c r="H644133" s="12"/>
    </row>
    <row r="644134" spans="8:8">
      <c r="H644134" s="12"/>
    </row>
    <row r="644135" spans="8:8">
      <c r="H644135" s="12"/>
    </row>
    <row r="644136" spans="8:8">
      <c r="H644136" s="12"/>
    </row>
    <row r="644137" spans="8:8">
      <c r="H644137" s="12"/>
    </row>
    <row r="644138" spans="8:8">
      <c r="H644138" s="12"/>
    </row>
    <row r="644139" spans="8:8">
      <c r="H644139" s="12"/>
    </row>
    <row r="644140" spans="8:8">
      <c r="H644140" s="12"/>
    </row>
    <row r="644141" spans="8:8">
      <c r="H644141" s="12"/>
    </row>
    <row r="644142" spans="8:8">
      <c r="H644142" s="12"/>
    </row>
    <row r="644143" spans="8:8">
      <c r="H644143" s="12"/>
    </row>
    <row r="644144" spans="8:8">
      <c r="H644144" s="12"/>
    </row>
    <row r="644145" spans="8:8">
      <c r="H644145" s="12"/>
    </row>
    <row r="644146" spans="8:8">
      <c r="H644146" s="12"/>
    </row>
    <row r="644147" spans="8:8">
      <c r="H644147" s="12"/>
    </row>
    <row r="644148" spans="8:8">
      <c r="H644148" s="12"/>
    </row>
    <row r="644149" spans="8:8">
      <c r="H644149" s="12"/>
    </row>
    <row r="644150" spans="8:8">
      <c r="H644150" s="12"/>
    </row>
    <row r="644151" spans="8:8">
      <c r="H644151" s="12"/>
    </row>
    <row r="644152" spans="8:8">
      <c r="H644152" s="12"/>
    </row>
    <row r="644153" spans="8:8">
      <c r="H644153" s="12"/>
    </row>
    <row r="644154" spans="8:8">
      <c r="H644154" s="12"/>
    </row>
    <row r="644155" spans="8:8">
      <c r="H644155" s="12"/>
    </row>
    <row r="644156" spans="8:8">
      <c r="H644156" s="12"/>
    </row>
    <row r="644157" spans="8:8">
      <c r="H644157" s="12"/>
    </row>
    <row r="644158" spans="8:8">
      <c r="H644158" s="12"/>
    </row>
    <row r="644159" spans="8:8">
      <c r="H644159" s="12"/>
    </row>
    <row r="644160" spans="8:8">
      <c r="H644160" s="12"/>
    </row>
    <row r="644161" spans="8:8">
      <c r="H644161" s="12"/>
    </row>
    <row r="644162" spans="8:8">
      <c r="H644162" s="12"/>
    </row>
    <row r="644163" spans="8:8">
      <c r="H644163" s="12"/>
    </row>
    <row r="644164" spans="8:8">
      <c r="H644164" s="12"/>
    </row>
    <row r="644165" spans="8:8">
      <c r="H644165" s="12"/>
    </row>
    <row r="644166" spans="8:8">
      <c r="H644166" s="12"/>
    </row>
    <row r="644167" spans="8:8">
      <c r="H644167" s="12"/>
    </row>
    <row r="644168" spans="8:8">
      <c r="H644168" s="12"/>
    </row>
    <row r="644169" spans="8:8">
      <c r="H644169" s="12"/>
    </row>
    <row r="644170" spans="8:8">
      <c r="H644170" s="12"/>
    </row>
    <row r="644171" spans="8:8">
      <c r="H644171" s="12"/>
    </row>
    <row r="644172" spans="8:8">
      <c r="H644172" s="12"/>
    </row>
    <row r="644173" spans="8:8">
      <c r="H644173" s="12"/>
    </row>
    <row r="644174" spans="8:8">
      <c r="H644174" s="12"/>
    </row>
    <row r="644175" spans="8:8">
      <c r="H644175" s="12"/>
    </row>
    <row r="644176" spans="8:8">
      <c r="H644176" s="12"/>
    </row>
    <row r="644177" spans="8:8">
      <c r="H644177" s="12"/>
    </row>
    <row r="644178" spans="8:8">
      <c r="H644178" s="12"/>
    </row>
    <row r="644179" spans="8:8">
      <c r="H644179" s="12"/>
    </row>
    <row r="644180" spans="8:8">
      <c r="H644180" s="12"/>
    </row>
    <row r="644181" spans="8:8">
      <c r="H644181" s="12"/>
    </row>
    <row r="644182" spans="8:8">
      <c r="H644182" s="12"/>
    </row>
    <row r="644183" spans="8:8">
      <c r="H644183" s="12"/>
    </row>
    <row r="644184" spans="8:8">
      <c r="H644184" s="12"/>
    </row>
    <row r="644185" spans="8:8">
      <c r="H644185" s="12"/>
    </row>
    <row r="644186" spans="8:8">
      <c r="H644186" s="12"/>
    </row>
    <row r="644187" spans="8:8">
      <c r="H644187" s="12"/>
    </row>
    <row r="644188" spans="8:8">
      <c r="H644188" s="12"/>
    </row>
    <row r="644189" spans="8:8">
      <c r="H644189" s="12"/>
    </row>
    <row r="644190" spans="8:8">
      <c r="H644190" s="12"/>
    </row>
    <row r="644191" spans="8:8">
      <c r="H644191" s="12"/>
    </row>
    <row r="644192" spans="8:8">
      <c r="H644192" s="12"/>
    </row>
    <row r="644193" spans="8:8">
      <c r="H644193" s="12"/>
    </row>
    <row r="644194" spans="8:8">
      <c r="H644194" s="12"/>
    </row>
    <row r="644195" spans="8:8">
      <c r="H644195" s="12"/>
    </row>
    <row r="644196" spans="8:8">
      <c r="H644196" s="12"/>
    </row>
    <row r="644197" spans="8:8">
      <c r="H644197" s="12"/>
    </row>
    <row r="644198" spans="8:8">
      <c r="H644198" s="12"/>
    </row>
    <row r="644199" spans="8:8">
      <c r="H644199" s="12"/>
    </row>
    <row r="644200" spans="8:8">
      <c r="H644200" s="12"/>
    </row>
    <row r="644201" spans="8:8">
      <c r="H644201" s="12"/>
    </row>
    <row r="644202" spans="8:8">
      <c r="H644202" s="12"/>
    </row>
    <row r="644203" spans="8:8">
      <c r="H644203" s="12"/>
    </row>
    <row r="644204" spans="8:8">
      <c r="H644204" s="12"/>
    </row>
    <row r="644205" spans="8:8">
      <c r="H644205" s="12"/>
    </row>
    <row r="644206" spans="8:8">
      <c r="H644206" s="12"/>
    </row>
    <row r="644207" spans="8:8">
      <c r="H644207" s="12"/>
    </row>
    <row r="644208" spans="8:8">
      <c r="H644208" s="12"/>
    </row>
    <row r="644209" spans="8:8">
      <c r="H644209" s="12"/>
    </row>
    <row r="644210" spans="8:8">
      <c r="H644210" s="12"/>
    </row>
    <row r="644211" spans="8:8">
      <c r="H644211" s="12"/>
    </row>
    <row r="644212" spans="8:8">
      <c r="H644212" s="12"/>
    </row>
    <row r="644213" spans="8:8">
      <c r="H644213" s="12"/>
    </row>
    <row r="644214" spans="8:8">
      <c r="H644214" s="12"/>
    </row>
    <row r="644215" spans="8:8">
      <c r="H644215" s="12"/>
    </row>
    <row r="644216" spans="8:8">
      <c r="H644216" s="12"/>
    </row>
    <row r="644217" spans="8:8">
      <c r="H644217" s="12"/>
    </row>
    <row r="644218" spans="8:8">
      <c r="H644218" s="12"/>
    </row>
    <row r="644219" spans="8:8">
      <c r="H644219" s="12"/>
    </row>
    <row r="644220" spans="8:8">
      <c r="H644220" s="12"/>
    </row>
    <row r="644221" spans="8:8">
      <c r="H644221" s="12"/>
    </row>
    <row r="644222" spans="8:8">
      <c r="H644222" s="12"/>
    </row>
    <row r="644223" spans="8:8">
      <c r="H644223" s="12"/>
    </row>
    <row r="644224" spans="8:8">
      <c r="H644224" s="12"/>
    </row>
    <row r="644225" spans="8:8">
      <c r="H644225" s="12"/>
    </row>
    <row r="644226" spans="8:8">
      <c r="H644226" s="12"/>
    </row>
    <row r="644227" spans="8:8">
      <c r="H644227" s="12"/>
    </row>
    <row r="644228" spans="8:8">
      <c r="H644228" s="12"/>
    </row>
    <row r="644229" spans="8:8">
      <c r="H644229" s="12"/>
    </row>
    <row r="644230" spans="8:8">
      <c r="H644230" s="12"/>
    </row>
    <row r="644231" spans="8:8">
      <c r="H644231" s="12"/>
    </row>
    <row r="644232" spans="8:8">
      <c r="H644232" s="12"/>
    </row>
    <row r="644233" spans="8:8">
      <c r="H644233" s="12"/>
    </row>
    <row r="644234" spans="8:8">
      <c r="H644234" s="12"/>
    </row>
    <row r="644235" spans="8:8">
      <c r="H644235" s="12"/>
    </row>
    <row r="644236" spans="8:8">
      <c r="H644236" s="12"/>
    </row>
    <row r="644237" spans="8:8">
      <c r="H644237" s="12"/>
    </row>
    <row r="644238" spans="8:8">
      <c r="H644238" s="12"/>
    </row>
    <row r="644239" spans="8:8">
      <c r="H644239" s="12"/>
    </row>
    <row r="644240" spans="8:8">
      <c r="H644240" s="12"/>
    </row>
    <row r="644241" spans="8:8">
      <c r="H644241" s="12"/>
    </row>
    <row r="644242" spans="8:8">
      <c r="H644242" s="12"/>
    </row>
    <row r="644243" spans="8:8">
      <c r="H644243" s="12"/>
    </row>
    <row r="644244" spans="8:8">
      <c r="H644244" s="12"/>
    </row>
    <row r="644245" spans="8:8">
      <c r="H644245" s="12"/>
    </row>
    <row r="644246" spans="8:8">
      <c r="H644246" s="12"/>
    </row>
    <row r="644247" spans="8:8">
      <c r="H644247" s="12"/>
    </row>
    <row r="644248" spans="8:8">
      <c r="H644248" s="12"/>
    </row>
    <row r="644249" spans="8:8">
      <c r="H644249" s="12"/>
    </row>
    <row r="644250" spans="8:8">
      <c r="H644250" s="12"/>
    </row>
    <row r="644251" spans="8:8">
      <c r="H644251" s="12"/>
    </row>
    <row r="644252" spans="8:8">
      <c r="H644252" s="12"/>
    </row>
    <row r="644253" spans="8:8">
      <c r="H644253" s="12"/>
    </row>
    <row r="644254" spans="8:8">
      <c r="H644254" s="12"/>
    </row>
    <row r="644255" spans="8:8">
      <c r="H644255" s="12"/>
    </row>
    <row r="644256" spans="8:8">
      <c r="H644256" s="12"/>
    </row>
    <row r="644257" spans="8:8">
      <c r="H644257" s="12"/>
    </row>
    <row r="644258" spans="8:8">
      <c r="H644258" s="12"/>
    </row>
    <row r="644259" spans="8:8">
      <c r="H644259" s="12"/>
    </row>
    <row r="644260" spans="8:8">
      <c r="H644260" s="12"/>
    </row>
    <row r="644261" spans="8:8">
      <c r="H644261" s="12"/>
    </row>
    <row r="644262" spans="8:8">
      <c r="H644262" s="12"/>
    </row>
    <row r="644263" spans="8:8">
      <c r="H644263" s="12"/>
    </row>
    <row r="644264" spans="8:8">
      <c r="H644264" s="12"/>
    </row>
    <row r="644265" spans="8:8">
      <c r="H644265" s="12"/>
    </row>
    <row r="644266" spans="8:8">
      <c r="H644266" s="12"/>
    </row>
    <row r="644267" spans="8:8">
      <c r="H644267" s="12"/>
    </row>
    <row r="644268" spans="8:8">
      <c r="H644268" s="12"/>
    </row>
    <row r="644269" spans="8:8">
      <c r="H644269" s="12"/>
    </row>
    <row r="644270" spans="8:8">
      <c r="H644270" s="12"/>
    </row>
    <row r="644271" spans="8:8">
      <c r="H644271" s="12"/>
    </row>
    <row r="644272" spans="8:8">
      <c r="H644272" s="12"/>
    </row>
    <row r="644273" spans="8:8">
      <c r="H644273" s="12"/>
    </row>
    <row r="644274" spans="8:8">
      <c r="H644274" s="12"/>
    </row>
    <row r="644275" spans="8:8">
      <c r="H644275" s="12"/>
    </row>
    <row r="644276" spans="8:8">
      <c r="H644276" s="12"/>
    </row>
    <row r="644277" spans="8:8">
      <c r="H644277" s="12"/>
    </row>
    <row r="644278" spans="8:8">
      <c r="H644278" s="12"/>
    </row>
    <row r="644279" spans="8:8">
      <c r="H644279" s="12"/>
    </row>
    <row r="644280" spans="8:8">
      <c r="H644280" s="12"/>
    </row>
    <row r="644281" spans="8:8">
      <c r="H644281" s="12"/>
    </row>
    <row r="644282" spans="8:8">
      <c r="H644282" s="12"/>
    </row>
    <row r="644283" spans="8:8">
      <c r="H644283" s="12"/>
    </row>
    <row r="644284" spans="8:8">
      <c r="H644284" s="12"/>
    </row>
    <row r="644285" spans="8:8">
      <c r="H644285" s="12"/>
    </row>
    <row r="644286" spans="8:8">
      <c r="H644286" s="12"/>
    </row>
    <row r="644287" spans="8:8">
      <c r="H644287" s="12"/>
    </row>
    <row r="644288" spans="8:8">
      <c r="H644288" s="12"/>
    </row>
    <row r="644289" spans="8:8">
      <c r="H644289" s="12"/>
    </row>
    <row r="644290" spans="8:8">
      <c r="H644290" s="12"/>
    </row>
    <row r="644291" spans="8:8">
      <c r="H644291" s="12"/>
    </row>
    <row r="644292" spans="8:8">
      <c r="H644292" s="12"/>
    </row>
    <row r="644293" spans="8:8">
      <c r="H644293" s="12"/>
    </row>
    <row r="644294" spans="8:8">
      <c r="H644294" s="12"/>
    </row>
    <row r="644295" spans="8:8">
      <c r="H644295" s="12"/>
    </row>
    <row r="644296" spans="8:8">
      <c r="H644296" s="12"/>
    </row>
    <row r="644297" spans="8:8">
      <c r="H644297" s="12"/>
    </row>
    <row r="644298" spans="8:8">
      <c r="H644298" s="12"/>
    </row>
    <row r="644299" spans="8:8">
      <c r="H644299" s="12"/>
    </row>
    <row r="644300" spans="8:8">
      <c r="H644300" s="12"/>
    </row>
    <row r="644301" spans="8:8">
      <c r="H644301" s="12"/>
    </row>
    <row r="644302" spans="8:8">
      <c r="H644302" s="12"/>
    </row>
    <row r="644303" spans="8:8">
      <c r="H644303" s="12"/>
    </row>
    <row r="644304" spans="8:8">
      <c r="H644304" s="12"/>
    </row>
    <row r="644305" spans="8:8">
      <c r="H644305" s="12"/>
    </row>
    <row r="644306" spans="8:8">
      <c r="H644306" s="12"/>
    </row>
    <row r="644307" spans="8:8">
      <c r="H644307" s="12"/>
    </row>
    <row r="644308" spans="8:8">
      <c r="H644308" s="12"/>
    </row>
    <row r="644309" spans="8:8">
      <c r="H644309" s="12"/>
    </row>
    <row r="644310" spans="8:8">
      <c r="H644310" s="12"/>
    </row>
    <row r="644311" spans="8:8">
      <c r="H644311" s="12"/>
    </row>
    <row r="644312" spans="8:8">
      <c r="H644312" s="12"/>
    </row>
    <row r="644313" spans="8:8">
      <c r="H644313" s="12"/>
    </row>
    <row r="644314" spans="8:8">
      <c r="H644314" s="12"/>
    </row>
    <row r="644315" spans="8:8">
      <c r="H644315" s="12"/>
    </row>
    <row r="644316" spans="8:8">
      <c r="H644316" s="12"/>
    </row>
    <row r="644317" spans="8:8">
      <c r="H644317" s="12"/>
    </row>
    <row r="644318" spans="8:8">
      <c r="H644318" s="12"/>
    </row>
    <row r="644319" spans="8:8">
      <c r="H644319" s="12"/>
    </row>
    <row r="644320" spans="8:8">
      <c r="H644320" s="12"/>
    </row>
    <row r="644321" spans="8:8">
      <c r="H644321" s="12"/>
    </row>
    <row r="644322" spans="8:8">
      <c r="H644322" s="12"/>
    </row>
    <row r="644323" spans="8:8">
      <c r="H644323" s="12"/>
    </row>
    <row r="644324" spans="8:8">
      <c r="H644324" s="12"/>
    </row>
    <row r="644325" spans="8:8">
      <c r="H644325" s="12"/>
    </row>
    <row r="644326" spans="8:8">
      <c r="H644326" s="12"/>
    </row>
    <row r="644327" spans="8:8">
      <c r="H644327" s="12"/>
    </row>
    <row r="644328" spans="8:8">
      <c r="H644328" s="12"/>
    </row>
    <row r="644329" spans="8:8">
      <c r="H644329" s="12"/>
    </row>
    <row r="644330" spans="8:8">
      <c r="H644330" s="12"/>
    </row>
    <row r="644331" spans="8:8">
      <c r="H644331" s="12"/>
    </row>
    <row r="644332" spans="8:8">
      <c r="H644332" s="12"/>
    </row>
    <row r="644333" spans="8:8">
      <c r="H644333" s="12"/>
    </row>
    <row r="644334" spans="8:8">
      <c r="H644334" s="12"/>
    </row>
    <row r="644335" spans="8:8">
      <c r="H644335" s="12"/>
    </row>
    <row r="644336" spans="8:8">
      <c r="H644336" s="12"/>
    </row>
    <row r="644337" spans="8:8">
      <c r="H644337" s="12"/>
    </row>
    <row r="644338" spans="8:8">
      <c r="H644338" s="12"/>
    </row>
    <row r="644339" spans="8:8">
      <c r="H644339" s="12"/>
    </row>
    <row r="644340" spans="8:8">
      <c r="H644340" s="12"/>
    </row>
    <row r="644341" spans="8:8">
      <c r="H644341" s="12"/>
    </row>
    <row r="644342" spans="8:8">
      <c r="H644342" s="12"/>
    </row>
    <row r="644343" spans="8:8">
      <c r="H644343" s="12"/>
    </row>
    <row r="644344" spans="8:8">
      <c r="H644344" s="12"/>
    </row>
    <row r="644345" spans="8:8">
      <c r="H644345" s="12"/>
    </row>
    <row r="644346" spans="8:8">
      <c r="H644346" s="12"/>
    </row>
    <row r="644347" spans="8:8">
      <c r="H644347" s="12"/>
    </row>
    <row r="644348" spans="8:8">
      <c r="H644348" s="12"/>
    </row>
    <row r="644349" spans="8:8">
      <c r="H644349" s="12"/>
    </row>
    <row r="644350" spans="8:8">
      <c r="H644350" s="12"/>
    </row>
    <row r="644351" spans="8:8">
      <c r="H644351" s="12"/>
    </row>
    <row r="644352" spans="8:8">
      <c r="H644352" s="12"/>
    </row>
    <row r="644353" spans="8:8">
      <c r="H644353" s="12"/>
    </row>
    <row r="644354" spans="8:8">
      <c r="H644354" s="12"/>
    </row>
    <row r="644355" spans="8:8">
      <c r="H644355" s="12"/>
    </row>
    <row r="644356" spans="8:8">
      <c r="H644356" s="12"/>
    </row>
    <row r="644357" spans="8:8">
      <c r="H644357" s="12"/>
    </row>
    <row r="644358" spans="8:8">
      <c r="H644358" s="12"/>
    </row>
    <row r="644359" spans="8:8">
      <c r="H644359" s="12"/>
    </row>
    <row r="644360" spans="8:8">
      <c r="H644360" s="12"/>
    </row>
    <row r="644361" spans="8:8">
      <c r="H644361" s="12"/>
    </row>
    <row r="644362" spans="8:8">
      <c r="H644362" s="12"/>
    </row>
    <row r="644363" spans="8:8">
      <c r="H644363" s="12"/>
    </row>
    <row r="644364" spans="8:8">
      <c r="H644364" s="12"/>
    </row>
    <row r="644365" spans="8:8">
      <c r="H644365" s="12"/>
    </row>
    <row r="644366" spans="8:8">
      <c r="H644366" s="12"/>
    </row>
    <row r="644367" spans="8:8">
      <c r="H644367" s="12"/>
    </row>
    <row r="644368" spans="8:8">
      <c r="H644368" s="12"/>
    </row>
    <row r="644369" spans="8:8">
      <c r="H644369" s="12"/>
    </row>
    <row r="644370" spans="8:8">
      <c r="H644370" s="12"/>
    </row>
    <row r="644371" spans="8:8">
      <c r="H644371" s="12"/>
    </row>
    <row r="644372" spans="8:8">
      <c r="H644372" s="12"/>
    </row>
    <row r="644373" spans="8:8">
      <c r="H644373" s="12"/>
    </row>
    <row r="644374" spans="8:8">
      <c r="H644374" s="12"/>
    </row>
    <row r="644375" spans="8:8">
      <c r="H644375" s="12"/>
    </row>
    <row r="644376" spans="8:8">
      <c r="H644376" s="12"/>
    </row>
    <row r="644377" spans="8:8">
      <c r="H644377" s="12"/>
    </row>
    <row r="644378" spans="8:8">
      <c r="H644378" s="12"/>
    </row>
    <row r="644379" spans="8:8">
      <c r="H644379" s="12"/>
    </row>
    <row r="644380" spans="8:8">
      <c r="H644380" s="12"/>
    </row>
    <row r="644381" spans="8:8">
      <c r="H644381" s="12"/>
    </row>
    <row r="644382" spans="8:8">
      <c r="H644382" s="12"/>
    </row>
    <row r="644383" spans="8:8">
      <c r="H644383" s="12"/>
    </row>
    <row r="644384" spans="8:8">
      <c r="H644384" s="12"/>
    </row>
    <row r="644385" spans="8:8">
      <c r="H644385" s="12"/>
    </row>
    <row r="644386" spans="8:8">
      <c r="H644386" s="12"/>
    </row>
    <row r="644387" spans="8:8">
      <c r="H644387" s="12"/>
    </row>
    <row r="644388" spans="8:8">
      <c r="H644388" s="12"/>
    </row>
    <row r="644389" spans="8:8">
      <c r="H644389" s="12"/>
    </row>
    <row r="644390" spans="8:8">
      <c r="H644390" s="12"/>
    </row>
    <row r="644391" spans="8:8">
      <c r="H644391" s="12"/>
    </row>
    <row r="644392" spans="8:8">
      <c r="H644392" s="12"/>
    </row>
    <row r="644393" spans="8:8">
      <c r="H644393" s="12"/>
    </row>
    <row r="644394" spans="8:8">
      <c r="H644394" s="12"/>
    </row>
    <row r="644395" spans="8:8">
      <c r="H644395" s="12"/>
    </row>
    <row r="644396" spans="8:8">
      <c r="H644396" s="12"/>
    </row>
    <row r="644397" spans="8:8">
      <c r="H644397" s="12"/>
    </row>
    <row r="644398" spans="8:8">
      <c r="H644398" s="12"/>
    </row>
    <row r="644399" spans="8:8">
      <c r="H644399" s="12"/>
    </row>
    <row r="644400" spans="8:8">
      <c r="H644400" s="12"/>
    </row>
    <row r="644401" spans="8:8">
      <c r="H644401" s="12"/>
    </row>
    <row r="644402" spans="8:8">
      <c r="H644402" s="12"/>
    </row>
    <row r="644403" spans="8:8">
      <c r="H644403" s="12"/>
    </row>
    <row r="644404" spans="8:8">
      <c r="H644404" s="12"/>
    </row>
    <row r="644405" spans="8:8">
      <c r="H644405" s="12"/>
    </row>
    <row r="644406" spans="8:8">
      <c r="H644406" s="12"/>
    </row>
    <row r="644407" spans="8:8">
      <c r="H644407" s="12"/>
    </row>
    <row r="644408" spans="8:8">
      <c r="H644408" s="12"/>
    </row>
    <row r="644409" spans="8:8">
      <c r="H644409" s="12"/>
    </row>
    <row r="644410" spans="8:8">
      <c r="H644410" s="12"/>
    </row>
    <row r="644411" spans="8:8">
      <c r="H644411" s="12"/>
    </row>
    <row r="644412" spans="8:8">
      <c r="H644412" s="12"/>
    </row>
    <row r="644413" spans="8:8">
      <c r="H644413" s="12"/>
    </row>
    <row r="644414" spans="8:8">
      <c r="H644414" s="12"/>
    </row>
    <row r="644415" spans="8:8">
      <c r="H644415" s="12"/>
    </row>
    <row r="644416" spans="8:8">
      <c r="H644416" s="12"/>
    </row>
    <row r="644417" spans="8:8">
      <c r="H644417" s="12"/>
    </row>
    <row r="644418" spans="8:8">
      <c r="H644418" s="12"/>
    </row>
    <row r="644419" spans="8:8">
      <c r="H644419" s="12"/>
    </row>
    <row r="644420" spans="8:8">
      <c r="H644420" s="12"/>
    </row>
    <row r="644421" spans="8:8">
      <c r="H644421" s="12"/>
    </row>
    <row r="644422" spans="8:8">
      <c r="H644422" s="12"/>
    </row>
    <row r="644423" spans="8:8">
      <c r="H644423" s="12"/>
    </row>
    <row r="644424" spans="8:8">
      <c r="H644424" s="12"/>
    </row>
    <row r="644425" spans="8:8">
      <c r="H644425" s="12"/>
    </row>
    <row r="644426" spans="8:8">
      <c r="H644426" s="12"/>
    </row>
    <row r="644427" spans="8:8">
      <c r="H644427" s="12"/>
    </row>
    <row r="644428" spans="8:8">
      <c r="H644428" s="12"/>
    </row>
    <row r="644429" spans="8:8">
      <c r="H644429" s="12"/>
    </row>
    <row r="644430" spans="8:8">
      <c r="H644430" s="12"/>
    </row>
    <row r="644431" spans="8:8">
      <c r="H644431" s="12"/>
    </row>
    <row r="644432" spans="8:8">
      <c r="H644432" s="12"/>
    </row>
    <row r="644433" spans="8:8">
      <c r="H644433" s="12"/>
    </row>
    <row r="644434" spans="8:8">
      <c r="H644434" s="12"/>
    </row>
    <row r="644435" spans="8:8">
      <c r="H644435" s="12"/>
    </row>
    <row r="644436" spans="8:8">
      <c r="H644436" s="12"/>
    </row>
    <row r="644437" spans="8:8">
      <c r="H644437" s="12"/>
    </row>
    <row r="644438" spans="8:8">
      <c r="H644438" s="12"/>
    </row>
    <row r="644439" spans="8:8">
      <c r="H644439" s="12"/>
    </row>
    <row r="644440" spans="8:8">
      <c r="H644440" s="12"/>
    </row>
    <row r="644441" spans="8:8">
      <c r="H644441" s="12"/>
    </row>
    <row r="644442" spans="8:8">
      <c r="H644442" s="12"/>
    </row>
    <row r="644443" spans="8:8">
      <c r="H644443" s="12"/>
    </row>
    <row r="644444" spans="8:8">
      <c r="H644444" s="12"/>
    </row>
    <row r="644445" spans="8:8">
      <c r="H644445" s="12"/>
    </row>
    <row r="644446" spans="8:8">
      <c r="H644446" s="12"/>
    </row>
    <row r="644447" spans="8:8">
      <c r="H644447" s="12"/>
    </row>
    <row r="644448" spans="8:8">
      <c r="H644448" s="12"/>
    </row>
    <row r="644449" spans="8:8">
      <c r="H644449" s="12"/>
    </row>
    <row r="644450" spans="8:8">
      <c r="H644450" s="12"/>
    </row>
    <row r="644451" spans="8:8">
      <c r="H644451" s="12"/>
    </row>
    <row r="644452" spans="8:8">
      <c r="H644452" s="12"/>
    </row>
    <row r="644453" spans="8:8">
      <c r="H644453" s="12"/>
    </row>
    <row r="644454" spans="8:8">
      <c r="H644454" s="12"/>
    </row>
    <row r="644455" spans="8:8">
      <c r="H644455" s="12"/>
    </row>
    <row r="644456" spans="8:8">
      <c r="H644456" s="12"/>
    </row>
    <row r="644457" spans="8:8">
      <c r="H644457" s="12"/>
    </row>
    <row r="644458" spans="8:8">
      <c r="H644458" s="12"/>
    </row>
    <row r="644459" spans="8:8">
      <c r="H644459" s="12"/>
    </row>
    <row r="644460" spans="8:8">
      <c r="H644460" s="12"/>
    </row>
    <row r="644461" spans="8:8">
      <c r="H644461" s="12"/>
    </row>
    <row r="644462" spans="8:8">
      <c r="H644462" s="12"/>
    </row>
    <row r="644463" spans="8:8">
      <c r="H644463" s="12"/>
    </row>
    <row r="644464" spans="8:8">
      <c r="H644464" s="12"/>
    </row>
    <row r="644465" spans="8:8">
      <c r="H644465" s="12"/>
    </row>
    <row r="644466" spans="8:8">
      <c r="H644466" s="12"/>
    </row>
    <row r="644467" spans="8:8">
      <c r="H644467" s="12"/>
    </row>
    <row r="644468" spans="8:8">
      <c r="H644468" s="12"/>
    </row>
    <row r="644469" spans="8:8">
      <c r="H644469" s="12"/>
    </row>
    <row r="644470" spans="8:8">
      <c r="H644470" s="12"/>
    </row>
    <row r="644471" spans="8:8">
      <c r="H644471" s="12"/>
    </row>
    <row r="644472" spans="8:8">
      <c r="H644472" s="12"/>
    </row>
    <row r="644473" spans="8:8">
      <c r="H644473" s="12"/>
    </row>
    <row r="644474" spans="8:8">
      <c r="H644474" s="12"/>
    </row>
    <row r="644475" spans="8:8">
      <c r="H644475" s="12"/>
    </row>
    <row r="644476" spans="8:8">
      <c r="H644476" s="12"/>
    </row>
    <row r="644477" spans="8:8">
      <c r="H644477" s="12"/>
    </row>
    <row r="644478" spans="8:8">
      <c r="H644478" s="12"/>
    </row>
    <row r="644479" spans="8:8">
      <c r="H644479" s="12"/>
    </row>
    <row r="644480" spans="8:8">
      <c r="H644480" s="12"/>
    </row>
    <row r="644481" spans="8:8">
      <c r="H644481" s="12"/>
    </row>
    <row r="644482" spans="8:8">
      <c r="H644482" s="12"/>
    </row>
    <row r="644483" spans="8:8">
      <c r="H644483" s="12"/>
    </row>
    <row r="644484" spans="8:8">
      <c r="H644484" s="12"/>
    </row>
    <row r="644485" spans="8:8">
      <c r="H644485" s="12"/>
    </row>
    <row r="644486" spans="8:8">
      <c r="H644486" s="12"/>
    </row>
    <row r="644487" spans="8:8">
      <c r="H644487" s="12"/>
    </row>
    <row r="644488" spans="8:8">
      <c r="H644488" s="12"/>
    </row>
    <row r="644489" spans="8:8">
      <c r="H644489" s="12"/>
    </row>
    <row r="644490" spans="8:8">
      <c r="H644490" s="12"/>
    </row>
    <row r="644491" spans="8:8">
      <c r="H644491" s="12"/>
    </row>
    <row r="644492" spans="8:8">
      <c r="H644492" s="12"/>
    </row>
    <row r="644493" spans="8:8">
      <c r="H644493" s="12"/>
    </row>
    <row r="644494" spans="8:8">
      <c r="H644494" s="12"/>
    </row>
    <row r="644495" spans="8:8">
      <c r="H644495" s="12"/>
    </row>
    <row r="644496" spans="8:8">
      <c r="H644496" s="12"/>
    </row>
    <row r="644497" spans="8:8">
      <c r="H644497" s="12"/>
    </row>
    <row r="644498" spans="8:8">
      <c r="H644498" s="12"/>
    </row>
    <row r="644499" spans="8:8">
      <c r="H644499" s="12"/>
    </row>
    <row r="644500" spans="8:8">
      <c r="H644500" s="12"/>
    </row>
    <row r="644501" spans="8:8">
      <c r="H644501" s="12"/>
    </row>
    <row r="644502" spans="8:8">
      <c r="H644502" s="12"/>
    </row>
    <row r="644503" spans="8:8">
      <c r="H644503" s="12"/>
    </row>
    <row r="644504" spans="8:8">
      <c r="H644504" s="12"/>
    </row>
    <row r="644505" spans="8:8">
      <c r="H644505" s="12"/>
    </row>
    <row r="644506" spans="8:8">
      <c r="H644506" s="12"/>
    </row>
    <row r="644507" spans="8:8">
      <c r="H644507" s="12"/>
    </row>
    <row r="644508" spans="8:8">
      <c r="H644508" s="12"/>
    </row>
    <row r="644509" spans="8:8">
      <c r="H644509" s="12"/>
    </row>
    <row r="644510" spans="8:8">
      <c r="H644510" s="12"/>
    </row>
    <row r="644511" spans="8:8">
      <c r="H644511" s="12"/>
    </row>
    <row r="644512" spans="8:8">
      <c r="H644512" s="12"/>
    </row>
    <row r="644513" spans="8:8">
      <c r="H644513" s="12"/>
    </row>
    <row r="644514" spans="8:8">
      <c r="H644514" s="12"/>
    </row>
    <row r="644515" spans="8:8">
      <c r="H644515" s="12"/>
    </row>
    <row r="644516" spans="8:8">
      <c r="H644516" s="12"/>
    </row>
    <row r="644517" spans="8:8">
      <c r="H644517" s="12"/>
    </row>
    <row r="644518" spans="8:8">
      <c r="H644518" s="12"/>
    </row>
    <row r="644519" spans="8:8">
      <c r="H644519" s="12"/>
    </row>
    <row r="644520" spans="8:8">
      <c r="H644520" s="12"/>
    </row>
    <row r="644521" spans="8:8">
      <c r="H644521" s="12"/>
    </row>
    <row r="644522" spans="8:8">
      <c r="H644522" s="12"/>
    </row>
    <row r="644523" spans="8:8">
      <c r="H644523" s="12"/>
    </row>
    <row r="644524" spans="8:8">
      <c r="H644524" s="12"/>
    </row>
    <row r="644525" spans="8:8">
      <c r="H644525" s="12"/>
    </row>
    <row r="644526" spans="8:8">
      <c r="H644526" s="12"/>
    </row>
    <row r="644527" spans="8:8">
      <c r="H644527" s="12"/>
    </row>
    <row r="644528" spans="8:8">
      <c r="H644528" s="12"/>
    </row>
    <row r="644529" spans="8:8">
      <c r="H644529" s="12"/>
    </row>
    <row r="644530" spans="8:8">
      <c r="H644530" s="12"/>
    </row>
    <row r="644531" spans="8:8">
      <c r="H644531" s="12"/>
    </row>
    <row r="644532" spans="8:8">
      <c r="H644532" s="12"/>
    </row>
    <row r="644533" spans="8:8">
      <c r="H644533" s="12"/>
    </row>
    <row r="644534" spans="8:8">
      <c r="H644534" s="12"/>
    </row>
    <row r="644535" spans="8:8">
      <c r="H644535" s="12"/>
    </row>
    <row r="644536" spans="8:8">
      <c r="H644536" s="12"/>
    </row>
    <row r="644537" spans="8:8">
      <c r="H644537" s="12"/>
    </row>
    <row r="644538" spans="8:8">
      <c r="H644538" s="12"/>
    </row>
    <row r="644539" spans="8:8">
      <c r="H644539" s="12"/>
    </row>
    <row r="644540" spans="8:8">
      <c r="H644540" s="12"/>
    </row>
    <row r="644541" spans="8:8">
      <c r="H644541" s="12"/>
    </row>
    <row r="644542" spans="8:8">
      <c r="H644542" s="12"/>
    </row>
    <row r="644543" spans="8:8">
      <c r="H644543" s="12"/>
    </row>
    <row r="644544" spans="8:8">
      <c r="H644544" s="12"/>
    </row>
    <row r="644545" spans="8:8">
      <c r="H644545" s="12"/>
    </row>
    <row r="644546" spans="8:8">
      <c r="H644546" s="12"/>
    </row>
    <row r="644547" spans="8:8">
      <c r="H644547" s="12"/>
    </row>
    <row r="644548" spans="8:8">
      <c r="H644548" s="12"/>
    </row>
    <row r="644549" spans="8:8">
      <c r="H644549" s="12"/>
    </row>
    <row r="644550" spans="8:8">
      <c r="H644550" s="12"/>
    </row>
    <row r="644551" spans="8:8">
      <c r="H644551" s="12"/>
    </row>
    <row r="644552" spans="8:8">
      <c r="H644552" s="12"/>
    </row>
    <row r="644553" spans="8:8">
      <c r="H644553" s="12"/>
    </row>
    <row r="644554" spans="8:8">
      <c r="H644554" s="12"/>
    </row>
    <row r="644555" spans="8:8">
      <c r="H644555" s="12"/>
    </row>
    <row r="644556" spans="8:8">
      <c r="H644556" s="12"/>
    </row>
    <row r="644557" spans="8:8">
      <c r="H644557" s="12"/>
    </row>
    <row r="644558" spans="8:8">
      <c r="H644558" s="12"/>
    </row>
    <row r="644559" spans="8:8">
      <c r="H644559" s="12"/>
    </row>
    <row r="644560" spans="8:8">
      <c r="H644560" s="12"/>
    </row>
    <row r="644561" spans="8:8">
      <c r="H644561" s="12"/>
    </row>
    <row r="644562" spans="8:8">
      <c r="H644562" s="12"/>
    </row>
    <row r="644563" spans="8:8">
      <c r="H644563" s="12"/>
    </row>
    <row r="644564" spans="8:8">
      <c r="H644564" s="12"/>
    </row>
    <row r="644565" spans="8:8">
      <c r="H644565" s="12"/>
    </row>
    <row r="644566" spans="8:8">
      <c r="H644566" s="12"/>
    </row>
    <row r="644567" spans="8:8">
      <c r="H644567" s="12"/>
    </row>
    <row r="644568" spans="8:8">
      <c r="H644568" s="12"/>
    </row>
    <row r="644569" spans="8:8">
      <c r="H644569" s="12"/>
    </row>
    <row r="644570" spans="8:8">
      <c r="H644570" s="12"/>
    </row>
    <row r="644571" spans="8:8">
      <c r="H644571" s="12"/>
    </row>
    <row r="644572" spans="8:8">
      <c r="H644572" s="12"/>
    </row>
    <row r="644573" spans="8:8">
      <c r="H644573" s="12"/>
    </row>
    <row r="644574" spans="8:8">
      <c r="H644574" s="12"/>
    </row>
    <row r="644575" spans="8:8">
      <c r="H644575" s="12"/>
    </row>
    <row r="644576" spans="8:8">
      <c r="H644576" s="12"/>
    </row>
    <row r="644577" spans="8:8">
      <c r="H644577" s="12"/>
    </row>
    <row r="644578" spans="8:8">
      <c r="H644578" s="12"/>
    </row>
    <row r="644579" spans="8:8">
      <c r="H644579" s="12"/>
    </row>
    <row r="644580" spans="8:8">
      <c r="H644580" s="12"/>
    </row>
    <row r="644581" spans="8:8">
      <c r="H644581" s="12"/>
    </row>
    <row r="644582" spans="8:8">
      <c r="H644582" s="12"/>
    </row>
    <row r="644583" spans="8:8">
      <c r="H644583" s="12"/>
    </row>
    <row r="644584" spans="8:8">
      <c r="H644584" s="12"/>
    </row>
    <row r="644585" spans="8:8">
      <c r="H644585" s="12"/>
    </row>
    <row r="644586" spans="8:8">
      <c r="H644586" s="12"/>
    </row>
    <row r="644587" spans="8:8">
      <c r="H644587" s="12"/>
    </row>
    <row r="644588" spans="8:8">
      <c r="H644588" s="12"/>
    </row>
    <row r="644589" spans="8:8">
      <c r="H644589" s="12"/>
    </row>
    <row r="644590" spans="8:8">
      <c r="H644590" s="12"/>
    </row>
    <row r="644591" spans="8:8">
      <c r="H644591" s="12"/>
    </row>
    <row r="644592" spans="8:8">
      <c r="H644592" s="12"/>
    </row>
    <row r="644593" spans="8:8">
      <c r="H644593" s="12"/>
    </row>
    <row r="644594" spans="8:8">
      <c r="H644594" s="12"/>
    </row>
    <row r="644595" spans="8:8">
      <c r="H644595" s="12"/>
    </row>
    <row r="644596" spans="8:8">
      <c r="H644596" s="12"/>
    </row>
    <row r="644597" spans="8:8">
      <c r="H644597" s="12"/>
    </row>
    <row r="644598" spans="8:8">
      <c r="H644598" s="12"/>
    </row>
    <row r="644599" spans="8:8">
      <c r="H644599" s="12"/>
    </row>
    <row r="644600" spans="8:8">
      <c r="H644600" s="12"/>
    </row>
    <row r="644601" spans="8:8">
      <c r="H644601" s="12"/>
    </row>
    <row r="644602" spans="8:8">
      <c r="H644602" s="12"/>
    </row>
    <row r="644603" spans="8:8">
      <c r="H644603" s="12"/>
    </row>
    <row r="644604" spans="8:8">
      <c r="H644604" s="12"/>
    </row>
    <row r="644605" spans="8:8">
      <c r="H644605" s="12"/>
    </row>
    <row r="644606" spans="8:8">
      <c r="H644606" s="12"/>
    </row>
    <row r="644607" spans="8:8">
      <c r="H644607" s="12"/>
    </row>
    <row r="644608" spans="8:8">
      <c r="H644608" s="12"/>
    </row>
    <row r="644609" spans="8:8">
      <c r="H644609" s="12"/>
    </row>
    <row r="644610" spans="8:8">
      <c r="H644610" s="12"/>
    </row>
    <row r="644611" spans="8:8">
      <c r="H644611" s="12"/>
    </row>
    <row r="644612" spans="8:8">
      <c r="H644612" s="12"/>
    </row>
    <row r="644613" spans="8:8">
      <c r="H644613" s="12"/>
    </row>
    <row r="644614" spans="8:8">
      <c r="H644614" s="12"/>
    </row>
    <row r="644615" spans="8:8">
      <c r="H644615" s="12"/>
    </row>
    <row r="644616" spans="8:8">
      <c r="H644616" s="12"/>
    </row>
    <row r="644617" spans="8:8">
      <c r="H644617" s="12"/>
    </row>
    <row r="644618" spans="8:8">
      <c r="H644618" s="12"/>
    </row>
    <row r="644619" spans="8:8">
      <c r="H644619" s="12"/>
    </row>
    <row r="644620" spans="8:8">
      <c r="H644620" s="12"/>
    </row>
    <row r="644621" spans="8:8">
      <c r="H644621" s="12"/>
    </row>
    <row r="644622" spans="8:8">
      <c r="H644622" s="12"/>
    </row>
    <row r="644623" spans="8:8">
      <c r="H644623" s="12"/>
    </row>
    <row r="644624" spans="8:8">
      <c r="H644624" s="12"/>
    </row>
    <row r="644625" spans="8:8">
      <c r="H644625" s="12"/>
    </row>
    <row r="644626" spans="8:8">
      <c r="H644626" s="12"/>
    </row>
    <row r="644627" spans="8:8">
      <c r="H644627" s="12"/>
    </row>
    <row r="644628" spans="8:8">
      <c r="H644628" s="12"/>
    </row>
    <row r="644629" spans="8:8">
      <c r="H644629" s="12"/>
    </row>
    <row r="644630" spans="8:8">
      <c r="H644630" s="12"/>
    </row>
    <row r="644631" spans="8:8">
      <c r="H644631" s="12"/>
    </row>
    <row r="644632" spans="8:8">
      <c r="H644632" s="12"/>
    </row>
    <row r="644633" spans="8:8">
      <c r="H644633" s="12"/>
    </row>
    <row r="644634" spans="8:8">
      <c r="H644634" s="12"/>
    </row>
    <row r="644635" spans="8:8">
      <c r="H644635" s="12"/>
    </row>
    <row r="644636" spans="8:8">
      <c r="H644636" s="12"/>
    </row>
    <row r="644637" spans="8:8">
      <c r="H644637" s="12"/>
    </row>
    <row r="644638" spans="8:8">
      <c r="H644638" s="12"/>
    </row>
    <row r="644639" spans="8:8">
      <c r="H644639" s="12"/>
    </row>
    <row r="644640" spans="8:8">
      <c r="H644640" s="12"/>
    </row>
    <row r="644641" spans="8:8">
      <c r="H644641" s="12"/>
    </row>
    <row r="644642" spans="8:8">
      <c r="H644642" s="12"/>
    </row>
    <row r="644643" spans="8:8">
      <c r="H644643" s="12"/>
    </row>
    <row r="644644" spans="8:8">
      <c r="H644644" s="12"/>
    </row>
    <row r="644645" spans="8:8">
      <c r="H644645" s="12"/>
    </row>
    <row r="644646" spans="8:8">
      <c r="H644646" s="12"/>
    </row>
    <row r="644647" spans="8:8">
      <c r="H644647" s="12"/>
    </row>
    <row r="644648" spans="8:8">
      <c r="H644648" s="12"/>
    </row>
    <row r="644649" spans="8:8">
      <c r="H644649" s="12"/>
    </row>
    <row r="644650" spans="8:8">
      <c r="H644650" s="12"/>
    </row>
    <row r="644651" spans="8:8">
      <c r="H644651" s="12"/>
    </row>
    <row r="644652" spans="8:8">
      <c r="H644652" s="12"/>
    </row>
    <row r="644653" spans="8:8">
      <c r="H644653" s="12"/>
    </row>
    <row r="644654" spans="8:8">
      <c r="H644654" s="12"/>
    </row>
    <row r="644655" spans="8:8">
      <c r="H644655" s="12"/>
    </row>
    <row r="644656" spans="8:8">
      <c r="H644656" s="12"/>
    </row>
    <row r="644657" spans="8:8">
      <c r="H644657" s="12"/>
    </row>
    <row r="644658" spans="8:8">
      <c r="H644658" s="12"/>
    </row>
    <row r="644659" spans="8:8">
      <c r="H644659" s="12"/>
    </row>
    <row r="644660" spans="8:8">
      <c r="H644660" s="12"/>
    </row>
    <row r="644661" spans="8:8">
      <c r="H644661" s="12"/>
    </row>
    <row r="644662" spans="8:8">
      <c r="H644662" s="12"/>
    </row>
    <row r="644663" spans="8:8">
      <c r="H644663" s="12"/>
    </row>
    <row r="644664" spans="8:8">
      <c r="H644664" s="12"/>
    </row>
    <row r="644665" spans="8:8">
      <c r="H644665" s="12"/>
    </row>
    <row r="644666" spans="8:8">
      <c r="H644666" s="12"/>
    </row>
    <row r="644667" spans="8:8">
      <c r="H644667" s="12"/>
    </row>
    <row r="644668" spans="8:8">
      <c r="H644668" s="12"/>
    </row>
    <row r="644669" spans="8:8">
      <c r="H644669" s="12"/>
    </row>
    <row r="644670" spans="8:8">
      <c r="H644670" s="12"/>
    </row>
    <row r="644671" spans="8:8">
      <c r="H644671" s="12"/>
    </row>
    <row r="644672" spans="8:8">
      <c r="H644672" s="12"/>
    </row>
    <row r="644673" spans="8:8">
      <c r="H644673" s="12"/>
    </row>
    <row r="644674" spans="8:8">
      <c r="H644674" s="12"/>
    </row>
    <row r="644675" spans="8:8">
      <c r="H644675" s="12"/>
    </row>
    <row r="644676" spans="8:8">
      <c r="H644676" s="12"/>
    </row>
    <row r="644677" spans="8:8">
      <c r="H644677" s="12"/>
    </row>
    <row r="644678" spans="8:8">
      <c r="H644678" s="12"/>
    </row>
    <row r="644679" spans="8:8">
      <c r="H644679" s="12"/>
    </row>
    <row r="644680" spans="8:8">
      <c r="H644680" s="12"/>
    </row>
    <row r="644681" spans="8:8">
      <c r="H644681" s="12"/>
    </row>
    <row r="644682" spans="8:8">
      <c r="H644682" s="12"/>
    </row>
    <row r="644683" spans="8:8">
      <c r="H644683" s="12"/>
    </row>
    <row r="644684" spans="8:8">
      <c r="H644684" s="12"/>
    </row>
    <row r="644685" spans="8:8">
      <c r="H644685" s="12"/>
    </row>
    <row r="644686" spans="8:8">
      <c r="H644686" s="12"/>
    </row>
    <row r="644687" spans="8:8">
      <c r="H644687" s="12"/>
    </row>
    <row r="644688" spans="8:8">
      <c r="H644688" s="12"/>
    </row>
    <row r="644689" spans="8:8">
      <c r="H644689" s="12"/>
    </row>
    <row r="644690" spans="8:8">
      <c r="H644690" s="12"/>
    </row>
    <row r="644691" spans="8:8">
      <c r="H644691" s="12"/>
    </row>
    <row r="644692" spans="8:8">
      <c r="H644692" s="12"/>
    </row>
    <row r="644693" spans="8:8">
      <c r="H644693" s="12"/>
    </row>
    <row r="644694" spans="8:8">
      <c r="H644694" s="12"/>
    </row>
    <row r="644695" spans="8:8">
      <c r="H644695" s="12"/>
    </row>
    <row r="644696" spans="8:8">
      <c r="H644696" s="12"/>
    </row>
    <row r="644697" spans="8:8">
      <c r="H644697" s="12"/>
    </row>
    <row r="644698" spans="8:8">
      <c r="H644698" s="12"/>
    </row>
    <row r="644699" spans="8:8">
      <c r="H644699" s="12"/>
    </row>
    <row r="644700" spans="8:8">
      <c r="H644700" s="12"/>
    </row>
    <row r="644701" spans="8:8">
      <c r="H644701" s="12"/>
    </row>
    <row r="644702" spans="8:8">
      <c r="H644702" s="12"/>
    </row>
    <row r="644703" spans="8:8">
      <c r="H644703" s="12"/>
    </row>
    <row r="644704" spans="8:8">
      <c r="H644704" s="12"/>
    </row>
    <row r="644705" spans="8:8">
      <c r="H644705" s="12"/>
    </row>
    <row r="644706" spans="8:8">
      <c r="H644706" s="12"/>
    </row>
    <row r="644707" spans="8:8">
      <c r="H644707" s="12"/>
    </row>
    <row r="644708" spans="8:8">
      <c r="H644708" s="12"/>
    </row>
    <row r="644709" spans="8:8">
      <c r="H644709" s="12"/>
    </row>
    <row r="644710" spans="8:8">
      <c r="H644710" s="12"/>
    </row>
    <row r="644711" spans="8:8">
      <c r="H644711" s="12"/>
    </row>
    <row r="644712" spans="8:8">
      <c r="H644712" s="12"/>
    </row>
    <row r="644713" spans="8:8">
      <c r="H644713" s="12"/>
    </row>
    <row r="644714" spans="8:8">
      <c r="H644714" s="12"/>
    </row>
    <row r="644715" spans="8:8">
      <c r="H644715" s="12"/>
    </row>
    <row r="644716" spans="8:8">
      <c r="H644716" s="12"/>
    </row>
    <row r="644717" spans="8:8">
      <c r="H644717" s="12"/>
    </row>
    <row r="644718" spans="8:8">
      <c r="H644718" s="12"/>
    </row>
    <row r="644719" spans="8:8">
      <c r="H644719" s="12"/>
    </row>
    <row r="644720" spans="8:8">
      <c r="H644720" s="12"/>
    </row>
    <row r="644721" spans="8:8">
      <c r="H644721" s="12"/>
    </row>
    <row r="644722" spans="8:8">
      <c r="H644722" s="12"/>
    </row>
    <row r="644723" spans="8:8">
      <c r="H644723" s="12"/>
    </row>
    <row r="644724" spans="8:8">
      <c r="H644724" s="12"/>
    </row>
    <row r="644725" spans="8:8">
      <c r="H644725" s="12"/>
    </row>
    <row r="644726" spans="8:8">
      <c r="H644726" s="12"/>
    </row>
    <row r="644727" spans="8:8">
      <c r="H644727" s="12"/>
    </row>
    <row r="644728" spans="8:8">
      <c r="H644728" s="12"/>
    </row>
    <row r="644729" spans="8:8">
      <c r="H644729" s="12"/>
    </row>
    <row r="644730" spans="8:8">
      <c r="H644730" s="12"/>
    </row>
    <row r="644731" spans="8:8">
      <c r="H644731" s="12"/>
    </row>
    <row r="644732" spans="8:8">
      <c r="H644732" s="12"/>
    </row>
    <row r="644733" spans="8:8">
      <c r="H644733" s="12"/>
    </row>
    <row r="644734" spans="8:8">
      <c r="H644734" s="12"/>
    </row>
    <row r="644735" spans="8:8">
      <c r="H644735" s="12"/>
    </row>
    <row r="644736" spans="8:8">
      <c r="H644736" s="12"/>
    </row>
    <row r="644737" spans="8:8">
      <c r="H644737" s="12"/>
    </row>
    <row r="644738" spans="8:8">
      <c r="H644738" s="12"/>
    </row>
    <row r="644739" spans="8:8">
      <c r="H644739" s="12"/>
    </row>
    <row r="644740" spans="8:8">
      <c r="H644740" s="12"/>
    </row>
    <row r="644741" spans="8:8">
      <c r="H644741" s="12"/>
    </row>
    <row r="644742" spans="8:8">
      <c r="H644742" s="12"/>
    </row>
    <row r="644743" spans="8:8">
      <c r="H644743" s="12"/>
    </row>
    <row r="644744" spans="8:8">
      <c r="H644744" s="12"/>
    </row>
    <row r="644745" spans="8:8">
      <c r="H644745" s="12"/>
    </row>
    <row r="644746" spans="8:8">
      <c r="H644746" s="12"/>
    </row>
    <row r="644747" spans="8:8">
      <c r="H644747" s="12"/>
    </row>
    <row r="644748" spans="8:8">
      <c r="H644748" s="12"/>
    </row>
    <row r="644749" spans="8:8">
      <c r="H644749" s="12"/>
    </row>
    <row r="644750" spans="8:8">
      <c r="H644750" s="12"/>
    </row>
    <row r="644751" spans="8:8">
      <c r="H644751" s="12"/>
    </row>
    <row r="644752" spans="8:8">
      <c r="H644752" s="12"/>
    </row>
    <row r="644753" spans="8:8">
      <c r="H644753" s="12"/>
    </row>
    <row r="644754" spans="8:8">
      <c r="H644754" s="12"/>
    </row>
    <row r="644755" spans="8:8">
      <c r="H644755" s="12"/>
    </row>
    <row r="644756" spans="8:8">
      <c r="H644756" s="12"/>
    </row>
    <row r="644757" spans="8:8">
      <c r="H644757" s="12"/>
    </row>
    <row r="644758" spans="8:8">
      <c r="H644758" s="12"/>
    </row>
    <row r="644759" spans="8:8">
      <c r="H644759" s="12"/>
    </row>
    <row r="644760" spans="8:8">
      <c r="H644760" s="12"/>
    </row>
    <row r="644761" spans="8:8">
      <c r="H644761" s="12"/>
    </row>
    <row r="644762" spans="8:8">
      <c r="H644762" s="12"/>
    </row>
    <row r="644763" spans="8:8">
      <c r="H644763" s="12"/>
    </row>
    <row r="644764" spans="8:8">
      <c r="H644764" s="12"/>
    </row>
    <row r="644765" spans="8:8">
      <c r="H644765" s="12"/>
    </row>
    <row r="644766" spans="8:8">
      <c r="H644766" s="12"/>
    </row>
    <row r="644767" spans="8:8">
      <c r="H644767" s="12"/>
    </row>
    <row r="644768" spans="8:8">
      <c r="H644768" s="12"/>
    </row>
    <row r="644769" spans="8:8">
      <c r="H644769" s="12"/>
    </row>
    <row r="644770" spans="8:8">
      <c r="H644770" s="12"/>
    </row>
    <row r="644771" spans="8:8">
      <c r="H644771" s="12"/>
    </row>
    <row r="644772" spans="8:8">
      <c r="H644772" s="12"/>
    </row>
    <row r="644773" spans="8:8">
      <c r="H644773" s="12"/>
    </row>
    <row r="644774" spans="8:8">
      <c r="H644774" s="12"/>
    </row>
    <row r="644775" spans="8:8">
      <c r="H644775" s="12"/>
    </row>
    <row r="644776" spans="8:8">
      <c r="H644776" s="12"/>
    </row>
    <row r="644777" spans="8:8">
      <c r="H644777" s="12"/>
    </row>
    <row r="644778" spans="8:8">
      <c r="H644778" s="12"/>
    </row>
    <row r="644779" spans="8:8">
      <c r="H644779" s="12"/>
    </row>
    <row r="644780" spans="8:8">
      <c r="H644780" s="12"/>
    </row>
    <row r="644781" spans="8:8">
      <c r="H644781" s="12"/>
    </row>
    <row r="644782" spans="8:8">
      <c r="H644782" s="12"/>
    </row>
    <row r="644783" spans="8:8">
      <c r="H644783" s="12"/>
    </row>
    <row r="644784" spans="8:8">
      <c r="H644784" s="12"/>
    </row>
    <row r="644785" spans="8:8">
      <c r="H644785" s="12"/>
    </row>
    <row r="644786" spans="8:8">
      <c r="H644786" s="12"/>
    </row>
    <row r="644787" spans="8:8">
      <c r="H644787" s="12"/>
    </row>
    <row r="644788" spans="8:8">
      <c r="H644788" s="12"/>
    </row>
    <row r="644789" spans="8:8">
      <c r="H644789" s="12"/>
    </row>
    <row r="644790" spans="8:8">
      <c r="H644790" s="12"/>
    </row>
    <row r="644791" spans="8:8">
      <c r="H644791" s="12"/>
    </row>
    <row r="644792" spans="8:8">
      <c r="H644792" s="12"/>
    </row>
    <row r="644793" spans="8:8">
      <c r="H644793" s="12"/>
    </row>
    <row r="644794" spans="8:8">
      <c r="H644794" s="12"/>
    </row>
    <row r="644795" spans="8:8">
      <c r="H644795" s="12"/>
    </row>
    <row r="644796" spans="8:8">
      <c r="H644796" s="12"/>
    </row>
    <row r="644797" spans="8:8">
      <c r="H644797" s="12"/>
    </row>
    <row r="644798" spans="8:8">
      <c r="H644798" s="12"/>
    </row>
    <row r="644799" spans="8:8">
      <c r="H644799" s="12"/>
    </row>
    <row r="644800" spans="8:8">
      <c r="H644800" s="12"/>
    </row>
    <row r="644801" spans="8:8">
      <c r="H644801" s="12"/>
    </row>
    <row r="644802" spans="8:8">
      <c r="H644802" s="12"/>
    </row>
    <row r="644803" spans="8:8">
      <c r="H644803" s="12"/>
    </row>
    <row r="644804" spans="8:8">
      <c r="H644804" s="12"/>
    </row>
    <row r="644805" spans="8:8">
      <c r="H644805" s="12"/>
    </row>
    <row r="644806" spans="8:8">
      <c r="H644806" s="12"/>
    </row>
    <row r="644807" spans="8:8">
      <c r="H644807" s="12"/>
    </row>
    <row r="644808" spans="8:8">
      <c r="H644808" s="12"/>
    </row>
    <row r="644809" spans="8:8">
      <c r="H644809" s="12"/>
    </row>
    <row r="644810" spans="8:8">
      <c r="H644810" s="12"/>
    </row>
    <row r="644811" spans="8:8">
      <c r="H644811" s="12"/>
    </row>
    <row r="644812" spans="8:8">
      <c r="H644812" s="12"/>
    </row>
    <row r="644813" spans="8:8">
      <c r="H644813" s="12"/>
    </row>
    <row r="644814" spans="8:8">
      <c r="H644814" s="12"/>
    </row>
    <row r="644815" spans="8:8">
      <c r="H644815" s="12"/>
    </row>
    <row r="644816" spans="8:8">
      <c r="H644816" s="12"/>
    </row>
    <row r="644817" spans="8:8">
      <c r="H644817" s="12"/>
    </row>
    <row r="644818" spans="8:8">
      <c r="H644818" s="12"/>
    </row>
    <row r="644819" spans="8:8">
      <c r="H644819" s="12"/>
    </row>
    <row r="644820" spans="8:8">
      <c r="H644820" s="12"/>
    </row>
    <row r="644821" spans="8:8">
      <c r="H644821" s="12"/>
    </row>
    <row r="644822" spans="8:8">
      <c r="H644822" s="12"/>
    </row>
    <row r="644823" spans="8:8">
      <c r="H644823" s="12"/>
    </row>
    <row r="644824" spans="8:8">
      <c r="H644824" s="12"/>
    </row>
    <row r="644825" spans="8:8">
      <c r="H644825" s="12"/>
    </row>
    <row r="644826" spans="8:8">
      <c r="H644826" s="12"/>
    </row>
    <row r="644827" spans="8:8">
      <c r="H644827" s="12"/>
    </row>
    <row r="644828" spans="8:8">
      <c r="H644828" s="12"/>
    </row>
    <row r="644829" spans="8:8">
      <c r="H644829" s="12"/>
    </row>
    <row r="644830" spans="8:8">
      <c r="H644830" s="12"/>
    </row>
    <row r="644831" spans="8:8">
      <c r="H644831" s="12"/>
    </row>
    <row r="644832" spans="8:8">
      <c r="H644832" s="12"/>
    </row>
    <row r="644833" spans="8:8">
      <c r="H644833" s="12"/>
    </row>
    <row r="644834" spans="8:8">
      <c r="H644834" s="12"/>
    </row>
    <row r="644835" spans="8:8">
      <c r="H644835" s="12"/>
    </row>
    <row r="644836" spans="8:8">
      <c r="H644836" s="12"/>
    </row>
    <row r="644837" spans="8:8">
      <c r="H644837" s="12"/>
    </row>
    <row r="644838" spans="8:8">
      <c r="H644838" s="12"/>
    </row>
    <row r="644839" spans="8:8">
      <c r="H644839" s="12"/>
    </row>
    <row r="644840" spans="8:8">
      <c r="H644840" s="12"/>
    </row>
    <row r="644841" spans="8:8">
      <c r="H644841" s="12"/>
    </row>
    <row r="644842" spans="8:8">
      <c r="H644842" s="12"/>
    </row>
    <row r="644843" spans="8:8">
      <c r="H644843" s="12"/>
    </row>
    <row r="644844" spans="8:8">
      <c r="H644844" s="12"/>
    </row>
    <row r="644845" spans="8:8">
      <c r="H644845" s="12"/>
    </row>
    <row r="644846" spans="8:8">
      <c r="H644846" s="12"/>
    </row>
    <row r="644847" spans="8:8">
      <c r="H644847" s="12"/>
    </row>
    <row r="644848" spans="8:8">
      <c r="H644848" s="12"/>
    </row>
    <row r="644849" spans="8:8">
      <c r="H644849" s="12"/>
    </row>
    <row r="644850" spans="8:8">
      <c r="H644850" s="12"/>
    </row>
    <row r="644851" spans="8:8">
      <c r="H644851" s="12"/>
    </row>
    <row r="644852" spans="8:8">
      <c r="H644852" s="12"/>
    </row>
    <row r="644853" spans="8:8">
      <c r="H644853" s="12"/>
    </row>
    <row r="644854" spans="8:8">
      <c r="H644854" s="12"/>
    </row>
    <row r="644855" spans="8:8">
      <c r="H644855" s="12"/>
    </row>
    <row r="644856" spans="8:8">
      <c r="H644856" s="12"/>
    </row>
    <row r="644857" spans="8:8">
      <c r="H644857" s="12"/>
    </row>
    <row r="644858" spans="8:8">
      <c r="H644858" s="12"/>
    </row>
    <row r="644859" spans="8:8">
      <c r="H644859" s="12"/>
    </row>
    <row r="644860" spans="8:8">
      <c r="H644860" s="12"/>
    </row>
    <row r="644861" spans="8:8">
      <c r="H644861" s="12"/>
    </row>
    <row r="644862" spans="8:8">
      <c r="H644862" s="12"/>
    </row>
    <row r="644863" spans="8:8">
      <c r="H644863" s="12"/>
    </row>
    <row r="644864" spans="8:8">
      <c r="H644864" s="12"/>
    </row>
    <row r="644865" spans="8:8">
      <c r="H644865" s="12"/>
    </row>
    <row r="644866" spans="8:8">
      <c r="H644866" s="12"/>
    </row>
    <row r="644867" spans="8:8">
      <c r="H644867" s="12"/>
    </row>
    <row r="644868" spans="8:8">
      <c r="H644868" s="12"/>
    </row>
    <row r="644869" spans="8:8">
      <c r="H644869" s="12"/>
    </row>
    <row r="644870" spans="8:8">
      <c r="H644870" s="12"/>
    </row>
    <row r="644871" spans="8:8">
      <c r="H644871" s="12"/>
    </row>
    <row r="644872" spans="8:8">
      <c r="H644872" s="12"/>
    </row>
    <row r="644873" spans="8:8">
      <c r="H644873" s="12"/>
    </row>
    <row r="644874" spans="8:8">
      <c r="H644874" s="12"/>
    </row>
    <row r="644875" spans="8:8">
      <c r="H644875" s="12"/>
    </row>
    <row r="644876" spans="8:8">
      <c r="H644876" s="12"/>
    </row>
    <row r="644877" spans="8:8">
      <c r="H644877" s="12"/>
    </row>
    <row r="644878" spans="8:8">
      <c r="H644878" s="12"/>
    </row>
    <row r="644879" spans="8:8">
      <c r="H644879" s="12"/>
    </row>
    <row r="644880" spans="8:8">
      <c r="H644880" s="12"/>
    </row>
    <row r="644881" spans="8:8">
      <c r="H644881" s="12"/>
    </row>
    <row r="644882" spans="8:8">
      <c r="H644882" s="12"/>
    </row>
    <row r="644883" spans="8:8">
      <c r="H644883" s="12"/>
    </row>
    <row r="644884" spans="8:8">
      <c r="H644884" s="12"/>
    </row>
    <row r="644885" spans="8:8">
      <c r="H644885" s="12"/>
    </row>
    <row r="644886" spans="8:8">
      <c r="H644886" s="12"/>
    </row>
    <row r="644887" spans="8:8">
      <c r="H644887" s="12"/>
    </row>
    <row r="644888" spans="8:8">
      <c r="H644888" s="12"/>
    </row>
    <row r="644889" spans="8:8">
      <c r="H644889" s="12"/>
    </row>
    <row r="644890" spans="8:8">
      <c r="H644890" s="12"/>
    </row>
    <row r="644891" spans="8:8">
      <c r="H644891" s="12"/>
    </row>
    <row r="644892" spans="8:8">
      <c r="H644892" s="12"/>
    </row>
    <row r="644893" spans="8:8">
      <c r="H644893" s="12"/>
    </row>
    <row r="644894" spans="8:8">
      <c r="H644894" s="12"/>
    </row>
    <row r="644895" spans="8:8">
      <c r="H644895" s="12"/>
    </row>
    <row r="644896" spans="8:8">
      <c r="H644896" s="12"/>
    </row>
    <row r="644897" spans="8:8">
      <c r="H644897" s="12"/>
    </row>
    <row r="644898" spans="8:8">
      <c r="H644898" s="12"/>
    </row>
    <row r="644899" spans="8:8">
      <c r="H644899" s="12"/>
    </row>
    <row r="644900" spans="8:8">
      <c r="H644900" s="12"/>
    </row>
    <row r="644901" spans="8:8">
      <c r="H644901" s="12"/>
    </row>
    <row r="644902" spans="8:8">
      <c r="H644902" s="12"/>
    </row>
    <row r="644903" spans="8:8">
      <c r="H644903" s="12"/>
    </row>
    <row r="644904" spans="8:8">
      <c r="H644904" s="12"/>
    </row>
    <row r="644905" spans="8:8">
      <c r="H644905" s="12"/>
    </row>
    <row r="644906" spans="8:8">
      <c r="H644906" s="12"/>
    </row>
    <row r="644907" spans="8:8">
      <c r="H644907" s="12"/>
    </row>
    <row r="644908" spans="8:8">
      <c r="H644908" s="12"/>
    </row>
    <row r="644909" spans="8:8">
      <c r="H644909" s="12"/>
    </row>
    <row r="644910" spans="8:8">
      <c r="H644910" s="12"/>
    </row>
    <row r="644911" spans="8:8">
      <c r="H644911" s="12"/>
    </row>
    <row r="644912" spans="8:8">
      <c r="H644912" s="12"/>
    </row>
    <row r="644913" spans="8:8">
      <c r="H644913" s="12"/>
    </row>
    <row r="644914" spans="8:8">
      <c r="H644914" s="12"/>
    </row>
    <row r="644915" spans="8:8">
      <c r="H644915" s="12"/>
    </row>
    <row r="644916" spans="8:8">
      <c r="H644916" s="12"/>
    </row>
    <row r="644917" spans="8:8">
      <c r="H644917" s="12"/>
    </row>
    <row r="644918" spans="8:8">
      <c r="H644918" s="12"/>
    </row>
    <row r="644919" spans="8:8">
      <c r="H644919" s="12"/>
    </row>
    <row r="644920" spans="8:8">
      <c r="H644920" s="12"/>
    </row>
    <row r="644921" spans="8:8">
      <c r="H644921" s="12"/>
    </row>
    <row r="644922" spans="8:8">
      <c r="H644922" s="12"/>
    </row>
    <row r="644923" spans="8:8">
      <c r="H644923" s="12"/>
    </row>
    <row r="644924" spans="8:8">
      <c r="H644924" s="12"/>
    </row>
    <row r="644925" spans="8:8">
      <c r="H644925" s="12"/>
    </row>
    <row r="644926" spans="8:8">
      <c r="H644926" s="12"/>
    </row>
    <row r="644927" spans="8:8">
      <c r="H644927" s="12"/>
    </row>
    <row r="644928" spans="8:8">
      <c r="H644928" s="12"/>
    </row>
    <row r="644929" spans="8:8">
      <c r="H644929" s="12"/>
    </row>
    <row r="644930" spans="8:8">
      <c r="H644930" s="12"/>
    </row>
    <row r="644931" spans="8:8">
      <c r="H644931" s="12"/>
    </row>
    <row r="644932" spans="8:8">
      <c r="H644932" s="12"/>
    </row>
    <row r="644933" spans="8:8">
      <c r="H644933" s="12"/>
    </row>
    <row r="644934" spans="8:8">
      <c r="H644934" s="12"/>
    </row>
    <row r="644935" spans="8:8">
      <c r="H644935" s="12"/>
    </row>
    <row r="644936" spans="8:8">
      <c r="H644936" s="12"/>
    </row>
    <row r="644937" spans="8:8">
      <c r="H644937" s="12"/>
    </row>
    <row r="644938" spans="8:8">
      <c r="H644938" s="12"/>
    </row>
    <row r="644939" spans="8:8">
      <c r="H644939" s="12"/>
    </row>
    <row r="644940" spans="8:8">
      <c r="H644940" s="12"/>
    </row>
    <row r="644941" spans="8:8">
      <c r="H644941" s="12"/>
    </row>
    <row r="644942" spans="8:8">
      <c r="H644942" s="12"/>
    </row>
    <row r="644943" spans="8:8">
      <c r="H644943" s="12"/>
    </row>
    <row r="644944" spans="8:8">
      <c r="H644944" s="12"/>
    </row>
    <row r="644945" spans="8:8">
      <c r="H644945" s="12"/>
    </row>
    <row r="644946" spans="8:8">
      <c r="H644946" s="12"/>
    </row>
    <row r="644947" spans="8:8">
      <c r="H644947" s="12"/>
    </row>
    <row r="644948" spans="8:8">
      <c r="H644948" s="12"/>
    </row>
    <row r="644949" spans="8:8">
      <c r="H644949" s="12"/>
    </row>
    <row r="644950" spans="8:8">
      <c r="H644950" s="12"/>
    </row>
    <row r="644951" spans="8:8">
      <c r="H644951" s="12"/>
    </row>
    <row r="644952" spans="8:8">
      <c r="H644952" s="12"/>
    </row>
    <row r="644953" spans="8:8">
      <c r="H644953" s="12"/>
    </row>
    <row r="644954" spans="8:8">
      <c r="H644954" s="12"/>
    </row>
    <row r="644955" spans="8:8">
      <c r="H644955" s="12"/>
    </row>
    <row r="644956" spans="8:8">
      <c r="H644956" s="12"/>
    </row>
    <row r="644957" spans="8:8">
      <c r="H644957" s="12"/>
    </row>
    <row r="644958" spans="8:8">
      <c r="H644958" s="12"/>
    </row>
    <row r="644959" spans="8:8">
      <c r="H644959" s="12"/>
    </row>
    <row r="644960" spans="8:8">
      <c r="H644960" s="12"/>
    </row>
    <row r="644961" spans="8:8">
      <c r="H644961" s="12"/>
    </row>
    <row r="644962" spans="8:8">
      <c r="H644962" s="12"/>
    </row>
    <row r="644963" spans="8:8">
      <c r="H644963" s="12"/>
    </row>
    <row r="644964" spans="8:8">
      <c r="H644964" s="12"/>
    </row>
    <row r="644965" spans="8:8">
      <c r="H644965" s="12"/>
    </row>
    <row r="644966" spans="8:8">
      <c r="H644966" s="12"/>
    </row>
    <row r="644967" spans="8:8">
      <c r="H644967" s="12"/>
    </row>
    <row r="644968" spans="8:8">
      <c r="H644968" s="12"/>
    </row>
    <row r="644969" spans="8:8">
      <c r="H644969" s="12"/>
    </row>
    <row r="644970" spans="8:8">
      <c r="H644970" s="12"/>
    </row>
    <row r="644971" spans="8:8">
      <c r="H644971" s="12"/>
    </row>
    <row r="644972" spans="8:8">
      <c r="H644972" s="12"/>
    </row>
    <row r="644973" spans="8:8">
      <c r="H644973" s="12"/>
    </row>
    <row r="644974" spans="8:8">
      <c r="H644974" s="12"/>
    </row>
    <row r="644975" spans="8:8">
      <c r="H644975" s="12"/>
    </row>
    <row r="644976" spans="8:8">
      <c r="H644976" s="12"/>
    </row>
    <row r="644977" spans="8:8">
      <c r="H644977" s="12"/>
    </row>
    <row r="644978" spans="8:8">
      <c r="H644978" s="12"/>
    </row>
    <row r="644979" spans="8:8">
      <c r="H644979" s="12"/>
    </row>
    <row r="644980" spans="8:8">
      <c r="H644980" s="12"/>
    </row>
    <row r="644981" spans="8:8">
      <c r="H644981" s="12"/>
    </row>
    <row r="644982" spans="8:8">
      <c r="H644982" s="12"/>
    </row>
    <row r="644983" spans="8:8">
      <c r="H644983" s="12"/>
    </row>
    <row r="644984" spans="8:8">
      <c r="H644984" s="12"/>
    </row>
    <row r="644985" spans="8:8">
      <c r="H644985" s="12"/>
    </row>
    <row r="644986" spans="8:8">
      <c r="H644986" s="12"/>
    </row>
    <row r="644987" spans="8:8">
      <c r="H644987" s="12"/>
    </row>
    <row r="644988" spans="8:8">
      <c r="H644988" s="12"/>
    </row>
    <row r="644989" spans="8:8">
      <c r="H644989" s="12"/>
    </row>
    <row r="644990" spans="8:8">
      <c r="H644990" s="12"/>
    </row>
    <row r="644991" spans="8:8">
      <c r="H644991" s="12"/>
    </row>
    <row r="644992" spans="8:8">
      <c r="H644992" s="12"/>
    </row>
    <row r="644993" spans="8:8">
      <c r="H644993" s="12"/>
    </row>
    <row r="644994" spans="8:8">
      <c r="H644994" s="12"/>
    </row>
    <row r="644995" spans="8:8">
      <c r="H644995" s="12"/>
    </row>
    <row r="644996" spans="8:8">
      <c r="H644996" s="12"/>
    </row>
    <row r="644997" spans="8:8">
      <c r="H644997" s="12"/>
    </row>
    <row r="644998" spans="8:8">
      <c r="H644998" s="12"/>
    </row>
    <row r="644999" spans="8:8">
      <c r="H644999" s="12"/>
    </row>
    <row r="645000" spans="8:8">
      <c r="H645000" s="12"/>
    </row>
    <row r="645001" spans="8:8">
      <c r="H645001" s="12"/>
    </row>
    <row r="645002" spans="8:8">
      <c r="H645002" s="12"/>
    </row>
    <row r="645003" spans="8:8">
      <c r="H645003" s="12"/>
    </row>
    <row r="645004" spans="8:8">
      <c r="H645004" s="12"/>
    </row>
    <row r="645005" spans="8:8">
      <c r="H645005" s="12"/>
    </row>
    <row r="645006" spans="8:8">
      <c r="H645006" s="12"/>
    </row>
    <row r="645007" spans="8:8">
      <c r="H645007" s="12"/>
    </row>
    <row r="645008" spans="8:8">
      <c r="H645008" s="12"/>
    </row>
    <row r="645009" spans="8:8">
      <c r="H645009" s="12"/>
    </row>
    <row r="645010" spans="8:8">
      <c r="H645010" s="12"/>
    </row>
    <row r="645011" spans="8:8">
      <c r="H645011" s="12"/>
    </row>
    <row r="645012" spans="8:8">
      <c r="H645012" s="12"/>
    </row>
    <row r="645013" spans="8:8">
      <c r="H645013" s="12"/>
    </row>
    <row r="645014" spans="8:8">
      <c r="H645014" s="12"/>
    </row>
    <row r="645015" spans="8:8">
      <c r="H645015" s="12"/>
    </row>
    <row r="645016" spans="8:8">
      <c r="H645016" s="12"/>
    </row>
    <row r="645017" spans="8:8">
      <c r="H645017" s="12"/>
    </row>
    <row r="645018" spans="8:8">
      <c r="H645018" s="12"/>
    </row>
    <row r="645019" spans="8:8">
      <c r="H645019" s="12"/>
    </row>
    <row r="645020" spans="8:8">
      <c r="H645020" s="12"/>
    </row>
    <row r="645021" spans="8:8">
      <c r="H645021" s="12"/>
    </row>
    <row r="645022" spans="8:8">
      <c r="H645022" s="12"/>
    </row>
    <row r="645023" spans="8:8">
      <c r="H645023" s="12"/>
    </row>
    <row r="645024" spans="8:8">
      <c r="H645024" s="12"/>
    </row>
    <row r="645025" spans="8:8">
      <c r="H645025" s="12"/>
    </row>
    <row r="645026" spans="8:8">
      <c r="H645026" s="12"/>
    </row>
    <row r="645027" spans="8:8">
      <c r="H645027" s="12"/>
    </row>
    <row r="645028" spans="8:8">
      <c r="H645028" s="12"/>
    </row>
    <row r="645029" spans="8:8">
      <c r="H645029" s="12"/>
    </row>
    <row r="645030" spans="8:8">
      <c r="H645030" s="12"/>
    </row>
    <row r="645031" spans="8:8">
      <c r="H645031" s="12"/>
    </row>
    <row r="645032" spans="8:8">
      <c r="H645032" s="12"/>
    </row>
    <row r="645033" spans="8:8">
      <c r="H645033" s="12"/>
    </row>
    <row r="645034" spans="8:8">
      <c r="H645034" s="12"/>
    </row>
    <row r="645035" spans="8:8">
      <c r="H645035" s="12"/>
    </row>
    <row r="645036" spans="8:8">
      <c r="H645036" s="12"/>
    </row>
    <row r="645037" spans="8:8">
      <c r="H645037" s="12"/>
    </row>
    <row r="645038" spans="8:8">
      <c r="H645038" s="12"/>
    </row>
    <row r="645039" spans="8:8">
      <c r="H645039" s="12"/>
    </row>
    <row r="645040" spans="8:8">
      <c r="H645040" s="12"/>
    </row>
    <row r="645041" spans="8:8">
      <c r="H645041" s="12"/>
    </row>
    <row r="645042" spans="8:8">
      <c r="H645042" s="12"/>
    </row>
    <row r="645043" spans="8:8">
      <c r="H645043" s="12"/>
    </row>
    <row r="645044" spans="8:8">
      <c r="H645044" s="12"/>
    </row>
    <row r="645045" spans="8:8">
      <c r="H645045" s="12"/>
    </row>
    <row r="645046" spans="8:8">
      <c r="H645046" s="12"/>
    </row>
    <row r="645047" spans="8:8">
      <c r="H645047" s="12"/>
    </row>
    <row r="645048" spans="8:8">
      <c r="H645048" s="12"/>
    </row>
    <row r="645049" spans="8:8">
      <c r="H645049" s="12"/>
    </row>
    <row r="645050" spans="8:8">
      <c r="H645050" s="12"/>
    </row>
    <row r="645051" spans="8:8">
      <c r="H645051" s="12"/>
    </row>
    <row r="645052" spans="8:8">
      <c r="H645052" s="12"/>
    </row>
    <row r="645053" spans="8:8">
      <c r="H645053" s="12"/>
    </row>
    <row r="645054" spans="8:8">
      <c r="H645054" s="12"/>
    </row>
    <row r="645055" spans="8:8">
      <c r="H645055" s="12"/>
    </row>
    <row r="645056" spans="8:8">
      <c r="H645056" s="12"/>
    </row>
    <row r="645057" spans="8:8">
      <c r="H645057" s="12"/>
    </row>
    <row r="645058" spans="8:8">
      <c r="H645058" s="12"/>
    </row>
    <row r="645059" spans="8:8">
      <c r="H645059" s="12"/>
    </row>
    <row r="645060" spans="8:8">
      <c r="H645060" s="12"/>
    </row>
    <row r="645061" spans="8:8">
      <c r="H645061" s="12"/>
    </row>
    <row r="645062" spans="8:8">
      <c r="H645062" s="12"/>
    </row>
    <row r="645063" spans="8:8">
      <c r="H645063" s="12"/>
    </row>
    <row r="645064" spans="8:8">
      <c r="H645064" s="12"/>
    </row>
    <row r="645065" spans="8:8">
      <c r="H645065" s="12"/>
    </row>
    <row r="645066" spans="8:8">
      <c r="H645066" s="12"/>
    </row>
    <row r="645067" spans="8:8">
      <c r="H645067" s="12"/>
    </row>
    <row r="645068" spans="8:8">
      <c r="H645068" s="12"/>
    </row>
    <row r="645069" spans="8:8">
      <c r="H645069" s="12"/>
    </row>
    <row r="645070" spans="8:8">
      <c r="H645070" s="12"/>
    </row>
    <row r="645071" spans="8:8">
      <c r="H645071" s="12"/>
    </row>
    <row r="645072" spans="8:8">
      <c r="H645072" s="12"/>
    </row>
    <row r="645073" spans="8:8">
      <c r="H645073" s="12"/>
    </row>
    <row r="645074" spans="8:8">
      <c r="H645074" s="12"/>
    </row>
    <row r="645075" spans="8:8">
      <c r="H645075" s="12"/>
    </row>
    <row r="645076" spans="8:8">
      <c r="H645076" s="12"/>
    </row>
    <row r="645077" spans="8:8">
      <c r="H645077" s="12"/>
    </row>
    <row r="645078" spans="8:8">
      <c r="H645078" s="12"/>
    </row>
    <row r="645079" spans="8:8">
      <c r="H645079" s="12"/>
    </row>
    <row r="645080" spans="8:8">
      <c r="H645080" s="12"/>
    </row>
    <row r="645081" spans="8:8">
      <c r="H645081" s="12"/>
    </row>
    <row r="645082" spans="8:8">
      <c r="H645082" s="12"/>
    </row>
    <row r="645083" spans="8:8">
      <c r="H645083" s="12"/>
    </row>
    <row r="645084" spans="8:8">
      <c r="H645084" s="12"/>
    </row>
    <row r="645085" spans="8:8">
      <c r="H645085" s="12"/>
    </row>
    <row r="645086" spans="8:8">
      <c r="H645086" s="12"/>
    </row>
    <row r="645087" spans="8:8">
      <c r="H645087" s="12"/>
    </row>
    <row r="645088" spans="8:8">
      <c r="H645088" s="12"/>
    </row>
    <row r="645089" spans="8:8">
      <c r="H645089" s="12"/>
    </row>
    <row r="645090" spans="8:8">
      <c r="H645090" s="12"/>
    </row>
    <row r="645091" spans="8:8">
      <c r="H645091" s="12"/>
    </row>
    <row r="645092" spans="8:8">
      <c r="H645092" s="12"/>
    </row>
    <row r="645093" spans="8:8">
      <c r="H645093" s="12"/>
    </row>
    <row r="645094" spans="8:8">
      <c r="H645094" s="12"/>
    </row>
    <row r="645095" spans="8:8">
      <c r="H645095" s="12"/>
    </row>
    <row r="645096" spans="8:8">
      <c r="H645096" s="12"/>
    </row>
    <row r="645097" spans="8:8">
      <c r="H645097" s="12"/>
    </row>
    <row r="645098" spans="8:8">
      <c r="H645098" s="12"/>
    </row>
    <row r="645099" spans="8:8">
      <c r="H645099" s="12"/>
    </row>
    <row r="645100" spans="8:8">
      <c r="H645100" s="12"/>
    </row>
    <row r="645101" spans="8:8">
      <c r="H645101" s="12"/>
    </row>
    <row r="645102" spans="8:8">
      <c r="H645102" s="12"/>
    </row>
    <row r="645103" spans="8:8">
      <c r="H645103" s="12"/>
    </row>
    <row r="645104" spans="8:8">
      <c r="H645104" s="12"/>
    </row>
    <row r="645105" spans="8:8">
      <c r="H645105" s="12"/>
    </row>
    <row r="645106" spans="8:8">
      <c r="H645106" s="12"/>
    </row>
    <row r="645107" spans="8:8">
      <c r="H645107" s="12"/>
    </row>
    <row r="645108" spans="8:8">
      <c r="H645108" s="12"/>
    </row>
    <row r="645109" spans="8:8">
      <c r="H645109" s="12"/>
    </row>
    <row r="645110" spans="8:8">
      <c r="H645110" s="12"/>
    </row>
    <row r="645111" spans="8:8">
      <c r="H645111" s="12"/>
    </row>
    <row r="645112" spans="8:8">
      <c r="H645112" s="12"/>
    </row>
    <row r="645113" spans="8:8">
      <c r="H645113" s="12"/>
    </row>
    <row r="645114" spans="8:8">
      <c r="H645114" s="12"/>
    </row>
    <row r="645115" spans="8:8">
      <c r="H645115" s="12"/>
    </row>
    <row r="645116" spans="8:8">
      <c r="H645116" s="12"/>
    </row>
    <row r="645117" spans="8:8">
      <c r="H645117" s="12"/>
    </row>
    <row r="645118" spans="8:8">
      <c r="H645118" s="12"/>
    </row>
    <row r="645119" spans="8:8">
      <c r="H645119" s="12"/>
    </row>
    <row r="645120" spans="8:8">
      <c r="H645120" s="12"/>
    </row>
    <row r="645121" spans="8:8">
      <c r="H645121" s="12"/>
    </row>
    <row r="645122" spans="8:8">
      <c r="H645122" s="12"/>
    </row>
    <row r="645123" spans="8:8">
      <c r="H645123" s="12"/>
    </row>
    <row r="645124" spans="8:8">
      <c r="H645124" s="12"/>
    </row>
    <row r="645125" spans="8:8">
      <c r="H645125" s="12"/>
    </row>
    <row r="645126" spans="8:8">
      <c r="H645126" s="12"/>
    </row>
    <row r="645127" spans="8:8">
      <c r="H645127" s="12"/>
    </row>
    <row r="645128" spans="8:8">
      <c r="H645128" s="12"/>
    </row>
    <row r="645129" spans="8:8">
      <c r="H645129" s="12"/>
    </row>
    <row r="645130" spans="8:8">
      <c r="H645130" s="12"/>
    </row>
    <row r="645131" spans="8:8">
      <c r="H645131" s="12"/>
    </row>
    <row r="645132" spans="8:8">
      <c r="H645132" s="12"/>
    </row>
    <row r="645133" spans="8:8">
      <c r="H645133" s="12"/>
    </row>
    <row r="645134" spans="8:8">
      <c r="H645134" s="12"/>
    </row>
    <row r="645135" spans="8:8">
      <c r="H645135" s="12"/>
    </row>
    <row r="645136" spans="8:8">
      <c r="H645136" s="12"/>
    </row>
    <row r="645137" spans="8:8">
      <c r="H645137" s="12"/>
    </row>
    <row r="645138" spans="8:8">
      <c r="H645138" s="12"/>
    </row>
    <row r="645139" spans="8:8">
      <c r="H645139" s="12"/>
    </row>
    <row r="645140" spans="8:8">
      <c r="H645140" s="12"/>
    </row>
    <row r="645141" spans="8:8">
      <c r="H645141" s="12"/>
    </row>
    <row r="645142" spans="8:8">
      <c r="H645142" s="12"/>
    </row>
    <row r="645143" spans="8:8">
      <c r="H645143" s="12"/>
    </row>
    <row r="645144" spans="8:8">
      <c r="H645144" s="12"/>
    </row>
    <row r="645145" spans="8:8">
      <c r="H645145" s="12"/>
    </row>
    <row r="645146" spans="8:8">
      <c r="H645146" s="12"/>
    </row>
    <row r="645147" spans="8:8">
      <c r="H645147" s="12"/>
    </row>
    <row r="645148" spans="8:8">
      <c r="H645148" s="12"/>
    </row>
    <row r="645149" spans="8:8">
      <c r="H645149" s="12"/>
    </row>
    <row r="645150" spans="8:8">
      <c r="H645150" s="12"/>
    </row>
    <row r="645151" spans="8:8">
      <c r="H645151" s="12"/>
    </row>
    <row r="645152" spans="8:8">
      <c r="H645152" s="12"/>
    </row>
    <row r="645153" spans="8:8">
      <c r="H645153" s="12"/>
    </row>
    <row r="645154" spans="8:8">
      <c r="H645154" s="12"/>
    </row>
    <row r="645155" spans="8:8">
      <c r="H645155" s="12"/>
    </row>
    <row r="645156" spans="8:8">
      <c r="H645156" s="12"/>
    </row>
    <row r="645157" spans="8:8">
      <c r="H645157" s="12"/>
    </row>
    <row r="645158" spans="8:8">
      <c r="H645158" s="12"/>
    </row>
    <row r="645159" spans="8:8">
      <c r="H645159" s="12"/>
    </row>
    <row r="645160" spans="8:8">
      <c r="H645160" s="12"/>
    </row>
    <row r="645161" spans="8:8">
      <c r="H645161" s="12"/>
    </row>
    <row r="645162" spans="8:8">
      <c r="H645162" s="12"/>
    </row>
    <row r="645163" spans="8:8">
      <c r="H645163" s="12"/>
    </row>
    <row r="645164" spans="8:8">
      <c r="H645164" s="12"/>
    </row>
    <row r="645165" spans="8:8">
      <c r="H645165" s="12"/>
    </row>
    <row r="645166" spans="8:8">
      <c r="H645166" s="12"/>
    </row>
    <row r="645167" spans="8:8">
      <c r="H645167" s="12"/>
    </row>
    <row r="645168" spans="8:8">
      <c r="H645168" s="12"/>
    </row>
    <row r="645169" spans="8:8">
      <c r="H645169" s="12"/>
    </row>
    <row r="645170" spans="8:8">
      <c r="H645170" s="12"/>
    </row>
    <row r="645171" spans="8:8">
      <c r="H645171" s="12"/>
    </row>
    <row r="645172" spans="8:8">
      <c r="H645172" s="12"/>
    </row>
    <row r="645173" spans="8:8">
      <c r="H645173" s="12"/>
    </row>
    <row r="645174" spans="8:8">
      <c r="H645174" s="12"/>
    </row>
    <row r="645175" spans="8:8">
      <c r="H645175" s="12"/>
    </row>
    <row r="645176" spans="8:8">
      <c r="H645176" s="12"/>
    </row>
    <row r="645177" spans="8:8">
      <c r="H645177" s="12"/>
    </row>
    <row r="645178" spans="8:8">
      <c r="H645178" s="12"/>
    </row>
    <row r="645179" spans="8:8">
      <c r="H645179" s="12"/>
    </row>
    <row r="645180" spans="8:8">
      <c r="H645180" s="12"/>
    </row>
    <row r="645181" spans="8:8">
      <c r="H645181" s="12"/>
    </row>
    <row r="645182" spans="8:8">
      <c r="H645182" s="12"/>
    </row>
    <row r="645183" spans="8:8">
      <c r="H645183" s="12"/>
    </row>
    <row r="645184" spans="8:8">
      <c r="H645184" s="12"/>
    </row>
    <row r="645185" spans="8:8">
      <c r="H645185" s="12"/>
    </row>
    <row r="645186" spans="8:8">
      <c r="H645186" s="12"/>
    </row>
    <row r="645187" spans="8:8">
      <c r="H645187" s="12"/>
    </row>
    <row r="645188" spans="8:8">
      <c r="H645188" s="12"/>
    </row>
    <row r="645189" spans="8:8">
      <c r="H645189" s="12"/>
    </row>
    <row r="645190" spans="8:8">
      <c r="H645190" s="12"/>
    </row>
    <row r="645191" spans="8:8">
      <c r="H645191" s="12"/>
    </row>
    <row r="645192" spans="8:8">
      <c r="H645192" s="12"/>
    </row>
    <row r="645193" spans="8:8">
      <c r="H645193" s="12"/>
    </row>
    <row r="645194" spans="8:8">
      <c r="H645194" s="12"/>
    </row>
    <row r="645195" spans="8:8">
      <c r="H645195" s="12"/>
    </row>
    <row r="645196" spans="8:8">
      <c r="H645196" s="12"/>
    </row>
    <row r="645197" spans="8:8">
      <c r="H645197" s="12"/>
    </row>
    <row r="645198" spans="8:8">
      <c r="H645198" s="12"/>
    </row>
    <row r="645199" spans="8:8">
      <c r="H645199" s="12"/>
    </row>
    <row r="645200" spans="8:8">
      <c r="H645200" s="12"/>
    </row>
    <row r="645201" spans="8:8">
      <c r="H645201" s="12"/>
    </row>
    <row r="645202" spans="8:8">
      <c r="H645202" s="12"/>
    </row>
    <row r="645203" spans="8:8">
      <c r="H645203" s="12"/>
    </row>
    <row r="645204" spans="8:8">
      <c r="H645204" s="12"/>
    </row>
    <row r="645205" spans="8:8">
      <c r="H645205" s="12"/>
    </row>
    <row r="645206" spans="8:8">
      <c r="H645206" s="12"/>
    </row>
    <row r="645207" spans="8:8">
      <c r="H645207" s="12"/>
    </row>
    <row r="645208" spans="8:8">
      <c r="H645208" s="12"/>
    </row>
    <row r="645209" spans="8:8">
      <c r="H645209" s="12"/>
    </row>
    <row r="645210" spans="8:8">
      <c r="H645210" s="12"/>
    </row>
    <row r="645211" spans="8:8">
      <c r="H645211" s="12"/>
    </row>
    <row r="645212" spans="8:8">
      <c r="H645212" s="12"/>
    </row>
    <row r="645213" spans="8:8">
      <c r="H645213" s="12"/>
    </row>
    <row r="645214" spans="8:8">
      <c r="H645214" s="12"/>
    </row>
    <row r="645215" spans="8:8">
      <c r="H645215" s="12"/>
    </row>
    <row r="645216" spans="8:8">
      <c r="H645216" s="12"/>
    </row>
    <row r="645217" spans="8:8">
      <c r="H645217" s="12"/>
    </row>
    <row r="645218" spans="8:8">
      <c r="H645218" s="12"/>
    </row>
    <row r="645219" spans="8:8">
      <c r="H645219" s="12"/>
    </row>
    <row r="645220" spans="8:8">
      <c r="H645220" s="12"/>
    </row>
    <row r="645221" spans="8:8">
      <c r="H645221" s="12"/>
    </row>
    <row r="645222" spans="8:8">
      <c r="H645222" s="12"/>
    </row>
    <row r="645223" spans="8:8">
      <c r="H645223" s="12"/>
    </row>
    <row r="645224" spans="8:8">
      <c r="H645224" s="12"/>
    </row>
    <row r="645225" spans="8:8">
      <c r="H645225" s="12"/>
    </row>
    <row r="645226" spans="8:8">
      <c r="H645226" s="12"/>
    </row>
    <row r="645227" spans="8:8">
      <c r="H645227" s="12"/>
    </row>
    <row r="645228" spans="8:8">
      <c r="H645228" s="12"/>
    </row>
    <row r="645229" spans="8:8">
      <c r="H645229" s="12"/>
    </row>
    <row r="645230" spans="8:8">
      <c r="H645230" s="12"/>
    </row>
    <row r="645231" spans="8:8">
      <c r="H645231" s="12"/>
    </row>
    <row r="645232" spans="8:8">
      <c r="H645232" s="12"/>
    </row>
    <row r="645233" spans="8:8">
      <c r="H645233" s="12"/>
    </row>
    <row r="645234" spans="8:8">
      <c r="H645234" s="12"/>
    </row>
    <row r="645235" spans="8:8">
      <c r="H645235" s="12"/>
    </row>
    <row r="645236" spans="8:8">
      <c r="H645236" s="12"/>
    </row>
    <row r="645237" spans="8:8">
      <c r="H645237" s="12"/>
    </row>
    <row r="645238" spans="8:8">
      <c r="H645238" s="12"/>
    </row>
    <row r="645239" spans="8:8">
      <c r="H645239" s="12"/>
    </row>
    <row r="645240" spans="8:8">
      <c r="H645240" s="12"/>
    </row>
    <row r="645241" spans="8:8">
      <c r="H645241" s="12"/>
    </row>
    <row r="645242" spans="8:8">
      <c r="H645242" s="12"/>
    </row>
    <row r="645243" spans="8:8">
      <c r="H645243" s="12"/>
    </row>
    <row r="645244" spans="8:8">
      <c r="H645244" s="12"/>
    </row>
    <row r="645245" spans="8:8">
      <c r="H645245" s="12"/>
    </row>
    <row r="645246" spans="8:8">
      <c r="H645246" s="12"/>
    </row>
    <row r="645247" spans="8:8">
      <c r="H645247" s="12"/>
    </row>
    <row r="645248" spans="8:8">
      <c r="H645248" s="12"/>
    </row>
    <row r="645249" spans="8:8">
      <c r="H645249" s="12"/>
    </row>
    <row r="645250" spans="8:8">
      <c r="H645250" s="12"/>
    </row>
    <row r="645251" spans="8:8">
      <c r="H645251" s="12"/>
    </row>
    <row r="645252" spans="8:8">
      <c r="H645252" s="12"/>
    </row>
    <row r="645253" spans="8:8">
      <c r="H645253" s="12"/>
    </row>
    <row r="645254" spans="8:8">
      <c r="H645254" s="12"/>
    </row>
    <row r="645255" spans="8:8">
      <c r="H645255" s="12"/>
    </row>
    <row r="645256" spans="8:8">
      <c r="H645256" s="12"/>
    </row>
    <row r="645257" spans="8:8">
      <c r="H645257" s="12"/>
    </row>
    <row r="645258" spans="8:8">
      <c r="H645258" s="12"/>
    </row>
    <row r="645259" spans="8:8">
      <c r="H645259" s="12"/>
    </row>
    <row r="645260" spans="8:8">
      <c r="H645260" s="12"/>
    </row>
    <row r="645261" spans="8:8">
      <c r="H645261" s="12"/>
    </row>
    <row r="645262" spans="8:8">
      <c r="H645262" s="12"/>
    </row>
    <row r="645263" spans="8:8">
      <c r="H645263" s="12"/>
    </row>
    <row r="645264" spans="8:8">
      <c r="H645264" s="12"/>
    </row>
    <row r="645265" spans="8:8">
      <c r="H645265" s="12"/>
    </row>
    <row r="645266" spans="8:8">
      <c r="H645266" s="12"/>
    </row>
    <row r="645267" spans="8:8">
      <c r="H645267" s="12"/>
    </row>
    <row r="645268" spans="8:8">
      <c r="H645268" s="12"/>
    </row>
    <row r="645269" spans="8:8">
      <c r="H645269" s="12"/>
    </row>
    <row r="645270" spans="8:8">
      <c r="H645270" s="12"/>
    </row>
    <row r="645271" spans="8:8">
      <c r="H645271" s="12"/>
    </row>
    <row r="645272" spans="8:8">
      <c r="H645272" s="12"/>
    </row>
    <row r="645273" spans="8:8">
      <c r="H645273" s="12"/>
    </row>
    <row r="645274" spans="8:8">
      <c r="H645274" s="12"/>
    </row>
    <row r="645275" spans="8:8">
      <c r="H645275" s="12"/>
    </row>
    <row r="645276" spans="8:8">
      <c r="H645276" s="12"/>
    </row>
    <row r="645277" spans="8:8">
      <c r="H645277" s="12"/>
    </row>
    <row r="645278" spans="8:8">
      <c r="H645278" s="12"/>
    </row>
    <row r="645279" spans="8:8">
      <c r="H645279" s="12"/>
    </row>
    <row r="645280" spans="8:8">
      <c r="H645280" s="12"/>
    </row>
    <row r="645281" spans="8:8">
      <c r="H645281" s="12"/>
    </row>
    <row r="645282" spans="8:8">
      <c r="H645282" s="12"/>
    </row>
    <row r="645283" spans="8:8">
      <c r="H645283" s="12"/>
    </row>
    <row r="645284" spans="8:8">
      <c r="H645284" s="12"/>
    </row>
    <row r="645285" spans="8:8">
      <c r="H645285" s="12"/>
    </row>
    <row r="645286" spans="8:8">
      <c r="H645286" s="12"/>
    </row>
    <row r="645287" spans="8:8">
      <c r="H645287" s="12"/>
    </row>
    <row r="645288" spans="8:8">
      <c r="H645288" s="12"/>
    </row>
    <row r="645289" spans="8:8">
      <c r="H645289" s="12"/>
    </row>
    <row r="645290" spans="8:8">
      <c r="H645290" s="12"/>
    </row>
    <row r="645291" spans="8:8">
      <c r="H645291" s="12"/>
    </row>
    <row r="645292" spans="8:8">
      <c r="H645292" s="12"/>
    </row>
    <row r="645293" spans="8:8">
      <c r="H645293" s="12"/>
    </row>
    <row r="645294" spans="8:8">
      <c r="H645294" s="12"/>
    </row>
    <row r="645295" spans="8:8">
      <c r="H645295" s="12"/>
    </row>
    <row r="645296" spans="8:8">
      <c r="H645296" s="12"/>
    </row>
    <row r="645297" spans="8:8">
      <c r="H645297" s="12"/>
    </row>
    <row r="645298" spans="8:8">
      <c r="H645298" s="12"/>
    </row>
    <row r="645299" spans="8:8">
      <c r="H645299" s="12"/>
    </row>
    <row r="645300" spans="8:8">
      <c r="H645300" s="12"/>
    </row>
    <row r="645301" spans="8:8">
      <c r="H645301" s="12"/>
    </row>
    <row r="645302" spans="8:8">
      <c r="H645302" s="12"/>
    </row>
    <row r="645303" spans="8:8">
      <c r="H645303" s="12"/>
    </row>
    <row r="645304" spans="8:8">
      <c r="H645304" s="12"/>
    </row>
    <row r="645305" spans="8:8">
      <c r="H645305" s="12"/>
    </row>
    <row r="645306" spans="8:8">
      <c r="H645306" s="12"/>
    </row>
    <row r="645307" spans="8:8">
      <c r="H645307" s="12"/>
    </row>
    <row r="645308" spans="8:8">
      <c r="H645308" s="12"/>
    </row>
    <row r="645309" spans="8:8">
      <c r="H645309" s="12"/>
    </row>
    <row r="645310" spans="8:8">
      <c r="H645310" s="12"/>
    </row>
    <row r="645311" spans="8:8">
      <c r="H645311" s="12"/>
    </row>
    <row r="645312" spans="8:8">
      <c r="H645312" s="12"/>
    </row>
    <row r="645313" spans="8:8">
      <c r="H645313" s="12"/>
    </row>
    <row r="645314" spans="8:8">
      <c r="H645314" s="12"/>
    </row>
    <row r="645315" spans="8:8">
      <c r="H645315" s="12"/>
    </row>
    <row r="645316" spans="8:8">
      <c r="H645316" s="12"/>
    </row>
    <row r="645317" spans="8:8">
      <c r="H645317" s="12"/>
    </row>
    <row r="645318" spans="8:8">
      <c r="H645318" s="12"/>
    </row>
    <row r="645319" spans="8:8">
      <c r="H645319" s="12"/>
    </row>
    <row r="645320" spans="8:8">
      <c r="H645320" s="12"/>
    </row>
    <row r="645321" spans="8:8">
      <c r="H645321" s="12"/>
    </row>
    <row r="645322" spans="8:8">
      <c r="H645322" s="12"/>
    </row>
    <row r="645323" spans="8:8">
      <c r="H645323" s="12"/>
    </row>
    <row r="645324" spans="8:8">
      <c r="H645324" s="12"/>
    </row>
    <row r="645325" spans="8:8">
      <c r="H645325" s="12"/>
    </row>
    <row r="645326" spans="8:8">
      <c r="H645326" s="12"/>
    </row>
    <row r="645327" spans="8:8">
      <c r="H645327" s="12"/>
    </row>
    <row r="645328" spans="8:8">
      <c r="H645328" s="12"/>
    </row>
    <row r="645329" spans="8:8">
      <c r="H645329" s="12"/>
    </row>
    <row r="645330" spans="8:8">
      <c r="H645330" s="12"/>
    </row>
    <row r="645331" spans="8:8">
      <c r="H645331" s="12"/>
    </row>
    <row r="645332" spans="8:8">
      <c r="H645332" s="12"/>
    </row>
    <row r="645333" spans="8:8">
      <c r="H645333" s="12"/>
    </row>
    <row r="645334" spans="8:8">
      <c r="H645334" s="12"/>
    </row>
    <row r="645335" spans="8:8">
      <c r="H645335" s="12"/>
    </row>
    <row r="645336" spans="8:8">
      <c r="H645336" s="12"/>
    </row>
    <row r="645337" spans="8:8">
      <c r="H645337" s="12"/>
    </row>
    <row r="645338" spans="8:8">
      <c r="H645338" s="12"/>
    </row>
    <row r="645339" spans="8:8">
      <c r="H645339" s="12"/>
    </row>
    <row r="645340" spans="8:8">
      <c r="H645340" s="12"/>
    </row>
    <row r="645341" spans="8:8">
      <c r="H645341" s="12"/>
    </row>
    <row r="645342" spans="8:8">
      <c r="H645342" s="12"/>
    </row>
    <row r="645343" spans="8:8">
      <c r="H645343" s="12"/>
    </row>
    <row r="645344" spans="8:8">
      <c r="H645344" s="12"/>
    </row>
    <row r="645345" spans="8:8">
      <c r="H645345" s="12"/>
    </row>
    <row r="645346" spans="8:8">
      <c r="H645346" s="12"/>
    </row>
    <row r="645347" spans="8:8">
      <c r="H645347" s="12"/>
    </row>
    <row r="645348" spans="8:8">
      <c r="H645348" s="12"/>
    </row>
    <row r="645349" spans="8:8">
      <c r="H645349" s="12"/>
    </row>
    <row r="645350" spans="8:8">
      <c r="H645350" s="12"/>
    </row>
    <row r="645351" spans="8:8">
      <c r="H645351" s="12"/>
    </row>
    <row r="645352" spans="8:8">
      <c r="H645352" s="12"/>
    </row>
    <row r="645353" spans="8:8">
      <c r="H645353" s="12"/>
    </row>
    <row r="645354" spans="8:8">
      <c r="H645354" s="12"/>
    </row>
    <row r="645355" spans="8:8">
      <c r="H645355" s="12"/>
    </row>
    <row r="645356" spans="8:8">
      <c r="H645356" s="12"/>
    </row>
    <row r="645357" spans="8:8">
      <c r="H645357" s="12"/>
    </row>
    <row r="645358" spans="8:8">
      <c r="H645358" s="12"/>
    </row>
    <row r="645359" spans="8:8">
      <c r="H645359" s="12"/>
    </row>
    <row r="645360" spans="8:8">
      <c r="H645360" s="12"/>
    </row>
    <row r="645361" spans="8:8">
      <c r="H645361" s="12"/>
    </row>
    <row r="645362" spans="8:8">
      <c r="H645362" s="12"/>
    </row>
    <row r="645363" spans="8:8">
      <c r="H645363" s="12"/>
    </row>
    <row r="645364" spans="8:8">
      <c r="H645364" s="12"/>
    </row>
    <row r="645365" spans="8:8">
      <c r="H645365" s="12"/>
    </row>
    <row r="645366" spans="8:8">
      <c r="H645366" s="12"/>
    </row>
    <row r="645367" spans="8:8">
      <c r="H645367" s="12"/>
    </row>
    <row r="645368" spans="8:8">
      <c r="H645368" s="12"/>
    </row>
    <row r="645369" spans="8:8">
      <c r="H645369" s="12"/>
    </row>
    <row r="645370" spans="8:8">
      <c r="H645370" s="12"/>
    </row>
    <row r="645371" spans="8:8">
      <c r="H645371" s="12"/>
    </row>
    <row r="645372" spans="8:8">
      <c r="H645372" s="12"/>
    </row>
    <row r="645373" spans="8:8">
      <c r="H645373" s="12"/>
    </row>
    <row r="645374" spans="8:8">
      <c r="H645374" s="12"/>
    </row>
    <row r="645375" spans="8:8">
      <c r="H645375" s="12"/>
    </row>
    <row r="645376" spans="8:8">
      <c r="H645376" s="12"/>
    </row>
    <row r="645377" spans="8:8">
      <c r="H645377" s="12"/>
    </row>
    <row r="645378" spans="8:8">
      <c r="H645378" s="12"/>
    </row>
    <row r="645379" spans="8:8">
      <c r="H645379" s="12"/>
    </row>
    <row r="645380" spans="8:8">
      <c r="H645380" s="12"/>
    </row>
    <row r="645381" spans="8:8">
      <c r="H645381" s="12"/>
    </row>
    <row r="645382" spans="8:8">
      <c r="H645382" s="12"/>
    </row>
    <row r="645383" spans="8:8">
      <c r="H645383" s="12"/>
    </row>
    <row r="645384" spans="8:8">
      <c r="H645384" s="12"/>
    </row>
    <row r="645385" spans="8:8">
      <c r="H645385" s="12"/>
    </row>
    <row r="645386" spans="8:8">
      <c r="H645386" s="12"/>
    </row>
    <row r="645387" spans="8:8">
      <c r="H645387" s="12"/>
    </row>
    <row r="645388" spans="8:8">
      <c r="H645388" s="12"/>
    </row>
    <row r="645389" spans="8:8">
      <c r="H645389" s="12"/>
    </row>
    <row r="645390" spans="8:8">
      <c r="H645390" s="12"/>
    </row>
    <row r="645391" spans="8:8">
      <c r="H645391" s="12"/>
    </row>
    <row r="645392" spans="8:8">
      <c r="H645392" s="12"/>
    </row>
    <row r="645393" spans="8:8">
      <c r="H645393" s="12"/>
    </row>
    <row r="645394" spans="8:8">
      <c r="H645394" s="12"/>
    </row>
    <row r="645395" spans="8:8">
      <c r="H645395" s="12"/>
    </row>
    <row r="645396" spans="8:8">
      <c r="H645396" s="12"/>
    </row>
    <row r="645397" spans="8:8">
      <c r="H645397" s="12"/>
    </row>
    <row r="645398" spans="8:8">
      <c r="H645398" s="12"/>
    </row>
    <row r="645399" spans="8:8">
      <c r="H645399" s="12"/>
    </row>
    <row r="645400" spans="8:8">
      <c r="H645400" s="12"/>
    </row>
    <row r="645401" spans="8:8">
      <c r="H645401" s="12"/>
    </row>
    <row r="645402" spans="8:8">
      <c r="H645402" s="12"/>
    </row>
    <row r="645403" spans="8:8">
      <c r="H645403" s="12"/>
    </row>
    <row r="645404" spans="8:8">
      <c r="H645404" s="12"/>
    </row>
    <row r="645405" spans="8:8">
      <c r="H645405" s="12"/>
    </row>
    <row r="645406" spans="8:8">
      <c r="H645406" s="12"/>
    </row>
    <row r="645407" spans="8:8">
      <c r="H645407" s="12"/>
    </row>
    <row r="645408" spans="8:8">
      <c r="H645408" s="12"/>
    </row>
    <row r="645409" spans="8:8">
      <c r="H645409" s="12"/>
    </row>
    <row r="645410" spans="8:8">
      <c r="H645410" s="12"/>
    </row>
    <row r="645411" spans="8:8">
      <c r="H645411" s="12"/>
    </row>
    <row r="645412" spans="8:8">
      <c r="H645412" s="12"/>
    </row>
    <row r="645413" spans="8:8">
      <c r="H645413" s="12"/>
    </row>
    <row r="645414" spans="8:8">
      <c r="H645414" s="12"/>
    </row>
    <row r="645415" spans="8:8">
      <c r="H645415" s="12"/>
    </row>
    <row r="645416" spans="8:8">
      <c r="H645416" s="12"/>
    </row>
    <row r="645417" spans="8:8">
      <c r="H645417" s="12"/>
    </row>
    <row r="645418" spans="8:8">
      <c r="H645418" s="12"/>
    </row>
    <row r="645419" spans="8:8">
      <c r="H645419" s="12"/>
    </row>
    <row r="645420" spans="8:8">
      <c r="H645420" s="12"/>
    </row>
    <row r="645421" spans="8:8">
      <c r="H645421" s="12"/>
    </row>
    <row r="645422" spans="8:8">
      <c r="H645422" s="12"/>
    </row>
    <row r="645423" spans="8:8">
      <c r="H645423" s="12"/>
    </row>
    <row r="645424" spans="8:8">
      <c r="H645424" s="12"/>
    </row>
    <row r="645425" spans="8:8">
      <c r="H645425" s="12"/>
    </row>
    <row r="645426" spans="8:8">
      <c r="H645426" s="12"/>
    </row>
    <row r="645427" spans="8:8">
      <c r="H645427" s="12"/>
    </row>
    <row r="645428" spans="8:8">
      <c r="H645428" s="12"/>
    </row>
    <row r="645429" spans="8:8">
      <c r="H645429" s="12"/>
    </row>
    <row r="645430" spans="8:8">
      <c r="H645430" s="12"/>
    </row>
    <row r="645431" spans="8:8">
      <c r="H645431" s="12"/>
    </row>
    <row r="645432" spans="8:8">
      <c r="H645432" s="12"/>
    </row>
    <row r="645433" spans="8:8">
      <c r="H645433" s="12"/>
    </row>
    <row r="645434" spans="8:8">
      <c r="H645434" s="12"/>
    </row>
    <row r="645435" spans="8:8">
      <c r="H645435" s="12"/>
    </row>
    <row r="645436" spans="8:8">
      <c r="H645436" s="12"/>
    </row>
    <row r="645437" spans="8:8">
      <c r="H645437" s="12"/>
    </row>
    <row r="645438" spans="8:8">
      <c r="H645438" s="12"/>
    </row>
    <row r="645439" spans="8:8">
      <c r="H645439" s="12"/>
    </row>
    <row r="645440" spans="8:8">
      <c r="H645440" s="12"/>
    </row>
    <row r="645441" spans="8:8">
      <c r="H645441" s="12"/>
    </row>
    <row r="645442" spans="8:8">
      <c r="H645442" s="12"/>
    </row>
    <row r="645443" spans="8:8">
      <c r="H645443" s="12"/>
    </row>
    <row r="645444" spans="8:8">
      <c r="H645444" s="12"/>
    </row>
    <row r="645445" spans="8:8">
      <c r="H645445" s="12"/>
    </row>
    <row r="645446" spans="8:8">
      <c r="H645446" s="12"/>
    </row>
    <row r="645447" spans="8:8">
      <c r="H645447" s="12"/>
    </row>
    <row r="645448" spans="8:8">
      <c r="H645448" s="12"/>
    </row>
    <row r="645449" spans="8:8">
      <c r="H645449" s="12"/>
    </row>
    <row r="645450" spans="8:8">
      <c r="H645450" s="12"/>
    </row>
    <row r="645451" spans="8:8">
      <c r="H645451" s="12"/>
    </row>
    <row r="645452" spans="8:8">
      <c r="H645452" s="12"/>
    </row>
    <row r="645453" spans="8:8">
      <c r="H645453" s="12"/>
    </row>
    <row r="645454" spans="8:8">
      <c r="H645454" s="12"/>
    </row>
    <row r="645455" spans="8:8">
      <c r="H645455" s="12"/>
    </row>
    <row r="645456" spans="8:8">
      <c r="H645456" s="12"/>
    </row>
    <row r="645457" spans="8:8">
      <c r="H645457" s="12"/>
    </row>
    <row r="645458" spans="8:8">
      <c r="H645458" s="12"/>
    </row>
    <row r="645459" spans="8:8">
      <c r="H645459" s="12"/>
    </row>
    <row r="645460" spans="8:8">
      <c r="H645460" s="12"/>
    </row>
    <row r="645461" spans="8:8">
      <c r="H645461" s="12"/>
    </row>
    <row r="645462" spans="8:8">
      <c r="H645462" s="12"/>
    </row>
    <row r="645463" spans="8:8">
      <c r="H645463" s="12"/>
    </row>
    <row r="645464" spans="8:8">
      <c r="H645464" s="12"/>
    </row>
    <row r="645465" spans="8:8">
      <c r="H645465" s="12"/>
    </row>
    <row r="645466" spans="8:8">
      <c r="H645466" s="12"/>
    </row>
    <row r="645467" spans="8:8">
      <c r="H645467" s="12"/>
    </row>
    <row r="645468" spans="8:8">
      <c r="H645468" s="12"/>
    </row>
    <row r="645469" spans="8:8">
      <c r="H645469" s="12"/>
    </row>
    <row r="645470" spans="8:8">
      <c r="H645470" s="12"/>
    </row>
    <row r="645471" spans="8:8">
      <c r="H645471" s="12"/>
    </row>
    <row r="645472" spans="8:8">
      <c r="H645472" s="12"/>
    </row>
    <row r="645473" spans="8:8">
      <c r="H645473" s="12"/>
    </row>
    <row r="645474" spans="8:8">
      <c r="H645474" s="12"/>
    </row>
    <row r="645475" spans="8:8">
      <c r="H645475" s="12"/>
    </row>
    <row r="645476" spans="8:8">
      <c r="H645476" s="12"/>
    </row>
    <row r="645477" spans="8:8">
      <c r="H645477" s="12"/>
    </row>
    <row r="645478" spans="8:8">
      <c r="H645478" s="12"/>
    </row>
    <row r="645479" spans="8:8">
      <c r="H645479" s="12"/>
    </row>
    <row r="645480" spans="8:8">
      <c r="H645480" s="12"/>
    </row>
    <row r="645481" spans="8:8">
      <c r="H645481" s="12"/>
    </row>
    <row r="645482" spans="8:8">
      <c r="H645482" s="12"/>
    </row>
    <row r="645483" spans="8:8">
      <c r="H645483" s="12"/>
    </row>
    <row r="645484" spans="8:8">
      <c r="H645484" s="12"/>
    </row>
    <row r="645485" spans="8:8">
      <c r="H645485" s="12"/>
    </row>
    <row r="645486" spans="8:8">
      <c r="H645486" s="12"/>
    </row>
    <row r="645487" spans="8:8">
      <c r="H645487" s="12"/>
    </row>
    <row r="645488" spans="8:8">
      <c r="H645488" s="12"/>
    </row>
    <row r="645489" spans="8:8">
      <c r="H645489" s="12"/>
    </row>
    <row r="645490" spans="8:8">
      <c r="H645490" s="12"/>
    </row>
    <row r="645491" spans="8:8">
      <c r="H645491" s="12"/>
    </row>
    <row r="645492" spans="8:8">
      <c r="H645492" s="12"/>
    </row>
    <row r="645493" spans="8:8">
      <c r="H645493" s="12"/>
    </row>
    <row r="645494" spans="8:8">
      <c r="H645494" s="12"/>
    </row>
    <row r="645495" spans="8:8">
      <c r="H645495" s="12"/>
    </row>
    <row r="645496" spans="8:8">
      <c r="H645496" s="12"/>
    </row>
    <row r="645497" spans="8:8">
      <c r="H645497" s="12"/>
    </row>
    <row r="645498" spans="8:8">
      <c r="H645498" s="12"/>
    </row>
    <row r="645499" spans="8:8">
      <c r="H645499" s="12"/>
    </row>
    <row r="645500" spans="8:8">
      <c r="H645500" s="12"/>
    </row>
    <row r="645501" spans="8:8">
      <c r="H645501" s="12"/>
    </row>
    <row r="645502" spans="8:8">
      <c r="H645502" s="12"/>
    </row>
    <row r="645503" spans="8:8">
      <c r="H645503" s="12"/>
    </row>
    <row r="645504" spans="8:8">
      <c r="H645504" s="12"/>
    </row>
    <row r="645505" spans="8:8">
      <c r="H645505" s="12"/>
    </row>
    <row r="645506" spans="8:8">
      <c r="H645506" s="12"/>
    </row>
    <row r="645507" spans="8:8">
      <c r="H645507" s="12"/>
    </row>
    <row r="645508" spans="8:8">
      <c r="H645508" s="12"/>
    </row>
    <row r="645509" spans="8:8">
      <c r="H645509" s="12"/>
    </row>
    <row r="645510" spans="8:8">
      <c r="H645510" s="12"/>
    </row>
    <row r="645511" spans="8:8">
      <c r="H645511" s="12"/>
    </row>
    <row r="645512" spans="8:8">
      <c r="H645512" s="12"/>
    </row>
    <row r="645513" spans="8:8">
      <c r="H645513" s="12"/>
    </row>
    <row r="645514" spans="8:8">
      <c r="H645514" s="12"/>
    </row>
    <row r="645515" spans="8:8">
      <c r="H645515" s="12"/>
    </row>
    <row r="645516" spans="8:8">
      <c r="H645516" s="12"/>
    </row>
    <row r="645517" spans="8:8">
      <c r="H645517" s="12"/>
    </row>
    <row r="645518" spans="8:8">
      <c r="H645518" s="12"/>
    </row>
    <row r="645519" spans="8:8">
      <c r="H645519" s="12"/>
    </row>
    <row r="645520" spans="8:8">
      <c r="H645520" s="12"/>
    </row>
    <row r="645521" spans="8:8">
      <c r="H645521" s="12"/>
    </row>
    <row r="645522" spans="8:8">
      <c r="H645522" s="12"/>
    </row>
    <row r="645523" spans="8:8">
      <c r="H645523" s="12"/>
    </row>
    <row r="645524" spans="8:8">
      <c r="H645524" s="12"/>
    </row>
    <row r="645525" spans="8:8">
      <c r="H645525" s="12"/>
    </row>
    <row r="645526" spans="8:8">
      <c r="H645526" s="12"/>
    </row>
    <row r="645527" spans="8:8">
      <c r="H645527" s="12"/>
    </row>
    <row r="645528" spans="8:8">
      <c r="H645528" s="12"/>
    </row>
    <row r="645529" spans="8:8">
      <c r="H645529" s="12"/>
    </row>
    <row r="645530" spans="8:8">
      <c r="H645530" s="12"/>
    </row>
    <row r="645531" spans="8:8">
      <c r="H645531" s="12"/>
    </row>
    <row r="645532" spans="8:8">
      <c r="H645532" s="12"/>
    </row>
    <row r="645533" spans="8:8">
      <c r="H645533" s="12"/>
    </row>
    <row r="645534" spans="8:8">
      <c r="H645534" s="12"/>
    </row>
    <row r="645535" spans="8:8">
      <c r="H645535" s="12"/>
    </row>
    <row r="645536" spans="8:8">
      <c r="H645536" s="12"/>
    </row>
    <row r="645537" spans="8:8">
      <c r="H645537" s="12"/>
    </row>
    <row r="645538" spans="8:8">
      <c r="H645538" s="12"/>
    </row>
    <row r="645539" spans="8:8">
      <c r="H645539" s="12"/>
    </row>
    <row r="645540" spans="8:8">
      <c r="H645540" s="12"/>
    </row>
    <row r="645541" spans="8:8">
      <c r="H645541" s="12"/>
    </row>
    <row r="645542" spans="8:8">
      <c r="H645542" s="12"/>
    </row>
    <row r="645543" spans="8:8">
      <c r="H645543" s="12"/>
    </row>
    <row r="645544" spans="8:8">
      <c r="H645544" s="12"/>
    </row>
    <row r="645545" spans="8:8">
      <c r="H645545" s="12"/>
    </row>
    <row r="645546" spans="8:8">
      <c r="H645546" s="12"/>
    </row>
    <row r="645547" spans="8:8">
      <c r="H645547" s="12"/>
    </row>
    <row r="645548" spans="8:8">
      <c r="H645548" s="12"/>
    </row>
    <row r="645549" spans="8:8">
      <c r="H645549" s="12"/>
    </row>
    <row r="645550" spans="8:8">
      <c r="H645550" s="12"/>
    </row>
    <row r="645551" spans="8:8">
      <c r="H645551" s="12"/>
    </row>
    <row r="645552" spans="8:8">
      <c r="H645552" s="12"/>
    </row>
    <row r="645553" spans="8:8">
      <c r="H645553" s="12"/>
    </row>
    <row r="645554" spans="8:8">
      <c r="H645554" s="12"/>
    </row>
    <row r="645555" spans="8:8">
      <c r="H645555" s="12"/>
    </row>
    <row r="645556" spans="8:8">
      <c r="H645556" s="12"/>
    </row>
    <row r="645557" spans="8:8">
      <c r="H645557" s="12"/>
    </row>
    <row r="645558" spans="8:8">
      <c r="H645558" s="12"/>
    </row>
    <row r="645559" spans="8:8">
      <c r="H645559" s="12"/>
    </row>
    <row r="645560" spans="8:8">
      <c r="H645560" s="12"/>
    </row>
    <row r="645561" spans="8:8">
      <c r="H645561" s="12"/>
    </row>
    <row r="645562" spans="8:8">
      <c r="H645562" s="12"/>
    </row>
    <row r="645563" spans="8:8">
      <c r="H645563" s="12"/>
    </row>
    <row r="645564" spans="8:8">
      <c r="H645564" s="12"/>
    </row>
    <row r="645565" spans="8:8">
      <c r="H645565" s="12"/>
    </row>
    <row r="645566" spans="8:8">
      <c r="H645566" s="12"/>
    </row>
    <row r="645567" spans="8:8">
      <c r="H645567" s="12"/>
    </row>
    <row r="645568" spans="8:8">
      <c r="H645568" s="12"/>
    </row>
    <row r="645569" spans="8:8">
      <c r="H645569" s="12"/>
    </row>
    <row r="645570" spans="8:8">
      <c r="H645570" s="12"/>
    </row>
    <row r="645571" spans="8:8">
      <c r="H645571" s="12"/>
    </row>
    <row r="645572" spans="8:8">
      <c r="H645572" s="12"/>
    </row>
    <row r="645573" spans="8:8">
      <c r="H645573" s="12"/>
    </row>
    <row r="645574" spans="8:8">
      <c r="H645574" s="12"/>
    </row>
    <row r="645575" spans="8:8">
      <c r="H645575" s="12"/>
    </row>
    <row r="645576" spans="8:8">
      <c r="H645576" s="12"/>
    </row>
    <row r="645577" spans="8:8">
      <c r="H645577" s="12"/>
    </row>
    <row r="645578" spans="8:8">
      <c r="H645578" s="12"/>
    </row>
    <row r="645579" spans="8:8">
      <c r="H645579" s="12"/>
    </row>
    <row r="645580" spans="8:8">
      <c r="H645580" s="12"/>
    </row>
    <row r="645581" spans="8:8">
      <c r="H645581" s="12"/>
    </row>
    <row r="645582" spans="8:8">
      <c r="H645582" s="12"/>
    </row>
    <row r="645583" spans="8:8">
      <c r="H645583" s="12"/>
    </row>
    <row r="645584" spans="8:8">
      <c r="H645584" s="12"/>
    </row>
    <row r="645585" spans="8:8">
      <c r="H645585" s="12"/>
    </row>
    <row r="645586" spans="8:8">
      <c r="H645586" s="12"/>
    </row>
    <row r="645587" spans="8:8">
      <c r="H645587" s="12"/>
    </row>
    <row r="645588" spans="8:8">
      <c r="H645588" s="12"/>
    </row>
    <row r="645589" spans="8:8">
      <c r="H645589" s="12"/>
    </row>
    <row r="645590" spans="8:8">
      <c r="H645590" s="12"/>
    </row>
    <row r="645591" spans="8:8">
      <c r="H645591" s="12"/>
    </row>
    <row r="645592" spans="8:8">
      <c r="H645592" s="12"/>
    </row>
    <row r="645593" spans="8:8">
      <c r="H645593" s="12"/>
    </row>
    <row r="645594" spans="8:8">
      <c r="H645594" s="12"/>
    </row>
    <row r="645595" spans="8:8">
      <c r="H645595" s="12"/>
    </row>
    <row r="645596" spans="8:8">
      <c r="H645596" s="12"/>
    </row>
    <row r="645597" spans="8:8">
      <c r="H645597" s="12"/>
    </row>
    <row r="645598" spans="8:8">
      <c r="H645598" s="12"/>
    </row>
    <row r="645599" spans="8:8">
      <c r="H645599" s="12"/>
    </row>
    <row r="645600" spans="8:8">
      <c r="H645600" s="12"/>
    </row>
    <row r="645601" spans="8:8">
      <c r="H645601" s="12"/>
    </row>
    <row r="645602" spans="8:8">
      <c r="H645602" s="12"/>
    </row>
    <row r="645603" spans="8:8">
      <c r="H645603" s="12"/>
    </row>
    <row r="645604" spans="8:8">
      <c r="H645604" s="12"/>
    </row>
    <row r="645605" spans="8:8">
      <c r="H645605" s="12"/>
    </row>
    <row r="645606" spans="8:8">
      <c r="H645606" s="12"/>
    </row>
    <row r="645607" spans="8:8">
      <c r="H645607" s="12"/>
    </row>
    <row r="645608" spans="8:8">
      <c r="H645608" s="12"/>
    </row>
    <row r="645609" spans="8:8">
      <c r="H645609" s="12"/>
    </row>
    <row r="645610" spans="8:8">
      <c r="H645610" s="12"/>
    </row>
    <row r="645611" spans="8:8">
      <c r="H645611" s="12"/>
    </row>
    <row r="645612" spans="8:8">
      <c r="H645612" s="12"/>
    </row>
    <row r="645613" spans="8:8">
      <c r="H645613" s="12"/>
    </row>
    <row r="645614" spans="8:8">
      <c r="H645614" s="12"/>
    </row>
    <row r="645615" spans="8:8">
      <c r="H645615" s="12"/>
    </row>
    <row r="645616" spans="8:8">
      <c r="H645616" s="12"/>
    </row>
    <row r="645617" spans="8:8">
      <c r="H645617" s="12"/>
    </row>
    <row r="645618" spans="8:8">
      <c r="H645618" s="12"/>
    </row>
    <row r="645619" spans="8:8">
      <c r="H645619" s="12"/>
    </row>
    <row r="645620" spans="8:8">
      <c r="H645620" s="12"/>
    </row>
    <row r="645621" spans="8:8">
      <c r="H645621" s="12"/>
    </row>
    <row r="645622" spans="8:8">
      <c r="H645622" s="12"/>
    </row>
    <row r="645623" spans="8:8">
      <c r="H645623" s="12"/>
    </row>
    <row r="645624" spans="8:8">
      <c r="H645624" s="12"/>
    </row>
    <row r="645625" spans="8:8">
      <c r="H645625" s="12"/>
    </row>
    <row r="645626" spans="8:8">
      <c r="H645626" s="12"/>
    </row>
    <row r="645627" spans="8:8">
      <c r="H645627" s="12"/>
    </row>
    <row r="645628" spans="8:8">
      <c r="H645628" s="12"/>
    </row>
    <row r="645629" spans="8:8">
      <c r="H645629" s="12"/>
    </row>
    <row r="645630" spans="8:8">
      <c r="H645630" s="12"/>
    </row>
    <row r="645631" spans="8:8">
      <c r="H645631" s="12"/>
    </row>
    <row r="645632" spans="8:8">
      <c r="H645632" s="12"/>
    </row>
    <row r="645633" spans="8:8">
      <c r="H645633" s="12"/>
    </row>
    <row r="645634" spans="8:8">
      <c r="H645634" s="12"/>
    </row>
    <row r="645635" spans="8:8">
      <c r="H645635" s="12"/>
    </row>
    <row r="645636" spans="8:8">
      <c r="H645636" s="12"/>
    </row>
    <row r="645637" spans="8:8">
      <c r="H645637" s="12"/>
    </row>
    <row r="645638" spans="8:8">
      <c r="H645638" s="12"/>
    </row>
    <row r="645639" spans="8:8">
      <c r="H645639" s="12"/>
    </row>
    <row r="645640" spans="8:8">
      <c r="H645640" s="12"/>
    </row>
    <row r="645641" spans="8:8">
      <c r="H645641" s="12"/>
    </row>
    <row r="645642" spans="8:8">
      <c r="H645642" s="12"/>
    </row>
    <row r="645643" spans="8:8">
      <c r="H645643" s="12"/>
    </row>
    <row r="645644" spans="8:8">
      <c r="H645644" s="12"/>
    </row>
    <row r="645645" spans="8:8">
      <c r="H645645" s="12"/>
    </row>
    <row r="645646" spans="8:8">
      <c r="H645646" s="12"/>
    </row>
    <row r="645647" spans="8:8">
      <c r="H645647" s="12"/>
    </row>
    <row r="645648" spans="8:8">
      <c r="H645648" s="12"/>
    </row>
    <row r="645649" spans="8:8">
      <c r="H645649" s="12"/>
    </row>
    <row r="645650" spans="8:8">
      <c r="H645650" s="12"/>
    </row>
    <row r="645651" spans="8:8">
      <c r="H645651" s="12"/>
    </row>
    <row r="645652" spans="8:8">
      <c r="H645652" s="12"/>
    </row>
    <row r="645653" spans="8:8">
      <c r="H645653" s="12"/>
    </row>
    <row r="645654" spans="8:8">
      <c r="H645654" s="12"/>
    </row>
    <row r="645655" spans="8:8">
      <c r="H645655" s="12"/>
    </row>
    <row r="645656" spans="8:8">
      <c r="H645656" s="12"/>
    </row>
    <row r="645657" spans="8:8">
      <c r="H645657" s="12"/>
    </row>
    <row r="645658" spans="8:8">
      <c r="H645658" s="12"/>
    </row>
    <row r="645659" spans="8:8">
      <c r="H645659" s="12"/>
    </row>
    <row r="645660" spans="8:8">
      <c r="H645660" s="12"/>
    </row>
    <row r="645661" spans="8:8">
      <c r="H645661" s="12"/>
    </row>
    <row r="645662" spans="8:8">
      <c r="H645662" s="12"/>
    </row>
    <row r="645663" spans="8:8">
      <c r="H645663" s="12"/>
    </row>
    <row r="645664" spans="8:8">
      <c r="H645664" s="12"/>
    </row>
    <row r="645665" spans="8:8">
      <c r="H645665" s="12"/>
    </row>
    <row r="645666" spans="8:8">
      <c r="H645666" s="12"/>
    </row>
    <row r="645667" spans="8:8">
      <c r="H645667" s="12"/>
    </row>
    <row r="645668" spans="8:8">
      <c r="H645668" s="12"/>
    </row>
    <row r="645669" spans="8:8">
      <c r="H645669" s="12"/>
    </row>
    <row r="645670" spans="8:8">
      <c r="H645670" s="12"/>
    </row>
    <row r="645671" spans="8:8">
      <c r="H645671" s="12"/>
    </row>
    <row r="645672" spans="8:8">
      <c r="H645672" s="12"/>
    </row>
    <row r="645673" spans="8:8">
      <c r="H645673" s="12"/>
    </row>
    <row r="645674" spans="8:8">
      <c r="H645674" s="12"/>
    </row>
    <row r="645675" spans="8:8">
      <c r="H645675" s="12"/>
    </row>
    <row r="645676" spans="8:8">
      <c r="H645676" s="12"/>
    </row>
    <row r="645677" spans="8:8">
      <c r="H645677" s="12"/>
    </row>
    <row r="645678" spans="8:8">
      <c r="H645678" s="12"/>
    </row>
    <row r="645679" spans="8:8">
      <c r="H645679" s="12"/>
    </row>
    <row r="645680" spans="8:8">
      <c r="H645680" s="12"/>
    </row>
    <row r="645681" spans="8:8">
      <c r="H645681" s="12"/>
    </row>
    <row r="645682" spans="8:8">
      <c r="H645682" s="12"/>
    </row>
    <row r="645683" spans="8:8">
      <c r="H645683" s="12"/>
    </row>
    <row r="645684" spans="8:8">
      <c r="H645684" s="12"/>
    </row>
    <row r="645685" spans="8:8">
      <c r="H645685" s="12"/>
    </row>
    <row r="645686" spans="8:8">
      <c r="H645686" s="12"/>
    </row>
    <row r="645687" spans="8:8">
      <c r="H645687" s="12"/>
    </row>
    <row r="645688" spans="8:8">
      <c r="H645688" s="12"/>
    </row>
    <row r="645689" spans="8:8">
      <c r="H645689" s="12"/>
    </row>
    <row r="645690" spans="8:8">
      <c r="H645690" s="12"/>
    </row>
    <row r="645691" spans="8:8">
      <c r="H645691" s="12"/>
    </row>
    <row r="645692" spans="8:8">
      <c r="H645692" s="12"/>
    </row>
    <row r="645693" spans="8:8">
      <c r="H645693" s="12"/>
    </row>
    <row r="645694" spans="8:8">
      <c r="H645694" s="12"/>
    </row>
    <row r="645695" spans="8:8">
      <c r="H645695" s="12"/>
    </row>
    <row r="645696" spans="8:8">
      <c r="H645696" s="12"/>
    </row>
    <row r="645697" spans="8:8">
      <c r="H645697" s="12"/>
    </row>
    <row r="645698" spans="8:8">
      <c r="H645698" s="12"/>
    </row>
    <row r="645699" spans="8:8">
      <c r="H645699" s="12"/>
    </row>
    <row r="645700" spans="8:8">
      <c r="H645700" s="12"/>
    </row>
    <row r="645701" spans="8:8">
      <c r="H645701" s="12"/>
    </row>
    <row r="645702" spans="8:8">
      <c r="H645702" s="12"/>
    </row>
    <row r="645703" spans="8:8">
      <c r="H645703" s="12"/>
    </row>
    <row r="645704" spans="8:8">
      <c r="H645704" s="12"/>
    </row>
    <row r="645705" spans="8:8">
      <c r="H645705" s="12"/>
    </row>
    <row r="645706" spans="8:8">
      <c r="H645706" s="12"/>
    </row>
    <row r="645707" spans="8:8">
      <c r="H645707" s="12"/>
    </row>
    <row r="645708" spans="8:8">
      <c r="H645708" s="12"/>
    </row>
    <row r="645709" spans="8:8">
      <c r="H645709" s="12"/>
    </row>
    <row r="645710" spans="8:8">
      <c r="H645710" s="12"/>
    </row>
    <row r="645711" spans="8:8">
      <c r="H645711" s="12"/>
    </row>
    <row r="645712" spans="8:8">
      <c r="H645712" s="12"/>
    </row>
    <row r="645713" spans="8:8">
      <c r="H645713" s="12"/>
    </row>
    <row r="645714" spans="8:8">
      <c r="H645714" s="12"/>
    </row>
    <row r="645715" spans="8:8">
      <c r="H645715" s="12"/>
    </row>
    <row r="645716" spans="8:8">
      <c r="H645716" s="12"/>
    </row>
    <row r="645717" spans="8:8">
      <c r="H645717" s="12"/>
    </row>
    <row r="645718" spans="8:8">
      <c r="H645718" s="12"/>
    </row>
    <row r="645719" spans="8:8">
      <c r="H645719" s="12"/>
    </row>
    <row r="645720" spans="8:8">
      <c r="H645720" s="12"/>
    </row>
    <row r="645721" spans="8:8">
      <c r="H645721" s="12"/>
    </row>
    <row r="645722" spans="8:8">
      <c r="H645722" s="12"/>
    </row>
    <row r="645723" spans="8:8">
      <c r="H645723" s="12"/>
    </row>
    <row r="645724" spans="8:8">
      <c r="H645724" s="12"/>
    </row>
    <row r="645725" spans="8:8">
      <c r="H645725" s="12"/>
    </row>
    <row r="645726" spans="8:8">
      <c r="H645726" s="12"/>
    </row>
    <row r="645727" spans="8:8">
      <c r="H645727" s="12"/>
    </row>
    <row r="645728" spans="8:8">
      <c r="H645728" s="12"/>
    </row>
    <row r="645729" spans="8:8">
      <c r="H645729" s="12"/>
    </row>
    <row r="645730" spans="8:8">
      <c r="H645730" s="12"/>
    </row>
    <row r="645731" spans="8:8">
      <c r="H645731" s="12"/>
    </row>
    <row r="645732" spans="8:8">
      <c r="H645732" s="12"/>
    </row>
    <row r="645733" spans="8:8">
      <c r="H645733" s="12"/>
    </row>
    <row r="645734" spans="8:8">
      <c r="H645734" s="12"/>
    </row>
    <row r="645735" spans="8:8">
      <c r="H645735" s="12"/>
    </row>
    <row r="645736" spans="8:8">
      <c r="H645736" s="12"/>
    </row>
    <row r="645737" spans="8:8">
      <c r="H645737" s="12"/>
    </row>
    <row r="645738" spans="8:8">
      <c r="H645738" s="12"/>
    </row>
    <row r="645739" spans="8:8">
      <c r="H645739" s="12"/>
    </row>
    <row r="645740" spans="8:8">
      <c r="H645740" s="12"/>
    </row>
    <row r="645741" spans="8:8">
      <c r="H645741" s="12"/>
    </row>
    <row r="645742" spans="8:8">
      <c r="H645742" s="12"/>
    </row>
    <row r="645743" spans="8:8">
      <c r="H645743" s="12"/>
    </row>
    <row r="645744" spans="8:8">
      <c r="H645744" s="12"/>
    </row>
    <row r="645745" spans="8:8">
      <c r="H645745" s="12"/>
    </row>
    <row r="645746" spans="8:8">
      <c r="H645746" s="12"/>
    </row>
    <row r="645747" spans="8:8">
      <c r="H645747" s="12"/>
    </row>
    <row r="645748" spans="8:8">
      <c r="H645748" s="12"/>
    </row>
    <row r="645749" spans="8:8">
      <c r="H645749" s="12"/>
    </row>
    <row r="645750" spans="8:8">
      <c r="H645750" s="12"/>
    </row>
    <row r="645751" spans="8:8">
      <c r="H645751" s="12"/>
    </row>
    <row r="645752" spans="8:8">
      <c r="H645752" s="12"/>
    </row>
    <row r="645753" spans="8:8">
      <c r="H645753" s="12"/>
    </row>
    <row r="645754" spans="8:8">
      <c r="H645754" s="12"/>
    </row>
    <row r="645755" spans="8:8">
      <c r="H645755" s="12"/>
    </row>
    <row r="645756" spans="8:8">
      <c r="H645756" s="12"/>
    </row>
    <row r="645757" spans="8:8">
      <c r="H645757" s="12"/>
    </row>
    <row r="645758" spans="8:8">
      <c r="H645758" s="12"/>
    </row>
    <row r="645759" spans="8:8">
      <c r="H645759" s="12"/>
    </row>
    <row r="645760" spans="8:8">
      <c r="H645760" s="12"/>
    </row>
    <row r="645761" spans="8:8">
      <c r="H645761" s="12"/>
    </row>
    <row r="645762" spans="8:8">
      <c r="H645762" s="12"/>
    </row>
    <row r="645763" spans="8:8">
      <c r="H645763" s="12"/>
    </row>
    <row r="645764" spans="8:8">
      <c r="H645764" s="12"/>
    </row>
    <row r="645765" spans="8:8">
      <c r="H645765" s="12"/>
    </row>
    <row r="645766" spans="8:8">
      <c r="H645766" s="12"/>
    </row>
    <row r="645767" spans="8:8">
      <c r="H645767" s="12"/>
    </row>
    <row r="645768" spans="8:8">
      <c r="H645768" s="12"/>
    </row>
    <row r="645769" spans="8:8">
      <c r="H645769" s="12"/>
    </row>
    <row r="645770" spans="8:8">
      <c r="H645770" s="12"/>
    </row>
    <row r="645771" spans="8:8">
      <c r="H645771" s="12"/>
    </row>
    <row r="645772" spans="8:8">
      <c r="H645772" s="12"/>
    </row>
    <row r="645773" spans="8:8">
      <c r="H645773" s="12"/>
    </row>
    <row r="645774" spans="8:8">
      <c r="H645774" s="12"/>
    </row>
    <row r="645775" spans="8:8">
      <c r="H645775" s="12"/>
    </row>
    <row r="645776" spans="8:8">
      <c r="H645776" s="12"/>
    </row>
    <row r="645777" spans="8:8">
      <c r="H645777" s="12"/>
    </row>
    <row r="645778" spans="8:8">
      <c r="H645778" s="12"/>
    </row>
    <row r="645779" spans="8:8">
      <c r="H645779" s="12"/>
    </row>
    <row r="645780" spans="8:8">
      <c r="H645780" s="12"/>
    </row>
    <row r="645781" spans="8:8">
      <c r="H645781" s="12"/>
    </row>
    <row r="645782" spans="8:8">
      <c r="H645782" s="12"/>
    </row>
    <row r="645783" spans="8:8">
      <c r="H645783" s="12"/>
    </row>
    <row r="645784" spans="8:8">
      <c r="H645784" s="12"/>
    </row>
    <row r="645785" spans="8:8">
      <c r="H645785" s="12"/>
    </row>
    <row r="645786" spans="8:8">
      <c r="H645786" s="12"/>
    </row>
    <row r="645787" spans="8:8">
      <c r="H645787" s="12"/>
    </row>
    <row r="645788" spans="8:8">
      <c r="H645788" s="12"/>
    </row>
    <row r="645789" spans="8:8">
      <c r="H645789" s="12"/>
    </row>
    <row r="645790" spans="8:8">
      <c r="H645790" s="12"/>
    </row>
    <row r="645791" spans="8:8">
      <c r="H645791" s="12"/>
    </row>
    <row r="645792" spans="8:8">
      <c r="H645792" s="12"/>
    </row>
    <row r="645793" spans="8:8">
      <c r="H645793" s="12"/>
    </row>
    <row r="645794" spans="8:8">
      <c r="H645794" s="12"/>
    </row>
    <row r="645795" spans="8:8">
      <c r="H645795" s="12"/>
    </row>
    <row r="645796" spans="8:8">
      <c r="H645796" s="12"/>
    </row>
    <row r="645797" spans="8:8">
      <c r="H645797" s="12"/>
    </row>
    <row r="645798" spans="8:8">
      <c r="H645798" s="12"/>
    </row>
    <row r="645799" spans="8:8">
      <c r="H645799" s="12"/>
    </row>
    <row r="645800" spans="8:8">
      <c r="H645800" s="12"/>
    </row>
    <row r="645801" spans="8:8">
      <c r="H645801" s="12"/>
    </row>
    <row r="645802" spans="8:8">
      <c r="H645802" s="12"/>
    </row>
    <row r="645803" spans="8:8">
      <c r="H645803" s="12"/>
    </row>
    <row r="645804" spans="8:8">
      <c r="H645804" s="12"/>
    </row>
    <row r="645805" spans="8:8">
      <c r="H645805" s="12"/>
    </row>
    <row r="645806" spans="8:8">
      <c r="H645806" s="12"/>
    </row>
    <row r="645807" spans="8:8">
      <c r="H645807" s="12"/>
    </row>
    <row r="645808" spans="8:8">
      <c r="H645808" s="12"/>
    </row>
    <row r="645809" spans="8:8">
      <c r="H645809" s="12"/>
    </row>
    <row r="645810" spans="8:8">
      <c r="H645810" s="12"/>
    </row>
    <row r="645811" spans="8:8">
      <c r="H645811" s="12"/>
    </row>
    <row r="645812" spans="8:8">
      <c r="H645812" s="12"/>
    </row>
    <row r="645813" spans="8:8">
      <c r="H645813" s="12"/>
    </row>
    <row r="645814" spans="8:8">
      <c r="H645814" s="12"/>
    </row>
    <row r="645815" spans="8:8">
      <c r="H645815" s="12"/>
    </row>
    <row r="645816" spans="8:8">
      <c r="H645816" s="12"/>
    </row>
    <row r="645817" spans="8:8">
      <c r="H645817" s="12"/>
    </row>
    <row r="645818" spans="8:8">
      <c r="H645818" s="12"/>
    </row>
    <row r="645819" spans="8:8">
      <c r="H645819" s="12"/>
    </row>
    <row r="645820" spans="8:8">
      <c r="H645820" s="12"/>
    </row>
    <row r="645821" spans="8:8">
      <c r="H645821" s="12"/>
    </row>
    <row r="645822" spans="8:8">
      <c r="H645822" s="12"/>
    </row>
    <row r="645823" spans="8:8">
      <c r="H645823" s="12"/>
    </row>
    <row r="645824" spans="8:8">
      <c r="H645824" s="12"/>
    </row>
    <row r="645825" spans="8:8">
      <c r="H645825" s="12"/>
    </row>
    <row r="645826" spans="8:8">
      <c r="H645826" s="12"/>
    </row>
    <row r="645827" spans="8:8">
      <c r="H645827" s="12"/>
    </row>
    <row r="645828" spans="8:8">
      <c r="H645828" s="12"/>
    </row>
    <row r="645829" spans="8:8">
      <c r="H645829" s="12"/>
    </row>
    <row r="645830" spans="8:8">
      <c r="H645830" s="12"/>
    </row>
    <row r="645831" spans="8:8">
      <c r="H645831" s="12"/>
    </row>
    <row r="645832" spans="8:8">
      <c r="H645832" s="12"/>
    </row>
    <row r="645833" spans="8:8">
      <c r="H645833" s="12"/>
    </row>
    <row r="645834" spans="8:8">
      <c r="H645834" s="12"/>
    </row>
    <row r="645835" spans="8:8">
      <c r="H645835" s="12"/>
    </row>
    <row r="645836" spans="8:8">
      <c r="H645836" s="12"/>
    </row>
    <row r="645837" spans="8:8">
      <c r="H645837" s="12"/>
    </row>
    <row r="645838" spans="8:8">
      <c r="H645838" s="12"/>
    </row>
    <row r="645839" spans="8:8">
      <c r="H645839" s="12"/>
    </row>
    <row r="645840" spans="8:8">
      <c r="H645840" s="12"/>
    </row>
    <row r="645841" spans="8:8">
      <c r="H645841" s="12"/>
    </row>
    <row r="645842" spans="8:8">
      <c r="H645842" s="12"/>
    </row>
    <row r="645843" spans="8:8">
      <c r="H645843" s="12"/>
    </row>
    <row r="645844" spans="8:8">
      <c r="H645844" s="12"/>
    </row>
    <row r="645845" spans="8:8">
      <c r="H645845" s="12"/>
    </row>
    <row r="645846" spans="8:8">
      <c r="H645846" s="12"/>
    </row>
    <row r="645847" spans="8:8">
      <c r="H645847" s="12"/>
    </row>
    <row r="645848" spans="8:8">
      <c r="H645848" s="12"/>
    </row>
    <row r="645849" spans="8:8">
      <c r="H645849" s="12"/>
    </row>
    <row r="645850" spans="8:8">
      <c r="H645850" s="12"/>
    </row>
    <row r="645851" spans="8:8">
      <c r="H645851" s="12"/>
    </row>
    <row r="645852" spans="8:8">
      <c r="H645852" s="12"/>
    </row>
    <row r="645853" spans="8:8">
      <c r="H645853" s="12"/>
    </row>
    <row r="645854" spans="8:8">
      <c r="H645854" s="12"/>
    </row>
    <row r="645855" spans="8:8">
      <c r="H645855" s="12"/>
    </row>
    <row r="645856" spans="8:8">
      <c r="H645856" s="12"/>
    </row>
    <row r="645857" spans="8:8">
      <c r="H645857" s="12"/>
    </row>
    <row r="645858" spans="8:8">
      <c r="H645858" s="12"/>
    </row>
    <row r="645859" spans="8:8">
      <c r="H645859" s="12"/>
    </row>
    <row r="645860" spans="8:8">
      <c r="H645860" s="12"/>
    </row>
    <row r="645861" spans="8:8">
      <c r="H645861" s="12"/>
    </row>
    <row r="645862" spans="8:8">
      <c r="H645862" s="12"/>
    </row>
    <row r="645863" spans="8:8">
      <c r="H645863" s="12"/>
    </row>
    <row r="645864" spans="8:8">
      <c r="H645864" s="12"/>
    </row>
    <row r="645865" spans="8:8">
      <c r="H645865" s="12"/>
    </row>
    <row r="645866" spans="8:8">
      <c r="H645866" s="12"/>
    </row>
    <row r="645867" spans="8:8">
      <c r="H645867" s="12"/>
    </row>
    <row r="645868" spans="8:8">
      <c r="H645868" s="12"/>
    </row>
    <row r="645869" spans="8:8">
      <c r="H645869" s="12"/>
    </row>
    <row r="645870" spans="8:8">
      <c r="H645870" s="12"/>
    </row>
    <row r="645871" spans="8:8">
      <c r="H645871" s="12"/>
    </row>
    <row r="645872" spans="8:8">
      <c r="H645872" s="12"/>
    </row>
    <row r="645873" spans="8:8">
      <c r="H645873" s="12"/>
    </row>
    <row r="645874" spans="8:8">
      <c r="H645874" s="12"/>
    </row>
    <row r="645875" spans="8:8">
      <c r="H645875" s="12"/>
    </row>
    <row r="645876" spans="8:8">
      <c r="H645876" s="12"/>
    </row>
    <row r="645877" spans="8:8">
      <c r="H645877" s="12"/>
    </row>
    <row r="645878" spans="8:8">
      <c r="H645878" s="12"/>
    </row>
    <row r="645879" spans="8:8">
      <c r="H645879" s="12"/>
    </row>
    <row r="645880" spans="8:8">
      <c r="H645880" s="12"/>
    </row>
    <row r="645881" spans="8:8">
      <c r="H645881" s="12"/>
    </row>
    <row r="645882" spans="8:8">
      <c r="H645882" s="12"/>
    </row>
    <row r="645883" spans="8:8">
      <c r="H645883" s="12"/>
    </row>
    <row r="645884" spans="8:8">
      <c r="H645884" s="12"/>
    </row>
    <row r="645885" spans="8:8">
      <c r="H645885" s="12"/>
    </row>
    <row r="645886" spans="8:8">
      <c r="H645886" s="12"/>
    </row>
    <row r="645887" spans="8:8">
      <c r="H645887" s="12"/>
    </row>
    <row r="645888" spans="8:8">
      <c r="H645888" s="12"/>
    </row>
    <row r="645889" spans="8:8">
      <c r="H645889" s="12"/>
    </row>
    <row r="645890" spans="8:8">
      <c r="H645890" s="12"/>
    </row>
    <row r="645891" spans="8:8">
      <c r="H645891" s="12"/>
    </row>
    <row r="645892" spans="8:8">
      <c r="H645892" s="12"/>
    </row>
    <row r="645893" spans="8:8">
      <c r="H645893" s="12"/>
    </row>
    <row r="645894" spans="8:8">
      <c r="H645894" s="12"/>
    </row>
    <row r="645895" spans="8:8">
      <c r="H645895" s="12"/>
    </row>
    <row r="645896" spans="8:8">
      <c r="H645896" s="12"/>
    </row>
    <row r="645897" spans="8:8">
      <c r="H645897" s="12"/>
    </row>
    <row r="645898" spans="8:8">
      <c r="H645898" s="12"/>
    </row>
    <row r="645899" spans="8:8">
      <c r="H645899" s="12"/>
    </row>
    <row r="645900" spans="8:8">
      <c r="H645900" s="12"/>
    </row>
    <row r="645901" spans="8:8">
      <c r="H645901" s="12"/>
    </row>
    <row r="645902" spans="8:8">
      <c r="H645902" s="12"/>
    </row>
    <row r="645903" spans="8:8">
      <c r="H645903" s="12"/>
    </row>
    <row r="645904" spans="8:8">
      <c r="H645904" s="12"/>
    </row>
    <row r="645905" spans="8:8">
      <c r="H645905" s="12"/>
    </row>
    <row r="645906" spans="8:8">
      <c r="H645906" s="12"/>
    </row>
    <row r="645907" spans="8:8">
      <c r="H645907" s="12"/>
    </row>
    <row r="645908" spans="8:8">
      <c r="H645908" s="12"/>
    </row>
    <row r="645909" spans="8:8">
      <c r="H645909" s="12"/>
    </row>
    <row r="645910" spans="8:8">
      <c r="H645910" s="12"/>
    </row>
    <row r="645911" spans="8:8">
      <c r="H645911" s="12"/>
    </row>
    <row r="645912" spans="8:8">
      <c r="H645912" s="12"/>
    </row>
    <row r="645913" spans="8:8">
      <c r="H645913" s="12"/>
    </row>
    <row r="645914" spans="8:8">
      <c r="H645914" s="12"/>
    </row>
    <row r="645915" spans="8:8">
      <c r="H645915" s="12"/>
    </row>
    <row r="645916" spans="8:8">
      <c r="H645916" s="12"/>
    </row>
    <row r="645917" spans="8:8">
      <c r="H645917" s="12"/>
    </row>
    <row r="645918" spans="8:8">
      <c r="H645918" s="12"/>
    </row>
    <row r="645919" spans="8:8">
      <c r="H645919" s="12"/>
    </row>
    <row r="645920" spans="8:8">
      <c r="H645920" s="12"/>
    </row>
    <row r="645921" spans="8:8">
      <c r="H645921" s="12"/>
    </row>
    <row r="645922" spans="8:8">
      <c r="H645922" s="12"/>
    </row>
    <row r="645923" spans="8:8">
      <c r="H645923" s="12"/>
    </row>
    <row r="645924" spans="8:8">
      <c r="H645924" s="12"/>
    </row>
    <row r="645925" spans="8:8">
      <c r="H645925" s="12"/>
    </row>
    <row r="645926" spans="8:8">
      <c r="H645926" s="12"/>
    </row>
    <row r="645927" spans="8:8">
      <c r="H645927" s="12"/>
    </row>
    <row r="645928" spans="8:8">
      <c r="H645928" s="12"/>
    </row>
    <row r="645929" spans="8:8">
      <c r="H645929" s="12"/>
    </row>
    <row r="645930" spans="8:8">
      <c r="H645930" s="12"/>
    </row>
    <row r="645931" spans="8:8">
      <c r="H645931" s="12"/>
    </row>
    <row r="645932" spans="8:8">
      <c r="H645932" s="12"/>
    </row>
    <row r="645933" spans="8:8">
      <c r="H645933" s="12"/>
    </row>
    <row r="645934" spans="8:8">
      <c r="H645934" s="12"/>
    </row>
    <row r="645935" spans="8:8">
      <c r="H645935" s="12"/>
    </row>
    <row r="645936" spans="8:8">
      <c r="H645936" s="12"/>
    </row>
    <row r="645937" spans="8:8">
      <c r="H645937" s="12"/>
    </row>
    <row r="645938" spans="8:8">
      <c r="H645938" s="12"/>
    </row>
    <row r="645939" spans="8:8">
      <c r="H645939" s="12"/>
    </row>
    <row r="645940" spans="8:8">
      <c r="H645940" s="12"/>
    </row>
    <row r="645941" spans="8:8">
      <c r="H645941" s="12"/>
    </row>
    <row r="645942" spans="8:8">
      <c r="H645942" s="12"/>
    </row>
    <row r="645943" spans="8:8">
      <c r="H645943" s="12"/>
    </row>
    <row r="645944" spans="8:8">
      <c r="H645944" s="12"/>
    </row>
    <row r="645945" spans="8:8">
      <c r="H645945" s="12"/>
    </row>
    <row r="645946" spans="8:8">
      <c r="H645946" s="12"/>
    </row>
    <row r="645947" spans="8:8">
      <c r="H645947" s="12"/>
    </row>
    <row r="645948" spans="8:8">
      <c r="H645948" s="12"/>
    </row>
    <row r="645949" spans="8:8">
      <c r="H645949" s="12"/>
    </row>
    <row r="645950" spans="8:8">
      <c r="H645950" s="12"/>
    </row>
    <row r="645951" spans="8:8">
      <c r="H645951" s="12"/>
    </row>
    <row r="645952" spans="8:8">
      <c r="H645952" s="12"/>
    </row>
    <row r="645953" spans="8:8">
      <c r="H645953" s="12"/>
    </row>
    <row r="645954" spans="8:8">
      <c r="H645954" s="12"/>
    </row>
    <row r="645955" spans="8:8">
      <c r="H645955" s="12"/>
    </row>
    <row r="645956" spans="8:8">
      <c r="H645956" s="12"/>
    </row>
    <row r="645957" spans="8:8">
      <c r="H645957" s="12"/>
    </row>
    <row r="645958" spans="8:8">
      <c r="H645958" s="12"/>
    </row>
    <row r="645959" spans="8:8">
      <c r="H645959" s="12"/>
    </row>
    <row r="645960" spans="8:8">
      <c r="H645960" s="12"/>
    </row>
    <row r="645961" spans="8:8">
      <c r="H645961" s="12"/>
    </row>
    <row r="645962" spans="8:8">
      <c r="H645962" s="12"/>
    </row>
    <row r="645963" spans="8:8">
      <c r="H645963" s="12"/>
    </row>
    <row r="645964" spans="8:8">
      <c r="H645964" s="12"/>
    </row>
    <row r="645965" spans="8:8">
      <c r="H645965" s="12"/>
    </row>
    <row r="645966" spans="8:8">
      <c r="H645966" s="12"/>
    </row>
    <row r="645967" spans="8:8">
      <c r="H645967" s="12"/>
    </row>
    <row r="645968" spans="8:8">
      <c r="H645968" s="12"/>
    </row>
    <row r="645969" spans="8:8">
      <c r="H645969" s="12"/>
    </row>
    <row r="645970" spans="8:8">
      <c r="H645970" s="12"/>
    </row>
    <row r="645971" spans="8:8">
      <c r="H645971" s="12"/>
    </row>
    <row r="645972" spans="8:8">
      <c r="H645972" s="12"/>
    </row>
    <row r="645973" spans="8:8">
      <c r="H645973" s="12"/>
    </row>
    <row r="645974" spans="8:8">
      <c r="H645974" s="12"/>
    </row>
    <row r="645975" spans="8:8">
      <c r="H645975" s="12"/>
    </row>
    <row r="645976" spans="8:8">
      <c r="H645976" s="12"/>
    </row>
    <row r="645977" spans="8:8">
      <c r="H645977" s="12"/>
    </row>
    <row r="645978" spans="8:8">
      <c r="H645978" s="12"/>
    </row>
    <row r="645979" spans="8:8">
      <c r="H645979" s="12"/>
    </row>
    <row r="645980" spans="8:8">
      <c r="H645980" s="12"/>
    </row>
    <row r="645981" spans="8:8">
      <c r="H645981" s="12"/>
    </row>
    <row r="645982" spans="8:8">
      <c r="H645982" s="12"/>
    </row>
    <row r="645983" spans="8:8">
      <c r="H645983" s="12"/>
    </row>
    <row r="645984" spans="8:8">
      <c r="H645984" s="12"/>
    </row>
    <row r="645985" spans="8:8">
      <c r="H645985" s="12"/>
    </row>
    <row r="645986" spans="8:8">
      <c r="H645986" s="12"/>
    </row>
    <row r="645987" spans="8:8">
      <c r="H645987" s="12"/>
    </row>
    <row r="645988" spans="8:8">
      <c r="H645988" s="12"/>
    </row>
    <row r="645989" spans="8:8">
      <c r="H645989" s="12"/>
    </row>
    <row r="645990" spans="8:8">
      <c r="H645990" s="12"/>
    </row>
    <row r="645991" spans="8:8">
      <c r="H645991" s="12"/>
    </row>
    <row r="645992" spans="8:8">
      <c r="H645992" s="12"/>
    </row>
    <row r="645993" spans="8:8">
      <c r="H645993" s="12"/>
    </row>
    <row r="645994" spans="8:8">
      <c r="H645994" s="12"/>
    </row>
    <row r="645995" spans="8:8">
      <c r="H645995" s="12"/>
    </row>
    <row r="645996" spans="8:8">
      <c r="H645996" s="12"/>
    </row>
    <row r="645997" spans="8:8">
      <c r="H645997" s="12"/>
    </row>
    <row r="645998" spans="8:8">
      <c r="H645998" s="12"/>
    </row>
    <row r="645999" spans="8:8">
      <c r="H645999" s="12"/>
    </row>
    <row r="646000" spans="8:8">
      <c r="H646000" s="12"/>
    </row>
    <row r="646001" spans="8:8">
      <c r="H646001" s="12"/>
    </row>
    <row r="646002" spans="8:8">
      <c r="H646002" s="12"/>
    </row>
    <row r="646003" spans="8:8">
      <c r="H646003" s="12"/>
    </row>
    <row r="646004" spans="8:8">
      <c r="H646004" s="12"/>
    </row>
    <row r="646005" spans="8:8">
      <c r="H646005" s="12"/>
    </row>
    <row r="646006" spans="8:8">
      <c r="H646006" s="12"/>
    </row>
    <row r="646007" spans="8:8">
      <c r="H646007" s="12"/>
    </row>
    <row r="646008" spans="8:8">
      <c r="H646008" s="12"/>
    </row>
    <row r="646009" spans="8:8">
      <c r="H646009" s="12"/>
    </row>
    <row r="646010" spans="8:8">
      <c r="H646010" s="12"/>
    </row>
    <row r="646011" spans="8:8">
      <c r="H646011" s="12"/>
    </row>
    <row r="646012" spans="8:8">
      <c r="H646012" s="12"/>
    </row>
    <row r="646013" spans="8:8">
      <c r="H646013" s="12"/>
    </row>
    <row r="646014" spans="8:8">
      <c r="H646014" s="12"/>
    </row>
    <row r="646015" spans="8:8">
      <c r="H646015" s="12"/>
    </row>
    <row r="646016" spans="8:8">
      <c r="H646016" s="12"/>
    </row>
    <row r="646017" spans="8:8">
      <c r="H646017" s="12"/>
    </row>
    <row r="646018" spans="8:8">
      <c r="H646018" s="12"/>
    </row>
    <row r="646019" spans="8:8">
      <c r="H646019" s="12"/>
    </row>
    <row r="646020" spans="8:8">
      <c r="H646020" s="12"/>
    </row>
    <row r="646021" spans="8:8">
      <c r="H646021" s="12"/>
    </row>
    <row r="646022" spans="8:8">
      <c r="H646022" s="12"/>
    </row>
    <row r="646023" spans="8:8">
      <c r="H646023" s="12"/>
    </row>
    <row r="646024" spans="8:8">
      <c r="H646024" s="12"/>
    </row>
    <row r="646025" spans="8:8">
      <c r="H646025" s="12"/>
    </row>
    <row r="646026" spans="8:8">
      <c r="H646026" s="12"/>
    </row>
    <row r="646027" spans="8:8">
      <c r="H646027" s="12"/>
    </row>
    <row r="646028" spans="8:8">
      <c r="H646028" s="12"/>
    </row>
    <row r="646029" spans="8:8">
      <c r="H646029" s="12"/>
    </row>
    <row r="646030" spans="8:8">
      <c r="H646030" s="12"/>
    </row>
    <row r="646031" spans="8:8">
      <c r="H646031" s="12"/>
    </row>
    <row r="646032" spans="8:8">
      <c r="H646032" s="12"/>
    </row>
    <row r="646033" spans="8:8">
      <c r="H646033" s="12"/>
    </row>
    <row r="646034" spans="8:8">
      <c r="H646034" s="12"/>
    </row>
    <row r="646035" spans="8:8">
      <c r="H646035" s="12"/>
    </row>
    <row r="646036" spans="8:8">
      <c r="H646036" s="12"/>
    </row>
    <row r="646037" spans="8:8">
      <c r="H646037" s="12"/>
    </row>
    <row r="646038" spans="8:8">
      <c r="H646038" s="12"/>
    </row>
    <row r="646039" spans="8:8">
      <c r="H646039" s="12"/>
    </row>
    <row r="646040" spans="8:8">
      <c r="H646040" s="12"/>
    </row>
    <row r="646041" spans="8:8">
      <c r="H646041" s="12"/>
    </row>
    <row r="646042" spans="8:8">
      <c r="H646042" s="12"/>
    </row>
    <row r="646043" spans="8:8">
      <c r="H646043" s="12"/>
    </row>
    <row r="646044" spans="8:8">
      <c r="H646044" s="12"/>
    </row>
    <row r="646045" spans="8:8">
      <c r="H646045" s="12"/>
    </row>
    <row r="646046" spans="8:8">
      <c r="H646046" s="12"/>
    </row>
    <row r="646047" spans="8:8">
      <c r="H646047" s="12"/>
    </row>
    <row r="646048" spans="8:8">
      <c r="H646048" s="12"/>
    </row>
    <row r="646049" spans="8:8">
      <c r="H646049" s="12"/>
    </row>
    <row r="646050" spans="8:8">
      <c r="H646050" s="12"/>
    </row>
    <row r="646051" spans="8:8">
      <c r="H646051" s="12"/>
    </row>
    <row r="646052" spans="8:8">
      <c r="H646052" s="12"/>
    </row>
    <row r="646053" spans="8:8">
      <c r="H646053" s="12"/>
    </row>
    <row r="646054" spans="8:8">
      <c r="H646054" s="12"/>
    </row>
    <row r="646055" spans="8:8">
      <c r="H646055" s="12"/>
    </row>
    <row r="646056" spans="8:8">
      <c r="H646056" s="12"/>
    </row>
    <row r="646057" spans="8:8">
      <c r="H646057" s="12"/>
    </row>
    <row r="646058" spans="8:8">
      <c r="H646058" s="12"/>
    </row>
    <row r="646059" spans="8:8">
      <c r="H646059" s="12"/>
    </row>
    <row r="646060" spans="8:8">
      <c r="H646060" s="12"/>
    </row>
    <row r="646061" spans="8:8">
      <c r="H646061" s="12"/>
    </row>
    <row r="646062" spans="8:8">
      <c r="H646062" s="12"/>
    </row>
    <row r="646063" spans="8:8">
      <c r="H646063" s="12"/>
    </row>
    <row r="646064" spans="8:8">
      <c r="H646064" s="12"/>
    </row>
    <row r="646065" spans="8:8">
      <c r="H646065" s="12"/>
    </row>
    <row r="646066" spans="8:8">
      <c r="H646066" s="12"/>
    </row>
    <row r="646067" spans="8:8">
      <c r="H646067" s="12"/>
    </row>
    <row r="646068" spans="8:8">
      <c r="H646068" s="12"/>
    </row>
    <row r="646069" spans="8:8">
      <c r="H646069" s="12"/>
    </row>
    <row r="646070" spans="8:8">
      <c r="H646070" s="12"/>
    </row>
    <row r="646071" spans="8:8">
      <c r="H646071" s="12"/>
    </row>
    <row r="646072" spans="8:8">
      <c r="H646072" s="12"/>
    </row>
    <row r="646073" spans="8:8">
      <c r="H646073" s="12"/>
    </row>
    <row r="646074" spans="8:8">
      <c r="H646074" s="12"/>
    </row>
    <row r="646075" spans="8:8">
      <c r="H646075" s="12"/>
    </row>
    <row r="646076" spans="8:8">
      <c r="H646076" s="12"/>
    </row>
    <row r="646077" spans="8:8">
      <c r="H646077" s="12"/>
    </row>
    <row r="646078" spans="8:8">
      <c r="H646078" s="12"/>
    </row>
    <row r="646079" spans="8:8">
      <c r="H646079" s="12"/>
    </row>
    <row r="646080" spans="8:8">
      <c r="H646080" s="12"/>
    </row>
    <row r="646081" spans="8:8">
      <c r="H646081" s="12"/>
    </row>
    <row r="646082" spans="8:8">
      <c r="H646082" s="12"/>
    </row>
    <row r="646083" spans="8:8">
      <c r="H646083" s="12"/>
    </row>
    <row r="646084" spans="8:8">
      <c r="H646084" s="12"/>
    </row>
    <row r="646085" spans="8:8">
      <c r="H646085" s="12"/>
    </row>
    <row r="646086" spans="8:8">
      <c r="H646086" s="12"/>
    </row>
    <row r="646087" spans="8:8">
      <c r="H646087" s="12"/>
    </row>
    <row r="646088" spans="8:8">
      <c r="H646088" s="12"/>
    </row>
    <row r="646089" spans="8:8">
      <c r="H646089" s="12"/>
    </row>
    <row r="646090" spans="8:8">
      <c r="H646090" s="12"/>
    </row>
    <row r="646091" spans="8:8">
      <c r="H646091" s="12"/>
    </row>
    <row r="646092" spans="8:8">
      <c r="H646092" s="12"/>
    </row>
    <row r="646093" spans="8:8">
      <c r="H646093" s="12"/>
    </row>
    <row r="646094" spans="8:8">
      <c r="H646094" s="12"/>
    </row>
    <row r="646095" spans="8:8">
      <c r="H646095" s="12"/>
    </row>
    <row r="646096" spans="8:8">
      <c r="H646096" s="12"/>
    </row>
    <row r="646097" spans="8:8">
      <c r="H646097" s="12"/>
    </row>
    <row r="646098" spans="8:8">
      <c r="H646098" s="12"/>
    </row>
    <row r="646099" spans="8:8">
      <c r="H646099" s="12"/>
    </row>
    <row r="646100" spans="8:8">
      <c r="H646100" s="12"/>
    </row>
    <row r="646101" spans="8:8">
      <c r="H646101" s="12"/>
    </row>
    <row r="646102" spans="8:8">
      <c r="H646102" s="12"/>
    </row>
    <row r="646103" spans="8:8">
      <c r="H646103" s="12"/>
    </row>
    <row r="646104" spans="8:8">
      <c r="H646104" s="12"/>
    </row>
    <row r="646105" spans="8:8">
      <c r="H646105" s="12"/>
    </row>
    <row r="646106" spans="8:8">
      <c r="H646106" s="12"/>
    </row>
    <row r="646107" spans="8:8">
      <c r="H646107" s="12"/>
    </row>
    <row r="646108" spans="8:8">
      <c r="H646108" s="12"/>
    </row>
    <row r="646109" spans="8:8">
      <c r="H646109" s="12"/>
    </row>
    <row r="646110" spans="8:8">
      <c r="H646110" s="12"/>
    </row>
    <row r="646111" spans="8:8">
      <c r="H646111" s="12"/>
    </row>
    <row r="646112" spans="8:8">
      <c r="H646112" s="12"/>
    </row>
    <row r="646113" spans="8:8">
      <c r="H646113" s="12"/>
    </row>
    <row r="646114" spans="8:8">
      <c r="H646114" s="12"/>
    </row>
    <row r="646115" spans="8:8">
      <c r="H646115" s="12"/>
    </row>
    <row r="646116" spans="8:8">
      <c r="H646116" s="12"/>
    </row>
    <row r="646117" spans="8:8">
      <c r="H646117" s="12"/>
    </row>
    <row r="646118" spans="8:8">
      <c r="H646118" s="12"/>
    </row>
    <row r="646119" spans="8:8">
      <c r="H646119" s="12"/>
    </row>
    <row r="646120" spans="8:8">
      <c r="H646120" s="12"/>
    </row>
    <row r="646121" spans="8:8">
      <c r="H646121" s="12"/>
    </row>
    <row r="646122" spans="8:8">
      <c r="H646122" s="12"/>
    </row>
    <row r="646123" spans="8:8">
      <c r="H646123" s="12"/>
    </row>
    <row r="646124" spans="8:8">
      <c r="H646124" s="12"/>
    </row>
    <row r="646125" spans="8:8">
      <c r="H646125" s="12"/>
    </row>
    <row r="646126" spans="8:8">
      <c r="H646126" s="12"/>
    </row>
    <row r="646127" spans="8:8">
      <c r="H646127" s="12"/>
    </row>
    <row r="646128" spans="8:8">
      <c r="H646128" s="12"/>
    </row>
    <row r="646129" spans="8:8">
      <c r="H646129" s="12"/>
    </row>
    <row r="646130" spans="8:8">
      <c r="H646130" s="12"/>
    </row>
    <row r="646131" spans="8:8">
      <c r="H646131" s="12"/>
    </row>
    <row r="646132" spans="8:8">
      <c r="H646132" s="12"/>
    </row>
    <row r="646133" spans="8:8">
      <c r="H646133" s="12"/>
    </row>
    <row r="646134" spans="8:8">
      <c r="H646134" s="12"/>
    </row>
    <row r="646135" spans="8:8">
      <c r="H646135" s="12"/>
    </row>
    <row r="646136" spans="8:8">
      <c r="H646136" s="12"/>
    </row>
    <row r="646137" spans="8:8">
      <c r="H646137" s="12"/>
    </row>
    <row r="646138" spans="8:8">
      <c r="H646138" s="12"/>
    </row>
    <row r="646139" spans="8:8">
      <c r="H646139" s="12"/>
    </row>
    <row r="646140" spans="8:8">
      <c r="H646140" s="12"/>
    </row>
    <row r="646141" spans="8:8">
      <c r="H646141" s="12"/>
    </row>
    <row r="646142" spans="8:8">
      <c r="H646142" s="12"/>
    </row>
    <row r="646143" spans="8:8">
      <c r="H646143" s="12"/>
    </row>
    <row r="646144" spans="8:8">
      <c r="H646144" s="12"/>
    </row>
    <row r="646145" spans="8:8">
      <c r="H646145" s="12"/>
    </row>
    <row r="646146" spans="8:8">
      <c r="H646146" s="12"/>
    </row>
    <row r="646147" spans="8:8">
      <c r="H646147" s="12"/>
    </row>
    <row r="646148" spans="8:8">
      <c r="H646148" s="12"/>
    </row>
    <row r="646149" spans="8:8">
      <c r="H646149" s="12"/>
    </row>
    <row r="646150" spans="8:8">
      <c r="H646150" s="12"/>
    </row>
    <row r="646151" spans="8:8">
      <c r="H646151" s="12"/>
    </row>
    <row r="646152" spans="8:8">
      <c r="H646152" s="12"/>
    </row>
    <row r="646153" spans="8:8">
      <c r="H646153" s="12"/>
    </row>
    <row r="646154" spans="8:8">
      <c r="H646154" s="12"/>
    </row>
    <row r="646155" spans="8:8">
      <c r="H646155" s="12"/>
    </row>
    <row r="646156" spans="8:8">
      <c r="H646156" s="12"/>
    </row>
    <row r="646157" spans="8:8">
      <c r="H646157" s="12"/>
    </row>
    <row r="646158" spans="8:8">
      <c r="H646158" s="12"/>
    </row>
    <row r="646159" spans="8:8">
      <c r="H646159" s="12"/>
    </row>
    <row r="646160" spans="8:8">
      <c r="H646160" s="12"/>
    </row>
    <row r="646161" spans="8:8">
      <c r="H646161" s="12"/>
    </row>
    <row r="646162" spans="8:8">
      <c r="H646162" s="12"/>
    </row>
    <row r="646163" spans="8:8">
      <c r="H646163" s="12"/>
    </row>
    <row r="646164" spans="8:8">
      <c r="H646164" s="12"/>
    </row>
    <row r="646165" spans="8:8">
      <c r="H646165" s="12"/>
    </row>
    <row r="646166" spans="8:8">
      <c r="H646166" s="12"/>
    </row>
    <row r="646167" spans="8:8">
      <c r="H646167" s="12"/>
    </row>
    <row r="646168" spans="8:8">
      <c r="H646168" s="12"/>
    </row>
    <row r="646169" spans="8:8">
      <c r="H646169" s="12"/>
    </row>
    <row r="646170" spans="8:8">
      <c r="H646170" s="12"/>
    </row>
    <row r="646171" spans="8:8">
      <c r="H646171" s="12"/>
    </row>
    <row r="646172" spans="8:8">
      <c r="H646172" s="12"/>
    </row>
    <row r="646173" spans="8:8">
      <c r="H646173" s="12"/>
    </row>
    <row r="646174" spans="8:8">
      <c r="H646174" s="12"/>
    </row>
    <row r="646175" spans="8:8">
      <c r="H646175" s="12"/>
    </row>
    <row r="646176" spans="8:8">
      <c r="H646176" s="12"/>
    </row>
    <row r="646177" spans="8:8">
      <c r="H646177" s="12"/>
    </row>
    <row r="646178" spans="8:8">
      <c r="H646178" s="12"/>
    </row>
    <row r="646179" spans="8:8">
      <c r="H646179" s="12"/>
    </row>
    <row r="646180" spans="8:8">
      <c r="H646180" s="12"/>
    </row>
    <row r="646181" spans="8:8">
      <c r="H646181" s="12"/>
    </row>
    <row r="646182" spans="8:8">
      <c r="H646182" s="12"/>
    </row>
    <row r="646183" spans="8:8">
      <c r="H646183" s="12"/>
    </row>
    <row r="646184" spans="8:8">
      <c r="H646184" s="12"/>
    </row>
    <row r="646185" spans="8:8">
      <c r="H646185" s="12"/>
    </row>
    <row r="646186" spans="8:8">
      <c r="H646186" s="12"/>
    </row>
    <row r="646187" spans="8:8">
      <c r="H646187" s="12"/>
    </row>
    <row r="646188" spans="8:8">
      <c r="H646188" s="12"/>
    </row>
    <row r="646189" spans="8:8">
      <c r="H646189" s="12"/>
    </row>
    <row r="646190" spans="8:8">
      <c r="H646190" s="12"/>
    </row>
    <row r="646191" spans="8:8">
      <c r="H646191" s="12"/>
    </row>
    <row r="646192" spans="8:8">
      <c r="H646192" s="12"/>
    </row>
    <row r="646193" spans="8:8">
      <c r="H646193" s="12"/>
    </row>
    <row r="646194" spans="8:8">
      <c r="H646194" s="12"/>
    </row>
    <row r="646195" spans="8:8">
      <c r="H646195" s="12"/>
    </row>
    <row r="646196" spans="8:8">
      <c r="H646196" s="12"/>
    </row>
    <row r="646197" spans="8:8">
      <c r="H646197" s="12"/>
    </row>
    <row r="646198" spans="8:8">
      <c r="H646198" s="12"/>
    </row>
    <row r="646199" spans="8:8">
      <c r="H646199" s="12"/>
    </row>
    <row r="646200" spans="8:8">
      <c r="H646200" s="12"/>
    </row>
    <row r="646201" spans="8:8">
      <c r="H646201" s="12"/>
    </row>
    <row r="646202" spans="8:8">
      <c r="H646202" s="12"/>
    </row>
    <row r="646203" spans="8:8">
      <c r="H646203" s="12"/>
    </row>
    <row r="646204" spans="8:8">
      <c r="H646204" s="12"/>
    </row>
    <row r="646205" spans="8:8">
      <c r="H646205" s="12"/>
    </row>
    <row r="646206" spans="8:8">
      <c r="H646206" s="12"/>
    </row>
    <row r="646207" spans="8:8">
      <c r="H646207" s="12"/>
    </row>
    <row r="646208" spans="8:8">
      <c r="H646208" s="12"/>
    </row>
    <row r="646209" spans="8:8">
      <c r="H646209" s="12"/>
    </row>
    <row r="646210" spans="8:8">
      <c r="H646210" s="12"/>
    </row>
    <row r="646211" spans="8:8">
      <c r="H646211" s="12"/>
    </row>
    <row r="646212" spans="8:8">
      <c r="H646212" s="12"/>
    </row>
    <row r="646213" spans="8:8">
      <c r="H646213" s="12"/>
    </row>
    <row r="646214" spans="8:8">
      <c r="H646214" s="12"/>
    </row>
    <row r="646215" spans="8:8">
      <c r="H646215" s="12"/>
    </row>
    <row r="646216" spans="8:8">
      <c r="H646216" s="12"/>
    </row>
    <row r="646217" spans="8:8">
      <c r="H646217" s="12"/>
    </row>
    <row r="646218" spans="8:8">
      <c r="H646218" s="12"/>
    </row>
    <row r="646219" spans="8:8">
      <c r="H646219" s="12"/>
    </row>
    <row r="646220" spans="8:8">
      <c r="H646220" s="12"/>
    </row>
    <row r="646221" spans="8:8">
      <c r="H646221" s="12"/>
    </row>
    <row r="646222" spans="8:8">
      <c r="H646222" s="12"/>
    </row>
    <row r="646223" spans="8:8">
      <c r="H646223" s="12"/>
    </row>
    <row r="646224" spans="8:8">
      <c r="H646224" s="12"/>
    </row>
    <row r="646225" spans="8:8">
      <c r="H646225" s="12"/>
    </row>
    <row r="646226" spans="8:8">
      <c r="H646226" s="12"/>
    </row>
    <row r="646227" spans="8:8">
      <c r="H646227" s="12"/>
    </row>
    <row r="646228" spans="8:8">
      <c r="H646228" s="12"/>
    </row>
    <row r="646229" spans="8:8">
      <c r="H646229" s="12"/>
    </row>
    <row r="646230" spans="8:8">
      <c r="H646230" s="12"/>
    </row>
    <row r="646231" spans="8:8">
      <c r="H646231" s="12"/>
    </row>
    <row r="646232" spans="8:8">
      <c r="H646232" s="12"/>
    </row>
    <row r="646233" spans="8:8">
      <c r="H646233" s="12"/>
    </row>
    <row r="646234" spans="8:8">
      <c r="H646234" s="12"/>
    </row>
    <row r="646235" spans="8:8">
      <c r="H646235" s="12"/>
    </row>
    <row r="646236" spans="8:8">
      <c r="H646236" s="12"/>
    </row>
    <row r="646237" spans="8:8">
      <c r="H646237" s="12"/>
    </row>
    <row r="646238" spans="8:8">
      <c r="H646238" s="12"/>
    </row>
    <row r="646239" spans="8:8">
      <c r="H646239" s="12"/>
    </row>
    <row r="646240" spans="8:8">
      <c r="H646240" s="12"/>
    </row>
    <row r="646241" spans="8:8">
      <c r="H646241" s="12"/>
    </row>
    <row r="646242" spans="8:8">
      <c r="H646242" s="12"/>
    </row>
    <row r="646243" spans="8:8">
      <c r="H646243" s="12"/>
    </row>
    <row r="646244" spans="8:8">
      <c r="H646244" s="12"/>
    </row>
    <row r="646245" spans="8:8">
      <c r="H646245" s="12"/>
    </row>
    <row r="646246" spans="8:8">
      <c r="H646246" s="12"/>
    </row>
    <row r="646247" spans="8:8">
      <c r="H646247" s="12"/>
    </row>
    <row r="646248" spans="8:8">
      <c r="H646248" s="12"/>
    </row>
    <row r="646249" spans="8:8">
      <c r="H646249" s="12"/>
    </row>
    <row r="646250" spans="8:8">
      <c r="H646250" s="12"/>
    </row>
    <row r="646251" spans="8:8">
      <c r="H646251" s="12"/>
    </row>
    <row r="646252" spans="8:8">
      <c r="H646252" s="12"/>
    </row>
    <row r="646253" spans="8:8">
      <c r="H646253" s="12"/>
    </row>
    <row r="646254" spans="8:8">
      <c r="H646254" s="12"/>
    </row>
    <row r="646255" spans="8:8">
      <c r="H646255" s="12"/>
    </row>
    <row r="646256" spans="8:8">
      <c r="H646256" s="12"/>
    </row>
    <row r="646257" spans="8:8">
      <c r="H646257" s="12"/>
    </row>
    <row r="646258" spans="8:8">
      <c r="H646258" s="12"/>
    </row>
    <row r="646259" spans="8:8">
      <c r="H646259" s="12"/>
    </row>
    <row r="646260" spans="8:8">
      <c r="H646260" s="12"/>
    </row>
    <row r="646261" spans="8:8">
      <c r="H646261" s="12"/>
    </row>
    <row r="646262" spans="8:8">
      <c r="H646262" s="12"/>
    </row>
    <row r="646263" spans="8:8">
      <c r="H646263" s="12"/>
    </row>
    <row r="646264" spans="8:8">
      <c r="H646264" s="12"/>
    </row>
    <row r="646265" spans="8:8">
      <c r="H646265" s="12"/>
    </row>
    <row r="646266" spans="8:8">
      <c r="H646266" s="12"/>
    </row>
    <row r="646267" spans="8:8">
      <c r="H646267" s="12"/>
    </row>
    <row r="646268" spans="8:8">
      <c r="H646268" s="12"/>
    </row>
    <row r="646269" spans="8:8">
      <c r="H646269" s="12"/>
    </row>
    <row r="646270" spans="8:8">
      <c r="H646270" s="12"/>
    </row>
    <row r="646271" spans="8:8">
      <c r="H646271" s="12"/>
    </row>
    <row r="646272" spans="8:8">
      <c r="H646272" s="12"/>
    </row>
    <row r="646273" spans="8:8">
      <c r="H646273" s="12"/>
    </row>
    <row r="646274" spans="8:8">
      <c r="H646274" s="12"/>
    </row>
    <row r="646275" spans="8:8">
      <c r="H646275" s="12"/>
    </row>
    <row r="646276" spans="8:8">
      <c r="H646276" s="12"/>
    </row>
    <row r="646277" spans="8:8">
      <c r="H646277" s="12"/>
    </row>
    <row r="646278" spans="8:8">
      <c r="H646278" s="12"/>
    </row>
    <row r="646279" spans="8:8">
      <c r="H646279" s="12"/>
    </row>
    <row r="646280" spans="8:8">
      <c r="H646280" s="12"/>
    </row>
    <row r="646281" spans="8:8">
      <c r="H646281" s="12"/>
    </row>
    <row r="646282" spans="8:8">
      <c r="H646282" s="12"/>
    </row>
    <row r="646283" spans="8:8">
      <c r="H646283" s="12"/>
    </row>
    <row r="646284" spans="8:8">
      <c r="H646284" s="12"/>
    </row>
    <row r="646285" spans="8:8">
      <c r="H646285" s="12"/>
    </row>
    <row r="646286" spans="8:8">
      <c r="H646286" s="12"/>
    </row>
    <row r="646287" spans="8:8">
      <c r="H646287" s="12"/>
    </row>
    <row r="646288" spans="8:8">
      <c r="H646288" s="12"/>
    </row>
    <row r="646289" spans="8:8">
      <c r="H646289" s="12"/>
    </row>
    <row r="646290" spans="8:8">
      <c r="H646290" s="12"/>
    </row>
    <row r="646291" spans="8:8">
      <c r="H646291" s="12"/>
    </row>
    <row r="646292" spans="8:8">
      <c r="H646292" s="12"/>
    </row>
    <row r="646293" spans="8:8">
      <c r="H646293" s="12"/>
    </row>
    <row r="646294" spans="8:8">
      <c r="H646294" s="12"/>
    </row>
    <row r="646295" spans="8:8">
      <c r="H646295" s="12"/>
    </row>
    <row r="646296" spans="8:8">
      <c r="H646296" s="12"/>
    </row>
    <row r="646297" spans="8:8">
      <c r="H646297" s="12"/>
    </row>
    <row r="646298" spans="8:8">
      <c r="H646298" s="12"/>
    </row>
    <row r="646299" spans="8:8">
      <c r="H646299" s="12"/>
    </row>
    <row r="646300" spans="8:8">
      <c r="H646300" s="12"/>
    </row>
    <row r="646301" spans="8:8">
      <c r="H646301" s="12"/>
    </row>
    <row r="646302" spans="8:8">
      <c r="H646302" s="12"/>
    </row>
    <row r="646303" spans="8:8">
      <c r="H646303" s="12"/>
    </row>
    <row r="646304" spans="8:8">
      <c r="H646304" s="12"/>
    </row>
    <row r="646305" spans="8:8">
      <c r="H646305" s="12"/>
    </row>
    <row r="646306" spans="8:8">
      <c r="H646306" s="12"/>
    </row>
    <row r="646307" spans="8:8">
      <c r="H646307" s="12"/>
    </row>
    <row r="646308" spans="8:8">
      <c r="H646308" s="12"/>
    </row>
    <row r="646309" spans="8:8">
      <c r="H646309" s="12"/>
    </row>
    <row r="646310" spans="8:8">
      <c r="H646310" s="12"/>
    </row>
    <row r="646311" spans="8:8">
      <c r="H646311" s="12"/>
    </row>
    <row r="646312" spans="8:8">
      <c r="H646312" s="12"/>
    </row>
    <row r="646313" spans="8:8">
      <c r="H646313" s="12"/>
    </row>
    <row r="646314" spans="8:8">
      <c r="H646314" s="12"/>
    </row>
    <row r="646315" spans="8:8">
      <c r="H646315" s="12"/>
    </row>
    <row r="646316" spans="8:8">
      <c r="H646316" s="12"/>
    </row>
    <row r="646317" spans="8:8">
      <c r="H646317" s="12"/>
    </row>
    <row r="646318" spans="8:8">
      <c r="H646318" s="12"/>
    </row>
    <row r="646319" spans="8:8">
      <c r="H646319" s="12"/>
    </row>
    <row r="646320" spans="8:8">
      <c r="H646320" s="12"/>
    </row>
    <row r="646321" spans="8:8">
      <c r="H646321" s="12"/>
    </row>
    <row r="646322" spans="8:8">
      <c r="H646322" s="12"/>
    </row>
    <row r="646323" spans="8:8">
      <c r="H646323" s="12"/>
    </row>
    <row r="646324" spans="8:8">
      <c r="H646324" s="12"/>
    </row>
    <row r="646325" spans="8:8">
      <c r="H646325" s="12"/>
    </row>
    <row r="646326" spans="8:8">
      <c r="H646326" s="12"/>
    </row>
    <row r="646327" spans="8:8">
      <c r="H646327" s="12"/>
    </row>
    <row r="646328" spans="8:8">
      <c r="H646328" s="12"/>
    </row>
    <row r="646329" spans="8:8">
      <c r="H646329" s="12"/>
    </row>
    <row r="646330" spans="8:8">
      <c r="H646330" s="12"/>
    </row>
    <row r="646331" spans="8:8">
      <c r="H646331" s="12"/>
    </row>
    <row r="646332" spans="8:8">
      <c r="H646332" s="12"/>
    </row>
    <row r="646333" spans="8:8">
      <c r="H646333" s="12"/>
    </row>
    <row r="646334" spans="8:8">
      <c r="H646334" s="12"/>
    </row>
    <row r="646335" spans="8:8">
      <c r="H646335" s="12"/>
    </row>
    <row r="646336" spans="8:8">
      <c r="H646336" s="12"/>
    </row>
    <row r="646337" spans="8:8">
      <c r="H646337" s="12"/>
    </row>
    <row r="646338" spans="8:8">
      <c r="H646338" s="12"/>
    </row>
    <row r="646339" spans="8:8">
      <c r="H646339" s="12"/>
    </row>
    <row r="646340" spans="8:8">
      <c r="H646340" s="12"/>
    </row>
    <row r="646341" spans="8:8">
      <c r="H646341" s="12"/>
    </row>
    <row r="646342" spans="8:8">
      <c r="H646342" s="12"/>
    </row>
    <row r="646343" spans="8:8">
      <c r="H646343" s="12"/>
    </row>
    <row r="646344" spans="8:8">
      <c r="H646344" s="12"/>
    </row>
    <row r="646345" spans="8:8">
      <c r="H646345" s="12"/>
    </row>
    <row r="646346" spans="8:8">
      <c r="H646346" s="12"/>
    </row>
    <row r="646347" spans="8:8">
      <c r="H646347" s="12"/>
    </row>
    <row r="646348" spans="8:8">
      <c r="H646348" s="12"/>
    </row>
    <row r="646349" spans="8:8">
      <c r="H646349" s="12"/>
    </row>
    <row r="646350" spans="8:8">
      <c r="H646350" s="12"/>
    </row>
    <row r="646351" spans="8:8">
      <c r="H646351" s="12"/>
    </row>
    <row r="646352" spans="8:8">
      <c r="H646352" s="12"/>
    </row>
    <row r="646353" spans="8:8">
      <c r="H646353" s="12"/>
    </row>
    <row r="646354" spans="8:8">
      <c r="H646354" s="12"/>
    </row>
    <row r="646355" spans="8:8">
      <c r="H646355" s="12"/>
    </row>
    <row r="646356" spans="8:8">
      <c r="H646356" s="12"/>
    </row>
    <row r="646357" spans="8:8">
      <c r="H646357" s="12"/>
    </row>
    <row r="646358" spans="8:8">
      <c r="H646358" s="12"/>
    </row>
    <row r="646359" spans="8:8">
      <c r="H646359" s="12"/>
    </row>
    <row r="646360" spans="8:8">
      <c r="H646360" s="12"/>
    </row>
    <row r="646361" spans="8:8">
      <c r="H646361" s="12"/>
    </row>
    <row r="646362" spans="8:8">
      <c r="H646362" s="12"/>
    </row>
    <row r="646363" spans="8:8">
      <c r="H646363" s="12"/>
    </row>
    <row r="646364" spans="8:8">
      <c r="H646364" s="12"/>
    </row>
    <row r="646365" spans="8:8">
      <c r="H646365" s="12"/>
    </row>
    <row r="646366" spans="8:8">
      <c r="H646366" s="12"/>
    </row>
    <row r="646367" spans="8:8">
      <c r="H646367" s="12"/>
    </row>
    <row r="646368" spans="8:8">
      <c r="H646368" s="12"/>
    </row>
    <row r="646369" spans="8:8">
      <c r="H646369" s="12"/>
    </row>
    <row r="646370" spans="8:8">
      <c r="H646370" s="12"/>
    </row>
    <row r="646371" spans="8:8">
      <c r="H646371" s="12"/>
    </row>
    <row r="646372" spans="8:8">
      <c r="H646372" s="12"/>
    </row>
    <row r="646373" spans="8:8">
      <c r="H646373" s="12"/>
    </row>
    <row r="646374" spans="8:8">
      <c r="H646374" s="12"/>
    </row>
    <row r="646375" spans="8:8">
      <c r="H646375" s="12"/>
    </row>
    <row r="646376" spans="8:8">
      <c r="H646376" s="12"/>
    </row>
    <row r="646377" spans="8:8">
      <c r="H646377" s="12"/>
    </row>
    <row r="646378" spans="8:8">
      <c r="H646378" s="12"/>
    </row>
    <row r="646379" spans="8:8">
      <c r="H646379" s="12"/>
    </row>
    <row r="646380" spans="8:8">
      <c r="H646380" s="12"/>
    </row>
    <row r="646381" spans="8:8">
      <c r="H646381" s="12"/>
    </row>
    <row r="646382" spans="8:8">
      <c r="H646382" s="12"/>
    </row>
    <row r="646383" spans="8:8">
      <c r="H646383" s="12"/>
    </row>
    <row r="646384" spans="8:8">
      <c r="H646384" s="12"/>
    </row>
    <row r="646385" spans="8:8">
      <c r="H646385" s="12"/>
    </row>
    <row r="646386" spans="8:8">
      <c r="H646386" s="12"/>
    </row>
    <row r="646387" spans="8:8">
      <c r="H646387" s="12"/>
    </row>
    <row r="646388" spans="8:8">
      <c r="H646388" s="12"/>
    </row>
    <row r="646389" spans="8:8">
      <c r="H646389" s="12"/>
    </row>
    <row r="646390" spans="8:8">
      <c r="H646390" s="12"/>
    </row>
    <row r="646391" spans="8:8">
      <c r="H646391" s="12"/>
    </row>
    <row r="646392" spans="8:8">
      <c r="H646392" s="12"/>
    </row>
    <row r="646393" spans="8:8">
      <c r="H646393" s="12"/>
    </row>
    <row r="646394" spans="8:8">
      <c r="H646394" s="12"/>
    </row>
    <row r="646395" spans="8:8">
      <c r="H646395" s="12"/>
    </row>
    <row r="646396" spans="8:8">
      <c r="H646396" s="12"/>
    </row>
    <row r="646397" spans="8:8">
      <c r="H646397" s="12"/>
    </row>
    <row r="646398" spans="8:8">
      <c r="H646398" s="12"/>
    </row>
    <row r="646399" spans="8:8">
      <c r="H646399" s="12"/>
    </row>
    <row r="646400" spans="8:8">
      <c r="H646400" s="12"/>
    </row>
    <row r="646401" spans="8:8">
      <c r="H646401" s="12"/>
    </row>
    <row r="646402" spans="8:8">
      <c r="H646402" s="12"/>
    </row>
    <row r="646403" spans="8:8">
      <c r="H646403" s="12"/>
    </row>
    <row r="646404" spans="8:8">
      <c r="H646404" s="12"/>
    </row>
    <row r="646405" spans="8:8">
      <c r="H646405" s="12"/>
    </row>
    <row r="646406" spans="8:8">
      <c r="H646406" s="12"/>
    </row>
    <row r="646407" spans="8:8">
      <c r="H646407" s="12"/>
    </row>
    <row r="646408" spans="8:8">
      <c r="H646408" s="12"/>
    </row>
    <row r="646409" spans="8:8">
      <c r="H646409" s="12"/>
    </row>
    <row r="646410" spans="8:8">
      <c r="H646410" s="12"/>
    </row>
    <row r="646411" spans="8:8">
      <c r="H646411" s="12"/>
    </row>
    <row r="646412" spans="8:8">
      <c r="H646412" s="12"/>
    </row>
    <row r="646413" spans="8:8">
      <c r="H646413" s="12"/>
    </row>
    <row r="646414" spans="8:8">
      <c r="H646414" s="12"/>
    </row>
    <row r="646415" spans="8:8">
      <c r="H646415" s="12"/>
    </row>
    <row r="646416" spans="8:8">
      <c r="H646416" s="12"/>
    </row>
    <row r="646417" spans="8:8">
      <c r="H646417" s="12"/>
    </row>
    <row r="646418" spans="8:8">
      <c r="H646418" s="12"/>
    </row>
    <row r="646419" spans="8:8">
      <c r="H646419" s="12"/>
    </row>
    <row r="646420" spans="8:8">
      <c r="H646420" s="12"/>
    </row>
    <row r="646421" spans="8:8">
      <c r="H646421" s="12"/>
    </row>
    <row r="646422" spans="8:8">
      <c r="H646422" s="12"/>
    </row>
    <row r="646423" spans="8:8">
      <c r="H646423" s="12"/>
    </row>
    <row r="646424" spans="8:8">
      <c r="H646424" s="12"/>
    </row>
    <row r="646425" spans="8:8">
      <c r="H646425" s="12"/>
    </row>
    <row r="646426" spans="8:8">
      <c r="H646426" s="12"/>
    </row>
    <row r="646427" spans="8:8">
      <c r="H646427" s="12"/>
    </row>
    <row r="646428" spans="8:8">
      <c r="H646428" s="12"/>
    </row>
    <row r="646429" spans="8:8">
      <c r="H646429" s="12"/>
    </row>
    <row r="646430" spans="8:8">
      <c r="H646430" s="12"/>
    </row>
    <row r="646431" spans="8:8">
      <c r="H646431" s="12"/>
    </row>
    <row r="646432" spans="8:8">
      <c r="H646432" s="12"/>
    </row>
    <row r="646433" spans="8:8">
      <c r="H646433" s="12"/>
    </row>
    <row r="646434" spans="8:8">
      <c r="H646434" s="12"/>
    </row>
    <row r="646435" spans="8:8">
      <c r="H646435" s="12"/>
    </row>
    <row r="646436" spans="8:8">
      <c r="H646436" s="12"/>
    </row>
    <row r="646437" spans="8:8">
      <c r="H646437" s="12"/>
    </row>
    <row r="646438" spans="8:8">
      <c r="H646438" s="12"/>
    </row>
    <row r="646439" spans="8:8">
      <c r="H646439" s="12"/>
    </row>
    <row r="646440" spans="8:8">
      <c r="H646440" s="12"/>
    </row>
    <row r="646441" spans="8:8">
      <c r="H646441" s="12"/>
    </row>
    <row r="646442" spans="8:8">
      <c r="H646442" s="12"/>
    </row>
    <row r="646443" spans="8:8">
      <c r="H646443" s="12"/>
    </row>
    <row r="646444" spans="8:8">
      <c r="H646444" s="12"/>
    </row>
    <row r="646445" spans="8:8">
      <c r="H646445" s="12"/>
    </row>
    <row r="646446" spans="8:8">
      <c r="H646446" s="12"/>
    </row>
    <row r="646447" spans="8:8">
      <c r="H646447" s="12"/>
    </row>
    <row r="646448" spans="8:8">
      <c r="H646448" s="12"/>
    </row>
    <row r="646449" spans="8:8">
      <c r="H646449" s="12"/>
    </row>
    <row r="646450" spans="8:8">
      <c r="H646450" s="12"/>
    </row>
    <row r="646451" spans="8:8">
      <c r="H646451" s="12"/>
    </row>
    <row r="646452" spans="8:8">
      <c r="H646452" s="12"/>
    </row>
    <row r="646453" spans="8:8">
      <c r="H646453" s="12"/>
    </row>
    <row r="646454" spans="8:8">
      <c r="H646454" s="12"/>
    </row>
    <row r="646455" spans="8:8">
      <c r="H646455" s="12"/>
    </row>
    <row r="646456" spans="8:8">
      <c r="H646456" s="12"/>
    </row>
    <row r="646457" spans="8:8">
      <c r="H646457" s="12"/>
    </row>
    <row r="646458" spans="8:8">
      <c r="H646458" s="12"/>
    </row>
    <row r="646459" spans="8:8">
      <c r="H646459" s="12"/>
    </row>
    <row r="646460" spans="8:8">
      <c r="H646460" s="12"/>
    </row>
    <row r="646461" spans="8:8">
      <c r="H646461" s="12"/>
    </row>
    <row r="646462" spans="8:8">
      <c r="H646462" s="12"/>
    </row>
    <row r="646463" spans="8:8">
      <c r="H646463" s="12"/>
    </row>
    <row r="646464" spans="8:8">
      <c r="H646464" s="12"/>
    </row>
    <row r="646465" spans="8:8">
      <c r="H646465" s="12"/>
    </row>
    <row r="646466" spans="8:8">
      <c r="H646466" s="12"/>
    </row>
    <row r="646467" spans="8:8">
      <c r="H646467" s="12"/>
    </row>
    <row r="646468" spans="8:8">
      <c r="H646468" s="12"/>
    </row>
    <row r="646469" spans="8:8">
      <c r="H646469" s="12"/>
    </row>
    <row r="646470" spans="8:8">
      <c r="H646470" s="12"/>
    </row>
    <row r="646471" spans="8:8">
      <c r="H646471" s="12"/>
    </row>
    <row r="646472" spans="8:8">
      <c r="H646472" s="12"/>
    </row>
    <row r="646473" spans="8:8">
      <c r="H646473" s="12"/>
    </row>
    <row r="646474" spans="8:8">
      <c r="H646474" s="12"/>
    </row>
    <row r="646475" spans="8:8">
      <c r="H646475" s="12"/>
    </row>
    <row r="646476" spans="8:8">
      <c r="H646476" s="12"/>
    </row>
    <row r="646477" spans="8:8">
      <c r="H646477" s="12"/>
    </row>
    <row r="646478" spans="8:8">
      <c r="H646478" s="12"/>
    </row>
    <row r="646479" spans="8:8">
      <c r="H646479" s="12"/>
    </row>
    <row r="646480" spans="8:8">
      <c r="H646480" s="12"/>
    </row>
    <row r="646481" spans="8:8">
      <c r="H646481" s="12"/>
    </row>
    <row r="646482" spans="8:8">
      <c r="H646482" s="12"/>
    </row>
    <row r="646483" spans="8:8">
      <c r="H646483" s="12"/>
    </row>
    <row r="646484" spans="8:8">
      <c r="H646484" s="12"/>
    </row>
    <row r="646485" spans="8:8">
      <c r="H646485" s="12"/>
    </row>
    <row r="646486" spans="8:8">
      <c r="H646486" s="12"/>
    </row>
    <row r="646487" spans="8:8">
      <c r="H646487" s="12"/>
    </row>
    <row r="646488" spans="8:8">
      <c r="H646488" s="12"/>
    </row>
    <row r="646489" spans="8:8">
      <c r="H646489" s="12"/>
    </row>
    <row r="646490" spans="8:8">
      <c r="H646490" s="12"/>
    </row>
    <row r="646491" spans="8:8">
      <c r="H646491" s="12"/>
    </row>
    <row r="646492" spans="8:8">
      <c r="H646492" s="12"/>
    </row>
    <row r="646493" spans="8:8">
      <c r="H646493" s="12"/>
    </row>
    <row r="646494" spans="8:8">
      <c r="H646494" s="12"/>
    </row>
    <row r="646495" spans="8:8">
      <c r="H646495" s="12"/>
    </row>
    <row r="646496" spans="8:8">
      <c r="H646496" s="12"/>
    </row>
    <row r="646497" spans="8:8">
      <c r="H646497" s="12"/>
    </row>
    <row r="646498" spans="8:8">
      <c r="H646498" s="12"/>
    </row>
    <row r="646499" spans="8:8">
      <c r="H646499" s="12"/>
    </row>
    <row r="646500" spans="8:8">
      <c r="H646500" s="12"/>
    </row>
    <row r="646501" spans="8:8">
      <c r="H646501" s="12"/>
    </row>
    <row r="646502" spans="8:8">
      <c r="H646502" s="12"/>
    </row>
    <row r="646503" spans="8:8">
      <c r="H646503" s="12"/>
    </row>
    <row r="646504" spans="8:8">
      <c r="H646504" s="12"/>
    </row>
    <row r="646505" spans="8:8">
      <c r="H646505" s="12"/>
    </row>
    <row r="646506" spans="8:8">
      <c r="H646506" s="12"/>
    </row>
    <row r="646507" spans="8:8">
      <c r="H646507" s="12"/>
    </row>
    <row r="646508" spans="8:8">
      <c r="H646508" s="12"/>
    </row>
    <row r="646509" spans="8:8">
      <c r="H646509" s="12"/>
    </row>
    <row r="646510" spans="8:8">
      <c r="H646510" s="12"/>
    </row>
    <row r="646511" spans="8:8">
      <c r="H646511" s="12"/>
    </row>
    <row r="646512" spans="8:8">
      <c r="H646512" s="12"/>
    </row>
    <row r="646513" spans="8:8">
      <c r="H646513" s="12"/>
    </row>
    <row r="646514" spans="8:8">
      <c r="H646514" s="12"/>
    </row>
    <row r="646515" spans="8:8">
      <c r="H646515" s="12"/>
    </row>
    <row r="646516" spans="8:8">
      <c r="H646516" s="12"/>
    </row>
    <row r="646517" spans="8:8">
      <c r="H646517" s="12"/>
    </row>
    <row r="646518" spans="8:8">
      <c r="H646518" s="12"/>
    </row>
    <row r="646519" spans="8:8">
      <c r="H646519" s="12"/>
    </row>
    <row r="646520" spans="8:8">
      <c r="H646520" s="12"/>
    </row>
    <row r="646521" spans="8:8">
      <c r="H646521" s="12"/>
    </row>
    <row r="646522" spans="8:8">
      <c r="H646522" s="12"/>
    </row>
    <row r="646523" spans="8:8">
      <c r="H646523" s="12"/>
    </row>
    <row r="646524" spans="8:8">
      <c r="H646524" s="12"/>
    </row>
    <row r="646525" spans="8:8">
      <c r="H646525" s="12"/>
    </row>
    <row r="646526" spans="8:8">
      <c r="H646526" s="12"/>
    </row>
    <row r="646527" spans="8:8">
      <c r="H646527" s="12"/>
    </row>
    <row r="646528" spans="8:8">
      <c r="H646528" s="12"/>
    </row>
    <row r="646529" spans="8:8">
      <c r="H646529" s="12"/>
    </row>
    <row r="646530" spans="8:8">
      <c r="H646530" s="12"/>
    </row>
    <row r="646531" spans="8:8">
      <c r="H646531" s="12"/>
    </row>
    <row r="646532" spans="8:8">
      <c r="H646532" s="12"/>
    </row>
    <row r="646533" spans="8:8">
      <c r="H646533" s="12"/>
    </row>
    <row r="646534" spans="8:8">
      <c r="H646534" s="12"/>
    </row>
    <row r="646535" spans="8:8">
      <c r="H646535" s="12"/>
    </row>
    <row r="646536" spans="8:8">
      <c r="H646536" s="12"/>
    </row>
    <row r="646537" spans="8:8">
      <c r="H646537" s="12"/>
    </row>
    <row r="646538" spans="8:8">
      <c r="H646538" s="12"/>
    </row>
    <row r="646539" spans="8:8">
      <c r="H646539" s="12"/>
    </row>
    <row r="646540" spans="8:8">
      <c r="H646540" s="12"/>
    </row>
    <row r="646541" spans="8:8">
      <c r="H646541" s="12"/>
    </row>
    <row r="646542" spans="8:8">
      <c r="H646542" s="12"/>
    </row>
    <row r="646543" spans="8:8">
      <c r="H646543" s="12"/>
    </row>
    <row r="646544" spans="8:8">
      <c r="H646544" s="12"/>
    </row>
    <row r="646545" spans="8:8">
      <c r="H646545" s="12"/>
    </row>
    <row r="646546" spans="8:8">
      <c r="H646546" s="12"/>
    </row>
    <row r="646547" spans="8:8">
      <c r="H646547" s="12"/>
    </row>
    <row r="646548" spans="8:8">
      <c r="H646548" s="12"/>
    </row>
    <row r="646549" spans="8:8">
      <c r="H646549" s="12"/>
    </row>
    <row r="646550" spans="8:8">
      <c r="H646550" s="12"/>
    </row>
    <row r="646551" spans="8:8">
      <c r="H646551" s="12"/>
    </row>
    <row r="646552" spans="8:8">
      <c r="H646552" s="12"/>
    </row>
    <row r="646553" spans="8:8">
      <c r="H646553" s="12"/>
    </row>
    <row r="646554" spans="8:8">
      <c r="H646554" s="12"/>
    </row>
    <row r="646555" spans="8:8">
      <c r="H646555" s="12"/>
    </row>
    <row r="646556" spans="8:8">
      <c r="H646556" s="12"/>
    </row>
    <row r="646557" spans="8:8">
      <c r="H646557" s="12"/>
    </row>
    <row r="646558" spans="8:8">
      <c r="H646558" s="12"/>
    </row>
    <row r="646559" spans="8:8">
      <c r="H646559" s="12"/>
    </row>
    <row r="646560" spans="8:8">
      <c r="H646560" s="12"/>
    </row>
    <row r="646561" spans="8:8">
      <c r="H646561" s="12"/>
    </row>
    <row r="646562" spans="8:8">
      <c r="H646562" s="12"/>
    </row>
    <row r="646563" spans="8:8">
      <c r="H646563" s="12"/>
    </row>
    <row r="646564" spans="8:8">
      <c r="H646564" s="12"/>
    </row>
    <row r="646565" spans="8:8">
      <c r="H646565" s="12"/>
    </row>
    <row r="646566" spans="8:8">
      <c r="H646566" s="12"/>
    </row>
    <row r="646567" spans="8:8">
      <c r="H646567" s="12"/>
    </row>
    <row r="646568" spans="8:8">
      <c r="H646568" s="12"/>
    </row>
    <row r="646569" spans="8:8">
      <c r="H646569" s="12"/>
    </row>
    <row r="646570" spans="8:8">
      <c r="H646570" s="12"/>
    </row>
    <row r="646571" spans="8:8">
      <c r="H646571" s="12"/>
    </row>
    <row r="646572" spans="8:8">
      <c r="H646572" s="12"/>
    </row>
    <row r="646573" spans="8:8">
      <c r="H646573" s="12"/>
    </row>
    <row r="646574" spans="8:8">
      <c r="H646574" s="12"/>
    </row>
    <row r="646575" spans="8:8">
      <c r="H646575" s="12"/>
    </row>
    <row r="646576" spans="8:8">
      <c r="H646576" s="12"/>
    </row>
    <row r="646577" spans="8:8">
      <c r="H646577" s="12"/>
    </row>
    <row r="646578" spans="8:8">
      <c r="H646578" s="12"/>
    </row>
    <row r="646579" spans="8:8">
      <c r="H646579" s="12"/>
    </row>
    <row r="646580" spans="8:8">
      <c r="H646580" s="12"/>
    </row>
    <row r="646581" spans="8:8">
      <c r="H646581" s="12"/>
    </row>
    <row r="646582" spans="8:8">
      <c r="H646582" s="12"/>
    </row>
    <row r="646583" spans="8:8">
      <c r="H646583" s="12"/>
    </row>
    <row r="646584" spans="8:8">
      <c r="H646584" s="12"/>
    </row>
    <row r="646585" spans="8:8">
      <c r="H646585" s="12"/>
    </row>
    <row r="646586" spans="8:8">
      <c r="H646586" s="12"/>
    </row>
    <row r="646587" spans="8:8">
      <c r="H646587" s="12"/>
    </row>
    <row r="646588" spans="8:8">
      <c r="H646588" s="12"/>
    </row>
    <row r="646589" spans="8:8">
      <c r="H646589" s="12"/>
    </row>
    <row r="646590" spans="8:8">
      <c r="H646590" s="12"/>
    </row>
    <row r="646591" spans="8:8">
      <c r="H646591" s="12"/>
    </row>
    <row r="646592" spans="8:8">
      <c r="H646592" s="12"/>
    </row>
    <row r="646593" spans="8:8">
      <c r="H646593" s="12"/>
    </row>
    <row r="646594" spans="8:8">
      <c r="H646594" s="12"/>
    </row>
    <row r="646595" spans="8:8">
      <c r="H646595" s="12"/>
    </row>
    <row r="646596" spans="8:8">
      <c r="H646596" s="12"/>
    </row>
    <row r="646597" spans="8:8">
      <c r="H646597" s="12"/>
    </row>
    <row r="646598" spans="8:8">
      <c r="H646598" s="12"/>
    </row>
    <row r="646599" spans="8:8">
      <c r="H646599" s="12"/>
    </row>
    <row r="646600" spans="8:8">
      <c r="H646600" s="12"/>
    </row>
    <row r="646601" spans="8:8">
      <c r="H646601" s="12"/>
    </row>
    <row r="646602" spans="8:8">
      <c r="H646602" s="12"/>
    </row>
    <row r="646603" spans="8:8">
      <c r="H646603" s="12"/>
    </row>
    <row r="646604" spans="8:8">
      <c r="H646604" s="12"/>
    </row>
    <row r="646605" spans="8:8">
      <c r="H646605" s="12"/>
    </row>
    <row r="646606" spans="8:8">
      <c r="H646606" s="12"/>
    </row>
    <row r="646607" spans="8:8">
      <c r="H646607" s="12"/>
    </row>
    <row r="646608" spans="8:8">
      <c r="H646608" s="12"/>
    </row>
    <row r="646609" spans="8:8">
      <c r="H646609" s="12"/>
    </row>
    <row r="646610" spans="8:8">
      <c r="H646610" s="12"/>
    </row>
    <row r="646611" spans="8:8">
      <c r="H646611" s="12"/>
    </row>
    <row r="646612" spans="8:8">
      <c r="H646612" s="12"/>
    </row>
    <row r="646613" spans="8:8">
      <c r="H646613" s="12"/>
    </row>
    <row r="646614" spans="8:8">
      <c r="H646614" s="12"/>
    </row>
    <row r="646615" spans="8:8">
      <c r="H646615" s="12"/>
    </row>
    <row r="646616" spans="8:8">
      <c r="H646616" s="12"/>
    </row>
    <row r="646617" spans="8:8">
      <c r="H646617" s="12"/>
    </row>
    <row r="646618" spans="8:8">
      <c r="H646618" s="12"/>
    </row>
    <row r="646619" spans="8:8">
      <c r="H646619" s="12"/>
    </row>
    <row r="646620" spans="8:8">
      <c r="H646620" s="12"/>
    </row>
    <row r="646621" spans="8:8">
      <c r="H646621" s="12"/>
    </row>
    <row r="646622" spans="8:8">
      <c r="H646622" s="12"/>
    </row>
    <row r="646623" spans="8:8">
      <c r="H646623" s="12"/>
    </row>
    <row r="646624" spans="8:8">
      <c r="H646624" s="12"/>
    </row>
    <row r="646625" spans="8:8">
      <c r="H646625" s="12"/>
    </row>
    <row r="646626" spans="8:8">
      <c r="H646626" s="12"/>
    </row>
    <row r="646627" spans="8:8">
      <c r="H646627" s="12"/>
    </row>
    <row r="646628" spans="8:8">
      <c r="H646628" s="12"/>
    </row>
    <row r="646629" spans="8:8">
      <c r="H646629" s="12"/>
    </row>
    <row r="646630" spans="8:8">
      <c r="H646630" s="12"/>
    </row>
    <row r="646631" spans="8:8">
      <c r="H646631" s="12"/>
    </row>
    <row r="646632" spans="8:8">
      <c r="H646632" s="12"/>
    </row>
    <row r="646633" spans="8:8">
      <c r="H646633" s="12"/>
    </row>
    <row r="646634" spans="8:8">
      <c r="H646634" s="12"/>
    </row>
    <row r="646635" spans="8:8">
      <c r="H646635" s="12"/>
    </row>
    <row r="646636" spans="8:8">
      <c r="H646636" s="12"/>
    </row>
    <row r="646637" spans="8:8">
      <c r="H646637" s="12"/>
    </row>
    <row r="646638" spans="8:8">
      <c r="H646638" s="12"/>
    </row>
    <row r="646639" spans="8:8">
      <c r="H646639" s="12"/>
    </row>
    <row r="646640" spans="8:8">
      <c r="H646640" s="12"/>
    </row>
    <row r="646641" spans="8:8">
      <c r="H646641" s="12"/>
    </row>
    <row r="646642" spans="8:8">
      <c r="H646642" s="12"/>
    </row>
    <row r="646643" spans="8:8">
      <c r="H646643" s="12"/>
    </row>
    <row r="646644" spans="8:8">
      <c r="H646644" s="12"/>
    </row>
    <row r="646645" spans="8:8">
      <c r="H646645" s="12"/>
    </row>
    <row r="646646" spans="8:8">
      <c r="H646646" s="12"/>
    </row>
    <row r="646647" spans="8:8">
      <c r="H646647" s="12"/>
    </row>
    <row r="646648" spans="8:8">
      <c r="H646648" s="12"/>
    </row>
    <row r="646649" spans="8:8">
      <c r="H646649" s="12"/>
    </row>
    <row r="646650" spans="8:8">
      <c r="H646650" s="12"/>
    </row>
    <row r="646651" spans="8:8">
      <c r="H646651" s="12"/>
    </row>
    <row r="646652" spans="8:8">
      <c r="H646652" s="12"/>
    </row>
    <row r="646653" spans="8:8">
      <c r="H646653" s="12"/>
    </row>
    <row r="646654" spans="8:8">
      <c r="H646654" s="12"/>
    </row>
    <row r="646655" spans="8:8">
      <c r="H646655" s="12"/>
    </row>
    <row r="646656" spans="8:8">
      <c r="H646656" s="12"/>
    </row>
    <row r="646657" spans="8:8">
      <c r="H646657" s="12"/>
    </row>
    <row r="646658" spans="8:8">
      <c r="H646658" s="12"/>
    </row>
    <row r="646659" spans="8:8">
      <c r="H646659" s="12"/>
    </row>
    <row r="646660" spans="8:8">
      <c r="H646660" s="12"/>
    </row>
    <row r="646661" spans="8:8">
      <c r="H646661" s="12"/>
    </row>
    <row r="646662" spans="8:8">
      <c r="H646662" s="12"/>
    </row>
    <row r="646663" spans="8:8">
      <c r="H646663" s="12"/>
    </row>
    <row r="646664" spans="8:8">
      <c r="H646664" s="12"/>
    </row>
    <row r="646665" spans="8:8">
      <c r="H646665" s="12"/>
    </row>
    <row r="646666" spans="8:8">
      <c r="H646666" s="12"/>
    </row>
    <row r="646667" spans="8:8">
      <c r="H646667" s="12"/>
    </row>
    <row r="646668" spans="8:8">
      <c r="H646668" s="12"/>
    </row>
    <row r="646669" spans="8:8">
      <c r="H646669" s="12"/>
    </row>
    <row r="646670" spans="8:8">
      <c r="H646670" s="12"/>
    </row>
    <row r="646671" spans="8:8">
      <c r="H646671" s="12"/>
    </row>
    <row r="646672" spans="8:8">
      <c r="H646672" s="12"/>
    </row>
    <row r="646673" spans="8:8">
      <c r="H646673" s="12"/>
    </row>
    <row r="646674" spans="8:8">
      <c r="H646674" s="12"/>
    </row>
    <row r="646675" spans="8:8">
      <c r="H646675" s="12"/>
    </row>
    <row r="646676" spans="8:8">
      <c r="H646676" s="12"/>
    </row>
    <row r="646677" spans="8:8">
      <c r="H646677" s="12"/>
    </row>
    <row r="646678" spans="8:8">
      <c r="H646678" s="12"/>
    </row>
    <row r="646679" spans="8:8">
      <c r="H646679" s="12"/>
    </row>
    <row r="646680" spans="8:8">
      <c r="H646680" s="12"/>
    </row>
    <row r="646681" spans="8:8">
      <c r="H646681" s="12"/>
    </row>
    <row r="646682" spans="8:8">
      <c r="H646682" s="12"/>
    </row>
    <row r="646683" spans="8:8">
      <c r="H646683" s="12"/>
    </row>
    <row r="646684" spans="8:8">
      <c r="H646684" s="12"/>
    </row>
    <row r="646685" spans="8:8">
      <c r="H646685" s="12"/>
    </row>
    <row r="646686" spans="8:8">
      <c r="H646686" s="12"/>
    </row>
    <row r="646687" spans="8:8">
      <c r="H646687" s="12"/>
    </row>
    <row r="646688" spans="8:8">
      <c r="H646688" s="12"/>
    </row>
    <row r="646689" spans="8:8">
      <c r="H646689" s="12"/>
    </row>
    <row r="646690" spans="8:8">
      <c r="H646690" s="12"/>
    </row>
    <row r="646691" spans="8:8">
      <c r="H646691" s="12"/>
    </row>
    <row r="646692" spans="8:8">
      <c r="H646692" s="12"/>
    </row>
    <row r="646693" spans="8:8">
      <c r="H646693" s="12"/>
    </row>
    <row r="646694" spans="8:8">
      <c r="H646694" s="12"/>
    </row>
    <row r="646695" spans="8:8">
      <c r="H646695" s="12"/>
    </row>
    <row r="646696" spans="8:8">
      <c r="H646696" s="12"/>
    </row>
    <row r="646697" spans="8:8">
      <c r="H646697" s="12"/>
    </row>
    <row r="646698" spans="8:8">
      <c r="H646698" s="12"/>
    </row>
    <row r="646699" spans="8:8">
      <c r="H646699" s="12"/>
    </row>
    <row r="646700" spans="8:8">
      <c r="H646700" s="12"/>
    </row>
    <row r="646701" spans="8:8">
      <c r="H646701" s="12"/>
    </row>
    <row r="646702" spans="8:8">
      <c r="H646702" s="12"/>
    </row>
    <row r="646703" spans="8:8">
      <c r="H646703" s="12"/>
    </row>
    <row r="646704" spans="8:8">
      <c r="H646704" s="12"/>
    </row>
    <row r="646705" spans="8:8">
      <c r="H646705" s="12"/>
    </row>
    <row r="646706" spans="8:8">
      <c r="H646706" s="12"/>
    </row>
    <row r="646707" spans="8:8">
      <c r="H646707" s="12"/>
    </row>
    <row r="646708" spans="8:8">
      <c r="H646708" s="12"/>
    </row>
    <row r="646709" spans="8:8">
      <c r="H646709" s="12"/>
    </row>
    <row r="646710" spans="8:8">
      <c r="H646710" s="12"/>
    </row>
    <row r="646711" spans="8:8">
      <c r="H646711" s="12"/>
    </row>
    <row r="646712" spans="8:8">
      <c r="H646712" s="12"/>
    </row>
    <row r="646713" spans="8:8">
      <c r="H646713" s="12"/>
    </row>
    <row r="646714" spans="8:8">
      <c r="H646714" s="12"/>
    </row>
    <row r="646715" spans="8:8">
      <c r="H646715" s="12"/>
    </row>
    <row r="646716" spans="8:8">
      <c r="H646716" s="12"/>
    </row>
    <row r="646717" spans="8:8">
      <c r="H646717" s="12"/>
    </row>
    <row r="646718" spans="8:8">
      <c r="H646718" s="12"/>
    </row>
    <row r="646719" spans="8:8">
      <c r="H646719" s="12"/>
    </row>
    <row r="646720" spans="8:8">
      <c r="H646720" s="12"/>
    </row>
    <row r="646721" spans="8:8">
      <c r="H646721" s="12"/>
    </row>
    <row r="646722" spans="8:8">
      <c r="H646722" s="12"/>
    </row>
    <row r="646723" spans="8:8">
      <c r="H646723" s="12"/>
    </row>
    <row r="646724" spans="8:8">
      <c r="H646724" s="12"/>
    </row>
    <row r="646725" spans="8:8">
      <c r="H646725" s="12"/>
    </row>
    <row r="646726" spans="8:8">
      <c r="H646726" s="12"/>
    </row>
    <row r="646727" spans="8:8">
      <c r="H646727" s="12"/>
    </row>
    <row r="646728" spans="8:8">
      <c r="H646728" s="12"/>
    </row>
    <row r="646729" spans="8:8">
      <c r="H646729" s="12"/>
    </row>
    <row r="646730" spans="8:8">
      <c r="H646730" s="12"/>
    </row>
    <row r="646731" spans="8:8">
      <c r="H646731" s="12"/>
    </row>
    <row r="646732" spans="8:8">
      <c r="H646732" s="12"/>
    </row>
    <row r="646733" spans="8:8">
      <c r="H646733" s="12"/>
    </row>
    <row r="646734" spans="8:8">
      <c r="H646734" s="12"/>
    </row>
    <row r="646735" spans="8:8">
      <c r="H646735" s="12"/>
    </row>
    <row r="646736" spans="8:8">
      <c r="H646736" s="12"/>
    </row>
    <row r="646737" spans="8:8">
      <c r="H646737" s="12"/>
    </row>
    <row r="646738" spans="8:8">
      <c r="H646738" s="12"/>
    </row>
    <row r="646739" spans="8:8">
      <c r="H646739" s="12"/>
    </row>
    <row r="646740" spans="8:8">
      <c r="H646740" s="12"/>
    </row>
    <row r="646741" spans="8:8">
      <c r="H646741" s="12"/>
    </row>
    <row r="646742" spans="8:8">
      <c r="H646742" s="12"/>
    </row>
    <row r="646743" spans="8:8">
      <c r="H646743" s="12"/>
    </row>
    <row r="646744" spans="8:8">
      <c r="H646744" s="12"/>
    </row>
    <row r="646745" spans="8:8">
      <c r="H646745" s="12"/>
    </row>
    <row r="646746" spans="8:8">
      <c r="H646746" s="12"/>
    </row>
    <row r="646747" spans="8:8">
      <c r="H646747" s="12"/>
    </row>
    <row r="646748" spans="8:8">
      <c r="H646748" s="12"/>
    </row>
    <row r="646749" spans="8:8">
      <c r="H646749" s="12"/>
    </row>
    <row r="646750" spans="8:8">
      <c r="H646750" s="12"/>
    </row>
    <row r="646751" spans="8:8">
      <c r="H646751" s="12"/>
    </row>
    <row r="646752" spans="8:8">
      <c r="H646752" s="12"/>
    </row>
    <row r="646753" spans="8:8">
      <c r="H646753" s="12"/>
    </row>
    <row r="646754" spans="8:8">
      <c r="H646754" s="12"/>
    </row>
    <row r="646755" spans="8:8">
      <c r="H646755" s="12"/>
    </row>
    <row r="646756" spans="8:8">
      <c r="H646756" s="12"/>
    </row>
    <row r="646757" spans="8:8">
      <c r="H646757" s="12"/>
    </row>
    <row r="646758" spans="8:8">
      <c r="H646758" s="12"/>
    </row>
    <row r="646759" spans="8:8">
      <c r="H646759" s="12"/>
    </row>
    <row r="646760" spans="8:8">
      <c r="H646760" s="12"/>
    </row>
    <row r="646761" spans="8:8">
      <c r="H646761" s="12"/>
    </row>
    <row r="646762" spans="8:8">
      <c r="H646762" s="12"/>
    </row>
    <row r="646763" spans="8:8">
      <c r="H646763" s="12"/>
    </row>
    <row r="646764" spans="8:8">
      <c r="H646764" s="12"/>
    </row>
    <row r="646765" spans="8:8">
      <c r="H646765" s="12"/>
    </row>
    <row r="646766" spans="8:8">
      <c r="H646766" s="12"/>
    </row>
    <row r="646767" spans="8:8">
      <c r="H646767" s="12"/>
    </row>
    <row r="646768" spans="8:8">
      <c r="H646768" s="12"/>
    </row>
    <row r="646769" spans="8:8">
      <c r="H646769" s="12"/>
    </row>
    <row r="646770" spans="8:8">
      <c r="H646770" s="12"/>
    </row>
    <row r="646771" spans="8:8">
      <c r="H646771" s="12"/>
    </row>
    <row r="646772" spans="8:8">
      <c r="H646772" s="12"/>
    </row>
    <row r="646773" spans="8:8">
      <c r="H646773" s="12"/>
    </row>
    <row r="646774" spans="8:8">
      <c r="H646774" s="12"/>
    </row>
    <row r="646775" spans="8:8">
      <c r="H646775" s="12"/>
    </row>
    <row r="646776" spans="8:8">
      <c r="H646776" s="12"/>
    </row>
    <row r="646777" spans="8:8">
      <c r="H646777" s="12"/>
    </row>
    <row r="646778" spans="8:8">
      <c r="H646778" s="12"/>
    </row>
    <row r="646779" spans="8:8">
      <c r="H646779" s="12"/>
    </row>
    <row r="646780" spans="8:8">
      <c r="H646780" s="12"/>
    </row>
    <row r="646781" spans="8:8">
      <c r="H646781" s="12"/>
    </row>
    <row r="646782" spans="8:8">
      <c r="H646782" s="12"/>
    </row>
    <row r="646783" spans="8:8">
      <c r="H646783" s="12"/>
    </row>
    <row r="646784" spans="8:8">
      <c r="H646784" s="12"/>
    </row>
    <row r="646785" spans="8:8">
      <c r="H646785" s="12"/>
    </row>
    <row r="646786" spans="8:8">
      <c r="H646786" s="12"/>
    </row>
    <row r="646787" spans="8:8">
      <c r="H646787" s="12"/>
    </row>
    <row r="646788" spans="8:8">
      <c r="H646788" s="12"/>
    </row>
    <row r="646789" spans="8:8">
      <c r="H646789" s="12"/>
    </row>
    <row r="646790" spans="8:8">
      <c r="H646790" s="12"/>
    </row>
    <row r="646791" spans="8:8">
      <c r="H646791" s="12"/>
    </row>
    <row r="646792" spans="8:8">
      <c r="H646792" s="12"/>
    </row>
    <row r="646793" spans="8:8">
      <c r="H646793" s="12"/>
    </row>
    <row r="646794" spans="8:8">
      <c r="H646794" s="12"/>
    </row>
    <row r="646795" spans="8:8">
      <c r="H646795" s="12"/>
    </row>
    <row r="646796" spans="8:8">
      <c r="H646796" s="12"/>
    </row>
    <row r="646797" spans="8:8">
      <c r="H646797" s="12"/>
    </row>
    <row r="646798" spans="8:8">
      <c r="H646798" s="12"/>
    </row>
    <row r="646799" spans="8:8">
      <c r="H646799" s="12"/>
    </row>
    <row r="646800" spans="8:8">
      <c r="H646800" s="12"/>
    </row>
    <row r="646801" spans="8:8">
      <c r="H646801" s="12"/>
    </row>
    <row r="646802" spans="8:8">
      <c r="H646802" s="12"/>
    </row>
    <row r="646803" spans="8:8">
      <c r="H646803" s="12"/>
    </row>
    <row r="646804" spans="8:8">
      <c r="H646804" s="12"/>
    </row>
    <row r="646805" spans="8:8">
      <c r="H646805" s="12"/>
    </row>
    <row r="646806" spans="8:8">
      <c r="H646806" s="12"/>
    </row>
    <row r="646807" spans="8:8">
      <c r="H646807" s="12"/>
    </row>
    <row r="646808" spans="8:8">
      <c r="H646808" s="12"/>
    </row>
    <row r="646809" spans="8:8">
      <c r="H646809" s="12"/>
    </row>
    <row r="646810" spans="8:8">
      <c r="H646810" s="12"/>
    </row>
    <row r="646811" spans="8:8">
      <c r="H646811" s="12"/>
    </row>
    <row r="646812" spans="8:8">
      <c r="H646812" s="12"/>
    </row>
    <row r="646813" spans="8:8">
      <c r="H646813" s="12"/>
    </row>
    <row r="646814" spans="8:8">
      <c r="H646814" s="12"/>
    </row>
    <row r="646815" spans="8:8">
      <c r="H646815" s="12"/>
    </row>
    <row r="646816" spans="8:8">
      <c r="H646816" s="12"/>
    </row>
    <row r="646817" spans="8:8">
      <c r="H646817" s="12"/>
    </row>
    <row r="646818" spans="8:8">
      <c r="H646818" s="12"/>
    </row>
    <row r="646819" spans="8:8">
      <c r="H646819" s="12"/>
    </row>
    <row r="646820" spans="8:8">
      <c r="H646820" s="12"/>
    </row>
    <row r="646821" spans="8:8">
      <c r="H646821" s="12"/>
    </row>
    <row r="646822" spans="8:8">
      <c r="H646822" s="12"/>
    </row>
    <row r="646823" spans="8:8">
      <c r="H646823" s="12"/>
    </row>
    <row r="646824" spans="8:8">
      <c r="H646824" s="12"/>
    </row>
    <row r="646825" spans="8:8">
      <c r="H646825" s="12"/>
    </row>
    <row r="646826" spans="8:8">
      <c r="H646826" s="12"/>
    </row>
    <row r="646827" spans="8:8">
      <c r="H646827" s="12"/>
    </row>
    <row r="646828" spans="8:8">
      <c r="H646828" s="12"/>
    </row>
    <row r="646829" spans="8:8">
      <c r="H646829" s="12"/>
    </row>
    <row r="646830" spans="8:8">
      <c r="H646830" s="12"/>
    </row>
    <row r="646831" spans="8:8">
      <c r="H646831" s="12"/>
    </row>
    <row r="646832" spans="8:8">
      <c r="H646832" s="12"/>
    </row>
    <row r="646833" spans="8:8">
      <c r="H646833" s="12"/>
    </row>
    <row r="646834" spans="8:8">
      <c r="H646834" s="12"/>
    </row>
    <row r="646835" spans="8:8">
      <c r="H646835" s="12"/>
    </row>
    <row r="646836" spans="8:8">
      <c r="H646836" s="12"/>
    </row>
    <row r="646837" spans="8:8">
      <c r="H646837" s="12"/>
    </row>
    <row r="646838" spans="8:8">
      <c r="H646838" s="12"/>
    </row>
    <row r="646839" spans="8:8">
      <c r="H646839" s="12"/>
    </row>
    <row r="646840" spans="8:8">
      <c r="H646840" s="12"/>
    </row>
    <row r="646841" spans="8:8">
      <c r="H646841" s="12"/>
    </row>
    <row r="646842" spans="8:8">
      <c r="H646842" s="12"/>
    </row>
    <row r="646843" spans="8:8">
      <c r="H646843" s="12"/>
    </row>
    <row r="646844" spans="8:8">
      <c r="H646844" s="12"/>
    </row>
    <row r="646845" spans="8:8">
      <c r="H646845" s="12"/>
    </row>
    <row r="646846" spans="8:8">
      <c r="H646846" s="12"/>
    </row>
    <row r="646847" spans="8:8">
      <c r="H646847" s="12"/>
    </row>
    <row r="646848" spans="8:8">
      <c r="H646848" s="12"/>
    </row>
    <row r="646849" spans="8:8">
      <c r="H646849" s="12"/>
    </row>
    <row r="646850" spans="8:8">
      <c r="H646850" s="12"/>
    </row>
    <row r="646851" spans="8:8">
      <c r="H646851" s="12"/>
    </row>
    <row r="646852" spans="8:8">
      <c r="H646852" s="12"/>
    </row>
    <row r="646853" spans="8:8">
      <c r="H646853" s="12"/>
    </row>
    <row r="646854" spans="8:8">
      <c r="H646854" s="12"/>
    </row>
    <row r="646855" spans="8:8">
      <c r="H646855" s="12"/>
    </row>
    <row r="646856" spans="8:8">
      <c r="H646856" s="12"/>
    </row>
    <row r="646857" spans="8:8">
      <c r="H646857" s="12"/>
    </row>
    <row r="646858" spans="8:8">
      <c r="H646858" s="12"/>
    </row>
    <row r="646859" spans="8:8">
      <c r="H646859" s="12"/>
    </row>
    <row r="646860" spans="8:8">
      <c r="H646860" s="12"/>
    </row>
    <row r="646861" spans="8:8">
      <c r="H646861" s="12"/>
    </row>
    <row r="646862" spans="8:8">
      <c r="H646862" s="12"/>
    </row>
    <row r="646863" spans="8:8">
      <c r="H646863" s="12"/>
    </row>
    <row r="646864" spans="8:8">
      <c r="H646864" s="12"/>
    </row>
    <row r="646865" spans="8:8">
      <c r="H646865" s="12"/>
    </row>
    <row r="646866" spans="8:8">
      <c r="H646866" s="12"/>
    </row>
    <row r="646867" spans="8:8">
      <c r="H646867" s="12"/>
    </row>
    <row r="646868" spans="8:8">
      <c r="H646868" s="12"/>
    </row>
    <row r="646869" spans="8:8">
      <c r="H646869" s="12"/>
    </row>
    <row r="646870" spans="8:8">
      <c r="H646870" s="12"/>
    </row>
    <row r="646871" spans="8:8">
      <c r="H646871" s="12"/>
    </row>
    <row r="646872" spans="8:8">
      <c r="H646872" s="12"/>
    </row>
    <row r="646873" spans="8:8">
      <c r="H646873" s="12"/>
    </row>
    <row r="646874" spans="8:8">
      <c r="H646874" s="12"/>
    </row>
    <row r="646875" spans="8:8">
      <c r="H646875" s="12"/>
    </row>
    <row r="646876" spans="8:8">
      <c r="H646876" s="12"/>
    </row>
    <row r="646877" spans="8:8">
      <c r="H646877" s="12"/>
    </row>
    <row r="646878" spans="8:8">
      <c r="H646878" s="12"/>
    </row>
    <row r="646879" spans="8:8">
      <c r="H646879" s="12"/>
    </row>
    <row r="646880" spans="8:8">
      <c r="H646880" s="12"/>
    </row>
    <row r="646881" spans="8:8">
      <c r="H646881" s="12"/>
    </row>
    <row r="646882" spans="8:8">
      <c r="H646882" s="12"/>
    </row>
    <row r="646883" spans="8:8">
      <c r="H646883" s="12"/>
    </row>
    <row r="646884" spans="8:8">
      <c r="H646884" s="12"/>
    </row>
    <row r="646885" spans="8:8">
      <c r="H646885" s="12"/>
    </row>
    <row r="646886" spans="8:8">
      <c r="H646886" s="12"/>
    </row>
    <row r="646887" spans="8:8">
      <c r="H646887" s="12"/>
    </row>
    <row r="646888" spans="8:8">
      <c r="H646888" s="12"/>
    </row>
    <row r="646889" spans="8:8">
      <c r="H646889" s="12"/>
    </row>
    <row r="646890" spans="8:8">
      <c r="H646890" s="12"/>
    </row>
    <row r="646891" spans="8:8">
      <c r="H646891" s="12"/>
    </row>
    <row r="646892" spans="8:8">
      <c r="H646892" s="12"/>
    </row>
    <row r="646893" spans="8:8">
      <c r="H646893" s="12"/>
    </row>
    <row r="646894" spans="8:8">
      <c r="H646894" s="12"/>
    </row>
    <row r="646895" spans="8:8">
      <c r="H646895" s="12"/>
    </row>
    <row r="646896" spans="8:8">
      <c r="H646896" s="12"/>
    </row>
    <row r="646897" spans="8:8">
      <c r="H646897" s="12"/>
    </row>
    <row r="646898" spans="8:8">
      <c r="H646898" s="12"/>
    </row>
    <row r="646899" spans="8:8">
      <c r="H646899" s="12"/>
    </row>
    <row r="646900" spans="8:8">
      <c r="H646900" s="12"/>
    </row>
    <row r="646901" spans="8:8">
      <c r="H646901" s="12"/>
    </row>
    <row r="646902" spans="8:8">
      <c r="H646902" s="12"/>
    </row>
    <row r="646903" spans="8:8">
      <c r="H646903" s="12"/>
    </row>
    <row r="646904" spans="8:8">
      <c r="H646904" s="12"/>
    </row>
    <row r="646905" spans="8:8">
      <c r="H646905" s="12"/>
    </row>
    <row r="646906" spans="8:8">
      <c r="H646906" s="12"/>
    </row>
    <row r="646907" spans="8:8">
      <c r="H646907" s="12"/>
    </row>
    <row r="646908" spans="8:8">
      <c r="H646908" s="12"/>
    </row>
    <row r="646909" spans="8:8">
      <c r="H646909" s="12"/>
    </row>
    <row r="646910" spans="8:8">
      <c r="H646910" s="12"/>
    </row>
    <row r="646911" spans="8:8">
      <c r="H646911" s="12"/>
    </row>
    <row r="646912" spans="8:8">
      <c r="H646912" s="12"/>
    </row>
    <row r="646913" spans="8:8">
      <c r="H646913" s="12"/>
    </row>
    <row r="646914" spans="8:8">
      <c r="H646914" s="12"/>
    </row>
    <row r="646915" spans="8:8">
      <c r="H646915" s="12"/>
    </row>
    <row r="646916" spans="8:8">
      <c r="H646916" s="12"/>
    </row>
    <row r="646917" spans="8:8">
      <c r="H646917" s="12"/>
    </row>
    <row r="646918" spans="8:8">
      <c r="H646918" s="12"/>
    </row>
    <row r="646919" spans="8:8">
      <c r="H646919" s="12"/>
    </row>
    <row r="646920" spans="8:8">
      <c r="H646920" s="12"/>
    </row>
    <row r="646921" spans="8:8">
      <c r="H646921" s="12"/>
    </row>
    <row r="646922" spans="8:8">
      <c r="H646922" s="12"/>
    </row>
    <row r="646923" spans="8:8">
      <c r="H646923" s="12"/>
    </row>
    <row r="646924" spans="8:8">
      <c r="H646924" s="12"/>
    </row>
    <row r="646925" spans="8:8">
      <c r="H646925" s="12"/>
    </row>
    <row r="646926" spans="8:8">
      <c r="H646926" s="12"/>
    </row>
    <row r="646927" spans="8:8">
      <c r="H646927" s="12"/>
    </row>
    <row r="646928" spans="8:8">
      <c r="H646928" s="12"/>
    </row>
    <row r="646929" spans="8:8">
      <c r="H646929" s="12"/>
    </row>
    <row r="646930" spans="8:8">
      <c r="H646930" s="12"/>
    </row>
    <row r="646931" spans="8:8">
      <c r="H646931" s="12"/>
    </row>
    <row r="646932" spans="8:8">
      <c r="H646932" s="12"/>
    </row>
    <row r="646933" spans="8:8">
      <c r="H646933" s="12"/>
    </row>
    <row r="646934" spans="8:8">
      <c r="H646934" s="12"/>
    </row>
    <row r="646935" spans="8:8">
      <c r="H646935" s="12"/>
    </row>
    <row r="646936" spans="8:8">
      <c r="H646936" s="12"/>
    </row>
    <row r="646937" spans="8:8">
      <c r="H646937" s="12"/>
    </row>
    <row r="646938" spans="8:8">
      <c r="H646938" s="12"/>
    </row>
    <row r="646939" spans="8:8">
      <c r="H646939" s="12"/>
    </row>
    <row r="646940" spans="8:8">
      <c r="H646940" s="12"/>
    </row>
    <row r="646941" spans="8:8">
      <c r="H646941" s="12"/>
    </row>
    <row r="646942" spans="8:8">
      <c r="H646942" s="12"/>
    </row>
    <row r="646943" spans="8:8">
      <c r="H646943" s="12"/>
    </row>
    <row r="646944" spans="8:8">
      <c r="H646944" s="12"/>
    </row>
    <row r="646945" spans="8:8">
      <c r="H646945" s="12"/>
    </row>
    <row r="646946" spans="8:8">
      <c r="H646946" s="12"/>
    </row>
    <row r="646947" spans="8:8">
      <c r="H646947" s="12"/>
    </row>
    <row r="646948" spans="8:8">
      <c r="H646948" s="12"/>
    </row>
    <row r="646949" spans="8:8">
      <c r="H646949" s="12"/>
    </row>
    <row r="646950" spans="8:8">
      <c r="H646950" s="12"/>
    </row>
    <row r="646951" spans="8:8">
      <c r="H646951" s="12"/>
    </row>
    <row r="646952" spans="8:8">
      <c r="H646952" s="12"/>
    </row>
    <row r="646953" spans="8:8">
      <c r="H646953" s="12"/>
    </row>
    <row r="646954" spans="8:8">
      <c r="H646954" s="12"/>
    </row>
    <row r="646955" spans="8:8">
      <c r="H646955" s="12"/>
    </row>
    <row r="646956" spans="8:8">
      <c r="H646956" s="12"/>
    </row>
    <row r="646957" spans="8:8">
      <c r="H646957" s="12"/>
    </row>
    <row r="646958" spans="8:8">
      <c r="H646958" s="12"/>
    </row>
    <row r="646959" spans="8:8">
      <c r="H646959" s="12"/>
    </row>
    <row r="646960" spans="8:8">
      <c r="H646960" s="12"/>
    </row>
    <row r="646961" spans="8:8">
      <c r="H646961" s="12"/>
    </row>
    <row r="646962" spans="8:8">
      <c r="H646962" s="12"/>
    </row>
    <row r="646963" spans="8:8">
      <c r="H646963" s="12"/>
    </row>
    <row r="646964" spans="8:8">
      <c r="H646964" s="12"/>
    </row>
    <row r="646965" spans="8:8">
      <c r="H646965" s="12"/>
    </row>
    <row r="646966" spans="8:8">
      <c r="H646966" s="12"/>
    </row>
    <row r="646967" spans="8:8">
      <c r="H646967" s="12"/>
    </row>
    <row r="646968" spans="8:8">
      <c r="H646968" s="12"/>
    </row>
    <row r="646969" spans="8:8">
      <c r="H646969" s="12"/>
    </row>
    <row r="646970" spans="8:8">
      <c r="H646970" s="12"/>
    </row>
    <row r="646971" spans="8:8">
      <c r="H646971" s="12"/>
    </row>
    <row r="646972" spans="8:8">
      <c r="H646972" s="12"/>
    </row>
    <row r="646973" spans="8:8">
      <c r="H646973" s="12"/>
    </row>
    <row r="646974" spans="8:8">
      <c r="H646974" s="12"/>
    </row>
    <row r="646975" spans="8:8">
      <c r="H646975" s="12"/>
    </row>
    <row r="646976" spans="8:8">
      <c r="H646976" s="12"/>
    </row>
    <row r="646977" spans="8:8">
      <c r="H646977" s="12"/>
    </row>
    <row r="646978" spans="8:8">
      <c r="H646978" s="12"/>
    </row>
    <row r="646979" spans="8:8">
      <c r="H646979" s="12"/>
    </row>
    <row r="646980" spans="8:8">
      <c r="H646980" s="12"/>
    </row>
    <row r="646981" spans="8:8">
      <c r="H646981" s="12"/>
    </row>
    <row r="646982" spans="8:8">
      <c r="H646982" s="12"/>
    </row>
    <row r="646983" spans="8:8">
      <c r="H646983" s="12"/>
    </row>
    <row r="646984" spans="8:8">
      <c r="H646984" s="12"/>
    </row>
    <row r="646985" spans="8:8">
      <c r="H646985" s="12"/>
    </row>
    <row r="646986" spans="8:8">
      <c r="H646986" s="12"/>
    </row>
    <row r="646987" spans="8:8">
      <c r="H646987" s="12"/>
    </row>
    <row r="646988" spans="8:8">
      <c r="H646988" s="12"/>
    </row>
    <row r="646989" spans="8:8">
      <c r="H646989" s="12"/>
    </row>
    <row r="646990" spans="8:8">
      <c r="H646990" s="12"/>
    </row>
    <row r="646991" spans="8:8">
      <c r="H646991" s="12"/>
    </row>
    <row r="646992" spans="8:8">
      <c r="H646992" s="12"/>
    </row>
    <row r="646993" spans="8:8">
      <c r="H646993" s="12"/>
    </row>
    <row r="646994" spans="8:8">
      <c r="H646994" s="12"/>
    </row>
    <row r="646995" spans="8:8">
      <c r="H646995" s="12"/>
    </row>
    <row r="646996" spans="8:8">
      <c r="H646996" s="12"/>
    </row>
    <row r="646997" spans="8:8">
      <c r="H646997" s="12"/>
    </row>
    <row r="646998" spans="8:8">
      <c r="H646998" s="12"/>
    </row>
    <row r="646999" spans="8:8">
      <c r="H646999" s="12"/>
    </row>
    <row r="647000" spans="8:8">
      <c r="H647000" s="12"/>
    </row>
    <row r="647001" spans="8:8">
      <c r="H647001" s="12"/>
    </row>
    <row r="647002" spans="8:8">
      <c r="H647002" s="12"/>
    </row>
    <row r="647003" spans="8:8">
      <c r="H647003" s="12"/>
    </row>
    <row r="647004" spans="8:8">
      <c r="H647004" s="12"/>
    </row>
    <row r="647005" spans="8:8">
      <c r="H647005" s="12"/>
    </row>
    <row r="647006" spans="8:8">
      <c r="H647006" s="12"/>
    </row>
    <row r="647007" spans="8:8">
      <c r="H647007" s="12"/>
    </row>
    <row r="647008" spans="8:8">
      <c r="H647008" s="12"/>
    </row>
    <row r="647009" spans="8:8">
      <c r="H647009" s="12"/>
    </row>
    <row r="647010" spans="8:8">
      <c r="H647010" s="12"/>
    </row>
    <row r="647011" spans="8:8">
      <c r="H647011" s="12"/>
    </row>
    <row r="647012" spans="8:8">
      <c r="H647012" s="12"/>
    </row>
    <row r="647013" spans="8:8">
      <c r="H647013" s="12"/>
    </row>
    <row r="647014" spans="8:8">
      <c r="H647014" s="12"/>
    </row>
    <row r="647015" spans="8:8">
      <c r="H647015" s="12"/>
    </row>
    <row r="647016" spans="8:8">
      <c r="H647016" s="12"/>
    </row>
    <row r="647017" spans="8:8">
      <c r="H647017" s="12"/>
    </row>
    <row r="647018" spans="8:8">
      <c r="H647018" s="12"/>
    </row>
    <row r="647019" spans="8:8">
      <c r="H647019" s="12"/>
    </row>
    <row r="647020" spans="8:8">
      <c r="H647020" s="12"/>
    </row>
    <row r="647021" spans="8:8">
      <c r="H647021" s="12"/>
    </row>
    <row r="647022" spans="8:8">
      <c r="H647022" s="12"/>
    </row>
    <row r="647023" spans="8:8">
      <c r="H647023" s="12"/>
    </row>
    <row r="647024" spans="8:8">
      <c r="H647024" s="12"/>
    </row>
    <row r="647025" spans="8:8">
      <c r="H647025" s="12"/>
    </row>
    <row r="647026" spans="8:8">
      <c r="H647026" s="12"/>
    </row>
    <row r="647027" spans="8:8">
      <c r="H647027" s="12"/>
    </row>
    <row r="647028" spans="8:8">
      <c r="H647028" s="12"/>
    </row>
    <row r="647029" spans="8:8">
      <c r="H647029" s="12"/>
    </row>
    <row r="647030" spans="8:8">
      <c r="H647030" s="12"/>
    </row>
    <row r="647031" spans="8:8">
      <c r="H647031" s="12"/>
    </row>
    <row r="647032" spans="8:8">
      <c r="H647032" s="12"/>
    </row>
    <row r="647033" spans="8:8">
      <c r="H647033" s="12"/>
    </row>
    <row r="647034" spans="8:8">
      <c r="H647034" s="12"/>
    </row>
    <row r="647035" spans="8:8">
      <c r="H647035" s="12"/>
    </row>
    <row r="647036" spans="8:8">
      <c r="H647036" s="12"/>
    </row>
    <row r="647037" spans="8:8">
      <c r="H647037" s="12"/>
    </row>
    <row r="647038" spans="8:8">
      <c r="H647038" s="12"/>
    </row>
    <row r="647039" spans="8:8">
      <c r="H647039" s="12"/>
    </row>
    <row r="647040" spans="8:8">
      <c r="H647040" s="12"/>
    </row>
    <row r="647041" spans="8:8">
      <c r="H647041" s="12"/>
    </row>
    <row r="647042" spans="8:8">
      <c r="H647042" s="12"/>
    </row>
    <row r="647043" spans="8:8">
      <c r="H647043" s="12"/>
    </row>
    <row r="647044" spans="8:8">
      <c r="H647044" s="12"/>
    </row>
    <row r="647045" spans="8:8">
      <c r="H647045" s="12"/>
    </row>
    <row r="647046" spans="8:8">
      <c r="H647046" s="12"/>
    </row>
    <row r="647047" spans="8:8">
      <c r="H647047" s="12"/>
    </row>
    <row r="647048" spans="8:8">
      <c r="H647048" s="12"/>
    </row>
    <row r="647049" spans="8:8">
      <c r="H647049" s="12"/>
    </row>
    <row r="647050" spans="8:8">
      <c r="H647050" s="12"/>
    </row>
    <row r="647051" spans="8:8">
      <c r="H647051" s="12"/>
    </row>
    <row r="647052" spans="8:8">
      <c r="H647052" s="12"/>
    </row>
    <row r="647053" spans="8:8">
      <c r="H647053" s="12"/>
    </row>
    <row r="647054" spans="8:8">
      <c r="H647054" s="12"/>
    </row>
    <row r="647055" spans="8:8">
      <c r="H647055" s="12"/>
    </row>
    <row r="647056" spans="8:8">
      <c r="H647056" s="12"/>
    </row>
    <row r="647057" spans="8:8">
      <c r="H647057" s="12"/>
    </row>
    <row r="647058" spans="8:8">
      <c r="H647058" s="12"/>
    </row>
    <row r="647059" spans="8:8">
      <c r="H647059" s="12"/>
    </row>
    <row r="647060" spans="8:8">
      <c r="H647060" s="12"/>
    </row>
    <row r="647061" spans="8:8">
      <c r="H647061" s="12"/>
    </row>
    <row r="647062" spans="8:8">
      <c r="H647062" s="12"/>
    </row>
    <row r="647063" spans="8:8">
      <c r="H647063" s="12"/>
    </row>
    <row r="647064" spans="8:8">
      <c r="H647064" s="12"/>
    </row>
    <row r="647065" spans="8:8">
      <c r="H647065" s="12"/>
    </row>
    <row r="647066" spans="8:8">
      <c r="H647066" s="12"/>
    </row>
    <row r="647067" spans="8:8">
      <c r="H647067" s="12"/>
    </row>
    <row r="647068" spans="8:8">
      <c r="H647068" s="12"/>
    </row>
    <row r="647069" spans="8:8">
      <c r="H647069" s="12"/>
    </row>
    <row r="647070" spans="8:8">
      <c r="H647070" s="12"/>
    </row>
    <row r="647071" spans="8:8">
      <c r="H647071" s="12"/>
    </row>
    <row r="647072" spans="8:8">
      <c r="H647072" s="12"/>
    </row>
    <row r="647073" spans="8:8">
      <c r="H647073" s="12"/>
    </row>
    <row r="647074" spans="8:8">
      <c r="H647074" s="12"/>
    </row>
    <row r="647075" spans="8:8">
      <c r="H647075" s="12"/>
    </row>
    <row r="647076" spans="8:8">
      <c r="H647076" s="12"/>
    </row>
    <row r="647077" spans="8:8">
      <c r="H647077" s="12"/>
    </row>
    <row r="647078" spans="8:8">
      <c r="H647078" s="12"/>
    </row>
    <row r="647079" spans="8:8">
      <c r="H647079" s="12"/>
    </row>
    <row r="647080" spans="8:8">
      <c r="H647080" s="12"/>
    </row>
    <row r="647081" spans="8:8">
      <c r="H647081" s="12"/>
    </row>
    <row r="647082" spans="8:8">
      <c r="H647082" s="12"/>
    </row>
    <row r="647083" spans="8:8">
      <c r="H647083" s="12"/>
    </row>
    <row r="647084" spans="8:8">
      <c r="H647084" s="12"/>
    </row>
    <row r="647085" spans="8:8">
      <c r="H647085" s="12"/>
    </row>
    <row r="647086" spans="8:8">
      <c r="H647086" s="12"/>
    </row>
    <row r="647087" spans="8:8">
      <c r="H647087" s="12"/>
    </row>
    <row r="647088" spans="8:8">
      <c r="H647088" s="12"/>
    </row>
    <row r="647089" spans="8:8">
      <c r="H647089" s="12"/>
    </row>
    <row r="647090" spans="8:8">
      <c r="H647090" s="12"/>
    </row>
    <row r="647091" spans="8:8">
      <c r="H647091" s="12"/>
    </row>
    <row r="647092" spans="8:8">
      <c r="H647092" s="12"/>
    </row>
    <row r="647093" spans="8:8">
      <c r="H647093" s="12"/>
    </row>
    <row r="647094" spans="8:8">
      <c r="H647094" s="12"/>
    </row>
    <row r="647095" spans="8:8">
      <c r="H647095" s="12"/>
    </row>
    <row r="647096" spans="8:8">
      <c r="H647096" s="12"/>
    </row>
    <row r="647097" spans="8:8">
      <c r="H647097" s="12"/>
    </row>
    <row r="647098" spans="8:8">
      <c r="H647098" s="12"/>
    </row>
    <row r="647099" spans="8:8">
      <c r="H647099" s="12"/>
    </row>
    <row r="647100" spans="8:8">
      <c r="H647100" s="12"/>
    </row>
    <row r="647101" spans="8:8">
      <c r="H647101" s="12"/>
    </row>
    <row r="647102" spans="8:8">
      <c r="H647102" s="12"/>
    </row>
    <row r="647103" spans="8:8">
      <c r="H647103" s="12"/>
    </row>
    <row r="647104" spans="8:8">
      <c r="H647104" s="12"/>
    </row>
    <row r="647105" spans="8:8">
      <c r="H647105" s="12"/>
    </row>
    <row r="647106" spans="8:8">
      <c r="H647106" s="12"/>
    </row>
    <row r="647107" spans="8:8">
      <c r="H647107" s="12"/>
    </row>
    <row r="647108" spans="8:8">
      <c r="H647108" s="12"/>
    </row>
    <row r="647109" spans="8:8">
      <c r="H647109" s="12"/>
    </row>
    <row r="647110" spans="8:8">
      <c r="H647110" s="12"/>
    </row>
    <row r="647111" spans="8:8">
      <c r="H647111" s="12"/>
    </row>
    <row r="647112" spans="8:8">
      <c r="H647112" s="12"/>
    </row>
    <row r="647113" spans="8:8">
      <c r="H647113" s="12"/>
    </row>
    <row r="647114" spans="8:8">
      <c r="H647114" s="12"/>
    </row>
    <row r="647115" spans="8:8">
      <c r="H647115" s="12"/>
    </row>
    <row r="647116" spans="8:8">
      <c r="H647116" s="12"/>
    </row>
    <row r="647117" spans="8:8">
      <c r="H647117" s="12"/>
    </row>
    <row r="647118" spans="8:8">
      <c r="H647118" s="12"/>
    </row>
    <row r="647119" spans="8:8">
      <c r="H647119" s="12"/>
    </row>
    <row r="647120" spans="8:8">
      <c r="H647120" s="12"/>
    </row>
    <row r="647121" spans="8:8">
      <c r="H647121" s="12"/>
    </row>
    <row r="647122" spans="8:8">
      <c r="H647122" s="12"/>
    </row>
    <row r="647123" spans="8:8">
      <c r="H647123" s="12"/>
    </row>
    <row r="647124" spans="8:8">
      <c r="H647124" s="12"/>
    </row>
    <row r="647125" spans="8:8">
      <c r="H647125" s="12"/>
    </row>
    <row r="647126" spans="8:8">
      <c r="H647126" s="12"/>
    </row>
    <row r="647127" spans="8:8">
      <c r="H647127" s="12"/>
    </row>
    <row r="647128" spans="8:8">
      <c r="H647128" s="12"/>
    </row>
    <row r="647129" spans="8:8">
      <c r="H647129" s="12"/>
    </row>
    <row r="647130" spans="8:8">
      <c r="H647130" s="12"/>
    </row>
    <row r="647131" spans="8:8">
      <c r="H647131" s="12"/>
    </row>
    <row r="647132" spans="8:8">
      <c r="H647132" s="12"/>
    </row>
    <row r="647133" spans="8:8">
      <c r="H647133" s="12"/>
    </row>
    <row r="647134" spans="8:8">
      <c r="H647134" s="12"/>
    </row>
    <row r="647135" spans="8:8">
      <c r="H647135" s="12"/>
    </row>
    <row r="647136" spans="8:8">
      <c r="H647136" s="12"/>
    </row>
    <row r="647137" spans="8:8">
      <c r="H647137" s="12"/>
    </row>
    <row r="647138" spans="8:8">
      <c r="H647138" s="12"/>
    </row>
    <row r="647139" spans="8:8">
      <c r="H647139" s="12"/>
    </row>
    <row r="647140" spans="8:8">
      <c r="H647140" s="12"/>
    </row>
    <row r="647141" spans="8:8">
      <c r="H647141" s="12"/>
    </row>
    <row r="647142" spans="8:8">
      <c r="H647142" s="12"/>
    </row>
    <row r="647143" spans="8:8">
      <c r="H647143" s="12"/>
    </row>
    <row r="647144" spans="8:8">
      <c r="H647144" s="12"/>
    </row>
    <row r="647145" spans="8:8">
      <c r="H647145" s="12"/>
    </row>
    <row r="647146" spans="8:8">
      <c r="H647146" s="12"/>
    </row>
    <row r="647147" spans="8:8">
      <c r="H647147" s="12"/>
    </row>
    <row r="647148" spans="8:8">
      <c r="H647148" s="12"/>
    </row>
    <row r="647149" spans="8:8">
      <c r="H647149" s="12"/>
    </row>
    <row r="647150" spans="8:8">
      <c r="H647150" s="12"/>
    </row>
    <row r="647151" spans="8:8">
      <c r="H647151" s="12"/>
    </row>
    <row r="647152" spans="8:8">
      <c r="H647152" s="12"/>
    </row>
    <row r="647153" spans="8:8">
      <c r="H647153" s="12"/>
    </row>
    <row r="647154" spans="8:8">
      <c r="H647154" s="12"/>
    </row>
    <row r="647155" spans="8:8">
      <c r="H647155" s="12"/>
    </row>
    <row r="647156" spans="8:8">
      <c r="H647156" s="12"/>
    </row>
    <row r="647157" spans="8:8">
      <c r="H647157" s="12"/>
    </row>
    <row r="647158" spans="8:8">
      <c r="H647158" s="12"/>
    </row>
    <row r="647159" spans="8:8">
      <c r="H647159" s="12"/>
    </row>
    <row r="647160" spans="8:8">
      <c r="H647160" s="12"/>
    </row>
    <row r="647161" spans="8:8">
      <c r="H647161" s="12"/>
    </row>
    <row r="647162" spans="8:8">
      <c r="H647162" s="12"/>
    </row>
    <row r="647163" spans="8:8">
      <c r="H647163" s="12"/>
    </row>
    <row r="647164" spans="8:8">
      <c r="H647164" s="12"/>
    </row>
    <row r="647165" spans="8:8">
      <c r="H647165" s="12"/>
    </row>
    <row r="647166" spans="8:8">
      <c r="H647166" s="12"/>
    </row>
    <row r="647167" spans="8:8">
      <c r="H647167" s="12"/>
    </row>
    <row r="647168" spans="8:8">
      <c r="H647168" s="12"/>
    </row>
    <row r="647169" spans="8:8">
      <c r="H647169" s="12"/>
    </row>
    <row r="647170" spans="8:8">
      <c r="H647170" s="12"/>
    </row>
    <row r="647171" spans="8:8">
      <c r="H647171" s="12"/>
    </row>
    <row r="647172" spans="8:8">
      <c r="H647172" s="12"/>
    </row>
    <row r="647173" spans="8:8">
      <c r="H647173" s="12"/>
    </row>
    <row r="647174" spans="8:8">
      <c r="H647174" s="12"/>
    </row>
    <row r="647175" spans="8:8">
      <c r="H647175" s="12"/>
    </row>
    <row r="647176" spans="8:8">
      <c r="H647176" s="12"/>
    </row>
    <row r="647177" spans="8:8">
      <c r="H647177" s="12"/>
    </row>
    <row r="647178" spans="8:8">
      <c r="H647178" s="12"/>
    </row>
    <row r="647179" spans="8:8">
      <c r="H647179" s="12"/>
    </row>
    <row r="647180" spans="8:8">
      <c r="H647180" s="12"/>
    </row>
    <row r="647181" spans="8:8">
      <c r="H647181" s="12"/>
    </row>
    <row r="647182" spans="8:8">
      <c r="H647182" s="12"/>
    </row>
    <row r="647183" spans="8:8">
      <c r="H647183" s="12"/>
    </row>
    <row r="647184" spans="8:8">
      <c r="H647184" s="12"/>
    </row>
    <row r="647185" spans="8:8">
      <c r="H647185" s="12"/>
    </row>
    <row r="647186" spans="8:8">
      <c r="H647186" s="12"/>
    </row>
    <row r="647187" spans="8:8">
      <c r="H647187" s="12"/>
    </row>
    <row r="647188" spans="8:8">
      <c r="H647188" s="12"/>
    </row>
    <row r="647189" spans="8:8">
      <c r="H647189" s="12"/>
    </row>
    <row r="647190" spans="8:8">
      <c r="H647190" s="12"/>
    </row>
    <row r="647191" spans="8:8">
      <c r="H647191" s="12"/>
    </row>
    <row r="647192" spans="8:8">
      <c r="H647192" s="12"/>
    </row>
    <row r="647193" spans="8:8">
      <c r="H647193" s="12"/>
    </row>
    <row r="647194" spans="8:8">
      <c r="H647194" s="12"/>
    </row>
    <row r="647195" spans="8:8">
      <c r="H647195" s="12"/>
    </row>
    <row r="647196" spans="8:8">
      <c r="H647196" s="12"/>
    </row>
    <row r="647197" spans="8:8">
      <c r="H647197" s="12"/>
    </row>
    <row r="647198" spans="8:8">
      <c r="H647198" s="12"/>
    </row>
    <row r="647199" spans="8:8">
      <c r="H647199" s="12"/>
    </row>
    <row r="647200" spans="8:8">
      <c r="H647200" s="12"/>
    </row>
    <row r="647201" spans="8:8">
      <c r="H647201" s="12"/>
    </row>
    <row r="647202" spans="8:8">
      <c r="H647202" s="12"/>
    </row>
    <row r="647203" spans="8:8">
      <c r="H647203" s="12"/>
    </row>
    <row r="647204" spans="8:8">
      <c r="H647204" s="12"/>
    </row>
    <row r="647205" spans="8:8">
      <c r="H647205" s="12"/>
    </row>
    <row r="647206" spans="8:8">
      <c r="H647206" s="12"/>
    </row>
    <row r="647207" spans="8:8">
      <c r="H647207" s="12"/>
    </row>
    <row r="647208" spans="8:8">
      <c r="H647208" s="12"/>
    </row>
    <row r="647209" spans="8:8">
      <c r="H647209" s="12"/>
    </row>
    <row r="647210" spans="8:8">
      <c r="H647210" s="12"/>
    </row>
    <row r="647211" spans="8:8">
      <c r="H647211" s="12"/>
    </row>
    <row r="647212" spans="8:8">
      <c r="H647212" s="12"/>
    </row>
    <row r="647213" spans="8:8">
      <c r="H647213" s="12"/>
    </row>
    <row r="647214" spans="8:8">
      <c r="H647214" s="12"/>
    </row>
    <row r="647215" spans="8:8">
      <c r="H647215" s="12"/>
    </row>
    <row r="647216" spans="8:8">
      <c r="H647216" s="12"/>
    </row>
    <row r="647217" spans="8:8">
      <c r="H647217" s="12"/>
    </row>
    <row r="647218" spans="8:8">
      <c r="H647218" s="12"/>
    </row>
    <row r="647219" spans="8:8">
      <c r="H647219" s="12"/>
    </row>
    <row r="647220" spans="8:8">
      <c r="H647220" s="12"/>
    </row>
    <row r="647221" spans="8:8">
      <c r="H647221" s="12"/>
    </row>
    <row r="647222" spans="8:8">
      <c r="H647222" s="12"/>
    </row>
    <row r="647223" spans="8:8">
      <c r="H647223" s="12"/>
    </row>
    <row r="647224" spans="8:8">
      <c r="H647224" s="12"/>
    </row>
    <row r="647225" spans="8:8">
      <c r="H647225" s="12"/>
    </row>
    <row r="647226" spans="8:8">
      <c r="H647226" s="12"/>
    </row>
    <row r="647227" spans="8:8">
      <c r="H647227" s="12"/>
    </row>
    <row r="647228" spans="8:8">
      <c r="H647228" s="12"/>
    </row>
    <row r="647229" spans="8:8">
      <c r="H647229" s="12"/>
    </row>
    <row r="647230" spans="8:8">
      <c r="H647230" s="12"/>
    </row>
    <row r="647231" spans="8:8">
      <c r="H647231" s="12"/>
    </row>
    <row r="647232" spans="8:8">
      <c r="H647232" s="12"/>
    </row>
    <row r="647233" spans="8:8">
      <c r="H647233" s="12"/>
    </row>
    <row r="647234" spans="8:8">
      <c r="H647234" s="12"/>
    </row>
    <row r="647235" spans="8:8">
      <c r="H647235" s="12"/>
    </row>
    <row r="647236" spans="8:8">
      <c r="H647236" s="12"/>
    </row>
    <row r="647237" spans="8:8">
      <c r="H647237" s="12"/>
    </row>
    <row r="647238" spans="8:8">
      <c r="H647238" s="12"/>
    </row>
    <row r="647239" spans="8:8">
      <c r="H647239" s="12"/>
    </row>
    <row r="647240" spans="8:8">
      <c r="H647240" s="12"/>
    </row>
    <row r="647241" spans="8:8">
      <c r="H647241" s="12"/>
    </row>
    <row r="647242" spans="8:8">
      <c r="H647242" s="12"/>
    </row>
    <row r="647243" spans="8:8">
      <c r="H647243" s="12"/>
    </row>
    <row r="647244" spans="8:8">
      <c r="H647244" s="12"/>
    </row>
    <row r="647245" spans="8:8">
      <c r="H647245" s="12"/>
    </row>
    <row r="647246" spans="8:8">
      <c r="H647246" s="12"/>
    </row>
    <row r="647247" spans="8:8">
      <c r="H647247" s="12"/>
    </row>
    <row r="647248" spans="8:8">
      <c r="H647248" s="12"/>
    </row>
    <row r="647249" spans="8:8">
      <c r="H647249" s="12"/>
    </row>
    <row r="647250" spans="8:8">
      <c r="H647250" s="12"/>
    </row>
    <row r="647251" spans="8:8">
      <c r="H647251" s="12"/>
    </row>
    <row r="647252" spans="8:8">
      <c r="H647252" s="12"/>
    </row>
    <row r="647253" spans="8:8">
      <c r="H647253" s="12"/>
    </row>
    <row r="647254" spans="8:8">
      <c r="H647254" s="12"/>
    </row>
    <row r="647255" spans="8:8">
      <c r="H647255" s="12"/>
    </row>
    <row r="647256" spans="8:8">
      <c r="H647256" s="12"/>
    </row>
    <row r="647257" spans="8:8">
      <c r="H647257" s="12"/>
    </row>
    <row r="647258" spans="8:8">
      <c r="H647258" s="12"/>
    </row>
    <row r="647259" spans="8:8">
      <c r="H647259" s="12"/>
    </row>
    <row r="647260" spans="8:8">
      <c r="H647260" s="12"/>
    </row>
    <row r="647261" spans="8:8">
      <c r="H647261" s="12"/>
    </row>
    <row r="647262" spans="8:8">
      <c r="H647262" s="12"/>
    </row>
    <row r="647263" spans="8:8">
      <c r="H647263" s="12"/>
    </row>
    <row r="647264" spans="8:8">
      <c r="H647264" s="12"/>
    </row>
    <row r="647265" spans="8:8">
      <c r="H647265" s="12"/>
    </row>
    <row r="647266" spans="8:8">
      <c r="H647266" s="12"/>
    </row>
    <row r="647267" spans="8:8">
      <c r="H647267" s="12"/>
    </row>
    <row r="647268" spans="8:8">
      <c r="H647268" s="12"/>
    </row>
    <row r="647269" spans="8:8">
      <c r="H647269" s="12"/>
    </row>
    <row r="647270" spans="8:8">
      <c r="H647270" s="12"/>
    </row>
    <row r="647271" spans="8:8">
      <c r="H647271" s="12"/>
    </row>
    <row r="647272" spans="8:8">
      <c r="H647272" s="12"/>
    </row>
    <row r="647273" spans="8:8">
      <c r="H647273" s="12"/>
    </row>
    <row r="647274" spans="8:8">
      <c r="H647274" s="12"/>
    </row>
    <row r="647275" spans="8:8">
      <c r="H647275" s="12"/>
    </row>
    <row r="647276" spans="8:8">
      <c r="H647276" s="12"/>
    </row>
    <row r="647277" spans="8:8">
      <c r="H647277" s="12"/>
    </row>
    <row r="647278" spans="8:8">
      <c r="H647278" s="12"/>
    </row>
    <row r="647279" spans="8:8">
      <c r="H647279" s="12"/>
    </row>
    <row r="647280" spans="8:8">
      <c r="H647280" s="12"/>
    </row>
    <row r="647281" spans="8:8">
      <c r="H647281" s="12"/>
    </row>
    <row r="647282" spans="8:8">
      <c r="H647282" s="12"/>
    </row>
    <row r="647283" spans="8:8">
      <c r="H647283" s="12"/>
    </row>
    <row r="647284" spans="8:8">
      <c r="H647284" s="12"/>
    </row>
    <row r="647285" spans="8:8">
      <c r="H647285" s="12"/>
    </row>
    <row r="647286" spans="8:8">
      <c r="H647286" s="12"/>
    </row>
    <row r="647287" spans="8:8">
      <c r="H647287" s="12"/>
    </row>
    <row r="647288" spans="8:8">
      <c r="H647288" s="12"/>
    </row>
    <row r="647289" spans="8:8">
      <c r="H647289" s="12"/>
    </row>
    <row r="647290" spans="8:8">
      <c r="H647290" s="12"/>
    </row>
    <row r="647291" spans="8:8">
      <c r="H647291" s="12"/>
    </row>
    <row r="647292" spans="8:8">
      <c r="H647292" s="12"/>
    </row>
    <row r="647293" spans="8:8">
      <c r="H647293" s="12"/>
    </row>
    <row r="647294" spans="8:8">
      <c r="H647294" s="12"/>
    </row>
    <row r="647295" spans="8:8">
      <c r="H647295" s="12"/>
    </row>
    <row r="647296" spans="8:8">
      <c r="H647296" s="12"/>
    </row>
    <row r="647297" spans="8:8">
      <c r="H647297" s="12"/>
    </row>
    <row r="647298" spans="8:8">
      <c r="H647298" s="12"/>
    </row>
    <row r="647299" spans="8:8">
      <c r="H647299" s="12"/>
    </row>
    <row r="647300" spans="8:8">
      <c r="H647300" s="12"/>
    </row>
    <row r="647301" spans="8:8">
      <c r="H647301" s="12"/>
    </row>
    <row r="647302" spans="8:8">
      <c r="H647302" s="12"/>
    </row>
    <row r="647303" spans="8:8">
      <c r="H647303" s="12"/>
    </row>
    <row r="647304" spans="8:8">
      <c r="H647304" s="12"/>
    </row>
    <row r="647305" spans="8:8">
      <c r="H647305" s="12"/>
    </row>
    <row r="647306" spans="8:8">
      <c r="H647306" s="12"/>
    </row>
    <row r="647307" spans="8:8">
      <c r="H647307" s="12"/>
    </row>
    <row r="647308" spans="8:8">
      <c r="H647308" s="12"/>
    </row>
    <row r="647309" spans="8:8">
      <c r="H647309" s="12"/>
    </row>
    <row r="647310" spans="8:8">
      <c r="H647310" s="12"/>
    </row>
    <row r="647311" spans="8:8">
      <c r="H647311" s="12"/>
    </row>
    <row r="647312" spans="8:8">
      <c r="H647312" s="12"/>
    </row>
    <row r="647313" spans="8:8">
      <c r="H647313" s="12"/>
    </row>
    <row r="647314" spans="8:8">
      <c r="H647314" s="12"/>
    </row>
    <row r="647315" spans="8:8">
      <c r="H647315" s="12"/>
    </row>
    <row r="647316" spans="8:8">
      <c r="H647316" s="12"/>
    </row>
    <row r="647317" spans="8:8">
      <c r="H647317" s="12"/>
    </row>
    <row r="647318" spans="8:8">
      <c r="H647318" s="12"/>
    </row>
    <row r="647319" spans="8:8">
      <c r="H647319" s="12"/>
    </row>
    <row r="647320" spans="8:8">
      <c r="H647320" s="12"/>
    </row>
    <row r="647321" spans="8:8">
      <c r="H647321" s="12"/>
    </row>
    <row r="647322" spans="8:8">
      <c r="H647322" s="12"/>
    </row>
    <row r="647323" spans="8:8">
      <c r="H647323" s="12"/>
    </row>
    <row r="647324" spans="8:8">
      <c r="H647324" s="12"/>
    </row>
    <row r="647325" spans="8:8">
      <c r="H647325" s="12"/>
    </row>
    <row r="647326" spans="8:8">
      <c r="H647326" s="12"/>
    </row>
    <row r="647327" spans="8:8">
      <c r="H647327" s="12"/>
    </row>
    <row r="647328" spans="8:8">
      <c r="H647328" s="12"/>
    </row>
    <row r="647329" spans="8:8">
      <c r="H647329" s="12"/>
    </row>
    <row r="647330" spans="8:8">
      <c r="H647330" s="12"/>
    </row>
    <row r="647331" spans="8:8">
      <c r="H647331" s="12"/>
    </row>
    <row r="647332" spans="8:8">
      <c r="H647332" s="12"/>
    </row>
    <row r="647333" spans="8:8">
      <c r="H647333" s="12"/>
    </row>
    <row r="647334" spans="8:8">
      <c r="H647334" s="12"/>
    </row>
    <row r="647335" spans="8:8">
      <c r="H647335" s="12"/>
    </row>
    <row r="647336" spans="8:8">
      <c r="H647336" s="12"/>
    </row>
    <row r="647337" spans="8:8">
      <c r="H647337" s="12"/>
    </row>
    <row r="647338" spans="8:8">
      <c r="H647338" s="12"/>
    </row>
    <row r="647339" spans="8:8">
      <c r="H647339" s="12"/>
    </row>
    <row r="647340" spans="8:8">
      <c r="H647340" s="12"/>
    </row>
    <row r="647341" spans="8:8">
      <c r="H647341" s="12"/>
    </row>
    <row r="647342" spans="8:8">
      <c r="H647342" s="12"/>
    </row>
    <row r="647343" spans="8:8">
      <c r="H647343" s="12"/>
    </row>
    <row r="647344" spans="8:8">
      <c r="H647344" s="12"/>
    </row>
    <row r="647345" spans="8:8">
      <c r="H647345" s="12"/>
    </row>
    <row r="647346" spans="8:8">
      <c r="H647346" s="12"/>
    </row>
    <row r="647347" spans="8:8">
      <c r="H647347" s="12"/>
    </row>
    <row r="647348" spans="8:8">
      <c r="H647348" s="12"/>
    </row>
    <row r="647349" spans="8:8">
      <c r="H647349" s="12"/>
    </row>
    <row r="647350" spans="8:8">
      <c r="H647350" s="12"/>
    </row>
    <row r="647351" spans="8:8">
      <c r="H647351" s="12"/>
    </row>
    <row r="647352" spans="8:8">
      <c r="H647352" s="12"/>
    </row>
    <row r="647353" spans="8:8">
      <c r="H647353" s="12"/>
    </row>
    <row r="647354" spans="8:8">
      <c r="H647354" s="12"/>
    </row>
    <row r="647355" spans="8:8">
      <c r="H647355" s="12"/>
    </row>
    <row r="647356" spans="8:8">
      <c r="H647356" s="12"/>
    </row>
    <row r="647357" spans="8:8">
      <c r="H647357" s="12"/>
    </row>
    <row r="647358" spans="8:8">
      <c r="H647358" s="12"/>
    </row>
    <row r="647359" spans="8:8">
      <c r="H647359" s="12"/>
    </row>
    <row r="647360" spans="8:8">
      <c r="H647360" s="12"/>
    </row>
    <row r="647361" spans="8:8">
      <c r="H647361" s="12"/>
    </row>
    <row r="647362" spans="8:8">
      <c r="H647362" s="12"/>
    </row>
    <row r="647363" spans="8:8">
      <c r="H647363" s="12"/>
    </row>
    <row r="647364" spans="8:8">
      <c r="H647364" s="12"/>
    </row>
    <row r="647365" spans="8:8">
      <c r="H647365" s="12"/>
    </row>
    <row r="647366" spans="8:8">
      <c r="H647366" s="12"/>
    </row>
    <row r="647367" spans="8:8">
      <c r="H647367" s="12"/>
    </row>
    <row r="647368" spans="8:8">
      <c r="H647368" s="12"/>
    </row>
    <row r="647369" spans="8:8">
      <c r="H647369" s="12"/>
    </row>
    <row r="647370" spans="8:8">
      <c r="H647370" s="12"/>
    </row>
    <row r="647371" spans="8:8">
      <c r="H647371" s="12"/>
    </row>
    <row r="647372" spans="8:8">
      <c r="H647372" s="12"/>
    </row>
    <row r="647373" spans="8:8">
      <c r="H647373" s="12"/>
    </row>
    <row r="647374" spans="8:8">
      <c r="H647374" s="12"/>
    </row>
    <row r="647375" spans="8:8">
      <c r="H647375" s="12"/>
    </row>
    <row r="647376" spans="8:8">
      <c r="H647376" s="12"/>
    </row>
    <row r="647377" spans="8:8">
      <c r="H647377" s="12"/>
    </row>
    <row r="647378" spans="8:8">
      <c r="H647378" s="12"/>
    </row>
    <row r="647379" spans="8:8">
      <c r="H647379" s="12"/>
    </row>
    <row r="647380" spans="8:8">
      <c r="H647380" s="12"/>
    </row>
    <row r="647381" spans="8:8">
      <c r="H647381" s="12"/>
    </row>
    <row r="647382" spans="8:8">
      <c r="H647382" s="12"/>
    </row>
    <row r="647383" spans="8:8">
      <c r="H647383" s="12"/>
    </row>
    <row r="647384" spans="8:8">
      <c r="H647384" s="12"/>
    </row>
    <row r="647385" spans="8:8">
      <c r="H647385" s="12"/>
    </row>
    <row r="647386" spans="8:8">
      <c r="H647386" s="12"/>
    </row>
    <row r="647387" spans="8:8">
      <c r="H647387" s="12"/>
    </row>
    <row r="647388" spans="8:8">
      <c r="H647388" s="12"/>
    </row>
    <row r="647389" spans="8:8">
      <c r="H647389" s="12"/>
    </row>
    <row r="647390" spans="8:8">
      <c r="H647390" s="12"/>
    </row>
    <row r="647391" spans="8:8">
      <c r="H647391" s="12"/>
    </row>
    <row r="647392" spans="8:8">
      <c r="H647392" s="12"/>
    </row>
    <row r="647393" spans="8:8">
      <c r="H647393" s="12"/>
    </row>
    <row r="647394" spans="8:8">
      <c r="H647394" s="12"/>
    </row>
    <row r="647395" spans="8:8">
      <c r="H647395" s="12"/>
    </row>
    <row r="647396" spans="8:8">
      <c r="H647396" s="12"/>
    </row>
    <row r="647397" spans="8:8">
      <c r="H647397" s="12"/>
    </row>
    <row r="647398" spans="8:8">
      <c r="H647398" s="12"/>
    </row>
    <row r="647399" spans="8:8">
      <c r="H647399" s="12"/>
    </row>
    <row r="647400" spans="8:8">
      <c r="H647400" s="12"/>
    </row>
    <row r="647401" spans="8:8">
      <c r="H647401" s="12"/>
    </row>
    <row r="647402" spans="8:8">
      <c r="H647402" s="12"/>
    </row>
    <row r="647403" spans="8:8">
      <c r="H647403" s="12"/>
    </row>
    <row r="647404" spans="8:8">
      <c r="H647404" s="12"/>
    </row>
    <row r="647405" spans="8:8">
      <c r="H647405" s="12"/>
    </row>
    <row r="647406" spans="8:8">
      <c r="H647406" s="12"/>
    </row>
    <row r="647407" spans="8:8">
      <c r="H647407" s="12"/>
    </row>
    <row r="647408" spans="8:8">
      <c r="H647408" s="12"/>
    </row>
    <row r="647409" spans="8:8">
      <c r="H647409" s="12"/>
    </row>
    <row r="647410" spans="8:8">
      <c r="H647410" s="12"/>
    </row>
    <row r="647411" spans="8:8">
      <c r="H647411" s="12"/>
    </row>
    <row r="647412" spans="8:8">
      <c r="H647412" s="12"/>
    </row>
    <row r="647413" spans="8:8">
      <c r="H647413" s="12"/>
    </row>
    <row r="647414" spans="8:8">
      <c r="H647414" s="12"/>
    </row>
    <row r="647415" spans="8:8">
      <c r="H647415" s="12"/>
    </row>
    <row r="647416" spans="8:8">
      <c r="H647416" s="12"/>
    </row>
    <row r="647417" spans="8:8">
      <c r="H647417" s="12"/>
    </row>
    <row r="647418" spans="8:8">
      <c r="H647418" s="12"/>
    </row>
    <row r="647419" spans="8:8">
      <c r="H647419" s="12"/>
    </row>
    <row r="647420" spans="8:8">
      <c r="H647420" s="12"/>
    </row>
    <row r="647421" spans="8:8">
      <c r="H647421" s="12"/>
    </row>
    <row r="647422" spans="8:8">
      <c r="H647422" s="12"/>
    </row>
    <row r="647423" spans="8:8">
      <c r="H647423" s="12"/>
    </row>
    <row r="647424" spans="8:8">
      <c r="H647424" s="12"/>
    </row>
    <row r="647425" spans="8:8">
      <c r="H647425" s="12"/>
    </row>
    <row r="647426" spans="8:8">
      <c r="H647426" s="12"/>
    </row>
    <row r="647427" spans="8:8">
      <c r="H647427" s="12"/>
    </row>
    <row r="647428" spans="8:8">
      <c r="H647428" s="12"/>
    </row>
    <row r="647429" spans="8:8">
      <c r="H647429" s="12"/>
    </row>
    <row r="647430" spans="8:8">
      <c r="H647430" s="12"/>
    </row>
    <row r="647431" spans="8:8">
      <c r="H647431" s="12"/>
    </row>
    <row r="647432" spans="8:8">
      <c r="H647432" s="12"/>
    </row>
    <row r="647433" spans="8:8">
      <c r="H647433" s="12"/>
    </row>
    <row r="647434" spans="8:8">
      <c r="H647434" s="12"/>
    </row>
    <row r="647435" spans="8:8">
      <c r="H647435" s="12"/>
    </row>
    <row r="647436" spans="8:8">
      <c r="H647436" s="12"/>
    </row>
    <row r="647437" spans="8:8">
      <c r="H647437" s="12"/>
    </row>
    <row r="647438" spans="8:8">
      <c r="H647438" s="12"/>
    </row>
    <row r="647439" spans="8:8">
      <c r="H647439" s="12"/>
    </row>
    <row r="647440" spans="8:8">
      <c r="H647440" s="12"/>
    </row>
    <row r="647441" spans="8:8">
      <c r="H647441" s="12"/>
    </row>
    <row r="647442" spans="8:8">
      <c r="H647442" s="12"/>
    </row>
    <row r="647443" spans="8:8">
      <c r="H647443" s="12"/>
    </row>
    <row r="647444" spans="8:8">
      <c r="H647444" s="12"/>
    </row>
    <row r="647445" spans="8:8">
      <c r="H647445" s="12"/>
    </row>
    <row r="647446" spans="8:8">
      <c r="H647446" s="12"/>
    </row>
    <row r="647447" spans="8:8">
      <c r="H647447" s="12"/>
    </row>
    <row r="647448" spans="8:8">
      <c r="H647448" s="12"/>
    </row>
    <row r="647449" spans="8:8">
      <c r="H647449" s="12"/>
    </row>
    <row r="647450" spans="8:8">
      <c r="H647450" s="12"/>
    </row>
    <row r="647451" spans="8:8">
      <c r="H647451" s="12"/>
    </row>
    <row r="647452" spans="8:8">
      <c r="H647452" s="12"/>
    </row>
    <row r="647453" spans="8:8">
      <c r="H647453" s="12"/>
    </row>
    <row r="647454" spans="8:8">
      <c r="H647454" s="12"/>
    </row>
    <row r="647455" spans="8:8">
      <c r="H647455" s="12"/>
    </row>
    <row r="647456" spans="8:8">
      <c r="H647456" s="12"/>
    </row>
    <row r="647457" spans="8:8">
      <c r="H647457" s="12"/>
    </row>
    <row r="647458" spans="8:8">
      <c r="H647458" s="12"/>
    </row>
    <row r="647459" spans="8:8">
      <c r="H647459" s="12"/>
    </row>
    <row r="647460" spans="8:8">
      <c r="H647460" s="12"/>
    </row>
    <row r="647461" spans="8:8">
      <c r="H647461" s="12"/>
    </row>
    <row r="647462" spans="8:8">
      <c r="H647462" s="12"/>
    </row>
    <row r="647463" spans="8:8">
      <c r="H647463" s="12"/>
    </row>
    <row r="647464" spans="8:8">
      <c r="H647464" s="12"/>
    </row>
    <row r="647465" spans="8:8">
      <c r="H647465" s="12"/>
    </row>
    <row r="647466" spans="8:8">
      <c r="H647466" s="12"/>
    </row>
    <row r="647467" spans="8:8">
      <c r="H647467" s="12"/>
    </row>
    <row r="647468" spans="8:8">
      <c r="H647468" s="12"/>
    </row>
    <row r="647469" spans="8:8">
      <c r="H647469" s="12"/>
    </row>
    <row r="647470" spans="8:8">
      <c r="H647470" s="12"/>
    </row>
    <row r="647471" spans="8:8">
      <c r="H647471" s="12"/>
    </row>
    <row r="647472" spans="8:8">
      <c r="H647472" s="12"/>
    </row>
    <row r="647473" spans="8:8">
      <c r="H647473" s="12"/>
    </row>
    <row r="647474" spans="8:8">
      <c r="H647474" s="12"/>
    </row>
    <row r="647475" spans="8:8">
      <c r="H647475" s="12"/>
    </row>
    <row r="647476" spans="8:8">
      <c r="H647476" s="12"/>
    </row>
    <row r="647477" spans="8:8">
      <c r="H647477" s="12"/>
    </row>
    <row r="647478" spans="8:8">
      <c r="H647478" s="12"/>
    </row>
    <row r="647479" spans="8:8">
      <c r="H647479" s="12"/>
    </row>
    <row r="647480" spans="8:8">
      <c r="H647480" s="12"/>
    </row>
    <row r="647481" spans="8:8">
      <c r="H647481" s="12"/>
    </row>
    <row r="647482" spans="8:8">
      <c r="H647482" s="12"/>
    </row>
    <row r="647483" spans="8:8">
      <c r="H647483" s="12"/>
    </row>
    <row r="647484" spans="8:8">
      <c r="H647484" s="12"/>
    </row>
    <row r="647485" spans="8:8">
      <c r="H647485" s="12"/>
    </row>
    <row r="647486" spans="8:8">
      <c r="H647486" s="12"/>
    </row>
    <row r="647487" spans="8:8">
      <c r="H647487" s="12"/>
    </row>
    <row r="647488" spans="8:8">
      <c r="H647488" s="12"/>
    </row>
    <row r="647489" spans="8:8">
      <c r="H647489" s="12"/>
    </row>
    <row r="647490" spans="8:8">
      <c r="H647490" s="12"/>
    </row>
    <row r="647491" spans="8:8">
      <c r="H647491" s="12"/>
    </row>
    <row r="647492" spans="8:8">
      <c r="H647492" s="12"/>
    </row>
    <row r="647493" spans="8:8">
      <c r="H647493" s="12"/>
    </row>
    <row r="647494" spans="8:8">
      <c r="H647494" s="12"/>
    </row>
    <row r="647495" spans="8:8">
      <c r="H647495" s="12"/>
    </row>
    <row r="647496" spans="8:8">
      <c r="H647496" s="12"/>
    </row>
    <row r="647497" spans="8:8">
      <c r="H647497" s="12"/>
    </row>
    <row r="647498" spans="8:8">
      <c r="H647498" s="12"/>
    </row>
    <row r="647499" spans="8:8">
      <c r="H647499" s="12"/>
    </row>
    <row r="647500" spans="8:8">
      <c r="H647500" s="12"/>
    </row>
    <row r="647501" spans="8:8">
      <c r="H647501" s="12"/>
    </row>
    <row r="647502" spans="8:8">
      <c r="H647502" s="12"/>
    </row>
    <row r="647503" spans="8:8">
      <c r="H647503" s="12"/>
    </row>
    <row r="647504" spans="8:8">
      <c r="H647504" s="12"/>
    </row>
    <row r="647505" spans="8:8">
      <c r="H647505" s="12"/>
    </row>
    <row r="647506" spans="8:8">
      <c r="H647506" s="12"/>
    </row>
    <row r="647507" spans="8:8">
      <c r="H647507" s="12"/>
    </row>
    <row r="647508" spans="8:8">
      <c r="H647508" s="12"/>
    </row>
    <row r="647509" spans="8:8">
      <c r="H647509" s="12"/>
    </row>
    <row r="647510" spans="8:8">
      <c r="H647510" s="12"/>
    </row>
    <row r="647511" spans="8:8">
      <c r="H647511" s="12"/>
    </row>
    <row r="647512" spans="8:8">
      <c r="H647512" s="12"/>
    </row>
    <row r="647513" spans="8:8">
      <c r="H647513" s="12"/>
    </row>
    <row r="647514" spans="8:8">
      <c r="H647514" s="12"/>
    </row>
    <row r="647515" spans="8:8">
      <c r="H647515" s="12"/>
    </row>
    <row r="647516" spans="8:8">
      <c r="H647516" s="12"/>
    </row>
    <row r="647517" spans="8:8">
      <c r="H647517" s="12"/>
    </row>
    <row r="647518" spans="8:8">
      <c r="H647518" s="12"/>
    </row>
    <row r="647519" spans="8:8">
      <c r="H647519" s="12"/>
    </row>
    <row r="647520" spans="8:8">
      <c r="H647520" s="12"/>
    </row>
    <row r="647521" spans="8:8">
      <c r="H647521" s="12"/>
    </row>
    <row r="647522" spans="8:8">
      <c r="H647522" s="12"/>
    </row>
    <row r="647523" spans="8:8">
      <c r="H647523" s="12"/>
    </row>
    <row r="647524" spans="8:8">
      <c r="H647524" s="12"/>
    </row>
    <row r="647525" spans="8:8">
      <c r="H647525" s="12"/>
    </row>
    <row r="647526" spans="8:8">
      <c r="H647526" s="12"/>
    </row>
    <row r="647527" spans="8:8">
      <c r="H647527" s="12"/>
    </row>
    <row r="647528" spans="8:8">
      <c r="H647528" s="12"/>
    </row>
    <row r="647529" spans="8:8">
      <c r="H647529" s="12"/>
    </row>
    <row r="647530" spans="8:8">
      <c r="H647530" s="12"/>
    </row>
    <row r="647531" spans="8:8">
      <c r="H647531" s="12"/>
    </row>
    <row r="647532" spans="8:8">
      <c r="H647532" s="12"/>
    </row>
    <row r="647533" spans="8:8">
      <c r="H647533" s="12"/>
    </row>
    <row r="647534" spans="8:8">
      <c r="H647534" s="12"/>
    </row>
    <row r="647535" spans="8:8">
      <c r="H647535" s="12"/>
    </row>
    <row r="647536" spans="8:8">
      <c r="H647536" s="12"/>
    </row>
    <row r="647537" spans="8:8">
      <c r="H647537" s="12"/>
    </row>
    <row r="647538" spans="8:8">
      <c r="H647538" s="12"/>
    </row>
    <row r="647539" spans="8:8">
      <c r="H647539" s="12"/>
    </row>
    <row r="647540" spans="8:8">
      <c r="H647540" s="12"/>
    </row>
    <row r="647541" spans="8:8">
      <c r="H647541" s="12"/>
    </row>
    <row r="647542" spans="8:8">
      <c r="H647542" s="12"/>
    </row>
    <row r="647543" spans="8:8">
      <c r="H647543" s="12"/>
    </row>
    <row r="647544" spans="8:8">
      <c r="H647544" s="12"/>
    </row>
    <row r="647545" spans="8:8">
      <c r="H647545" s="12"/>
    </row>
    <row r="647546" spans="8:8">
      <c r="H647546" s="12"/>
    </row>
    <row r="647547" spans="8:8">
      <c r="H647547" s="12"/>
    </row>
    <row r="647548" spans="8:8">
      <c r="H647548" s="12"/>
    </row>
    <row r="647549" spans="8:8">
      <c r="H647549" s="12"/>
    </row>
    <row r="647550" spans="8:8">
      <c r="H647550" s="12"/>
    </row>
    <row r="647551" spans="8:8">
      <c r="H647551" s="12"/>
    </row>
    <row r="647552" spans="8:8">
      <c r="H647552" s="12"/>
    </row>
    <row r="647553" spans="8:8">
      <c r="H647553" s="12"/>
    </row>
    <row r="647554" spans="8:8">
      <c r="H647554" s="12"/>
    </row>
    <row r="647555" spans="8:8">
      <c r="H647555" s="12"/>
    </row>
    <row r="647556" spans="8:8">
      <c r="H647556" s="12"/>
    </row>
    <row r="647557" spans="8:8">
      <c r="H647557" s="12"/>
    </row>
    <row r="647558" spans="8:8">
      <c r="H647558" s="12"/>
    </row>
    <row r="647559" spans="8:8">
      <c r="H647559" s="12"/>
    </row>
    <row r="647560" spans="8:8">
      <c r="H647560" s="12"/>
    </row>
    <row r="647561" spans="8:8">
      <c r="H647561" s="12"/>
    </row>
    <row r="647562" spans="8:8">
      <c r="H647562" s="12"/>
    </row>
    <row r="647563" spans="8:8">
      <c r="H647563" s="12"/>
    </row>
    <row r="647564" spans="8:8">
      <c r="H647564" s="12"/>
    </row>
    <row r="647565" spans="8:8">
      <c r="H647565" s="12"/>
    </row>
    <row r="647566" spans="8:8">
      <c r="H647566" s="12"/>
    </row>
    <row r="647567" spans="8:8">
      <c r="H647567" s="12"/>
    </row>
    <row r="647568" spans="8:8">
      <c r="H647568" s="12"/>
    </row>
    <row r="647569" spans="8:8">
      <c r="H647569" s="12"/>
    </row>
    <row r="647570" spans="8:8">
      <c r="H647570" s="12"/>
    </row>
    <row r="647571" spans="8:8">
      <c r="H647571" s="12"/>
    </row>
    <row r="647572" spans="8:8">
      <c r="H647572" s="12"/>
    </row>
    <row r="647573" spans="8:8">
      <c r="H647573" s="12"/>
    </row>
    <row r="647574" spans="8:8">
      <c r="H647574" s="12"/>
    </row>
    <row r="647575" spans="8:8">
      <c r="H647575" s="12"/>
    </row>
    <row r="647576" spans="8:8">
      <c r="H647576" s="12"/>
    </row>
    <row r="647577" spans="8:8">
      <c r="H647577" s="12"/>
    </row>
    <row r="647578" spans="8:8">
      <c r="H647578" s="12"/>
    </row>
    <row r="647579" spans="8:8">
      <c r="H647579" s="12"/>
    </row>
    <row r="647580" spans="8:8">
      <c r="H647580" s="12"/>
    </row>
    <row r="647581" spans="8:8">
      <c r="H647581" s="12"/>
    </row>
    <row r="647582" spans="8:8">
      <c r="H647582" s="12"/>
    </row>
    <row r="647583" spans="8:8">
      <c r="H647583" s="12"/>
    </row>
    <row r="647584" spans="8:8">
      <c r="H647584" s="12"/>
    </row>
    <row r="647585" spans="8:8">
      <c r="H647585" s="12"/>
    </row>
    <row r="647586" spans="8:8">
      <c r="H647586" s="12"/>
    </row>
    <row r="647587" spans="8:8">
      <c r="H647587" s="12"/>
    </row>
    <row r="647588" spans="8:8">
      <c r="H647588" s="12"/>
    </row>
    <row r="647589" spans="8:8">
      <c r="H647589" s="12"/>
    </row>
    <row r="647590" spans="8:8">
      <c r="H647590" s="12"/>
    </row>
    <row r="647591" spans="8:8">
      <c r="H647591" s="12"/>
    </row>
    <row r="647592" spans="8:8">
      <c r="H647592" s="12"/>
    </row>
    <row r="647593" spans="8:8">
      <c r="H647593" s="12"/>
    </row>
    <row r="647594" spans="8:8">
      <c r="H647594" s="12"/>
    </row>
    <row r="647595" spans="8:8">
      <c r="H647595" s="12"/>
    </row>
    <row r="647596" spans="8:8">
      <c r="H647596" s="12"/>
    </row>
    <row r="647597" spans="8:8">
      <c r="H647597" s="12"/>
    </row>
    <row r="647598" spans="8:8">
      <c r="H647598" s="12"/>
    </row>
    <row r="647599" spans="8:8">
      <c r="H647599" s="12"/>
    </row>
    <row r="647600" spans="8:8">
      <c r="H647600" s="12"/>
    </row>
    <row r="647601" spans="8:8">
      <c r="H647601" s="12"/>
    </row>
    <row r="647602" spans="8:8">
      <c r="H647602" s="12"/>
    </row>
    <row r="647603" spans="8:8">
      <c r="H647603" s="12"/>
    </row>
    <row r="647604" spans="8:8">
      <c r="H647604" s="12"/>
    </row>
    <row r="647605" spans="8:8">
      <c r="H647605" s="12"/>
    </row>
    <row r="647606" spans="8:8">
      <c r="H647606" s="12"/>
    </row>
    <row r="647607" spans="8:8">
      <c r="H647607" s="12"/>
    </row>
    <row r="647608" spans="8:8">
      <c r="H647608" s="12"/>
    </row>
    <row r="647609" spans="8:8">
      <c r="H647609" s="12"/>
    </row>
    <row r="647610" spans="8:8">
      <c r="H647610" s="12"/>
    </row>
    <row r="647611" spans="8:8">
      <c r="H647611" s="12"/>
    </row>
    <row r="647612" spans="8:8">
      <c r="H647612" s="12"/>
    </row>
    <row r="647613" spans="8:8">
      <c r="H647613" s="12"/>
    </row>
    <row r="647614" spans="8:8">
      <c r="H647614" s="12"/>
    </row>
    <row r="647615" spans="8:8">
      <c r="H647615" s="12"/>
    </row>
    <row r="647616" spans="8:8">
      <c r="H647616" s="12"/>
    </row>
    <row r="647617" spans="8:8">
      <c r="H647617" s="12"/>
    </row>
    <row r="647618" spans="8:8">
      <c r="H647618" s="12"/>
    </row>
    <row r="647619" spans="8:8">
      <c r="H647619" s="12"/>
    </row>
    <row r="647620" spans="8:8">
      <c r="H647620" s="12"/>
    </row>
    <row r="647621" spans="8:8">
      <c r="H647621" s="12"/>
    </row>
    <row r="647622" spans="8:8">
      <c r="H647622" s="12"/>
    </row>
    <row r="647623" spans="8:8">
      <c r="H647623" s="12"/>
    </row>
    <row r="647624" spans="8:8">
      <c r="H647624" s="12"/>
    </row>
    <row r="647625" spans="8:8">
      <c r="H647625" s="12"/>
    </row>
    <row r="647626" spans="8:8">
      <c r="H647626" s="12"/>
    </row>
    <row r="647627" spans="8:8">
      <c r="H647627" s="12"/>
    </row>
    <row r="647628" spans="8:8">
      <c r="H647628" s="12"/>
    </row>
    <row r="647629" spans="8:8">
      <c r="H647629" s="12"/>
    </row>
    <row r="647630" spans="8:8">
      <c r="H647630" s="12"/>
    </row>
    <row r="647631" spans="8:8">
      <c r="H647631" s="12"/>
    </row>
    <row r="647632" spans="8:8">
      <c r="H647632" s="12"/>
    </row>
    <row r="647633" spans="8:8">
      <c r="H647633" s="12"/>
    </row>
    <row r="647634" spans="8:8">
      <c r="H647634" s="12"/>
    </row>
    <row r="647635" spans="8:8">
      <c r="H647635" s="12"/>
    </row>
    <row r="647636" spans="8:8">
      <c r="H647636" s="12"/>
    </row>
    <row r="647637" spans="8:8">
      <c r="H647637" s="12"/>
    </row>
    <row r="647638" spans="8:8">
      <c r="H647638" s="12"/>
    </row>
    <row r="647639" spans="8:8">
      <c r="H647639" s="12"/>
    </row>
    <row r="647640" spans="8:8">
      <c r="H647640" s="12"/>
    </row>
    <row r="647641" spans="8:8">
      <c r="H647641" s="12"/>
    </row>
    <row r="647642" spans="8:8">
      <c r="H647642" s="12"/>
    </row>
    <row r="647643" spans="8:8">
      <c r="H647643" s="12"/>
    </row>
    <row r="647644" spans="8:8">
      <c r="H647644" s="12"/>
    </row>
    <row r="647645" spans="8:8">
      <c r="H647645" s="12"/>
    </row>
    <row r="647646" spans="8:8">
      <c r="H647646" s="12"/>
    </row>
    <row r="647647" spans="8:8">
      <c r="H647647" s="12"/>
    </row>
    <row r="647648" spans="8:8">
      <c r="H647648" s="12"/>
    </row>
    <row r="647649" spans="8:8">
      <c r="H647649" s="12"/>
    </row>
    <row r="647650" spans="8:8">
      <c r="H647650" s="12"/>
    </row>
    <row r="647651" spans="8:8">
      <c r="H647651" s="12"/>
    </row>
    <row r="647652" spans="8:8">
      <c r="H647652" s="12"/>
    </row>
    <row r="647653" spans="8:8">
      <c r="H647653" s="12"/>
    </row>
    <row r="647654" spans="8:8">
      <c r="H647654" s="12"/>
    </row>
    <row r="647655" spans="8:8">
      <c r="H647655" s="12"/>
    </row>
    <row r="647656" spans="8:8">
      <c r="H647656" s="12"/>
    </row>
    <row r="647657" spans="8:8">
      <c r="H647657" s="12"/>
    </row>
    <row r="647658" spans="8:8">
      <c r="H647658" s="12"/>
    </row>
    <row r="647659" spans="8:8">
      <c r="H647659" s="12"/>
    </row>
    <row r="647660" spans="8:8">
      <c r="H647660" s="12"/>
    </row>
    <row r="647661" spans="8:8">
      <c r="H647661" s="12"/>
    </row>
    <row r="647662" spans="8:8">
      <c r="H647662" s="12"/>
    </row>
    <row r="647663" spans="8:8">
      <c r="H647663" s="12"/>
    </row>
    <row r="647664" spans="8:8">
      <c r="H647664" s="12"/>
    </row>
    <row r="647665" spans="8:8">
      <c r="H647665" s="12"/>
    </row>
    <row r="647666" spans="8:8">
      <c r="H647666" s="12"/>
    </row>
    <row r="647667" spans="8:8">
      <c r="H647667" s="12"/>
    </row>
    <row r="647668" spans="8:8">
      <c r="H647668" s="12"/>
    </row>
    <row r="647669" spans="8:8">
      <c r="H647669" s="12"/>
    </row>
    <row r="647670" spans="8:8">
      <c r="H647670" s="12"/>
    </row>
    <row r="647671" spans="8:8">
      <c r="H647671" s="12"/>
    </row>
    <row r="647672" spans="8:8">
      <c r="H647672" s="12"/>
    </row>
    <row r="647673" spans="8:8">
      <c r="H647673" s="12"/>
    </row>
    <row r="647674" spans="8:8">
      <c r="H647674" s="12"/>
    </row>
    <row r="647675" spans="8:8">
      <c r="H647675" s="12"/>
    </row>
    <row r="647676" spans="8:8">
      <c r="H647676" s="12"/>
    </row>
    <row r="647677" spans="8:8">
      <c r="H647677" s="12"/>
    </row>
    <row r="647678" spans="8:8">
      <c r="H647678" s="12"/>
    </row>
    <row r="647679" spans="8:8">
      <c r="H647679" s="12"/>
    </row>
    <row r="647680" spans="8:8">
      <c r="H647680" s="12"/>
    </row>
    <row r="647681" spans="8:8">
      <c r="H647681" s="12"/>
    </row>
    <row r="647682" spans="8:8">
      <c r="H647682" s="12"/>
    </row>
    <row r="647683" spans="8:8">
      <c r="H647683" s="12"/>
    </row>
    <row r="647684" spans="8:8">
      <c r="H647684" s="12"/>
    </row>
    <row r="647685" spans="8:8">
      <c r="H647685" s="12"/>
    </row>
    <row r="647686" spans="8:8">
      <c r="H647686" s="12"/>
    </row>
    <row r="647687" spans="8:8">
      <c r="H647687" s="12"/>
    </row>
    <row r="647688" spans="8:8">
      <c r="H647688" s="12"/>
    </row>
    <row r="647689" spans="8:8">
      <c r="H647689" s="12"/>
    </row>
    <row r="647690" spans="8:8">
      <c r="H647690" s="12"/>
    </row>
    <row r="647691" spans="8:8">
      <c r="H647691" s="12"/>
    </row>
    <row r="647692" spans="8:8">
      <c r="H647692" s="12"/>
    </row>
    <row r="647693" spans="8:8">
      <c r="H647693" s="12"/>
    </row>
    <row r="647694" spans="8:8">
      <c r="H647694" s="12"/>
    </row>
    <row r="647695" spans="8:8">
      <c r="H647695" s="12"/>
    </row>
    <row r="647696" spans="8:8">
      <c r="H647696" s="12"/>
    </row>
    <row r="647697" spans="8:8">
      <c r="H647697" s="12"/>
    </row>
    <row r="647698" spans="8:8">
      <c r="H647698" s="12"/>
    </row>
    <row r="647699" spans="8:8">
      <c r="H647699" s="12"/>
    </row>
    <row r="647700" spans="8:8">
      <c r="H647700" s="12"/>
    </row>
    <row r="647701" spans="8:8">
      <c r="H647701" s="12"/>
    </row>
    <row r="647702" spans="8:8">
      <c r="H647702" s="12"/>
    </row>
    <row r="647703" spans="8:8">
      <c r="H647703" s="12"/>
    </row>
    <row r="647704" spans="8:8">
      <c r="H647704" s="12"/>
    </row>
    <row r="647705" spans="8:8">
      <c r="H647705" s="12"/>
    </row>
    <row r="647706" spans="8:8">
      <c r="H647706" s="12"/>
    </row>
    <row r="647707" spans="8:8">
      <c r="H647707" s="12"/>
    </row>
    <row r="647708" spans="8:8">
      <c r="H647708" s="12"/>
    </row>
    <row r="647709" spans="8:8">
      <c r="H647709" s="12"/>
    </row>
    <row r="647710" spans="8:8">
      <c r="H647710" s="12"/>
    </row>
    <row r="647711" spans="8:8">
      <c r="H647711" s="12"/>
    </row>
    <row r="647712" spans="8:8">
      <c r="H647712" s="12"/>
    </row>
    <row r="647713" spans="8:8">
      <c r="H647713" s="12"/>
    </row>
    <row r="647714" spans="8:8">
      <c r="H647714" s="12"/>
    </row>
    <row r="647715" spans="8:8">
      <c r="H647715" s="12"/>
    </row>
    <row r="647716" spans="8:8">
      <c r="H647716" s="12"/>
    </row>
    <row r="647717" spans="8:8">
      <c r="H647717" s="12"/>
    </row>
    <row r="647718" spans="8:8">
      <c r="H647718" s="12"/>
    </row>
    <row r="647719" spans="8:8">
      <c r="H647719" s="12"/>
    </row>
    <row r="647720" spans="8:8">
      <c r="H647720" s="12"/>
    </row>
    <row r="647721" spans="8:8">
      <c r="H647721" s="12"/>
    </row>
    <row r="647722" spans="8:8">
      <c r="H647722" s="12"/>
    </row>
    <row r="647723" spans="8:8">
      <c r="H647723" s="12"/>
    </row>
    <row r="647724" spans="8:8">
      <c r="H647724" s="12"/>
    </row>
    <row r="647725" spans="8:8">
      <c r="H647725" s="12"/>
    </row>
    <row r="647726" spans="8:8">
      <c r="H647726" s="12"/>
    </row>
    <row r="647727" spans="8:8">
      <c r="H647727" s="12"/>
    </row>
    <row r="647728" spans="8:8">
      <c r="H647728" s="12"/>
    </row>
    <row r="647729" spans="8:8">
      <c r="H647729" s="12"/>
    </row>
    <row r="647730" spans="8:8">
      <c r="H647730" s="12"/>
    </row>
    <row r="647731" spans="8:8">
      <c r="H647731" s="12"/>
    </row>
    <row r="647732" spans="8:8">
      <c r="H647732" s="12"/>
    </row>
    <row r="647733" spans="8:8">
      <c r="H647733" s="12"/>
    </row>
    <row r="647734" spans="8:8">
      <c r="H647734" s="12"/>
    </row>
    <row r="647735" spans="8:8">
      <c r="H647735" s="12"/>
    </row>
    <row r="647736" spans="8:8">
      <c r="H647736" s="12"/>
    </row>
    <row r="647737" spans="8:8">
      <c r="H647737" s="12"/>
    </row>
    <row r="647738" spans="8:8">
      <c r="H647738" s="12"/>
    </row>
    <row r="647739" spans="8:8">
      <c r="H647739" s="12"/>
    </row>
    <row r="647740" spans="8:8">
      <c r="H647740" s="12"/>
    </row>
    <row r="647741" spans="8:8">
      <c r="H647741" s="12"/>
    </row>
    <row r="647742" spans="8:8">
      <c r="H647742" s="12"/>
    </row>
    <row r="647743" spans="8:8">
      <c r="H647743" s="12"/>
    </row>
    <row r="647744" spans="8:8">
      <c r="H647744" s="12"/>
    </row>
    <row r="647745" spans="8:8">
      <c r="H647745" s="12"/>
    </row>
    <row r="647746" spans="8:8">
      <c r="H647746" s="12"/>
    </row>
    <row r="647747" spans="8:8">
      <c r="H647747" s="12"/>
    </row>
    <row r="647748" spans="8:8">
      <c r="H647748" s="12"/>
    </row>
    <row r="647749" spans="8:8">
      <c r="H647749" s="12"/>
    </row>
    <row r="647750" spans="8:8">
      <c r="H647750" s="12"/>
    </row>
    <row r="647751" spans="8:8">
      <c r="H647751" s="12"/>
    </row>
    <row r="647752" spans="8:8">
      <c r="H647752" s="12"/>
    </row>
    <row r="647753" spans="8:8">
      <c r="H647753" s="12"/>
    </row>
    <row r="647754" spans="8:8">
      <c r="H647754" s="12"/>
    </row>
    <row r="647755" spans="8:8">
      <c r="H647755" s="12"/>
    </row>
    <row r="647756" spans="8:8">
      <c r="H647756" s="12"/>
    </row>
    <row r="647757" spans="8:8">
      <c r="H647757" s="12"/>
    </row>
    <row r="647758" spans="8:8">
      <c r="H647758" s="12"/>
    </row>
    <row r="647759" spans="8:8">
      <c r="H647759" s="12"/>
    </row>
    <row r="647760" spans="8:8">
      <c r="H647760" s="12"/>
    </row>
    <row r="647761" spans="8:8">
      <c r="H647761" s="12"/>
    </row>
    <row r="647762" spans="8:8">
      <c r="H647762" s="12"/>
    </row>
    <row r="647763" spans="8:8">
      <c r="H647763" s="12"/>
    </row>
    <row r="647764" spans="8:8">
      <c r="H647764" s="12"/>
    </row>
    <row r="647765" spans="8:8">
      <c r="H647765" s="12"/>
    </row>
    <row r="647766" spans="8:8">
      <c r="H647766" s="12"/>
    </row>
    <row r="647767" spans="8:8">
      <c r="H647767" s="12"/>
    </row>
    <row r="647768" spans="8:8">
      <c r="H647768" s="12"/>
    </row>
    <row r="647769" spans="8:8">
      <c r="H647769" s="12"/>
    </row>
    <row r="647770" spans="8:8">
      <c r="H647770" s="12"/>
    </row>
    <row r="647771" spans="8:8">
      <c r="H647771" s="12"/>
    </row>
    <row r="647772" spans="8:8">
      <c r="H647772" s="12"/>
    </row>
    <row r="647773" spans="8:8">
      <c r="H647773" s="12"/>
    </row>
    <row r="647774" spans="8:8">
      <c r="H647774" s="12"/>
    </row>
    <row r="647775" spans="8:8">
      <c r="H647775" s="12"/>
    </row>
    <row r="647776" spans="8:8">
      <c r="H647776" s="12"/>
    </row>
    <row r="647777" spans="8:8">
      <c r="H647777" s="12"/>
    </row>
    <row r="647778" spans="8:8">
      <c r="H647778" s="12"/>
    </row>
    <row r="647779" spans="8:8">
      <c r="H647779" s="12"/>
    </row>
    <row r="647780" spans="8:8">
      <c r="H647780" s="12"/>
    </row>
    <row r="647781" spans="8:8">
      <c r="H647781" s="12"/>
    </row>
    <row r="647782" spans="8:8">
      <c r="H647782" s="12"/>
    </row>
    <row r="647783" spans="8:8">
      <c r="H647783" s="12"/>
    </row>
    <row r="647784" spans="8:8">
      <c r="H647784" s="12"/>
    </row>
    <row r="647785" spans="8:8">
      <c r="H647785" s="12"/>
    </row>
    <row r="647786" spans="8:8">
      <c r="H647786" s="12"/>
    </row>
    <row r="647787" spans="8:8">
      <c r="H647787" s="12"/>
    </row>
    <row r="647788" spans="8:8">
      <c r="H647788" s="12"/>
    </row>
    <row r="647789" spans="8:8">
      <c r="H647789" s="12"/>
    </row>
    <row r="647790" spans="8:8">
      <c r="H647790" s="12"/>
    </row>
    <row r="647791" spans="8:8">
      <c r="H647791" s="12"/>
    </row>
    <row r="647792" spans="8:8">
      <c r="H647792" s="12"/>
    </row>
    <row r="647793" spans="8:8">
      <c r="H647793" s="12"/>
    </row>
    <row r="647794" spans="8:8">
      <c r="H647794" s="12"/>
    </row>
    <row r="647795" spans="8:8">
      <c r="H647795" s="12"/>
    </row>
    <row r="647796" spans="8:8">
      <c r="H647796" s="12"/>
    </row>
    <row r="647797" spans="8:8">
      <c r="H647797" s="12"/>
    </row>
    <row r="647798" spans="8:8">
      <c r="H647798" s="12"/>
    </row>
    <row r="647799" spans="8:8">
      <c r="H647799" s="12"/>
    </row>
    <row r="647800" spans="8:8">
      <c r="H647800" s="12"/>
    </row>
    <row r="647801" spans="8:8">
      <c r="H647801" s="12"/>
    </row>
    <row r="647802" spans="8:8">
      <c r="H647802" s="12"/>
    </row>
    <row r="647803" spans="8:8">
      <c r="H647803" s="12"/>
    </row>
    <row r="647804" spans="8:8">
      <c r="H647804" s="12"/>
    </row>
    <row r="647805" spans="8:8">
      <c r="H647805" s="12"/>
    </row>
    <row r="647806" spans="8:8">
      <c r="H647806" s="12"/>
    </row>
    <row r="647807" spans="8:8">
      <c r="H647807" s="12"/>
    </row>
    <row r="647808" spans="8:8">
      <c r="H647808" s="12"/>
    </row>
    <row r="647809" spans="8:8">
      <c r="H647809" s="12"/>
    </row>
    <row r="647810" spans="8:8">
      <c r="H647810" s="12"/>
    </row>
    <row r="647811" spans="8:8">
      <c r="H647811" s="12"/>
    </row>
    <row r="647812" spans="8:8">
      <c r="H647812" s="12"/>
    </row>
    <row r="647813" spans="8:8">
      <c r="H647813" s="12"/>
    </row>
    <row r="647814" spans="8:8">
      <c r="H647814" s="12"/>
    </row>
    <row r="647815" spans="8:8">
      <c r="H647815" s="12"/>
    </row>
    <row r="647816" spans="8:8">
      <c r="H647816" s="12"/>
    </row>
    <row r="647817" spans="8:8">
      <c r="H647817" s="12"/>
    </row>
    <row r="647818" spans="8:8">
      <c r="H647818" s="12"/>
    </row>
    <row r="647819" spans="8:8">
      <c r="H647819" s="12"/>
    </row>
    <row r="647820" spans="8:8">
      <c r="H647820" s="12"/>
    </row>
    <row r="647821" spans="8:8">
      <c r="H647821" s="12"/>
    </row>
    <row r="647822" spans="8:8">
      <c r="H647822" s="12"/>
    </row>
    <row r="647823" spans="8:8">
      <c r="H647823" s="12"/>
    </row>
    <row r="647824" spans="8:8">
      <c r="H647824" s="12"/>
    </row>
    <row r="647825" spans="8:8">
      <c r="H647825" s="12"/>
    </row>
    <row r="647826" spans="8:8">
      <c r="H647826" s="12"/>
    </row>
    <row r="647827" spans="8:8">
      <c r="H647827" s="12"/>
    </row>
    <row r="647828" spans="8:8">
      <c r="H647828" s="12"/>
    </row>
    <row r="647829" spans="8:8">
      <c r="H647829" s="12"/>
    </row>
    <row r="647830" spans="8:8">
      <c r="H647830" s="12"/>
    </row>
    <row r="647831" spans="8:8">
      <c r="H647831" s="12"/>
    </row>
    <row r="647832" spans="8:8">
      <c r="H647832" s="12"/>
    </row>
    <row r="647833" spans="8:8">
      <c r="H647833" s="12"/>
    </row>
    <row r="647834" spans="8:8">
      <c r="H647834" s="12"/>
    </row>
    <row r="647835" spans="8:8">
      <c r="H647835" s="12"/>
    </row>
    <row r="647836" spans="8:8">
      <c r="H647836" s="12"/>
    </row>
    <row r="647837" spans="8:8">
      <c r="H647837" s="12"/>
    </row>
    <row r="647838" spans="8:8">
      <c r="H647838" s="12"/>
    </row>
    <row r="647839" spans="8:8">
      <c r="H647839" s="12"/>
    </row>
    <row r="647840" spans="8:8">
      <c r="H647840" s="12"/>
    </row>
    <row r="647841" spans="8:8">
      <c r="H647841" s="12"/>
    </row>
    <row r="647842" spans="8:8">
      <c r="H647842" s="12"/>
    </row>
    <row r="647843" spans="8:8">
      <c r="H647843" s="12"/>
    </row>
    <row r="647844" spans="8:8">
      <c r="H647844" s="12"/>
    </row>
    <row r="647845" spans="8:8">
      <c r="H647845" s="12"/>
    </row>
    <row r="647846" spans="8:8">
      <c r="H647846" s="12"/>
    </row>
    <row r="647847" spans="8:8">
      <c r="H647847" s="12"/>
    </row>
    <row r="647848" spans="8:8">
      <c r="H647848" s="12"/>
    </row>
    <row r="647849" spans="8:8">
      <c r="H647849" s="12"/>
    </row>
    <row r="647850" spans="8:8">
      <c r="H647850" s="12"/>
    </row>
    <row r="647851" spans="8:8">
      <c r="H647851" s="12"/>
    </row>
    <row r="647852" spans="8:8">
      <c r="H647852" s="12"/>
    </row>
    <row r="647853" spans="8:8">
      <c r="H647853" s="12"/>
    </row>
    <row r="647854" spans="8:8">
      <c r="H647854" s="12"/>
    </row>
    <row r="647855" spans="8:8">
      <c r="H647855" s="12"/>
    </row>
    <row r="647856" spans="8:8">
      <c r="H647856" s="12"/>
    </row>
    <row r="647857" spans="8:8">
      <c r="H647857" s="12"/>
    </row>
    <row r="647858" spans="8:8">
      <c r="H647858" s="12"/>
    </row>
    <row r="647859" spans="8:8">
      <c r="H647859" s="12"/>
    </row>
    <row r="647860" spans="8:8">
      <c r="H647860" s="12"/>
    </row>
    <row r="647861" spans="8:8">
      <c r="H647861" s="12"/>
    </row>
    <row r="647862" spans="8:8">
      <c r="H647862" s="12"/>
    </row>
    <row r="647863" spans="8:8">
      <c r="H647863" s="12"/>
    </row>
    <row r="647864" spans="8:8">
      <c r="H647864" s="12"/>
    </row>
    <row r="647865" spans="8:8">
      <c r="H647865" s="12"/>
    </row>
    <row r="647866" spans="8:8">
      <c r="H647866" s="12"/>
    </row>
    <row r="647867" spans="8:8">
      <c r="H647867" s="12"/>
    </row>
    <row r="647868" spans="8:8">
      <c r="H647868" s="12"/>
    </row>
    <row r="647869" spans="8:8">
      <c r="H647869" s="12"/>
    </row>
    <row r="647870" spans="8:8">
      <c r="H647870" s="12"/>
    </row>
    <row r="647871" spans="8:8">
      <c r="H647871" s="12"/>
    </row>
    <row r="647872" spans="8:8">
      <c r="H647872" s="12"/>
    </row>
    <row r="647873" spans="8:8">
      <c r="H647873" s="12"/>
    </row>
    <row r="647874" spans="8:8">
      <c r="H647874" s="12"/>
    </row>
    <row r="647875" spans="8:8">
      <c r="H647875" s="12"/>
    </row>
    <row r="647876" spans="8:8">
      <c r="H647876" s="12"/>
    </row>
    <row r="647877" spans="8:8">
      <c r="H647877" s="12"/>
    </row>
    <row r="647878" spans="8:8">
      <c r="H647878" s="12"/>
    </row>
    <row r="647879" spans="8:8">
      <c r="H647879" s="12"/>
    </row>
    <row r="647880" spans="8:8">
      <c r="H647880" s="12"/>
    </row>
    <row r="647881" spans="8:8">
      <c r="H647881" s="12"/>
    </row>
    <row r="647882" spans="8:8">
      <c r="H647882" s="12"/>
    </row>
    <row r="647883" spans="8:8">
      <c r="H647883" s="12"/>
    </row>
    <row r="647884" spans="8:8">
      <c r="H647884" s="12"/>
    </row>
    <row r="647885" spans="8:8">
      <c r="H647885" s="12"/>
    </row>
    <row r="647886" spans="8:8">
      <c r="H647886" s="12"/>
    </row>
    <row r="647887" spans="8:8">
      <c r="H647887" s="12"/>
    </row>
    <row r="647888" spans="8:8">
      <c r="H647888" s="12"/>
    </row>
    <row r="647889" spans="8:8">
      <c r="H647889" s="12"/>
    </row>
    <row r="647890" spans="8:8">
      <c r="H647890" s="12"/>
    </row>
    <row r="647891" spans="8:8">
      <c r="H647891" s="12"/>
    </row>
    <row r="647892" spans="8:8">
      <c r="H647892" s="12"/>
    </row>
    <row r="647893" spans="8:8">
      <c r="H647893" s="12"/>
    </row>
    <row r="647894" spans="8:8">
      <c r="H647894" s="12"/>
    </row>
    <row r="647895" spans="8:8">
      <c r="H647895" s="12"/>
    </row>
    <row r="647896" spans="8:8">
      <c r="H647896" s="12"/>
    </row>
    <row r="647897" spans="8:8">
      <c r="H647897" s="12"/>
    </row>
    <row r="647898" spans="8:8">
      <c r="H647898" s="12"/>
    </row>
    <row r="647899" spans="8:8">
      <c r="H647899" s="12"/>
    </row>
    <row r="647900" spans="8:8">
      <c r="H647900" s="12"/>
    </row>
    <row r="647901" spans="8:8">
      <c r="H647901" s="12"/>
    </row>
    <row r="647902" spans="8:8">
      <c r="H647902" s="12"/>
    </row>
    <row r="647903" spans="8:8">
      <c r="H647903" s="12"/>
    </row>
    <row r="647904" spans="8:8">
      <c r="H647904" s="12"/>
    </row>
    <row r="647905" spans="8:8">
      <c r="H647905" s="12"/>
    </row>
    <row r="647906" spans="8:8">
      <c r="H647906" s="12"/>
    </row>
    <row r="647907" spans="8:8">
      <c r="H647907" s="12"/>
    </row>
    <row r="647908" spans="8:8">
      <c r="H647908" s="12"/>
    </row>
    <row r="647909" spans="8:8">
      <c r="H647909" s="12"/>
    </row>
    <row r="647910" spans="8:8">
      <c r="H647910" s="12"/>
    </row>
    <row r="647911" spans="8:8">
      <c r="H647911" s="12"/>
    </row>
    <row r="647912" spans="8:8">
      <c r="H647912" s="12"/>
    </row>
    <row r="647913" spans="8:8">
      <c r="H647913" s="12"/>
    </row>
    <row r="647914" spans="8:8">
      <c r="H647914" s="12"/>
    </row>
    <row r="647915" spans="8:8">
      <c r="H647915" s="12"/>
    </row>
    <row r="647916" spans="8:8">
      <c r="H647916" s="12"/>
    </row>
    <row r="647917" spans="8:8">
      <c r="H647917" s="12"/>
    </row>
    <row r="647918" spans="8:8">
      <c r="H647918" s="12"/>
    </row>
    <row r="647919" spans="8:8">
      <c r="H647919" s="12"/>
    </row>
    <row r="647920" spans="8:8">
      <c r="H647920" s="12"/>
    </row>
    <row r="647921" spans="8:8">
      <c r="H647921" s="12"/>
    </row>
    <row r="647922" spans="8:8">
      <c r="H647922" s="12"/>
    </row>
    <row r="647923" spans="8:8">
      <c r="H647923" s="12"/>
    </row>
    <row r="647924" spans="8:8">
      <c r="H647924" s="12"/>
    </row>
    <row r="647925" spans="8:8">
      <c r="H647925" s="12"/>
    </row>
    <row r="647926" spans="8:8">
      <c r="H647926" s="12"/>
    </row>
    <row r="647927" spans="8:8">
      <c r="H647927" s="12"/>
    </row>
    <row r="647928" spans="8:8">
      <c r="H647928" s="12"/>
    </row>
    <row r="647929" spans="8:8">
      <c r="H647929" s="12"/>
    </row>
    <row r="647930" spans="8:8">
      <c r="H647930" s="12"/>
    </row>
    <row r="647931" spans="8:8">
      <c r="H647931" s="12"/>
    </row>
    <row r="647932" spans="8:8">
      <c r="H647932" s="12"/>
    </row>
    <row r="647933" spans="8:8">
      <c r="H647933" s="12"/>
    </row>
    <row r="647934" spans="8:8">
      <c r="H647934" s="12"/>
    </row>
    <row r="647935" spans="8:8">
      <c r="H647935" s="12"/>
    </row>
    <row r="647936" spans="8:8">
      <c r="H647936" s="12"/>
    </row>
    <row r="647937" spans="8:8">
      <c r="H647937" s="12"/>
    </row>
    <row r="647938" spans="8:8">
      <c r="H647938" s="12"/>
    </row>
    <row r="647939" spans="8:8">
      <c r="H647939" s="12"/>
    </row>
    <row r="647940" spans="8:8">
      <c r="H647940" s="12"/>
    </row>
    <row r="647941" spans="8:8">
      <c r="H647941" s="12"/>
    </row>
    <row r="647942" spans="8:8">
      <c r="H647942" s="12"/>
    </row>
    <row r="647943" spans="8:8">
      <c r="H647943" s="12"/>
    </row>
    <row r="647944" spans="8:8">
      <c r="H647944" s="12"/>
    </row>
    <row r="647945" spans="8:8">
      <c r="H647945" s="12"/>
    </row>
    <row r="647946" spans="8:8">
      <c r="H647946" s="12"/>
    </row>
    <row r="647947" spans="8:8">
      <c r="H647947" s="12"/>
    </row>
    <row r="647948" spans="8:8">
      <c r="H647948" s="12"/>
    </row>
    <row r="647949" spans="8:8">
      <c r="H647949" s="12"/>
    </row>
    <row r="647950" spans="8:8">
      <c r="H647950" s="12"/>
    </row>
    <row r="647951" spans="8:8">
      <c r="H647951" s="12"/>
    </row>
    <row r="647952" spans="8:8">
      <c r="H647952" s="12"/>
    </row>
    <row r="647953" spans="8:8">
      <c r="H647953" s="12"/>
    </row>
    <row r="647954" spans="8:8">
      <c r="H647954" s="12"/>
    </row>
    <row r="647955" spans="8:8">
      <c r="H647955" s="12"/>
    </row>
    <row r="647956" spans="8:8">
      <c r="H647956" s="12"/>
    </row>
    <row r="647957" spans="8:8">
      <c r="H647957" s="12"/>
    </row>
    <row r="647958" spans="8:8">
      <c r="H647958" s="12"/>
    </row>
    <row r="647959" spans="8:8">
      <c r="H647959" s="12"/>
    </row>
    <row r="647960" spans="8:8">
      <c r="H647960" s="12"/>
    </row>
    <row r="647961" spans="8:8">
      <c r="H647961" s="12"/>
    </row>
    <row r="647962" spans="8:8">
      <c r="H647962" s="12"/>
    </row>
    <row r="647963" spans="8:8">
      <c r="H647963" s="12"/>
    </row>
    <row r="647964" spans="8:8">
      <c r="H647964" s="12"/>
    </row>
    <row r="647965" spans="8:8">
      <c r="H647965" s="12"/>
    </row>
    <row r="647966" spans="8:8">
      <c r="H647966" s="12"/>
    </row>
    <row r="647967" spans="8:8">
      <c r="H647967" s="12"/>
    </row>
    <row r="647968" spans="8:8">
      <c r="H647968" s="12"/>
    </row>
    <row r="647969" spans="8:8">
      <c r="H647969" s="12"/>
    </row>
    <row r="647970" spans="8:8">
      <c r="H647970" s="12"/>
    </row>
    <row r="647971" spans="8:8">
      <c r="H647971" s="12"/>
    </row>
    <row r="647972" spans="8:8">
      <c r="H647972" s="12"/>
    </row>
    <row r="647973" spans="8:8">
      <c r="H647973" s="12"/>
    </row>
    <row r="647974" spans="8:8">
      <c r="H647974" s="12"/>
    </row>
    <row r="647975" spans="8:8">
      <c r="H647975" s="12"/>
    </row>
    <row r="647976" spans="8:8">
      <c r="H647976" s="12"/>
    </row>
    <row r="647977" spans="8:8">
      <c r="H647977" s="12"/>
    </row>
    <row r="647978" spans="8:8">
      <c r="H647978" s="12"/>
    </row>
    <row r="647979" spans="8:8">
      <c r="H647979" s="12"/>
    </row>
    <row r="647980" spans="8:8">
      <c r="H647980" s="12"/>
    </row>
    <row r="647981" spans="8:8">
      <c r="H647981" s="12"/>
    </row>
    <row r="647982" spans="8:8">
      <c r="H647982" s="12"/>
    </row>
    <row r="647983" spans="8:8">
      <c r="H647983" s="12"/>
    </row>
    <row r="647984" spans="8:8">
      <c r="H647984" s="12"/>
    </row>
    <row r="647985" spans="8:8">
      <c r="H647985" s="12"/>
    </row>
    <row r="647986" spans="8:8">
      <c r="H647986" s="12"/>
    </row>
    <row r="647987" spans="8:8">
      <c r="H647987" s="12"/>
    </row>
    <row r="647988" spans="8:8">
      <c r="H647988" s="12"/>
    </row>
    <row r="647989" spans="8:8">
      <c r="H647989" s="12"/>
    </row>
    <row r="647990" spans="8:8">
      <c r="H647990" s="12"/>
    </row>
    <row r="647991" spans="8:8">
      <c r="H647991" s="12"/>
    </row>
    <row r="647992" spans="8:8">
      <c r="H647992" s="12"/>
    </row>
    <row r="647993" spans="8:8">
      <c r="H647993" s="12"/>
    </row>
    <row r="647994" spans="8:8">
      <c r="H647994" s="12"/>
    </row>
    <row r="647995" spans="8:8">
      <c r="H647995" s="12"/>
    </row>
    <row r="647996" spans="8:8">
      <c r="H647996" s="12"/>
    </row>
    <row r="647997" spans="8:8">
      <c r="H647997" s="12"/>
    </row>
    <row r="647998" spans="8:8">
      <c r="H647998" s="12"/>
    </row>
    <row r="647999" spans="8:8">
      <c r="H647999" s="12"/>
    </row>
    <row r="648000" spans="8:8">
      <c r="H648000" s="12"/>
    </row>
    <row r="648001" spans="8:8">
      <c r="H648001" s="12"/>
    </row>
    <row r="648002" spans="8:8">
      <c r="H648002" s="12"/>
    </row>
    <row r="648003" spans="8:8">
      <c r="H648003" s="12"/>
    </row>
    <row r="648004" spans="8:8">
      <c r="H648004" s="12"/>
    </row>
    <row r="648005" spans="8:8">
      <c r="H648005" s="12"/>
    </row>
    <row r="648006" spans="8:8">
      <c r="H648006" s="12"/>
    </row>
    <row r="648007" spans="8:8">
      <c r="H648007" s="12"/>
    </row>
    <row r="648008" spans="8:8">
      <c r="H648008" s="12"/>
    </row>
    <row r="648009" spans="8:8">
      <c r="H648009" s="12"/>
    </row>
    <row r="648010" spans="8:8">
      <c r="H648010" s="12"/>
    </row>
    <row r="648011" spans="8:8">
      <c r="H648011" s="12"/>
    </row>
    <row r="648012" spans="8:8">
      <c r="H648012" s="12"/>
    </row>
    <row r="648013" spans="8:8">
      <c r="H648013" s="12"/>
    </row>
    <row r="648014" spans="8:8">
      <c r="H648014" s="12"/>
    </row>
    <row r="648015" spans="8:8">
      <c r="H648015" s="12"/>
    </row>
    <row r="648016" spans="8:8">
      <c r="H648016" s="12"/>
    </row>
    <row r="648017" spans="8:8">
      <c r="H648017" s="12"/>
    </row>
    <row r="648018" spans="8:8">
      <c r="H648018" s="12"/>
    </row>
    <row r="648019" spans="8:8">
      <c r="H648019" s="12"/>
    </row>
    <row r="648020" spans="8:8">
      <c r="H648020" s="12"/>
    </row>
    <row r="648021" spans="8:8">
      <c r="H648021" s="12"/>
    </row>
    <row r="648022" spans="8:8">
      <c r="H648022" s="12"/>
    </row>
    <row r="648023" spans="8:8">
      <c r="H648023" s="12"/>
    </row>
    <row r="648024" spans="8:8">
      <c r="H648024" s="12"/>
    </row>
    <row r="648025" spans="8:8">
      <c r="H648025" s="12"/>
    </row>
    <row r="648026" spans="8:8">
      <c r="H648026" s="12"/>
    </row>
    <row r="648027" spans="8:8">
      <c r="H648027" s="12"/>
    </row>
    <row r="648028" spans="8:8">
      <c r="H648028" s="12"/>
    </row>
    <row r="648029" spans="8:8">
      <c r="H648029" s="12"/>
    </row>
    <row r="648030" spans="8:8">
      <c r="H648030" s="12"/>
    </row>
    <row r="648031" spans="8:8">
      <c r="H648031" s="12"/>
    </row>
    <row r="648032" spans="8:8">
      <c r="H648032" s="12"/>
    </row>
    <row r="648033" spans="8:8">
      <c r="H648033" s="12"/>
    </row>
    <row r="648034" spans="8:8">
      <c r="H648034" s="12"/>
    </row>
    <row r="648035" spans="8:8">
      <c r="H648035" s="12"/>
    </row>
    <row r="648036" spans="8:8">
      <c r="H648036" s="12"/>
    </row>
    <row r="648037" spans="8:8">
      <c r="H648037" s="12"/>
    </row>
    <row r="648038" spans="8:8">
      <c r="H648038" s="12"/>
    </row>
    <row r="648039" spans="8:8">
      <c r="H648039" s="12"/>
    </row>
    <row r="648040" spans="8:8">
      <c r="H648040" s="12"/>
    </row>
    <row r="648041" spans="8:8">
      <c r="H648041" s="12"/>
    </row>
    <row r="648042" spans="8:8">
      <c r="H648042" s="12"/>
    </row>
    <row r="648043" spans="8:8">
      <c r="H648043" s="12"/>
    </row>
    <row r="648044" spans="8:8">
      <c r="H648044" s="12"/>
    </row>
    <row r="648045" spans="8:8">
      <c r="H648045" s="12"/>
    </row>
    <row r="648046" spans="8:8">
      <c r="H648046" s="12"/>
    </row>
    <row r="648047" spans="8:8">
      <c r="H648047" s="12"/>
    </row>
    <row r="648048" spans="8:8">
      <c r="H648048" s="12"/>
    </row>
    <row r="648049" spans="8:8">
      <c r="H648049" s="12"/>
    </row>
    <row r="648050" spans="8:8">
      <c r="H648050" s="12"/>
    </row>
    <row r="648051" spans="8:8">
      <c r="H648051" s="12"/>
    </row>
    <row r="648052" spans="8:8">
      <c r="H648052" s="12"/>
    </row>
    <row r="648053" spans="8:8">
      <c r="H648053" s="12"/>
    </row>
    <row r="648054" spans="8:8">
      <c r="H648054" s="12"/>
    </row>
    <row r="648055" spans="8:8">
      <c r="H648055" s="12"/>
    </row>
    <row r="648056" spans="8:8">
      <c r="H648056" s="12"/>
    </row>
    <row r="648057" spans="8:8">
      <c r="H648057" s="12"/>
    </row>
    <row r="648058" spans="8:8">
      <c r="H648058" s="12"/>
    </row>
    <row r="648059" spans="8:8">
      <c r="H648059" s="12"/>
    </row>
    <row r="648060" spans="8:8">
      <c r="H648060" s="12"/>
    </row>
    <row r="648061" spans="8:8">
      <c r="H648061" s="12"/>
    </row>
    <row r="648062" spans="8:8">
      <c r="H648062" s="12"/>
    </row>
    <row r="648063" spans="8:8">
      <c r="H648063" s="12"/>
    </row>
    <row r="648064" spans="8:8">
      <c r="H648064" s="12"/>
    </row>
    <row r="648065" spans="8:8">
      <c r="H648065" s="12"/>
    </row>
    <row r="648066" spans="8:8">
      <c r="H648066" s="12"/>
    </row>
    <row r="648067" spans="8:8">
      <c r="H648067" s="12"/>
    </row>
    <row r="648068" spans="8:8">
      <c r="H648068" s="12"/>
    </row>
    <row r="648069" spans="8:8">
      <c r="H648069" s="12"/>
    </row>
    <row r="648070" spans="8:8">
      <c r="H648070" s="12"/>
    </row>
    <row r="648071" spans="8:8">
      <c r="H648071" s="12"/>
    </row>
    <row r="648072" spans="8:8">
      <c r="H648072" s="12"/>
    </row>
    <row r="648073" spans="8:8">
      <c r="H648073" s="12"/>
    </row>
    <row r="648074" spans="8:8">
      <c r="H648074" s="12"/>
    </row>
    <row r="648075" spans="8:8">
      <c r="H648075" s="12"/>
    </row>
    <row r="648076" spans="8:8">
      <c r="H648076" s="12"/>
    </row>
    <row r="648077" spans="8:8">
      <c r="H648077" s="12"/>
    </row>
    <row r="648078" spans="8:8">
      <c r="H648078" s="12"/>
    </row>
    <row r="648079" spans="8:8">
      <c r="H648079" s="12"/>
    </row>
    <row r="648080" spans="8:8">
      <c r="H648080" s="12"/>
    </row>
    <row r="648081" spans="8:8">
      <c r="H648081" s="12"/>
    </row>
    <row r="648082" spans="8:8">
      <c r="H648082" s="12"/>
    </row>
    <row r="648083" spans="8:8">
      <c r="H648083" s="12"/>
    </row>
    <row r="648084" spans="8:8">
      <c r="H648084" s="12"/>
    </row>
    <row r="648085" spans="8:8">
      <c r="H648085" s="12"/>
    </row>
    <row r="648086" spans="8:8">
      <c r="H648086" s="12"/>
    </row>
    <row r="648087" spans="8:8">
      <c r="H648087" s="12"/>
    </row>
    <row r="648088" spans="8:8">
      <c r="H648088" s="12"/>
    </row>
    <row r="648089" spans="8:8">
      <c r="H648089" s="12"/>
    </row>
    <row r="648090" spans="8:8">
      <c r="H648090" s="12"/>
    </row>
    <row r="648091" spans="8:8">
      <c r="H648091" s="12"/>
    </row>
    <row r="648092" spans="8:8">
      <c r="H648092" s="12"/>
    </row>
    <row r="648093" spans="8:8">
      <c r="H648093" s="12"/>
    </row>
    <row r="648094" spans="8:8">
      <c r="H648094" s="12"/>
    </row>
    <row r="648095" spans="8:8">
      <c r="H648095" s="12"/>
    </row>
    <row r="648096" spans="8:8">
      <c r="H648096" s="12"/>
    </row>
    <row r="648097" spans="8:8">
      <c r="H648097" s="12"/>
    </row>
    <row r="648098" spans="8:8">
      <c r="H648098" s="12"/>
    </row>
    <row r="648099" spans="8:8">
      <c r="H648099" s="12"/>
    </row>
    <row r="648100" spans="8:8">
      <c r="H648100" s="12"/>
    </row>
    <row r="648101" spans="8:8">
      <c r="H648101" s="12"/>
    </row>
    <row r="648102" spans="8:8">
      <c r="H648102" s="12"/>
    </row>
    <row r="648103" spans="8:8">
      <c r="H648103" s="12"/>
    </row>
    <row r="648104" spans="8:8">
      <c r="H648104" s="12"/>
    </row>
    <row r="648105" spans="8:8">
      <c r="H648105" s="12"/>
    </row>
    <row r="648106" spans="8:8">
      <c r="H648106" s="12"/>
    </row>
    <row r="648107" spans="8:8">
      <c r="H648107" s="12"/>
    </row>
    <row r="648108" spans="8:8">
      <c r="H648108" s="12"/>
    </row>
    <row r="648109" spans="8:8">
      <c r="H648109" s="12"/>
    </row>
    <row r="648110" spans="8:8">
      <c r="H648110" s="12"/>
    </row>
    <row r="648111" spans="8:8">
      <c r="H648111" s="12"/>
    </row>
    <row r="648112" spans="8:8">
      <c r="H648112" s="12"/>
    </row>
    <row r="648113" spans="8:8">
      <c r="H648113" s="12"/>
    </row>
    <row r="648114" spans="8:8">
      <c r="H648114" s="12"/>
    </row>
    <row r="648115" spans="8:8">
      <c r="H648115" s="12"/>
    </row>
    <row r="648116" spans="8:8">
      <c r="H648116" s="12"/>
    </row>
    <row r="648117" spans="8:8">
      <c r="H648117" s="12"/>
    </row>
    <row r="648118" spans="8:8">
      <c r="H648118" s="12"/>
    </row>
    <row r="648119" spans="8:8">
      <c r="H648119" s="12"/>
    </row>
    <row r="648120" spans="8:8">
      <c r="H648120" s="12"/>
    </row>
    <row r="648121" spans="8:8">
      <c r="H648121" s="12"/>
    </row>
    <row r="648122" spans="8:8">
      <c r="H648122" s="12"/>
    </row>
    <row r="648123" spans="8:8">
      <c r="H648123" s="12"/>
    </row>
    <row r="648124" spans="8:8">
      <c r="H648124" s="12"/>
    </row>
    <row r="648125" spans="8:8">
      <c r="H648125" s="12"/>
    </row>
    <row r="648126" spans="8:8">
      <c r="H648126" s="12"/>
    </row>
    <row r="648127" spans="8:8">
      <c r="H648127" s="12"/>
    </row>
    <row r="648128" spans="8:8">
      <c r="H648128" s="12"/>
    </row>
    <row r="648129" spans="8:8">
      <c r="H648129" s="12"/>
    </row>
    <row r="648130" spans="8:8">
      <c r="H648130" s="12"/>
    </row>
    <row r="648131" spans="8:8">
      <c r="H648131" s="12"/>
    </row>
    <row r="648132" spans="8:8">
      <c r="H648132" s="12"/>
    </row>
    <row r="648133" spans="8:8">
      <c r="H648133" s="12"/>
    </row>
    <row r="648134" spans="8:8">
      <c r="H648134" s="12"/>
    </row>
    <row r="648135" spans="8:8">
      <c r="H648135" s="12"/>
    </row>
    <row r="648136" spans="8:8">
      <c r="H648136" s="12"/>
    </row>
    <row r="648137" spans="8:8">
      <c r="H648137" s="12"/>
    </row>
    <row r="648138" spans="8:8">
      <c r="H648138" s="12"/>
    </row>
    <row r="648139" spans="8:8">
      <c r="H648139" s="12"/>
    </row>
    <row r="648140" spans="8:8">
      <c r="H648140" s="12"/>
    </row>
    <row r="648141" spans="8:8">
      <c r="H648141" s="12"/>
    </row>
    <row r="648142" spans="8:8">
      <c r="H648142" s="12"/>
    </row>
    <row r="648143" spans="8:8">
      <c r="H648143" s="12"/>
    </row>
    <row r="648144" spans="8:8">
      <c r="H648144" s="12"/>
    </row>
    <row r="648145" spans="8:8">
      <c r="H648145" s="12"/>
    </row>
    <row r="648146" spans="8:8">
      <c r="H648146" s="12"/>
    </row>
    <row r="648147" spans="8:8">
      <c r="H648147" s="12"/>
    </row>
    <row r="648148" spans="8:8">
      <c r="H648148" s="12"/>
    </row>
    <row r="648149" spans="8:8">
      <c r="H648149" s="12"/>
    </row>
    <row r="648150" spans="8:8">
      <c r="H648150" s="12"/>
    </row>
    <row r="648151" spans="8:8">
      <c r="H648151" s="12"/>
    </row>
    <row r="648152" spans="8:8">
      <c r="H648152" s="12"/>
    </row>
    <row r="648153" spans="8:8">
      <c r="H648153" s="12"/>
    </row>
    <row r="648154" spans="8:8">
      <c r="H648154" s="12"/>
    </row>
    <row r="648155" spans="8:8">
      <c r="H648155" s="12"/>
    </row>
    <row r="648156" spans="8:8">
      <c r="H648156" s="12"/>
    </row>
    <row r="648157" spans="8:8">
      <c r="H648157" s="12"/>
    </row>
    <row r="648158" spans="8:8">
      <c r="H648158" s="12"/>
    </row>
    <row r="648159" spans="8:8">
      <c r="H648159" s="12"/>
    </row>
    <row r="648160" spans="8:8">
      <c r="H648160" s="12"/>
    </row>
    <row r="648161" spans="8:8">
      <c r="H648161" s="12"/>
    </row>
    <row r="648162" spans="8:8">
      <c r="H648162" s="12"/>
    </row>
    <row r="648163" spans="8:8">
      <c r="H648163" s="12"/>
    </row>
    <row r="648164" spans="8:8">
      <c r="H648164" s="12"/>
    </row>
    <row r="648165" spans="8:8">
      <c r="H648165" s="12"/>
    </row>
    <row r="648166" spans="8:8">
      <c r="H648166" s="12"/>
    </row>
    <row r="648167" spans="8:8">
      <c r="H648167" s="12"/>
    </row>
    <row r="648168" spans="8:8">
      <c r="H648168" s="12"/>
    </row>
    <row r="648169" spans="8:8">
      <c r="H648169" s="12"/>
    </row>
    <row r="648170" spans="8:8">
      <c r="H648170" s="12"/>
    </row>
    <row r="648171" spans="8:8">
      <c r="H648171" s="12"/>
    </row>
    <row r="648172" spans="8:8">
      <c r="H648172" s="12"/>
    </row>
    <row r="648173" spans="8:8">
      <c r="H648173" s="12"/>
    </row>
    <row r="648174" spans="8:8">
      <c r="H648174" s="12"/>
    </row>
    <row r="648175" spans="8:8">
      <c r="H648175" s="12"/>
    </row>
    <row r="648176" spans="8:8">
      <c r="H648176" s="12"/>
    </row>
    <row r="648177" spans="8:8">
      <c r="H648177" s="12"/>
    </row>
    <row r="648178" spans="8:8">
      <c r="H648178" s="12"/>
    </row>
    <row r="648179" spans="8:8">
      <c r="H648179" s="12"/>
    </row>
    <row r="648180" spans="8:8">
      <c r="H648180" s="12"/>
    </row>
    <row r="648181" spans="8:8">
      <c r="H648181" s="12"/>
    </row>
    <row r="648182" spans="8:8">
      <c r="H648182" s="12"/>
    </row>
    <row r="648183" spans="8:8">
      <c r="H648183" s="12"/>
    </row>
    <row r="648184" spans="8:8">
      <c r="H648184" s="12"/>
    </row>
    <row r="648185" spans="8:8">
      <c r="H648185" s="12"/>
    </row>
    <row r="648186" spans="8:8">
      <c r="H648186" s="12"/>
    </row>
    <row r="648187" spans="8:8">
      <c r="H648187" s="12"/>
    </row>
    <row r="648188" spans="8:8">
      <c r="H648188" s="12"/>
    </row>
    <row r="648189" spans="8:8">
      <c r="H648189" s="12"/>
    </row>
    <row r="648190" spans="8:8">
      <c r="H648190" s="12"/>
    </row>
    <row r="648191" spans="8:8">
      <c r="H648191" s="12"/>
    </row>
    <row r="648192" spans="8:8">
      <c r="H648192" s="12"/>
    </row>
    <row r="648193" spans="8:8">
      <c r="H648193" s="12"/>
    </row>
    <row r="648194" spans="8:8">
      <c r="H648194" s="12"/>
    </row>
    <row r="648195" spans="8:8">
      <c r="H648195" s="12"/>
    </row>
    <row r="648196" spans="8:8">
      <c r="H648196" s="12"/>
    </row>
    <row r="648197" spans="8:8">
      <c r="H648197" s="12"/>
    </row>
    <row r="648198" spans="8:8">
      <c r="H648198" s="12"/>
    </row>
    <row r="648199" spans="8:8">
      <c r="H648199" s="12"/>
    </row>
    <row r="648200" spans="8:8">
      <c r="H648200" s="12"/>
    </row>
    <row r="648201" spans="8:8">
      <c r="H648201" s="12"/>
    </row>
    <row r="648202" spans="8:8">
      <c r="H648202" s="12"/>
    </row>
    <row r="648203" spans="8:8">
      <c r="H648203" s="12"/>
    </row>
    <row r="648204" spans="8:8">
      <c r="H648204" s="12"/>
    </row>
    <row r="648205" spans="8:8">
      <c r="H648205" s="12"/>
    </row>
    <row r="648206" spans="8:8">
      <c r="H648206" s="12"/>
    </row>
    <row r="648207" spans="8:8">
      <c r="H648207" s="12"/>
    </row>
    <row r="648208" spans="8:8">
      <c r="H648208" s="12"/>
    </row>
    <row r="648209" spans="8:8">
      <c r="H648209" s="12"/>
    </row>
    <row r="648210" spans="8:8">
      <c r="H648210" s="12"/>
    </row>
    <row r="648211" spans="8:8">
      <c r="H648211" s="12"/>
    </row>
    <row r="648212" spans="8:8">
      <c r="H648212" s="12"/>
    </row>
    <row r="648213" spans="8:8">
      <c r="H648213" s="12"/>
    </row>
    <row r="648214" spans="8:8">
      <c r="H648214" s="12"/>
    </row>
    <row r="648215" spans="8:8">
      <c r="H648215" s="12"/>
    </row>
    <row r="648216" spans="8:8">
      <c r="H648216" s="12"/>
    </row>
    <row r="648217" spans="8:8">
      <c r="H648217" s="12"/>
    </row>
    <row r="648218" spans="8:8">
      <c r="H648218" s="12"/>
    </row>
    <row r="648219" spans="8:8">
      <c r="H648219" s="12"/>
    </row>
    <row r="648220" spans="8:8">
      <c r="H648220" s="12"/>
    </row>
    <row r="648221" spans="8:8">
      <c r="H648221" s="12"/>
    </row>
    <row r="648222" spans="8:8">
      <c r="H648222" s="12"/>
    </row>
    <row r="648223" spans="8:8">
      <c r="H648223" s="12"/>
    </row>
    <row r="648224" spans="8:8">
      <c r="H648224" s="12"/>
    </row>
    <row r="648225" spans="8:8">
      <c r="H648225" s="12"/>
    </row>
    <row r="648226" spans="8:8">
      <c r="H648226" s="12"/>
    </row>
    <row r="648227" spans="8:8">
      <c r="H648227" s="12"/>
    </row>
    <row r="648228" spans="8:8">
      <c r="H648228" s="12"/>
    </row>
    <row r="648229" spans="8:8">
      <c r="H648229" s="12"/>
    </row>
    <row r="648230" spans="8:8">
      <c r="H648230" s="12"/>
    </row>
    <row r="648231" spans="8:8">
      <c r="H648231" s="12"/>
    </row>
    <row r="648232" spans="8:8">
      <c r="H648232" s="12"/>
    </row>
    <row r="648233" spans="8:8">
      <c r="H648233" s="12"/>
    </row>
    <row r="648234" spans="8:8">
      <c r="H648234" s="12"/>
    </row>
    <row r="648235" spans="8:8">
      <c r="H648235" s="12"/>
    </row>
    <row r="648236" spans="8:8">
      <c r="H648236" s="12"/>
    </row>
    <row r="648237" spans="8:8">
      <c r="H648237" s="12"/>
    </row>
    <row r="648238" spans="8:8">
      <c r="H648238" s="12"/>
    </row>
    <row r="648239" spans="8:8">
      <c r="H648239" s="12"/>
    </row>
    <row r="648240" spans="8:8">
      <c r="H648240" s="12"/>
    </row>
    <row r="648241" spans="8:8">
      <c r="H648241" s="12"/>
    </row>
    <row r="648242" spans="8:8">
      <c r="H648242" s="12"/>
    </row>
    <row r="648243" spans="8:8">
      <c r="H648243" s="12"/>
    </row>
    <row r="648244" spans="8:8">
      <c r="H648244" s="12"/>
    </row>
    <row r="648245" spans="8:8">
      <c r="H648245" s="12"/>
    </row>
    <row r="648246" spans="8:8">
      <c r="H648246" s="12"/>
    </row>
    <row r="648247" spans="8:8">
      <c r="H648247" s="12"/>
    </row>
    <row r="648248" spans="8:8">
      <c r="H648248" s="12"/>
    </row>
    <row r="648249" spans="8:8">
      <c r="H648249" s="12"/>
    </row>
    <row r="648250" spans="8:8">
      <c r="H648250" s="12"/>
    </row>
    <row r="648251" spans="8:8">
      <c r="H648251" s="12"/>
    </row>
    <row r="648252" spans="8:8">
      <c r="H648252" s="12"/>
    </row>
    <row r="648253" spans="8:8">
      <c r="H648253" s="12"/>
    </row>
    <row r="648254" spans="8:8">
      <c r="H648254" s="12"/>
    </row>
    <row r="648255" spans="8:8">
      <c r="H648255" s="12"/>
    </row>
    <row r="648256" spans="8:8">
      <c r="H648256" s="12"/>
    </row>
    <row r="648257" spans="8:8">
      <c r="H648257" s="12"/>
    </row>
    <row r="648258" spans="8:8">
      <c r="H648258" s="12"/>
    </row>
    <row r="648259" spans="8:8">
      <c r="H648259" s="12"/>
    </row>
    <row r="648260" spans="8:8">
      <c r="H648260" s="12"/>
    </row>
    <row r="648261" spans="8:8">
      <c r="H648261" s="12"/>
    </row>
    <row r="648262" spans="8:8">
      <c r="H648262" s="12"/>
    </row>
    <row r="648263" spans="8:8">
      <c r="H648263" s="12"/>
    </row>
    <row r="648264" spans="8:8">
      <c r="H648264" s="12"/>
    </row>
    <row r="648265" spans="8:8">
      <c r="H648265" s="12"/>
    </row>
    <row r="648266" spans="8:8">
      <c r="H648266" s="12"/>
    </row>
    <row r="648267" spans="8:8">
      <c r="H648267" s="12"/>
    </row>
    <row r="648268" spans="8:8">
      <c r="H648268" s="12"/>
    </row>
    <row r="648269" spans="8:8">
      <c r="H648269" s="12"/>
    </row>
    <row r="648270" spans="8:8">
      <c r="H648270" s="12"/>
    </row>
    <row r="648271" spans="8:8">
      <c r="H648271" s="12"/>
    </row>
    <row r="648272" spans="8:8">
      <c r="H648272" s="12"/>
    </row>
    <row r="648273" spans="8:8">
      <c r="H648273" s="12"/>
    </row>
    <row r="648274" spans="8:8">
      <c r="H648274" s="12"/>
    </row>
    <row r="648275" spans="8:8">
      <c r="H648275" s="12"/>
    </row>
    <row r="648276" spans="8:8">
      <c r="H648276" s="12"/>
    </row>
    <row r="648277" spans="8:8">
      <c r="H648277" s="12"/>
    </row>
    <row r="648278" spans="8:8">
      <c r="H648278" s="12"/>
    </row>
    <row r="648279" spans="8:8">
      <c r="H648279" s="12"/>
    </row>
    <row r="648280" spans="8:8">
      <c r="H648280" s="12"/>
    </row>
    <row r="648281" spans="8:8">
      <c r="H648281" s="12"/>
    </row>
    <row r="648282" spans="8:8">
      <c r="H648282" s="12"/>
    </row>
    <row r="648283" spans="8:8">
      <c r="H648283" s="12"/>
    </row>
    <row r="648284" spans="8:8">
      <c r="H648284" s="12"/>
    </row>
    <row r="648285" spans="8:8">
      <c r="H648285" s="12"/>
    </row>
    <row r="648286" spans="8:8">
      <c r="H648286" s="12"/>
    </row>
    <row r="648287" spans="8:8">
      <c r="H648287" s="12"/>
    </row>
    <row r="648288" spans="8:8">
      <c r="H648288" s="12"/>
    </row>
    <row r="648289" spans="8:8">
      <c r="H648289" s="12"/>
    </row>
    <row r="648290" spans="8:8">
      <c r="H648290" s="12"/>
    </row>
    <row r="648291" spans="8:8">
      <c r="H648291" s="12"/>
    </row>
    <row r="648292" spans="8:8">
      <c r="H648292" s="12"/>
    </row>
    <row r="648293" spans="8:8">
      <c r="H648293" s="12"/>
    </row>
    <row r="648294" spans="8:8">
      <c r="H648294" s="12"/>
    </row>
    <row r="648295" spans="8:8">
      <c r="H648295" s="12"/>
    </row>
    <row r="648296" spans="8:8">
      <c r="H648296" s="12"/>
    </row>
    <row r="648297" spans="8:8">
      <c r="H648297" s="12"/>
    </row>
    <row r="648298" spans="8:8">
      <c r="H648298" s="12"/>
    </row>
    <row r="648299" spans="8:8">
      <c r="H648299" s="12"/>
    </row>
    <row r="648300" spans="8:8">
      <c r="H648300" s="12"/>
    </row>
    <row r="648301" spans="8:8">
      <c r="H648301" s="12"/>
    </row>
    <row r="648302" spans="8:8">
      <c r="H648302" s="12"/>
    </row>
    <row r="648303" spans="8:8">
      <c r="H648303" s="12"/>
    </row>
    <row r="648304" spans="8:8">
      <c r="H648304" s="12"/>
    </row>
    <row r="648305" spans="8:8">
      <c r="H648305" s="12"/>
    </row>
    <row r="648306" spans="8:8">
      <c r="H648306" s="12"/>
    </row>
    <row r="648307" spans="8:8">
      <c r="H648307" s="12"/>
    </row>
    <row r="648308" spans="8:8">
      <c r="H648308" s="12"/>
    </row>
    <row r="648309" spans="8:8">
      <c r="H648309" s="12"/>
    </row>
    <row r="648310" spans="8:8">
      <c r="H648310" s="12"/>
    </row>
    <row r="648311" spans="8:8">
      <c r="H648311" s="12"/>
    </row>
    <row r="648312" spans="8:8">
      <c r="H648312" s="12"/>
    </row>
    <row r="648313" spans="8:8">
      <c r="H648313" s="12"/>
    </row>
    <row r="648314" spans="8:8">
      <c r="H648314" s="12"/>
    </row>
    <row r="648315" spans="8:8">
      <c r="H648315" s="12"/>
    </row>
    <row r="648316" spans="8:8">
      <c r="H648316" s="12"/>
    </row>
    <row r="648317" spans="8:8">
      <c r="H648317" s="12"/>
    </row>
    <row r="648318" spans="8:8">
      <c r="H648318" s="12"/>
    </row>
    <row r="648319" spans="8:8">
      <c r="H648319" s="12"/>
    </row>
    <row r="648320" spans="8:8">
      <c r="H648320" s="12"/>
    </row>
    <row r="648321" spans="8:8">
      <c r="H648321" s="12"/>
    </row>
    <row r="648322" spans="8:8">
      <c r="H648322" s="12"/>
    </row>
    <row r="648323" spans="8:8">
      <c r="H648323" s="12"/>
    </row>
    <row r="648324" spans="8:8">
      <c r="H648324" s="12"/>
    </row>
    <row r="648325" spans="8:8">
      <c r="H648325" s="12"/>
    </row>
    <row r="648326" spans="8:8">
      <c r="H648326" s="12"/>
    </row>
    <row r="648327" spans="8:8">
      <c r="H648327" s="12"/>
    </row>
    <row r="648328" spans="8:8">
      <c r="H648328" s="12"/>
    </row>
    <row r="648329" spans="8:8">
      <c r="H648329" s="12"/>
    </row>
    <row r="648330" spans="8:8">
      <c r="H648330" s="12"/>
    </row>
    <row r="648331" spans="8:8">
      <c r="H648331" s="12"/>
    </row>
    <row r="648332" spans="8:8">
      <c r="H648332" s="12"/>
    </row>
    <row r="648333" spans="8:8">
      <c r="H648333" s="12"/>
    </row>
    <row r="648334" spans="8:8">
      <c r="H648334" s="12"/>
    </row>
    <row r="648335" spans="8:8">
      <c r="H648335" s="12"/>
    </row>
    <row r="648336" spans="8:8">
      <c r="H648336" s="12"/>
    </row>
    <row r="648337" spans="8:8">
      <c r="H648337" s="12"/>
    </row>
    <row r="648338" spans="8:8">
      <c r="H648338" s="12"/>
    </row>
    <row r="648339" spans="8:8">
      <c r="H648339" s="12"/>
    </row>
    <row r="648340" spans="8:8">
      <c r="H648340" s="12"/>
    </row>
    <row r="648341" spans="8:8">
      <c r="H648341" s="12"/>
    </row>
    <row r="648342" spans="8:8">
      <c r="H648342" s="12"/>
    </row>
    <row r="648343" spans="8:8">
      <c r="H648343" s="12"/>
    </row>
    <row r="648344" spans="8:8">
      <c r="H648344" s="12"/>
    </row>
    <row r="648345" spans="8:8">
      <c r="H648345" s="12"/>
    </row>
    <row r="648346" spans="8:8">
      <c r="H648346" s="12"/>
    </row>
    <row r="648347" spans="8:8">
      <c r="H648347" s="12"/>
    </row>
    <row r="648348" spans="8:8">
      <c r="H648348" s="12"/>
    </row>
    <row r="648349" spans="8:8">
      <c r="H648349" s="12"/>
    </row>
    <row r="648350" spans="8:8">
      <c r="H648350" s="12"/>
    </row>
    <row r="648351" spans="8:8">
      <c r="H648351" s="12"/>
    </row>
    <row r="648352" spans="8:8">
      <c r="H648352" s="12"/>
    </row>
    <row r="648353" spans="8:8">
      <c r="H648353" s="12"/>
    </row>
    <row r="648354" spans="8:8">
      <c r="H648354" s="12"/>
    </row>
    <row r="648355" spans="8:8">
      <c r="H648355" s="12"/>
    </row>
    <row r="648356" spans="8:8">
      <c r="H648356" s="12"/>
    </row>
    <row r="648357" spans="8:8">
      <c r="H648357" s="12"/>
    </row>
    <row r="648358" spans="8:8">
      <c r="H648358" s="12"/>
    </row>
    <row r="648359" spans="8:8">
      <c r="H648359" s="12"/>
    </row>
    <row r="648360" spans="8:8">
      <c r="H648360" s="12"/>
    </row>
    <row r="648361" spans="8:8">
      <c r="H648361" s="12"/>
    </row>
    <row r="648362" spans="8:8">
      <c r="H648362" s="12"/>
    </row>
    <row r="648363" spans="8:8">
      <c r="H648363" s="12"/>
    </row>
    <row r="648364" spans="8:8">
      <c r="H648364" s="12"/>
    </row>
    <row r="648365" spans="8:8">
      <c r="H648365" s="12"/>
    </row>
    <row r="648366" spans="8:8">
      <c r="H648366" s="12"/>
    </row>
    <row r="648367" spans="8:8">
      <c r="H648367" s="12"/>
    </row>
    <row r="648368" spans="8:8">
      <c r="H648368" s="12"/>
    </row>
    <row r="648369" spans="8:8">
      <c r="H648369" s="12"/>
    </row>
    <row r="648370" spans="8:8">
      <c r="H648370" s="12"/>
    </row>
    <row r="648371" spans="8:8">
      <c r="H648371" s="12"/>
    </row>
    <row r="648372" spans="8:8">
      <c r="H648372" s="12"/>
    </row>
    <row r="648373" spans="8:8">
      <c r="H648373" s="12"/>
    </row>
    <row r="648374" spans="8:8">
      <c r="H648374" s="12"/>
    </row>
    <row r="648375" spans="8:8">
      <c r="H648375" s="12"/>
    </row>
    <row r="648376" spans="8:8">
      <c r="H648376" s="12"/>
    </row>
    <row r="648377" spans="8:8">
      <c r="H648377" s="12"/>
    </row>
    <row r="648378" spans="8:8">
      <c r="H648378" s="12"/>
    </row>
    <row r="648379" spans="8:8">
      <c r="H648379" s="12"/>
    </row>
    <row r="648380" spans="8:8">
      <c r="H648380" s="12"/>
    </row>
    <row r="648381" spans="8:8">
      <c r="H648381" s="12"/>
    </row>
    <row r="648382" spans="8:8">
      <c r="H648382" s="12"/>
    </row>
    <row r="648383" spans="8:8">
      <c r="H648383" s="12"/>
    </row>
    <row r="648384" spans="8:8">
      <c r="H648384" s="12"/>
    </row>
    <row r="648385" spans="8:8">
      <c r="H648385" s="12"/>
    </row>
    <row r="648386" spans="8:8">
      <c r="H648386" s="12"/>
    </row>
    <row r="648387" spans="8:8">
      <c r="H648387" s="12"/>
    </row>
    <row r="648388" spans="8:8">
      <c r="H648388" s="12"/>
    </row>
    <row r="648389" spans="8:8">
      <c r="H648389" s="12"/>
    </row>
    <row r="648390" spans="8:8">
      <c r="H648390" s="12"/>
    </row>
    <row r="648391" spans="8:8">
      <c r="H648391" s="12"/>
    </row>
    <row r="648392" spans="8:8">
      <c r="H648392" s="12"/>
    </row>
    <row r="648393" spans="8:8">
      <c r="H648393" s="12"/>
    </row>
    <row r="648394" spans="8:8">
      <c r="H648394" s="12"/>
    </row>
    <row r="648395" spans="8:8">
      <c r="H648395" s="12"/>
    </row>
    <row r="648396" spans="8:8">
      <c r="H648396" s="12"/>
    </row>
    <row r="648397" spans="8:8">
      <c r="H648397" s="12"/>
    </row>
    <row r="648398" spans="8:8">
      <c r="H648398" s="12"/>
    </row>
    <row r="648399" spans="8:8">
      <c r="H648399" s="12"/>
    </row>
    <row r="648400" spans="8:8">
      <c r="H648400" s="12"/>
    </row>
    <row r="648401" spans="8:8">
      <c r="H648401" s="12"/>
    </row>
    <row r="648402" spans="8:8">
      <c r="H648402" s="12"/>
    </row>
    <row r="648403" spans="8:8">
      <c r="H648403" s="12"/>
    </row>
    <row r="648404" spans="8:8">
      <c r="H648404" s="12"/>
    </row>
    <row r="648405" spans="8:8">
      <c r="H648405" s="12"/>
    </row>
    <row r="648406" spans="8:8">
      <c r="H648406" s="12"/>
    </row>
    <row r="648407" spans="8:8">
      <c r="H648407" s="12"/>
    </row>
    <row r="648408" spans="8:8">
      <c r="H648408" s="12"/>
    </row>
    <row r="648409" spans="8:8">
      <c r="H648409" s="12"/>
    </row>
    <row r="648410" spans="8:8">
      <c r="H648410" s="12"/>
    </row>
    <row r="648411" spans="8:8">
      <c r="H648411" s="12"/>
    </row>
    <row r="648412" spans="8:8">
      <c r="H648412" s="12"/>
    </row>
    <row r="648413" spans="8:8">
      <c r="H648413" s="12"/>
    </row>
    <row r="648414" spans="8:8">
      <c r="H648414" s="12"/>
    </row>
    <row r="648415" spans="8:8">
      <c r="H648415" s="12"/>
    </row>
    <row r="648416" spans="8:8">
      <c r="H648416" s="12"/>
    </row>
    <row r="648417" spans="8:8">
      <c r="H648417" s="12"/>
    </row>
    <row r="648418" spans="8:8">
      <c r="H648418" s="12"/>
    </row>
    <row r="648419" spans="8:8">
      <c r="H648419" s="12"/>
    </row>
    <row r="648420" spans="8:8">
      <c r="H648420" s="12"/>
    </row>
    <row r="648421" spans="8:8">
      <c r="H648421" s="12"/>
    </row>
    <row r="648422" spans="8:8">
      <c r="H648422" s="12"/>
    </row>
    <row r="648423" spans="8:8">
      <c r="H648423" s="12"/>
    </row>
    <row r="648424" spans="8:8">
      <c r="H648424" s="12"/>
    </row>
    <row r="648425" spans="8:8">
      <c r="H648425" s="12"/>
    </row>
    <row r="648426" spans="8:8">
      <c r="H648426" s="12"/>
    </row>
    <row r="648427" spans="8:8">
      <c r="H648427" s="12"/>
    </row>
    <row r="648428" spans="8:8">
      <c r="H648428" s="12"/>
    </row>
    <row r="648429" spans="8:8">
      <c r="H648429" s="12"/>
    </row>
    <row r="648430" spans="8:8">
      <c r="H648430" s="12"/>
    </row>
    <row r="648431" spans="8:8">
      <c r="H648431" s="12"/>
    </row>
    <row r="648432" spans="8:8">
      <c r="H648432" s="12"/>
    </row>
    <row r="648433" spans="8:8">
      <c r="H648433" s="12"/>
    </row>
    <row r="648434" spans="8:8">
      <c r="H648434" s="12"/>
    </row>
    <row r="648435" spans="8:8">
      <c r="H648435" s="12"/>
    </row>
    <row r="648436" spans="8:8">
      <c r="H648436" s="12"/>
    </row>
    <row r="648437" spans="8:8">
      <c r="H648437" s="12"/>
    </row>
    <row r="648438" spans="8:8">
      <c r="H648438" s="12"/>
    </row>
    <row r="648439" spans="8:8">
      <c r="H648439" s="12"/>
    </row>
    <row r="648440" spans="8:8">
      <c r="H648440" s="12"/>
    </row>
    <row r="648441" spans="8:8">
      <c r="H648441" s="12"/>
    </row>
    <row r="648442" spans="8:8">
      <c r="H648442" s="12"/>
    </row>
    <row r="648443" spans="8:8">
      <c r="H648443" s="12"/>
    </row>
    <row r="648444" spans="8:8">
      <c r="H648444" s="12"/>
    </row>
    <row r="648445" spans="8:8">
      <c r="H648445" s="12"/>
    </row>
    <row r="648446" spans="8:8">
      <c r="H648446" s="12"/>
    </row>
    <row r="648447" spans="8:8">
      <c r="H648447" s="12"/>
    </row>
    <row r="648448" spans="8:8">
      <c r="H648448" s="12"/>
    </row>
    <row r="648449" spans="8:8">
      <c r="H648449" s="12"/>
    </row>
    <row r="648450" spans="8:8">
      <c r="H648450" s="12"/>
    </row>
    <row r="648451" spans="8:8">
      <c r="H648451" s="12"/>
    </row>
    <row r="648452" spans="8:8">
      <c r="H648452" s="12"/>
    </row>
    <row r="648453" spans="8:8">
      <c r="H648453" s="12"/>
    </row>
    <row r="648454" spans="8:8">
      <c r="H648454" s="12"/>
    </row>
    <row r="648455" spans="8:8">
      <c r="H648455" s="12"/>
    </row>
    <row r="648456" spans="8:8">
      <c r="H648456" s="12"/>
    </row>
    <row r="648457" spans="8:8">
      <c r="H648457" s="12"/>
    </row>
    <row r="648458" spans="8:8">
      <c r="H648458" s="12"/>
    </row>
    <row r="648459" spans="8:8">
      <c r="H648459" s="12"/>
    </row>
    <row r="648460" spans="8:8">
      <c r="H648460" s="12"/>
    </row>
    <row r="648461" spans="8:8">
      <c r="H648461" s="12"/>
    </row>
    <row r="648462" spans="8:8">
      <c r="H648462" s="12"/>
    </row>
    <row r="648463" spans="8:8">
      <c r="H648463" s="12"/>
    </row>
    <row r="648464" spans="8:8">
      <c r="H648464" s="12"/>
    </row>
    <row r="648465" spans="8:8">
      <c r="H648465" s="12"/>
    </row>
    <row r="648466" spans="8:8">
      <c r="H648466" s="12"/>
    </row>
    <row r="648467" spans="8:8">
      <c r="H648467" s="12"/>
    </row>
    <row r="648468" spans="8:8">
      <c r="H648468" s="12"/>
    </row>
    <row r="648469" spans="8:8">
      <c r="H648469" s="12"/>
    </row>
    <row r="648470" spans="8:8">
      <c r="H648470" s="12"/>
    </row>
    <row r="648471" spans="8:8">
      <c r="H648471" s="12"/>
    </row>
    <row r="648472" spans="8:8">
      <c r="H648472" s="12"/>
    </row>
    <row r="648473" spans="8:8">
      <c r="H648473" s="12"/>
    </row>
    <row r="648474" spans="8:8">
      <c r="H648474" s="12"/>
    </row>
    <row r="648475" spans="8:8">
      <c r="H648475" s="12"/>
    </row>
    <row r="648476" spans="8:8">
      <c r="H648476" s="12"/>
    </row>
    <row r="648477" spans="8:8">
      <c r="H648477" s="12"/>
    </row>
    <row r="648478" spans="8:8">
      <c r="H648478" s="12"/>
    </row>
    <row r="648479" spans="8:8">
      <c r="H648479" s="12"/>
    </row>
    <row r="648480" spans="8:8">
      <c r="H648480" s="12"/>
    </row>
    <row r="648481" spans="8:8">
      <c r="H648481" s="12"/>
    </row>
    <row r="648482" spans="8:8">
      <c r="H648482" s="12"/>
    </row>
    <row r="648483" spans="8:8">
      <c r="H648483" s="12"/>
    </row>
    <row r="648484" spans="8:8">
      <c r="H648484" s="12"/>
    </row>
    <row r="648485" spans="8:8">
      <c r="H648485" s="12"/>
    </row>
    <row r="648486" spans="8:8">
      <c r="H648486" s="12"/>
    </row>
    <row r="648487" spans="8:8">
      <c r="H648487" s="12"/>
    </row>
    <row r="648488" spans="8:8">
      <c r="H648488" s="12"/>
    </row>
    <row r="648489" spans="8:8">
      <c r="H648489" s="12"/>
    </row>
    <row r="648490" spans="8:8">
      <c r="H648490" s="12"/>
    </row>
    <row r="648491" spans="8:8">
      <c r="H648491" s="12"/>
    </row>
    <row r="648492" spans="8:8">
      <c r="H648492" s="12"/>
    </row>
    <row r="648493" spans="8:8">
      <c r="H648493" s="12"/>
    </row>
    <row r="648494" spans="8:8">
      <c r="H648494" s="12"/>
    </row>
    <row r="648495" spans="8:8">
      <c r="H648495" s="12"/>
    </row>
    <row r="648496" spans="8:8">
      <c r="H648496" s="12"/>
    </row>
    <row r="648497" spans="8:8">
      <c r="H648497" s="12"/>
    </row>
    <row r="648498" spans="8:8">
      <c r="H648498" s="12"/>
    </row>
    <row r="648499" spans="8:8">
      <c r="H648499" s="12"/>
    </row>
    <row r="648500" spans="8:8">
      <c r="H648500" s="12"/>
    </row>
    <row r="648501" spans="8:8">
      <c r="H648501" s="12"/>
    </row>
    <row r="648502" spans="8:8">
      <c r="H648502" s="12"/>
    </row>
    <row r="648503" spans="8:8">
      <c r="H648503" s="12"/>
    </row>
    <row r="648504" spans="8:8">
      <c r="H648504" s="12"/>
    </row>
    <row r="648505" spans="8:8">
      <c r="H648505" s="12"/>
    </row>
    <row r="648506" spans="8:8">
      <c r="H648506" s="12"/>
    </row>
    <row r="648507" spans="8:8">
      <c r="H648507" s="12"/>
    </row>
    <row r="648508" spans="8:8">
      <c r="H648508" s="12"/>
    </row>
    <row r="648509" spans="8:8">
      <c r="H648509" s="12"/>
    </row>
    <row r="648510" spans="8:8">
      <c r="H648510" s="12"/>
    </row>
    <row r="648511" spans="8:8">
      <c r="H648511" s="12"/>
    </row>
    <row r="648512" spans="8:8">
      <c r="H648512" s="12"/>
    </row>
    <row r="648513" spans="8:8">
      <c r="H648513" s="12"/>
    </row>
    <row r="648514" spans="8:8">
      <c r="H648514" s="12"/>
    </row>
    <row r="648515" spans="8:8">
      <c r="H648515" s="12"/>
    </row>
    <row r="648516" spans="8:8">
      <c r="H648516" s="12"/>
    </row>
    <row r="648517" spans="8:8">
      <c r="H648517" s="12"/>
    </row>
    <row r="648518" spans="8:8">
      <c r="H648518" s="12"/>
    </row>
    <row r="648519" spans="8:8">
      <c r="H648519" s="12"/>
    </row>
    <row r="648520" spans="8:8">
      <c r="H648520" s="12"/>
    </row>
    <row r="648521" spans="8:8">
      <c r="H648521" s="12"/>
    </row>
    <row r="648522" spans="8:8">
      <c r="H648522" s="12"/>
    </row>
    <row r="648523" spans="8:8">
      <c r="H648523" s="12"/>
    </row>
    <row r="648524" spans="8:8">
      <c r="H648524" s="12"/>
    </row>
    <row r="648525" spans="8:8">
      <c r="H648525" s="12"/>
    </row>
    <row r="648526" spans="8:8">
      <c r="H648526" s="12"/>
    </row>
    <row r="648527" spans="8:8">
      <c r="H648527" s="12"/>
    </row>
    <row r="648528" spans="8:8">
      <c r="H648528" s="12"/>
    </row>
    <row r="648529" spans="8:8">
      <c r="H648529" s="12"/>
    </row>
    <row r="648530" spans="8:8">
      <c r="H648530" s="12"/>
    </row>
    <row r="648531" spans="8:8">
      <c r="H648531" s="12"/>
    </row>
    <row r="648532" spans="8:8">
      <c r="H648532" s="12"/>
    </row>
    <row r="648533" spans="8:8">
      <c r="H648533" s="12"/>
    </row>
    <row r="648534" spans="8:8">
      <c r="H648534" s="12"/>
    </row>
    <row r="648535" spans="8:8">
      <c r="H648535" s="12"/>
    </row>
    <row r="648536" spans="8:8">
      <c r="H648536" s="12"/>
    </row>
    <row r="648537" spans="8:8">
      <c r="H648537" s="12"/>
    </row>
    <row r="648538" spans="8:8">
      <c r="H648538" s="12"/>
    </row>
    <row r="648539" spans="8:8">
      <c r="H648539" s="12"/>
    </row>
    <row r="648540" spans="8:8">
      <c r="H648540" s="12"/>
    </row>
    <row r="648541" spans="8:8">
      <c r="H648541" s="12"/>
    </row>
    <row r="648542" spans="8:8">
      <c r="H648542" s="12"/>
    </row>
    <row r="648543" spans="8:8">
      <c r="H648543" s="12"/>
    </row>
    <row r="648544" spans="8:8">
      <c r="H648544" s="12"/>
    </row>
    <row r="648545" spans="8:8">
      <c r="H648545" s="12"/>
    </row>
    <row r="648546" spans="8:8">
      <c r="H648546" s="12"/>
    </row>
    <row r="648547" spans="8:8">
      <c r="H648547" s="12"/>
    </row>
    <row r="648548" spans="8:8">
      <c r="H648548" s="12"/>
    </row>
    <row r="648549" spans="8:8">
      <c r="H648549" s="12"/>
    </row>
    <row r="648550" spans="8:8">
      <c r="H648550" s="12"/>
    </row>
    <row r="648551" spans="8:8">
      <c r="H648551" s="12"/>
    </row>
    <row r="648552" spans="8:8">
      <c r="H648552" s="12"/>
    </row>
    <row r="648553" spans="8:8">
      <c r="H648553" s="12"/>
    </row>
    <row r="648554" spans="8:8">
      <c r="H648554" s="12"/>
    </row>
    <row r="648555" spans="8:8">
      <c r="H648555" s="12"/>
    </row>
    <row r="648556" spans="8:8">
      <c r="H648556" s="12"/>
    </row>
    <row r="648557" spans="8:8">
      <c r="H648557" s="12"/>
    </row>
    <row r="648558" spans="8:8">
      <c r="H648558" s="12"/>
    </row>
    <row r="648559" spans="8:8">
      <c r="H648559" s="12"/>
    </row>
    <row r="648560" spans="8:8">
      <c r="H648560" s="12"/>
    </row>
    <row r="648561" spans="8:8">
      <c r="H648561" s="12"/>
    </row>
    <row r="648562" spans="8:8">
      <c r="H648562" s="12"/>
    </row>
    <row r="648563" spans="8:8">
      <c r="H648563" s="12"/>
    </row>
    <row r="648564" spans="8:8">
      <c r="H648564" s="12"/>
    </row>
    <row r="648565" spans="8:8">
      <c r="H648565" s="12"/>
    </row>
    <row r="648566" spans="8:8">
      <c r="H648566" s="12"/>
    </row>
    <row r="648567" spans="8:8">
      <c r="H648567" s="12"/>
    </row>
    <row r="648568" spans="8:8">
      <c r="H648568" s="12"/>
    </row>
    <row r="648569" spans="8:8">
      <c r="H648569" s="12"/>
    </row>
    <row r="648570" spans="8:8">
      <c r="H648570" s="12"/>
    </row>
    <row r="648571" spans="8:8">
      <c r="H648571" s="12"/>
    </row>
    <row r="648572" spans="8:8">
      <c r="H648572" s="12"/>
    </row>
    <row r="648573" spans="8:8">
      <c r="H648573" s="12"/>
    </row>
    <row r="648574" spans="8:8">
      <c r="H648574" s="12"/>
    </row>
    <row r="648575" spans="8:8">
      <c r="H648575" s="12"/>
    </row>
    <row r="648576" spans="8:8">
      <c r="H648576" s="12"/>
    </row>
    <row r="648577" spans="8:8">
      <c r="H648577" s="12"/>
    </row>
    <row r="648578" spans="8:8">
      <c r="H648578" s="12"/>
    </row>
    <row r="648579" spans="8:8">
      <c r="H648579" s="12"/>
    </row>
    <row r="648580" spans="8:8">
      <c r="H648580" s="12"/>
    </row>
    <row r="648581" spans="8:8">
      <c r="H648581" s="12"/>
    </row>
    <row r="648582" spans="8:8">
      <c r="H648582" s="12"/>
    </row>
    <row r="648583" spans="8:8">
      <c r="H648583" s="12"/>
    </row>
    <row r="648584" spans="8:8">
      <c r="H648584" s="12"/>
    </row>
    <row r="648585" spans="8:8">
      <c r="H648585" s="12"/>
    </row>
    <row r="648586" spans="8:8">
      <c r="H648586" s="12"/>
    </row>
    <row r="648587" spans="8:8">
      <c r="H648587" s="12"/>
    </row>
    <row r="648588" spans="8:8">
      <c r="H648588" s="12"/>
    </row>
    <row r="648589" spans="8:8">
      <c r="H648589" s="12"/>
    </row>
    <row r="648590" spans="8:8">
      <c r="H648590" s="12"/>
    </row>
    <row r="648591" spans="8:8">
      <c r="H648591" s="12"/>
    </row>
    <row r="648592" spans="8:8">
      <c r="H648592" s="12"/>
    </row>
    <row r="648593" spans="8:8">
      <c r="H648593" s="12"/>
    </row>
    <row r="648594" spans="8:8">
      <c r="H648594" s="12"/>
    </row>
    <row r="648595" spans="8:8">
      <c r="H648595" s="12"/>
    </row>
    <row r="648596" spans="8:8">
      <c r="H648596" s="12"/>
    </row>
    <row r="648597" spans="8:8">
      <c r="H648597" s="12"/>
    </row>
    <row r="648598" spans="8:8">
      <c r="H648598" s="12"/>
    </row>
    <row r="648599" spans="8:8">
      <c r="H648599" s="12"/>
    </row>
    <row r="648600" spans="8:8">
      <c r="H648600" s="12"/>
    </row>
    <row r="648601" spans="8:8">
      <c r="H648601" s="12"/>
    </row>
    <row r="648602" spans="8:8">
      <c r="H648602" s="12"/>
    </row>
    <row r="648603" spans="8:8">
      <c r="H648603" s="12"/>
    </row>
    <row r="648604" spans="8:8">
      <c r="H648604" s="12"/>
    </row>
    <row r="648605" spans="8:8">
      <c r="H648605" s="12"/>
    </row>
    <row r="648606" spans="8:8">
      <c r="H648606" s="12"/>
    </row>
    <row r="648607" spans="8:8">
      <c r="H648607" s="12"/>
    </row>
    <row r="648608" spans="8:8">
      <c r="H648608" s="12"/>
    </row>
    <row r="648609" spans="8:8">
      <c r="H648609" s="12"/>
    </row>
    <row r="648610" spans="8:8">
      <c r="H648610" s="12"/>
    </row>
    <row r="648611" spans="8:8">
      <c r="H648611" s="12"/>
    </row>
    <row r="648612" spans="8:8">
      <c r="H648612" s="12"/>
    </row>
    <row r="648613" spans="8:8">
      <c r="H648613" s="12"/>
    </row>
    <row r="648614" spans="8:8">
      <c r="H648614" s="12"/>
    </row>
    <row r="648615" spans="8:8">
      <c r="H648615" s="12"/>
    </row>
    <row r="648616" spans="8:8">
      <c r="H648616" s="12"/>
    </row>
    <row r="648617" spans="8:8">
      <c r="H648617" s="12"/>
    </row>
    <row r="648618" spans="8:8">
      <c r="H648618" s="12"/>
    </row>
    <row r="648619" spans="8:8">
      <c r="H648619" s="12"/>
    </row>
    <row r="648620" spans="8:8">
      <c r="H648620" s="12"/>
    </row>
    <row r="648621" spans="8:8">
      <c r="H648621" s="12"/>
    </row>
    <row r="648622" spans="8:8">
      <c r="H648622" s="12"/>
    </row>
    <row r="648623" spans="8:8">
      <c r="H648623" s="12"/>
    </row>
    <row r="648624" spans="8:8">
      <c r="H648624" s="12"/>
    </row>
    <row r="648625" spans="8:8">
      <c r="H648625" s="12"/>
    </row>
    <row r="648626" spans="8:8">
      <c r="H648626" s="12"/>
    </row>
    <row r="648627" spans="8:8">
      <c r="H648627" s="12"/>
    </row>
    <row r="648628" spans="8:8">
      <c r="H648628" s="12"/>
    </row>
    <row r="648629" spans="8:8">
      <c r="H648629" s="12"/>
    </row>
    <row r="648630" spans="8:8">
      <c r="H648630" s="12"/>
    </row>
    <row r="648631" spans="8:8">
      <c r="H648631" s="12"/>
    </row>
    <row r="648632" spans="8:8">
      <c r="H648632" s="12"/>
    </row>
    <row r="648633" spans="8:8">
      <c r="H648633" s="12"/>
    </row>
    <row r="648634" spans="8:8">
      <c r="H648634" s="12"/>
    </row>
    <row r="648635" spans="8:8">
      <c r="H648635" s="12"/>
    </row>
    <row r="648636" spans="8:8">
      <c r="H648636" s="12"/>
    </row>
    <row r="648637" spans="8:8">
      <c r="H648637" s="12"/>
    </row>
    <row r="648638" spans="8:8">
      <c r="H648638" s="12"/>
    </row>
    <row r="648639" spans="8:8">
      <c r="H648639" s="12"/>
    </row>
    <row r="648640" spans="8:8">
      <c r="H648640" s="12"/>
    </row>
    <row r="648641" spans="8:8">
      <c r="H648641" s="12"/>
    </row>
    <row r="648642" spans="8:8">
      <c r="H648642" s="12"/>
    </row>
    <row r="648643" spans="8:8">
      <c r="H648643" s="12"/>
    </row>
    <row r="648644" spans="8:8">
      <c r="H648644" s="12"/>
    </row>
    <row r="648645" spans="8:8">
      <c r="H648645" s="12"/>
    </row>
    <row r="648646" spans="8:8">
      <c r="H648646" s="12"/>
    </row>
    <row r="648647" spans="8:8">
      <c r="H648647" s="12"/>
    </row>
    <row r="648648" spans="8:8">
      <c r="H648648" s="12"/>
    </row>
    <row r="648649" spans="8:8">
      <c r="H648649" s="12"/>
    </row>
    <row r="648650" spans="8:8">
      <c r="H648650" s="12"/>
    </row>
    <row r="648651" spans="8:8">
      <c r="H648651" s="12"/>
    </row>
    <row r="648652" spans="8:8">
      <c r="H648652" s="12"/>
    </row>
    <row r="648653" spans="8:8">
      <c r="H648653" s="12"/>
    </row>
    <row r="648654" spans="8:8">
      <c r="H648654" s="12"/>
    </row>
    <row r="648655" spans="8:8">
      <c r="H648655" s="12"/>
    </row>
    <row r="648656" spans="8:8">
      <c r="H648656" s="12"/>
    </row>
    <row r="648657" spans="8:8">
      <c r="H648657" s="12"/>
    </row>
    <row r="648658" spans="8:8">
      <c r="H648658" s="12"/>
    </row>
    <row r="648659" spans="8:8">
      <c r="H648659" s="12"/>
    </row>
    <row r="648660" spans="8:8">
      <c r="H648660" s="12"/>
    </row>
    <row r="648661" spans="8:8">
      <c r="H648661" s="12"/>
    </row>
    <row r="648662" spans="8:8">
      <c r="H648662" s="12"/>
    </row>
    <row r="648663" spans="8:8">
      <c r="H648663" s="12"/>
    </row>
    <row r="648664" spans="8:8">
      <c r="H648664" s="12"/>
    </row>
    <row r="648665" spans="8:8">
      <c r="H648665" s="12"/>
    </row>
    <row r="648666" spans="8:8">
      <c r="H648666" s="12"/>
    </row>
    <row r="648667" spans="8:8">
      <c r="H648667" s="12"/>
    </row>
    <row r="648668" spans="8:8">
      <c r="H648668" s="12"/>
    </row>
    <row r="648669" spans="8:8">
      <c r="H648669" s="12"/>
    </row>
    <row r="648670" spans="8:8">
      <c r="H648670" s="12"/>
    </row>
    <row r="648671" spans="8:8">
      <c r="H648671" s="12"/>
    </row>
    <row r="648672" spans="8:8">
      <c r="H648672" s="12"/>
    </row>
    <row r="648673" spans="8:8">
      <c r="H648673" s="12"/>
    </row>
    <row r="648674" spans="8:8">
      <c r="H648674" s="12"/>
    </row>
    <row r="648675" spans="8:8">
      <c r="H648675" s="12"/>
    </row>
    <row r="648676" spans="8:8">
      <c r="H648676" s="12"/>
    </row>
    <row r="648677" spans="8:8">
      <c r="H648677" s="12"/>
    </row>
    <row r="648678" spans="8:8">
      <c r="H648678" s="12"/>
    </row>
    <row r="648679" spans="8:8">
      <c r="H648679" s="12"/>
    </row>
    <row r="648680" spans="8:8">
      <c r="H648680" s="12"/>
    </row>
    <row r="648681" spans="8:8">
      <c r="H648681" s="12"/>
    </row>
    <row r="648682" spans="8:8">
      <c r="H648682" s="12"/>
    </row>
    <row r="648683" spans="8:8">
      <c r="H648683" s="12"/>
    </row>
    <row r="648684" spans="8:8">
      <c r="H648684" s="12"/>
    </row>
    <row r="648685" spans="8:8">
      <c r="H648685" s="12"/>
    </row>
    <row r="648686" spans="8:8">
      <c r="H648686" s="12"/>
    </row>
    <row r="648687" spans="8:8">
      <c r="H648687" s="12"/>
    </row>
    <row r="648688" spans="8:8">
      <c r="H648688" s="12"/>
    </row>
    <row r="648689" spans="8:8">
      <c r="H648689" s="12"/>
    </row>
    <row r="648690" spans="8:8">
      <c r="H648690" s="12"/>
    </row>
    <row r="648691" spans="8:8">
      <c r="H648691" s="12"/>
    </row>
    <row r="648692" spans="8:8">
      <c r="H648692" s="12"/>
    </row>
    <row r="648693" spans="8:8">
      <c r="H648693" s="12"/>
    </row>
    <row r="648694" spans="8:8">
      <c r="H648694" s="12"/>
    </row>
    <row r="648695" spans="8:8">
      <c r="H648695" s="12"/>
    </row>
    <row r="648696" spans="8:8">
      <c r="H648696" s="12"/>
    </row>
    <row r="648697" spans="8:8">
      <c r="H648697" s="12"/>
    </row>
    <row r="648698" spans="8:8">
      <c r="H648698" s="12"/>
    </row>
    <row r="648699" spans="8:8">
      <c r="H648699" s="12"/>
    </row>
    <row r="648700" spans="8:8">
      <c r="H648700" s="12"/>
    </row>
    <row r="648701" spans="8:8">
      <c r="H648701" s="12"/>
    </row>
    <row r="648702" spans="8:8">
      <c r="H648702" s="12"/>
    </row>
    <row r="648703" spans="8:8">
      <c r="H648703" s="12"/>
    </row>
    <row r="648704" spans="8:8">
      <c r="H648704" s="12"/>
    </row>
    <row r="648705" spans="8:8">
      <c r="H648705" s="12"/>
    </row>
    <row r="648706" spans="8:8">
      <c r="H648706" s="12"/>
    </row>
    <row r="648707" spans="8:8">
      <c r="H648707" s="12"/>
    </row>
    <row r="648708" spans="8:8">
      <c r="H648708" s="12"/>
    </row>
    <row r="648709" spans="8:8">
      <c r="H648709" s="12"/>
    </row>
    <row r="648710" spans="8:8">
      <c r="H648710" s="12"/>
    </row>
    <row r="648711" spans="8:8">
      <c r="H648711" s="12"/>
    </row>
    <row r="648712" spans="8:8">
      <c r="H648712" s="12"/>
    </row>
    <row r="648713" spans="8:8">
      <c r="H648713" s="12"/>
    </row>
    <row r="648714" spans="8:8">
      <c r="H648714" s="12"/>
    </row>
    <row r="648715" spans="8:8">
      <c r="H648715" s="12"/>
    </row>
    <row r="648716" spans="8:8">
      <c r="H648716" s="12"/>
    </row>
    <row r="648717" spans="8:8">
      <c r="H648717" s="12"/>
    </row>
    <row r="648718" spans="8:8">
      <c r="H648718" s="12"/>
    </row>
    <row r="648719" spans="8:8">
      <c r="H648719" s="12"/>
    </row>
    <row r="648720" spans="8:8">
      <c r="H648720" s="12"/>
    </row>
    <row r="648721" spans="8:8">
      <c r="H648721" s="12"/>
    </row>
    <row r="648722" spans="8:8">
      <c r="H648722" s="12"/>
    </row>
    <row r="648723" spans="8:8">
      <c r="H648723" s="12"/>
    </row>
    <row r="648724" spans="8:8">
      <c r="H648724" s="12"/>
    </row>
    <row r="648725" spans="8:8">
      <c r="H648725" s="12"/>
    </row>
    <row r="648726" spans="8:8">
      <c r="H648726" s="12"/>
    </row>
    <row r="648727" spans="8:8">
      <c r="H648727" s="12"/>
    </row>
    <row r="648728" spans="8:8">
      <c r="H648728" s="12"/>
    </row>
    <row r="648729" spans="8:8">
      <c r="H648729" s="12"/>
    </row>
    <row r="648730" spans="8:8">
      <c r="H648730" s="12"/>
    </row>
    <row r="648731" spans="8:8">
      <c r="H648731" s="12"/>
    </row>
    <row r="648732" spans="8:8">
      <c r="H648732" s="12"/>
    </row>
    <row r="648733" spans="8:8">
      <c r="H648733" s="12"/>
    </row>
    <row r="648734" spans="8:8">
      <c r="H648734" s="12"/>
    </row>
    <row r="648735" spans="8:8">
      <c r="H648735" s="12"/>
    </row>
    <row r="648736" spans="8:8">
      <c r="H648736" s="12"/>
    </row>
    <row r="648737" spans="8:8">
      <c r="H648737" s="12"/>
    </row>
    <row r="648738" spans="8:8">
      <c r="H648738" s="12"/>
    </row>
    <row r="648739" spans="8:8">
      <c r="H648739" s="12"/>
    </row>
    <row r="648740" spans="8:8">
      <c r="H648740" s="12"/>
    </row>
    <row r="648741" spans="8:8">
      <c r="H648741" s="12"/>
    </row>
    <row r="648742" spans="8:8">
      <c r="H648742" s="12"/>
    </row>
    <row r="648743" spans="8:8">
      <c r="H648743" s="12"/>
    </row>
    <row r="648744" spans="8:8">
      <c r="H648744" s="12"/>
    </row>
    <row r="648745" spans="8:8">
      <c r="H648745" s="12"/>
    </row>
    <row r="648746" spans="8:8">
      <c r="H648746" s="12"/>
    </row>
    <row r="648747" spans="8:8">
      <c r="H648747" s="12"/>
    </row>
    <row r="648748" spans="8:8">
      <c r="H648748" s="12"/>
    </row>
    <row r="648749" spans="8:8">
      <c r="H648749" s="12"/>
    </row>
    <row r="648750" spans="8:8">
      <c r="H648750" s="12"/>
    </row>
    <row r="648751" spans="8:8">
      <c r="H648751" s="12"/>
    </row>
    <row r="648752" spans="8:8">
      <c r="H648752" s="12"/>
    </row>
    <row r="648753" spans="8:8">
      <c r="H648753" s="12"/>
    </row>
    <row r="648754" spans="8:8">
      <c r="H648754" s="12"/>
    </row>
    <row r="648755" spans="8:8">
      <c r="H648755" s="12"/>
    </row>
    <row r="648756" spans="8:8">
      <c r="H648756" s="12"/>
    </row>
    <row r="648757" spans="8:8">
      <c r="H648757" s="12"/>
    </row>
    <row r="648758" spans="8:8">
      <c r="H648758" s="12"/>
    </row>
    <row r="648759" spans="8:8">
      <c r="H648759" s="12"/>
    </row>
    <row r="648760" spans="8:8">
      <c r="H648760" s="12"/>
    </row>
    <row r="648761" spans="8:8">
      <c r="H648761" s="12"/>
    </row>
    <row r="648762" spans="8:8">
      <c r="H648762" s="12"/>
    </row>
    <row r="648763" spans="8:8">
      <c r="H648763" s="12"/>
    </row>
    <row r="648764" spans="8:8">
      <c r="H648764" s="12"/>
    </row>
    <row r="648765" spans="8:8">
      <c r="H648765" s="12"/>
    </row>
    <row r="648766" spans="8:8">
      <c r="H648766" s="12"/>
    </row>
    <row r="648767" spans="8:8">
      <c r="H648767" s="12"/>
    </row>
    <row r="648768" spans="8:8">
      <c r="H648768" s="12"/>
    </row>
    <row r="648769" spans="8:8">
      <c r="H648769" s="12"/>
    </row>
    <row r="648770" spans="8:8">
      <c r="H648770" s="12"/>
    </row>
    <row r="648771" spans="8:8">
      <c r="H648771" s="12"/>
    </row>
    <row r="648772" spans="8:8">
      <c r="H648772" s="12"/>
    </row>
    <row r="648773" spans="8:8">
      <c r="H648773" s="12"/>
    </row>
    <row r="648774" spans="8:8">
      <c r="H648774" s="12"/>
    </row>
    <row r="648775" spans="8:8">
      <c r="H648775" s="12"/>
    </row>
    <row r="648776" spans="8:8">
      <c r="H648776" s="12"/>
    </row>
    <row r="648777" spans="8:8">
      <c r="H648777" s="12"/>
    </row>
    <row r="648778" spans="8:8">
      <c r="H648778" s="12"/>
    </row>
    <row r="648779" spans="8:8">
      <c r="H648779" s="12"/>
    </row>
    <row r="648780" spans="8:8">
      <c r="H648780" s="12"/>
    </row>
    <row r="648781" spans="8:8">
      <c r="H648781" s="12"/>
    </row>
    <row r="648782" spans="8:8">
      <c r="H648782" s="12"/>
    </row>
    <row r="648783" spans="8:8">
      <c r="H648783" s="12"/>
    </row>
    <row r="648784" spans="8:8">
      <c r="H648784" s="12"/>
    </row>
    <row r="648785" spans="8:8">
      <c r="H648785" s="12"/>
    </row>
    <row r="648786" spans="8:8">
      <c r="H648786" s="12"/>
    </row>
    <row r="648787" spans="8:8">
      <c r="H648787" s="12"/>
    </row>
    <row r="648788" spans="8:8">
      <c r="H648788" s="12"/>
    </row>
    <row r="648789" spans="8:8">
      <c r="H648789" s="12"/>
    </row>
    <row r="648790" spans="8:8">
      <c r="H648790" s="12"/>
    </row>
    <row r="648791" spans="8:8">
      <c r="H648791" s="12"/>
    </row>
    <row r="648792" spans="8:8">
      <c r="H648792" s="12"/>
    </row>
    <row r="648793" spans="8:8">
      <c r="H648793" s="12"/>
    </row>
    <row r="648794" spans="8:8">
      <c r="H648794" s="12"/>
    </row>
    <row r="648795" spans="8:8">
      <c r="H648795" s="12"/>
    </row>
    <row r="648796" spans="8:8">
      <c r="H648796" s="12"/>
    </row>
    <row r="648797" spans="8:8">
      <c r="H648797" s="12"/>
    </row>
    <row r="648798" spans="8:8">
      <c r="H648798" s="12"/>
    </row>
    <row r="648799" spans="8:8">
      <c r="H648799" s="12"/>
    </row>
    <row r="648800" spans="8:8">
      <c r="H648800" s="12"/>
    </row>
    <row r="648801" spans="8:8">
      <c r="H648801" s="12"/>
    </row>
    <row r="648802" spans="8:8">
      <c r="H648802" s="12"/>
    </row>
    <row r="648803" spans="8:8">
      <c r="H648803" s="12"/>
    </row>
    <row r="648804" spans="8:8">
      <c r="H648804" s="12"/>
    </row>
    <row r="648805" spans="8:8">
      <c r="H648805" s="12"/>
    </row>
    <row r="648806" spans="8:8">
      <c r="H648806" s="12"/>
    </row>
    <row r="648807" spans="8:8">
      <c r="H648807" s="12"/>
    </row>
    <row r="648808" spans="8:8">
      <c r="H648808" s="12"/>
    </row>
    <row r="648809" spans="8:8">
      <c r="H648809" s="12"/>
    </row>
    <row r="648810" spans="8:8">
      <c r="H648810" s="12"/>
    </row>
    <row r="648811" spans="8:8">
      <c r="H648811" s="12"/>
    </row>
    <row r="648812" spans="8:8">
      <c r="H648812" s="12"/>
    </row>
    <row r="648813" spans="8:8">
      <c r="H648813" s="12"/>
    </row>
    <row r="648814" spans="8:8">
      <c r="H648814" s="12"/>
    </row>
    <row r="648815" spans="8:8">
      <c r="H648815" s="12"/>
    </row>
    <row r="648816" spans="8:8">
      <c r="H648816" s="12"/>
    </row>
    <row r="648817" spans="8:8">
      <c r="H648817" s="12"/>
    </row>
    <row r="648818" spans="8:8">
      <c r="H648818" s="12"/>
    </row>
    <row r="648819" spans="8:8">
      <c r="H648819" s="12"/>
    </row>
    <row r="648820" spans="8:8">
      <c r="H648820" s="12"/>
    </row>
    <row r="648821" spans="8:8">
      <c r="H648821" s="12"/>
    </row>
    <row r="648822" spans="8:8">
      <c r="H648822" s="12"/>
    </row>
    <row r="648823" spans="8:8">
      <c r="H648823" s="12"/>
    </row>
    <row r="648824" spans="8:8">
      <c r="H648824" s="12"/>
    </row>
    <row r="648825" spans="8:8">
      <c r="H648825" s="12"/>
    </row>
    <row r="648826" spans="8:8">
      <c r="H648826" s="12"/>
    </row>
    <row r="648827" spans="8:8">
      <c r="H648827" s="12"/>
    </row>
    <row r="648828" spans="8:8">
      <c r="H648828" s="12"/>
    </row>
    <row r="648829" spans="8:8">
      <c r="H648829" s="12"/>
    </row>
    <row r="648830" spans="8:8">
      <c r="H648830" s="12"/>
    </row>
    <row r="648831" spans="8:8">
      <c r="H648831" s="12"/>
    </row>
    <row r="648832" spans="8:8">
      <c r="H648832" s="12"/>
    </row>
    <row r="648833" spans="8:8">
      <c r="H648833" s="12"/>
    </row>
    <row r="648834" spans="8:8">
      <c r="H648834" s="12"/>
    </row>
    <row r="648835" spans="8:8">
      <c r="H648835" s="12"/>
    </row>
    <row r="648836" spans="8:8">
      <c r="H648836" s="12"/>
    </row>
    <row r="648837" spans="8:8">
      <c r="H648837" s="12"/>
    </row>
    <row r="648838" spans="8:8">
      <c r="H648838" s="12"/>
    </row>
    <row r="648839" spans="8:8">
      <c r="H648839" s="12"/>
    </row>
    <row r="648840" spans="8:8">
      <c r="H648840" s="12"/>
    </row>
    <row r="648841" spans="8:8">
      <c r="H648841" s="12"/>
    </row>
    <row r="648842" spans="8:8">
      <c r="H648842" s="12"/>
    </row>
    <row r="648843" spans="8:8">
      <c r="H648843" s="12"/>
    </row>
    <row r="648844" spans="8:8">
      <c r="H648844" s="12"/>
    </row>
    <row r="648845" spans="8:8">
      <c r="H648845" s="12"/>
    </row>
    <row r="648846" spans="8:8">
      <c r="H648846" s="12"/>
    </row>
    <row r="648847" spans="8:8">
      <c r="H648847" s="12"/>
    </row>
    <row r="648848" spans="8:8">
      <c r="H648848" s="12"/>
    </row>
    <row r="648849" spans="8:8">
      <c r="H648849" s="12"/>
    </row>
    <row r="648850" spans="8:8">
      <c r="H648850" s="12"/>
    </row>
    <row r="648851" spans="8:8">
      <c r="H648851" s="12"/>
    </row>
    <row r="648852" spans="8:8">
      <c r="H648852" s="12"/>
    </row>
    <row r="648853" spans="8:8">
      <c r="H648853" s="12"/>
    </row>
    <row r="648854" spans="8:8">
      <c r="H648854" s="12"/>
    </row>
    <row r="648855" spans="8:8">
      <c r="H648855" s="12"/>
    </row>
    <row r="648856" spans="8:8">
      <c r="H648856" s="12"/>
    </row>
    <row r="648857" spans="8:8">
      <c r="H648857" s="12"/>
    </row>
    <row r="648858" spans="8:8">
      <c r="H648858" s="12"/>
    </row>
    <row r="648859" spans="8:8">
      <c r="H648859" s="12"/>
    </row>
    <row r="648860" spans="8:8">
      <c r="H648860" s="12"/>
    </row>
    <row r="648861" spans="8:8">
      <c r="H648861" s="12"/>
    </row>
    <row r="648862" spans="8:8">
      <c r="H648862" s="12"/>
    </row>
    <row r="648863" spans="8:8">
      <c r="H648863" s="12"/>
    </row>
    <row r="648864" spans="8:8">
      <c r="H648864" s="12"/>
    </row>
    <row r="648865" spans="8:8">
      <c r="H648865" s="12"/>
    </row>
    <row r="648866" spans="8:8">
      <c r="H648866" s="12"/>
    </row>
    <row r="648867" spans="8:8">
      <c r="H648867" s="12"/>
    </row>
    <row r="648868" spans="8:8">
      <c r="H648868" s="12"/>
    </row>
    <row r="648869" spans="8:8">
      <c r="H648869" s="12"/>
    </row>
    <row r="648870" spans="8:8">
      <c r="H648870" s="12"/>
    </row>
    <row r="648871" spans="8:8">
      <c r="H648871" s="12"/>
    </row>
    <row r="648872" spans="8:8">
      <c r="H648872" s="12"/>
    </row>
    <row r="648873" spans="8:8">
      <c r="H648873" s="12"/>
    </row>
    <row r="648874" spans="8:8">
      <c r="H648874" s="12"/>
    </row>
    <row r="648875" spans="8:8">
      <c r="H648875" s="12"/>
    </row>
    <row r="648876" spans="8:8">
      <c r="H648876" s="12"/>
    </row>
    <row r="648877" spans="8:8">
      <c r="H648877" s="12"/>
    </row>
    <row r="648878" spans="8:8">
      <c r="H648878" s="12"/>
    </row>
    <row r="648879" spans="8:8">
      <c r="H648879" s="12"/>
    </row>
    <row r="648880" spans="8:8">
      <c r="H648880" s="12"/>
    </row>
    <row r="648881" spans="8:8">
      <c r="H648881" s="12"/>
    </row>
    <row r="648882" spans="8:8">
      <c r="H648882" s="12"/>
    </row>
    <row r="648883" spans="8:8">
      <c r="H648883" s="12"/>
    </row>
    <row r="648884" spans="8:8">
      <c r="H648884" s="12"/>
    </row>
    <row r="648885" spans="8:8">
      <c r="H648885" s="12"/>
    </row>
    <row r="648886" spans="8:8">
      <c r="H648886" s="12"/>
    </row>
    <row r="648887" spans="8:8">
      <c r="H648887" s="12"/>
    </row>
    <row r="648888" spans="8:8">
      <c r="H648888" s="12"/>
    </row>
    <row r="648889" spans="8:8">
      <c r="H648889" s="12"/>
    </row>
    <row r="648890" spans="8:8">
      <c r="H648890" s="12"/>
    </row>
    <row r="648891" spans="8:8">
      <c r="H648891" s="12"/>
    </row>
    <row r="648892" spans="8:8">
      <c r="H648892" s="12"/>
    </row>
    <row r="648893" spans="8:8">
      <c r="H648893" s="12"/>
    </row>
    <row r="648894" spans="8:8">
      <c r="H648894" s="12"/>
    </row>
    <row r="648895" spans="8:8">
      <c r="H648895" s="12"/>
    </row>
    <row r="648896" spans="8:8">
      <c r="H648896" s="12"/>
    </row>
    <row r="648897" spans="8:8">
      <c r="H648897" s="12"/>
    </row>
    <row r="648898" spans="8:8">
      <c r="H648898" s="12"/>
    </row>
    <row r="648899" spans="8:8">
      <c r="H648899" s="12"/>
    </row>
    <row r="648900" spans="8:8">
      <c r="H648900" s="12"/>
    </row>
    <row r="648901" spans="8:8">
      <c r="H648901" s="12"/>
    </row>
    <row r="648902" spans="8:8">
      <c r="H648902" s="12"/>
    </row>
    <row r="648903" spans="8:8">
      <c r="H648903" s="12"/>
    </row>
    <row r="648904" spans="8:8">
      <c r="H648904" s="12"/>
    </row>
    <row r="648905" spans="8:8">
      <c r="H648905" s="12"/>
    </row>
    <row r="648906" spans="8:8">
      <c r="H648906" s="12"/>
    </row>
    <row r="648907" spans="8:8">
      <c r="H648907" s="12"/>
    </row>
    <row r="648908" spans="8:8">
      <c r="H648908" s="12"/>
    </row>
    <row r="648909" spans="8:8">
      <c r="H648909" s="12"/>
    </row>
    <row r="648910" spans="8:8">
      <c r="H648910" s="12"/>
    </row>
    <row r="648911" spans="8:8">
      <c r="H648911" s="12"/>
    </row>
    <row r="648912" spans="8:8">
      <c r="H648912" s="12"/>
    </row>
    <row r="648913" spans="8:8">
      <c r="H648913" s="12"/>
    </row>
    <row r="648914" spans="8:8">
      <c r="H648914" s="12"/>
    </row>
    <row r="648915" spans="8:8">
      <c r="H648915" s="12"/>
    </row>
    <row r="648916" spans="8:8">
      <c r="H648916" s="12"/>
    </row>
    <row r="648917" spans="8:8">
      <c r="H648917" s="12"/>
    </row>
    <row r="648918" spans="8:8">
      <c r="H648918" s="12"/>
    </row>
    <row r="648919" spans="8:8">
      <c r="H648919" s="12"/>
    </row>
    <row r="648920" spans="8:8">
      <c r="H648920" s="12"/>
    </row>
    <row r="648921" spans="8:8">
      <c r="H648921" s="12"/>
    </row>
    <row r="648922" spans="8:8">
      <c r="H648922" s="12"/>
    </row>
    <row r="648923" spans="8:8">
      <c r="H648923" s="12"/>
    </row>
    <row r="648924" spans="8:8">
      <c r="H648924" s="12"/>
    </row>
    <row r="648925" spans="8:8">
      <c r="H648925" s="12"/>
    </row>
    <row r="648926" spans="8:8">
      <c r="H648926" s="12"/>
    </row>
    <row r="648927" spans="8:8">
      <c r="H648927" s="12"/>
    </row>
    <row r="648928" spans="8:8">
      <c r="H648928" s="12"/>
    </row>
    <row r="648929" spans="8:8">
      <c r="H648929" s="12"/>
    </row>
    <row r="648930" spans="8:8">
      <c r="H648930" s="12"/>
    </row>
    <row r="648931" spans="8:8">
      <c r="H648931" s="12"/>
    </row>
    <row r="648932" spans="8:8">
      <c r="H648932" s="12"/>
    </row>
    <row r="648933" spans="8:8">
      <c r="H648933" s="12"/>
    </row>
    <row r="648934" spans="8:8">
      <c r="H648934" s="12"/>
    </row>
    <row r="648935" spans="8:8">
      <c r="H648935" s="12"/>
    </row>
    <row r="648936" spans="8:8">
      <c r="H648936" s="12"/>
    </row>
    <row r="648937" spans="8:8">
      <c r="H648937" s="12"/>
    </row>
    <row r="648938" spans="8:8">
      <c r="H648938" s="12"/>
    </row>
    <row r="648939" spans="8:8">
      <c r="H648939" s="12"/>
    </row>
    <row r="648940" spans="8:8">
      <c r="H648940" s="12"/>
    </row>
    <row r="648941" spans="8:8">
      <c r="H648941" s="12"/>
    </row>
    <row r="648942" spans="8:8">
      <c r="H648942" s="12"/>
    </row>
    <row r="648943" spans="8:8">
      <c r="H648943" s="12"/>
    </row>
    <row r="648944" spans="8:8">
      <c r="H648944" s="12"/>
    </row>
    <row r="648945" spans="8:8">
      <c r="H648945" s="12"/>
    </row>
    <row r="648946" spans="8:8">
      <c r="H648946" s="12"/>
    </row>
    <row r="648947" spans="8:8">
      <c r="H648947" s="12"/>
    </row>
    <row r="648948" spans="8:8">
      <c r="H648948" s="12"/>
    </row>
    <row r="648949" spans="8:8">
      <c r="H648949" s="12"/>
    </row>
    <row r="648950" spans="8:8">
      <c r="H648950" s="12"/>
    </row>
    <row r="648951" spans="8:8">
      <c r="H648951" s="12"/>
    </row>
    <row r="648952" spans="8:8">
      <c r="H648952" s="12"/>
    </row>
    <row r="648953" spans="8:8">
      <c r="H648953" s="12"/>
    </row>
    <row r="648954" spans="8:8">
      <c r="H648954" s="12"/>
    </row>
    <row r="648955" spans="8:8">
      <c r="H648955" s="12"/>
    </row>
    <row r="648956" spans="8:8">
      <c r="H648956" s="12"/>
    </row>
    <row r="648957" spans="8:8">
      <c r="H648957" s="12"/>
    </row>
    <row r="648958" spans="8:8">
      <c r="H648958" s="12"/>
    </row>
    <row r="648959" spans="8:8">
      <c r="H648959" s="12"/>
    </row>
    <row r="648960" spans="8:8">
      <c r="H648960" s="12"/>
    </row>
    <row r="648961" spans="8:8">
      <c r="H648961" s="12"/>
    </row>
    <row r="648962" spans="8:8">
      <c r="H648962" s="12"/>
    </row>
    <row r="648963" spans="8:8">
      <c r="H648963" s="12"/>
    </row>
    <row r="648964" spans="8:8">
      <c r="H648964" s="12"/>
    </row>
    <row r="648965" spans="8:8">
      <c r="H648965" s="12"/>
    </row>
    <row r="648966" spans="8:8">
      <c r="H648966" s="12"/>
    </row>
    <row r="648967" spans="8:8">
      <c r="H648967" s="12"/>
    </row>
    <row r="648968" spans="8:8">
      <c r="H648968" s="12"/>
    </row>
    <row r="648969" spans="8:8">
      <c r="H648969" s="12"/>
    </row>
    <row r="648970" spans="8:8">
      <c r="H648970" s="12"/>
    </row>
    <row r="648971" spans="8:8">
      <c r="H648971" s="12"/>
    </row>
    <row r="648972" spans="8:8">
      <c r="H648972" s="12"/>
    </row>
    <row r="648973" spans="8:8">
      <c r="H648973" s="12"/>
    </row>
    <row r="648974" spans="8:8">
      <c r="H648974" s="12"/>
    </row>
    <row r="648975" spans="8:8">
      <c r="H648975" s="12"/>
    </row>
    <row r="648976" spans="8:8">
      <c r="H648976" s="12"/>
    </row>
    <row r="648977" spans="8:8">
      <c r="H648977" s="12"/>
    </row>
    <row r="648978" spans="8:8">
      <c r="H648978" s="12"/>
    </row>
    <row r="648979" spans="8:8">
      <c r="H648979" s="12"/>
    </row>
    <row r="648980" spans="8:8">
      <c r="H648980" s="12"/>
    </row>
    <row r="648981" spans="8:8">
      <c r="H648981" s="12"/>
    </row>
    <row r="648982" spans="8:8">
      <c r="H648982" s="12"/>
    </row>
    <row r="648983" spans="8:8">
      <c r="H648983" s="12"/>
    </row>
    <row r="648984" spans="8:8">
      <c r="H648984" s="12"/>
    </row>
    <row r="648985" spans="8:8">
      <c r="H648985" s="12"/>
    </row>
    <row r="648986" spans="8:8">
      <c r="H648986" s="12"/>
    </row>
    <row r="648987" spans="8:8">
      <c r="H648987" s="12"/>
    </row>
    <row r="648988" spans="8:8">
      <c r="H648988" s="12"/>
    </row>
    <row r="648989" spans="8:8">
      <c r="H648989" s="12"/>
    </row>
    <row r="648990" spans="8:8">
      <c r="H648990" s="12"/>
    </row>
    <row r="648991" spans="8:8">
      <c r="H648991" s="12"/>
    </row>
    <row r="648992" spans="8:8">
      <c r="H648992" s="12"/>
    </row>
    <row r="648993" spans="8:8">
      <c r="H648993" s="12"/>
    </row>
    <row r="648994" spans="8:8">
      <c r="H648994" s="12"/>
    </row>
    <row r="648995" spans="8:8">
      <c r="H648995" s="12"/>
    </row>
    <row r="648996" spans="8:8">
      <c r="H648996" s="12"/>
    </row>
    <row r="648997" spans="8:8">
      <c r="H648997" s="12"/>
    </row>
    <row r="648998" spans="8:8">
      <c r="H648998" s="12"/>
    </row>
    <row r="648999" spans="8:8">
      <c r="H648999" s="12"/>
    </row>
    <row r="649000" spans="8:8">
      <c r="H649000" s="12"/>
    </row>
    <row r="649001" spans="8:8">
      <c r="H649001" s="12"/>
    </row>
    <row r="649002" spans="8:8">
      <c r="H649002" s="12"/>
    </row>
    <row r="649003" spans="8:8">
      <c r="H649003" s="12"/>
    </row>
    <row r="649004" spans="8:8">
      <c r="H649004" s="12"/>
    </row>
    <row r="649005" spans="8:8">
      <c r="H649005" s="12"/>
    </row>
    <row r="649006" spans="8:8">
      <c r="H649006" s="12"/>
    </row>
    <row r="649007" spans="8:8">
      <c r="H649007" s="12"/>
    </row>
    <row r="649008" spans="8:8">
      <c r="H649008" s="12"/>
    </row>
    <row r="649009" spans="8:8">
      <c r="H649009" s="12"/>
    </row>
    <row r="649010" spans="8:8">
      <c r="H649010" s="12"/>
    </row>
    <row r="649011" spans="8:8">
      <c r="H649011" s="12"/>
    </row>
    <row r="649012" spans="8:8">
      <c r="H649012" s="12"/>
    </row>
    <row r="649013" spans="8:8">
      <c r="H649013" s="12"/>
    </row>
    <row r="649014" spans="8:8">
      <c r="H649014" s="12"/>
    </row>
    <row r="649015" spans="8:8">
      <c r="H649015" s="12"/>
    </row>
    <row r="649016" spans="8:8">
      <c r="H649016" s="12"/>
    </row>
    <row r="649017" spans="8:8">
      <c r="H649017" s="12"/>
    </row>
    <row r="649018" spans="8:8">
      <c r="H649018" s="12"/>
    </row>
    <row r="649019" spans="8:8">
      <c r="H649019" s="12"/>
    </row>
    <row r="649020" spans="8:8">
      <c r="H649020" s="12"/>
    </row>
    <row r="649021" spans="8:8">
      <c r="H649021" s="12"/>
    </row>
    <row r="649022" spans="8:8">
      <c r="H649022" s="12"/>
    </row>
    <row r="649023" spans="8:8">
      <c r="H649023" s="12"/>
    </row>
    <row r="649024" spans="8:8">
      <c r="H649024" s="12"/>
    </row>
    <row r="649025" spans="8:8">
      <c r="H649025" s="12"/>
    </row>
    <row r="649026" spans="8:8">
      <c r="H649026" s="12"/>
    </row>
    <row r="649027" spans="8:8">
      <c r="H649027" s="12"/>
    </row>
    <row r="649028" spans="8:8">
      <c r="H649028" s="12"/>
    </row>
    <row r="649029" spans="8:8">
      <c r="H649029" s="12"/>
    </row>
    <row r="649030" spans="8:8">
      <c r="H649030" s="12"/>
    </row>
    <row r="649031" spans="8:8">
      <c r="H649031" s="12"/>
    </row>
    <row r="649032" spans="8:8">
      <c r="H649032" s="12"/>
    </row>
    <row r="649033" spans="8:8">
      <c r="H649033" s="12"/>
    </row>
    <row r="649034" spans="8:8">
      <c r="H649034" s="12"/>
    </row>
    <row r="649035" spans="8:8">
      <c r="H649035" s="12"/>
    </row>
    <row r="649036" spans="8:8">
      <c r="H649036" s="12"/>
    </row>
    <row r="649037" spans="8:8">
      <c r="H649037" s="12"/>
    </row>
    <row r="649038" spans="8:8">
      <c r="H649038" s="12"/>
    </row>
    <row r="649039" spans="8:8">
      <c r="H649039" s="12"/>
    </row>
    <row r="649040" spans="8:8">
      <c r="H649040" s="12"/>
    </row>
    <row r="649041" spans="8:8">
      <c r="H649041" s="12"/>
    </row>
    <row r="649042" spans="8:8">
      <c r="H649042" s="12"/>
    </row>
    <row r="649043" spans="8:8">
      <c r="H649043" s="12"/>
    </row>
    <row r="649044" spans="8:8">
      <c r="H649044" s="12"/>
    </row>
    <row r="649045" spans="8:8">
      <c r="H649045" s="12"/>
    </row>
    <row r="649046" spans="8:8">
      <c r="H649046" s="12"/>
    </row>
    <row r="649047" spans="8:8">
      <c r="H649047" s="12"/>
    </row>
    <row r="649048" spans="8:8">
      <c r="H649048" s="12"/>
    </row>
    <row r="649049" spans="8:8">
      <c r="H649049" s="12"/>
    </row>
    <row r="649050" spans="8:8">
      <c r="H649050" s="12"/>
    </row>
    <row r="649051" spans="8:8">
      <c r="H649051" s="12"/>
    </row>
    <row r="649052" spans="8:8">
      <c r="H649052" s="12"/>
    </row>
    <row r="649053" spans="8:8">
      <c r="H649053" s="12"/>
    </row>
    <row r="649054" spans="8:8">
      <c r="H649054" s="12"/>
    </row>
    <row r="649055" spans="8:8">
      <c r="H649055" s="12"/>
    </row>
    <row r="649056" spans="8:8">
      <c r="H649056" s="12"/>
    </row>
    <row r="649057" spans="8:8">
      <c r="H649057" s="12"/>
    </row>
    <row r="649058" spans="8:8">
      <c r="H649058" s="12"/>
    </row>
    <row r="649059" spans="8:8">
      <c r="H649059" s="12"/>
    </row>
    <row r="649060" spans="8:8">
      <c r="H649060" s="12"/>
    </row>
    <row r="649061" spans="8:8">
      <c r="H649061" s="12"/>
    </row>
    <row r="649062" spans="8:8">
      <c r="H649062" s="12"/>
    </row>
    <row r="649063" spans="8:8">
      <c r="H649063" s="12"/>
    </row>
    <row r="649064" spans="8:8">
      <c r="H649064" s="12"/>
    </row>
    <row r="649065" spans="8:8">
      <c r="H649065" s="12"/>
    </row>
    <row r="649066" spans="8:8">
      <c r="H649066" s="12"/>
    </row>
    <row r="649067" spans="8:8">
      <c r="H649067" s="12"/>
    </row>
    <row r="649068" spans="8:8">
      <c r="H649068" s="12"/>
    </row>
    <row r="649069" spans="8:8">
      <c r="H649069" s="12"/>
    </row>
    <row r="649070" spans="8:8">
      <c r="H649070" s="12"/>
    </row>
    <row r="649071" spans="8:8">
      <c r="H649071" s="12"/>
    </row>
    <row r="649072" spans="8:8">
      <c r="H649072" s="12"/>
    </row>
    <row r="649073" spans="8:8">
      <c r="H649073" s="12"/>
    </row>
    <row r="649074" spans="8:8">
      <c r="H649074" s="12"/>
    </row>
    <row r="649075" spans="8:8">
      <c r="H649075" s="12"/>
    </row>
    <row r="649076" spans="8:8">
      <c r="H649076" s="12"/>
    </row>
    <row r="649077" spans="8:8">
      <c r="H649077" s="12"/>
    </row>
    <row r="649078" spans="8:8">
      <c r="H649078" s="12"/>
    </row>
    <row r="649079" spans="8:8">
      <c r="H649079" s="12"/>
    </row>
    <row r="649080" spans="8:8">
      <c r="H649080" s="12"/>
    </row>
    <row r="649081" spans="8:8">
      <c r="H649081" s="12"/>
    </row>
    <row r="649082" spans="8:8">
      <c r="H649082" s="12"/>
    </row>
    <row r="649083" spans="8:8">
      <c r="H649083" s="12"/>
    </row>
    <row r="649084" spans="8:8">
      <c r="H649084" s="12"/>
    </row>
    <row r="649085" spans="8:8">
      <c r="H649085" s="12"/>
    </row>
    <row r="649086" spans="8:8">
      <c r="H649086" s="12"/>
    </row>
    <row r="649087" spans="8:8">
      <c r="H649087" s="12"/>
    </row>
    <row r="649088" spans="8:8">
      <c r="H649088" s="12"/>
    </row>
    <row r="649089" spans="8:8">
      <c r="H649089" s="12"/>
    </row>
    <row r="649090" spans="8:8">
      <c r="H649090" s="12"/>
    </row>
    <row r="649091" spans="8:8">
      <c r="H649091" s="12"/>
    </row>
    <row r="649092" spans="8:8">
      <c r="H649092" s="12"/>
    </row>
    <row r="649093" spans="8:8">
      <c r="H649093" s="12"/>
    </row>
    <row r="649094" spans="8:8">
      <c r="H649094" s="12"/>
    </row>
    <row r="649095" spans="8:8">
      <c r="H649095" s="12"/>
    </row>
    <row r="649096" spans="8:8">
      <c r="H649096" s="12"/>
    </row>
    <row r="649097" spans="8:8">
      <c r="H649097" s="12"/>
    </row>
    <row r="649098" spans="8:8">
      <c r="H649098" s="12"/>
    </row>
    <row r="649099" spans="8:8">
      <c r="H649099" s="12"/>
    </row>
    <row r="649100" spans="8:8">
      <c r="H649100" s="12"/>
    </row>
    <row r="649101" spans="8:8">
      <c r="H649101" s="12"/>
    </row>
    <row r="649102" spans="8:8">
      <c r="H649102" s="12"/>
    </row>
    <row r="649103" spans="8:8">
      <c r="H649103" s="12"/>
    </row>
    <row r="649104" spans="8:8">
      <c r="H649104" s="12"/>
    </row>
    <row r="649105" spans="8:8">
      <c r="H649105" s="12"/>
    </row>
    <row r="649106" spans="8:8">
      <c r="H649106" s="12"/>
    </row>
    <row r="649107" spans="8:8">
      <c r="H649107" s="12"/>
    </row>
    <row r="649108" spans="8:8">
      <c r="H649108" s="12"/>
    </row>
    <row r="649109" spans="8:8">
      <c r="H649109" s="12"/>
    </row>
    <row r="649110" spans="8:8">
      <c r="H649110" s="12"/>
    </row>
    <row r="649111" spans="8:8">
      <c r="H649111" s="12"/>
    </row>
    <row r="649112" spans="8:8">
      <c r="H649112" s="12"/>
    </row>
    <row r="649113" spans="8:8">
      <c r="H649113" s="12"/>
    </row>
    <row r="649114" spans="8:8">
      <c r="H649114" s="12"/>
    </row>
    <row r="649115" spans="8:8">
      <c r="H649115" s="12"/>
    </row>
    <row r="649116" spans="8:8">
      <c r="H649116" s="12"/>
    </row>
    <row r="649117" spans="8:8">
      <c r="H649117" s="12"/>
    </row>
    <row r="649118" spans="8:8">
      <c r="H649118" s="12"/>
    </row>
    <row r="649119" spans="8:8">
      <c r="H649119" s="12"/>
    </row>
    <row r="649120" spans="8:8">
      <c r="H649120" s="12"/>
    </row>
    <row r="649121" spans="8:8">
      <c r="H649121" s="12"/>
    </row>
    <row r="649122" spans="8:8">
      <c r="H649122" s="12"/>
    </row>
    <row r="649123" spans="8:8">
      <c r="H649123" s="12"/>
    </row>
    <row r="649124" spans="8:8">
      <c r="H649124" s="12"/>
    </row>
    <row r="649125" spans="8:8">
      <c r="H649125" s="12"/>
    </row>
    <row r="649126" spans="8:8">
      <c r="H649126" s="12"/>
    </row>
    <row r="649127" spans="8:8">
      <c r="H649127" s="12"/>
    </row>
    <row r="649128" spans="8:8">
      <c r="H649128" s="12"/>
    </row>
    <row r="649129" spans="8:8">
      <c r="H649129" s="12"/>
    </row>
    <row r="649130" spans="8:8">
      <c r="H649130" s="12"/>
    </row>
    <row r="649131" spans="8:8">
      <c r="H649131" s="12"/>
    </row>
    <row r="649132" spans="8:8">
      <c r="H649132" s="12"/>
    </row>
    <row r="649133" spans="8:8">
      <c r="H649133" s="12"/>
    </row>
    <row r="649134" spans="8:8">
      <c r="H649134" s="12"/>
    </row>
    <row r="649135" spans="8:8">
      <c r="H649135" s="12"/>
    </row>
    <row r="649136" spans="8:8">
      <c r="H649136" s="12"/>
    </row>
    <row r="649137" spans="8:8">
      <c r="H649137" s="12"/>
    </row>
    <row r="649138" spans="8:8">
      <c r="H649138" s="12"/>
    </row>
    <row r="649139" spans="8:8">
      <c r="H649139" s="12"/>
    </row>
    <row r="649140" spans="8:8">
      <c r="H649140" s="12"/>
    </row>
    <row r="649141" spans="8:8">
      <c r="H649141" s="12"/>
    </row>
    <row r="649142" spans="8:8">
      <c r="H649142" s="12"/>
    </row>
    <row r="649143" spans="8:8">
      <c r="H649143" s="12"/>
    </row>
    <row r="649144" spans="8:8">
      <c r="H649144" s="12"/>
    </row>
    <row r="649145" spans="8:8">
      <c r="H649145" s="12"/>
    </row>
    <row r="649146" spans="8:8">
      <c r="H649146" s="12"/>
    </row>
    <row r="649147" spans="8:8">
      <c r="H649147" s="12"/>
    </row>
    <row r="649148" spans="8:8">
      <c r="H649148" s="12"/>
    </row>
    <row r="649149" spans="8:8">
      <c r="H649149" s="12"/>
    </row>
    <row r="649150" spans="8:8">
      <c r="H649150" s="12"/>
    </row>
    <row r="649151" spans="8:8">
      <c r="H649151" s="12"/>
    </row>
    <row r="649152" spans="8:8">
      <c r="H649152" s="12"/>
    </row>
    <row r="649153" spans="8:8">
      <c r="H649153" s="12"/>
    </row>
    <row r="649154" spans="8:8">
      <c r="H649154" s="12"/>
    </row>
    <row r="649155" spans="8:8">
      <c r="H649155" s="12"/>
    </row>
    <row r="649156" spans="8:8">
      <c r="H649156" s="12"/>
    </row>
    <row r="649157" spans="8:8">
      <c r="H649157" s="12"/>
    </row>
    <row r="649158" spans="8:8">
      <c r="H649158" s="12"/>
    </row>
    <row r="649159" spans="8:8">
      <c r="H649159" s="12"/>
    </row>
    <row r="649160" spans="8:8">
      <c r="H649160" s="12"/>
    </row>
    <row r="649161" spans="8:8">
      <c r="H649161" s="12"/>
    </row>
    <row r="649162" spans="8:8">
      <c r="H649162" s="12"/>
    </row>
    <row r="649163" spans="8:8">
      <c r="H649163" s="12"/>
    </row>
    <row r="649164" spans="8:8">
      <c r="H649164" s="12"/>
    </row>
    <row r="649165" spans="8:8">
      <c r="H649165" s="12"/>
    </row>
    <row r="649166" spans="8:8">
      <c r="H649166" s="12"/>
    </row>
    <row r="649167" spans="8:8">
      <c r="H649167" s="12"/>
    </row>
    <row r="649168" spans="8:8">
      <c r="H649168" s="12"/>
    </row>
    <row r="649169" spans="8:8">
      <c r="H649169" s="12"/>
    </row>
    <row r="649170" spans="8:8">
      <c r="H649170" s="12"/>
    </row>
    <row r="649171" spans="8:8">
      <c r="H649171" s="12"/>
    </row>
    <row r="649172" spans="8:8">
      <c r="H649172" s="12"/>
    </row>
    <row r="649173" spans="8:8">
      <c r="H649173" s="12"/>
    </row>
    <row r="649174" spans="8:8">
      <c r="H649174" s="12"/>
    </row>
    <row r="649175" spans="8:8">
      <c r="H649175" s="12"/>
    </row>
    <row r="649176" spans="8:8">
      <c r="H649176" s="12"/>
    </row>
    <row r="649177" spans="8:8">
      <c r="H649177" s="12"/>
    </row>
    <row r="649178" spans="8:8">
      <c r="H649178" s="12"/>
    </row>
    <row r="649179" spans="8:8">
      <c r="H649179" s="12"/>
    </row>
    <row r="649180" spans="8:8">
      <c r="H649180" s="12"/>
    </row>
    <row r="649181" spans="8:8">
      <c r="H649181" s="12"/>
    </row>
    <row r="649182" spans="8:8">
      <c r="H649182" s="12"/>
    </row>
    <row r="649183" spans="8:8">
      <c r="H649183" s="12"/>
    </row>
    <row r="649184" spans="8:8">
      <c r="H649184" s="12"/>
    </row>
    <row r="649185" spans="8:8">
      <c r="H649185" s="12"/>
    </row>
    <row r="649186" spans="8:8">
      <c r="H649186" s="12"/>
    </row>
    <row r="649187" spans="8:8">
      <c r="H649187" s="12"/>
    </row>
    <row r="649188" spans="8:8">
      <c r="H649188" s="12"/>
    </row>
    <row r="649189" spans="8:8">
      <c r="H649189" s="12"/>
    </row>
    <row r="649190" spans="8:8">
      <c r="H649190" s="12"/>
    </row>
    <row r="649191" spans="8:8">
      <c r="H649191" s="12"/>
    </row>
    <row r="649192" spans="8:8">
      <c r="H649192" s="12"/>
    </row>
    <row r="649193" spans="8:8">
      <c r="H649193" s="12"/>
    </row>
    <row r="649194" spans="8:8">
      <c r="H649194" s="12"/>
    </row>
    <row r="649195" spans="8:8">
      <c r="H649195" s="12"/>
    </row>
    <row r="649196" spans="8:8">
      <c r="H649196" s="12"/>
    </row>
    <row r="649197" spans="8:8">
      <c r="H649197" s="12"/>
    </row>
    <row r="649198" spans="8:8">
      <c r="H649198" s="12"/>
    </row>
    <row r="649199" spans="8:8">
      <c r="H649199" s="12"/>
    </row>
    <row r="649200" spans="8:8">
      <c r="H649200" s="12"/>
    </row>
    <row r="649201" spans="8:8">
      <c r="H649201" s="12"/>
    </row>
    <row r="649202" spans="8:8">
      <c r="H649202" s="12"/>
    </row>
    <row r="649203" spans="8:8">
      <c r="H649203" s="12"/>
    </row>
    <row r="649204" spans="8:8">
      <c r="H649204" s="12"/>
    </row>
    <row r="649205" spans="8:8">
      <c r="H649205" s="12"/>
    </row>
    <row r="649206" spans="8:8">
      <c r="H649206" s="12"/>
    </row>
    <row r="649207" spans="8:8">
      <c r="H649207" s="12"/>
    </row>
    <row r="649208" spans="8:8">
      <c r="H649208" s="12"/>
    </row>
    <row r="649209" spans="8:8">
      <c r="H649209" s="12"/>
    </row>
    <row r="649210" spans="8:8">
      <c r="H649210" s="12"/>
    </row>
    <row r="649211" spans="8:8">
      <c r="H649211" s="12"/>
    </row>
    <row r="649212" spans="8:8">
      <c r="H649212" s="12"/>
    </row>
    <row r="649213" spans="8:8">
      <c r="H649213" s="12"/>
    </row>
    <row r="649214" spans="8:8">
      <c r="H649214" s="12"/>
    </row>
    <row r="649215" spans="8:8">
      <c r="H649215" s="12"/>
    </row>
    <row r="649216" spans="8:8">
      <c r="H649216" s="12"/>
    </row>
    <row r="649217" spans="8:8">
      <c r="H649217" s="12"/>
    </row>
    <row r="649218" spans="8:8">
      <c r="H649218" s="12"/>
    </row>
    <row r="649219" spans="8:8">
      <c r="H649219" s="12"/>
    </row>
    <row r="649220" spans="8:8">
      <c r="H649220" s="12"/>
    </row>
    <row r="649221" spans="8:8">
      <c r="H649221" s="12"/>
    </row>
    <row r="649222" spans="8:8">
      <c r="H649222" s="12"/>
    </row>
    <row r="649223" spans="8:8">
      <c r="H649223" s="12"/>
    </row>
    <row r="649224" spans="8:8">
      <c r="H649224" s="12"/>
    </row>
    <row r="649225" spans="8:8">
      <c r="H649225" s="12"/>
    </row>
    <row r="649226" spans="8:8">
      <c r="H649226" s="12"/>
    </row>
    <row r="649227" spans="8:8">
      <c r="H649227" s="12"/>
    </row>
    <row r="649228" spans="8:8">
      <c r="H649228" s="12"/>
    </row>
    <row r="649229" spans="8:8">
      <c r="H649229" s="12"/>
    </row>
    <row r="649230" spans="8:8">
      <c r="H649230" s="12"/>
    </row>
    <row r="649231" spans="8:8">
      <c r="H649231" s="12"/>
    </row>
    <row r="649232" spans="8:8">
      <c r="H649232" s="12"/>
    </row>
    <row r="649233" spans="8:8">
      <c r="H649233" s="12"/>
    </row>
    <row r="649234" spans="8:8">
      <c r="H649234" s="12"/>
    </row>
    <row r="649235" spans="8:8">
      <c r="H649235" s="12"/>
    </row>
    <row r="649236" spans="8:8">
      <c r="H649236" s="12"/>
    </row>
    <row r="649237" spans="8:8">
      <c r="H649237" s="12"/>
    </row>
    <row r="649238" spans="8:8">
      <c r="H649238" s="12"/>
    </row>
    <row r="649239" spans="8:8">
      <c r="H649239" s="12"/>
    </row>
    <row r="649240" spans="8:8">
      <c r="H649240" s="12"/>
    </row>
    <row r="649241" spans="8:8">
      <c r="H649241" s="12"/>
    </row>
    <row r="649242" spans="8:8">
      <c r="H649242" s="12"/>
    </row>
    <row r="649243" spans="8:8">
      <c r="H649243" s="12"/>
    </row>
    <row r="649244" spans="8:8">
      <c r="H649244" s="12"/>
    </row>
    <row r="649245" spans="8:8">
      <c r="H649245" s="12"/>
    </row>
    <row r="649246" spans="8:8">
      <c r="H649246" s="12"/>
    </row>
    <row r="649247" spans="8:8">
      <c r="H649247" s="12"/>
    </row>
    <row r="649248" spans="8:8">
      <c r="H649248" s="12"/>
    </row>
    <row r="649249" spans="8:8">
      <c r="H649249" s="12"/>
    </row>
    <row r="649250" spans="8:8">
      <c r="H649250" s="12"/>
    </row>
    <row r="649251" spans="8:8">
      <c r="H649251" s="12"/>
    </row>
    <row r="649252" spans="8:8">
      <c r="H649252" s="12"/>
    </row>
    <row r="649253" spans="8:8">
      <c r="H649253" s="12"/>
    </row>
    <row r="649254" spans="8:8">
      <c r="H649254" s="12"/>
    </row>
    <row r="649255" spans="8:8">
      <c r="H649255" s="12"/>
    </row>
    <row r="649256" spans="8:8">
      <c r="H649256" s="12"/>
    </row>
    <row r="649257" spans="8:8">
      <c r="H649257" s="12"/>
    </row>
    <row r="649258" spans="8:8">
      <c r="H649258" s="12"/>
    </row>
    <row r="649259" spans="8:8">
      <c r="H649259" s="12"/>
    </row>
    <row r="649260" spans="8:8">
      <c r="H649260" s="12"/>
    </row>
    <row r="649261" spans="8:8">
      <c r="H649261" s="12"/>
    </row>
    <row r="649262" spans="8:8">
      <c r="H649262" s="12"/>
    </row>
    <row r="649263" spans="8:8">
      <c r="H649263" s="12"/>
    </row>
    <row r="649264" spans="8:8">
      <c r="H649264" s="12"/>
    </row>
    <row r="649265" spans="8:8">
      <c r="H649265" s="12"/>
    </row>
    <row r="649266" spans="8:8">
      <c r="H649266" s="12"/>
    </row>
    <row r="649267" spans="8:8">
      <c r="H649267" s="12"/>
    </row>
    <row r="649268" spans="8:8">
      <c r="H649268" s="12"/>
    </row>
    <row r="649269" spans="8:8">
      <c r="H649269" s="12"/>
    </row>
    <row r="649270" spans="8:8">
      <c r="H649270" s="12"/>
    </row>
    <row r="649271" spans="8:8">
      <c r="H649271" s="12"/>
    </row>
    <row r="649272" spans="8:8">
      <c r="H649272" s="12"/>
    </row>
    <row r="649273" spans="8:8">
      <c r="H649273" s="12"/>
    </row>
    <row r="649274" spans="8:8">
      <c r="H649274" s="12"/>
    </row>
    <row r="649275" spans="8:8">
      <c r="H649275" s="12"/>
    </row>
    <row r="649276" spans="8:8">
      <c r="H649276" s="12"/>
    </row>
    <row r="649277" spans="8:8">
      <c r="H649277" s="12"/>
    </row>
    <row r="649278" spans="8:8">
      <c r="H649278" s="12"/>
    </row>
    <row r="649279" spans="8:8">
      <c r="H649279" s="12"/>
    </row>
    <row r="649280" spans="8:8">
      <c r="H649280" s="12"/>
    </row>
    <row r="649281" spans="8:8">
      <c r="H649281" s="12"/>
    </row>
    <row r="649282" spans="8:8">
      <c r="H649282" s="12"/>
    </row>
    <row r="649283" spans="8:8">
      <c r="H649283" s="12"/>
    </row>
    <row r="649284" spans="8:8">
      <c r="H649284" s="12"/>
    </row>
    <row r="649285" spans="8:8">
      <c r="H649285" s="12"/>
    </row>
    <row r="649286" spans="8:8">
      <c r="H649286" s="12"/>
    </row>
    <row r="649287" spans="8:8">
      <c r="H649287" s="12"/>
    </row>
    <row r="649288" spans="8:8">
      <c r="H649288" s="12"/>
    </row>
    <row r="649289" spans="8:8">
      <c r="H649289" s="12"/>
    </row>
    <row r="649290" spans="8:8">
      <c r="H649290" s="12"/>
    </row>
    <row r="649291" spans="8:8">
      <c r="H649291" s="12"/>
    </row>
    <row r="649292" spans="8:8">
      <c r="H649292" s="12"/>
    </row>
    <row r="649293" spans="8:8">
      <c r="H649293" s="12"/>
    </row>
    <row r="649294" spans="8:8">
      <c r="H649294" s="12"/>
    </row>
    <row r="649295" spans="8:8">
      <c r="H649295" s="12"/>
    </row>
    <row r="649296" spans="8:8">
      <c r="H649296" s="12"/>
    </row>
    <row r="649297" spans="8:8">
      <c r="H649297" s="12"/>
    </row>
    <row r="649298" spans="8:8">
      <c r="H649298" s="12"/>
    </row>
    <row r="649299" spans="8:8">
      <c r="H649299" s="12"/>
    </row>
    <row r="649300" spans="8:8">
      <c r="H649300" s="12"/>
    </row>
    <row r="649301" spans="8:8">
      <c r="H649301" s="12"/>
    </row>
    <row r="649302" spans="8:8">
      <c r="H649302" s="12"/>
    </row>
    <row r="649303" spans="8:8">
      <c r="H649303" s="12"/>
    </row>
    <row r="649304" spans="8:8">
      <c r="H649304" s="12"/>
    </row>
    <row r="649305" spans="8:8">
      <c r="H649305" s="12"/>
    </row>
    <row r="649306" spans="8:8">
      <c r="H649306" s="12"/>
    </row>
    <row r="649307" spans="8:8">
      <c r="H649307" s="12"/>
    </row>
    <row r="649308" spans="8:8">
      <c r="H649308" s="12"/>
    </row>
    <row r="649309" spans="8:8">
      <c r="H649309" s="12"/>
    </row>
    <row r="649310" spans="8:8">
      <c r="H649310" s="12"/>
    </row>
    <row r="649311" spans="8:8">
      <c r="H649311" s="12"/>
    </row>
    <row r="649312" spans="8:8">
      <c r="H649312" s="12"/>
    </row>
    <row r="649313" spans="8:8">
      <c r="H649313" s="12"/>
    </row>
    <row r="649314" spans="8:8">
      <c r="H649314" s="12"/>
    </row>
    <row r="649315" spans="8:8">
      <c r="H649315" s="12"/>
    </row>
    <row r="649316" spans="8:8">
      <c r="H649316" s="12"/>
    </row>
    <row r="649317" spans="8:8">
      <c r="H649317" s="12"/>
    </row>
    <row r="649318" spans="8:8">
      <c r="H649318" s="12"/>
    </row>
    <row r="649319" spans="8:8">
      <c r="H649319" s="12"/>
    </row>
    <row r="649320" spans="8:8">
      <c r="H649320" s="12"/>
    </row>
    <row r="649321" spans="8:8">
      <c r="H649321" s="12"/>
    </row>
    <row r="649322" spans="8:8">
      <c r="H649322" s="12"/>
    </row>
    <row r="649323" spans="8:8">
      <c r="H649323" s="12"/>
    </row>
    <row r="649324" spans="8:8">
      <c r="H649324" s="12"/>
    </row>
    <row r="649325" spans="8:8">
      <c r="H649325" s="12"/>
    </row>
    <row r="649326" spans="8:8">
      <c r="H649326" s="12"/>
    </row>
    <row r="649327" spans="8:8">
      <c r="H649327" s="12"/>
    </row>
    <row r="649328" spans="8:8">
      <c r="H649328" s="12"/>
    </row>
    <row r="649329" spans="8:8">
      <c r="H649329" s="12"/>
    </row>
    <row r="649330" spans="8:8">
      <c r="H649330" s="12"/>
    </row>
    <row r="649331" spans="8:8">
      <c r="H649331" s="12"/>
    </row>
    <row r="649332" spans="8:8">
      <c r="H649332" s="12"/>
    </row>
    <row r="649333" spans="8:8">
      <c r="H649333" s="12"/>
    </row>
    <row r="649334" spans="8:8">
      <c r="H649334" s="12"/>
    </row>
    <row r="649335" spans="8:8">
      <c r="H649335" s="12"/>
    </row>
    <row r="649336" spans="8:8">
      <c r="H649336" s="12"/>
    </row>
    <row r="649337" spans="8:8">
      <c r="H649337" s="12"/>
    </row>
    <row r="649338" spans="8:8">
      <c r="H649338" s="12"/>
    </row>
    <row r="649339" spans="8:8">
      <c r="H649339" s="12"/>
    </row>
    <row r="649340" spans="8:8">
      <c r="H649340" s="12"/>
    </row>
    <row r="649341" spans="8:8">
      <c r="H649341" s="12"/>
    </row>
    <row r="649342" spans="8:8">
      <c r="H649342" s="12"/>
    </row>
    <row r="649343" spans="8:8">
      <c r="H649343" s="12"/>
    </row>
    <row r="649344" spans="8:8">
      <c r="H649344" s="12"/>
    </row>
    <row r="649345" spans="8:8">
      <c r="H649345" s="12"/>
    </row>
    <row r="649346" spans="8:8">
      <c r="H649346" s="12"/>
    </row>
    <row r="649347" spans="8:8">
      <c r="H649347" s="12"/>
    </row>
    <row r="649348" spans="8:8">
      <c r="H649348" s="12"/>
    </row>
    <row r="649349" spans="8:8">
      <c r="H649349" s="12"/>
    </row>
    <row r="649350" spans="8:8">
      <c r="H649350" s="12"/>
    </row>
    <row r="649351" spans="8:8">
      <c r="H649351" s="12"/>
    </row>
    <row r="649352" spans="8:8">
      <c r="H649352" s="12"/>
    </row>
    <row r="649353" spans="8:8">
      <c r="H649353" s="12"/>
    </row>
    <row r="649354" spans="8:8">
      <c r="H649354" s="12"/>
    </row>
    <row r="649355" spans="8:8">
      <c r="H649355" s="12"/>
    </row>
    <row r="649356" spans="8:8">
      <c r="H649356" s="12"/>
    </row>
    <row r="649357" spans="8:8">
      <c r="H649357" s="12"/>
    </row>
    <row r="649358" spans="8:8">
      <c r="H649358" s="12"/>
    </row>
    <row r="649359" spans="8:8">
      <c r="H649359" s="12"/>
    </row>
    <row r="649360" spans="8:8">
      <c r="H649360" s="12"/>
    </row>
    <row r="649361" spans="8:8">
      <c r="H649361" s="12"/>
    </row>
    <row r="649362" spans="8:8">
      <c r="H649362" s="12"/>
    </row>
    <row r="649363" spans="8:8">
      <c r="H649363" s="12"/>
    </row>
    <row r="649364" spans="8:8">
      <c r="H649364" s="12"/>
    </row>
    <row r="649365" spans="8:8">
      <c r="H649365" s="12"/>
    </row>
    <row r="649366" spans="8:8">
      <c r="H649366" s="12"/>
    </row>
    <row r="649367" spans="8:8">
      <c r="H649367" s="12"/>
    </row>
    <row r="649368" spans="8:8">
      <c r="H649368" s="12"/>
    </row>
    <row r="649369" spans="8:8">
      <c r="H649369" s="12"/>
    </row>
    <row r="649370" spans="8:8">
      <c r="H649370" s="12"/>
    </row>
    <row r="649371" spans="8:8">
      <c r="H649371" s="12"/>
    </row>
    <row r="649372" spans="8:8">
      <c r="H649372" s="12"/>
    </row>
    <row r="649373" spans="8:8">
      <c r="H649373" s="12"/>
    </row>
    <row r="649374" spans="8:8">
      <c r="H649374" s="12"/>
    </row>
    <row r="649375" spans="8:8">
      <c r="H649375" s="12"/>
    </row>
    <row r="649376" spans="8:8">
      <c r="H649376" s="12"/>
    </row>
    <row r="649377" spans="8:8">
      <c r="H649377" s="12"/>
    </row>
    <row r="649378" spans="8:8">
      <c r="H649378" s="12"/>
    </row>
    <row r="649379" spans="8:8">
      <c r="H649379" s="12"/>
    </row>
    <row r="649380" spans="8:8">
      <c r="H649380" s="12"/>
    </row>
    <row r="649381" spans="8:8">
      <c r="H649381" s="12"/>
    </row>
    <row r="649382" spans="8:8">
      <c r="H649382" s="12"/>
    </row>
    <row r="649383" spans="8:8">
      <c r="H649383" s="12"/>
    </row>
    <row r="649384" spans="8:8">
      <c r="H649384" s="12"/>
    </row>
    <row r="649385" spans="8:8">
      <c r="H649385" s="12"/>
    </row>
    <row r="649386" spans="8:8">
      <c r="H649386" s="12"/>
    </row>
    <row r="649387" spans="8:8">
      <c r="H649387" s="12"/>
    </row>
    <row r="649388" spans="8:8">
      <c r="H649388" s="12"/>
    </row>
    <row r="649389" spans="8:8">
      <c r="H649389" s="12"/>
    </row>
    <row r="649390" spans="8:8">
      <c r="H649390" s="12"/>
    </row>
    <row r="649391" spans="8:8">
      <c r="H649391" s="12"/>
    </row>
    <row r="649392" spans="8:8">
      <c r="H649392" s="12"/>
    </row>
    <row r="649393" spans="8:8">
      <c r="H649393" s="12"/>
    </row>
    <row r="649394" spans="8:8">
      <c r="H649394" s="12"/>
    </row>
    <row r="649395" spans="8:8">
      <c r="H649395" s="12"/>
    </row>
    <row r="649396" spans="8:8">
      <c r="H649396" s="12"/>
    </row>
    <row r="649397" spans="8:8">
      <c r="H649397" s="12"/>
    </row>
    <row r="649398" spans="8:8">
      <c r="H649398" s="12"/>
    </row>
    <row r="649399" spans="8:8">
      <c r="H649399" s="12"/>
    </row>
    <row r="649400" spans="8:8">
      <c r="H649400" s="12"/>
    </row>
    <row r="649401" spans="8:8">
      <c r="H649401" s="12"/>
    </row>
    <row r="649402" spans="8:8">
      <c r="H649402" s="12"/>
    </row>
    <row r="649403" spans="8:8">
      <c r="H649403" s="12"/>
    </row>
    <row r="649404" spans="8:8">
      <c r="H649404" s="12"/>
    </row>
    <row r="649405" spans="8:8">
      <c r="H649405" s="12"/>
    </row>
    <row r="649406" spans="8:8">
      <c r="H649406" s="12"/>
    </row>
    <row r="649407" spans="8:8">
      <c r="H649407" s="12"/>
    </row>
    <row r="649408" spans="8:8">
      <c r="H649408" s="12"/>
    </row>
    <row r="649409" spans="8:8">
      <c r="H649409" s="12"/>
    </row>
    <row r="649410" spans="8:8">
      <c r="H649410" s="12"/>
    </row>
    <row r="649411" spans="8:8">
      <c r="H649411" s="12"/>
    </row>
    <row r="649412" spans="8:8">
      <c r="H649412" s="12"/>
    </row>
    <row r="649413" spans="8:8">
      <c r="H649413" s="12"/>
    </row>
    <row r="649414" spans="8:8">
      <c r="H649414" s="12"/>
    </row>
    <row r="649415" spans="8:8">
      <c r="H649415" s="12"/>
    </row>
    <row r="649416" spans="8:8">
      <c r="H649416" s="12"/>
    </row>
    <row r="649417" spans="8:8">
      <c r="H649417" s="12"/>
    </row>
    <row r="649418" spans="8:8">
      <c r="H649418" s="12"/>
    </row>
    <row r="649419" spans="8:8">
      <c r="H649419" s="12"/>
    </row>
    <row r="649420" spans="8:8">
      <c r="H649420" s="12"/>
    </row>
    <row r="649421" spans="8:8">
      <c r="H649421" s="12"/>
    </row>
    <row r="649422" spans="8:8">
      <c r="H649422" s="12"/>
    </row>
    <row r="649423" spans="8:8">
      <c r="H649423" s="12"/>
    </row>
    <row r="649424" spans="8:8">
      <c r="H649424" s="12"/>
    </row>
    <row r="649425" spans="8:8">
      <c r="H649425" s="12"/>
    </row>
    <row r="649426" spans="8:8">
      <c r="H649426" s="12"/>
    </row>
    <row r="649427" spans="8:8">
      <c r="H649427" s="12"/>
    </row>
    <row r="649428" spans="8:8">
      <c r="H649428" s="12"/>
    </row>
    <row r="649429" spans="8:8">
      <c r="H649429" s="12"/>
    </row>
    <row r="649430" spans="8:8">
      <c r="H649430" s="12"/>
    </row>
    <row r="649431" spans="8:8">
      <c r="H649431" s="12"/>
    </row>
    <row r="649432" spans="8:8">
      <c r="H649432" s="12"/>
    </row>
    <row r="649433" spans="8:8">
      <c r="H649433" s="12"/>
    </row>
    <row r="649434" spans="8:8">
      <c r="H649434" s="12"/>
    </row>
    <row r="649435" spans="8:8">
      <c r="H649435" s="12"/>
    </row>
    <row r="649436" spans="8:8">
      <c r="H649436" s="12"/>
    </row>
    <row r="649437" spans="8:8">
      <c r="H649437" s="12"/>
    </row>
    <row r="649438" spans="8:8">
      <c r="H649438" s="12"/>
    </row>
    <row r="649439" spans="8:8">
      <c r="H649439" s="12"/>
    </row>
    <row r="649440" spans="8:8">
      <c r="H649440" s="12"/>
    </row>
    <row r="649441" spans="8:8">
      <c r="H649441" s="12"/>
    </row>
    <row r="649442" spans="8:8">
      <c r="H649442" s="12"/>
    </row>
    <row r="649443" spans="8:8">
      <c r="H649443" s="12"/>
    </row>
    <row r="649444" spans="8:8">
      <c r="H649444" s="12"/>
    </row>
    <row r="649445" spans="8:8">
      <c r="H649445" s="12"/>
    </row>
    <row r="649446" spans="8:8">
      <c r="H649446" s="12"/>
    </row>
    <row r="649447" spans="8:8">
      <c r="H649447" s="12"/>
    </row>
    <row r="649448" spans="8:8">
      <c r="H649448" s="12"/>
    </row>
    <row r="649449" spans="8:8">
      <c r="H649449" s="12"/>
    </row>
    <row r="649450" spans="8:8">
      <c r="H649450" s="12"/>
    </row>
    <row r="649451" spans="8:8">
      <c r="H649451" s="12"/>
    </row>
    <row r="649452" spans="8:8">
      <c r="H649452" s="12"/>
    </row>
    <row r="649453" spans="8:8">
      <c r="H649453" s="12"/>
    </row>
    <row r="649454" spans="8:8">
      <c r="H649454" s="12"/>
    </row>
    <row r="649455" spans="8:8">
      <c r="H649455" s="12"/>
    </row>
    <row r="649456" spans="8:8">
      <c r="H649456" s="12"/>
    </row>
    <row r="649457" spans="8:8">
      <c r="H649457" s="12"/>
    </row>
    <row r="649458" spans="8:8">
      <c r="H649458" s="12"/>
    </row>
    <row r="649459" spans="8:8">
      <c r="H649459" s="12"/>
    </row>
    <row r="649460" spans="8:8">
      <c r="H649460" s="12"/>
    </row>
    <row r="649461" spans="8:8">
      <c r="H649461" s="12"/>
    </row>
    <row r="649462" spans="8:8">
      <c r="H649462" s="12"/>
    </row>
    <row r="649463" spans="8:8">
      <c r="H649463" s="12"/>
    </row>
    <row r="649464" spans="8:8">
      <c r="H649464" s="12"/>
    </row>
    <row r="649465" spans="8:8">
      <c r="H649465" s="12"/>
    </row>
    <row r="649466" spans="8:8">
      <c r="H649466" s="12"/>
    </row>
    <row r="649467" spans="8:8">
      <c r="H649467" s="12"/>
    </row>
    <row r="649468" spans="8:8">
      <c r="H649468" s="12"/>
    </row>
    <row r="649469" spans="8:8">
      <c r="H649469" s="12"/>
    </row>
    <row r="649470" spans="8:8">
      <c r="H649470" s="12"/>
    </row>
    <row r="649471" spans="8:8">
      <c r="H649471" s="12"/>
    </row>
    <row r="649472" spans="8:8">
      <c r="H649472" s="12"/>
    </row>
    <row r="649473" spans="8:8">
      <c r="H649473" s="12"/>
    </row>
    <row r="649474" spans="8:8">
      <c r="H649474" s="12"/>
    </row>
    <row r="649475" spans="8:8">
      <c r="H649475" s="12"/>
    </row>
    <row r="649476" spans="8:8">
      <c r="H649476" s="12"/>
    </row>
    <row r="649477" spans="8:8">
      <c r="H649477" s="12"/>
    </row>
    <row r="649478" spans="8:8">
      <c r="H649478" s="12"/>
    </row>
    <row r="649479" spans="8:8">
      <c r="H649479" s="12"/>
    </row>
    <row r="649480" spans="8:8">
      <c r="H649480" s="12"/>
    </row>
    <row r="649481" spans="8:8">
      <c r="H649481" s="12"/>
    </row>
    <row r="649482" spans="8:8">
      <c r="H649482" s="12"/>
    </row>
    <row r="649483" spans="8:8">
      <c r="H649483" s="12"/>
    </row>
    <row r="649484" spans="8:8">
      <c r="H649484" s="12"/>
    </row>
    <row r="649485" spans="8:8">
      <c r="H649485" s="12"/>
    </row>
    <row r="649486" spans="8:8">
      <c r="H649486" s="12"/>
    </row>
    <row r="649487" spans="8:8">
      <c r="H649487" s="12"/>
    </row>
    <row r="649488" spans="8:8">
      <c r="H649488" s="12"/>
    </row>
    <row r="649489" spans="8:8">
      <c r="H649489" s="12"/>
    </row>
    <row r="649490" spans="8:8">
      <c r="H649490" s="12"/>
    </row>
    <row r="649491" spans="8:8">
      <c r="H649491" s="12"/>
    </row>
    <row r="649492" spans="8:8">
      <c r="H649492" s="12"/>
    </row>
    <row r="649493" spans="8:8">
      <c r="H649493" s="12"/>
    </row>
    <row r="649494" spans="8:8">
      <c r="H649494" s="12"/>
    </row>
    <row r="649495" spans="8:8">
      <c r="H649495" s="12"/>
    </row>
    <row r="649496" spans="8:8">
      <c r="H649496" s="12"/>
    </row>
    <row r="649497" spans="8:8">
      <c r="H649497" s="12"/>
    </row>
    <row r="649498" spans="8:8">
      <c r="H649498" s="12"/>
    </row>
    <row r="649499" spans="8:8">
      <c r="H649499" s="12"/>
    </row>
    <row r="649500" spans="8:8">
      <c r="H649500" s="12"/>
    </row>
    <row r="649501" spans="8:8">
      <c r="H649501" s="12"/>
    </row>
    <row r="649502" spans="8:8">
      <c r="H649502" s="12"/>
    </row>
    <row r="649503" spans="8:8">
      <c r="H649503" s="12"/>
    </row>
    <row r="649504" spans="8:8">
      <c r="H649504" s="12"/>
    </row>
    <row r="649505" spans="8:8">
      <c r="H649505" s="12"/>
    </row>
    <row r="649506" spans="8:8">
      <c r="H649506" s="12"/>
    </row>
    <row r="649507" spans="8:8">
      <c r="H649507" s="12"/>
    </row>
    <row r="649508" spans="8:8">
      <c r="H649508" s="12"/>
    </row>
    <row r="649509" spans="8:8">
      <c r="H649509" s="12"/>
    </row>
    <row r="649510" spans="8:8">
      <c r="H649510" s="12"/>
    </row>
    <row r="649511" spans="8:8">
      <c r="H649511" s="12"/>
    </row>
    <row r="649512" spans="8:8">
      <c r="H649512" s="12"/>
    </row>
    <row r="649513" spans="8:8">
      <c r="H649513" s="12"/>
    </row>
    <row r="649514" spans="8:8">
      <c r="H649514" s="12"/>
    </row>
    <row r="649515" spans="8:8">
      <c r="H649515" s="12"/>
    </row>
    <row r="649516" spans="8:8">
      <c r="H649516" s="12"/>
    </row>
    <row r="649517" spans="8:8">
      <c r="H649517" s="12"/>
    </row>
    <row r="649518" spans="8:8">
      <c r="H649518" s="12"/>
    </row>
    <row r="649519" spans="8:8">
      <c r="H649519" s="12"/>
    </row>
    <row r="649520" spans="8:8">
      <c r="H649520" s="12"/>
    </row>
    <row r="649521" spans="8:8">
      <c r="H649521" s="12"/>
    </row>
    <row r="649522" spans="8:8">
      <c r="H649522" s="12"/>
    </row>
    <row r="649523" spans="8:8">
      <c r="H649523" s="12"/>
    </row>
    <row r="649524" spans="8:8">
      <c r="H649524" s="12"/>
    </row>
    <row r="649525" spans="8:8">
      <c r="H649525" s="12"/>
    </row>
    <row r="649526" spans="8:8">
      <c r="H649526" s="12"/>
    </row>
    <row r="649527" spans="8:8">
      <c r="H649527" s="12"/>
    </row>
    <row r="649528" spans="8:8">
      <c r="H649528" s="12"/>
    </row>
    <row r="649529" spans="8:8">
      <c r="H649529" s="12"/>
    </row>
    <row r="649530" spans="8:8">
      <c r="H649530" s="12"/>
    </row>
    <row r="649531" spans="8:8">
      <c r="H649531" s="12"/>
    </row>
    <row r="649532" spans="8:8">
      <c r="H649532" s="12"/>
    </row>
    <row r="649533" spans="8:8">
      <c r="H649533" s="12"/>
    </row>
    <row r="649534" spans="8:8">
      <c r="H649534" s="12"/>
    </row>
    <row r="649535" spans="8:8">
      <c r="H649535" s="12"/>
    </row>
    <row r="649536" spans="8:8">
      <c r="H649536" s="12"/>
    </row>
    <row r="649537" spans="8:8">
      <c r="H649537" s="12"/>
    </row>
    <row r="649538" spans="8:8">
      <c r="H649538" s="12"/>
    </row>
    <row r="649539" spans="8:8">
      <c r="H649539" s="12"/>
    </row>
    <row r="649540" spans="8:8">
      <c r="H649540" s="12"/>
    </row>
    <row r="649541" spans="8:8">
      <c r="H649541" s="12"/>
    </row>
    <row r="649542" spans="8:8">
      <c r="H649542" s="12"/>
    </row>
    <row r="649543" spans="8:8">
      <c r="H649543" s="12"/>
    </row>
    <row r="649544" spans="8:8">
      <c r="H649544" s="12"/>
    </row>
    <row r="649545" spans="8:8">
      <c r="H649545" s="12"/>
    </row>
    <row r="649546" spans="8:8">
      <c r="H649546" s="12"/>
    </row>
    <row r="649547" spans="8:8">
      <c r="H649547" s="12"/>
    </row>
    <row r="649548" spans="8:8">
      <c r="H649548" s="12"/>
    </row>
    <row r="649549" spans="8:8">
      <c r="H649549" s="12"/>
    </row>
    <row r="649550" spans="8:8">
      <c r="H649550" s="12"/>
    </row>
    <row r="649551" spans="8:8">
      <c r="H649551" s="12"/>
    </row>
    <row r="649552" spans="8:8">
      <c r="H649552" s="12"/>
    </row>
    <row r="649553" spans="8:8">
      <c r="H649553" s="12"/>
    </row>
    <row r="649554" spans="8:8">
      <c r="H649554" s="12"/>
    </row>
    <row r="649555" spans="8:8">
      <c r="H649555" s="12"/>
    </row>
    <row r="649556" spans="8:8">
      <c r="H649556" s="12"/>
    </row>
    <row r="649557" spans="8:8">
      <c r="H649557" s="12"/>
    </row>
    <row r="649558" spans="8:8">
      <c r="H649558" s="12"/>
    </row>
    <row r="649559" spans="8:8">
      <c r="H649559" s="12"/>
    </row>
    <row r="649560" spans="8:8">
      <c r="H649560" s="12"/>
    </row>
    <row r="649561" spans="8:8">
      <c r="H649561" s="12"/>
    </row>
    <row r="649562" spans="8:8">
      <c r="H649562" s="12"/>
    </row>
    <row r="649563" spans="8:8">
      <c r="H649563" s="12"/>
    </row>
    <row r="649564" spans="8:8">
      <c r="H649564" s="12"/>
    </row>
    <row r="649565" spans="8:8">
      <c r="H649565" s="12"/>
    </row>
    <row r="649566" spans="8:8">
      <c r="H649566" s="12"/>
    </row>
    <row r="649567" spans="8:8">
      <c r="H649567" s="12"/>
    </row>
    <row r="649568" spans="8:8">
      <c r="H649568" s="12"/>
    </row>
    <row r="649569" spans="8:8">
      <c r="H649569" s="12"/>
    </row>
    <row r="649570" spans="8:8">
      <c r="H649570" s="12"/>
    </row>
    <row r="649571" spans="8:8">
      <c r="H649571" s="12"/>
    </row>
    <row r="649572" spans="8:8">
      <c r="H649572" s="12"/>
    </row>
    <row r="649573" spans="8:8">
      <c r="H649573" s="12"/>
    </row>
    <row r="649574" spans="8:8">
      <c r="H649574" s="12"/>
    </row>
    <row r="649575" spans="8:8">
      <c r="H649575" s="12"/>
    </row>
    <row r="649576" spans="8:8">
      <c r="H649576" s="12"/>
    </row>
    <row r="649577" spans="8:8">
      <c r="H649577" s="12"/>
    </row>
    <row r="649578" spans="8:8">
      <c r="H649578" s="12"/>
    </row>
    <row r="649579" spans="8:8">
      <c r="H649579" s="12"/>
    </row>
    <row r="649580" spans="8:8">
      <c r="H649580" s="12"/>
    </row>
    <row r="649581" spans="8:8">
      <c r="H649581" s="12"/>
    </row>
    <row r="649582" spans="8:8">
      <c r="H649582" s="12"/>
    </row>
    <row r="649583" spans="8:8">
      <c r="H649583" s="12"/>
    </row>
    <row r="649584" spans="8:8">
      <c r="H649584" s="12"/>
    </row>
    <row r="649585" spans="8:8">
      <c r="H649585" s="12"/>
    </row>
    <row r="649586" spans="8:8">
      <c r="H649586" s="12"/>
    </row>
    <row r="649587" spans="8:8">
      <c r="H649587" s="12"/>
    </row>
    <row r="649588" spans="8:8">
      <c r="H649588" s="12"/>
    </row>
    <row r="649589" spans="8:8">
      <c r="H649589" s="12"/>
    </row>
    <row r="649590" spans="8:8">
      <c r="H649590" s="12"/>
    </row>
    <row r="649591" spans="8:8">
      <c r="H649591" s="12"/>
    </row>
    <row r="649592" spans="8:8">
      <c r="H649592" s="12"/>
    </row>
    <row r="649593" spans="8:8">
      <c r="H649593" s="12"/>
    </row>
    <row r="649594" spans="8:8">
      <c r="H649594" s="12"/>
    </row>
    <row r="649595" spans="8:8">
      <c r="H649595" s="12"/>
    </row>
    <row r="649596" spans="8:8">
      <c r="H649596" s="12"/>
    </row>
    <row r="649597" spans="8:8">
      <c r="H649597" s="12"/>
    </row>
    <row r="649598" spans="8:8">
      <c r="H649598" s="12"/>
    </row>
    <row r="649599" spans="8:8">
      <c r="H649599" s="12"/>
    </row>
    <row r="649600" spans="8:8">
      <c r="H649600" s="12"/>
    </row>
    <row r="649601" spans="8:8">
      <c r="H649601" s="12"/>
    </row>
    <row r="649602" spans="8:8">
      <c r="H649602" s="12"/>
    </row>
    <row r="649603" spans="8:8">
      <c r="H649603" s="12"/>
    </row>
    <row r="649604" spans="8:8">
      <c r="H649604" s="12"/>
    </row>
    <row r="649605" spans="8:8">
      <c r="H649605" s="12"/>
    </row>
    <row r="649606" spans="8:8">
      <c r="H649606" s="12"/>
    </row>
    <row r="649607" spans="8:8">
      <c r="H649607" s="12"/>
    </row>
    <row r="649608" spans="8:8">
      <c r="H649608" s="12"/>
    </row>
    <row r="649609" spans="8:8">
      <c r="H649609" s="12"/>
    </row>
    <row r="649610" spans="8:8">
      <c r="H649610" s="12"/>
    </row>
    <row r="649611" spans="8:8">
      <c r="H649611" s="12"/>
    </row>
    <row r="649612" spans="8:8">
      <c r="H649612" s="12"/>
    </row>
    <row r="649613" spans="8:8">
      <c r="H649613" s="12"/>
    </row>
    <row r="649614" spans="8:8">
      <c r="H649614" s="12"/>
    </row>
    <row r="649615" spans="8:8">
      <c r="H649615" s="12"/>
    </row>
    <row r="649616" spans="8:8">
      <c r="H649616" s="12"/>
    </row>
    <row r="649617" spans="8:8">
      <c r="H649617" s="12"/>
    </row>
    <row r="649618" spans="8:8">
      <c r="H649618" s="12"/>
    </row>
    <row r="649619" spans="8:8">
      <c r="H649619" s="12"/>
    </row>
    <row r="649620" spans="8:8">
      <c r="H649620" s="12"/>
    </row>
    <row r="649621" spans="8:8">
      <c r="H649621" s="12"/>
    </row>
    <row r="649622" spans="8:8">
      <c r="H649622" s="12"/>
    </row>
    <row r="649623" spans="8:8">
      <c r="H649623" s="12"/>
    </row>
    <row r="649624" spans="8:8">
      <c r="H649624" s="12"/>
    </row>
    <row r="649625" spans="8:8">
      <c r="H649625" s="12"/>
    </row>
    <row r="649626" spans="8:8">
      <c r="H649626" s="12"/>
    </row>
    <row r="649627" spans="8:8">
      <c r="H649627" s="12"/>
    </row>
    <row r="649628" spans="8:8">
      <c r="H649628" s="12"/>
    </row>
    <row r="649629" spans="8:8">
      <c r="H649629" s="12"/>
    </row>
    <row r="649630" spans="8:8">
      <c r="H649630" s="12"/>
    </row>
    <row r="649631" spans="8:8">
      <c r="H649631" s="12"/>
    </row>
    <row r="649632" spans="8:8">
      <c r="H649632" s="12"/>
    </row>
    <row r="649633" spans="8:8">
      <c r="H649633" s="12"/>
    </row>
    <row r="649634" spans="8:8">
      <c r="H649634" s="12"/>
    </row>
    <row r="649635" spans="8:8">
      <c r="H649635" s="12"/>
    </row>
    <row r="649636" spans="8:8">
      <c r="H649636" s="12"/>
    </row>
    <row r="649637" spans="8:8">
      <c r="H649637" s="12"/>
    </row>
    <row r="649638" spans="8:8">
      <c r="H649638" s="12"/>
    </row>
    <row r="649639" spans="8:8">
      <c r="H649639" s="12"/>
    </row>
    <row r="649640" spans="8:8">
      <c r="H649640" s="12"/>
    </row>
    <row r="649641" spans="8:8">
      <c r="H649641" s="12"/>
    </row>
    <row r="649642" spans="8:8">
      <c r="H649642" s="12"/>
    </row>
    <row r="649643" spans="8:8">
      <c r="H649643" s="12"/>
    </row>
    <row r="649644" spans="8:8">
      <c r="H649644" s="12"/>
    </row>
    <row r="649645" spans="8:8">
      <c r="H649645" s="12"/>
    </row>
    <row r="649646" spans="8:8">
      <c r="H649646" s="12"/>
    </row>
    <row r="649647" spans="8:8">
      <c r="H649647" s="12"/>
    </row>
    <row r="649648" spans="8:8">
      <c r="H649648" s="12"/>
    </row>
    <row r="649649" spans="8:8">
      <c r="H649649" s="12"/>
    </row>
    <row r="649650" spans="8:8">
      <c r="H649650" s="12"/>
    </row>
    <row r="649651" spans="8:8">
      <c r="H649651" s="12"/>
    </row>
    <row r="649652" spans="8:8">
      <c r="H649652" s="12"/>
    </row>
    <row r="649653" spans="8:8">
      <c r="H649653" s="12"/>
    </row>
    <row r="649654" spans="8:8">
      <c r="H649654" s="12"/>
    </row>
    <row r="649655" spans="8:8">
      <c r="H649655" s="12"/>
    </row>
    <row r="649656" spans="8:8">
      <c r="H649656" s="12"/>
    </row>
    <row r="649657" spans="8:8">
      <c r="H649657" s="12"/>
    </row>
    <row r="649658" spans="8:8">
      <c r="H649658" s="12"/>
    </row>
    <row r="649659" spans="8:8">
      <c r="H649659" s="12"/>
    </row>
    <row r="649660" spans="8:8">
      <c r="H649660" s="12"/>
    </row>
    <row r="649661" spans="8:8">
      <c r="H649661" s="12"/>
    </row>
    <row r="649662" spans="8:8">
      <c r="H649662" s="12"/>
    </row>
    <row r="649663" spans="8:8">
      <c r="H649663" s="12"/>
    </row>
    <row r="649664" spans="8:8">
      <c r="H649664" s="12"/>
    </row>
    <row r="649665" spans="8:8">
      <c r="H649665" s="12"/>
    </row>
    <row r="649666" spans="8:8">
      <c r="H649666" s="12"/>
    </row>
    <row r="649667" spans="8:8">
      <c r="H649667" s="12"/>
    </row>
    <row r="649668" spans="8:8">
      <c r="H649668" s="12"/>
    </row>
    <row r="649669" spans="8:8">
      <c r="H649669" s="12"/>
    </row>
    <row r="649670" spans="8:8">
      <c r="H649670" s="12"/>
    </row>
    <row r="649671" spans="8:8">
      <c r="H649671" s="12"/>
    </row>
    <row r="649672" spans="8:8">
      <c r="H649672" s="12"/>
    </row>
    <row r="649673" spans="8:8">
      <c r="H649673" s="12"/>
    </row>
    <row r="649674" spans="8:8">
      <c r="H649674" s="12"/>
    </row>
    <row r="649675" spans="8:8">
      <c r="H649675" s="12"/>
    </row>
    <row r="649676" spans="8:8">
      <c r="H649676" s="12"/>
    </row>
    <row r="649677" spans="8:8">
      <c r="H649677" s="12"/>
    </row>
    <row r="649678" spans="8:8">
      <c r="H649678" s="12"/>
    </row>
    <row r="649679" spans="8:8">
      <c r="H649679" s="12"/>
    </row>
    <row r="649680" spans="8:8">
      <c r="H649680" s="12"/>
    </row>
    <row r="649681" spans="8:8">
      <c r="H649681" s="12"/>
    </row>
    <row r="649682" spans="8:8">
      <c r="H649682" s="12"/>
    </row>
    <row r="649683" spans="8:8">
      <c r="H649683" s="12"/>
    </row>
    <row r="649684" spans="8:8">
      <c r="H649684" s="12"/>
    </row>
    <row r="649685" spans="8:8">
      <c r="H649685" s="12"/>
    </row>
    <row r="649686" spans="8:8">
      <c r="H649686" s="12"/>
    </row>
    <row r="649687" spans="8:8">
      <c r="H649687" s="12"/>
    </row>
    <row r="649688" spans="8:8">
      <c r="H649688" s="12"/>
    </row>
    <row r="649689" spans="8:8">
      <c r="H649689" s="12"/>
    </row>
    <row r="649690" spans="8:8">
      <c r="H649690" s="12"/>
    </row>
    <row r="649691" spans="8:8">
      <c r="H649691" s="12"/>
    </row>
    <row r="649692" spans="8:8">
      <c r="H649692" s="12"/>
    </row>
    <row r="649693" spans="8:8">
      <c r="H649693" s="12"/>
    </row>
    <row r="649694" spans="8:8">
      <c r="H649694" s="12"/>
    </row>
    <row r="649695" spans="8:8">
      <c r="H649695" s="12"/>
    </row>
    <row r="649696" spans="8:8">
      <c r="H649696" s="12"/>
    </row>
    <row r="649697" spans="8:8">
      <c r="H649697" s="12"/>
    </row>
    <row r="649698" spans="8:8">
      <c r="H649698" s="12"/>
    </row>
    <row r="649699" spans="8:8">
      <c r="H649699" s="12"/>
    </row>
    <row r="649700" spans="8:8">
      <c r="H649700" s="12"/>
    </row>
    <row r="649701" spans="8:8">
      <c r="H649701" s="12"/>
    </row>
    <row r="649702" spans="8:8">
      <c r="H649702" s="12"/>
    </row>
    <row r="649703" spans="8:8">
      <c r="H649703" s="12"/>
    </row>
    <row r="649704" spans="8:8">
      <c r="H649704" s="12"/>
    </row>
    <row r="649705" spans="8:8">
      <c r="H649705" s="12"/>
    </row>
    <row r="649706" spans="8:8">
      <c r="H649706" s="12"/>
    </row>
    <row r="649707" spans="8:8">
      <c r="H649707" s="12"/>
    </row>
    <row r="649708" spans="8:8">
      <c r="H649708" s="12"/>
    </row>
    <row r="649709" spans="8:8">
      <c r="H649709" s="12"/>
    </row>
    <row r="649710" spans="8:8">
      <c r="H649710" s="12"/>
    </row>
    <row r="649711" spans="8:8">
      <c r="H649711" s="12"/>
    </row>
    <row r="649712" spans="8:8">
      <c r="H649712" s="12"/>
    </row>
    <row r="649713" spans="8:8">
      <c r="H649713" s="12"/>
    </row>
    <row r="649714" spans="8:8">
      <c r="H649714" s="12"/>
    </row>
    <row r="649715" spans="8:8">
      <c r="H649715" s="12"/>
    </row>
    <row r="649716" spans="8:8">
      <c r="H649716" s="12"/>
    </row>
    <row r="649717" spans="8:8">
      <c r="H649717" s="12"/>
    </row>
    <row r="649718" spans="8:8">
      <c r="H649718" s="12"/>
    </row>
    <row r="649719" spans="8:8">
      <c r="H649719" s="12"/>
    </row>
    <row r="649720" spans="8:8">
      <c r="H649720" s="12"/>
    </row>
    <row r="649721" spans="8:8">
      <c r="H649721" s="12"/>
    </row>
    <row r="649722" spans="8:8">
      <c r="H649722" s="12"/>
    </row>
    <row r="649723" spans="8:8">
      <c r="H649723" s="12"/>
    </row>
    <row r="649724" spans="8:8">
      <c r="H649724" s="12"/>
    </row>
    <row r="649725" spans="8:8">
      <c r="H649725" s="12"/>
    </row>
    <row r="649726" spans="8:8">
      <c r="H649726" s="12"/>
    </row>
    <row r="649727" spans="8:8">
      <c r="H649727" s="12"/>
    </row>
    <row r="649728" spans="8:8">
      <c r="H649728" s="12"/>
    </row>
    <row r="649729" spans="8:8">
      <c r="H649729" s="12"/>
    </row>
    <row r="649730" spans="8:8">
      <c r="H649730" s="12"/>
    </row>
    <row r="649731" spans="8:8">
      <c r="H649731" s="12"/>
    </row>
    <row r="649732" spans="8:8">
      <c r="H649732" s="12"/>
    </row>
    <row r="649733" spans="8:8">
      <c r="H649733" s="12"/>
    </row>
    <row r="649734" spans="8:8">
      <c r="H649734" s="12"/>
    </row>
    <row r="649735" spans="8:8">
      <c r="H649735" s="12"/>
    </row>
    <row r="649736" spans="8:8">
      <c r="H649736" s="12"/>
    </row>
    <row r="649737" spans="8:8">
      <c r="H649737" s="12"/>
    </row>
    <row r="649738" spans="8:8">
      <c r="H649738" s="12"/>
    </row>
    <row r="649739" spans="8:8">
      <c r="H649739" s="12"/>
    </row>
    <row r="649740" spans="8:8">
      <c r="H649740" s="12"/>
    </row>
    <row r="649741" spans="8:8">
      <c r="H649741" s="12"/>
    </row>
    <row r="649742" spans="8:8">
      <c r="H649742" s="12"/>
    </row>
    <row r="649743" spans="8:8">
      <c r="H649743" s="12"/>
    </row>
    <row r="649744" spans="8:8">
      <c r="H649744" s="12"/>
    </row>
    <row r="649745" spans="8:8">
      <c r="H649745" s="12"/>
    </row>
    <row r="649746" spans="8:8">
      <c r="H649746" s="12"/>
    </row>
    <row r="649747" spans="8:8">
      <c r="H649747" s="12"/>
    </row>
    <row r="649748" spans="8:8">
      <c r="H649748" s="12"/>
    </row>
    <row r="649749" spans="8:8">
      <c r="H649749" s="12"/>
    </row>
    <row r="649750" spans="8:8">
      <c r="H649750" s="12"/>
    </row>
    <row r="649751" spans="8:8">
      <c r="H649751" s="12"/>
    </row>
    <row r="649752" spans="8:8">
      <c r="H649752" s="12"/>
    </row>
    <row r="649753" spans="8:8">
      <c r="H649753" s="12"/>
    </row>
    <row r="649754" spans="8:8">
      <c r="H649754" s="12"/>
    </row>
    <row r="649755" spans="8:8">
      <c r="H649755" s="12"/>
    </row>
    <row r="649756" spans="8:8">
      <c r="H649756" s="12"/>
    </row>
    <row r="649757" spans="8:8">
      <c r="H649757" s="12"/>
    </row>
    <row r="649758" spans="8:8">
      <c r="H649758" s="12"/>
    </row>
    <row r="649759" spans="8:8">
      <c r="H649759" s="12"/>
    </row>
    <row r="649760" spans="8:8">
      <c r="H649760" s="12"/>
    </row>
    <row r="649761" spans="8:8">
      <c r="H649761" s="12"/>
    </row>
    <row r="649762" spans="8:8">
      <c r="H649762" s="12"/>
    </row>
    <row r="649763" spans="8:8">
      <c r="H649763" s="12"/>
    </row>
    <row r="649764" spans="8:8">
      <c r="H649764" s="12"/>
    </row>
    <row r="649765" spans="8:8">
      <c r="H649765" s="12"/>
    </row>
    <row r="649766" spans="8:8">
      <c r="H649766" s="12"/>
    </row>
    <row r="649767" spans="8:8">
      <c r="H649767" s="12"/>
    </row>
    <row r="649768" spans="8:8">
      <c r="H649768" s="12"/>
    </row>
    <row r="649769" spans="8:8">
      <c r="H649769" s="12"/>
    </row>
    <row r="649770" spans="8:8">
      <c r="H649770" s="12"/>
    </row>
    <row r="649771" spans="8:8">
      <c r="H649771" s="12"/>
    </row>
    <row r="649772" spans="8:8">
      <c r="H649772" s="12"/>
    </row>
    <row r="649773" spans="8:8">
      <c r="H649773" s="12"/>
    </row>
    <row r="649774" spans="8:8">
      <c r="H649774" s="12"/>
    </row>
    <row r="649775" spans="8:8">
      <c r="H649775" s="12"/>
    </row>
    <row r="649776" spans="8:8">
      <c r="H649776" s="12"/>
    </row>
    <row r="649777" spans="8:8">
      <c r="H649777" s="12"/>
    </row>
    <row r="649778" spans="8:8">
      <c r="H649778" s="12"/>
    </row>
    <row r="649779" spans="8:8">
      <c r="H649779" s="12"/>
    </row>
    <row r="649780" spans="8:8">
      <c r="H649780" s="12"/>
    </row>
    <row r="649781" spans="8:8">
      <c r="H649781" s="12"/>
    </row>
    <row r="649782" spans="8:8">
      <c r="H649782" s="12"/>
    </row>
    <row r="649783" spans="8:8">
      <c r="H649783" s="12"/>
    </row>
    <row r="649784" spans="8:8">
      <c r="H649784" s="12"/>
    </row>
    <row r="649785" spans="8:8">
      <c r="H649785" s="12"/>
    </row>
    <row r="649786" spans="8:8">
      <c r="H649786" s="12"/>
    </row>
    <row r="649787" spans="8:8">
      <c r="H649787" s="12"/>
    </row>
    <row r="649788" spans="8:8">
      <c r="H649788" s="12"/>
    </row>
    <row r="649789" spans="8:8">
      <c r="H649789" s="12"/>
    </row>
    <row r="649790" spans="8:8">
      <c r="H649790" s="12"/>
    </row>
    <row r="649791" spans="8:8">
      <c r="H649791" s="12"/>
    </row>
    <row r="649792" spans="8:8">
      <c r="H649792" s="12"/>
    </row>
    <row r="649793" spans="8:8">
      <c r="H649793" s="12"/>
    </row>
    <row r="649794" spans="8:8">
      <c r="H649794" s="12"/>
    </row>
    <row r="649795" spans="8:8">
      <c r="H649795" s="12"/>
    </row>
    <row r="649796" spans="8:8">
      <c r="H649796" s="12"/>
    </row>
    <row r="649797" spans="8:8">
      <c r="H649797" s="12"/>
    </row>
    <row r="649798" spans="8:8">
      <c r="H649798" s="12"/>
    </row>
    <row r="649799" spans="8:8">
      <c r="H649799" s="12"/>
    </row>
    <row r="649800" spans="8:8">
      <c r="H649800" s="12"/>
    </row>
    <row r="649801" spans="8:8">
      <c r="H649801" s="12"/>
    </row>
    <row r="649802" spans="8:8">
      <c r="H649802" s="12"/>
    </row>
    <row r="649803" spans="8:8">
      <c r="H649803" s="12"/>
    </row>
    <row r="649804" spans="8:8">
      <c r="H649804" s="12"/>
    </row>
    <row r="649805" spans="8:8">
      <c r="H649805" s="12"/>
    </row>
    <row r="649806" spans="8:8">
      <c r="H649806" s="12"/>
    </row>
    <row r="649807" spans="8:8">
      <c r="H649807" s="12"/>
    </row>
    <row r="649808" spans="8:8">
      <c r="H649808" s="12"/>
    </row>
    <row r="649809" spans="8:8">
      <c r="H649809" s="12"/>
    </row>
    <row r="649810" spans="8:8">
      <c r="H649810" s="12"/>
    </row>
    <row r="649811" spans="8:8">
      <c r="H649811" s="12"/>
    </row>
    <row r="649812" spans="8:8">
      <c r="H649812" s="12"/>
    </row>
    <row r="649813" spans="8:8">
      <c r="H649813" s="12"/>
    </row>
    <row r="649814" spans="8:8">
      <c r="H649814" s="12"/>
    </row>
    <row r="649815" spans="8:8">
      <c r="H649815" s="12"/>
    </row>
    <row r="649816" spans="8:8">
      <c r="H649816" s="12"/>
    </row>
    <row r="649817" spans="8:8">
      <c r="H649817" s="12"/>
    </row>
    <row r="649818" spans="8:8">
      <c r="H649818" s="12"/>
    </row>
    <row r="649819" spans="8:8">
      <c r="H649819" s="12"/>
    </row>
    <row r="649820" spans="8:8">
      <c r="H649820" s="12"/>
    </row>
    <row r="649821" spans="8:8">
      <c r="H649821" s="12"/>
    </row>
    <row r="649822" spans="8:8">
      <c r="H649822" s="12"/>
    </row>
    <row r="649823" spans="8:8">
      <c r="H649823" s="12"/>
    </row>
    <row r="649824" spans="8:8">
      <c r="H649824" s="12"/>
    </row>
    <row r="649825" spans="8:8">
      <c r="H649825" s="12"/>
    </row>
    <row r="649826" spans="8:8">
      <c r="H649826" s="12"/>
    </row>
    <row r="649827" spans="8:8">
      <c r="H649827" s="12"/>
    </row>
    <row r="649828" spans="8:8">
      <c r="H649828" s="12"/>
    </row>
    <row r="649829" spans="8:8">
      <c r="H649829" s="12"/>
    </row>
    <row r="649830" spans="8:8">
      <c r="H649830" s="12"/>
    </row>
    <row r="649831" spans="8:8">
      <c r="H649831" s="12"/>
    </row>
    <row r="649832" spans="8:8">
      <c r="H649832" s="12"/>
    </row>
    <row r="649833" spans="8:8">
      <c r="H649833" s="12"/>
    </row>
    <row r="649834" spans="8:8">
      <c r="H649834" s="12"/>
    </row>
    <row r="649835" spans="8:8">
      <c r="H649835" s="12"/>
    </row>
    <row r="649836" spans="8:8">
      <c r="H649836" s="12"/>
    </row>
    <row r="649837" spans="8:8">
      <c r="H649837" s="12"/>
    </row>
    <row r="649838" spans="8:8">
      <c r="H649838" s="12"/>
    </row>
    <row r="649839" spans="8:8">
      <c r="H649839" s="12"/>
    </row>
    <row r="649840" spans="8:8">
      <c r="H649840" s="12"/>
    </row>
    <row r="649841" spans="8:8">
      <c r="H649841" s="12"/>
    </row>
    <row r="649842" spans="8:8">
      <c r="H649842" s="12"/>
    </row>
    <row r="649843" spans="8:8">
      <c r="H649843" s="12"/>
    </row>
    <row r="649844" spans="8:8">
      <c r="H649844" s="12"/>
    </row>
    <row r="649845" spans="8:8">
      <c r="H649845" s="12"/>
    </row>
    <row r="649846" spans="8:8">
      <c r="H649846" s="12"/>
    </row>
    <row r="649847" spans="8:8">
      <c r="H649847" s="12"/>
    </row>
    <row r="649848" spans="8:8">
      <c r="H649848" s="12"/>
    </row>
    <row r="649849" spans="8:8">
      <c r="H649849" s="12"/>
    </row>
    <row r="649850" spans="8:8">
      <c r="H649850" s="12"/>
    </row>
    <row r="649851" spans="8:8">
      <c r="H649851" s="12"/>
    </row>
    <row r="649852" spans="8:8">
      <c r="H649852" s="12"/>
    </row>
    <row r="649853" spans="8:8">
      <c r="H649853" s="12"/>
    </row>
    <row r="649854" spans="8:8">
      <c r="H649854" s="12"/>
    </row>
    <row r="649855" spans="8:8">
      <c r="H649855" s="12"/>
    </row>
    <row r="649856" spans="8:8">
      <c r="H649856" s="12"/>
    </row>
    <row r="649857" spans="8:8">
      <c r="H649857" s="12"/>
    </row>
    <row r="649858" spans="8:8">
      <c r="H649858" s="12"/>
    </row>
    <row r="649859" spans="8:8">
      <c r="H649859" s="12"/>
    </row>
    <row r="649860" spans="8:8">
      <c r="H649860" s="12"/>
    </row>
    <row r="649861" spans="8:8">
      <c r="H649861" s="12"/>
    </row>
    <row r="649862" spans="8:8">
      <c r="H649862" s="12"/>
    </row>
    <row r="649863" spans="8:8">
      <c r="H649863" s="12"/>
    </row>
    <row r="649864" spans="8:8">
      <c r="H649864" s="12"/>
    </row>
    <row r="649865" spans="8:8">
      <c r="H649865" s="12"/>
    </row>
    <row r="649866" spans="8:8">
      <c r="H649866" s="12"/>
    </row>
    <row r="649867" spans="8:8">
      <c r="H649867" s="12"/>
    </row>
    <row r="649868" spans="8:8">
      <c r="H649868" s="12"/>
    </row>
    <row r="649869" spans="8:8">
      <c r="H649869" s="12"/>
    </row>
    <row r="649870" spans="8:8">
      <c r="H649870" s="12"/>
    </row>
    <row r="649871" spans="8:8">
      <c r="H649871" s="12"/>
    </row>
    <row r="649872" spans="8:8">
      <c r="H649872" s="12"/>
    </row>
    <row r="649873" spans="8:8">
      <c r="H649873" s="12"/>
    </row>
    <row r="649874" spans="8:8">
      <c r="H649874" s="12"/>
    </row>
    <row r="649875" spans="8:8">
      <c r="H649875" s="12"/>
    </row>
    <row r="649876" spans="8:8">
      <c r="H649876" s="12"/>
    </row>
    <row r="649877" spans="8:8">
      <c r="H649877" s="12"/>
    </row>
    <row r="649878" spans="8:8">
      <c r="H649878" s="12"/>
    </row>
    <row r="649879" spans="8:8">
      <c r="H649879" s="12"/>
    </row>
    <row r="649880" spans="8:8">
      <c r="H649880" s="12"/>
    </row>
    <row r="649881" spans="8:8">
      <c r="H649881" s="12"/>
    </row>
    <row r="649882" spans="8:8">
      <c r="H649882" s="12"/>
    </row>
    <row r="649883" spans="8:8">
      <c r="H649883" s="12"/>
    </row>
    <row r="649884" spans="8:8">
      <c r="H649884" s="12"/>
    </row>
    <row r="649885" spans="8:8">
      <c r="H649885" s="12"/>
    </row>
    <row r="649886" spans="8:8">
      <c r="H649886" s="12"/>
    </row>
    <row r="649887" spans="8:8">
      <c r="H649887" s="12"/>
    </row>
    <row r="649888" spans="8:8">
      <c r="H649888" s="12"/>
    </row>
    <row r="649889" spans="8:8">
      <c r="H649889" s="12"/>
    </row>
    <row r="649890" spans="8:8">
      <c r="H649890" s="12"/>
    </row>
    <row r="649891" spans="8:8">
      <c r="H649891" s="12"/>
    </row>
    <row r="649892" spans="8:8">
      <c r="H649892" s="12"/>
    </row>
    <row r="649893" spans="8:8">
      <c r="H649893" s="12"/>
    </row>
    <row r="649894" spans="8:8">
      <c r="H649894" s="12"/>
    </row>
    <row r="649895" spans="8:8">
      <c r="H649895" s="12"/>
    </row>
    <row r="649896" spans="8:8">
      <c r="H649896" s="12"/>
    </row>
    <row r="649897" spans="8:8">
      <c r="H649897" s="12"/>
    </row>
    <row r="649898" spans="8:8">
      <c r="H649898" s="12"/>
    </row>
    <row r="649899" spans="8:8">
      <c r="H649899" s="12"/>
    </row>
    <row r="649900" spans="8:8">
      <c r="H649900" s="12"/>
    </row>
    <row r="649901" spans="8:8">
      <c r="H649901" s="12"/>
    </row>
    <row r="649902" spans="8:8">
      <c r="H649902" s="12"/>
    </row>
    <row r="649903" spans="8:8">
      <c r="H649903" s="12"/>
    </row>
    <row r="649904" spans="8:8">
      <c r="H649904" s="12"/>
    </row>
    <row r="649905" spans="8:8">
      <c r="H649905" s="12"/>
    </row>
    <row r="649906" spans="8:8">
      <c r="H649906" s="12"/>
    </row>
    <row r="649907" spans="8:8">
      <c r="H649907" s="12"/>
    </row>
    <row r="649908" spans="8:8">
      <c r="H649908" s="12"/>
    </row>
    <row r="649909" spans="8:8">
      <c r="H649909" s="12"/>
    </row>
    <row r="649910" spans="8:8">
      <c r="H649910" s="12"/>
    </row>
    <row r="649911" spans="8:8">
      <c r="H649911" s="12"/>
    </row>
    <row r="649912" spans="8:8">
      <c r="H649912" s="12"/>
    </row>
    <row r="649913" spans="8:8">
      <c r="H649913" s="12"/>
    </row>
    <row r="649914" spans="8:8">
      <c r="H649914" s="12"/>
    </row>
    <row r="649915" spans="8:8">
      <c r="H649915" s="12"/>
    </row>
    <row r="649916" spans="8:8">
      <c r="H649916" s="12"/>
    </row>
    <row r="649917" spans="8:8">
      <c r="H649917" s="12"/>
    </row>
    <row r="649918" spans="8:8">
      <c r="H649918" s="12"/>
    </row>
    <row r="649919" spans="8:8">
      <c r="H649919" s="12"/>
    </row>
    <row r="649920" spans="8:8">
      <c r="H649920" s="12"/>
    </row>
    <row r="649921" spans="8:8">
      <c r="H649921" s="12"/>
    </row>
    <row r="649922" spans="8:8">
      <c r="H649922" s="12"/>
    </row>
    <row r="649923" spans="8:8">
      <c r="H649923" s="12"/>
    </row>
    <row r="649924" spans="8:8">
      <c r="H649924" s="12"/>
    </row>
    <row r="649925" spans="8:8">
      <c r="H649925" s="12"/>
    </row>
    <row r="649926" spans="8:8">
      <c r="H649926" s="12"/>
    </row>
    <row r="649927" spans="8:8">
      <c r="H649927" s="12"/>
    </row>
    <row r="649928" spans="8:8">
      <c r="H649928" s="12"/>
    </row>
    <row r="649929" spans="8:8">
      <c r="H649929" s="12"/>
    </row>
    <row r="649930" spans="8:8">
      <c r="H649930" s="12"/>
    </row>
    <row r="649931" spans="8:8">
      <c r="H649931" s="12"/>
    </row>
    <row r="649932" spans="8:8">
      <c r="H649932" s="12"/>
    </row>
    <row r="649933" spans="8:8">
      <c r="H649933" s="12"/>
    </row>
    <row r="649934" spans="8:8">
      <c r="H649934" s="12"/>
    </row>
    <row r="649935" spans="8:8">
      <c r="H649935" s="12"/>
    </row>
    <row r="649936" spans="8:8">
      <c r="H649936" s="12"/>
    </row>
    <row r="649937" spans="8:8">
      <c r="H649937" s="12"/>
    </row>
    <row r="649938" spans="8:8">
      <c r="H649938" s="12"/>
    </row>
    <row r="649939" spans="8:8">
      <c r="H649939" s="12"/>
    </row>
    <row r="649940" spans="8:8">
      <c r="H649940" s="12"/>
    </row>
    <row r="649941" spans="8:8">
      <c r="H649941" s="12"/>
    </row>
    <row r="649942" spans="8:8">
      <c r="H649942" s="12"/>
    </row>
    <row r="649943" spans="8:8">
      <c r="H649943" s="12"/>
    </row>
    <row r="649944" spans="8:8">
      <c r="H649944" s="12"/>
    </row>
    <row r="649945" spans="8:8">
      <c r="H649945" s="12"/>
    </row>
    <row r="649946" spans="8:8">
      <c r="H649946" s="12"/>
    </row>
    <row r="649947" spans="8:8">
      <c r="H649947" s="12"/>
    </row>
    <row r="649948" spans="8:8">
      <c r="H649948" s="12"/>
    </row>
    <row r="649949" spans="8:8">
      <c r="H649949" s="12"/>
    </row>
    <row r="649950" spans="8:8">
      <c r="H649950" s="12"/>
    </row>
    <row r="649951" spans="8:8">
      <c r="H649951" s="12"/>
    </row>
    <row r="649952" spans="8:8">
      <c r="H649952" s="12"/>
    </row>
    <row r="649953" spans="8:8">
      <c r="H649953" s="12"/>
    </row>
    <row r="649954" spans="8:8">
      <c r="H649954" s="12"/>
    </row>
    <row r="649955" spans="8:8">
      <c r="H649955" s="12"/>
    </row>
    <row r="649956" spans="8:8">
      <c r="H649956" s="12"/>
    </row>
    <row r="649957" spans="8:8">
      <c r="H649957" s="12"/>
    </row>
    <row r="649958" spans="8:8">
      <c r="H649958" s="12"/>
    </row>
    <row r="649959" spans="8:8">
      <c r="H649959" s="12"/>
    </row>
    <row r="649960" spans="8:8">
      <c r="H649960" s="12"/>
    </row>
    <row r="649961" spans="8:8">
      <c r="H649961" s="12"/>
    </row>
    <row r="649962" spans="8:8">
      <c r="H649962" s="12"/>
    </row>
    <row r="649963" spans="8:8">
      <c r="H649963" s="12"/>
    </row>
    <row r="649964" spans="8:8">
      <c r="H649964" s="12"/>
    </row>
    <row r="649965" spans="8:8">
      <c r="H649965" s="12"/>
    </row>
    <row r="649966" spans="8:8">
      <c r="H649966" s="12"/>
    </row>
    <row r="649967" spans="8:8">
      <c r="H649967" s="12"/>
    </row>
    <row r="649968" spans="8:8">
      <c r="H649968" s="12"/>
    </row>
    <row r="649969" spans="8:8">
      <c r="H649969" s="12"/>
    </row>
    <row r="649970" spans="8:8">
      <c r="H649970" s="12"/>
    </row>
    <row r="649971" spans="8:8">
      <c r="H649971" s="12"/>
    </row>
    <row r="649972" spans="8:8">
      <c r="H649972" s="12"/>
    </row>
    <row r="649973" spans="8:8">
      <c r="H649973" s="12"/>
    </row>
    <row r="649974" spans="8:8">
      <c r="H649974" s="12"/>
    </row>
    <row r="649975" spans="8:8">
      <c r="H649975" s="12"/>
    </row>
    <row r="649976" spans="8:8">
      <c r="H649976" s="12"/>
    </row>
    <row r="649977" spans="8:8">
      <c r="H649977" s="12"/>
    </row>
    <row r="649978" spans="8:8">
      <c r="H649978" s="12"/>
    </row>
    <row r="649979" spans="8:8">
      <c r="H649979" s="12"/>
    </row>
    <row r="649980" spans="8:8">
      <c r="H649980" s="12"/>
    </row>
    <row r="649981" spans="8:8">
      <c r="H649981" s="12"/>
    </row>
    <row r="649982" spans="8:8">
      <c r="H649982" s="12"/>
    </row>
    <row r="649983" spans="8:8">
      <c r="H649983" s="12"/>
    </row>
    <row r="649984" spans="8:8">
      <c r="H649984" s="12"/>
    </row>
    <row r="649985" spans="8:8">
      <c r="H649985" s="12"/>
    </row>
    <row r="649986" spans="8:8">
      <c r="H649986" s="12"/>
    </row>
    <row r="649987" spans="8:8">
      <c r="H649987" s="12"/>
    </row>
    <row r="649988" spans="8:8">
      <c r="H649988" s="12"/>
    </row>
    <row r="649989" spans="8:8">
      <c r="H649989" s="12"/>
    </row>
    <row r="649990" spans="8:8">
      <c r="H649990" s="12"/>
    </row>
    <row r="649991" spans="8:8">
      <c r="H649991" s="12"/>
    </row>
    <row r="649992" spans="8:8">
      <c r="H649992" s="12"/>
    </row>
    <row r="649993" spans="8:8">
      <c r="H649993" s="12"/>
    </row>
    <row r="649994" spans="8:8">
      <c r="H649994" s="12"/>
    </row>
    <row r="649995" spans="8:8">
      <c r="H649995" s="12"/>
    </row>
    <row r="649996" spans="8:8">
      <c r="H649996" s="12"/>
    </row>
    <row r="649997" spans="8:8">
      <c r="H649997" s="12"/>
    </row>
    <row r="649998" spans="8:8">
      <c r="H649998" s="12"/>
    </row>
    <row r="649999" spans="8:8">
      <c r="H649999" s="12"/>
    </row>
    <row r="650000" spans="8:8">
      <c r="H650000" s="12"/>
    </row>
    <row r="650001" spans="8:8">
      <c r="H650001" s="12"/>
    </row>
    <row r="650002" spans="8:8">
      <c r="H650002" s="12"/>
    </row>
    <row r="650003" spans="8:8">
      <c r="H650003" s="12"/>
    </row>
    <row r="650004" spans="8:8">
      <c r="H650004" s="12"/>
    </row>
    <row r="650005" spans="8:8">
      <c r="H650005" s="12"/>
    </row>
    <row r="650006" spans="8:8">
      <c r="H650006" s="12"/>
    </row>
    <row r="650007" spans="8:8">
      <c r="H650007" s="12"/>
    </row>
    <row r="650008" spans="8:8">
      <c r="H650008" s="12"/>
    </row>
    <row r="650009" spans="8:8">
      <c r="H650009" s="12"/>
    </row>
    <row r="650010" spans="8:8">
      <c r="H650010" s="12"/>
    </row>
    <row r="650011" spans="8:8">
      <c r="H650011" s="12"/>
    </row>
    <row r="650012" spans="8:8">
      <c r="H650012" s="12"/>
    </row>
    <row r="650013" spans="8:8">
      <c r="H650013" s="12"/>
    </row>
    <row r="650014" spans="8:8">
      <c r="H650014" s="12"/>
    </row>
    <row r="650015" spans="8:8">
      <c r="H650015" s="12"/>
    </row>
    <row r="650016" spans="8:8">
      <c r="H650016" s="12"/>
    </row>
    <row r="650017" spans="8:8">
      <c r="H650017" s="12"/>
    </row>
    <row r="650018" spans="8:8">
      <c r="H650018" s="12"/>
    </row>
    <row r="650019" spans="8:8">
      <c r="H650019" s="12"/>
    </row>
    <row r="650020" spans="8:8">
      <c r="H650020" s="12"/>
    </row>
    <row r="650021" spans="8:8">
      <c r="H650021" s="12"/>
    </row>
    <row r="650022" spans="8:8">
      <c r="H650022" s="12"/>
    </row>
    <row r="650023" spans="8:8">
      <c r="H650023" s="12"/>
    </row>
    <row r="650024" spans="8:8">
      <c r="H650024" s="12"/>
    </row>
    <row r="650025" spans="8:8">
      <c r="H650025" s="12"/>
    </row>
    <row r="650026" spans="8:8">
      <c r="H650026" s="12"/>
    </row>
    <row r="650027" spans="8:8">
      <c r="H650027" s="12"/>
    </row>
    <row r="650028" spans="8:8">
      <c r="H650028" s="12"/>
    </row>
    <row r="650029" spans="8:8">
      <c r="H650029" s="12"/>
    </row>
    <row r="650030" spans="8:8">
      <c r="H650030" s="12"/>
    </row>
    <row r="650031" spans="8:8">
      <c r="H650031" s="12"/>
    </row>
    <row r="650032" spans="8:8">
      <c r="H650032" s="12"/>
    </row>
    <row r="650033" spans="8:8">
      <c r="H650033" s="12"/>
    </row>
    <row r="650034" spans="8:8">
      <c r="H650034" s="12"/>
    </row>
    <row r="650035" spans="8:8">
      <c r="H650035" s="12"/>
    </row>
    <row r="650036" spans="8:8">
      <c r="H650036" s="12"/>
    </row>
    <row r="650037" spans="8:8">
      <c r="H650037" s="12"/>
    </row>
    <row r="650038" spans="8:8">
      <c r="H650038" s="12"/>
    </row>
    <row r="650039" spans="8:8">
      <c r="H650039" s="12"/>
    </row>
    <row r="650040" spans="8:8">
      <c r="H650040" s="12"/>
    </row>
    <row r="650041" spans="8:8">
      <c r="H650041" s="12"/>
    </row>
    <row r="650042" spans="8:8">
      <c r="H650042" s="12"/>
    </row>
    <row r="650043" spans="8:8">
      <c r="H650043" s="12"/>
    </row>
    <row r="650044" spans="8:8">
      <c r="H650044" s="12"/>
    </row>
    <row r="650045" spans="8:8">
      <c r="H650045" s="12"/>
    </row>
    <row r="650046" spans="8:8">
      <c r="H650046" s="12"/>
    </row>
    <row r="650047" spans="8:8">
      <c r="H650047" s="12"/>
    </row>
    <row r="650048" spans="8:8">
      <c r="H650048" s="12"/>
    </row>
    <row r="650049" spans="8:8">
      <c r="H650049" s="12"/>
    </row>
    <row r="650050" spans="8:8">
      <c r="H650050" s="12"/>
    </row>
    <row r="650051" spans="8:8">
      <c r="H650051" s="12"/>
    </row>
    <row r="650052" spans="8:8">
      <c r="H650052" s="12"/>
    </row>
    <row r="650053" spans="8:8">
      <c r="H650053" s="12"/>
    </row>
    <row r="650054" spans="8:8">
      <c r="H650054" s="12"/>
    </row>
    <row r="650055" spans="8:8">
      <c r="H650055" s="12"/>
    </row>
    <row r="650056" spans="8:8">
      <c r="H650056" s="12"/>
    </row>
    <row r="650057" spans="8:8">
      <c r="H650057" s="12"/>
    </row>
    <row r="650058" spans="8:8">
      <c r="H650058" s="12"/>
    </row>
    <row r="650059" spans="8:8">
      <c r="H650059" s="12"/>
    </row>
    <row r="650060" spans="8:8">
      <c r="H650060" s="12"/>
    </row>
    <row r="650061" spans="8:8">
      <c r="H650061" s="12"/>
    </row>
    <row r="650062" spans="8:8">
      <c r="H650062" s="12"/>
    </row>
    <row r="650063" spans="8:8">
      <c r="H650063" s="12"/>
    </row>
    <row r="650064" spans="8:8">
      <c r="H650064" s="12"/>
    </row>
    <row r="650065" spans="8:8">
      <c r="H650065" s="12"/>
    </row>
    <row r="650066" spans="8:8">
      <c r="H650066" s="12"/>
    </row>
    <row r="650067" spans="8:8">
      <c r="H650067" s="12"/>
    </row>
    <row r="650068" spans="8:8">
      <c r="H650068" s="12"/>
    </row>
    <row r="650069" spans="8:8">
      <c r="H650069" s="12"/>
    </row>
    <row r="650070" spans="8:8">
      <c r="H650070" s="12"/>
    </row>
    <row r="650071" spans="8:8">
      <c r="H650071" s="12"/>
    </row>
    <row r="650072" spans="8:8">
      <c r="H650072" s="12"/>
    </row>
    <row r="650073" spans="8:8">
      <c r="H650073" s="12"/>
    </row>
    <row r="650074" spans="8:8">
      <c r="H650074" s="12"/>
    </row>
    <row r="650075" spans="8:8">
      <c r="H650075" s="12"/>
    </row>
    <row r="650076" spans="8:8">
      <c r="H650076" s="12"/>
    </row>
    <row r="650077" spans="8:8">
      <c r="H650077" s="12"/>
    </row>
    <row r="650078" spans="8:8">
      <c r="H650078" s="12"/>
    </row>
    <row r="650079" spans="8:8">
      <c r="H650079" s="12"/>
    </row>
    <row r="650080" spans="8:8">
      <c r="H650080" s="12"/>
    </row>
    <row r="650081" spans="8:8">
      <c r="H650081" s="12"/>
    </row>
    <row r="650082" spans="8:8">
      <c r="H650082" s="12"/>
    </row>
    <row r="650083" spans="8:8">
      <c r="H650083" s="12"/>
    </row>
    <row r="650084" spans="8:8">
      <c r="H650084" s="12"/>
    </row>
    <row r="650085" spans="8:8">
      <c r="H650085" s="12"/>
    </row>
    <row r="650086" spans="8:8">
      <c r="H650086" s="12"/>
    </row>
    <row r="650087" spans="8:8">
      <c r="H650087" s="12"/>
    </row>
    <row r="650088" spans="8:8">
      <c r="H650088" s="12"/>
    </row>
    <row r="650089" spans="8:8">
      <c r="H650089" s="12"/>
    </row>
    <row r="650090" spans="8:8">
      <c r="H650090" s="12"/>
    </row>
    <row r="650091" spans="8:8">
      <c r="H650091" s="12"/>
    </row>
    <row r="650092" spans="8:8">
      <c r="H650092" s="12"/>
    </row>
    <row r="650093" spans="8:8">
      <c r="H650093" s="12"/>
    </row>
    <row r="650094" spans="8:8">
      <c r="H650094" s="12"/>
    </row>
    <row r="650095" spans="8:8">
      <c r="H650095" s="12"/>
    </row>
    <row r="650096" spans="8:8">
      <c r="H650096" s="12"/>
    </row>
    <row r="650097" spans="8:8">
      <c r="H650097" s="12"/>
    </row>
    <row r="650098" spans="8:8">
      <c r="H650098" s="12"/>
    </row>
    <row r="650099" spans="8:8">
      <c r="H650099" s="12"/>
    </row>
    <row r="650100" spans="8:8">
      <c r="H650100" s="12"/>
    </row>
    <row r="650101" spans="8:8">
      <c r="H650101" s="12"/>
    </row>
    <row r="650102" spans="8:8">
      <c r="H650102" s="12"/>
    </row>
    <row r="650103" spans="8:8">
      <c r="H650103" s="12"/>
    </row>
    <row r="650104" spans="8:8">
      <c r="H650104" s="12"/>
    </row>
    <row r="650105" spans="8:8">
      <c r="H650105" s="12"/>
    </row>
    <row r="650106" spans="8:8">
      <c r="H650106" s="12"/>
    </row>
    <row r="650107" spans="8:8">
      <c r="H650107" s="12"/>
    </row>
    <row r="650108" spans="8:8">
      <c r="H650108" s="12"/>
    </row>
    <row r="650109" spans="8:8">
      <c r="H650109" s="12"/>
    </row>
    <row r="650110" spans="8:8">
      <c r="H650110" s="12"/>
    </row>
    <row r="650111" spans="8:8">
      <c r="H650111" s="12"/>
    </row>
    <row r="650112" spans="8:8">
      <c r="H650112" s="12"/>
    </row>
    <row r="650113" spans="8:8">
      <c r="H650113" s="12"/>
    </row>
    <row r="650114" spans="8:8">
      <c r="H650114" s="12"/>
    </row>
    <row r="650115" spans="8:8">
      <c r="H650115" s="12"/>
    </row>
    <row r="650116" spans="8:8">
      <c r="H650116" s="12"/>
    </row>
    <row r="650117" spans="8:8">
      <c r="H650117" s="12"/>
    </row>
    <row r="650118" spans="8:8">
      <c r="H650118" s="12"/>
    </row>
    <row r="650119" spans="8:8">
      <c r="H650119" s="12"/>
    </row>
    <row r="650120" spans="8:8">
      <c r="H650120" s="12"/>
    </row>
    <row r="650121" spans="8:8">
      <c r="H650121" s="12"/>
    </row>
    <row r="650122" spans="8:8">
      <c r="H650122" s="12"/>
    </row>
    <row r="650123" spans="8:8">
      <c r="H650123" s="12"/>
    </row>
    <row r="650124" spans="8:8">
      <c r="H650124" s="12"/>
    </row>
    <row r="650125" spans="8:8">
      <c r="H650125" s="12"/>
    </row>
    <row r="650126" spans="8:8">
      <c r="H650126" s="12"/>
    </row>
    <row r="650127" spans="8:8">
      <c r="H650127" s="12"/>
    </row>
    <row r="650128" spans="8:8">
      <c r="H650128" s="12"/>
    </row>
    <row r="650129" spans="8:8">
      <c r="H650129" s="12"/>
    </row>
    <row r="650130" spans="8:8">
      <c r="H650130" s="12"/>
    </row>
    <row r="650131" spans="8:8">
      <c r="H650131" s="12"/>
    </row>
    <row r="650132" spans="8:8">
      <c r="H650132" s="12"/>
    </row>
    <row r="650133" spans="8:8">
      <c r="H650133" s="12"/>
    </row>
    <row r="650134" spans="8:8">
      <c r="H650134" s="12"/>
    </row>
    <row r="650135" spans="8:8">
      <c r="H650135" s="12"/>
    </row>
    <row r="650136" spans="8:8">
      <c r="H650136" s="12"/>
    </row>
    <row r="650137" spans="8:8">
      <c r="H650137" s="12"/>
    </row>
    <row r="650138" spans="8:8">
      <c r="H650138" s="12"/>
    </row>
    <row r="650139" spans="8:8">
      <c r="H650139" s="12"/>
    </row>
    <row r="650140" spans="8:8">
      <c r="H650140" s="12"/>
    </row>
    <row r="650141" spans="8:8">
      <c r="H650141" s="12"/>
    </row>
    <row r="650142" spans="8:8">
      <c r="H650142" s="12"/>
    </row>
    <row r="650143" spans="8:8">
      <c r="H650143" s="12"/>
    </row>
    <row r="650144" spans="8:8">
      <c r="H650144" s="12"/>
    </row>
    <row r="650145" spans="8:8">
      <c r="H650145" s="12"/>
    </row>
    <row r="650146" spans="8:8">
      <c r="H650146" s="12"/>
    </row>
    <row r="650147" spans="8:8">
      <c r="H650147" s="12"/>
    </row>
    <row r="650148" spans="8:8">
      <c r="H650148" s="12"/>
    </row>
    <row r="650149" spans="8:8">
      <c r="H650149" s="12"/>
    </row>
    <row r="650150" spans="8:8">
      <c r="H650150" s="12"/>
    </row>
    <row r="650151" spans="8:8">
      <c r="H650151" s="12"/>
    </row>
    <row r="650152" spans="8:8">
      <c r="H650152" s="12"/>
    </row>
    <row r="650153" spans="8:8">
      <c r="H650153" s="12"/>
    </row>
    <row r="650154" spans="8:8">
      <c r="H650154" s="12"/>
    </row>
    <row r="650155" spans="8:8">
      <c r="H650155" s="12"/>
    </row>
    <row r="650156" spans="8:8">
      <c r="H650156" s="12"/>
    </row>
    <row r="650157" spans="8:8">
      <c r="H650157" s="12"/>
    </row>
    <row r="650158" spans="8:8">
      <c r="H650158" s="12"/>
    </row>
    <row r="650159" spans="8:8">
      <c r="H650159" s="12"/>
    </row>
    <row r="650160" spans="8:8">
      <c r="H650160" s="12"/>
    </row>
    <row r="650161" spans="8:8">
      <c r="H650161" s="12"/>
    </row>
    <row r="650162" spans="8:8">
      <c r="H650162" s="12"/>
    </row>
    <row r="650163" spans="8:8">
      <c r="H650163" s="12"/>
    </row>
    <row r="650164" spans="8:8">
      <c r="H650164" s="12"/>
    </row>
    <row r="650165" spans="8:8">
      <c r="H650165" s="12"/>
    </row>
    <row r="650166" spans="8:8">
      <c r="H650166" s="12"/>
    </row>
    <row r="650167" spans="8:8">
      <c r="H650167" s="12"/>
    </row>
    <row r="650168" spans="8:8">
      <c r="H650168" s="12"/>
    </row>
    <row r="650169" spans="8:8">
      <c r="H650169" s="12"/>
    </row>
    <row r="650170" spans="8:8">
      <c r="H650170" s="12"/>
    </row>
    <row r="650171" spans="8:8">
      <c r="H650171" s="12"/>
    </row>
    <row r="650172" spans="8:8">
      <c r="H650172" s="12"/>
    </row>
    <row r="650173" spans="8:8">
      <c r="H650173" s="12"/>
    </row>
    <row r="650174" spans="8:8">
      <c r="H650174" s="12"/>
    </row>
    <row r="650175" spans="8:8">
      <c r="H650175" s="12"/>
    </row>
    <row r="650176" spans="8:8">
      <c r="H650176" s="12"/>
    </row>
    <row r="650177" spans="8:8">
      <c r="H650177" s="12"/>
    </row>
    <row r="650178" spans="8:8">
      <c r="H650178" s="12"/>
    </row>
    <row r="650179" spans="8:8">
      <c r="H650179" s="12"/>
    </row>
    <row r="650180" spans="8:8">
      <c r="H650180" s="12"/>
    </row>
    <row r="650181" spans="8:8">
      <c r="H650181" s="12"/>
    </row>
    <row r="650182" spans="8:8">
      <c r="H650182" s="12"/>
    </row>
    <row r="650183" spans="8:8">
      <c r="H650183" s="12"/>
    </row>
    <row r="650184" spans="8:8">
      <c r="H650184" s="12"/>
    </row>
    <row r="650185" spans="8:8">
      <c r="H650185" s="12"/>
    </row>
    <row r="650186" spans="8:8">
      <c r="H650186" s="12"/>
    </row>
    <row r="650187" spans="8:8">
      <c r="H650187" s="12"/>
    </row>
    <row r="650188" spans="8:8">
      <c r="H650188" s="12"/>
    </row>
    <row r="650189" spans="8:8">
      <c r="H650189" s="12"/>
    </row>
    <row r="650190" spans="8:8">
      <c r="H650190" s="12"/>
    </row>
    <row r="650191" spans="8:8">
      <c r="H650191" s="12"/>
    </row>
    <row r="650192" spans="8:8">
      <c r="H650192" s="12"/>
    </row>
    <row r="650193" spans="8:8">
      <c r="H650193" s="12"/>
    </row>
    <row r="650194" spans="8:8">
      <c r="H650194" s="12"/>
    </row>
    <row r="650195" spans="8:8">
      <c r="H650195" s="12"/>
    </row>
    <row r="650196" spans="8:8">
      <c r="H650196" s="12"/>
    </row>
    <row r="650197" spans="8:8">
      <c r="H650197" s="12"/>
    </row>
    <row r="650198" spans="8:8">
      <c r="H650198" s="12"/>
    </row>
    <row r="650199" spans="8:8">
      <c r="H650199" s="12"/>
    </row>
    <row r="650200" spans="8:8">
      <c r="H650200" s="12"/>
    </row>
    <row r="650201" spans="8:8">
      <c r="H650201" s="12"/>
    </row>
    <row r="650202" spans="8:8">
      <c r="H650202" s="12"/>
    </row>
    <row r="650203" spans="8:8">
      <c r="H650203" s="12"/>
    </row>
    <row r="650204" spans="8:8">
      <c r="H650204" s="12"/>
    </row>
    <row r="650205" spans="8:8">
      <c r="H650205" s="12"/>
    </row>
    <row r="650206" spans="8:8">
      <c r="H650206" s="12"/>
    </row>
    <row r="650207" spans="8:8">
      <c r="H650207" s="12"/>
    </row>
    <row r="650208" spans="8:8">
      <c r="H650208" s="12"/>
    </row>
    <row r="650209" spans="8:8">
      <c r="H650209" s="12"/>
    </row>
    <row r="650210" spans="8:8">
      <c r="H650210" s="12"/>
    </row>
    <row r="650211" spans="8:8">
      <c r="H650211" s="12"/>
    </row>
    <row r="650212" spans="8:8">
      <c r="H650212" s="12"/>
    </row>
    <row r="650213" spans="8:8">
      <c r="H650213" s="12"/>
    </row>
    <row r="650214" spans="8:8">
      <c r="H650214" s="12"/>
    </row>
    <row r="650215" spans="8:8">
      <c r="H650215" s="12"/>
    </row>
    <row r="650216" spans="8:8">
      <c r="H650216" s="12"/>
    </row>
    <row r="650217" spans="8:8">
      <c r="H650217" s="12"/>
    </row>
    <row r="650218" spans="8:8">
      <c r="H650218" s="12"/>
    </row>
    <row r="650219" spans="8:8">
      <c r="H650219" s="12"/>
    </row>
    <row r="650220" spans="8:8">
      <c r="H650220" s="12"/>
    </row>
    <row r="650221" spans="8:8">
      <c r="H650221" s="12"/>
    </row>
    <row r="650222" spans="8:8">
      <c r="H650222" s="12"/>
    </row>
    <row r="650223" spans="8:8">
      <c r="H650223" s="12"/>
    </row>
    <row r="650224" spans="8:8">
      <c r="H650224" s="12"/>
    </row>
    <row r="650225" spans="8:8">
      <c r="H650225" s="12"/>
    </row>
    <row r="650226" spans="8:8">
      <c r="H650226" s="12"/>
    </row>
    <row r="650227" spans="8:8">
      <c r="H650227" s="12"/>
    </row>
    <row r="650228" spans="8:8">
      <c r="H650228" s="12"/>
    </row>
    <row r="650229" spans="8:8">
      <c r="H650229" s="12"/>
    </row>
    <row r="650230" spans="8:8">
      <c r="H650230" s="12"/>
    </row>
    <row r="650231" spans="8:8">
      <c r="H650231" s="12"/>
    </row>
    <row r="650232" spans="8:8">
      <c r="H650232" s="12"/>
    </row>
    <row r="650233" spans="8:8">
      <c r="H650233" s="12"/>
    </row>
    <row r="650234" spans="8:8">
      <c r="H650234" s="12"/>
    </row>
    <row r="650235" spans="8:8">
      <c r="H650235" s="12"/>
    </row>
    <row r="650236" spans="8:8">
      <c r="H650236" s="12"/>
    </row>
    <row r="650237" spans="8:8">
      <c r="H650237" s="12"/>
    </row>
    <row r="650238" spans="8:8">
      <c r="H650238" s="12"/>
    </row>
    <row r="650239" spans="8:8">
      <c r="H650239" s="12"/>
    </row>
    <row r="650240" spans="8:8">
      <c r="H650240" s="12"/>
    </row>
    <row r="650241" spans="8:8">
      <c r="H650241" s="12"/>
    </row>
    <row r="650242" spans="8:8">
      <c r="H650242" s="12"/>
    </row>
    <row r="650243" spans="8:8">
      <c r="H650243" s="12"/>
    </row>
    <row r="650244" spans="8:8">
      <c r="H650244" s="12"/>
    </row>
    <row r="650245" spans="8:8">
      <c r="H650245" s="12"/>
    </row>
    <row r="650246" spans="8:8">
      <c r="H650246" s="12"/>
    </row>
    <row r="650247" spans="8:8">
      <c r="H650247" s="12"/>
    </row>
    <row r="650248" spans="8:8">
      <c r="H650248" s="12"/>
    </row>
    <row r="650249" spans="8:8">
      <c r="H650249" s="12"/>
    </row>
    <row r="650250" spans="8:8">
      <c r="H650250" s="12"/>
    </row>
    <row r="650251" spans="8:8">
      <c r="H650251" s="12"/>
    </row>
    <row r="650252" spans="8:8">
      <c r="H650252" s="12"/>
    </row>
    <row r="650253" spans="8:8">
      <c r="H650253" s="12"/>
    </row>
    <row r="650254" spans="8:8">
      <c r="H650254" s="12"/>
    </row>
    <row r="650255" spans="8:8">
      <c r="H650255" s="12"/>
    </row>
    <row r="650256" spans="8:8">
      <c r="H650256" s="12"/>
    </row>
    <row r="650257" spans="8:8">
      <c r="H650257" s="12"/>
    </row>
    <row r="650258" spans="8:8">
      <c r="H650258" s="12"/>
    </row>
    <row r="650259" spans="8:8">
      <c r="H650259" s="12"/>
    </row>
    <row r="650260" spans="8:8">
      <c r="H650260" s="12"/>
    </row>
    <row r="650261" spans="8:8">
      <c r="H650261" s="12"/>
    </row>
    <row r="650262" spans="8:8">
      <c r="H650262" s="12"/>
    </row>
    <row r="650263" spans="8:8">
      <c r="H650263" s="12"/>
    </row>
    <row r="650264" spans="8:8">
      <c r="H650264" s="12"/>
    </row>
    <row r="650265" spans="8:8">
      <c r="H650265" s="12"/>
    </row>
    <row r="650266" spans="8:8">
      <c r="H650266" s="12"/>
    </row>
    <row r="650267" spans="8:8">
      <c r="H650267" s="12"/>
    </row>
    <row r="650268" spans="8:8">
      <c r="H650268" s="12"/>
    </row>
    <row r="650269" spans="8:8">
      <c r="H650269" s="12"/>
    </row>
    <row r="650270" spans="8:8">
      <c r="H650270" s="12"/>
    </row>
    <row r="650271" spans="8:8">
      <c r="H650271" s="12"/>
    </row>
    <row r="650272" spans="8:8">
      <c r="H650272" s="12"/>
    </row>
    <row r="650273" spans="8:8">
      <c r="H650273" s="12"/>
    </row>
    <row r="650274" spans="8:8">
      <c r="H650274" s="12"/>
    </row>
    <row r="650275" spans="8:8">
      <c r="H650275" s="12"/>
    </row>
    <row r="650276" spans="8:8">
      <c r="H650276" s="12"/>
    </row>
    <row r="650277" spans="8:8">
      <c r="H650277" s="12"/>
    </row>
    <row r="650278" spans="8:8">
      <c r="H650278" s="12"/>
    </row>
    <row r="650279" spans="8:8">
      <c r="H650279" s="12"/>
    </row>
    <row r="650280" spans="8:8">
      <c r="H650280" s="12"/>
    </row>
    <row r="650281" spans="8:8">
      <c r="H650281" s="12"/>
    </row>
    <row r="650282" spans="8:8">
      <c r="H650282" s="12"/>
    </row>
    <row r="650283" spans="8:8">
      <c r="H650283" s="12"/>
    </row>
    <row r="650284" spans="8:8">
      <c r="H650284" s="12"/>
    </row>
    <row r="650285" spans="8:8">
      <c r="H650285" s="12"/>
    </row>
    <row r="650286" spans="8:8">
      <c r="H650286" s="12"/>
    </row>
    <row r="650287" spans="8:8">
      <c r="H650287" s="12"/>
    </row>
    <row r="650288" spans="8:8">
      <c r="H650288" s="12"/>
    </row>
    <row r="650289" spans="8:8">
      <c r="H650289" s="12"/>
    </row>
    <row r="650290" spans="8:8">
      <c r="H650290" s="12"/>
    </row>
    <row r="650291" spans="8:8">
      <c r="H650291" s="12"/>
    </row>
    <row r="650292" spans="8:8">
      <c r="H650292" s="12"/>
    </row>
    <row r="650293" spans="8:8">
      <c r="H650293" s="12"/>
    </row>
    <row r="650294" spans="8:8">
      <c r="H650294" s="12"/>
    </row>
    <row r="650295" spans="8:8">
      <c r="H650295" s="12"/>
    </row>
    <row r="650296" spans="8:8">
      <c r="H650296" s="12"/>
    </row>
    <row r="650297" spans="8:8">
      <c r="H650297" s="12"/>
    </row>
    <row r="650298" spans="8:8">
      <c r="H650298" s="12"/>
    </row>
    <row r="650299" spans="8:8">
      <c r="H650299" s="12"/>
    </row>
    <row r="650300" spans="8:8">
      <c r="H650300" s="12"/>
    </row>
    <row r="650301" spans="8:8">
      <c r="H650301" s="12"/>
    </row>
    <row r="650302" spans="8:8">
      <c r="H650302" s="12"/>
    </row>
    <row r="650303" spans="8:8">
      <c r="H650303" s="12"/>
    </row>
    <row r="650304" spans="8:8">
      <c r="H650304" s="12"/>
    </row>
    <row r="650305" spans="8:8">
      <c r="H650305" s="12"/>
    </row>
    <row r="650306" spans="8:8">
      <c r="H650306" s="12"/>
    </row>
    <row r="650307" spans="8:8">
      <c r="H650307" s="12"/>
    </row>
    <row r="650308" spans="8:8">
      <c r="H650308" s="12"/>
    </row>
    <row r="650309" spans="8:8">
      <c r="H650309" s="12"/>
    </row>
    <row r="650310" spans="8:8">
      <c r="H650310" s="12"/>
    </row>
    <row r="650311" spans="8:8">
      <c r="H650311" s="12"/>
    </row>
    <row r="650312" spans="8:8">
      <c r="H650312" s="12"/>
    </row>
    <row r="650313" spans="8:8">
      <c r="H650313" s="12"/>
    </row>
    <row r="650314" spans="8:8">
      <c r="H650314" s="12"/>
    </row>
    <row r="650315" spans="8:8">
      <c r="H650315" s="12"/>
    </row>
    <row r="650316" spans="8:8">
      <c r="H650316" s="12"/>
    </row>
    <row r="650317" spans="8:8">
      <c r="H650317" s="12"/>
    </row>
    <row r="650318" spans="8:8">
      <c r="H650318" s="12"/>
    </row>
    <row r="650319" spans="8:8">
      <c r="H650319" s="12"/>
    </row>
    <row r="650320" spans="8:8">
      <c r="H650320" s="12"/>
    </row>
    <row r="650321" spans="8:8">
      <c r="H650321" s="12"/>
    </row>
    <row r="650322" spans="8:8">
      <c r="H650322" s="12"/>
    </row>
    <row r="650323" spans="8:8">
      <c r="H650323" s="12"/>
    </row>
    <row r="650324" spans="8:8">
      <c r="H650324" s="12"/>
    </row>
    <row r="650325" spans="8:8">
      <c r="H650325" s="12"/>
    </row>
    <row r="650326" spans="8:8">
      <c r="H650326" s="12"/>
    </row>
    <row r="650327" spans="8:8">
      <c r="H650327" s="12"/>
    </row>
    <row r="650328" spans="8:8">
      <c r="H650328" s="12"/>
    </row>
    <row r="650329" spans="8:8">
      <c r="H650329" s="12"/>
    </row>
    <row r="650330" spans="8:8">
      <c r="H650330" s="12"/>
    </row>
    <row r="650331" spans="8:8">
      <c r="H650331" s="12"/>
    </row>
    <row r="650332" spans="8:8">
      <c r="H650332" s="12"/>
    </row>
    <row r="650333" spans="8:8">
      <c r="H650333" s="12"/>
    </row>
    <row r="650334" spans="8:8">
      <c r="H650334" s="12"/>
    </row>
    <row r="650335" spans="8:8">
      <c r="H650335" s="12"/>
    </row>
    <row r="650336" spans="8:8">
      <c r="H650336" s="12"/>
    </row>
    <row r="650337" spans="8:8">
      <c r="H650337" s="12"/>
    </row>
    <row r="650338" spans="8:8">
      <c r="H650338" s="12"/>
    </row>
    <row r="650339" spans="8:8">
      <c r="H650339" s="12"/>
    </row>
    <row r="650340" spans="8:8">
      <c r="H650340" s="12"/>
    </row>
    <row r="650341" spans="8:8">
      <c r="H650341" s="12"/>
    </row>
    <row r="650342" spans="8:8">
      <c r="H650342" s="12"/>
    </row>
    <row r="650343" spans="8:8">
      <c r="H650343" s="12"/>
    </row>
    <row r="650344" spans="8:8">
      <c r="H650344" s="12"/>
    </row>
    <row r="650345" spans="8:8">
      <c r="H650345" s="12"/>
    </row>
    <row r="650346" spans="8:8">
      <c r="H650346" s="12"/>
    </row>
    <row r="650347" spans="8:8">
      <c r="H650347" s="12"/>
    </row>
    <row r="650348" spans="8:8">
      <c r="H650348" s="12"/>
    </row>
    <row r="650349" spans="8:8">
      <c r="H650349" s="12"/>
    </row>
    <row r="650350" spans="8:8">
      <c r="H650350" s="12"/>
    </row>
    <row r="650351" spans="8:8">
      <c r="H650351" s="12"/>
    </row>
    <row r="650352" spans="8:8">
      <c r="H650352" s="12"/>
    </row>
    <row r="650353" spans="8:8">
      <c r="H650353" s="12"/>
    </row>
    <row r="650354" spans="8:8">
      <c r="H650354" s="12"/>
    </row>
    <row r="650355" spans="8:8">
      <c r="H650355" s="12"/>
    </row>
    <row r="650356" spans="8:8">
      <c r="H650356" s="12"/>
    </row>
    <row r="650357" spans="8:8">
      <c r="H650357" s="12"/>
    </row>
    <row r="650358" spans="8:8">
      <c r="H650358" s="12"/>
    </row>
    <row r="650359" spans="8:8">
      <c r="H650359" s="12"/>
    </row>
    <row r="650360" spans="8:8">
      <c r="H650360" s="12"/>
    </row>
    <row r="650361" spans="8:8">
      <c r="H650361" s="12"/>
    </row>
    <row r="650362" spans="8:8">
      <c r="H650362" s="12"/>
    </row>
    <row r="650363" spans="8:8">
      <c r="H650363" s="12"/>
    </row>
    <row r="650364" spans="8:8">
      <c r="H650364" s="12"/>
    </row>
    <row r="650365" spans="8:8">
      <c r="H650365" s="12"/>
    </row>
    <row r="650366" spans="8:8">
      <c r="H650366" s="12"/>
    </row>
    <row r="650367" spans="8:8">
      <c r="H650367" s="12"/>
    </row>
    <row r="650368" spans="8:8">
      <c r="H650368" s="12"/>
    </row>
    <row r="650369" spans="8:8">
      <c r="H650369" s="12"/>
    </row>
    <row r="650370" spans="8:8">
      <c r="H650370" s="12"/>
    </row>
    <row r="650371" spans="8:8">
      <c r="H650371" s="12"/>
    </row>
    <row r="650372" spans="8:8">
      <c r="H650372" s="12"/>
    </row>
    <row r="650373" spans="8:8">
      <c r="H650373" s="12"/>
    </row>
    <row r="650374" spans="8:8">
      <c r="H650374" s="12"/>
    </row>
    <row r="650375" spans="8:8">
      <c r="H650375" s="12"/>
    </row>
    <row r="650376" spans="8:8">
      <c r="H650376" s="12"/>
    </row>
    <row r="650377" spans="8:8">
      <c r="H650377" s="12"/>
    </row>
    <row r="650378" spans="8:8">
      <c r="H650378" s="12"/>
    </row>
    <row r="650379" spans="8:8">
      <c r="H650379" s="12"/>
    </row>
    <row r="650380" spans="8:8">
      <c r="H650380" s="12"/>
    </row>
    <row r="650381" spans="8:8">
      <c r="H650381" s="12"/>
    </row>
    <row r="650382" spans="8:8">
      <c r="H650382" s="12"/>
    </row>
    <row r="650383" spans="8:8">
      <c r="H650383" s="12"/>
    </row>
    <row r="650384" spans="8:8">
      <c r="H650384" s="12"/>
    </row>
    <row r="650385" spans="8:8">
      <c r="H650385" s="12"/>
    </row>
    <row r="650386" spans="8:8">
      <c r="H650386" s="12"/>
    </row>
    <row r="650387" spans="8:8">
      <c r="H650387" s="12"/>
    </row>
    <row r="650388" spans="8:8">
      <c r="H650388" s="12"/>
    </row>
    <row r="650389" spans="8:8">
      <c r="H650389" s="12"/>
    </row>
    <row r="650390" spans="8:8">
      <c r="H650390" s="12"/>
    </row>
    <row r="650391" spans="8:8">
      <c r="H650391" s="12"/>
    </row>
    <row r="650392" spans="8:8">
      <c r="H650392" s="12"/>
    </row>
    <row r="650393" spans="8:8">
      <c r="H650393" s="12"/>
    </row>
    <row r="650394" spans="8:8">
      <c r="H650394" s="12"/>
    </row>
    <row r="650395" spans="8:8">
      <c r="H650395" s="12"/>
    </row>
    <row r="650396" spans="8:8">
      <c r="H650396" s="12"/>
    </row>
    <row r="650397" spans="8:8">
      <c r="H650397" s="12"/>
    </row>
    <row r="650398" spans="8:8">
      <c r="H650398" s="12"/>
    </row>
    <row r="650399" spans="8:8">
      <c r="H650399" s="12"/>
    </row>
    <row r="650400" spans="8:8">
      <c r="H650400" s="12"/>
    </row>
    <row r="650401" spans="8:8">
      <c r="H650401" s="12"/>
    </row>
    <row r="650402" spans="8:8">
      <c r="H650402" s="12"/>
    </row>
    <row r="650403" spans="8:8">
      <c r="H650403" s="12"/>
    </row>
    <row r="650404" spans="8:8">
      <c r="H650404" s="12"/>
    </row>
    <row r="650405" spans="8:8">
      <c r="H650405" s="12"/>
    </row>
    <row r="650406" spans="8:8">
      <c r="H650406" s="12"/>
    </row>
    <row r="650407" spans="8:8">
      <c r="H650407" s="12"/>
    </row>
    <row r="650408" spans="8:8">
      <c r="H650408" s="12"/>
    </row>
    <row r="650409" spans="8:8">
      <c r="H650409" s="12"/>
    </row>
    <row r="650410" spans="8:8">
      <c r="H650410" s="12"/>
    </row>
    <row r="650411" spans="8:8">
      <c r="H650411" s="12"/>
    </row>
    <row r="650412" spans="8:8">
      <c r="H650412" s="12"/>
    </row>
    <row r="650413" spans="8:8">
      <c r="H650413" s="12"/>
    </row>
    <row r="650414" spans="8:8">
      <c r="H650414" s="12"/>
    </row>
    <row r="650415" spans="8:8">
      <c r="H650415" s="12"/>
    </row>
    <row r="650416" spans="8:8">
      <c r="H650416" s="12"/>
    </row>
    <row r="650417" spans="8:8">
      <c r="H650417" s="12"/>
    </row>
    <row r="650418" spans="8:8">
      <c r="H650418" s="12"/>
    </row>
    <row r="650419" spans="8:8">
      <c r="H650419" s="12"/>
    </row>
    <row r="650420" spans="8:8">
      <c r="H650420" s="12"/>
    </row>
    <row r="650421" spans="8:8">
      <c r="H650421" s="12"/>
    </row>
    <row r="650422" spans="8:8">
      <c r="H650422" s="12"/>
    </row>
    <row r="650423" spans="8:8">
      <c r="H650423" s="12"/>
    </row>
    <row r="650424" spans="8:8">
      <c r="H650424" s="12"/>
    </row>
    <row r="650425" spans="8:8">
      <c r="H650425" s="12"/>
    </row>
    <row r="650426" spans="8:8">
      <c r="H650426" s="12"/>
    </row>
    <row r="650427" spans="8:8">
      <c r="H650427" s="12"/>
    </row>
    <row r="650428" spans="8:8">
      <c r="H650428" s="12"/>
    </row>
    <row r="650429" spans="8:8">
      <c r="H650429" s="12"/>
    </row>
    <row r="650430" spans="8:8">
      <c r="H650430" s="12"/>
    </row>
    <row r="650431" spans="8:8">
      <c r="H650431" s="12"/>
    </row>
    <row r="650432" spans="8:8">
      <c r="H650432" s="12"/>
    </row>
    <row r="650433" spans="8:8">
      <c r="H650433" s="12"/>
    </row>
    <row r="650434" spans="8:8">
      <c r="H650434" s="12"/>
    </row>
    <row r="650435" spans="8:8">
      <c r="H650435" s="12"/>
    </row>
    <row r="650436" spans="8:8">
      <c r="H650436" s="12"/>
    </row>
    <row r="650437" spans="8:8">
      <c r="H650437" s="12"/>
    </row>
    <row r="650438" spans="8:8">
      <c r="H650438" s="12"/>
    </row>
    <row r="650439" spans="8:8">
      <c r="H650439" s="12"/>
    </row>
    <row r="650440" spans="8:8">
      <c r="H650440" s="12"/>
    </row>
    <row r="650441" spans="8:8">
      <c r="H650441" s="12"/>
    </row>
    <row r="650442" spans="8:8">
      <c r="H650442" s="12"/>
    </row>
    <row r="650443" spans="8:8">
      <c r="H650443" s="12"/>
    </row>
    <row r="650444" spans="8:8">
      <c r="H650444" s="12"/>
    </row>
    <row r="650445" spans="8:8">
      <c r="H650445" s="12"/>
    </row>
    <row r="650446" spans="8:8">
      <c r="H650446" s="12"/>
    </row>
    <row r="650447" spans="8:8">
      <c r="H650447" s="12"/>
    </row>
    <row r="650448" spans="8:8">
      <c r="H650448" s="12"/>
    </row>
    <row r="650449" spans="8:8">
      <c r="H650449" s="12"/>
    </row>
    <row r="650450" spans="8:8">
      <c r="H650450" s="12"/>
    </row>
    <row r="650451" spans="8:8">
      <c r="H650451" s="12"/>
    </row>
    <row r="650452" spans="8:8">
      <c r="H650452" s="12"/>
    </row>
    <row r="650453" spans="8:8">
      <c r="H650453" s="12"/>
    </row>
    <row r="650454" spans="8:8">
      <c r="H650454" s="12"/>
    </row>
    <row r="650455" spans="8:8">
      <c r="H650455" s="12"/>
    </row>
    <row r="650456" spans="8:8">
      <c r="H650456" s="12"/>
    </row>
    <row r="650457" spans="8:8">
      <c r="H650457" s="12"/>
    </row>
    <row r="650458" spans="8:8">
      <c r="H650458" s="12"/>
    </row>
    <row r="650459" spans="8:8">
      <c r="H650459" s="12"/>
    </row>
    <row r="650460" spans="8:8">
      <c r="H650460" s="12"/>
    </row>
    <row r="650461" spans="8:8">
      <c r="H650461" s="12"/>
    </row>
    <row r="650462" spans="8:8">
      <c r="H650462" s="12"/>
    </row>
    <row r="650463" spans="8:8">
      <c r="H650463" s="12"/>
    </row>
    <row r="650464" spans="8:8">
      <c r="H650464" s="12"/>
    </row>
    <row r="650465" spans="8:8">
      <c r="H650465" s="12"/>
    </row>
    <row r="650466" spans="8:8">
      <c r="H650466" s="12"/>
    </row>
    <row r="650467" spans="8:8">
      <c r="H650467" s="12"/>
    </row>
    <row r="650468" spans="8:8">
      <c r="H650468" s="12"/>
    </row>
    <row r="650469" spans="8:8">
      <c r="H650469" s="12"/>
    </row>
    <row r="650470" spans="8:8">
      <c r="H650470" s="12"/>
    </row>
    <row r="650471" spans="8:8">
      <c r="H650471" s="12"/>
    </row>
    <row r="650472" spans="8:8">
      <c r="H650472" s="12"/>
    </row>
    <row r="650473" spans="8:8">
      <c r="H650473" s="12"/>
    </row>
    <row r="650474" spans="8:8">
      <c r="H650474" s="12"/>
    </row>
    <row r="650475" spans="8:8">
      <c r="H650475" s="12"/>
    </row>
    <row r="650476" spans="8:8">
      <c r="H650476" s="12"/>
    </row>
    <row r="650477" spans="8:8">
      <c r="H650477" s="12"/>
    </row>
    <row r="650478" spans="8:8">
      <c r="H650478" s="12"/>
    </row>
    <row r="650479" spans="8:8">
      <c r="H650479" s="12"/>
    </row>
    <row r="650480" spans="8:8">
      <c r="H650480" s="12"/>
    </row>
    <row r="650481" spans="8:8">
      <c r="H650481" s="12"/>
    </row>
    <row r="650482" spans="8:8">
      <c r="H650482" s="12"/>
    </row>
    <row r="650483" spans="8:8">
      <c r="H650483" s="12"/>
    </row>
    <row r="650484" spans="8:8">
      <c r="H650484" s="12"/>
    </row>
    <row r="650485" spans="8:8">
      <c r="H650485" s="12"/>
    </row>
    <row r="650486" spans="8:8">
      <c r="H650486" s="12"/>
    </row>
    <row r="650487" spans="8:8">
      <c r="H650487" s="12"/>
    </row>
    <row r="650488" spans="8:8">
      <c r="H650488" s="12"/>
    </row>
    <row r="650489" spans="8:8">
      <c r="H650489" s="12"/>
    </row>
    <row r="650490" spans="8:8">
      <c r="H650490" s="12"/>
    </row>
    <row r="650491" spans="8:8">
      <c r="H650491" s="12"/>
    </row>
    <row r="650492" spans="8:8">
      <c r="H650492" s="12"/>
    </row>
    <row r="650493" spans="8:8">
      <c r="H650493" s="12"/>
    </row>
    <row r="650494" spans="8:8">
      <c r="H650494" s="12"/>
    </row>
    <row r="650495" spans="8:8">
      <c r="H650495" s="12"/>
    </row>
    <row r="650496" spans="8:8">
      <c r="H650496" s="12"/>
    </row>
    <row r="650497" spans="8:8">
      <c r="H650497" s="12"/>
    </row>
    <row r="650498" spans="8:8">
      <c r="H650498" s="12"/>
    </row>
    <row r="650499" spans="8:8">
      <c r="H650499" s="12"/>
    </row>
    <row r="650500" spans="8:8">
      <c r="H650500" s="12"/>
    </row>
    <row r="650501" spans="8:8">
      <c r="H650501" s="12"/>
    </row>
    <row r="650502" spans="8:8">
      <c r="H650502" s="12"/>
    </row>
    <row r="650503" spans="8:8">
      <c r="H650503" s="12"/>
    </row>
    <row r="650504" spans="8:8">
      <c r="H650504" s="12"/>
    </row>
    <row r="650505" spans="8:8">
      <c r="H650505" s="12"/>
    </row>
    <row r="650506" spans="8:8">
      <c r="H650506" s="12"/>
    </row>
    <row r="650507" spans="8:8">
      <c r="H650507" s="12"/>
    </row>
    <row r="650508" spans="8:8">
      <c r="H650508" s="12"/>
    </row>
    <row r="650509" spans="8:8">
      <c r="H650509" s="12"/>
    </row>
    <row r="650510" spans="8:8">
      <c r="H650510" s="12"/>
    </row>
    <row r="650511" spans="8:8">
      <c r="H650511" s="12"/>
    </row>
    <row r="650512" spans="8:8">
      <c r="H650512" s="12"/>
    </row>
    <row r="650513" spans="8:8">
      <c r="H650513" s="12"/>
    </row>
    <row r="650514" spans="8:8">
      <c r="H650514" s="12"/>
    </row>
    <row r="650515" spans="8:8">
      <c r="H650515" s="12"/>
    </row>
    <row r="650516" spans="8:8">
      <c r="H650516" s="12"/>
    </row>
    <row r="650517" spans="8:8">
      <c r="H650517" s="12"/>
    </row>
    <row r="650518" spans="8:8">
      <c r="H650518" s="12"/>
    </row>
    <row r="650519" spans="8:8">
      <c r="H650519" s="12"/>
    </row>
    <row r="650520" spans="8:8">
      <c r="H650520" s="12"/>
    </row>
    <row r="650521" spans="8:8">
      <c r="H650521" s="12"/>
    </row>
    <row r="650522" spans="8:8">
      <c r="H650522" s="12"/>
    </row>
    <row r="650523" spans="8:8">
      <c r="H650523" s="12"/>
    </row>
    <row r="650524" spans="8:8">
      <c r="H650524" s="12"/>
    </row>
    <row r="650525" spans="8:8">
      <c r="H650525" s="12"/>
    </row>
    <row r="650526" spans="8:8">
      <c r="H650526" s="12"/>
    </row>
    <row r="650527" spans="8:8">
      <c r="H650527" s="12"/>
    </row>
    <row r="650528" spans="8:8">
      <c r="H650528" s="12"/>
    </row>
    <row r="650529" spans="8:8">
      <c r="H650529" s="12"/>
    </row>
    <row r="650530" spans="8:8">
      <c r="H650530" s="12"/>
    </row>
    <row r="650531" spans="8:8">
      <c r="H650531" s="12"/>
    </row>
    <row r="650532" spans="8:8">
      <c r="H650532" s="12"/>
    </row>
    <row r="650533" spans="8:8">
      <c r="H650533" s="12"/>
    </row>
    <row r="650534" spans="8:8">
      <c r="H650534" s="12"/>
    </row>
    <row r="650535" spans="8:8">
      <c r="H650535" s="12"/>
    </row>
    <row r="650536" spans="8:8">
      <c r="H650536" s="12"/>
    </row>
    <row r="650537" spans="8:8">
      <c r="H650537" s="12"/>
    </row>
    <row r="650538" spans="8:8">
      <c r="H650538" s="12"/>
    </row>
    <row r="650539" spans="8:8">
      <c r="H650539" s="12"/>
    </row>
    <row r="650540" spans="8:8">
      <c r="H650540" s="12"/>
    </row>
    <row r="650541" spans="8:8">
      <c r="H650541" s="12"/>
    </row>
    <row r="650542" spans="8:8">
      <c r="H650542" s="12"/>
    </row>
    <row r="650543" spans="8:8">
      <c r="H650543" s="12"/>
    </row>
    <row r="650544" spans="8:8">
      <c r="H650544" s="12"/>
    </row>
    <row r="650545" spans="8:8">
      <c r="H650545" s="12"/>
    </row>
    <row r="650546" spans="8:8">
      <c r="H650546" s="12"/>
    </row>
    <row r="650547" spans="8:8">
      <c r="H650547" s="12"/>
    </row>
    <row r="650548" spans="8:8">
      <c r="H650548" s="12"/>
    </row>
    <row r="650549" spans="8:8">
      <c r="H650549" s="12"/>
    </row>
    <row r="650550" spans="8:8">
      <c r="H650550" s="12"/>
    </row>
    <row r="650551" spans="8:8">
      <c r="H650551" s="12"/>
    </row>
    <row r="650552" spans="8:8">
      <c r="H650552" s="12"/>
    </row>
    <row r="650553" spans="8:8">
      <c r="H650553" s="12"/>
    </row>
    <row r="650554" spans="8:8">
      <c r="H650554" s="12"/>
    </row>
    <row r="650555" spans="8:8">
      <c r="H650555" s="12"/>
    </row>
    <row r="650556" spans="8:8">
      <c r="H650556" s="12"/>
    </row>
    <row r="650557" spans="8:8">
      <c r="H650557" s="12"/>
    </row>
    <row r="650558" spans="8:8">
      <c r="H650558" s="12"/>
    </row>
    <row r="650559" spans="8:8">
      <c r="H650559" s="12"/>
    </row>
    <row r="650560" spans="8:8">
      <c r="H650560" s="12"/>
    </row>
    <row r="650561" spans="8:8">
      <c r="H650561" s="12"/>
    </row>
    <row r="650562" spans="8:8">
      <c r="H650562" s="12"/>
    </row>
    <row r="650563" spans="8:8">
      <c r="H650563" s="12"/>
    </row>
    <row r="650564" spans="8:8">
      <c r="H650564" s="12"/>
    </row>
    <row r="650565" spans="8:8">
      <c r="H650565" s="12"/>
    </row>
    <row r="650566" spans="8:8">
      <c r="H650566" s="12"/>
    </row>
    <row r="650567" spans="8:8">
      <c r="H650567" s="12"/>
    </row>
    <row r="650568" spans="8:8">
      <c r="H650568" s="12"/>
    </row>
    <row r="650569" spans="8:8">
      <c r="H650569" s="12"/>
    </row>
    <row r="650570" spans="8:8">
      <c r="H650570" s="12"/>
    </row>
    <row r="650571" spans="8:8">
      <c r="H650571" s="12"/>
    </row>
    <row r="650572" spans="8:8">
      <c r="H650572" s="12"/>
    </row>
    <row r="650573" spans="8:8">
      <c r="H650573" s="12"/>
    </row>
    <row r="650574" spans="8:8">
      <c r="H650574" s="12"/>
    </row>
    <row r="650575" spans="8:8">
      <c r="H650575" s="12"/>
    </row>
    <row r="650576" spans="8:8">
      <c r="H650576" s="12"/>
    </row>
    <row r="650577" spans="8:8">
      <c r="H650577" s="12"/>
    </row>
    <row r="650578" spans="8:8">
      <c r="H650578" s="12"/>
    </row>
    <row r="650579" spans="8:8">
      <c r="H650579" s="12"/>
    </row>
    <row r="650580" spans="8:8">
      <c r="H650580" s="12"/>
    </row>
    <row r="650581" spans="8:8">
      <c r="H650581" s="12"/>
    </row>
    <row r="650582" spans="8:8">
      <c r="H650582" s="12"/>
    </row>
    <row r="650583" spans="8:8">
      <c r="H650583" s="12"/>
    </row>
    <row r="650584" spans="8:8">
      <c r="H650584" s="12"/>
    </row>
    <row r="650585" spans="8:8">
      <c r="H650585" s="12"/>
    </row>
    <row r="650586" spans="8:8">
      <c r="H650586" s="12"/>
    </row>
    <row r="650587" spans="8:8">
      <c r="H650587" s="12"/>
    </row>
    <row r="650588" spans="8:8">
      <c r="H650588" s="12"/>
    </row>
    <row r="650589" spans="8:8">
      <c r="H650589" s="12"/>
    </row>
    <row r="650590" spans="8:8">
      <c r="H650590" s="12"/>
    </row>
    <row r="650591" spans="8:8">
      <c r="H650591" s="12"/>
    </row>
    <row r="650592" spans="8:8">
      <c r="H650592" s="12"/>
    </row>
    <row r="650593" spans="8:8">
      <c r="H650593" s="12"/>
    </row>
    <row r="650594" spans="8:8">
      <c r="H650594" s="12"/>
    </row>
    <row r="650595" spans="8:8">
      <c r="H650595" s="12"/>
    </row>
    <row r="650596" spans="8:8">
      <c r="H650596" s="12"/>
    </row>
    <row r="650597" spans="8:8">
      <c r="H650597" s="12"/>
    </row>
    <row r="650598" spans="8:8">
      <c r="H650598" s="12"/>
    </row>
    <row r="650599" spans="8:8">
      <c r="H650599" s="12"/>
    </row>
    <row r="650600" spans="8:8">
      <c r="H650600" s="12"/>
    </row>
    <row r="650601" spans="8:8">
      <c r="H650601" s="12"/>
    </row>
    <row r="650602" spans="8:8">
      <c r="H650602" s="12"/>
    </row>
    <row r="650603" spans="8:8">
      <c r="H650603" s="12"/>
    </row>
    <row r="650604" spans="8:8">
      <c r="H650604" s="12"/>
    </row>
    <row r="650605" spans="8:8">
      <c r="H650605" s="12"/>
    </row>
    <row r="650606" spans="8:8">
      <c r="H650606" s="12"/>
    </row>
    <row r="650607" spans="8:8">
      <c r="H650607" s="12"/>
    </row>
    <row r="650608" spans="8:8">
      <c r="H650608" s="12"/>
    </row>
    <row r="650609" spans="8:8">
      <c r="H650609" s="12"/>
    </row>
    <row r="650610" spans="8:8">
      <c r="H650610" s="12"/>
    </row>
    <row r="650611" spans="8:8">
      <c r="H650611" s="12"/>
    </row>
    <row r="650612" spans="8:8">
      <c r="H650612" s="12"/>
    </row>
    <row r="650613" spans="8:8">
      <c r="H650613" s="12"/>
    </row>
    <row r="650614" spans="8:8">
      <c r="H650614" s="12"/>
    </row>
    <row r="650615" spans="8:8">
      <c r="H650615" s="12"/>
    </row>
    <row r="650616" spans="8:8">
      <c r="H650616" s="12"/>
    </row>
    <row r="650617" spans="8:8">
      <c r="H650617" s="12"/>
    </row>
    <row r="650618" spans="8:8">
      <c r="H650618" s="12"/>
    </row>
    <row r="650619" spans="8:8">
      <c r="H650619" s="12"/>
    </row>
    <row r="650620" spans="8:8">
      <c r="H650620" s="12"/>
    </row>
    <row r="650621" spans="8:8">
      <c r="H650621" s="12"/>
    </row>
    <row r="650622" spans="8:8">
      <c r="H650622" s="12"/>
    </row>
    <row r="650623" spans="8:8">
      <c r="H650623" s="12"/>
    </row>
    <row r="650624" spans="8:8">
      <c r="H650624" s="12"/>
    </row>
    <row r="650625" spans="8:8">
      <c r="H650625" s="12"/>
    </row>
    <row r="650626" spans="8:8">
      <c r="H650626" s="12"/>
    </row>
    <row r="650627" spans="8:8">
      <c r="H650627" s="12"/>
    </row>
    <row r="650628" spans="8:8">
      <c r="H650628" s="12"/>
    </row>
    <row r="650629" spans="8:8">
      <c r="H650629" s="12"/>
    </row>
    <row r="650630" spans="8:8">
      <c r="H650630" s="12"/>
    </row>
    <row r="650631" spans="8:8">
      <c r="H650631" s="12"/>
    </row>
    <row r="650632" spans="8:8">
      <c r="H650632" s="12"/>
    </row>
    <row r="650633" spans="8:8">
      <c r="H650633" s="12"/>
    </row>
    <row r="650634" spans="8:8">
      <c r="H650634" s="12"/>
    </row>
    <row r="650635" spans="8:8">
      <c r="H650635" s="12"/>
    </row>
    <row r="650636" spans="8:8">
      <c r="H650636" s="12"/>
    </row>
    <row r="650637" spans="8:8">
      <c r="H650637" s="12"/>
    </row>
    <row r="650638" spans="8:8">
      <c r="H650638" s="12"/>
    </row>
    <row r="650639" spans="8:8">
      <c r="H650639" s="12"/>
    </row>
    <row r="650640" spans="8:8">
      <c r="H650640" s="12"/>
    </row>
    <row r="650641" spans="8:8">
      <c r="H650641" s="12"/>
    </row>
    <row r="650642" spans="8:8">
      <c r="H650642" s="12"/>
    </row>
    <row r="650643" spans="8:8">
      <c r="H650643" s="12"/>
    </row>
    <row r="650644" spans="8:8">
      <c r="H650644" s="12"/>
    </row>
    <row r="650645" spans="8:8">
      <c r="H650645" s="12"/>
    </row>
    <row r="650646" spans="8:8">
      <c r="H650646" s="12"/>
    </row>
    <row r="650647" spans="8:8">
      <c r="H650647" s="12"/>
    </row>
    <row r="650648" spans="8:8">
      <c r="H650648" s="12"/>
    </row>
    <row r="650649" spans="8:8">
      <c r="H650649" s="12"/>
    </row>
    <row r="650650" spans="8:8">
      <c r="H650650" s="12"/>
    </row>
    <row r="650651" spans="8:8">
      <c r="H650651" s="12"/>
    </row>
    <row r="650652" spans="8:8">
      <c r="H650652" s="12"/>
    </row>
    <row r="650653" spans="8:8">
      <c r="H650653" s="12"/>
    </row>
    <row r="650654" spans="8:8">
      <c r="H650654" s="12"/>
    </row>
    <row r="650655" spans="8:8">
      <c r="H650655" s="12"/>
    </row>
    <row r="650656" spans="8:8">
      <c r="H650656" s="12"/>
    </row>
    <row r="650657" spans="8:8">
      <c r="H650657" s="12"/>
    </row>
    <row r="650658" spans="8:8">
      <c r="H650658" s="12"/>
    </row>
    <row r="650659" spans="8:8">
      <c r="H650659" s="12"/>
    </row>
    <row r="650660" spans="8:8">
      <c r="H650660" s="12"/>
    </row>
    <row r="650661" spans="8:8">
      <c r="H650661" s="12"/>
    </row>
    <row r="650662" spans="8:8">
      <c r="H650662" s="12"/>
    </row>
    <row r="650663" spans="8:8">
      <c r="H650663" s="12"/>
    </row>
    <row r="650664" spans="8:8">
      <c r="H650664" s="12"/>
    </row>
    <row r="650665" spans="8:8">
      <c r="H650665" s="12"/>
    </row>
    <row r="650666" spans="8:8">
      <c r="H650666" s="12"/>
    </row>
    <row r="650667" spans="8:8">
      <c r="H650667" s="12"/>
    </row>
    <row r="650668" spans="8:8">
      <c r="H650668" s="12"/>
    </row>
    <row r="650669" spans="8:8">
      <c r="H650669" s="12"/>
    </row>
    <row r="650670" spans="8:8">
      <c r="H650670" s="12"/>
    </row>
    <row r="650671" spans="8:8">
      <c r="H650671" s="12"/>
    </row>
    <row r="650672" spans="8:8">
      <c r="H650672" s="12"/>
    </row>
    <row r="650673" spans="8:8">
      <c r="H650673" s="12"/>
    </row>
    <row r="650674" spans="8:8">
      <c r="H650674" s="12"/>
    </row>
    <row r="650675" spans="8:8">
      <c r="H650675" s="12"/>
    </row>
    <row r="650676" spans="8:8">
      <c r="H650676" s="12"/>
    </row>
    <row r="650677" spans="8:8">
      <c r="H650677" s="12"/>
    </row>
    <row r="650678" spans="8:8">
      <c r="H650678" s="12"/>
    </row>
    <row r="650679" spans="8:8">
      <c r="H650679" s="12"/>
    </row>
    <row r="650680" spans="8:8">
      <c r="H650680" s="12"/>
    </row>
    <row r="650681" spans="8:8">
      <c r="H650681" s="12"/>
    </row>
    <row r="650682" spans="8:8">
      <c r="H650682" s="12"/>
    </row>
    <row r="650683" spans="8:8">
      <c r="H650683" s="12"/>
    </row>
    <row r="650684" spans="8:8">
      <c r="H650684" s="12"/>
    </row>
    <row r="650685" spans="8:8">
      <c r="H650685" s="12"/>
    </row>
    <row r="650686" spans="8:8">
      <c r="H650686" s="12"/>
    </row>
    <row r="650687" spans="8:8">
      <c r="H650687" s="12"/>
    </row>
    <row r="650688" spans="8:8">
      <c r="H650688" s="12"/>
    </row>
    <row r="650689" spans="8:8">
      <c r="H650689" s="12"/>
    </row>
    <row r="650690" spans="8:8">
      <c r="H650690" s="12"/>
    </row>
    <row r="650691" spans="8:8">
      <c r="H650691" s="12"/>
    </row>
    <row r="650692" spans="8:8">
      <c r="H650692" s="12"/>
    </row>
    <row r="650693" spans="8:8">
      <c r="H650693" s="12"/>
    </row>
    <row r="650694" spans="8:8">
      <c r="H650694" s="12"/>
    </row>
    <row r="650695" spans="8:8">
      <c r="H650695" s="12"/>
    </row>
    <row r="650696" spans="8:8">
      <c r="H650696" s="12"/>
    </row>
    <row r="650697" spans="8:8">
      <c r="H650697" s="12"/>
    </row>
    <row r="650698" spans="8:8">
      <c r="H650698" s="12"/>
    </row>
    <row r="650699" spans="8:8">
      <c r="H650699" s="12"/>
    </row>
    <row r="650700" spans="8:8">
      <c r="H650700" s="12"/>
    </row>
    <row r="650701" spans="8:8">
      <c r="H650701" s="12"/>
    </row>
    <row r="650702" spans="8:8">
      <c r="H650702" s="12"/>
    </row>
    <row r="650703" spans="8:8">
      <c r="H650703" s="12"/>
    </row>
    <row r="650704" spans="8:8">
      <c r="H650704" s="12"/>
    </row>
    <row r="650705" spans="8:8">
      <c r="H650705" s="12"/>
    </row>
    <row r="650706" spans="8:8">
      <c r="H650706" s="12"/>
    </row>
    <row r="650707" spans="8:8">
      <c r="H650707" s="12"/>
    </row>
    <row r="650708" spans="8:8">
      <c r="H650708" s="12"/>
    </row>
    <row r="650709" spans="8:8">
      <c r="H650709" s="12"/>
    </row>
    <row r="650710" spans="8:8">
      <c r="H650710" s="12"/>
    </row>
    <row r="650711" spans="8:8">
      <c r="H650711" s="12"/>
    </row>
    <row r="650712" spans="8:8">
      <c r="H650712" s="12"/>
    </row>
    <row r="650713" spans="8:8">
      <c r="H650713" s="12"/>
    </row>
    <row r="650714" spans="8:8">
      <c r="H650714" s="12"/>
    </row>
    <row r="650715" spans="8:8">
      <c r="H650715" s="12"/>
    </row>
    <row r="650716" spans="8:8">
      <c r="H650716" s="12"/>
    </row>
    <row r="650717" spans="8:8">
      <c r="H650717" s="12"/>
    </row>
    <row r="650718" spans="8:8">
      <c r="H650718" s="12"/>
    </row>
    <row r="650719" spans="8:8">
      <c r="H650719" s="12"/>
    </row>
    <row r="650720" spans="8:8">
      <c r="H650720" s="12"/>
    </row>
    <row r="650721" spans="8:8">
      <c r="H650721" s="12"/>
    </row>
    <row r="650722" spans="8:8">
      <c r="H650722" s="12"/>
    </row>
    <row r="650723" spans="8:8">
      <c r="H650723" s="12"/>
    </row>
    <row r="650724" spans="8:8">
      <c r="H650724" s="12"/>
    </row>
    <row r="650725" spans="8:8">
      <c r="H650725" s="12"/>
    </row>
    <row r="650726" spans="8:8">
      <c r="H650726" s="12"/>
    </row>
    <row r="650727" spans="8:8">
      <c r="H650727" s="12"/>
    </row>
    <row r="650728" spans="8:8">
      <c r="H650728" s="12"/>
    </row>
    <row r="650729" spans="8:8">
      <c r="H650729" s="12"/>
    </row>
    <row r="650730" spans="8:8">
      <c r="H650730" s="12"/>
    </row>
    <row r="650731" spans="8:8">
      <c r="H650731" s="12"/>
    </row>
    <row r="650732" spans="8:8">
      <c r="H650732" s="12"/>
    </row>
    <row r="650733" spans="8:8">
      <c r="H650733" s="12"/>
    </row>
    <row r="650734" spans="8:8">
      <c r="H650734" s="12"/>
    </row>
    <row r="650735" spans="8:8">
      <c r="H650735" s="12"/>
    </row>
    <row r="650736" spans="8:8">
      <c r="H650736" s="12"/>
    </row>
    <row r="650737" spans="8:8">
      <c r="H650737" s="12"/>
    </row>
    <row r="650738" spans="8:8">
      <c r="H650738" s="12"/>
    </row>
    <row r="650739" spans="8:8">
      <c r="H650739" s="12"/>
    </row>
    <row r="650740" spans="8:8">
      <c r="H650740" s="12"/>
    </row>
    <row r="650741" spans="8:8">
      <c r="H650741" s="12"/>
    </row>
    <row r="650742" spans="8:8">
      <c r="H650742" s="12"/>
    </row>
    <row r="650743" spans="8:8">
      <c r="H650743" s="12"/>
    </row>
    <row r="650744" spans="8:8">
      <c r="H650744" s="12"/>
    </row>
    <row r="650745" spans="8:8">
      <c r="H650745" s="12"/>
    </row>
    <row r="650746" spans="8:8">
      <c r="H650746" s="12"/>
    </row>
    <row r="650747" spans="8:8">
      <c r="H650747" s="12"/>
    </row>
    <row r="650748" spans="8:8">
      <c r="H650748" s="12"/>
    </row>
    <row r="650749" spans="8:8">
      <c r="H650749" s="12"/>
    </row>
    <row r="650750" spans="8:8">
      <c r="H650750" s="12"/>
    </row>
    <row r="650751" spans="8:8">
      <c r="H650751" s="12"/>
    </row>
    <row r="650752" spans="8:8">
      <c r="H650752" s="12"/>
    </row>
    <row r="650753" spans="8:8">
      <c r="H650753" s="12"/>
    </row>
    <row r="650754" spans="8:8">
      <c r="H650754" s="12"/>
    </row>
    <row r="650755" spans="8:8">
      <c r="H650755" s="12"/>
    </row>
    <row r="650756" spans="8:8">
      <c r="H650756" s="12"/>
    </row>
    <row r="650757" spans="8:8">
      <c r="H650757" s="12"/>
    </row>
    <row r="650758" spans="8:8">
      <c r="H650758" s="12"/>
    </row>
    <row r="650759" spans="8:8">
      <c r="H650759" s="12"/>
    </row>
    <row r="650760" spans="8:8">
      <c r="H650760" s="12"/>
    </row>
    <row r="650761" spans="8:8">
      <c r="H650761" s="12"/>
    </row>
    <row r="650762" spans="8:8">
      <c r="H650762" s="12"/>
    </row>
    <row r="650763" spans="8:8">
      <c r="H650763" s="12"/>
    </row>
    <row r="650764" spans="8:8">
      <c r="H650764" s="12"/>
    </row>
    <row r="650765" spans="8:8">
      <c r="H650765" s="12"/>
    </row>
    <row r="650766" spans="8:8">
      <c r="H650766" s="12"/>
    </row>
    <row r="650767" spans="8:8">
      <c r="H650767" s="12"/>
    </row>
    <row r="650768" spans="8:8">
      <c r="H650768" s="12"/>
    </row>
    <row r="650769" spans="8:8">
      <c r="H650769" s="12"/>
    </row>
    <row r="650770" spans="8:8">
      <c r="H650770" s="12"/>
    </row>
    <row r="650771" spans="8:8">
      <c r="H650771" s="12"/>
    </row>
    <row r="650772" spans="8:8">
      <c r="H650772" s="12"/>
    </row>
    <row r="650773" spans="8:8">
      <c r="H650773" s="12"/>
    </row>
    <row r="650774" spans="8:8">
      <c r="H650774" s="12"/>
    </row>
    <row r="650775" spans="8:8">
      <c r="H650775" s="12"/>
    </row>
    <row r="650776" spans="8:8">
      <c r="H650776" s="12"/>
    </row>
    <row r="650777" spans="8:8">
      <c r="H650777" s="12"/>
    </row>
    <row r="650778" spans="8:8">
      <c r="H650778" s="12"/>
    </row>
    <row r="650779" spans="8:8">
      <c r="H650779" s="12"/>
    </row>
    <row r="650780" spans="8:8">
      <c r="H650780" s="12"/>
    </row>
    <row r="650781" spans="8:8">
      <c r="H650781" s="12"/>
    </row>
    <row r="650782" spans="8:8">
      <c r="H650782" s="12"/>
    </row>
    <row r="650783" spans="8:8">
      <c r="H650783" s="12"/>
    </row>
    <row r="650784" spans="8:8">
      <c r="H650784" s="12"/>
    </row>
    <row r="650785" spans="8:8">
      <c r="H650785" s="12"/>
    </row>
    <row r="650786" spans="8:8">
      <c r="H650786" s="12"/>
    </row>
    <row r="650787" spans="8:8">
      <c r="H650787" s="12"/>
    </row>
    <row r="650788" spans="8:8">
      <c r="H650788" s="12"/>
    </row>
    <row r="650789" spans="8:8">
      <c r="H650789" s="12"/>
    </row>
    <row r="650790" spans="8:8">
      <c r="H650790" s="12"/>
    </row>
    <row r="650791" spans="8:8">
      <c r="H650791" s="12"/>
    </row>
    <row r="650792" spans="8:8">
      <c r="H650792" s="12"/>
    </row>
    <row r="650793" spans="8:8">
      <c r="H650793" s="12"/>
    </row>
    <row r="650794" spans="8:8">
      <c r="H650794" s="12"/>
    </row>
    <row r="650795" spans="8:8">
      <c r="H650795" s="12"/>
    </row>
    <row r="650796" spans="8:8">
      <c r="H650796" s="12"/>
    </row>
    <row r="650797" spans="8:8">
      <c r="H650797" s="12"/>
    </row>
    <row r="650798" spans="8:8">
      <c r="H650798" s="12"/>
    </row>
    <row r="650799" spans="8:8">
      <c r="H650799" s="12"/>
    </row>
    <row r="650800" spans="8:8">
      <c r="H650800" s="12"/>
    </row>
    <row r="650801" spans="8:8">
      <c r="H650801" s="12"/>
    </row>
    <row r="650802" spans="8:8">
      <c r="H650802" s="12"/>
    </row>
    <row r="650803" spans="8:8">
      <c r="H650803" s="12"/>
    </row>
    <row r="650804" spans="8:8">
      <c r="H650804" s="12"/>
    </row>
    <row r="650805" spans="8:8">
      <c r="H650805" s="12"/>
    </row>
    <row r="650806" spans="8:8">
      <c r="H650806" s="12"/>
    </row>
    <row r="650807" spans="8:8">
      <c r="H650807" s="12"/>
    </row>
    <row r="650808" spans="8:8">
      <c r="H650808" s="12"/>
    </row>
    <row r="650809" spans="8:8">
      <c r="H650809" s="12"/>
    </row>
    <row r="650810" spans="8:8">
      <c r="H650810" s="12"/>
    </row>
    <row r="650811" spans="8:8">
      <c r="H650811" s="12"/>
    </row>
    <row r="650812" spans="8:8">
      <c r="H650812" s="12"/>
    </row>
    <row r="650813" spans="8:8">
      <c r="H650813" s="12"/>
    </row>
    <row r="650814" spans="8:8">
      <c r="H650814" s="12"/>
    </row>
    <row r="650815" spans="8:8">
      <c r="H650815" s="12"/>
    </row>
    <row r="650816" spans="8:8">
      <c r="H650816" s="12"/>
    </row>
    <row r="650817" spans="8:8">
      <c r="H650817" s="12"/>
    </row>
    <row r="650818" spans="8:8">
      <c r="H650818" s="12"/>
    </row>
    <row r="650819" spans="8:8">
      <c r="H650819" s="12"/>
    </row>
    <row r="650820" spans="8:8">
      <c r="H650820" s="12"/>
    </row>
    <row r="650821" spans="8:8">
      <c r="H650821" s="12"/>
    </row>
    <row r="650822" spans="8:8">
      <c r="H650822" s="12"/>
    </row>
    <row r="650823" spans="8:8">
      <c r="H650823" s="12"/>
    </row>
    <row r="650824" spans="8:8">
      <c r="H650824" s="12"/>
    </row>
    <row r="650825" spans="8:8">
      <c r="H650825" s="12"/>
    </row>
    <row r="650826" spans="8:8">
      <c r="H650826" s="12"/>
    </row>
    <row r="650827" spans="8:8">
      <c r="H650827" s="12"/>
    </row>
    <row r="650828" spans="8:8">
      <c r="H650828" s="12"/>
    </row>
    <row r="650829" spans="8:8">
      <c r="H650829" s="12"/>
    </row>
    <row r="650830" spans="8:8">
      <c r="H650830" s="12"/>
    </row>
    <row r="650831" spans="8:8">
      <c r="H650831" s="12"/>
    </row>
    <row r="650832" spans="8:8">
      <c r="H650832" s="12"/>
    </row>
    <row r="650833" spans="8:8">
      <c r="H650833" s="12"/>
    </row>
    <row r="650834" spans="8:8">
      <c r="H650834" s="12"/>
    </row>
    <row r="650835" spans="8:8">
      <c r="H650835" s="12"/>
    </row>
    <row r="650836" spans="8:8">
      <c r="H650836" s="12"/>
    </row>
    <row r="650837" spans="8:8">
      <c r="H650837" s="12"/>
    </row>
    <row r="650838" spans="8:8">
      <c r="H650838" s="12"/>
    </row>
    <row r="650839" spans="8:8">
      <c r="H650839" s="12"/>
    </row>
    <row r="650840" spans="8:8">
      <c r="H650840" s="12"/>
    </row>
    <row r="650841" spans="8:8">
      <c r="H650841" s="12"/>
    </row>
    <row r="650842" spans="8:8">
      <c r="H650842" s="12"/>
    </row>
    <row r="650843" spans="8:8">
      <c r="H650843" s="12"/>
    </row>
    <row r="650844" spans="8:8">
      <c r="H650844" s="12"/>
    </row>
    <row r="650845" spans="8:8">
      <c r="H650845" s="12"/>
    </row>
    <row r="650846" spans="8:8">
      <c r="H650846" s="12"/>
    </row>
    <row r="650847" spans="8:8">
      <c r="H650847" s="12"/>
    </row>
    <row r="650848" spans="8:8">
      <c r="H650848" s="12"/>
    </row>
    <row r="650849" spans="8:8">
      <c r="H650849" s="12"/>
    </row>
    <row r="650850" spans="8:8">
      <c r="H650850" s="12"/>
    </row>
    <row r="650851" spans="8:8">
      <c r="H650851" s="12"/>
    </row>
    <row r="650852" spans="8:8">
      <c r="H650852" s="12"/>
    </row>
    <row r="650853" spans="8:8">
      <c r="H650853" s="12"/>
    </row>
    <row r="650854" spans="8:8">
      <c r="H650854" s="12"/>
    </row>
    <row r="650855" spans="8:8">
      <c r="H650855" s="12"/>
    </row>
    <row r="650856" spans="8:8">
      <c r="H650856" s="12"/>
    </row>
    <row r="650857" spans="8:8">
      <c r="H650857" s="12"/>
    </row>
    <row r="650858" spans="8:8">
      <c r="H650858" s="12"/>
    </row>
    <row r="650859" spans="8:8">
      <c r="H650859" s="12"/>
    </row>
    <row r="650860" spans="8:8">
      <c r="H650860" s="12"/>
    </row>
    <row r="650861" spans="8:8">
      <c r="H650861" s="12"/>
    </row>
    <row r="650862" spans="8:8">
      <c r="H650862" s="12"/>
    </row>
    <row r="650863" spans="8:8">
      <c r="H650863" s="12"/>
    </row>
    <row r="650864" spans="8:8">
      <c r="H650864" s="12"/>
    </row>
    <row r="650865" spans="8:8">
      <c r="H650865" s="12"/>
    </row>
    <row r="650866" spans="8:8">
      <c r="H650866" s="12"/>
    </row>
    <row r="650867" spans="8:8">
      <c r="H650867" s="12"/>
    </row>
    <row r="650868" spans="8:8">
      <c r="H650868" s="12"/>
    </row>
    <row r="650869" spans="8:8">
      <c r="H650869" s="12"/>
    </row>
    <row r="650870" spans="8:8">
      <c r="H650870" s="12"/>
    </row>
    <row r="650871" spans="8:8">
      <c r="H650871" s="12"/>
    </row>
    <row r="650872" spans="8:8">
      <c r="H650872" s="12"/>
    </row>
    <row r="650873" spans="8:8">
      <c r="H650873" s="12"/>
    </row>
    <row r="650874" spans="8:8">
      <c r="H650874" s="12"/>
    </row>
    <row r="650875" spans="8:8">
      <c r="H650875" s="12"/>
    </row>
    <row r="650876" spans="8:8">
      <c r="H650876" s="12"/>
    </row>
    <row r="650877" spans="8:8">
      <c r="H650877" s="12"/>
    </row>
    <row r="650878" spans="8:8">
      <c r="H650878" s="12"/>
    </row>
    <row r="650879" spans="8:8">
      <c r="H650879" s="12"/>
    </row>
    <row r="650880" spans="8:8">
      <c r="H650880" s="12"/>
    </row>
    <row r="650881" spans="8:8">
      <c r="H650881" s="12"/>
    </row>
    <row r="650882" spans="8:8">
      <c r="H650882" s="12"/>
    </row>
    <row r="650883" spans="8:8">
      <c r="H650883" s="12"/>
    </row>
    <row r="650884" spans="8:8">
      <c r="H650884" s="12"/>
    </row>
    <row r="650885" spans="8:8">
      <c r="H650885" s="12"/>
    </row>
    <row r="650886" spans="8:8">
      <c r="H650886" s="12"/>
    </row>
    <row r="650887" spans="8:8">
      <c r="H650887" s="12"/>
    </row>
    <row r="650888" spans="8:8">
      <c r="H650888" s="12"/>
    </row>
    <row r="650889" spans="8:8">
      <c r="H650889" s="12"/>
    </row>
    <row r="650890" spans="8:8">
      <c r="H650890" s="12"/>
    </row>
    <row r="650891" spans="8:8">
      <c r="H650891" s="12"/>
    </row>
    <row r="650892" spans="8:8">
      <c r="H650892" s="12"/>
    </row>
    <row r="650893" spans="8:8">
      <c r="H650893" s="12"/>
    </row>
    <row r="650894" spans="8:8">
      <c r="H650894" s="12"/>
    </row>
    <row r="650895" spans="8:8">
      <c r="H650895" s="12"/>
    </row>
    <row r="650896" spans="8:8">
      <c r="H650896" s="12"/>
    </row>
    <row r="650897" spans="8:8">
      <c r="H650897" s="12"/>
    </row>
    <row r="650898" spans="8:8">
      <c r="H650898" s="12"/>
    </row>
    <row r="650899" spans="8:8">
      <c r="H650899" s="12"/>
    </row>
    <row r="650900" spans="8:8">
      <c r="H650900" s="12"/>
    </row>
    <row r="650901" spans="8:8">
      <c r="H650901" s="12"/>
    </row>
    <row r="650902" spans="8:8">
      <c r="H650902" s="12"/>
    </row>
    <row r="650903" spans="8:8">
      <c r="H650903" s="12"/>
    </row>
    <row r="650904" spans="8:8">
      <c r="H650904" s="12"/>
    </row>
    <row r="650905" spans="8:8">
      <c r="H650905" s="12"/>
    </row>
    <row r="650906" spans="8:8">
      <c r="H650906" s="12"/>
    </row>
    <row r="650907" spans="8:8">
      <c r="H650907" s="12"/>
    </row>
    <row r="650908" spans="8:8">
      <c r="H650908" s="12"/>
    </row>
    <row r="650909" spans="8:8">
      <c r="H650909" s="12"/>
    </row>
    <row r="650910" spans="8:8">
      <c r="H650910" s="12"/>
    </row>
    <row r="650911" spans="8:8">
      <c r="H650911" s="12"/>
    </row>
    <row r="650912" spans="8:8">
      <c r="H650912" s="12"/>
    </row>
    <row r="650913" spans="8:8">
      <c r="H650913" s="12"/>
    </row>
    <row r="650914" spans="8:8">
      <c r="H650914" s="12"/>
    </row>
    <row r="650915" spans="8:8">
      <c r="H650915" s="12"/>
    </row>
    <row r="650916" spans="8:8">
      <c r="H650916" s="12"/>
    </row>
    <row r="650917" spans="8:8">
      <c r="H650917" s="12"/>
    </row>
    <row r="650918" spans="8:8">
      <c r="H650918" s="12"/>
    </row>
    <row r="650919" spans="8:8">
      <c r="H650919" s="12"/>
    </row>
    <row r="650920" spans="8:8">
      <c r="H650920" s="12"/>
    </row>
    <row r="650921" spans="8:8">
      <c r="H650921" s="12"/>
    </row>
    <row r="650922" spans="8:8">
      <c r="H650922" s="12"/>
    </row>
    <row r="650923" spans="8:8">
      <c r="H650923" s="12"/>
    </row>
    <row r="650924" spans="8:8">
      <c r="H650924" s="12"/>
    </row>
    <row r="650925" spans="8:8">
      <c r="H650925" s="12"/>
    </row>
    <row r="650926" spans="8:8">
      <c r="H650926" s="12"/>
    </row>
    <row r="650927" spans="8:8">
      <c r="H650927" s="12"/>
    </row>
    <row r="650928" spans="8:8">
      <c r="H650928" s="12"/>
    </row>
    <row r="650929" spans="8:8">
      <c r="H650929" s="12"/>
    </row>
    <row r="650930" spans="8:8">
      <c r="H650930" s="12"/>
    </row>
    <row r="650931" spans="8:8">
      <c r="H650931" s="12"/>
    </row>
    <row r="650932" spans="8:8">
      <c r="H650932" s="12"/>
    </row>
    <row r="650933" spans="8:8">
      <c r="H650933" s="12"/>
    </row>
    <row r="650934" spans="8:8">
      <c r="H650934" s="12"/>
    </row>
    <row r="650935" spans="8:8">
      <c r="H650935" s="12"/>
    </row>
    <row r="650936" spans="8:8">
      <c r="H650936" s="12"/>
    </row>
    <row r="650937" spans="8:8">
      <c r="H650937" s="12"/>
    </row>
    <row r="650938" spans="8:8">
      <c r="H650938" s="12"/>
    </row>
    <row r="650939" spans="8:8">
      <c r="H650939" s="12"/>
    </row>
    <row r="650940" spans="8:8">
      <c r="H650940" s="12"/>
    </row>
    <row r="650941" spans="8:8">
      <c r="H650941" s="12"/>
    </row>
    <row r="650942" spans="8:8">
      <c r="H650942" s="12"/>
    </row>
    <row r="650943" spans="8:8">
      <c r="H650943" s="12"/>
    </row>
    <row r="650944" spans="8:8">
      <c r="H650944" s="12"/>
    </row>
    <row r="650945" spans="8:8">
      <c r="H650945" s="12"/>
    </row>
    <row r="650946" spans="8:8">
      <c r="H650946" s="12"/>
    </row>
    <row r="650947" spans="8:8">
      <c r="H650947" s="12"/>
    </row>
    <row r="650948" spans="8:8">
      <c r="H650948" s="12"/>
    </row>
    <row r="650949" spans="8:8">
      <c r="H650949" s="12"/>
    </row>
    <row r="650950" spans="8:8">
      <c r="H650950" s="12"/>
    </row>
    <row r="650951" spans="8:8">
      <c r="H650951" s="12"/>
    </row>
    <row r="650952" spans="8:8">
      <c r="H650952" s="12"/>
    </row>
    <row r="650953" spans="8:8">
      <c r="H650953" s="12"/>
    </row>
    <row r="650954" spans="8:8">
      <c r="H650954" s="12"/>
    </row>
    <row r="650955" spans="8:8">
      <c r="H650955" s="12"/>
    </row>
    <row r="650956" spans="8:8">
      <c r="H650956" s="12"/>
    </row>
    <row r="650957" spans="8:8">
      <c r="H650957" s="12"/>
    </row>
    <row r="650958" spans="8:8">
      <c r="H650958" s="12"/>
    </row>
    <row r="650959" spans="8:8">
      <c r="H650959" s="12"/>
    </row>
    <row r="650960" spans="8:8">
      <c r="H650960" s="12"/>
    </row>
    <row r="650961" spans="8:8">
      <c r="H650961" s="12"/>
    </row>
    <row r="650962" spans="8:8">
      <c r="H650962" s="12"/>
    </row>
    <row r="650963" spans="8:8">
      <c r="H650963" s="12"/>
    </row>
    <row r="650964" spans="8:8">
      <c r="H650964" s="12"/>
    </row>
    <row r="650965" spans="8:8">
      <c r="H650965" s="12"/>
    </row>
    <row r="650966" spans="8:8">
      <c r="H650966" s="12"/>
    </row>
    <row r="650967" spans="8:8">
      <c r="H650967" s="12"/>
    </row>
    <row r="650968" spans="8:8">
      <c r="H650968" s="12"/>
    </row>
    <row r="650969" spans="8:8">
      <c r="H650969" s="12"/>
    </row>
    <row r="650970" spans="8:8">
      <c r="H650970" s="12"/>
    </row>
    <row r="650971" spans="8:8">
      <c r="H650971" s="12"/>
    </row>
    <row r="650972" spans="8:8">
      <c r="H650972" s="12"/>
    </row>
    <row r="650973" spans="8:8">
      <c r="H650973" s="12"/>
    </row>
    <row r="650974" spans="8:8">
      <c r="H650974" s="12"/>
    </row>
    <row r="650975" spans="8:8">
      <c r="H650975" s="12"/>
    </row>
    <row r="650976" spans="8:8">
      <c r="H650976" s="12"/>
    </row>
    <row r="650977" spans="8:8">
      <c r="H650977" s="12"/>
    </row>
    <row r="650978" spans="8:8">
      <c r="H650978" s="12"/>
    </row>
    <row r="650979" spans="8:8">
      <c r="H650979" s="12"/>
    </row>
    <row r="650980" spans="8:8">
      <c r="H650980" s="12"/>
    </row>
    <row r="650981" spans="8:8">
      <c r="H650981" s="12"/>
    </row>
    <row r="650982" spans="8:8">
      <c r="H650982" s="12"/>
    </row>
    <row r="650983" spans="8:8">
      <c r="H650983" s="12"/>
    </row>
    <row r="650984" spans="8:8">
      <c r="H650984" s="12"/>
    </row>
    <row r="650985" spans="8:8">
      <c r="H650985" s="12"/>
    </row>
    <row r="650986" spans="8:8">
      <c r="H650986" s="12"/>
    </row>
    <row r="650987" spans="8:8">
      <c r="H650987" s="12"/>
    </row>
    <row r="650988" spans="8:8">
      <c r="H650988" s="12"/>
    </row>
    <row r="650989" spans="8:8">
      <c r="H650989" s="12"/>
    </row>
    <row r="650990" spans="8:8">
      <c r="H650990" s="12"/>
    </row>
    <row r="650991" spans="8:8">
      <c r="H650991" s="12"/>
    </row>
    <row r="650992" spans="8:8">
      <c r="H650992" s="12"/>
    </row>
    <row r="650993" spans="8:8">
      <c r="H650993" s="12"/>
    </row>
    <row r="650994" spans="8:8">
      <c r="H650994" s="12"/>
    </row>
    <row r="650995" spans="8:8">
      <c r="H650995" s="12"/>
    </row>
    <row r="650996" spans="8:8">
      <c r="H650996" s="12"/>
    </row>
    <row r="650997" spans="8:8">
      <c r="H650997" s="12"/>
    </row>
    <row r="650998" spans="8:8">
      <c r="H650998" s="12"/>
    </row>
    <row r="650999" spans="8:8">
      <c r="H650999" s="12"/>
    </row>
    <row r="651000" spans="8:8">
      <c r="H651000" s="12"/>
    </row>
    <row r="651001" spans="8:8">
      <c r="H651001" s="12"/>
    </row>
    <row r="651002" spans="8:8">
      <c r="H651002" s="12"/>
    </row>
    <row r="651003" spans="8:8">
      <c r="H651003" s="12"/>
    </row>
    <row r="651004" spans="8:8">
      <c r="H651004" s="12"/>
    </row>
    <row r="651005" spans="8:8">
      <c r="H651005" s="12"/>
    </row>
    <row r="651006" spans="8:8">
      <c r="H651006" s="12"/>
    </row>
    <row r="651007" spans="8:8">
      <c r="H651007" s="12"/>
    </row>
    <row r="651008" spans="8:8">
      <c r="H651008" s="12"/>
    </row>
    <row r="651009" spans="8:8">
      <c r="H651009" s="12"/>
    </row>
    <row r="651010" spans="8:8">
      <c r="H651010" s="12"/>
    </row>
    <row r="651011" spans="8:8">
      <c r="H651011" s="12"/>
    </row>
    <row r="651012" spans="8:8">
      <c r="H651012" s="12"/>
    </row>
    <row r="651013" spans="8:8">
      <c r="H651013" s="12"/>
    </row>
    <row r="651014" spans="8:8">
      <c r="H651014" s="12"/>
    </row>
    <row r="651015" spans="8:8">
      <c r="H651015" s="12"/>
    </row>
    <row r="651016" spans="8:8">
      <c r="H651016" s="12"/>
    </row>
    <row r="651017" spans="8:8">
      <c r="H651017" s="12"/>
    </row>
    <row r="651018" spans="8:8">
      <c r="H651018" s="12"/>
    </row>
    <row r="651019" spans="8:8">
      <c r="H651019" s="12"/>
    </row>
    <row r="651020" spans="8:8">
      <c r="H651020" s="12"/>
    </row>
    <row r="651021" spans="8:8">
      <c r="H651021" s="12"/>
    </row>
    <row r="651022" spans="8:8">
      <c r="H651022" s="12"/>
    </row>
    <row r="651023" spans="8:8">
      <c r="H651023" s="12"/>
    </row>
    <row r="651024" spans="8:8">
      <c r="H651024" s="12"/>
    </row>
    <row r="651025" spans="8:8">
      <c r="H651025" s="12"/>
    </row>
    <row r="651026" spans="8:8">
      <c r="H651026" s="12"/>
    </row>
    <row r="651027" spans="8:8">
      <c r="H651027" s="12"/>
    </row>
    <row r="651028" spans="8:8">
      <c r="H651028" s="12"/>
    </row>
    <row r="651029" spans="8:8">
      <c r="H651029" s="12"/>
    </row>
    <row r="651030" spans="8:8">
      <c r="H651030" s="12"/>
    </row>
    <row r="651031" spans="8:8">
      <c r="H651031" s="12"/>
    </row>
    <row r="651032" spans="8:8">
      <c r="H651032" s="12"/>
    </row>
    <row r="651033" spans="8:8">
      <c r="H651033" s="12"/>
    </row>
    <row r="651034" spans="8:8">
      <c r="H651034" s="12"/>
    </row>
    <row r="651035" spans="8:8">
      <c r="H651035" s="12"/>
    </row>
    <row r="651036" spans="8:8">
      <c r="H651036" s="12"/>
    </row>
    <row r="651037" spans="8:8">
      <c r="H651037" s="12"/>
    </row>
    <row r="651038" spans="8:8">
      <c r="H651038" s="12"/>
    </row>
    <row r="651039" spans="8:8">
      <c r="H651039" s="12"/>
    </row>
    <row r="651040" spans="8:8">
      <c r="H651040" s="12"/>
    </row>
    <row r="651041" spans="8:8">
      <c r="H651041" s="12"/>
    </row>
    <row r="651042" spans="8:8">
      <c r="H651042" s="12"/>
    </row>
    <row r="651043" spans="8:8">
      <c r="H651043" s="12"/>
    </row>
    <row r="651044" spans="8:8">
      <c r="H651044" s="12"/>
    </row>
    <row r="651045" spans="8:8">
      <c r="H651045" s="12"/>
    </row>
    <row r="651046" spans="8:8">
      <c r="H651046" s="12"/>
    </row>
    <row r="651047" spans="8:8">
      <c r="H651047" s="12"/>
    </row>
    <row r="651048" spans="8:8">
      <c r="H651048" s="12"/>
    </row>
    <row r="651049" spans="8:8">
      <c r="H651049" s="12"/>
    </row>
    <row r="651050" spans="8:8">
      <c r="H651050" s="12"/>
    </row>
    <row r="651051" spans="8:8">
      <c r="H651051" s="12"/>
    </row>
    <row r="651052" spans="8:8">
      <c r="H651052" s="12"/>
    </row>
    <row r="651053" spans="8:8">
      <c r="H651053" s="12"/>
    </row>
    <row r="651054" spans="8:8">
      <c r="H651054" s="12"/>
    </row>
    <row r="651055" spans="8:8">
      <c r="H651055" s="12"/>
    </row>
    <row r="651056" spans="8:8">
      <c r="H651056" s="12"/>
    </row>
    <row r="651057" spans="8:8">
      <c r="H651057" s="12"/>
    </row>
    <row r="651058" spans="8:8">
      <c r="H651058" s="12"/>
    </row>
    <row r="651059" spans="8:8">
      <c r="H651059" s="12"/>
    </row>
    <row r="651060" spans="8:8">
      <c r="H651060" s="12"/>
    </row>
    <row r="651061" spans="8:8">
      <c r="H651061" s="12"/>
    </row>
    <row r="651062" spans="8:8">
      <c r="H651062" s="12"/>
    </row>
    <row r="651063" spans="8:8">
      <c r="H651063" s="12"/>
    </row>
    <row r="651064" spans="8:8">
      <c r="H651064" s="12"/>
    </row>
    <row r="651065" spans="8:8">
      <c r="H651065" s="12"/>
    </row>
    <row r="651066" spans="8:8">
      <c r="H651066" s="12"/>
    </row>
    <row r="651067" spans="8:8">
      <c r="H651067" s="12"/>
    </row>
    <row r="651068" spans="8:8">
      <c r="H651068" s="12"/>
    </row>
    <row r="651069" spans="8:8">
      <c r="H651069" s="12"/>
    </row>
    <row r="651070" spans="8:8">
      <c r="H651070" s="12"/>
    </row>
    <row r="651071" spans="8:8">
      <c r="H651071" s="12"/>
    </row>
    <row r="651072" spans="8:8">
      <c r="H651072" s="12"/>
    </row>
    <row r="651073" spans="8:8">
      <c r="H651073" s="12"/>
    </row>
    <row r="651074" spans="8:8">
      <c r="H651074" s="12"/>
    </row>
    <row r="651075" spans="8:8">
      <c r="H651075" s="12"/>
    </row>
    <row r="651076" spans="8:8">
      <c r="H651076" s="12"/>
    </row>
    <row r="651077" spans="8:8">
      <c r="H651077" s="12"/>
    </row>
    <row r="651078" spans="8:8">
      <c r="H651078" s="12"/>
    </row>
    <row r="651079" spans="8:8">
      <c r="H651079" s="12"/>
    </row>
    <row r="651080" spans="8:8">
      <c r="H651080" s="12"/>
    </row>
    <row r="651081" spans="8:8">
      <c r="H651081" s="12"/>
    </row>
    <row r="651082" spans="8:8">
      <c r="H651082" s="12"/>
    </row>
    <row r="651083" spans="8:8">
      <c r="H651083" s="12"/>
    </row>
    <row r="651084" spans="8:8">
      <c r="H651084" s="12"/>
    </row>
    <row r="651085" spans="8:8">
      <c r="H651085" s="12"/>
    </row>
    <row r="651086" spans="8:8">
      <c r="H651086" s="12"/>
    </row>
    <row r="651087" spans="8:8">
      <c r="H651087" s="12"/>
    </row>
    <row r="651088" spans="8:8">
      <c r="H651088" s="12"/>
    </row>
    <row r="651089" spans="8:8">
      <c r="H651089" s="12"/>
    </row>
    <row r="651090" spans="8:8">
      <c r="H651090" s="12"/>
    </row>
    <row r="651091" spans="8:8">
      <c r="H651091" s="12"/>
    </row>
    <row r="651092" spans="8:8">
      <c r="H651092" s="12"/>
    </row>
    <row r="651093" spans="8:8">
      <c r="H651093" s="12"/>
    </row>
    <row r="651094" spans="8:8">
      <c r="H651094" s="12"/>
    </row>
    <row r="651095" spans="8:8">
      <c r="H651095" s="12"/>
    </row>
    <row r="651096" spans="8:8">
      <c r="H651096" s="12"/>
    </row>
    <row r="651097" spans="8:8">
      <c r="H651097" s="12"/>
    </row>
    <row r="651098" spans="8:8">
      <c r="H651098" s="12"/>
    </row>
    <row r="651099" spans="8:8">
      <c r="H651099" s="12"/>
    </row>
    <row r="651100" spans="8:8">
      <c r="H651100" s="12"/>
    </row>
    <row r="651101" spans="8:8">
      <c r="H651101" s="12"/>
    </row>
    <row r="651102" spans="8:8">
      <c r="H651102" s="12"/>
    </row>
    <row r="651103" spans="8:8">
      <c r="H651103" s="12"/>
    </row>
    <row r="651104" spans="8:8">
      <c r="H651104" s="12"/>
    </row>
    <row r="651105" spans="8:8">
      <c r="H651105" s="12"/>
    </row>
    <row r="651106" spans="8:8">
      <c r="H651106" s="12"/>
    </row>
    <row r="651107" spans="8:8">
      <c r="H651107" s="12"/>
    </row>
    <row r="651108" spans="8:8">
      <c r="H651108" s="12"/>
    </row>
    <row r="651109" spans="8:8">
      <c r="H651109" s="12"/>
    </row>
    <row r="651110" spans="8:8">
      <c r="H651110" s="12"/>
    </row>
    <row r="651111" spans="8:8">
      <c r="H651111" s="12"/>
    </row>
    <row r="651112" spans="8:8">
      <c r="H651112" s="12"/>
    </row>
    <row r="651113" spans="8:8">
      <c r="H651113" s="12"/>
    </row>
    <row r="651114" spans="8:8">
      <c r="H651114" s="12"/>
    </row>
    <row r="651115" spans="8:8">
      <c r="H651115" s="12"/>
    </row>
    <row r="651116" spans="8:8">
      <c r="H651116" s="12"/>
    </row>
    <row r="651117" spans="8:8">
      <c r="H651117" s="12"/>
    </row>
    <row r="651118" spans="8:8">
      <c r="H651118" s="12"/>
    </row>
    <row r="651119" spans="8:8">
      <c r="H651119" s="12"/>
    </row>
    <row r="651120" spans="8:8">
      <c r="H651120" s="12"/>
    </row>
    <row r="651121" spans="8:8">
      <c r="H651121" s="12"/>
    </row>
    <row r="651122" spans="8:8">
      <c r="H651122" s="12"/>
    </row>
    <row r="651123" spans="8:8">
      <c r="H651123" s="12"/>
    </row>
    <row r="651124" spans="8:8">
      <c r="H651124" s="12"/>
    </row>
    <row r="651125" spans="8:8">
      <c r="H651125" s="12"/>
    </row>
    <row r="651126" spans="8:8">
      <c r="H651126" s="12"/>
    </row>
    <row r="651127" spans="8:8">
      <c r="H651127" s="12"/>
    </row>
    <row r="651128" spans="8:8">
      <c r="H651128" s="12"/>
    </row>
    <row r="651129" spans="8:8">
      <c r="H651129" s="12"/>
    </row>
    <row r="651130" spans="8:8">
      <c r="H651130" s="12"/>
    </row>
    <row r="651131" spans="8:8">
      <c r="H651131" s="12"/>
    </row>
    <row r="651132" spans="8:8">
      <c r="H651132" s="12"/>
    </row>
    <row r="651133" spans="8:8">
      <c r="H651133" s="12"/>
    </row>
    <row r="651134" spans="8:8">
      <c r="H651134" s="12"/>
    </row>
    <row r="651135" spans="8:8">
      <c r="H651135" s="12"/>
    </row>
    <row r="651136" spans="8:8">
      <c r="H651136" s="12"/>
    </row>
    <row r="651137" spans="8:8">
      <c r="H651137" s="12"/>
    </row>
    <row r="651138" spans="8:8">
      <c r="H651138" s="12"/>
    </row>
    <row r="651139" spans="8:8">
      <c r="H651139" s="12"/>
    </row>
    <row r="651140" spans="8:8">
      <c r="H651140" s="12"/>
    </row>
    <row r="651141" spans="8:8">
      <c r="H651141" s="12"/>
    </row>
    <row r="651142" spans="8:8">
      <c r="H651142" s="12"/>
    </row>
    <row r="651143" spans="8:8">
      <c r="H651143" s="12"/>
    </row>
    <row r="651144" spans="8:8">
      <c r="H651144" s="12"/>
    </row>
    <row r="651145" spans="8:8">
      <c r="H651145" s="12"/>
    </row>
    <row r="651146" spans="8:8">
      <c r="H651146" s="12"/>
    </row>
    <row r="651147" spans="8:8">
      <c r="H651147" s="12"/>
    </row>
    <row r="651148" spans="8:8">
      <c r="H651148" s="12"/>
    </row>
    <row r="651149" spans="8:8">
      <c r="H651149" s="12"/>
    </row>
    <row r="651150" spans="8:8">
      <c r="H651150" s="12"/>
    </row>
    <row r="651151" spans="8:8">
      <c r="H651151" s="12"/>
    </row>
    <row r="651152" spans="8:8">
      <c r="H651152" s="12"/>
    </row>
    <row r="651153" spans="8:8">
      <c r="H651153" s="12"/>
    </row>
    <row r="651154" spans="8:8">
      <c r="H651154" s="12"/>
    </row>
    <row r="651155" spans="8:8">
      <c r="H651155" s="12"/>
    </row>
    <row r="651156" spans="8:8">
      <c r="H651156" s="12"/>
    </row>
    <row r="651157" spans="8:8">
      <c r="H651157" s="12"/>
    </row>
    <row r="651158" spans="8:8">
      <c r="H651158" s="12"/>
    </row>
    <row r="651159" spans="8:8">
      <c r="H651159" s="12"/>
    </row>
    <row r="651160" spans="8:8">
      <c r="H651160" s="12"/>
    </row>
    <row r="651161" spans="8:8">
      <c r="H651161" s="12"/>
    </row>
    <row r="651162" spans="8:8">
      <c r="H651162" s="12"/>
    </row>
    <row r="651163" spans="8:8">
      <c r="H651163" s="12"/>
    </row>
    <row r="651164" spans="8:8">
      <c r="H651164" s="12"/>
    </row>
    <row r="651165" spans="8:8">
      <c r="H651165" s="12"/>
    </row>
    <row r="651166" spans="8:8">
      <c r="H651166" s="12"/>
    </row>
    <row r="651167" spans="8:8">
      <c r="H651167" s="12"/>
    </row>
    <row r="651168" spans="8:8">
      <c r="H651168" s="12"/>
    </row>
    <row r="651169" spans="8:8">
      <c r="H651169" s="12"/>
    </row>
    <row r="651170" spans="8:8">
      <c r="H651170" s="12"/>
    </row>
    <row r="651171" spans="8:8">
      <c r="H651171" s="12"/>
    </row>
    <row r="651172" spans="8:8">
      <c r="H651172" s="12"/>
    </row>
    <row r="651173" spans="8:8">
      <c r="H651173" s="12"/>
    </row>
    <row r="651174" spans="8:8">
      <c r="H651174" s="12"/>
    </row>
    <row r="651175" spans="8:8">
      <c r="H651175" s="12"/>
    </row>
    <row r="651176" spans="8:8">
      <c r="H651176" s="12"/>
    </row>
    <row r="651177" spans="8:8">
      <c r="H651177" s="12"/>
    </row>
    <row r="651178" spans="8:8">
      <c r="H651178" s="12"/>
    </row>
    <row r="651179" spans="8:8">
      <c r="H651179" s="12"/>
    </row>
    <row r="651180" spans="8:8">
      <c r="H651180" s="12"/>
    </row>
    <row r="651181" spans="8:8">
      <c r="H651181" s="12"/>
    </row>
    <row r="651182" spans="8:8">
      <c r="H651182" s="12"/>
    </row>
    <row r="651183" spans="8:8">
      <c r="H651183" s="12"/>
    </row>
    <row r="651184" spans="8:8">
      <c r="H651184" s="12"/>
    </row>
    <row r="651185" spans="8:8">
      <c r="H651185" s="12"/>
    </row>
    <row r="651186" spans="8:8">
      <c r="H651186" s="12"/>
    </row>
    <row r="651187" spans="8:8">
      <c r="H651187" s="12"/>
    </row>
    <row r="651188" spans="8:8">
      <c r="H651188" s="12"/>
    </row>
    <row r="651189" spans="8:8">
      <c r="H651189" s="12"/>
    </row>
    <row r="651190" spans="8:8">
      <c r="H651190" s="12"/>
    </row>
    <row r="651191" spans="8:8">
      <c r="H651191" s="12"/>
    </row>
    <row r="651192" spans="8:8">
      <c r="H651192" s="12"/>
    </row>
    <row r="651193" spans="8:8">
      <c r="H651193" s="12"/>
    </row>
    <row r="651194" spans="8:8">
      <c r="H651194" s="12"/>
    </row>
    <row r="651195" spans="8:8">
      <c r="H651195" s="12"/>
    </row>
    <row r="651196" spans="8:8">
      <c r="H651196" s="12"/>
    </row>
    <row r="651197" spans="8:8">
      <c r="H651197" s="12"/>
    </row>
    <row r="651198" spans="8:8">
      <c r="H651198" s="12"/>
    </row>
    <row r="651199" spans="8:8">
      <c r="H651199" s="12"/>
    </row>
    <row r="651200" spans="8:8">
      <c r="H651200" s="12"/>
    </row>
    <row r="651201" spans="8:8">
      <c r="H651201" s="12"/>
    </row>
    <row r="651202" spans="8:8">
      <c r="H651202" s="12"/>
    </row>
    <row r="651203" spans="8:8">
      <c r="H651203" s="12"/>
    </row>
    <row r="651204" spans="8:8">
      <c r="H651204" s="12"/>
    </row>
    <row r="651205" spans="8:8">
      <c r="H651205" s="12"/>
    </row>
    <row r="651206" spans="8:8">
      <c r="H651206" s="12"/>
    </row>
    <row r="651207" spans="8:8">
      <c r="H651207" s="12"/>
    </row>
    <row r="651208" spans="8:8">
      <c r="H651208" s="12"/>
    </row>
    <row r="651209" spans="8:8">
      <c r="H651209" s="12"/>
    </row>
    <row r="651210" spans="8:8">
      <c r="H651210" s="12"/>
    </row>
    <row r="651211" spans="8:8">
      <c r="H651211" s="12"/>
    </row>
    <row r="651212" spans="8:8">
      <c r="H651212" s="12"/>
    </row>
    <row r="651213" spans="8:8">
      <c r="H651213" s="12"/>
    </row>
    <row r="651214" spans="8:8">
      <c r="H651214" s="12"/>
    </row>
    <row r="651215" spans="8:8">
      <c r="H651215" s="12"/>
    </row>
    <row r="651216" spans="8:8">
      <c r="H651216" s="12"/>
    </row>
    <row r="651217" spans="8:8">
      <c r="H651217" s="12"/>
    </row>
    <row r="651218" spans="8:8">
      <c r="H651218" s="12"/>
    </row>
    <row r="651219" spans="8:8">
      <c r="H651219" s="12"/>
    </row>
    <row r="651220" spans="8:8">
      <c r="H651220" s="12"/>
    </row>
    <row r="651221" spans="8:8">
      <c r="H651221" s="12"/>
    </row>
    <row r="651222" spans="8:8">
      <c r="H651222" s="12"/>
    </row>
    <row r="651223" spans="8:8">
      <c r="H651223" s="12"/>
    </row>
    <row r="651224" spans="8:8">
      <c r="H651224" s="12"/>
    </row>
    <row r="651225" spans="8:8">
      <c r="H651225" s="12"/>
    </row>
    <row r="651226" spans="8:8">
      <c r="H651226" s="12"/>
    </row>
    <row r="651227" spans="8:8">
      <c r="H651227" s="12"/>
    </row>
    <row r="651228" spans="8:8">
      <c r="H651228" s="12"/>
    </row>
    <row r="651229" spans="8:8">
      <c r="H651229" s="12"/>
    </row>
    <row r="651230" spans="8:8">
      <c r="H651230" s="12"/>
    </row>
    <row r="651231" spans="8:8">
      <c r="H651231" s="12"/>
    </row>
    <row r="651232" spans="8:8">
      <c r="H651232" s="12"/>
    </row>
    <row r="651233" spans="8:8">
      <c r="H651233" s="12"/>
    </row>
    <row r="651234" spans="8:8">
      <c r="H651234" s="12"/>
    </row>
    <row r="651235" spans="8:8">
      <c r="H651235" s="12"/>
    </row>
    <row r="651236" spans="8:8">
      <c r="H651236" s="12"/>
    </row>
    <row r="651237" spans="8:8">
      <c r="H651237" s="12"/>
    </row>
    <row r="651238" spans="8:8">
      <c r="H651238" s="12"/>
    </row>
    <row r="651239" spans="8:8">
      <c r="H651239" s="12"/>
    </row>
    <row r="651240" spans="8:8">
      <c r="H651240" s="12"/>
    </row>
    <row r="651241" spans="8:8">
      <c r="H651241" s="12"/>
    </row>
    <row r="651242" spans="8:8">
      <c r="H651242" s="12"/>
    </row>
    <row r="651243" spans="8:8">
      <c r="H651243" s="12"/>
    </row>
    <row r="651244" spans="8:8">
      <c r="H651244" s="12"/>
    </row>
    <row r="651245" spans="8:8">
      <c r="H651245" s="12"/>
    </row>
    <row r="651246" spans="8:8">
      <c r="H651246" s="12"/>
    </row>
    <row r="651247" spans="8:8">
      <c r="H651247" s="12"/>
    </row>
    <row r="651248" spans="8:8">
      <c r="H651248" s="12"/>
    </row>
    <row r="651249" spans="8:8">
      <c r="H651249" s="12"/>
    </row>
    <row r="651250" spans="8:8">
      <c r="H651250" s="12"/>
    </row>
    <row r="651251" spans="8:8">
      <c r="H651251" s="12"/>
    </row>
    <row r="651252" spans="8:8">
      <c r="H651252" s="12"/>
    </row>
    <row r="651253" spans="8:8">
      <c r="H651253" s="12"/>
    </row>
    <row r="651254" spans="8:8">
      <c r="H651254" s="12"/>
    </row>
    <row r="651255" spans="8:8">
      <c r="H651255" s="12"/>
    </row>
    <row r="651256" spans="8:8">
      <c r="H651256" s="12"/>
    </row>
    <row r="651257" spans="8:8">
      <c r="H651257" s="12"/>
    </row>
    <row r="651258" spans="8:8">
      <c r="H651258" s="12"/>
    </row>
    <row r="651259" spans="8:8">
      <c r="H651259" s="12"/>
    </row>
    <row r="651260" spans="8:8">
      <c r="H651260" s="12"/>
    </row>
    <row r="651261" spans="8:8">
      <c r="H651261" s="12"/>
    </row>
    <row r="651262" spans="8:8">
      <c r="H651262" s="12"/>
    </row>
    <row r="651263" spans="8:8">
      <c r="H651263" s="12"/>
    </row>
    <row r="651264" spans="8:8">
      <c r="H651264" s="12"/>
    </row>
    <row r="651265" spans="8:8">
      <c r="H651265" s="12"/>
    </row>
    <row r="651266" spans="8:8">
      <c r="H651266" s="12"/>
    </row>
    <row r="651267" spans="8:8">
      <c r="H651267" s="12"/>
    </row>
    <row r="651268" spans="8:8">
      <c r="H651268" s="12"/>
    </row>
    <row r="651269" spans="8:8">
      <c r="H651269" s="12"/>
    </row>
    <row r="651270" spans="8:8">
      <c r="H651270" s="12"/>
    </row>
    <row r="651271" spans="8:8">
      <c r="H651271" s="12"/>
    </row>
    <row r="651272" spans="8:8">
      <c r="H651272" s="12"/>
    </row>
    <row r="651273" spans="8:8">
      <c r="H651273" s="12"/>
    </row>
    <row r="651274" spans="8:8">
      <c r="H651274" s="12"/>
    </row>
    <row r="651275" spans="8:8">
      <c r="H651275" s="12"/>
    </row>
    <row r="651276" spans="8:8">
      <c r="H651276" s="12"/>
    </row>
    <row r="651277" spans="8:8">
      <c r="H651277" s="12"/>
    </row>
    <row r="651278" spans="8:8">
      <c r="H651278" s="12"/>
    </row>
    <row r="651279" spans="8:8">
      <c r="H651279" s="12"/>
    </row>
    <row r="651280" spans="8:8">
      <c r="H651280" s="12"/>
    </row>
    <row r="651281" spans="8:8">
      <c r="H651281" s="12"/>
    </row>
    <row r="651282" spans="8:8">
      <c r="H651282" s="12"/>
    </row>
    <row r="651283" spans="8:8">
      <c r="H651283" s="12"/>
    </row>
    <row r="651284" spans="8:8">
      <c r="H651284" s="12"/>
    </row>
    <row r="651285" spans="8:8">
      <c r="H651285" s="12"/>
    </row>
    <row r="651286" spans="8:8">
      <c r="H651286" s="12"/>
    </row>
    <row r="651287" spans="8:8">
      <c r="H651287" s="12"/>
    </row>
    <row r="651288" spans="8:8">
      <c r="H651288" s="12"/>
    </row>
    <row r="651289" spans="8:8">
      <c r="H651289" s="12"/>
    </row>
    <row r="651290" spans="8:8">
      <c r="H651290" s="12"/>
    </row>
    <row r="651291" spans="8:8">
      <c r="H651291" s="12"/>
    </row>
    <row r="651292" spans="8:8">
      <c r="H651292" s="12"/>
    </row>
    <row r="651293" spans="8:8">
      <c r="H651293" s="12"/>
    </row>
    <row r="651294" spans="8:8">
      <c r="H651294" s="12"/>
    </row>
    <row r="651295" spans="8:8">
      <c r="H651295" s="12"/>
    </row>
    <row r="651296" spans="8:8">
      <c r="H651296" s="12"/>
    </row>
    <row r="651297" spans="8:8">
      <c r="H651297" s="12"/>
    </row>
    <row r="651298" spans="8:8">
      <c r="H651298" s="12"/>
    </row>
    <row r="651299" spans="8:8">
      <c r="H651299" s="12"/>
    </row>
    <row r="651300" spans="8:8">
      <c r="H651300" s="12"/>
    </row>
    <row r="651301" spans="8:8">
      <c r="H651301" s="12"/>
    </row>
    <row r="651302" spans="8:8">
      <c r="H651302" s="12"/>
    </row>
    <row r="651303" spans="8:8">
      <c r="H651303" s="12"/>
    </row>
    <row r="651304" spans="8:8">
      <c r="H651304" s="12"/>
    </row>
    <row r="651305" spans="8:8">
      <c r="H651305" s="12"/>
    </row>
    <row r="651306" spans="8:8">
      <c r="H651306" s="12"/>
    </row>
    <row r="651307" spans="8:8">
      <c r="H651307" s="12"/>
    </row>
    <row r="651308" spans="8:8">
      <c r="H651308" s="12"/>
    </row>
    <row r="651309" spans="8:8">
      <c r="H651309" s="12"/>
    </row>
    <row r="651310" spans="8:8">
      <c r="H651310" s="12"/>
    </row>
    <row r="651311" spans="8:8">
      <c r="H651311" s="12"/>
    </row>
    <row r="651312" spans="8:8">
      <c r="H651312" s="12"/>
    </row>
    <row r="651313" spans="8:8">
      <c r="H651313" s="12"/>
    </row>
    <row r="651314" spans="8:8">
      <c r="H651314" s="12"/>
    </row>
    <row r="651315" spans="8:8">
      <c r="H651315" s="12"/>
    </row>
    <row r="651316" spans="8:8">
      <c r="H651316" s="12"/>
    </row>
    <row r="651317" spans="8:8">
      <c r="H651317" s="12"/>
    </row>
    <row r="651318" spans="8:8">
      <c r="H651318" s="12"/>
    </row>
    <row r="651319" spans="8:8">
      <c r="H651319" s="12"/>
    </row>
    <row r="651320" spans="8:8">
      <c r="H651320" s="12"/>
    </row>
    <row r="651321" spans="8:8">
      <c r="H651321" s="12"/>
    </row>
    <row r="651322" spans="8:8">
      <c r="H651322" s="12"/>
    </row>
    <row r="651323" spans="8:8">
      <c r="H651323" s="12"/>
    </row>
    <row r="651324" spans="8:8">
      <c r="H651324" s="12"/>
    </row>
    <row r="651325" spans="8:8">
      <c r="H651325" s="12"/>
    </row>
    <row r="651326" spans="8:8">
      <c r="H651326" s="12"/>
    </row>
    <row r="651327" spans="8:8">
      <c r="H651327" s="12"/>
    </row>
    <row r="651328" spans="8:8">
      <c r="H651328" s="12"/>
    </row>
    <row r="651329" spans="8:8">
      <c r="H651329" s="12"/>
    </row>
    <row r="651330" spans="8:8">
      <c r="H651330" s="12"/>
    </row>
    <row r="651331" spans="8:8">
      <c r="H651331" s="12"/>
    </row>
    <row r="651332" spans="8:8">
      <c r="H651332" s="12"/>
    </row>
    <row r="651333" spans="8:8">
      <c r="H651333" s="12"/>
    </row>
    <row r="651334" spans="8:8">
      <c r="H651334" s="12"/>
    </row>
    <row r="651335" spans="8:8">
      <c r="H651335" s="12"/>
    </row>
    <row r="651336" spans="8:8">
      <c r="H651336" s="12"/>
    </row>
    <row r="651337" spans="8:8">
      <c r="H651337" s="12"/>
    </row>
    <row r="651338" spans="8:8">
      <c r="H651338" s="12"/>
    </row>
    <row r="651339" spans="8:8">
      <c r="H651339" s="12"/>
    </row>
    <row r="651340" spans="8:8">
      <c r="H651340" s="12"/>
    </row>
    <row r="651341" spans="8:8">
      <c r="H651341" s="12"/>
    </row>
    <row r="651342" spans="8:8">
      <c r="H651342" s="12"/>
    </row>
    <row r="651343" spans="8:8">
      <c r="H651343" s="12"/>
    </row>
    <row r="651344" spans="8:8">
      <c r="H651344" s="12"/>
    </row>
    <row r="651345" spans="8:8">
      <c r="H651345" s="12"/>
    </row>
    <row r="651346" spans="8:8">
      <c r="H651346" s="12"/>
    </row>
    <row r="651347" spans="8:8">
      <c r="H651347" s="12"/>
    </row>
    <row r="651348" spans="8:8">
      <c r="H651348" s="12"/>
    </row>
    <row r="651349" spans="8:8">
      <c r="H651349" s="12"/>
    </row>
    <row r="651350" spans="8:8">
      <c r="H651350" s="12"/>
    </row>
    <row r="651351" spans="8:8">
      <c r="H651351" s="12"/>
    </row>
    <row r="651352" spans="8:8">
      <c r="H651352" s="12"/>
    </row>
    <row r="651353" spans="8:8">
      <c r="H651353" s="12"/>
    </row>
    <row r="651354" spans="8:8">
      <c r="H651354" s="12"/>
    </row>
    <row r="651355" spans="8:8">
      <c r="H651355" s="12"/>
    </row>
    <row r="651356" spans="8:8">
      <c r="H651356" s="12"/>
    </row>
    <row r="651357" spans="8:8">
      <c r="H651357" s="12"/>
    </row>
    <row r="651358" spans="8:8">
      <c r="H651358" s="12"/>
    </row>
    <row r="651359" spans="8:8">
      <c r="H651359" s="12"/>
    </row>
    <row r="651360" spans="8:8">
      <c r="H651360" s="12"/>
    </row>
    <row r="651361" spans="8:8">
      <c r="H651361" s="12"/>
    </row>
    <row r="651362" spans="8:8">
      <c r="H651362" s="12"/>
    </row>
    <row r="651363" spans="8:8">
      <c r="H651363" s="12"/>
    </row>
    <row r="651364" spans="8:8">
      <c r="H651364" s="12"/>
    </row>
    <row r="651365" spans="8:8">
      <c r="H651365" s="12"/>
    </row>
    <row r="651366" spans="8:8">
      <c r="H651366" s="12"/>
    </row>
    <row r="651367" spans="8:8">
      <c r="H651367" s="12"/>
    </row>
    <row r="651368" spans="8:8">
      <c r="H651368" s="12"/>
    </row>
    <row r="651369" spans="8:8">
      <c r="H651369" s="12"/>
    </row>
    <row r="651370" spans="8:8">
      <c r="H651370" s="12"/>
    </row>
    <row r="651371" spans="8:8">
      <c r="H651371" s="12"/>
    </row>
    <row r="651372" spans="8:8">
      <c r="H651372" s="12"/>
    </row>
    <row r="651373" spans="8:8">
      <c r="H651373" s="12"/>
    </row>
    <row r="651374" spans="8:8">
      <c r="H651374" s="12"/>
    </row>
    <row r="651375" spans="8:8">
      <c r="H651375" s="12"/>
    </row>
    <row r="651376" spans="8:8">
      <c r="H651376" s="12"/>
    </row>
    <row r="651377" spans="8:8">
      <c r="H651377" s="12"/>
    </row>
    <row r="651378" spans="8:8">
      <c r="H651378" s="12"/>
    </row>
    <row r="651379" spans="8:8">
      <c r="H651379" s="12"/>
    </row>
    <row r="651380" spans="8:8">
      <c r="H651380" s="12"/>
    </row>
    <row r="651381" spans="8:8">
      <c r="H651381" s="12"/>
    </row>
    <row r="651382" spans="8:8">
      <c r="H651382" s="12"/>
    </row>
    <row r="651383" spans="8:8">
      <c r="H651383" s="12"/>
    </row>
    <row r="651384" spans="8:8">
      <c r="H651384" s="12"/>
    </row>
    <row r="651385" spans="8:8">
      <c r="H651385" s="12"/>
    </row>
    <row r="651386" spans="8:8">
      <c r="H651386" s="12"/>
    </row>
    <row r="651387" spans="8:8">
      <c r="H651387" s="12"/>
    </row>
    <row r="651388" spans="8:8">
      <c r="H651388" s="12"/>
    </row>
    <row r="651389" spans="8:8">
      <c r="H651389" s="12"/>
    </row>
    <row r="651390" spans="8:8">
      <c r="H651390" s="12"/>
    </row>
    <row r="651391" spans="8:8">
      <c r="H651391" s="12"/>
    </row>
    <row r="651392" spans="8:8">
      <c r="H651392" s="12"/>
    </row>
    <row r="651393" spans="8:8">
      <c r="H651393" s="12"/>
    </row>
    <row r="651394" spans="8:8">
      <c r="H651394" s="12"/>
    </row>
    <row r="651395" spans="8:8">
      <c r="H651395" s="12"/>
    </row>
    <row r="651396" spans="8:8">
      <c r="H651396" s="12"/>
    </row>
    <row r="651397" spans="8:8">
      <c r="H651397" s="12"/>
    </row>
    <row r="651398" spans="8:8">
      <c r="H651398" s="12"/>
    </row>
    <row r="651399" spans="8:8">
      <c r="H651399" s="12"/>
    </row>
    <row r="651400" spans="8:8">
      <c r="H651400" s="12"/>
    </row>
    <row r="651401" spans="8:8">
      <c r="H651401" s="12"/>
    </row>
    <row r="651402" spans="8:8">
      <c r="H651402" s="12"/>
    </row>
    <row r="651403" spans="8:8">
      <c r="H651403" s="12"/>
    </row>
    <row r="651404" spans="8:8">
      <c r="H651404" s="12"/>
    </row>
    <row r="651405" spans="8:8">
      <c r="H651405" s="12"/>
    </row>
    <row r="651406" spans="8:8">
      <c r="H651406" s="12"/>
    </row>
    <row r="651407" spans="8:8">
      <c r="H651407" s="12"/>
    </row>
    <row r="651408" spans="8:8">
      <c r="H651408" s="12"/>
    </row>
    <row r="651409" spans="8:8">
      <c r="H651409" s="12"/>
    </row>
    <row r="651410" spans="8:8">
      <c r="H651410" s="12"/>
    </row>
    <row r="651411" spans="8:8">
      <c r="H651411" s="12"/>
    </row>
    <row r="651412" spans="8:8">
      <c r="H651412" s="12"/>
    </row>
    <row r="651413" spans="8:8">
      <c r="H651413" s="12"/>
    </row>
    <row r="651414" spans="8:8">
      <c r="H651414" s="12"/>
    </row>
    <row r="651415" spans="8:8">
      <c r="H651415" s="12"/>
    </row>
    <row r="651416" spans="8:8">
      <c r="H651416" s="12"/>
    </row>
    <row r="651417" spans="8:8">
      <c r="H651417" s="12"/>
    </row>
    <row r="651418" spans="8:8">
      <c r="H651418" s="12"/>
    </row>
    <row r="651419" spans="8:8">
      <c r="H651419" s="12"/>
    </row>
    <row r="651420" spans="8:8">
      <c r="H651420" s="12"/>
    </row>
    <row r="651421" spans="8:8">
      <c r="H651421" s="12"/>
    </row>
    <row r="651422" spans="8:8">
      <c r="H651422" s="12"/>
    </row>
    <row r="651423" spans="8:8">
      <c r="H651423" s="12"/>
    </row>
    <row r="651424" spans="8:8">
      <c r="H651424" s="12"/>
    </row>
    <row r="651425" spans="8:8">
      <c r="H651425" s="12"/>
    </row>
    <row r="651426" spans="8:8">
      <c r="H651426" s="12"/>
    </row>
    <row r="651427" spans="8:8">
      <c r="H651427" s="12"/>
    </row>
    <row r="651428" spans="8:8">
      <c r="H651428" s="12"/>
    </row>
    <row r="651429" spans="8:8">
      <c r="H651429" s="12"/>
    </row>
    <row r="651430" spans="8:8">
      <c r="H651430" s="12"/>
    </row>
    <row r="651431" spans="8:8">
      <c r="H651431" s="12"/>
    </row>
    <row r="651432" spans="8:8">
      <c r="H651432" s="12"/>
    </row>
    <row r="651433" spans="8:8">
      <c r="H651433" s="12"/>
    </row>
    <row r="651434" spans="8:8">
      <c r="H651434" s="12"/>
    </row>
    <row r="651435" spans="8:8">
      <c r="H651435" s="12"/>
    </row>
    <row r="651436" spans="8:8">
      <c r="H651436" s="12"/>
    </row>
    <row r="651437" spans="8:8">
      <c r="H651437" s="12"/>
    </row>
    <row r="651438" spans="8:8">
      <c r="H651438" s="12"/>
    </row>
    <row r="651439" spans="8:8">
      <c r="H651439" s="12"/>
    </row>
    <row r="651440" spans="8:8">
      <c r="H651440" s="12"/>
    </row>
    <row r="651441" spans="8:8">
      <c r="H651441" s="12"/>
    </row>
    <row r="651442" spans="8:8">
      <c r="H651442" s="12"/>
    </row>
    <row r="651443" spans="8:8">
      <c r="H651443" s="12"/>
    </row>
    <row r="651444" spans="8:8">
      <c r="H651444" s="12"/>
    </row>
    <row r="651445" spans="8:8">
      <c r="H651445" s="12"/>
    </row>
    <row r="651446" spans="8:8">
      <c r="H651446" s="12"/>
    </row>
    <row r="651447" spans="8:8">
      <c r="H651447" s="12"/>
    </row>
    <row r="651448" spans="8:8">
      <c r="H651448" s="12"/>
    </row>
    <row r="651449" spans="8:8">
      <c r="H651449" s="12"/>
    </row>
    <row r="651450" spans="8:8">
      <c r="H651450" s="12"/>
    </row>
    <row r="651451" spans="8:8">
      <c r="H651451" s="12"/>
    </row>
    <row r="651452" spans="8:8">
      <c r="H651452" s="12"/>
    </row>
    <row r="651453" spans="8:8">
      <c r="H651453" s="12"/>
    </row>
    <row r="651454" spans="8:8">
      <c r="H651454" s="12"/>
    </row>
    <row r="651455" spans="8:8">
      <c r="H651455" s="12"/>
    </row>
    <row r="651456" spans="8:8">
      <c r="H651456" s="12"/>
    </row>
    <row r="651457" spans="8:8">
      <c r="H651457" s="12"/>
    </row>
    <row r="651458" spans="8:8">
      <c r="H651458" s="12"/>
    </row>
    <row r="651459" spans="8:8">
      <c r="H651459" s="12"/>
    </row>
    <row r="651460" spans="8:8">
      <c r="H651460" s="12"/>
    </row>
    <row r="651461" spans="8:8">
      <c r="H651461" s="12"/>
    </row>
    <row r="651462" spans="8:8">
      <c r="H651462" s="12"/>
    </row>
    <row r="651463" spans="8:8">
      <c r="H651463" s="12"/>
    </row>
    <row r="651464" spans="8:8">
      <c r="H651464" s="12"/>
    </row>
    <row r="651465" spans="8:8">
      <c r="H651465" s="12"/>
    </row>
    <row r="651466" spans="8:8">
      <c r="H651466" s="12"/>
    </row>
    <row r="651467" spans="8:8">
      <c r="H651467" s="12"/>
    </row>
    <row r="651468" spans="8:8">
      <c r="H651468" s="12"/>
    </row>
    <row r="651469" spans="8:8">
      <c r="H651469" s="12"/>
    </row>
    <row r="651470" spans="8:8">
      <c r="H651470" s="12"/>
    </row>
    <row r="651471" spans="8:8">
      <c r="H651471" s="12"/>
    </row>
    <row r="651472" spans="8:8">
      <c r="H651472" s="12"/>
    </row>
    <row r="651473" spans="8:8">
      <c r="H651473" s="12"/>
    </row>
    <row r="651474" spans="8:8">
      <c r="H651474" s="12"/>
    </row>
    <row r="651475" spans="8:8">
      <c r="H651475" s="12"/>
    </row>
    <row r="651476" spans="8:8">
      <c r="H651476" s="12"/>
    </row>
    <row r="651477" spans="8:8">
      <c r="H651477" s="12"/>
    </row>
    <row r="651478" spans="8:8">
      <c r="H651478" s="12"/>
    </row>
    <row r="651479" spans="8:8">
      <c r="H651479" s="12"/>
    </row>
    <row r="651480" spans="8:8">
      <c r="H651480" s="12"/>
    </row>
    <row r="651481" spans="8:8">
      <c r="H651481" s="12"/>
    </row>
    <row r="651482" spans="8:8">
      <c r="H651482" s="12"/>
    </row>
    <row r="651483" spans="8:8">
      <c r="H651483" s="12"/>
    </row>
    <row r="651484" spans="8:8">
      <c r="H651484" s="12"/>
    </row>
    <row r="651485" spans="8:8">
      <c r="H651485" s="12"/>
    </row>
    <row r="651486" spans="8:8">
      <c r="H651486" s="12"/>
    </row>
    <row r="651487" spans="8:8">
      <c r="H651487" s="12"/>
    </row>
    <row r="651488" spans="8:8">
      <c r="H651488" s="12"/>
    </row>
    <row r="651489" spans="8:8">
      <c r="H651489" s="12"/>
    </row>
    <row r="651490" spans="8:8">
      <c r="H651490" s="12"/>
    </row>
    <row r="651491" spans="8:8">
      <c r="H651491" s="12"/>
    </row>
    <row r="651492" spans="8:8">
      <c r="H651492" s="12"/>
    </row>
    <row r="651493" spans="8:8">
      <c r="H651493" s="12"/>
    </row>
    <row r="651494" spans="8:8">
      <c r="H651494" s="12"/>
    </row>
    <row r="651495" spans="8:8">
      <c r="H651495" s="12"/>
    </row>
    <row r="651496" spans="8:8">
      <c r="H651496" s="12"/>
    </row>
    <row r="651497" spans="8:8">
      <c r="H651497" s="12"/>
    </row>
    <row r="651498" spans="8:8">
      <c r="H651498" s="12"/>
    </row>
    <row r="651499" spans="8:8">
      <c r="H651499" s="12"/>
    </row>
    <row r="651500" spans="8:8">
      <c r="H651500" s="12"/>
    </row>
    <row r="651501" spans="8:8">
      <c r="H651501" s="12"/>
    </row>
    <row r="651502" spans="8:8">
      <c r="H651502" s="12"/>
    </row>
    <row r="651503" spans="8:8">
      <c r="H651503" s="12"/>
    </row>
    <row r="651504" spans="8:8">
      <c r="H651504" s="12"/>
    </row>
    <row r="651505" spans="8:8">
      <c r="H651505" s="12"/>
    </row>
    <row r="651506" spans="8:8">
      <c r="H651506" s="12"/>
    </row>
    <row r="651507" spans="8:8">
      <c r="H651507" s="12"/>
    </row>
    <row r="651508" spans="8:8">
      <c r="H651508" s="12"/>
    </row>
    <row r="651509" spans="8:8">
      <c r="H651509" s="12"/>
    </row>
    <row r="651510" spans="8:8">
      <c r="H651510" s="12"/>
    </row>
    <row r="651511" spans="8:8">
      <c r="H651511" s="12"/>
    </row>
    <row r="651512" spans="8:8">
      <c r="H651512" s="12"/>
    </row>
    <row r="651513" spans="8:8">
      <c r="H651513" s="12"/>
    </row>
    <row r="651514" spans="8:8">
      <c r="H651514" s="12"/>
    </row>
    <row r="651515" spans="8:8">
      <c r="H651515" s="12"/>
    </row>
    <row r="651516" spans="8:8">
      <c r="H651516" s="12"/>
    </row>
    <row r="651517" spans="8:8">
      <c r="H651517" s="12"/>
    </row>
    <row r="651518" spans="8:8">
      <c r="H651518" s="12"/>
    </row>
    <row r="651519" spans="8:8">
      <c r="H651519" s="12"/>
    </row>
    <row r="651520" spans="8:8">
      <c r="H651520" s="12"/>
    </row>
    <row r="651521" spans="8:8">
      <c r="H651521" s="12"/>
    </row>
    <row r="651522" spans="8:8">
      <c r="H651522" s="12"/>
    </row>
    <row r="651523" spans="8:8">
      <c r="H651523" s="12"/>
    </row>
    <row r="651524" spans="8:8">
      <c r="H651524" s="12"/>
    </row>
    <row r="651525" spans="8:8">
      <c r="H651525" s="12"/>
    </row>
    <row r="651526" spans="8:8">
      <c r="H651526" s="12"/>
    </row>
    <row r="651527" spans="8:8">
      <c r="H651527" s="12"/>
    </row>
    <row r="651528" spans="8:8">
      <c r="H651528" s="12"/>
    </row>
    <row r="651529" spans="8:8">
      <c r="H651529" s="12"/>
    </row>
    <row r="651530" spans="8:8">
      <c r="H651530" s="12"/>
    </row>
    <row r="651531" spans="8:8">
      <c r="H651531" s="12"/>
    </row>
    <row r="651532" spans="8:8">
      <c r="H651532" s="12"/>
    </row>
    <row r="651533" spans="8:8">
      <c r="H651533" s="12"/>
    </row>
    <row r="651534" spans="8:8">
      <c r="H651534" s="12"/>
    </row>
    <row r="651535" spans="8:8">
      <c r="H651535" s="12"/>
    </row>
    <row r="651536" spans="8:8">
      <c r="H651536" s="12"/>
    </row>
    <row r="651537" spans="8:8">
      <c r="H651537" s="12"/>
    </row>
    <row r="651538" spans="8:8">
      <c r="H651538" s="12"/>
    </row>
    <row r="651539" spans="8:8">
      <c r="H651539" s="12"/>
    </row>
    <row r="651540" spans="8:8">
      <c r="H651540" s="12"/>
    </row>
    <row r="651541" spans="8:8">
      <c r="H651541" s="12"/>
    </row>
    <row r="651542" spans="8:8">
      <c r="H651542" s="12"/>
    </row>
    <row r="651543" spans="8:8">
      <c r="H651543" s="12"/>
    </row>
    <row r="651544" spans="8:8">
      <c r="H651544" s="12"/>
    </row>
    <row r="651545" spans="8:8">
      <c r="H651545" s="12"/>
    </row>
    <row r="651546" spans="8:8">
      <c r="H651546" s="12"/>
    </row>
    <row r="651547" spans="8:8">
      <c r="H651547" s="12"/>
    </row>
    <row r="651548" spans="8:8">
      <c r="H651548" s="12"/>
    </row>
    <row r="651549" spans="8:8">
      <c r="H651549" s="12"/>
    </row>
    <row r="651550" spans="8:8">
      <c r="H651550" s="12"/>
    </row>
    <row r="651551" spans="8:8">
      <c r="H651551" s="12"/>
    </row>
    <row r="651552" spans="8:8">
      <c r="H651552" s="12"/>
    </row>
    <row r="651553" spans="8:8">
      <c r="H651553" s="12"/>
    </row>
    <row r="651554" spans="8:8">
      <c r="H651554" s="12"/>
    </row>
    <row r="651555" spans="8:8">
      <c r="H651555" s="12"/>
    </row>
    <row r="651556" spans="8:8">
      <c r="H651556" s="12"/>
    </row>
    <row r="651557" spans="8:8">
      <c r="H651557" s="12"/>
    </row>
    <row r="651558" spans="8:8">
      <c r="H651558" s="12"/>
    </row>
    <row r="651559" spans="8:8">
      <c r="H651559" s="12"/>
    </row>
    <row r="651560" spans="8:8">
      <c r="H651560" s="12"/>
    </row>
    <row r="651561" spans="8:8">
      <c r="H651561" s="12"/>
    </row>
    <row r="651562" spans="8:8">
      <c r="H651562" s="12"/>
    </row>
    <row r="651563" spans="8:8">
      <c r="H651563" s="12"/>
    </row>
    <row r="651564" spans="8:8">
      <c r="H651564" s="12"/>
    </row>
    <row r="651565" spans="8:8">
      <c r="H651565" s="12"/>
    </row>
    <row r="651566" spans="8:8">
      <c r="H651566" s="12"/>
    </row>
    <row r="651567" spans="8:8">
      <c r="H651567" s="12"/>
    </row>
    <row r="651568" spans="8:8">
      <c r="H651568" s="12"/>
    </row>
    <row r="651569" spans="8:8">
      <c r="H651569" s="12"/>
    </row>
    <row r="651570" spans="8:8">
      <c r="H651570" s="12"/>
    </row>
    <row r="651571" spans="8:8">
      <c r="H651571" s="12"/>
    </row>
    <row r="651572" spans="8:8">
      <c r="H651572" s="12"/>
    </row>
    <row r="651573" spans="8:8">
      <c r="H651573" s="12"/>
    </row>
    <row r="651574" spans="8:8">
      <c r="H651574" s="12"/>
    </row>
    <row r="651575" spans="8:8">
      <c r="H651575" s="12"/>
    </row>
    <row r="651576" spans="8:8">
      <c r="H651576" s="12"/>
    </row>
    <row r="651577" spans="8:8">
      <c r="H651577" s="12"/>
    </row>
    <row r="651578" spans="8:8">
      <c r="H651578" s="12"/>
    </row>
    <row r="651579" spans="8:8">
      <c r="H651579" s="12"/>
    </row>
    <row r="651580" spans="8:8">
      <c r="H651580" s="12"/>
    </row>
    <row r="651581" spans="8:8">
      <c r="H651581" s="12"/>
    </row>
    <row r="651582" spans="8:8">
      <c r="H651582" s="12"/>
    </row>
    <row r="651583" spans="8:8">
      <c r="H651583" s="12"/>
    </row>
    <row r="651584" spans="8:8">
      <c r="H651584" s="12"/>
    </row>
    <row r="651585" spans="8:8">
      <c r="H651585" s="12"/>
    </row>
    <row r="651586" spans="8:8">
      <c r="H651586" s="12"/>
    </row>
    <row r="651587" spans="8:8">
      <c r="H651587" s="12"/>
    </row>
    <row r="651588" spans="8:8">
      <c r="H651588" s="12"/>
    </row>
    <row r="651589" spans="8:8">
      <c r="H651589" s="12"/>
    </row>
    <row r="651590" spans="8:8">
      <c r="H651590" s="12"/>
    </row>
    <row r="651591" spans="8:8">
      <c r="H651591" s="12"/>
    </row>
    <row r="651592" spans="8:8">
      <c r="H651592" s="12"/>
    </row>
    <row r="651593" spans="8:8">
      <c r="H651593" s="12"/>
    </row>
    <row r="651594" spans="8:8">
      <c r="H651594" s="12"/>
    </row>
    <row r="651595" spans="8:8">
      <c r="H651595" s="12"/>
    </row>
    <row r="651596" spans="8:8">
      <c r="H651596" s="12"/>
    </row>
    <row r="651597" spans="8:8">
      <c r="H651597" s="12"/>
    </row>
    <row r="651598" spans="8:8">
      <c r="H651598" s="12"/>
    </row>
    <row r="651599" spans="8:8">
      <c r="H651599" s="12"/>
    </row>
    <row r="651600" spans="8:8">
      <c r="H651600" s="12"/>
    </row>
    <row r="651601" spans="8:8">
      <c r="H651601" s="12"/>
    </row>
    <row r="651602" spans="8:8">
      <c r="H651602" s="12"/>
    </row>
    <row r="651603" spans="8:8">
      <c r="H651603" s="12"/>
    </row>
    <row r="651604" spans="8:8">
      <c r="H651604" s="12"/>
    </row>
    <row r="651605" spans="8:8">
      <c r="H651605" s="12"/>
    </row>
    <row r="651606" spans="8:8">
      <c r="H651606" s="12"/>
    </row>
    <row r="651607" spans="8:8">
      <c r="H651607" s="12"/>
    </row>
    <row r="651608" spans="8:8">
      <c r="H651608" s="12"/>
    </row>
    <row r="651609" spans="8:8">
      <c r="H651609" s="12"/>
    </row>
    <row r="651610" spans="8:8">
      <c r="H651610" s="12"/>
    </row>
    <row r="651611" spans="8:8">
      <c r="H651611" s="12"/>
    </row>
    <row r="651612" spans="8:8">
      <c r="H651612" s="12"/>
    </row>
    <row r="651613" spans="8:8">
      <c r="H651613" s="12"/>
    </row>
    <row r="651614" spans="8:8">
      <c r="H651614" s="12"/>
    </row>
    <row r="651615" spans="8:8">
      <c r="H651615" s="12"/>
    </row>
    <row r="651616" spans="8:8">
      <c r="H651616" s="12"/>
    </row>
    <row r="651617" spans="8:8">
      <c r="H651617" s="12"/>
    </row>
    <row r="651618" spans="8:8">
      <c r="H651618" s="12"/>
    </row>
    <row r="651619" spans="8:8">
      <c r="H651619" s="12"/>
    </row>
    <row r="651620" spans="8:8">
      <c r="H651620" s="12"/>
    </row>
    <row r="651621" spans="8:8">
      <c r="H651621" s="12"/>
    </row>
    <row r="651622" spans="8:8">
      <c r="H651622" s="12"/>
    </row>
    <row r="651623" spans="8:8">
      <c r="H651623" s="12"/>
    </row>
    <row r="651624" spans="8:8">
      <c r="H651624" s="12"/>
    </row>
    <row r="651625" spans="8:8">
      <c r="H651625" s="12"/>
    </row>
    <row r="651626" spans="8:8">
      <c r="H651626" s="12"/>
    </row>
    <row r="651627" spans="8:8">
      <c r="H651627" s="12"/>
    </row>
    <row r="651628" spans="8:8">
      <c r="H651628" s="12"/>
    </row>
    <row r="651629" spans="8:8">
      <c r="H651629" s="12"/>
    </row>
    <row r="651630" spans="8:8">
      <c r="H651630" s="12"/>
    </row>
    <row r="651631" spans="8:8">
      <c r="H651631" s="12"/>
    </row>
    <row r="651632" spans="8:8">
      <c r="H651632" s="12"/>
    </row>
    <row r="651633" spans="8:8">
      <c r="H651633" s="12"/>
    </row>
    <row r="651634" spans="8:8">
      <c r="H651634" s="12"/>
    </row>
    <row r="651635" spans="8:8">
      <c r="H651635" s="12"/>
    </row>
    <row r="651636" spans="8:8">
      <c r="H651636" s="12"/>
    </row>
    <row r="651637" spans="8:8">
      <c r="H651637" s="12"/>
    </row>
    <row r="651638" spans="8:8">
      <c r="H651638" s="12"/>
    </row>
    <row r="651639" spans="8:8">
      <c r="H651639" s="12"/>
    </row>
    <row r="651640" spans="8:8">
      <c r="H651640" s="12"/>
    </row>
    <row r="651641" spans="8:8">
      <c r="H651641" s="12"/>
    </row>
    <row r="651642" spans="8:8">
      <c r="H651642" s="12"/>
    </row>
    <row r="651643" spans="8:8">
      <c r="H651643" s="12"/>
    </row>
    <row r="651644" spans="8:8">
      <c r="H651644" s="12"/>
    </row>
    <row r="651645" spans="8:8">
      <c r="H651645" s="12"/>
    </row>
    <row r="651646" spans="8:8">
      <c r="H651646" s="12"/>
    </row>
    <row r="651647" spans="8:8">
      <c r="H651647" s="12"/>
    </row>
    <row r="651648" spans="8:8">
      <c r="H651648" s="12"/>
    </row>
    <row r="651649" spans="8:8">
      <c r="H651649" s="12"/>
    </row>
    <row r="651650" spans="8:8">
      <c r="H651650" s="12"/>
    </row>
    <row r="651651" spans="8:8">
      <c r="H651651" s="12"/>
    </row>
    <row r="651652" spans="8:8">
      <c r="H651652" s="12"/>
    </row>
    <row r="651653" spans="8:8">
      <c r="H651653" s="12"/>
    </row>
    <row r="651654" spans="8:8">
      <c r="H651654" s="12"/>
    </row>
    <row r="651655" spans="8:8">
      <c r="H651655" s="12"/>
    </row>
    <row r="651656" spans="8:8">
      <c r="H651656" s="12"/>
    </row>
    <row r="651657" spans="8:8">
      <c r="H651657" s="12"/>
    </row>
    <row r="651658" spans="8:8">
      <c r="H651658" s="12"/>
    </row>
    <row r="651659" spans="8:8">
      <c r="H651659" s="12"/>
    </row>
    <row r="651660" spans="8:8">
      <c r="H651660" s="12"/>
    </row>
    <row r="651661" spans="8:8">
      <c r="H651661" s="12"/>
    </row>
    <row r="651662" spans="8:8">
      <c r="H651662" s="12"/>
    </row>
    <row r="651663" spans="8:8">
      <c r="H651663" s="12"/>
    </row>
    <row r="651664" spans="8:8">
      <c r="H651664" s="12"/>
    </row>
    <row r="651665" spans="8:8">
      <c r="H651665" s="12"/>
    </row>
    <row r="651666" spans="8:8">
      <c r="H651666" s="12"/>
    </row>
    <row r="651667" spans="8:8">
      <c r="H651667" s="12"/>
    </row>
    <row r="651668" spans="8:8">
      <c r="H651668" s="12"/>
    </row>
    <row r="651669" spans="8:8">
      <c r="H651669" s="12"/>
    </row>
    <row r="651670" spans="8:8">
      <c r="H651670" s="12"/>
    </row>
    <row r="651671" spans="8:8">
      <c r="H651671" s="12"/>
    </row>
    <row r="651672" spans="8:8">
      <c r="H651672" s="12"/>
    </row>
    <row r="651673" spans="8:8">
      <c r="H651673" s="12"/>
    </row>
    <row r="651674" spans="8:8">
      <c r="H651674" s="12"/>
    </row>
    <row r="651675" spans="8:8">
      <c r="H651675" s="12"/>
    </row>
    <row r="651676" spans="8:8">
      <c r="H651676" s="12"/>
    </row>
    <row r="651677" spans="8:8">
      <c r="H651677" s="12"/>
    </row>
    <row r="651678" spans="8:8">
      <c r="H651678" s="12"/>
    </row>
    <row r="651679" spans="8:8">
      <c r="H651679" s="12"/>
    </row>
    <row r="651680" spans="8:8">
      <c r="H651680" s="12"/>
    </row>
    <row r="651681" spans="8:8">
      <c r="H651681" s="12"/>
    </row>
    <row r="651682" spans="8:8">
      <c r="H651682" s="12"/>
    </row>
    <row r="651683" spans="8:8">
      <c r="H651683" s="12"/>
    </row>
    <row r="651684" spans="8:8">
      <c r="H651684" s="12"/>
    </row>
    <row r="651685" spans="8:8">
      <c r="H651685" s="12"/>
    </row>
    <row r="651686" spans="8:8">
      <c r="H651686" s="12"/>
    </row>
    <row r="651687" spans="8:8">
      <c r="H651687" s="12"/>
    </row>
    <row r="651688" spans="8:8">
      <c r="H651688" s="12"/>
    </row>
    <row r="651689" spans="8:8">
      <c r="H651689" s="12"/>
    </row>
    <row r="651690" spans="8:8">
      <c r="H651690" s="12"/>
    </row>
    <row r="651691" spans="8:8">
      <c r="H651691" s="12"/>
    </row>
    <row r="651692" spans="8:8">
      <c r="H651692" s="12"/>
    </row>
    <row r="651693" spans="8:8">
      <c r="H651693" s="12"/>
    </row>
    <row r="651694" spans="8:8">
      <c r="H651694" s="12"/>
    </row>
    <row r="651695" spans="8:8">
      <c r="H651695" s="12"/>
    </row>
    <row r="651696" spans="8:8">
      <c r="H651696" s="12"/>
    </row>
    <row r="651697" spans="8:8">
      <c r="H651697" s="12"/>
    </row>
    <row r="651698" spans="8:8">
      <c r="H651698" s="12"/>
    </row>
    <row r="651699" spans="8:8">
      <c r="H651699" s="12"/>
    </row>
    <row r="651700" spans="8:8">
      <c r="H651700" s="12"/>
    </row>
    <row r="651701" spans="8:8">
      <c r="H651701" s="12"/>
    </row>
    <row r="651702" spans="8:8">
      <c r="H651702" s="12"/>
    </row>
    <row r="651703" spans="8:8">
      <c r="H651703" s="12"/>
    </row>
    <row r="651704" spans="8:8">
      <c r="H651704" s="12"/>
    </row>
    <row r="651705" spans="8:8">
      <c r="H651705" s="12"/>
    </row>
    <row r="651706" spans="8:8">
      <c r="H651706" s="12"/>
    </row>
    <row r="651707" spans="8:8">
      <c r="H651707" s="12"/>
    </row>
    <row r="651708" spans="8:8">
      <c r="H651708" s="12"/>
    </row>
    <row r="651709" spans="8:8">
      <c r="H651709" s="12"/>
    </row>
    <row r="651710" spans="8:8">
      <c r="H651710" s="12"/>
    </row>
    <row r="651711" spans="8:8">
      <c r="H651711" s="12"/>
    </row>
    <row r="651712" spans="8:8">
      <c r="H651712" s="12"/>
    </row>
    <row r="651713" spans="8:8">
      <c r="H651713" s="12"/>
    </row>
    <row r="651714" spans="8:8">
      <c r="H651714" s="12"/>
    </row>
    <row r="651715" spans="8:8">
      <c r="H651715" s="12"/>
    </row>
    <row r="651716" spans="8:8">
      <c r="H651716" s="12"/>
    </row>
    <row r="651717" spans="8:8">
      <c r="H651717" s="12"/>
    </row>
    <row r="651718" spans="8:8">
      <c r="H651718" s="12"/>
    </row>
    <row r="651719" spans="8:8">
      <c r="H651719" s="12"/>
    </row>
    <row r="651720" spans="8:8">
      <c r="H651720" s="12"/>
    </row>
    <row r="651721" spans="8:8">
      <c r="H651721" s="12"/>
    </row>
    <row r="651722" spans="8:8">
      <c r="H651722" s="12"/>
    </row>
    <row r="651723" spans="8:8">
      <c r="H651723" s="12"/>
    </row>
    <row r="651724" spans="8:8">
      <c r="H651724" s="12"/>
    </row>
    <row r="651725" spans="8:8">
      <c r="H651725" s="12"/>
    </row>
    <row r="651726" spans="8:8">
      <c r="H651726" s="12"/>
    </row>
    <row r="651727" spans="8:8">
      <c r="H651727" s="12"/>
    </row>
    <row r="651728" spans="8:8">
      <c r="H651728" s="12"/>
    </row>
    <row r="651729" spans="8:8">
      <c r="H651729" s="12"/>
    </row>
    <row r="651730" spans="8:8">
      <c r="H651730" s="12"/>
    </row>
    <row r="651731" spans="8:8">
      <c r="H651731" s="12"/>
    </row>
    <row r="651732" spans="8:8">
      <c r="H651732" s="12"/>
    </row>
    <row r="651733" spans="8:8">
      <c r="H651733" s="12"/>
    </row>
    <row r="651734" spans="8:8">
      <c r="H651734" s="12"/>
    </row>
    <row r="651735" spans="8:8">
      <c r="H651735" s="12"/>
    </row>
    <row r="651736" spans="8:8">
      <c r="H651736" s="12"/>
    </row>
    <row r="651737" spans="8:8">
      <c r="H651737" s="12"/>
    </row>
    <row r="651738" spans="8:8">
      <c r="H651738" s="12"/>
    </row>
    <row r="651739" spans="8:8">
      <c r="H651739" s="12"/>
    </row>
    <row r="651740" spans="8:8">
      <c r="H651740" s="12"/>
    </row>
    <row r="651741" spans="8:8">
      <c r="H651741" s="12"/>
    </row>
    <row r="651742" spans="8:8">
      <c r="H651742" s="12"/>
    </row>
    <row r="651743" spans="8:8">
      <c r="H651743" s="12"/>
    </row>
    <row r="651744" spans="8:8">
      <c r="H651744" s="12"/>
    </row>
    <row r="651745" spans="8:8">
      <c r="H651745" s="12"/>
    </row>
    <row r="651746" spans="8:8">
      <c r="H651746" s="12"/>
    </row>
    <row r="651747" spans="8:8">
      <c r="H651747" s="12"/>
    </row>
    <row r="651748" spans="8:8">
      <c r="H651748" s="12"/>
    </row>
    <row r="651749" spans="8:8">
      <c r="H651749" s="12"/>
    </row>
    <row r="651750" spans="8:8">
      <c r="H651750" s="12"/>
    </row>
    <row r="651751" spans="8:8">
      <c r="H651751" s="12"/>
    </row>
    <row r="651752" spans="8:8">
      <c r="H651752" s="12"/>
    </row>
    <row r="651753" spans="8:8">
      <c r="H651753" s="12"/>
    </row>
    <row r="651754" spans="8:8">
      <c r="H651754" s="12"/>
    </row>
    <row r="651755" spans="8:8">
      <c r="H651755" s="12"/>
    </row>
    <row r="651756" spans="8:8">
      <c r="H651756" s="12"/>
    </row>
    <row r="651757" spans="8:8">
      <c r="H651757" s="12"/>
    </row>
    <row r="651758" spans="8:8">
      <c r="H651758" s="12"/>
    </row>
    <row r="651759" spans="8:8">
      <c r="H651759" s="12"/>
    </row>
    <row r="651760" spans="8:8">
      <c r="H651760" s="12"/>
    </row>
    <row r="651761" spans="8:8">
      <c r="H651761" s="12"/>
    </row>
    <row r="651762" spans="8:8">
      <c r="H651762" s="12"/>
    </row>
    <row r="651763" spans="8:8">
      <c r="H651763" s="12"/>
    </row>
    <row r="651764" spans="8:8">
      <c r="H651764" s="12"/>
    </row>
    <row r="651765" spans="8:8">
      <c r="H651765" s="12"/>
    </row>
    <row r="651766" spans="8:8">
      <c r="H651766" s="12"/>
    </row>
    <row r="651767" spans="8:8">
      <c r="H651767" s="12"/>
    </row>
    <row r="651768" spans="8:8">
      <c r="H651768" s="12"/>
    </row>
    <row r="651769" spans="8:8">
      <c r="H651769" s="12"/>
    </row>
    <row r="651770" spans="8:8">
      <c r="H651770" s="12"/>
    </row>
    <row r="651771" spans="8:8">
      <c r="H651771" s="12"/>
    </row>
    <row r="651772" spans="8:8">
      <c r="H651772" s="12"/>
    </row>
    <row r="651773" spans="8:8">
      <c r="H651773" s="12"/>
    </row>
    <row r="651774" spans="8:8">
      <c r="H651774" s="12"/>
    </row>
    <row r="651775" spans="8:8">
      <c r="H651775" s="12"/>
    </row>
    <row r="651776" spans="8:8">
      <c r="H651776" s="12"/>
    </row>
    <row r="651777" spans="8:8">
      <c r="H651777" s="12"/>
    </row>
    <row r="651778" spans="8:8">
      <c r="H651778" s="12"/>
    </row>
    <row r="651779" spans="8:8">
      <c r="H651779" s="12"/>
    </row>
    <row r="651780" spans="8:8">
      <c r="H651780" s="12"/>
    </row>
    <row r="651781" spans="8:8">
      <c r="H651781" s="12"/>
    </row>
    <row r="651782" spans="8:8">
      <c r="H651782" s="12"/>
    </row>
    <row r="651783" spans="8:8">
      <c r="H651783" s="12"/>
    </row>
    <row r="651784" spans="8:8">
      <c r="H651784" s="12"/>
    </row>
    <row r="651785" spans="8:8">
      <c r="H651785" s="12"/>
    </row>
    <row r="651786" spans="8:8">
      <c r="H651786" s="12"/>
    </row>
    <row r="651787" spans="8:8">
      <c r="H651787" s="12"/>
    </row>
    <row r="651788" spans="8:8">
      <c r="H651788" s="12"/>
    </row>
    <row r="651789" spans="8:8">
      <c r="H651789" s="12"/>
    </row>
    <row r="651790" spans="8:8">
      <c r="H651790" s="12"/>
    </row>
    <row r="651791" spans="8:8">
      <c r="H651791" s="12"/>
    </row>
    <row r="651792" spans="8:8">
      <c r="H651792" s="12"/>
    </row>
    <row r="651793" spans="8:8">
      <c r="H651793" s="12"/>
    </row>
    <row r="651794" spans="8:8">
      <c r="H651794" s="12"/>
    </row>
    <row r="651795" spans="8:8">
      <c r="H651795" s="12"/>
    </row>
    <row r="651796" spans="8:8">
      <c r="H651796" s="12"/>
    </row>
    <row r="651797" spans="8:8">
      <c r="H651797" s="12"/>
    </row>
    <row r="651798" spans="8:8">
      <c r="H651798" s="12"/>
    </row>
    <row r="651799" spans="8:8">
      <c r="H651799" s="12"/>
    </row>
    <row r="651800" spans="8:8">
      <c r="H651800" s="12"/>
    </row>
    <row r="651801" spans="8:8">
      <c r="H651801" s="12"/>
    </row>
    <row r="651802" spans="8:8">
      <c r="H651802" s="12"/>
    </row>
    <row r="651803" spans="8:8">
      <c r="H651803" s="12"/>
    </row>
    <row r="651804" spans="8:8">
      <c r="H651804" s="12"/>
    </row>
    <row r="651805" spans="8:8">
      <c r="H651805" s="12"/>
    </row>
    <row r="651806" spans="8:8">
      <c r="H651806" s="12"/>
    </row>
    <row r="651807" spans="8:8">
      <c r="H651807" s="12"/>
    </row>
    <row r="651808" spans="8:8">
      <c r="H651808" s="12"/>
    </row>
    <row r="651809" spans="8:8">
      <c r="H651809" s="12"/>
    </row>
    <row r="651810" spans="8:8">
      <c r="H651810" s="12"/>
    </row>
    <row r="651811" spans="8:8">
      <c r="H651811" s="12"/>
    </row>
    <row r="651812" spans="8:8">
      <c r="H651812" s="12"/>
    </row>
    <row r="651813" spans="8:8">
      <c r="H651813" s="12"/>
    </row>
    <row r="651814" spans="8:8">
      <c r="H651814" s="12"/>
    </row>
    <row r="651815" spans="8:8">
      <c r="H651815" s="12"/>
    </row>
    <row r="651816" spans="8:8">
      <c r="H651816" s="12"/>
    </row>
    <row r="651817" spans="8:8">
      <c r="H651817" s="12"/>
    </row>
    <row r="651818" spans="8:8">
      <c r="H651818" s="12"/>
    </row>
    <row r="651819" spans="8:8">
      <c r="H651819" s="12"/>
    </row>
    <row r="651820" spans="8:8">
      <c r="H651820" s="12"/>
    </row>
    <row r="651821" spans="8:8">
      <c r="H651821" s="12"/>
    </row>
    <row r="651822" spans="8:8">
      <c r="H651822" s="12"/>
    </row>
    <row r="651823" spans="8:8">
      <c r="H651823" s="12"/>
    </row>
    <row r="651824" spans="8:8">
      <c r="H651824" s="12"/>
    </row>
    <row r="651825" spans="8:8">
      <c r="H651825" s="12"/>
    </row>
    <row r="651826" spans="8:8">
      <c r="H651826" s="12"/>
    </row>
    <row r="651827" spans="8:8">
      <c r="H651827" s="12"/>
    </row>
    <row r="651828" spans="8:8">
      <c r="H651828" s="12"/>
    </row>
    <row r="651829" spans="8:8">
      <c r="H651829" s="12"/>
    </row>
    <row r="651830" spans="8:8">
      <c r="H651830" s="12"/>
    </row>
    <row r="651831" spans="8:8">
      <c r="H651831" s="12"/>
    </row>
    <row r="651832" spans="8:8">
      <c r="H651832" s="12"/>
    </row>
    <row r="651833" spans="8:8">
      <c r="H651833" s="12"/>
    </row>
    <row r="651834" spans="8:8">
      <c r="H651834" s="12"/>
    </row>
    <row r="651835" spans="8:8">
      <c r="H651835" s="12"/>
    </row>
    <row r="651836" spans="8:8">
      <c r="H651836" s="12"/>
    </row>
    <row r="651837" spans="8:8">
      <c r="H651837" s="12"/>
    </row>
    <row r="651838" spans="8:8">
      <c r="H651838" s="12"/>
    </row>
    <row r="651839" spans="8:8">
      <c r="H651839" s="12"/>
    </row>
    <row r="651840" spans="8:8">
      <c r="H651840" s="12"/>
    </row>
    <row r="651841" spans="8:8">
      <c r="H651841" s="12"/>
    </row>
    <row r="651842" spans="8:8">
      <c r="H651842" s="12"/>
    </row>
    <row r="651843" spans="8:8">
      <c r="H651843" s="12"/>
    </row>
    <row r="651844" spans="8:8">
      <c r="H651844" s="12"/>
    </row>
    <row r="651845" spans="8:8">
      <c r="H651845" s="12"/>
    </row>
    <row r="651846" spans="8:8">
      <c r="H651846" s="12"/>
    </row>
    <row r="651847" spans="8:8">
      <c r="H651847" s="12"/>
    </row>
    <row r="651848" spans="8:8">
      <c r="H651848" s="12"/>
    </row>
    <row r="651849" spans="8:8">
      <c r="H651849" s="12"/>
    </row>
    <row r="651850" spans="8:8">
      <c r="H651850" s="12"/>
    </row>
    <row r="651851" spans="8:8">
      <c r="H651851" s="12"/>
    </row>
    <row r="651852" spans="8:8">
      <c r="H651852" s="12"/>
    </row>
    <row r="651853" spans="8:8">
      <c r="H651853" s="12"/>
    </row>
    <row r="651854" spans="8:8">
      <c r="H651854" s="12"/>
    </row>
    <row r="651855" spans="8:8">
      <c r="H651855" s="12"/>
    </row>
    <row r="651856" spans="8:8">
      <c r="H651856" s="12"/>
    </row>
    <row r="651857" spans="8:8">
      <c r="H651857" s="12"/>
    </row>
    <row r="651858" spans="8:8">
      <c r="H651858" s="12"/>
    </row>
    <row r="651859" spans="8:8">
      <c r="H651859" s="12"/>
    </row>
    <row r="651860" spans="8:8">
      <c r="H651860" s="12"/>
    </row>
    <row r="651861" spans="8:8">
      <c r="H651861" s="12"/>
    </row>
    <row r="651862" spans="8:8">
      <c r="H651862" s="12"/>
    </row>
    <row r="651863" spans="8:8">
      <c r="H651863" s="12"/>
    </row>
    <row r="651864" spans="8:8">
      <c r="H651864" s="12"/>
    </row>
    <row r="651865" spans="8:8">
      <c r="H651865" s="12"/>
    </row>
    <row r="651866" spans="8:8">
      <c r="H651866" s="12"/>
    </row>
    <row r="651867" spans="8:8">
      <c r="H651867" s="12"/>
    </row>
    <row r="651868" spans="8:8">
      <c r="H651868" s="12"/>
    </row>
    <row r="651869" spans="8:8">
      <c r="H651869" s="12"/>
    </row>
    <row r="651870" spans="8:8">
      <c r="H651870" s="12"/>
    </row>
    <row r="651871" spans="8:8">
      <c r="H651871" s="12"/>
    </row>
    <row r="651872" spans="8:8">
      <c r="H651872" s="12"/>
    </row>
    <row r="651873" spans="8:8">
      <c r="H651873" s="12"/>
    </row>
    <row r="651874" spans="8:8">
      <c r="H651874" s="12"/>
    </row>
    <row r="651875" spans="8:8">
      <c r="H651875" s="12"/>
    </row>
    <row r="651876" spans="8:8">
      <c r="H651876" s="12"/>
    </row>
    <row r="651877" spans="8:8">
      <c r="H651877" s="12"/>
    </row>
    <row r="651878" spans="8:8">
      <c r="H651878" s="12"/>
    </row>
    <row r="651879" spans="8:8">
      <c r="H651879" s="12"/>
    </row>
    <row r="651880" spans="8:8">
      <c r="H651880" s="12"/>
    </row>
    <row r="651881" spans="8:8">
      <c r="H651881" s="12"/>
    </row>
    <row r="651882" spans="8:8">
      <c r="H651882" s="12"/>
    </row>
    <row r="651883" spans="8:8">
      <c r="H651883" s="12"/>
    </row>
    <row r="651884" spans="8:8">
      <c r="H651884" s="12"/>
    </row>
    <row r="651885" spans="8:8">
      <c r="H651885" s="12"/>
    </row>
    <row r="651886" spans="8:8">
      <c r="H651886" s="12"/>
    </row>
    <row r="651887" spans="8:8">
      <c r="H651887" s="12"/>
    </row>
    <row r="651888" spans="8:8">
      <c r="H651888" s="12"/>
    </row>
    <row r="651889" spans="8:8">
      <c r="H651889" s="12"/>
    </row>
    <row r="651890" spans="8:8">
      <c r="H651890" s="12"/>
    </row>
    <row r="651891" spans="8:8">
      <c r="H651891" s="12"/>
    </row>
    <row r="651892" spans="8:8">
      <c r="H651892" s="12"/>
    </row>
    <row r="651893" spans="8:8">
      <c r="H651893" s="12"/>
    </row>
    <row r="651894" spans="8:8">
      <c r="H651894" s="12"/>
    </row>
    <row r="651895" spans="8:8">
      <c r="H651895" s="12"/>
    </row>
    <row r="651896" spans="8:8">
      <c r="H651896" s="12"/>
    </row>
    <row r="651897" spans="8:8">
      <c r="H651897" s="12"/>
    </row>
    <row r="651898" spans="8:8">
      <c r="H651898" s="12"/>
    </row>
    <row r="651899" spans="8:8">
      <c r="H651899" s="12"/>
    </row>
    <row r="651900" spans="8:8">
      <c r="H651900" s="12"/>
    </row>
    <row r="651901" spans="8:8">
      <c r="H651901" s="12"/>
    </row>
    <row r="651902" spans="8:8">
      <c r="H651902" s="12"/>
    </row>
    <row r="651903" spans="8:8">
      <c r="H651903" s="12"/>
    </row>
    <row r="651904" spans="8:8">
      <c r="H651904" s="12"/>
    </row>
    <row r="651905" spans="8:8">
      <c r="H651905" s="12"/>
    </row>
    <row r="651906" spans="8:8">
      <c r="H651906" s="12"/>
    </row>
    <row r="651907" spans="8:8">
      <c r="H651907" s="12"/>
    </row>
    <row r="651908" spans="8:8">
      <c r="H651908" s="12"/>
    </row>
    <row r="651909" spans="8:8">
      <c r="H651909" s="12"/>
    </row>
    <row r="651910" spans="8:8">
      <c r="H651910" s="12"/>
    </row>
    <row r="651911" spans="8:8">
      <c r="H651911" s="12"/>
    </row>
    <row r="651912" spans="8:8">
      <c r="H651912" s="12"/>
    </row>
    <row r="651913" spans="8:8">
      <c r="H651913" s="12"/>
    </row>
    <row r="651914" spans="8:8">
      <c r="H651914" s="12"/>
    </row>
    <row r="651915" spans="8:8">
      <c r="H651915" s="12"/>
    </row>
    <row r="651916" spans="8:8">
      <c r="H651916" s="12"/>
    </row>
    <row r="651917" spans="8:8">
      <c r="H651917" s="12"/>
    </row>
    <row r="651918" spans="8:8">
      <c r="H651918" s="12"/>
    </row>
    <row r="651919" spans="8:8">
      <c r="H651919" s="12"/>
    </row>
    <row r="651920" spans="8:8">
      <c r="H651920" s="12"/>
    </row>
    <row r="651921" spans="8:8">
      <c r="H651921" s="12"/>
    </row>
    <row r="651922" spans="8:8">
      <c r="H651922" s="12"/>
    </row>
    <row r="651923" spans="8:8">
      <c r="H651923" s="12"/>
    </row>
    <row r="651924" spans="8:8">
      <c r="H651924" s="12"/>
    </row>
    <row r="651925" spans="8:8">
      <c r="H651925" s="12"/>
    </row>
    <row r="651926" spans="8:8">
      <c r="H651926" s="12"/>
    </row>
    <row r="651927" spans="8:8">
      <c r="H651927" s="12"/>
    </row>
    <row r="651928" spans="8:8">
      <c r="H651928" s="12"/>
    </row>
    <row r="651929" spans="8:8">
      <c r="H651929" s="12"/>
    </row>
    <row r="651930" spans="8:8">
      <c r="H651930" s="12"/>
    </row>
    <row r="651931" spans="8:8">
      <c r="H651931" s="12"/>
    </row>
    <row r="651932" spans="8:8">
      <c r="H651932" s="12"/>
    </row>
    <row r="651933" spans="8:8">
      <c r="H651933" s="12"/>
    </row>
    <row r="651934" spans="8:8">
      <c r="H651934" s="12"/>
    </row>
    <row r="651935" spans="8:8">
      <c r="H651935" s="12"/>
    </row>
    <row r="651936" spans="8:8">
      <c r="H651936" s="12"/>
    </row>
    <row r="651937" spans="8:8">
      <c r="H651937" s="12"/>
    </row>
    <row r="651938" spans="8:8">
      <c r="H651938" s="12"/>
    </row>
    <row r="651939" spans="8:8">
      <c r="H651939" s="12"/>
    </row>
    <row r="651940" spans="8:8">
      <c r="H651940" s="12"/>
    </row>
    <row r="651941" spans="8:8">
      <c r="H651941" s="12"/>
    </row>
    <row r="651942" spans="8:8">
      <c r="H651942" s="12"/>
    </row>
    <row r="651943" spans="8:8">
      <c r="H651943" s="12"/>
    </row>
    <row r="651944" spans="8:8">
      <c r="H651944" s="12"/>
    </row>
    <row r="651945" spans="8:8">
      <c r="H651945" s="12"/>
    </row>
    <row r="651946" spans="8:8">
      <c r="H651946" s="12"/>
    </row>
    <row r="651947" spans="8:8">
      <c r="H651947" s="12"/>
    </row>
    <row r="651948" spans="8:8">
      <c r="H651948" s="12"/>
    </row>
    <row r="651949" spans="8:8">
      <c r="H651949" s="12"/>
    </row>
    <row r="651950" spans="8:8">
      <c r="H651950" s="12"/>
    </row>
    <row r="651951" spans="8:8">
      <c r="H651951" s="12"/>
    </row>
    <row r="651952" spans="8:8">
      <c r="H651952" s="12"/>
    </row>
    <row r="651953" spans="8:8">
      <c r="H651953" s="12"/>
    </row>
    <row r="651954" spans="8:8">
      <c r="H651954" s="12"/>
    </row>
    <row r="651955" spans="8:8">
      <c r="H651955" s="12"/>
    </row>
    <row r="651956" spans="8:8">
      <c r="H651956" s="12"/>
    </row>
    <row r="651957" spans="8:8">
      <c r="H651957" s="12"/>
    </row>
    <row r="651958" spans="8:8">
      <c r="H651958" s="12"/>
    </row>
    <row r="651959" spans="8:8">
      <c r="H651959" s="12"/>
    </row>
    <row r="651960" spans="8:8">
      <c r="H651960" s="12"/>
    </row>
    <row r="651961" spans="8:8">
      <c r="H651961" s="12"/>
    </row>
    <row r="651962" spans="8:8">
      <c r="H651962" s="12"/>
    </row>
    <row r="651963" spans="8:8">
      <c r="H651963" s="12"/>
    </row>
    <row r="651964" spans="8:8">
      <c r="H651964" s="12"/>
    </row>
    <row r="651965" spans="8:8">
      <c r="H651965" s="12"/>
    </row>
    <row r="651966" spans="8:8">
      <c r="H651966" s="12"/>
    </row>
    <row r="651967" spans="8:8">
      <c r="H651967" s="12"/>
    </row>
    <row r="651968" spans="8:8">
      <c r="H651968" s="12"/>
    </row>
    <row r="651969" spans="8:8">
      <c r="H651969" s="12"/>
    </row>
    <row r="651970" spans="8:8">
      <c r="H651970" s="12"/>
    </row>
    <row r="651971" spans="8:8">
      <c r="H651971" s="12"/>
    </row>
    <row r="651972" spans="8:8">
      <c r="H651972" s="12"/>
    </row>
    <row r="651973" spans="8:8">
      <c r="H651973" s="12"/>
    </row>
    <row r="651974" spans="8:8">
      <c r="H651974" s="12"/>
    </row>
    <row r="651975" spans="8:8">
      <c r="H651975" s="12"/>
    </row>
    <row r="651976" spans="8:8">
      <c r="H651976" s="12"/>
    </row>
    <row r="651977" spans="8:8">
      <c r="H651977" s="12"/>
    </row>
    <row r="651978" spans="8:8">
      <c r="H651978" s="12"/>
    </row>
    <row r="651979" spans="8:8">
      <c r="H651979" s="12"/>
    </row>
    <row r="651980" spans="8:8">
      <c r="H651980" s="12"/>
    </row>
    <row r="651981" spans="8:8">
      <c r="H651981" s="12"/>
    </row>
    <row r="651982" spans="8:8">
      <c r="H651982" s="12"/>
    </row>
    <row r="651983" spans="8:8">
      <c r="H651983" s="12"/>
    </row>
    <row r="651984" spans="8:8">
      <c r="H651984" s="12"/>
    </row>
    <row r="651985" spans="8:8">
      <c r="H651985" s="12"/>
    </row>
    <row r="651986" spans="8:8">
      <c r="H651986" s="12"/>
    </row>
    <row r="651987" spans="8:8">
      <c r="H651987" s="12"/>
    </row>
    <row r="651988" spans="8:8">
      <c r="H651988" s="12"/>
    </row>
    <row r="651989" spans="8:8">
      <c r="H651989" s="12"/>
    </row>
    <row r="651990" spans="8:8">
      <c r="H651990" s="12"/>
    </row>
    <row r="651991" spans="8:8">
      <c r="H651991" s="12"/>
    </row>
    <row r="651992" spans="8:8">
      <c r="H651992" s="12"/>
    </row>
    <row r="651993" spans="8:8">
      <c r="H651993" s="12"/>
    </row>
    <row r="651994" spans="8:8">
      <c r="H651994" s="12"/>
    </row>
    <row r="651995" spans="8:8">
      <c r="H651995" s="12"/>
    </row>
    <row r="651996" spans="8:8">
      <c r="H651996" s="12"/>
    </row>
    <row r="651997" spans="8:8">
      <c r="H651997" s="12"/>
    </row>
    <row r="651998" spans="8:8">
      <c r="H651998" s="12"/>
    </row>
    <row r="651999" spans="8:8">
      <c r="H651999" s="12"/>
    </row>
    <row r="652000" spans="8:8">
      <c r="H652000" s="12"/>
    </row>
    <row r="652001" spans="8:8">
      <c r="H652001" s="12"/>
    </row>
    <row r="652002" spans="8:8">
      <c r="H652002" s="12"/>
    </row>
    <row r="652003" spans="8:8">
      <c r="H652003" s="12"/>
    </row>
    <row r="652004" spans="8:8">
      <c r="H652004" s="12"/>
    </row>
    <row r="652005" spans="8:8">
      <c r="H652005" s="12"/>
    </row>
    <row r="652006" spans="8:8">
      <c r="H652006" s="12"/>
    </row>
    <row r="652007" spans="8:8">
      <c r="H652007" s="12"/>
    </row>
    <row r="652008" spans="8:8">
      <c r="H652008" s="12"/>
    </row>
    <row r="652009" spans="8:8">
      <c r="H652009" s="12"/>
    </row>
    <row r="652010" spans="8:8">
      <c r="H652010" s="12"/>
    </row>
    <row r="652011" spans="8:8">
      <c r="H652011" s="12"/>
    </row>
    <row r="652012" spans="8:8">
      <c r="H652012" s="12"/>
    </row>
    <row r="652013" spans="8:8">
      <c r="H652013" s="12"/>
    </row>
    <row r="652014" spans="8:8">
      <c r="H652014" s="12"/>
    </row>
    <row r="652015" spans="8:8">
      <c r="H652015" s="12"/>
    </row>
    <row r="652016" spans="8:8">
      <c r="H652016" s="12"/>
    </row>
    <row r="652017" spans="8:8">
      <c r="H652017" s="12"/>
    </row>
    <row r="652018" spans="8:8">
      <c r="H652018" s="12"/>
    </row>
    <row r="652019" spans="8:8">
      <c r="H652019" s="12"/>
    </row>
    <row r="652020" spans="8:8">
      <c r="H652020" s="12"/>
    </row>
    <row r="652021" spans="8:8">
      <c r="H652021" s="12"/>
    </row>
    <row r="652022" spans="8:8">
      <c r="H652022" s="12"/>
    </row>
    <row r="652023" spans="8:8">
      <c r="H652023" s="12"/>
    </row>
    <row r="652024" spans="8:8">
      <c r="H652024" s="12"/>
    </row>
    <row r="652025" spans="8:8">
      <c r="H652025" s="12"/>
    </row>
    <row r="652026" spans="8:8">
      <c r="H652026" s="12"/>
    </row>
    <row r="652027" spans="8:8">
      <c r="H652027" s="12"/>
    </row>
    <row r="652028" spans="8:8">
      <c r="H652028" s="12"/>
    </row>
    <row r="652029" spans="8:8">
      <c r="H652029" s="12"/>
    </row>
    <row r="652030" spans="8:8">
      <c r="H652030" s="12"/>
    </row>
    <row r="652031" spans="8:8">
      <c r="H652031" s="12"/>
    </row>
    <row r="652032" spans="8:8">
      <c r="H652032" s="12"/>
    </row>
    <row r="652033" spans="8:8">
      <c r="H652033" s="12"/>
    </row>
    <row r="652034" spans="8:8">
      <c r="H652034" s="12"/>
    </row>
    <row r="652035" spans="8:8">
      <c r="H652035" s="12"/>
    </row>
    <row r="652036" spans="8:8">
      <c r="H652036" s="12"/>
    </row>
    <row r="652037" spans="8:8">
      <c r="H652037" s="12"/>
    </row>
    <row r="652038" spans="8:8">
      <c r="H652038" s="12"/>
    </row>
    <row r="652039" spans="8:8">
      <c r="H652039" s="12"/>
    </row>
    <row r="652040" spans="8:8">
      <c r="H652040" s="12"/>
    </row>
    <row r="652041" spans="8:8">
      <c r="H652041" s="12"/>
    </row>
    <row r="652042" spans="8:8">
      <c r="H652042" s="12"/>
    </row>
    <row r="652043" spans="8:8">
      <c r="H652043" s="12"/>
    </row>
    <row r="652044" spans="8:8">
      <c r="H652044" s="12"/>
    </row>
    <row r="652045" spans="8:8">
      <c r="H652045" s="12"/>
    </row>
    <row r="652046" spans="8:8">
      <c r="H652046" s="12"/>
    </row>
    <row r="652047" spans="8:8">
      <c r="H652047" s="12"/>
    </row>
    <row r="652048" spans="8:8">
      <c r="H652048" s="12"/>
    </row>
    <row r="652049" spans="8:8">
      <c r="H652049" s="12"/>
    </row>
    <row r="652050" spans="8:8">
      <c r="H652050" s="12"/>
    </row>
    <row r="652051" spans="8:8">
      <c r="H652051" s="12"/>
    </row>
    <row r="652052" spans="8:8">
      <c r="H652052" s="12"/>
    </row>
    <row r="652053" spans="8:8">
      <c r="H652053" s="12"/>
    </row>
    <row r="652054" spans="8:8">
      <c r="H652054" s="12"/>
    </row>
    <row r="652055" spans="8:8">
      <c r="H652055" s="12"/>
    </row>
    <row r="652056" spans="8:8">
      <c r="H652056" s="12"/>
    </row>
    <row r="652057" spans="8:8">
      <c r="H652057" s="12"/>
    </row>
    <row r="652058" spans="8:8">
      <c r="H652058" s="12"/>
    </row>
    <row r="652059" spans="8:8">
      <c r="H652059" s="12"/>
    </row>
    <row r="652060" spans="8:8">
      <c r="H652060" s="12"/>
    </row>
    <row r="652061" spans="8:8">
      <c r="H652061" s="12"/>
    </row>
    <row r="652062" spans="8:8">
      <c r="H652062" s="12"/>
    </row>
    <row r="652063" spans="8:8">
      <c r="H652063" s="12"/>
    </row>
    <row r="652064" spans="8:8">
      <c r="H652064" s="12"/>
    </row>
    <row r="652065" spans="8:8">
      <c r="H652065" s="12"/>
    </row>
    <row r="652066" spans="8:8">
      <c r="H652066" s="12"/>
    </row>
    <row r="652067" spans="8:8">
      <c r="H652067" s="12"/>
    </row>
    <row r="652068" spans="8:8">
      <c r="H652068" s="12"/>
    </row>
    <row r="652069" spans="8:8">
      <c r="H652069" s="12"/>
    </row>
    <row r="652070" spans="8:8">
      <c r="H652070" s="12"/>
    </row>
    <row r="652071" spans="8:8">
      <c r="H652071" s="12"/>
    </row>
    <row r="652072" spans="8:8">
      <c r="H652072" s="12"/>
    </row>
    <row r="652073" spans="8:8">
      <c r="H652073" s="12"/>
    </row>
    <row r="652074" spans="8:8">
      <c r="H652074" s="12"/>
    </row>
    <row r="652075" spans="8:8">
      <c r="H652075" s="12"/>
    </row>
    <row r="652076" spans="8:8">
      <c r="H652076" s="12"/>
    </row>
    <row r="652077" spans="8:8">
      <c r="H652077" s="12"/>
    </row>
    <row r="652078" spans="8:8">
      <c r="H652078" s="12"/>
    </row>
    <row r="652079" spans="8:8">
      <c r="H652079" s="12"/>
    </row>
    <row r="652080" spans="8:8">
      <c r="H652080" s="12"/>
    </row>
    <row r="652081" spans="8:8">
      <c r="H652081" s="12"/>
    </row>
    <row r="652082" spans="8:8">
      <c r="H652082" s="12"/>
    </row>
    <row r="652083" spans="8:8">
      <c r="H652083" s="12"/>
    </row>
    <row r="652084" spans="8:8">
      <c r="H652084" s="12"/>
    </row>
    <row r="652085" spans="8:8">
      <c r="H652085" s="12"/>
    </row>
    <row r="652086" spans="8:8">
      <c r="H652086" s="12"/>
    </row>
    <row r="652087" spans="8:8">
      <c r="H652087" s="12"/>
    </row>
    <row r="652088" spans="8:8">
      <c r="H652088" s="12"/>
    </row>
    <row r="652089" spans="8:8">
      <c r="H652089" s="12"/>
    </row>
    <row r="652090" spans="8:8">
      <c r="H652090" s="12"/>
    </row>
    <row r="652091" spans="8:8">
      <c r="H652091" s="12"/>
    </row>
    <row r="652092" spans="8:8">
      <c r="H652092" s="12"/>
    </row>
    <row r="652093" spans="8:8">
      <c r="H652093" s="12"/>
    </row>
    <row r="652094" spans="8:8">
      <c r="H652094" s="12"/>
    </row>
    <row r="652095" spans="8:8">
      <c r="H652095" s="12"/>
    </row>
    <row r="652096" spans="8:8">
      <c r="H652096" s="12"/>
    </row>
    <row r="652097" spans="8:8">
      <c r="H652097" s="12"/>
    </row>
    <row r="652098" spans="8:8">
      <c r="H652098" s="12"/>
    </row>
    <row r="652099" spans="8:8">
      <c r="H652099" s="12"/>
    </row>
    <row r="652100" spans="8:8">
      <c r="H652100" s="12"/>
    </row>
    <row r="652101" spans="8:8">
      <c r="H652101" s="12"/>
    </row>
    <row r="652102" spans="8:8">
      <c r="H652102" s="12"/>
    </row>
    <row r="652103" spans="8:8">
      <c r="H652103" s="12"/>
    </row>
    <row r="652104" spans="8:8">
      <c r="H652104" s="12"/>
    </row>
    <row r="652105" spans="8:8">
      <c r="H652105" s="12"/>
    </row>
    <row r="652106" spans="8:8">
      <c r="H652106" s="12"/>
    </row>
    <row r="652107" spans="8:8">
      <c r="H652107" s="12"/>
    </row>
    <row r="652108" spans="8:8">
      <c r="H652108" s="12"/>
    </row>
    <row r="652109" spans="8:8">
      <c r="H652109" s="12"/>
    </row>
    <row r="652110" spans="8:8">
      <c r="H652110" s="12"/>
    </row>
    <row r="652111" spans="8:8">
      <c r="H652111" s="12"/>
    </row>
    <row r="652112" spans="8:8">
      <c r="H652112" s="12"/>
    </row>
    <row r="652113" spans="8:8">
      <c r="H652113" s="12"/>
    </row>
    <row r="652114" spans="8:8">
      <c r="H652114" s="12"/>
    </row>
    <row r="652115" spans="8:8">
      <c r="H652115" s="12"/>
    </row>
    <row r="652116" spans="8:8">
      <c r="H652116" s="12"/>
    </row>
    <row r="652117" spans="8:8">
      <c r="H652117" s="12"/>
    </row>
    <row r="652118" spans="8:8">
      <c r="H652118" s="12"/>
    </row>
    <row r="652119" spans="8:8">
      <c r="H652119" s="12"/>
    </row>
    <row r="652120" spans="8:8">
      <c r="H652120" s="12"/>
    </row>
    <row r="652121" spans="8:8">
      <c r="H652121" s="12"/>
    </row>
    <row r="652122" spans="8:8">
      <c r="H652122" s="12"/>
    </row>
    <row r="652123" spans="8:8">
      <c r="H652123" s="12"/>
    </row>
    <row r="652124" spans="8:8">
      <c r="H652124" s="12"/>
    </row>
    <row r="652125" spans="8:8">
      <c r="H652125" s="12"/>
    </row>
    <row r="652126" spans="8:8">
      <c r="H652126" s="12"/>
    </row>
    <row r="652127" spans="8:8">
      <c r="H652127" s="12"/>
    </row>
    <row r="652128" spans="8:8">
      <c r="H652128" s="12"/>
    </row>
    <row r="652129" spans="8:8">
      <c r="H652129" s="12"/>
    </row>
    <row r="652130" spans="8:8">
      <c r="H652130" s="12"/>
    </row>
    <row r="652131" spans="8:8">
      <c r="H652131" s="12"/>
    </row>
    <row r="652132" spans="8:8">
      <c r="H652132" s="12"/>
    </row>
    <row r="652133" spans="8:8">
      <c r="H652133" s="12"/>
    </row>
    <row r="652134" spans="8:8">
      <c r="H652134" s="12"/>
    </row>
    <row r="652135" spans="8:8">
      <c r="H652135" s="12"/>
    </row>
    <row r="652136" spans="8:8">
      <c r="H652136" s="12"/>
    </row>
    <row r="652137" spans="8:8">
      <c r="H652137" s="12"/>
    </row>
    <row r="652138" spans="8:8">
      <c r="H652138" s="12"/>
    </row>
    <row r="652139" spans="8:8">
      <c r="H652139" s="12"/>
    </row>
    <row r="652140" spans="8:8">
      <c r="H652140" s="12"/>
    </row>
    <row r="652141" spans="8:8">
      <c r="H652141" s="12"/>
    </row>
    <row r="652142" spans="8:8">
      <c r="H652142" s="12"/>
    </row>
    <row r="652143" spans="8:8">
      <c r="H652143" s="12"/>
    </row>
    <row r="652144" spans="8:8">
      <c r="H652144" s="12"/>
    </row>
    <row r="652145" spans="8:8">
      <c r="H652145" s="12"/>
    </row>
    <row r="652146" spans="8:8">
      <c r="H652146" s="12"/>
    </row>
    <row r="652147" spans="8:8">
      <c r="H652147" s="12"/>
    </row>
    <row r="652148" spans="8:8">
      <c r="H652148" s="12"/>
    </row>
    <row r="652149" spans="8:8">
      <c r="H652149" s="12"/>
    </row>
    <row r="652150" spans="8:8">
      <c r="H652150" s="12"/>
    </row>
    <row r="652151" spans="8:8">
      <c r="H652151" s="12"/>
    </row>
    <row r="652152" spans="8:8">
      <c r="H652152" s="12"/>
    </row>
    <row r="652153" spans="8:8">
      <c r="H652153" s="12"/>
    </row>
    <row r="652154" spans="8:8">
      <c r="H652154" s="12"/>
    </row>
    <row r="652155" spans="8:8">
      <c r="H652155" s="12"/>
    </row>
    <row r="652156" spans="8:8">
      <c r="H652156" s="12"/>
    </row>
    <row r="652157" spans="8:8">
      <c r="H652157" s="12"/>
    </row>
    <row r="652158" spans="8:8">
      <c r="H652158" s="12"/>
    </row>
    <row r="652159" spans="8:8">
      <c r="H652159" s="12"/>
    </row>
    <row r="652160" spans="8:8">
      <c r="H652160" s="12"/>
    </row>
    <row r="652161" spans="8:8">
      <c r="H652161" s="12"/>
    </row>
    <row r="652162" spans="8:8">
      <c r="H652162" s="12"/>
    </row>
    <row r="652163" spans="8:8">
      <c r="H652163" s="12"/>
    </row>
    <row r="652164" spans="8:8">
      <c r="H652164" s="12"/>
    </row>
    <row r="652165" spans="8:8">
      <c r="H652165" s="12"/>
    </row>
    <row r="652166" spans="8:8">
      <c r="H652166" s="12"/>
    </row>
    <row r="652167" spans="8:8">
      <c r="H652167" s="12"/>
    </row>
    <row r="652168" spans="8:8">
      <c r="H652168" s="12"/>
    </row>
    <row r="652169" spans="8:8">
      <c r="H652169" s="12"/>
    </row>
    <row r="652170" spans="8:8">
      <c r="H652170" s="12"/>
    </row>
    <row r="652171" spans="8:8">
      <c r="H652171" s="12"/>
    </row>
    <row r="652172" spans="8:8">
      <c r="H652172" s="12"/>
    </row>
    <row r="652173" spans="8:8">
      <c r="H652173" s="12"/>
    </row>
    <row r="652174" spans="8:8">
      <c r="H652174" s="12"/>
    </row>
    <row r="652175" spans="8:8">
      <c r="H652175" s="12"/>
    </row>
    <row r="652176" spans="8:8">
      <c r="H652176" s="12"/>
    </row>
    <row r="652177" spans="8:8">
      <c r="H652177" s="12"/>
    </row>
    <row r="652178" spans="8:8">
      <c r="H652178" s="12"/>
    </row>
    <row r="652179" spans="8:8">
      <c r="H652179" s="12"/>
    </row>
    <row r="652180" spans="8:8">
      <c r="H652180" s="12"/>
    </row>
    <row r="652181" spans="8:8">
      <c r="H652181" s="12"/>
    </row>
    <row r="652182" spans="8:8">
      <c r="H652182" s="12"/>
    </row>
    <row r="652183" spans="8:8">
      <c r="H652183" s="12"/>
    </row>
    <row r="652184" spans="8:8">
      <c r="H652184" s="12"/>
    </row>
    <row r="652185" spans="8:8">
      <c r="H652185" s="12"/>
    </row>
    <row r="652186" spans="8:8">
      <c r="H652186" s="12"/>
    </row>
    <row r="652187" spans="8:8">
      <c r="H652187" s="12"/>
    </row>
    <row r="652188" spans="8:8">
      <c r="H652188" s="12"/>
    </row>
    <row r="652189" spans="8:8">
      <c r="H652189" s="12"/>
    </row>
    <row r="652190" spans="8:8">
      <c r="H652190" s="12"/>
    </row>
    <row r="652191" spans="8:8">
      <c r="H652191" s="12"/>
    </row>
    <row r="652192" spans="8:8">
      <c r="H652192" s="12"/>
    </row>
    <row r="652193" spans="8:8">
      <c r="H652193" s="12"/>
    </row>
    <row r="652194" spans="8:8">
      <c r="H652194" s="12"/>
    </row>
    <row r="652195" spans="8:8">
      <c r="H652195" s="12"/>
    </row>
    <row r="652196" spans="8:8">
      <c r="H652196" s="12"/>
    </row>
    <row r="652197" spans="8:8">
      <c r="H652197" s="12"/>
    </row>
    <row r="652198" spans="8:8">
      <c r="H652198" s="12"/>
    </row>
    <row r="652199" spans="8:8">
      <c r="H652199" s="12"/>
    </row>
    <row r="652200" spans="8:8">
      <c r="H652200" s="12"/>
    </row>
    <row r="652201" spans="8:8">
      <c r="H652201" s="12"/>
    </row>
    <row r="652202" spans="8:8">
      <c r="H652202" s="12"/>
    </row>
    <row r="652203" spans="8:8">
      <c r="H652203" s="12"/>
    </row>
    <row r="652204" spans="8:8">
      <c r="H652204" s="12"/>
    </row>
    <row r="652205" spans="8:8">
      <c r="H652205" s="12"/>
    </row>
    <row r="652206" spans="8:8">
      <c r="H652206" s="12"/>
    </row>
    <row r="652207" spans="8:8">
      <c r="H652207" s="12"/>
    </row>
    <row r="652208" spans="8:8">
      <c r="H652208" s="12"/>
    </row>
    <row r="652209" spans="8:8">
      <c r="H652209" s="12"/>
    </row>
    <row r="652210" spans="8:8">
      <c r="H652210" s="12"/>
    </row>
    <row r="652211" spans="8:8">
      <c r="H652211" s="12"/>
    </row>
    <row r="652212" spans="8:8">
      <c r="H652212" s="12"/>
    </row>
    <row r="652213" spans="8:8">
      <c r="H652213" s="12"/>
    </row>
    <row r="652214" spans="8:8">
      <c r="H652214" s="12"/>
    </row>
    <row r="652215" spans="8:8">
      <c r="H652215" s="12"/>
    </row>
    <row r="652216" spans="8:8">
      <c r="H652216" s="12"/>
    </row>
    <row r="652217" spans="8:8">
      <c r="H652217" s="12"/>
    </row>
    <row r="652218" spans="8:8">
      <c r="H652218" s="12"/>
    </row>
    <row r="652219" spans="8:8">
      <c r="H652219" s="12"/>
    </row>
    <row r="652220" spans="8:8">
      <c r="H652220" s="12"/>
    </row>
    <row r="652221" spans="8:8">
      <c r="H652221" s="12"/>
    </row>
    <row r="652222" spans="8:8">
      <c r="H652222" s="12"/>
    </row>
    <row r="652223" spans="8:8">
      <c r="H652223" s="12"/>
    </row>
    <row r="652224" spans="8:8">
      <c r="H652224" s="12"/>
    </row>
    <row r="652225" spans="8:8">
      <c r="H652225" s="12"/>
    </row>
    <row r="652226" spans="8:8">
      <c r="H652226" s="12"/>
    </row>
    <row r="652227" spans="8:8">
      <c r="H652227" s="12"/>
    </row>
    <row r="652228" spans="8:8">
      <c r="H652228" s="12"/>
    </row>
    <row r="652229" spans="8:8">
      <c r="H652229" s="12"/>
    </row>
    <row r="652230" spans="8:8">
      <c r="H652230" s="12"/>
    </row>
    <row r="652231" spans="8:8">
      <c r="H652231" s="12"/>
    </row>
    <row r="652232" spans="8:8">
      <c r="H652232" s="12"/>
    </row>
    <row r="652233" spans="8:8">
      <c r="H652233" s="12"/>
    </row>
    <row r="652234" spans="8:8">
      <c r="H652234" s="12"/>
    </row>
    <row r="652235" spans="8:8">
      <c r="H652235" s="12"/>
    </row>
    <row r="652236" spans="8:8">
      <c r="H652236" s="12"/>
    </row>
    <row r="652237" spans="8:8">
      <c r="H652237" s="12"/>
    </row>
    <row r="652238" spans="8:8">
      <c r="H652238" s="12"/>
    </row>
    <row r="652239" spans="8:8">
      <c r="H652239" s="12"/>
    </row>
    <row r="652240" spans="8:8">
      <c r="H652240" s="12"/>
    </row>
    <row r="652241" spans="8:8">
      <c r="H652241" s="12"/>
    </row>
    <row r="652242" spans="8:8">
      <c r="H652242" s="12"/>
    </row>
    <row r="652243" spans="8:8">
      <c r="H652243" s="12"/>
    </row>
    <row r="652244" spans="8:8">
      <c r="H652244" s="12"/>
    </row>
    <row r="652245" spans="8:8">
      <c r="H652245" s="12"/>
    </row>
    <row r="652246" spans="8:8">
      <c r="H652246" s="12"/>
    </row>
    <row r="652247" spans="8:8">
      <c r="H652247" s="12"/>
    </row>
    <row r="652248" spans="8:8">
      <c r="H652248" s="12"/>
    </row>
    <row r="652249" spans="8:8">
      <c r="H652249" s="12"/>
    </row>
    <row r="652250" spans="8:8">
      <c r="H652250" s="12"/>
    </row>
    <row r="652251" spans="8:8">
      <c r="H652251" s="12"/>
    </row>
    <row r="652252" spans="8:8">
      <c r="H652252" s="12"/>
    </row>
    <row r="652253" spans="8:8">
      <c r="H652253" s="12"/>
    </row>
    <row r="652254" spans="8:8">
      <c r="H652254" s="12"/>
    </row>
    <row r="652255" spans="8:8">
      <c r="H652255" s="12"/>
    </row>
    <row r="652256" spans="8:8">
      <c r="H652256" s="12"/>
    </row>
    <row r="652257" spans="8:8">
      <c r="H652257" s="12"/>
    </row>
    <row r="652258" spans="8:8">
      <c r="H652258" s="12"/>
    </row>
    <row r="652259" spans="8:8">
      <c r="H652259" s="12"/>
    </row>
    <row r="652260" spans="8:8">
      <c r="H652260" s="12"/>
    </row>
    <row r="652261" spans="8:8">
      <c r="H652261" s="12"/>
    </row>
    <row r="652262" spans="8:8">
      <c r="H652262" s="12"/>
    </row>
    <row r="652263" spans="8:8">
      <c r="H652263" s="12"/>
    </row>
    <row r="652264" spans="8:8">
      <c r="H652264" s="12"/>
    </row>
    <row r="652265" spans="8:8">
      <c r="H652265" s="12"/>
    </row>
    <row r="652266" spans="8:8">
      <c r="H652266" s="12"/>
    </row>
    <row r="652267" spans="8:8">
      <c r="H652267" s="12"/>
    </row>
    <row r="652268" spans="8:8">
      <c r="H652268" s="12"/>
    </row>
    <row r="652269" spans="8:8">
      <c r="H652269" s="12"/>
    </row>
    <row r="652270" spans="8:8">
      <c r="H652270" s="12"/>
    </row>
    <row r="652271" spans="8:8">
      <c r="H652271" s="12"/>
    </row>
    <row r="652272" spans="8:8">
      <c r="H652272" s="12"/>
    </row>
    <row r="652273" spans="8:8">
      <c r="H652273" s="12"/>
    </row>
    <row r="652274" spans="8:8">
      <c r="H652274" s="12"/>
    </row>
    <row r="652275" spans="8:8">
      <c r="H652275" s="12"/>
    </row>
    <row r="652276" spans="8:8">
      <c r="H652276" s="12"/>
    </row>
    <row r="652277" spans="8:8">
      <c r="H652277" s="12"/>
    </row>
    <row r="652278" spans="8:8">
      <c r="H652278" s="12"/>
    </row>
    <row r="652279" spans="8:8">
      <c r="H652279" s="12"/>
    </row>
    <row r="652280" spans="8:8">
      <c r="H652280" s="12"/>
    </row>
    <row r="652281" spans="8:8">
      <c r="H652281" s="12"/>
    </row>
    <row r="652282" spans="8:8">
      <c r="H652282" s="12"/>
    </row>
    <row r="652283" spans="8:8">
      <c r="H652283" s="12"/>
    </row>
    <row r="652284" spans="8:8">
      <c r="H652284" s="12"/>
    </row>
    <row r="652285" spans="8:8">
      <c r="H652285" s="12"/>
    </row>
    <row r="652286" spans="8:8">
      <c r="H652286" s="12"/>
    </row>
    <row r="652287" spans="8:8">
      <c r="H652287" s="12"/>
    </row>
    <row r="652288" spans="8:8">
      <c r="H652288" s="12"/>
    </row>
    <row r="652289" spans="8:8">
      <c r="H652289" s="12"/>
    </row>
    <row r="652290" spans="8:8">
      <c r="H652290" s="12"/>
    </row>
    <row r="652291" spans="8:8">
      <c r="H652291" s="12"/>
    </row>
    <row r="652292" spans="8:8">
      <c r="H652292" s="12"/>
    </row>
    <row r="652293" spans="8:8">
      <c r="H652293" s="12"/>
    </row>
    <row r="652294" spans="8:8">
      <c r="H652294" s="12"/>
    </row>
    <row r="652295" spans="8:8">
      <c r="H652295" s="12"/>
    </row>
    <row r="652296" spans="8:8">
      <c r="H652296" s="12"/>
    </row>
    <row r="652297" spans="8:8">
      <c r="H652297" s="12"/>
    </row>
    <row r="652298" spans="8:8">
      <c r="H652298" s="12"/>
    </row>
    <row r="652299" spans="8:8">
      <c r="H652299" s="12"/>
    </row>
    <row r="652300" spans="8:8">
      <c r="H652300" s="12"/>
    </row>
    <row r="652301" spans="8:8">
      <c r="H652301" s="12"/>
    </row>
    <row r="652302" spans="8:8">
      <c r="H652302" s="12"/>
    </row>
    <row r="652303" spans="8:8">
      <c r="H652303" s="12"/>
    </row>
    <row r="652304" spans="8:8">
      <c r="H652304" s="12"/>
    </row>
    <row r="652305" spans="8:8">
      <c r="H652305" s="12"/>
    </row>
    <row r="652306" spans="8:8">
      <c r="H652306" s="12"/>
    </row>
    <row r="652307" spans="8:8">
      <c r="H652307" s="12"/>
    </row>
    <row r="652308" spans="8:8">
      <c r="H652308" s="12"/>
    </row>
    <row r="652309" spans="8:8">
      <c r="H652309" s="12"/>
    </row>
    <row r="652310" spans="8:8">
      <c r="H652310" s="12"/>
    </row>
    <row r="652311" spans="8:8">
      <c r="H652311" s="12"/>
    </row>
    <row r="652312" spans="8:8">
      <c r="H652312" s="12"/>
    </row>
    <row r="652313" spans="8:8">
      <c r="H652313" s="12"/>
    </row>
    <row r="652314" spans="8:8">
      <c r="H652314" s="12"/>
    </row>
    <row r="652315" spans="8:8">
      <c r="H652315" s="12"/>
    </row>
    <row r="652316" spans="8:8">
      <c r="H652316" s="12"/>
    </row>
    <row r="652317" spans="8:8">
      <c r="H652317" s="12"/>
    </row>
    <row r="652318" spans="8:8">
      <c r="H652318" s="12"/>
    </row>
    <row r="652319" spans="8:8">
      <c r="H652319" s="12"/>
    </row>
    <row r="652320" spans="8:8">
      <c r="H652320" s="12"/>
    </row>
    <row r="652321" spans="8:8">
      <c r="H652321" s="12"/>
    </row>
    <row r="652322" spans="8:8">
      <c r="H652322" s="12"/>
    </row>
    <row r="652323" spans="8:8">
      <c r="H652323" s="12"/>
    </row>
    <row r="652324" spans="8:8">
      <c r="H652324" s="12"/>
    </row>
    <row r="652325" spans="8:8">
      <c r="H652325" s="12"/>
    </row>
    <row r="652326" spans="8:8">
      <c r="H652326" s="12"/>
    </row>
    <row r="652327" spans="8:8">
      <c r="H652327" s="12"/>
    </row>
    <row r="652328" spans="8:8">
      <c r="H652328" s="12"/>
    </row>
    <row r="652329" spans="8:8">
      <c r="H652329" s="12"/>
    </row>
    <row r="652330" spans="8:8">
      <c r="H652330" s="12"/>
    </row>
    <row r="652331" spans="8:8">
      <c r="H652331" s="12"/>
    </row>
    <row r="652332" spans="8:8">
      <c r="H652332" s="12"/>
    </row>
    <row r="652333" spans="8:8">
      <c r="H652333" s="12"/>
    </row>
    <row r="652334" spans="8:8">
      <c r="H652334" s="12"/>
    </row>
    <row r="652335" spans="8:8">
      <c r="H652335" s="12"/>
    </row>
    <row r="652336" spans="8:8">
      <c r="H652336" s="12"/>
    </row>
    <row r="652337" spans="8:8">
      <c r="H652337" s="12"/>
    </row>
    <row r="652338" spans="8:8">
      <c r="H652338" s="12"/>
    </row>
    <row r="652339" spans="8:8">
      <c r="H652339" s="12"/>
    </row>
    <row r="652340" spans="8:8">
      <c r="H652340" s="12"/>
    </row>
    <row r="652341" spans="8:8">
      <c r="H652341" s="12"/>
    </row>
    <row r="652342" spans="8:8">
      <c r="H652342" s="12"/>
    </row>
    <row r="652343" spans="8:8">
      <c r="H652343" s="12"/>
    </row>
    <row r="652344" spans="8:8">
      <c r="H652344" s="12"/>
    </row>
    <row r="652345" spans="8:8">
      <c r="H652345" s="12"/>
    </row>
    <row r="652346" spans="8:8">
      <c r="H652346" s="12"/>
    </row>
    <row r="652347" spans="8:8">
      <c r="H652347" s="12"/>
    </row>
    <row r="652348" spans="8:8">
      <c r="H652348" s="12"/>
    </row>
    <row r="652349" spans="8:8">
      <c r="H652349" s="12"/>
    </row>
    <row r="652350" spans="8:8">
      <c r="H652350" s="12"/>
    </row>
    <row r="652351" spans="8:8">
      <c r="H652351" s="12"/>
    </row>
    <row r="652352" spans="8:8">
      <c r="H652352" s="12"/>
    </row>
    <row r="652353" spans="8:8">
      <c r="H652353" s="12"/>
    </row>
    <row r="652354" spans="8:8">
      <c r="H652354" s="12"/>
    </row>
    <row r="652355" spans="8:8">
      <c r="H652355" s="12"/>
    </row>
    <row r="652356" spans="8:8">
      <c r="H652356" s="12"/>
    </row>
    <row r="652357" spans="8:8">
      <c r="H652357" s="12"/>
    </row>
    <row r="652358" spans="8:8">
      <c r="H652358" s="12"/>
    </row>
    <row r="652359" spans="8:8">
      <c r="H652359" s="12"/>
    </row>
    <row r="652360" spans="8:8">
      <c r="H652360" s="12"/>
    </row>
    <row r="652361" spans="8:8">
      <c r="H652361" s="12"/>
    </row>
    <row r="652362" spans="8:8">
      <c r="H652362" s="12"/>
    </row>
    <row r="652363" spans="8:8">
      <c r="H652363" s="12"/>
    </row>
    <row r="652364" spans="8:8">
      <c r="H652364" s="12"/>
    </row>
    <row r="652365" spans="8:8">
      <c r="H652365" s="12"/>
    </row>
    <row r="652366" spans="8:8">
      <c r="H652366" s="12"/>
    </row>
    <row r="652367" spans="8:8">
      <c r="H652367" s="12"/>
    </row>
    <row r="652368" spans="8:8">
      <c r="H652368" s="12"/>
    </row>
    <row r="652369" spans="8:8">
      <c r="H652369" s="12"/>
    </row>
    <row r="652370" spans="8:8">
      <c r="H652370" s="12"/>
    </row>
    <row r="652371" spans="8:8">
      <c r="H652371" s="12"/>
    </row>
    <row r="652372" spans="8:8">
      <c r="H652372" s="12"/>
    </row>
    <row r="652373" spans="8:8">
      <c r="H652373" s="12"/>
    </row>
    <row r="652374" spans="8:8">
      <c r="H652374" s="12"/>
    </row>
    <row r="652375" spans="8:8">
      <c r="H652375" s="12"/>
    </row>
    <row r="652376" spans="8:8">
      <c r="H652376" s="12"/>
    </row>
    <row r="652377" spans="8:8">
      <c r="H652377" s="12"/>
    </row>
    <row r="652378" spans="8:8">
      <c r="H652378" s="12"/>
    </row>
    <row r="652379" spans="8:8">
      <c r="H652379" s="12"/>
    </row>
    <row r="652380" spans="8:8">
      <c r="H652380" s="12"/>
    </row>
    <row r="652381" spans="8:8">
      <c r="H652381" s="12"/>
    </row>
    <row r="652382" spans="8:8">
      <c r="H652382" s="12"/>
    </row>
    <row r="652383" spans="8:8">
      <c r="H652383" s="12"/>
    </row>
    <row r="652384" spans="8:8">
      <c r="H652384" s="12"/>
    </row>
    <row r="652385" spans="8:8">
      <c r="H652385" s="12"/>
    </row>
    <row r="652386" spans="8:8">
      <c r="H652386" s="12"/>
    </row>
    <row r="652387" spans="8:8">
      <c r="H652387" s="12"/>
    </row>
    <row r="652388" spans="8:8">
      <c r="H652388" s="12"/>
    </row>
    <row r="652389" spans="8:8">
      <c r="H652389" s="12"/>
    </row>
    <row r="652390" spans="8:8">
      <c r="H652390" s="12"/>
    </row>
    <row r="652391" spans="8:8">
      <c r="H652391" s="12"/>
    </row>
    <row r="652392" spans="8:8">
      <c r="H652392" s="12"/>
    </row>
    <row r="652393" spans="8:8">
      <c r="H652393" s="12"/>
    </row>
    <row r="652394" spans="8:8">
      <c r="H652394" s="12"/>
    </row>
    <row r="652395" spans="8:8">
      <c r="H652395" s="12"/>
    </row>
    <row r="652396" spans="8:8">
      <c r="H652396" s="12"/>
    </row>
    <row r="652397" spans="8:8">
      <c r="H652397" s="12"/>
    </row>
    <row r="652398" spans="8:8">
      <c r="H652398" s="12"/>
    </row>
    <row r="652399" spans="8:8">
      <c r="H652399" s="12"/>
    </row>
    <row r="652400" spans="8:8">
      <c r="H652400" s="12"/>
    </row>
    <row r="652401" spans="8:8">
      <c r="H652401" s="12"/>
    </row>
    <row r="652402" spans="8:8">
      <c r="H652402" s="12"/>
    </row>
    <row r="652403" spans="8:8">
      <c r="H652403" s="12"/>
    </row>
    <row r="652404" spans="8:8">
      <c r="H652404" s="12"/>
    </row>
    <row r="652405" spans="8:8">
      <c r="H652405" s="12"/>
    </row>
    <row r="652406" spans="8:8">
      <c r="H652406" s="12"/>
    </row>
    <row r="652407" spans="8:8">
      <c r="H652407" s="12"/>
    </row>
    <row r="652408" spans="8:8">
      <c r="H652408" s="12"/>
    </row>
    <row r="652409" spans="8:8">
      <c r="H652409" s="12"/>
    </row>
    <row r="652410" spans="8:8">
      <c r="H652410" s="12"/>
    </row>
    <row r="652411" spans="8:8">
      <c r="H652411" s="12"/>
    </row>
    <row r="652412" spans="8:8">
      <c r="H652412" s="12"/>
    </row>
    <row r="652413" spans="8:8">
      <c r="H652413" s="12"/>
    </row>
    <row r="652414" spans="8:8">
      <c r="H652414" s="12"/>
    </row>
    <row r="652415" spans="8:8">
      <c r="H652415" s="12"/>
    </row>
    <row r="652416" spans="8:8">
      <c r="H652416" s="12"/>
    </row>
    <row r="652417" spans="8:8">
      <c r="H652417" s="12"/>
    </row>
    <row r="652418" spans="8:8">
      <c r="H652418" s="12"/>
    </row>
    <row r="652419" spans="8:8">
      <c r="H652419" s="12"/>
    </row>
    <row r="652420" spans="8:8">
      <c r="H652420" s="12"/>
    </row>
    <row r="652421" spans="8:8">
      <c r="H652421" s="12"/>
    </row>
    <row r="652422" spans="8:8">
      <c r="H652422" s="12"/>
    </row>
    <row r="652423" spans="8:8">
      <c r="H652423" s="12"/>
    </row>
    <row r="652424" spans="8:8">
      <c r="H652424" s="12"/>
    </row>
    <row r="652425" spans="8:8">
      <c r="H652425" s="12"/>
    </row>
    <row r="652426" spans="8:8">
      <c r="H652426" s="12"/>
    </row>
    <row r="652427" spans="8:8">
      <c r="H652427" s="12"/>
    </row>
    <row r="652428" spans="8:8">
      <c r="H652428" s="12"/>
    </row>
    <row r="652429" spans="8:8">
      <c r="H652429" s="12"/>
    </row>
    <row r="652430" spans="8:8">
      <c r="H652430" s="12"/>
    </row>
    <row r="652431" spans="8:8">
      <c r="H652431" s="12"/>
    </row>
    <row r="652432" spans="8:8">
      <c r="H652432" s="12"/>
    </row>
    <row r="652433" spans="8:8">
      <c r="H652433" s="12"/>
    </row>
    <row r="652434" spans="8:8">
      <c r="H652434" s="12"/>
    </row>
    <row r="652435" spans="8:8">
      <c r="H652435" s="12"/>
    </row>
    <row r="652436" spans="8:8">
      <c r="H652436" s="12"/>
    </row>
    <row r="652437" spans="8:8">
      <c r="H652437" s="12"/>
    </row>
    <row r="652438" spans="8:8">
      <c r="H652438" s="12"/>
    </row>
    <row r="652439" spans="8:8">
      <c r="H652439" s="12"/>
    </row>
    <row r="652440" spans="8:8">
      <c r="H652440" s="12"/>
    </row>
    <row r="652441" spans="8:8">
      <c r="H652441" s="12"/>
    </row>
    <row r="652442" spans="8:8">
      <c r="H652442" s="12"/>
    </row>
    <row r="652443" spans="8:8">
      <c r="H652443" s="12"/>
    </row>
    <row r="652444" spans="8:8">
      <c r="H652444" s="12"/>
    </row>
    <row r="652445" spans="8:8">
      <c r="H652445" s="12"/>
    </row>
    <row r="652446" spans="8:8">
      <c r="H652446" s="12"/>
    </row>
    <row r="652447" spans="8:8">
      <c r="H652447" s="12"/>
    </row>
    <row r="652448" spans="8:8">
      <c r="H652448" s="12"/>
    </row>
    <row r="652449" spans="8:8">
      <c r="H652449" s="12"/>
    </row>
    <row r="652450" spans="8:8">
      <c r="H652450" s="12"/>
    </row>
    <row r="652451" spans="8:8">
      <c r="H652451" s="12"/>
    </row>
    <row r="652452" spans="8:8">
      <c r="H652452" s="12"/>
    </row>
    <row r="652453" spans="8:8">
      <c r="H652453" s="12"/>
    </row>
    <row r="652454" spans="8:8">
      <c r="H652454" s="12"/>
    </row>
    <row r="652455" spans="8:8">
      <c r="H652455" s="12"/>
    </row>
    <row r="652456" spans="8:8">
      <c r="H652456" s="12"/>
    </row>
    <row r="652457" spans="8:8">
      <c r="H652457" s="12"/>
    </row>
    <row r="652458" spans="8:8">
      <c r="H652458" s="12"/>
    </row>
    <row r="652459" spans="8:8">
      <c r="H652459" s="12"/>
    </row>
    <row r="652460" spans="8:8">
      <c r="H652460" s="12"/>
    </row>
    <row r="652461" spans="8:8">
      <c r="H652461" s="12"/>
    </row>
    <row r="652462" spans="8:8">
      <c r="H652462" s="12"/>
    </row>
    <row r="652463" spans="8:8">
      <c r="H652463" s="12"/>
    </row>
    <row r="652464" spans="8:8">
      <c r="H652464" s="12"/>
    </row>
    <row r="652465" spans="8:8">
      <c r="H652465" s="12"/>
    </row>
    <row r="652466" spans="8:8">
      <c r="H652466" s="12"/>
    </row>
    <row r="652467" spans="8:8">
      <c r="H652467" s="12"/>
    </row>
    <row r="652468" spans="8:8">
      <c r="H652468" s="12"/>
    </row>
    <row r="652469" spans="8:8">
      <c r="H652469" s="12"/>
    </row>
    <row r="652470" spans="8:8">
      <c r="H652470" s="12"/>
    </row>
    <row r="652471" spans="8:8">
      <c r="H652471" s="12"/>
    </row>
    <row r="652472" spans="8:8">
      <c r="H652472" s="12"/>
    </row>
    <row r="652473" spans="8:8">
      <c r="H652473" s="12"/>
    </row>
    <row r="652474" spans="8:8">
      <c r="H652474" s="12"/>
    </row>
    <row r="652475" spans="8:8">
      <c r="H652475" s="12"/>
    </row>
    <row r="652476" spans="8:8">
      <c r="H652476" s="12"/>
    </row>
    <row r="652477" spans="8:8">
      <c r="H652477" s="12"/>
    </row>
    <row r="652478" spans="8:8">
      <c r="H652478" s="12"/>
    </row>
    <row r="652479" spans="8:8">
      <c r="H652479" s="12"/>
    </row>
    <row r="652480" spans="8:8">
      <c r="H652480" s="12"/>
    </row>
    <row r="652481" spans="8:8">
      <c r="H652481" s="12"/>
    </row>
    <row r="652482" spans="8:8">
      <c r="H652482" s="12"/>
    </row>
    <row r="652483" spans="8:8">
      <c r="H652483" s="12"/>
    </row>
    <row r="652484" spans="8:8">
      <c r="H652484" s="12"/>
    </row>
    <row r="652485" spans="8:8">
      <c r="H652485" s="12"/>
    </row>
    <row r="652486" spans="8:8">
      <c r="H652486" s="12"/>
    </row>
    <row r="652487" spans="8:8">
      <c r="H652487" s="12"/>
    </row>
    <row r="652488" spans="8:8">
      <c r="H652488" s="12"/>
    </row>
    <row r="652489" spans="8:8">
      <c r="H652489" s="12"/>
    </row>
    <row r="652490" spans="8:8">
      <c r="H652490" s="12"/>
    </row>
    <row r="652491" spans="8:8">
      <c r="H652491" s="12"/>
    </row>
    <row r="652492" spans="8:8">
      <c r="H652492" s="12"/>
    </row>
    <row r="652493" spans="8:8">
      <c r="H652493" s="12"/>
    </row>
    <row r="652494" spans="8:8">
      <c r="H652494" s="12"/>
    </row>
    <row r="652495" spans="8:8">
      <c r="H652495" s="12"/>
    </row>
    <row r="652496" spans="8:8">
      <c r="H652496" s="12"/>
    </row>
    <row r="652497" spans="8:8">
      <c r="H652497" s="12"/>
    </row>
    <row r="652498" spans="8:8">
      <c r="H652498" s="12"/>
    </row>
    <row r="652499" spans="8:8">
      <c r="H652499" s="12"/>
    </row>
    <row r="652500" spans="8:8">
      <c r="H652500" s="12"/>
    </row>
    <row r="652501" spans="8:8">
      <c r="H652501" s="12"/>
    </row>
    <row r="652502" spans="8:8">
      <c r="H652502" s="12"/>
    </row>
    <row r="652503" spans="8:8">
      <c r="H652503" s="12"/>
    </row>
    <row r="652504" spans="8:8">
      <c r="H652504" s="12"/>
    </row>
    <row r="652505" spans="8:8">
      <c r="H652505" s="12"/>
    </row>
    <row r="652506" spans="8:8">
      <c r="H652506" s="12"/>
    </row>
    <row r="652507" spans="8:8">
      <c r="H652507" s="12"/>
    </row>
    <row r="652508" spans="8:8">
      <c r="H652508" s="12"/>
    </row>
    <row r="652509" spans="8:8">
      <c r="H652509" s="12"/>
    </row>
    <row r="652510" spans="8:8">
      <c r="H652510" s="12"/>
    </row>
    <row r="652511" spans="8:8">
      <c r="H652511" s="12"/>
    </row>
    <row r="652512" spans="8:8">
      <c r="H652512" s="12"/>
    </row>
    <row r="652513" spans="8:8">
      <c r="H652513" s="12"/>
    </row>
    <row r="652514" spans="8:8">
      <c r="H652514" s="12"/>
    </row>
    <row r="652515" spans="8:8">
      <c r="H652515" s="12"/>
    </row>
    <row r="652516" spans="8:8">
      <c r="H652516" s="12"/>
    </row>
    <row r="652517" spans="8:8">
      <c r="H652517" s="12"/>
    </row>
    <row r="652518" spans="8:8">
      <c r="H652518" s="12"/>
    </row>
    <row r="652519" spans="8:8">
      <c r="H652519" s="12"/>
    </row>
    <row r="652520" spans="8:8">
      <c r="H652520" s="12"/>
    </row>
    <row r="652521" spans="8:8">
      <c r="H652521" s="12"/>
    </row>
    <row r="652522" spans="8:8">
      <c r="H652522" s="12"/>
    </row>
    <row r="652523" spans="8:8">
      <c r="H652523" s="12"/>
    </row>
    <row r="652524" spans="8:8">
      <c r="H652524" s="12"/>
    </row>
    <row r="652525" spans="8:8">
      <c r="H652525" s="12"/>
    </row>
    <row r="652526" spans="8:8">
      <c r="H652526" s="12"/>
    </row>
    <row r="652527" spans="8:8">
      <c r="H652527" s="12"/>
    </row>
    <row r="652528" spans="8:8">
      <c r="H652528" s="12"/>
    </row>
    <row r="652529" spans="8:8">
      <c r="H652529" s="12"/>
    </row>
    <row r="652530" spans="8:8">
      <c r="H652530" s="12"/>
    </row>
    <row r="652531" spans="8:8">
      <c r="H652531" s="12"/>
    </row>
    <row r="652532" spans="8:8">
      <c r="H652532" s="12"/>
    </row>
    <row r="652533" spans="8:8">
      <c r="H652533" s="12"/>
    </row>
    <row r="652534" spans="8:8">
      <c r="H652534" s="12"/>
    </row>
    <row r="652535" spans="8:8">
      <c r="H652535" s="12"/>
    </row>
    <row r="652536" spans="8:8">
      <c r="H652536" s="12"/>
    </row>
    <row r="652537" spans="8:8">
      <c r="H652537" s="12"/>
    </row>
    <row r="652538" spans="8:8">
      <c r="H652538" s="12"/>
    </row>
    <row r="652539" spans="8:8">
      <c r="H652539" s="12"/>
    </row>
    <row r="652540" spans="8:8">
      <c r="H652540" s="12"/>
    </row>
    <row r="652541" spans="8:8">
      <c r="H652541" s="12"/>
    </row>
    <row r="652542" spans="8:8">
      <c r="H652542" s="12"/>
    </row>
    <row r="652543" spans="8:8">
      <c r="H652543" s="12"/>
    </row>
    <row r="652544" spans="8:8">
      <c r="H652544" s="12"/>
    </row>
    <row r="652545" spans="8:8">
      <c r="H652545" s="12"/>
    </row>
    <row r="652546" spans="8:8">
      <c r="H652546" s="12"/>
    </row>
    <row r="652547" spans="8:8">
      <c r="H652547" s="12"/>
    </row>
    <row r="652548" spans="8:8">
      <c r="H652548" s="12"/>
    </row>
    <row r="652549" spans="8:8">
      <c r="H652549" s="12"/>
    </row>
    <row r="652550" spans="8:8">
      <c r="H652550" s="12"/>
    </row>
    <row r="652551" spans="8:8">
      <c r="H652551" s="12"/>
    </row>
    <row r="652552" spans="8:8">
      <c r="H652552" s="12"/>
    </row>
    <row r="652553" spans="8:8">
      <c r="H652553" s="12"/>
    </row>
    <row r="652554" spans="8:8">
      <c r="H652554" s="12"/>
    </row>
    <row r="652555" spans="8:8">
      <c r="H652555" s="12"/>
    </row>
    <row r="652556" spans="8:8">
      <c r="H652556" s="12"/>
    </row>
    <row r="652557" spans="8:8">
      <c r="H652557" s="12"/>
    </row>
    <row r="652558" spans="8:8">
      <c r="H652558" s="12"/>
    </row>
    <row r="652559" spans="8:8">
      <c r="H652559" s="12"/>
    </row>
    <row r="652560" spans="8:8">
      <c r="H652560" s="12"/>
    </row>
    <row r="652561" spans="8:8">
      <c r="H652561" s="12"/>
    </row>
    <row r="652562" spans="8:8">
      <c r="H652562" s="12"/>
    </row>
    <row r="652563" spans="8:8">
      <c r="H652563" s="12"/>
    </row>
    <row r="652564" spans="8:8">
      <c r="H652564" s="12"/>
    </row>
    <row r="652565" spans="8:8">
      <c r="H652565" s="12"/>
    </row>
    <row r="652566" spans="8:8">
      <c r="H652566" s="12"/>
    </row>
    <row r="652567" spans="8:8">
      <c r="H652567" s="12"/>
    </row>
    <row r="652568" spans="8:8">
      <c r="H652568" s="12"/>
    </row>
    <row r="652569" spans="8:8">
      <c r="H652569" s="12"/>
    </row>
    <row r="652570" spans="8:8">
      <c r="H652570" s="12"/>
    </row>
    <row r="652571" spans="8:8">
      <c r="H652571" s="12"/>
    </row>
    <row r="652572" spans="8:8">
      <c r="H652572" s="12"/>
    </row>
    <row r="652573" spans="8:8">
      <c r="H652573" s="12"/>
    </row>
    <row r="652574" spans="8:8">
      <c r="H652574" s="12"/>
    </row>
    <row r="652575" spans="8:8">
      <c r="H652575" s="12"/>
    </row>
    <row r="652576" spans="8:8">
      <c r="H652576" s="12"/>
    </row>
    <row r="652577" spans="8:8">
      <c r="H652577" s="12"/>
    </row>
    <row r="652578" spans="8:8">
      <c r="H652578" s="12"/>
    </row>
    <row r="652579" spans="8:8">
      <c r="H652579" s="12"/>
    </row>
    <row r="652580" spans="8:8">
      <c r="H652580" s="12"/>
    </row>
    <row r="652581" spans="8:8">
      <c r="H652581" s="12"/>
    </row>
    <row r="652582" spans="8:8">
      <c r="H652582" s="12"/>
    </row>
    <row r="652583" spans="8:8">
      <c r="H652583" s="12"/>
    </row>
    <row r="652584" spans="8:8">
      <c r="H652584" s="12"/>
    </row>
    <row r="652585" spans="8:8">
      <c r="H652585" s="12"/>
    </row>
    <row r="652586" spans="8:8">
      <c r="H652586" s="12"/>
    </row>
    <row r="652587" spans="8:8">
      <c r="H652587" s="12"/>
    </row>
    <row r="652588" spans="8:8">
      <c r="H652588" s="12"/>
    </row>
    <row r="652589" spans="8:8">
      <c r="H652589" s="12"/>
    </row>
    <row r="652590" spans="8:8">
      <c r="H652590" s="12"/>
    </row>
    <row r="652591" spans="8:8">
      <c r="H652591" s="12"/>
    </row>
    <row r="652592" spans="8:8">
      <c r="H652592" s="12"/>
    </row>
    <row r="652593" spans="8:8">
      <c r="H652593" s="12"/>
    </row>
    <row r="652594" spans="8:8">
      <c r="H652594" s="12"/>
    </row>
    <row r="652595" spans="8:8">
      <c r="H652595" s="12"/>
    </row>
    <row r="652596" spans="8:8">
      <c r="H652596" s="12"/>
    </row>
    <row r="652597" spans="8:8">
      <c r="H652597" s="12"/>
    </row>
    <row r="652598" spans="8:8">
      <c r="H652598" s="12"/>
    </row>
    <row r="652599" spans="8:8">
      <c r="H652599" s="12"/>
    </row>
    <row r="652600" spans="8:8">
      <c r="H652600" s="12"/>
    </row>
    <row r="652601" spans="8:8">
      <c r="H652601" s="12"/>
    </row>
    <row r="652602" spans="8:8">
      <c r="H652602" s="12"/>
    </row>
    <row r="652603" spans="8:8">
      <c r="H652603" s="12"/>
    </row>
    <row r="652604" spans="8:8">
      <c r="H652604" s="12"/>
    </row>
    <row r="652605" spans="8:8">
      <c r="H652605" s="12"/>
    </row>
    <row r="652606" spans="8:8">
      <c r="H652606" s="12"/>
    </row>
    <row r="652607" spans="8:8">
      <c r="H652607" s="12"/>
    </row>
    <row r="652608" spans="8:8">
      <c r="H652608" s="12"/>
    </row>
    <row r="652609" spans="8:8">
      <c r="H652609" s="12"/>
    </row>
    <row r="652610" spans="8:8">
      <c r="H652610" s="12"/>
    </row>
    <row r="652611" spans="8:8">
      <c r="H652611" s="12"/>
    </row>
    <row r="652612" spans="8:8">
      <c r="H652612" s="12"/>
    </row>
    <row r="652613" spans="8:8">
      <c r="H652613" s="12"/>
    </row>
    <row r="652614" spans="8:8">
      <c r="H652614" s="12"/>
    </row>
    <row r="652615" spans="8:8">
      <c r="H652615" s="12"/>
    </row>
    <row r="652616" spans="8:8">
      <c r="H652616" s="12"/>
    </row>
    <row r="652617" spans="8:8">
      <c r="H652617" s="12"/>
    </row>
    <row r="652618" spans="8:8">
      <c r="H652618" s="12"/>
    </row>
    <row r="652619" spans="8:8">
      <c r="H652619" s="12"/>
    </row>
    <row r="652620" spans="8:8">
      <c r="H652620" s="12"/>
    </row>
    <row r="652621" spans="8:8">
      <c r="H652621" s="12"/>
    </row>
    <row r="652622" spans="8:8">
      <c r="H652622" s="12"/>
    </row>
    <row r="652623" spans="8:8">
      <c r="H652623" s="12"/>
    </row>
    <row r="652624" spans="8:8">
      <c r="H652624" s="12"/>
    </row>
    <row r="652625" spans="8:8">
      <c r="H652625" s="12"/>
    </row>
    <row r="652626" spans="8:8">
      <c r="H652626" s="12"/>
    </row>
    <row r="652627" spans="8:8">
      <c r="H652627" s="12"/>
    </row>
    <row r="652628" spans="8:8">
      <c r="H652628" s="12"/>
    </row>
    <row r="652629" spans="8:8">
      <c r="H652629" s="12"/>
    </row>
    <row r="652630" spans="8:8">
      <c r="H652630" s="12"/>
    </row>
    <row r="652631" spans="8:8">
      <c r="H652631" s="12"/>
    </row>
    <row r="652632" spans="8:8">
      <c r="H652632" s="12"/>
    </row>
    <row r="652633" spans="8:8">
      <c r="H652633" s="12"/>
    </row>
    <row r="652634" spans="8:8">
      <c r="H652634" s="12"/>
    </row>
    <row r="652635" spans="8:8">
      <c r="H652635" s="12"/>
    </row>
    <row r="652636" spans="8:8">
      <c r="H652636" s="12"/>
    </row>
    <row r="652637" spans="8:8">
      <c r="H652637" s="12"/>
    </row>
    <row r="652638" spans="8:8">
      <c r="H652638" s="12"/>
    </row>
    <row r="652639" spans="8:8">
      <c r="H652639" s="12"/>
    </row>
    <row r="652640" spans="8:8">
      <c r="H652640" s="12"/>
    </row>
    <row r="652641" spans="8:8">
      <c r="H652641" s="12"/>
    </row>
    <row r="652642" spans="8:8">
      <c r="H652642" s="12"/>
    </row>
    <row r="652643" spans="8:8">
      <c r="H652643" s="12"/>
    </row>
    <row r="652644" spans="8:8">
      <c r="H652644" s="12"/>
    </row>
    <row r="652645" spans="8:8">
      <c r="H652645" s="12"/>
    </row>
    <row r="652646" spans="8:8">
      <c r="H652646" s="12"/>
    </row>
    <row r="652647" spans="8:8">
      <c r="H652647" s="12"/>
    </row>
    <row r="652648" spans="8:8">
      <c r="H652648" s="12"/>
    </row>
    <row r="652649" spans="8:8">
      <c r="H652649" s="12"/>
    </row>
    <row r="652650" spans="8:8">
      <c r="H652650" s="12"/>
    </row>
    <row r="652651" spans="8:8">
      <c r="H652651" s="12"/>
    </row>
    <row r="652652" spans="8:8">
      <c r="H652652" s="12"/>
    </row>
    <row r="652653" spans="8:8">
      <c r="H652653" s="12"/>
    </row>
    <row r="652654" spans="8:8">
      <c r="H652654" s="12"/>
    </row>
    <row r="652655" spans="8:8">
      <c r="H652655" s="12"/>
    </row>
    <row r="652656" spans="8:8">
      <c r="H652656" s="12"/>
    </row>
    <row r="652657" spans="8:8">
      <c r="H652657" s="12"/>
    </row>
    <row r="652658" spans="8:8">
      <c r="H652658" s="12"/>
    </row>
    <row r="652659" spans="8:8">
      <c r="H652659" s="12"/>
    </row>
    <row r="652660" spans="8:8">
      <c r="H652660" s="12"/>
    </row>
    <row r="652661" spans="8:8">
      <c r="H652661" s="12"/>
    </row>
    <row r="652662" spans="8:8">
      <c r="H652662" s="12"/>
    </row>
    <row r="652663" spans="8:8">
      <c r="H652663" s="12"/>
    </row>
    <row r="652664" spans="8:8">
      <c r="H652664" s="12"/>
    </row>
    <row r="652665" spans="8:8">
      <c r="H652665" s="12"/>
    </row>
    <row r="652666" spans="8:8">
      <c r="H652666" s="12"/>
    </row>
    <row r="652667" spans="8:8">
      <c r="H652667" s="12"/>
    </row>
    <row r="652668" spans="8:8">
      <c r="H652668" s="12"/>
    </row>
    <row r="652669" spans="8:8">
      <c r="H652669" s="12"/>
    </row>
    <row r="652670" spans="8:8">
      <c r="H652670" s="12"/>
    </row>
    <row r="652671" spans="8:8">
      <c r="H652671" s="12"/>
    </row>
    <row r="652672" spans="8:8">
      <c r="H652672" s="12"/>
    </row>
    <row r="652673" spans="8:8">
      <c r="H652673" s="12"/>
    </row>
    <row r="652674" spans="8:8">
      <c r="H652674" s="12"/>
    </row>
    <row r="652675" spans="8:8">
      <c r="H652675" s="12"/>
    </row>
    <row r="652676" spans="8:8">
      <c r="H652676" s="12"/>
    </row>
    <row r="652677" spans="8:8">
      <c r="H652677" s="12"/>
    </row>
    <row r="652678" spans="8:8">
      <c r="H652678" s="12"/>
    </row>
    <row r="652679" spans="8:8">
      <c r="H652679" s="12"/>
    </row>
    <row r="652680" spans="8:8">
      <c r="H652680" s="12"/>
    </row>
    <row r="652681" spans="8:8">
      <c r="H652681" s="12"/>
    </row>
    <row r="652682" spans="8:8">
      <c r="H652682" s="12"/>
    </row>
    <row r="652683" spans="8:8">
      <c r="H652683" s="12"/>
    </row>
    <row r="652684" spans="8:8">
      <c r="H652684" s="12"/>
    </row>
    <row r="652685" spans="8:8">
      <c r="H652685" s="12"/>
    </row>
    <row r="652686" spans="8:8">
      <c r="H652686" s="12"/>
    </row>
    <row r="652687" spans="8:8">
      <c r="H652687" s="12"/>
    </row>
    <row r="652688" spans="8:8">
      <c r="H652688" s="12"/>
    </row>
    <row r="652689" spans="8:8">
      <c r="H652689" s="12"/>
    </row>
    <row r="652690" spans="8:8">
      <c r="H652690" s="12"/>
    </row>
    <row r="652691" spans="8:8">
      <c r="H652691" s="12"/>
    </row>
    <row r="652692" spans="8:8">
      <c r="H652692" s="12"/>
    </row>
    <row r="652693" spans="8:8">
      <c r="H652693" s="12"/>
    </row>
    <row r="652694" spans="8:8">
      <c r="H652694" s="12"/>
    </row>
    <row r="652695" spans="8:8">
      <c r="H652695" s="12"/>
    </row>
    <row r="652696" spans="8:8">
      <c r="H652696" s="12"/>
    </row>
    <row r="652697" spans="8:8">
      <c r="H652697" s="12"/>
    </row>
    <row r="652698" spans="8:8">
      <c r="H652698" s="12"/>
    </row>
    <row r="652699" spans="8:8">
      <c r="H652699" s="12"/>
    </row>
    <row r="652700" spans="8:8">
      <c r="H652700" s="12"/>
    </row>
    <row r="652701" spans="8:8">
      <c r="H652701" s="12"/>
    </row>
    <row r="652702" spans="8:8">
      <c r="H652702" s="12"/>
    </row>
    <row r="652703" spans="8:8">
      <c r="H652703" s="12"/>
    </row>
    <row r="652704" spans="8:8">
      <c r="H652704" s="12"/>
    </row>
    <row r="652705" spans="8:8">
      <c r="H652705" s="12"/>
    </row>
    <row r="652706" spans="8:8">
      <c r="H652706" s="12"/>
    </row>
    <row r="652707" spans="8:8">
      <c r="H652707" s="12"/>
    </row>
    <row r="652708" spans="8:8">
      <c r="H652708" s="12"/>
    </row>
    <row r="652709" spans="8:8">
      <c r="H652709" s="12"/>
    </row>
    <row r="652710" spans="8:8">
      <c r="H652710" s="12"/>
    </row>
    <row r="652711" spans="8:8">
      <c r="H652711" s="12"/>
    </row>
    <row r="652712" spans="8:8">
      <c r="H652712" s="12"/>
    </row>
    <row r="652713" spans="8:8">
      <c r="H652713" s="12"/>
    </row>
    <row r="652714" spans="8:8">
      <c r="H652714" s="12"/>
    </row>
    <row r="652715" spans="8:8">
      <c r="H652715" s="12"/>
    </row>
    <row r="652716" spans="8:8">
      <c r="H652716" s="12"/>
    </row>
    <row r="652717" spans="8:8">
      <c r="H652717" s="12"/>
    </row>
    <row r="652718" spans="8:8">
      <c r="H652718" s="12"/>
    </row>
    <row r="652719" spans="8:8">
      <c r="H652719" s="12"/>
    </row>
    <row r="652720" spans="8:8">
      <c r="H652720" s="12"/>
    </row>
    <row r="652721" spans="8:8">
      <c r="H652721" s="12"/>
    </row>
    <row r="652722" spans="8:8">
      <c r="H652722" s="12"/>
    </row>
    <row r="652723" spans="8:8">
      <c r="H652723" s="12"/>
    </row>
    <row r="652724" spans="8:8">
      <c r="H652724" s="12"/>
    </row>
    <row r="652725" spans="8:8">
      <c r="H652725" s="12"/>
    </row>
    <row r="652726" spans="8:8">
      <c r="H652726" s="12"/>
    </row>
    <row r="652727" spans="8:8">
      <c r="H652727" s="12"/>
    </row>
    <row r="652728" spans="8:8">
      <c r="H652728" s="12"/>
    </row>
    <row r="652729" spans="8:8">
      <c r="H652729" s="12"/>
    </row>
    <row r="652730" spans="8:8">
      <c r="H652730" s="12"/>
    </row>
    <row r="652731" spans="8:8">
      <c r="H652731" s="12"/>
    </row>
    <row r="652732" spans="8:8">
      <c r="H652732" s="12"/>
    </row>
    <row r="652733" spans="8:8">
      <c r="H652733" s="12"/>
    </row>
    <row r="652734" spans="8:8">
      <c r="H652734" s="12"/>
    </row>
    <row r="652735" spans="8:8">
      <c r="H652735" s="12"/>
    </row>
    <row r="652736" spans="8:8">
      <c r="H652736" s="12"/>
    </row>
    <row r="652737" spans="8:8">
      <c r="H652737" s="12"/>
    </row>
    <row r="652738" spans="8:8">
      <c r="H652738" s="12"/>
    </row>
    <row r="652739" spans="8:8">
      <c r="H652739" s="12"/>
    </row>
    <row r="652740" spans="8:8">
      <c r="H652740" s="12"/>
    </row>
    <row r="652741" spans="8:8">
      <c r="H652741" s="12"/>
    </row>
    <row r="652742" spans="8:8">
      <c r="H652742" s="12"/>
    </row>
    <row r="652743" spans="8:8">
      <c r="H652743" s="12"/>
    </row>
    <row r="652744" spans="8:8">
      <c r="H652744" s="12"/>
    </row>
    <row r="652745" spans="8:8">
      <c r="H652745" s="12"/>
    </row>
    <row r="652746" spans="8:8">
      <c r="H652746" s="12"/>
    </row>
    <row r="652747" spans="8:8">
      <c r="H652747" s="12"/>
    </row>
    <row r="652748" spans="8:8">
      <c r="H652748" s="12"/>
    </row>
    <row r="652749" spans="8:8">
      <c r="H652749" s="12"/>
    </row>
    <row r="652750" spans="8:8">
      <c r="H652750" s="12"/>
    </row>
    <row r="652751" spans="8:8">
      <c r="H652751" s="12"/>
    </row>
    <row r="652752" spans="8:8">
      <c r="H652752" s="12"/>
    </row>
    <row r="652753" spans="8:8">
      <c r="H652753" s="12"/>
    </row>
    <row r="652754" spans="8:8">
      <c r="H652754" s="12"/>
    </row>
    <row r="652755" spans="8:8">
      <c r="H652755" s="12"/>
    </row>
    <row r="652756" spans="8:8">
      <c r="H652756" s="12"/>
    </row>
    <row r="652757" spans="8:8">
      <c r="H652757" s="12"/>
    </row>
    <row r="652758" spans="8:8">
      <c r="H652758" s="12"/>
    </row>
    <row r="652759" spans="8:8">
      <c r="H652759" s="12"/>
    </row>
    <row r="652760" spans="8:8">
      <c r="H652760" s="12"/>
    </row>
    <row r="652761" spans="8:8">
      <c r="H652761" s="12"/>
    </row>
    <row r="652762" spans="8:8">
      <c r="H652762" s="12"/>
    </row>
    <row r="652763" spans="8:8">
      <c r="H652763" s="12"/>
    </row>
    <row r="652764" spans="8:8">
      <c r="H652764" s="12"/>
    </row>
    <row r="652765" spans="8:8">
      <c r="H652765" s="12"/>
    </row>
    <row r="652766" spans="8:8">
      <c r="H652766" s="12"/>
    </row>
    <row r="652767" spans="8:8">
      <c r="H652767" s="12"/>
    </row>
    <row r="652768" spans="8:8">
      <c r="H652768" s="12"/>
    </row>
    <row r="652769" spans="8:8">
      <c r="H652769" s="12"/>
    </row>
    <row r="652770" spans="8:8">
      <c r="H652770" s="12"/>
    </row>
    <row r="652771" spans="8:8">
      <c r="H652771" s="12"/>
    </row>
    <row r="652772" spans="8:8">
      <c r="H652772" s="12"/>
    </row>
    <row r="652773" spans="8:8">
      <c r="H652773" s="12"/>
    </row>
    <row r="652774" spans="8:8">
      <c r="H652774" s="12"/>
    </row>
    <row r="652775" spans="8:8">
      <c r="H652775" s="12"/>
    </row>
    <row r="652776" spans="8:8">
      <c r="H652776" s="12"/>
    </row>
    <row r="652777" spans="8:8">
      <c r="H652777" s="12"/>
    </row>
    <row r="652778" spans="8:8">
      <c r="H652778" s="12"/>
    </row>
    <row r="652779" spans="8:8">
      <c r="H652779" s="12"/>
    </row>
    <row r="652780" spans="8:8">
      <c r="H652780" s="12"/>
    </row>
    <row r="652781" spans="8:8">
      <c r="H652781" s="12"/>
    </row>
    <row r="652782" spans="8:8">
      <c r="H652782" s="12"/>
    </row>
    <row r="652783" spans="8:8">
      <c r="H652783" s="12"/>
    </row>
    <row r="652784" spans="8:8">
      <c r="H652784" s="12"/>
    </row>
    <row r="652785" spans="8:8">
      <c r="H652785" s="12"/>
    </row>
    <row r="652786" spans="8:8">
      <c r="H652786" s="12"/>
    </row>
    <row r="652787" spans="8:8">
      <c r="H652787" s="12"/>
    </row>
    <row r="652788" spans="8:8">
      <c r="H652788" s="12"/>
    </row>
    <row r="652789" spans="8:8">
      <c r="H652789" s="12"/>
    </row>
    <row r="652790" spans="8:8">
      <c r="H652790" s="12"/>
    </row>
    <row r="652791" spans="8:8">
      <c r="H652791" s="12"/>
    </row>
    <row r="652792" spans="8:8">
      <c r="H652792" s="12"/>
    </row>
    <row r="652793" spans="8:8">
      <c r="H652793" s="12"/>
    </row>
    <row r="652794" spans="8:8">
      <c r="H652794" s="12"/>
    </row>
    <row r="652795" spans="8:8">
      <c r="H652795" s="12"/>
    </row>
    <row r="652796" spans="8:8">
      <c r="H652796" s="12"/>
    </row>
    <row r="652797" spans="8:8">
      <c r="H652797" s="12"/>
    </row>
    <row r="652798" spans="8:8">
      <c r="H652798" s="12"/>
    </row>
    <row r="652799" spans="8:8">
      <c r="H652799" s="12"/>
    </row>
    <row r="652800" spans="8:8">
      <c r="H652800" s="12"/>
    </row>
    <row r="652801" spans="8:8">
      <c r="H652801" s="12"/>
    </row>
    <row r="652802" spans="8:8">
      <c r="H652802" s="12"/>
    </row>
    <row r="652803" spans="8:8">
      <c r="H652803" s="12"/>
    </row>
    <row r="652804" spans="8:8">
      <c r="H652804" s="12"/>
    </row>
    <row r="652805" spans="8:8">
      <c r="H652805" s="12"/>
    </row>
    <row r="652806" spans="8:8">
      <c r="H652806" s="12"/>
    </row>
    <row r="652807" spans="8:8">
      <c r="H652807" s="12"/>
    </row>
    <row r="652808" spans="8:8">
      <c r="H652808" s="12"/>
    </row>
    <row r="652809" spans="8:8">
      <c r="H652809" s="12"/>
    </row>
    <row r="652810" spans="8:8">
      <c r="H652810" s="12"/>
    </row>
    <row r="652811" spans="8:8">
      <c r="H652811" s="12"/>
    </row>
    <row r="652812" spans="8:8">
      <c r="H652812" s="12"/>
    </row>
    <row r="652813" spans="8:8">
      <c r="H652813" s="12"/>
    </row>
    <row r="652814" spans="8:8">
      <c r="H652814" s="12"/>
    </row>
    <row r="652815" spans="8:8">
      <c r="H652815" s="12"/>
    </row>
    <row r="652816" spans="8:8">
      <c r="H652816" s="12"/>
    </row>
    <row r="652817" spans="8:8">
      <c r="H652817" s="12"/>
    </row>
    <row r="652818" spans="8:8">
      <c r="H652818" s="12"/>
    </row>
    <row r="652819" spans="8:8">
      <c r="H652819" s="12"/>
    </row>
    <row r="652820" spans="8:8">
      <c r="H652820" s="12"/>
    </row>
    <row r="652821" spans="8:8">
      <c r="H652821" s="12"/>
    </row>
    <row r="652822" spans="8:8">
      <c r="H652822" s="12"/>
    </row>
    <row r="652823" spans="8:8">
      <c r="H652823" s="12"/>
    </row>
    <row r="652824" spans="8:8">
      <c r="H652824" s="12"/>
    </row>
    <row r="652825" spans="8:8">
      <c r="H652825" s="12"/>
    </row>
    <row r="652826" spans="8:8">
      <c r="H652826" s="12"/>
    </row>
    <row r="652827" spans="8:8">
      <c r="H652827" s="12"/>
    </row>
    <row r="652828" spans="8:8">
      <c r="H652828" s="12"/>
    </row>
    <row r="652829" spans="8:8">
      <c r="H652829" s="12"/>
    </row>
    <row r="652830" spans="8:8">
      <c r="H652830" s="12"/>
    </row>
    <row r="652831" spans="8:8">
      <c r="H652831" s="12"/>
    </row>
    <row r="652832" spans="8:8">
      <c r="H652832" s="12"/>
    </row>
    <row r="652833" spans="8:8">
      <c r="H652833" s="12"/>
    </row>
    <row r="652834" spans="8:8">
      <c r="H652834" s="12"/>
    </row>
    <row r="652835" spans="8:8">
      <c r="H652835" s="12"/>
    </row>
    <row r="652836" spans="8:8">
      <c r="H652836" s="12"/>
    </row>
    <row r="652837" spans="8:8">
      <c r="H652837" s="12"/>
    </row>
    <row r="652838" spans="8:8">
      <c r="H652838" s="12"/>
    </row>
    <row r="652839" spans="8:8">
      <c r="H652839" s="12"/>
    </row>
    <row r="652840" spans="8:8">
      <c r="H652840" s="12"/>
    </row>
    <row r="652841" spans="8:8">
      <c r="H652841" s="12"/>
    </row>
    <row r="652842" spans="8:8">
      <c r="H652842" s="12"/>
    </row>
    <row r="652843" spans="8:8">
      <c r="H652843" s="12"/>
    </row>
    <row r="652844" spans="8:8">
      <c r="H652844" s="12"/>
    </row>
    <row r="652845" spans="8:8">
      <c r="H652845" s="12"/>
    </row>
    <row r="652846" spans="8:8">
      <c r="H652846" s="12"/>
    </row>
    <row r="652847" spans="8:8">
      <c r="H652847" s="12"/>
    </row>
    <row r="652848" spans="8:8">
      <c r="H652848" s="12"/>
    </row>
    <row r="652849" spans="8:8">
      <c r="H652849" s="12"/>
    </row>
    <row r="652850" spans="8:8">
      <c r="H652850" s="12"/>
    </row>
    <row r="652851" spans="8:8">
      <c r="H652851" s="12"/>
    </row>
    <row r="652852" spans="8:8">
      <c r="H652852" s="12"/>
    </row>
    <row r="652853" spans="8:8">
      <c r="H652853" s="12"/>
    </row>
    <row r="652854" spans="8:8">
      <c r="H652854" s="12"/>
    </row>
    <row r="652855" spans="8:8">
      <c r="H652855" s="12"/>
    </row>
    <row r="652856" spans="8:8">
      <c r="H652856" s="12"/>
    </row>
    <row r="652857" spans="8:8">
      <c r="H652857" s="12"/>
    </row>
    <row r="652858" spans="8:8">
      <c r="H652858" s="12"/>
    </row>
    <row r="652859" spans="8:8">
      <c r="H652859" s="12"/>
    </row>
    <row r="652860" spans="8:8">
      <c r="H652860" s="12"/>
    </row>
    <row r="652861" spans="8:8">
      <c r="H652861" s="12"/>
    </row>
    <row r="652862" spans="8:8">
      <c r="H652862" s="12"/>
    </row>
    <row r="652863" spans="8:8">
      <c r="H652863" s="12"/>
    </row>
    <row r="652864" spans="8:8">
      <c r="H652864" s="12"/>
    </row>
    <row r="652865" spans="8:8">
      <c r="H652865" s="12"/>
    </row>
    <row r="652866" spans="8:8">
      <c r="H652866" s="12"/>
    </row>
    <row r="652867" spans="8:8">
      <c r="H652867" s="12"/>
    </row>
    <row r="652868" spans="8:8">
      <c r="H652868" s="12"/>
    </row>
    <row r="652869" spans="8:8">
      <c r="H652869" s="12"/>
    </row>
    <row r="652870" spans="8:8">
      <c r="H652870" s="12"/>
    </row>
    <row r="652871" spans="8:8">
      <c r="H652871" s="12"/>
    </row>
    <row r="652872" spans="8:8">
      <c r="H652872" s="12"/>
    </row>
    <row r="652873" spans="8:8">
      <c r="H652873" s="12"/>
    </row>
    <row r="652874" spans="8:8">
      <c r="H652874" s="12"/>
    </row>
    <row r="652875" spans="8:8">
      <c r="H652875" s="12"/>
    </row>
    <row r="652876" spans="8:8">
      <c r="H652876" s="12"/>
    </row>
    <row r="652877" spans="8:8">
      <c r="H652877" s="12"/>
    </row>
    <row r="652878" spans="8:8">
      <c r="H652878" s="12"/>
    </row>
    <row r="652879" spans="8:8">
      <c r="H652879" s="12"/>
    </row>
    <row r="652880" spans="8:8">
      <c r="H652880" s="12"/>
    </row>
    <row r="652881" spans="8:8">
      <c r="H652881" s="12"/>
    </row>
    <row r="652882" spans="8:8">
      <c r="H652882" s="12"/>
    </row>
    <row r="652883" spans="8:8">
      <c r="H652883" s="12"/>
    </row>
    <row r="652884" spans="8:8">
      <c r="H652884" s="12"/>
    </row>
    <row r="652885" spans="8:8">
      <c r="H652885" s="12"/>
    </row>
    <row r="652886" spans="8:8">
      <c r="H652886" s="12"/>
    </row>
    <row r="652887" spans="8:8">
      <c r="H652887" s="12"/>
    </row>
    <row r="652888" spans="8:8">
      <c r="H652888" s="12"/>
    </row>
    <row r="652889" spans="8:8">
      <c r="H652889" s="12"/>
    </row>
    <row r="652890" spans="8:8">
      <c r="H652890" s="12"/>
    </row>
    <row r="652891" spans="8:8">
      <c r="H652891" s="12"/>
    </row>
    <row r="652892" spans="8:8">
      <c r="H652892" s="12"/>
    </row>
    <row r="652893" spans="8:8">
      <c r="H652893" s="12"/>
    </row>
    <row r="652894" spans="8:8">
      <c r="H652894" s="12"/>
    </row>
    <row r="652895" spans="8:8">
      <c r="H652895" s="12"/>
    </row>
    <row r="652896" spans="8:8">
      <c r="H652896" s="12"/>
    </row>
    <row r="652897" spans="8:8">
      <c r="H652897" s="12"/>
    </row>
    <row r="652898" spans="8:8">
      <c r="H652898" s="12"/>
    </row>
    <row r="652899" spans="8:8">
      <c r="H652899" s="12"/>
    </row>
    <row r="652900" spans="8:8">
      <c r="H652900" s="12"/>
    </row>
    <row r="652901" spans="8:8">
      <c r="H652901" s="12"/>
    </row>
    <row r="652902" spans="8:8">
      <c r="H652902" s="12"/>
    </row>
    <row r="652903" spans="8:8">
      <c r="H652903" s="12"/>
    </row>
    <row r="652904" spans="8:8">
      <c r="H652904" s="12"/>
    </row>
    <row r="652905" spans="8:8">
      <c r="H652905" s="12"/>
    </row>
    <row r="652906" spans="8:8">
      <c r="H652906" s="12"/>
    </row>
    <row r="652907" spans="8:8">
      <c r="H652907" s="12"/>
    </row>
    <row r="652908" spans="8:8">
      <c r="H652908" s="12"/>
    </row>
    <row r="652909" spans="8:8">
      <c r="H652909" s="12"/>
    </row>
    <row r="652910" spans="8:8">
      <c r="H652910" s="12"/>
    </row>
    <row r="652911" spans="8:8">
      <c r="H652911" s="12"/>
    </row>
    <row r="652912" spans="8:8">
      <c r="H652912" s="12"/>
    </row>
    <row r="652913" spans="8:8">
      <c r="H652913" s="12"/>
    </row>
    <row r="652914" spans="8:8">
      <c r="H652914" s="12"/>
    </row>
    <row r="652915" spans="8:8">
      <c r="H652915" s="12"/>
    </row>
    <row r="652916" spans="8:8">
      <c r="H652916" s="12"/>
    </row>
    <row r="652917" spans="8:8">
      <c r="H652917" s="12"/>
    </row>
    <row r="652918" spans="8:8">
      <c r="H652918" s="12"/>
    </row>
    <row r="652919" spans="8:8">
      <c r="H652919" s="12"/>
    </row>
    <row r="652920" spans="8:8">
      <c r="H652920" s="12"/>
    </row>
    <row r="652921" spans="8:8">
      <c r="H652921" s="12"/>
    </row>
    <row r="652922" spans="8:8">
      <c r="H652922" s="12"/>
    </row>
    <row r="652923" spans="8:8">
      <c r="H652923" s="12"/>
    </row>
    <row r="652924" spans="8:8">
      <c r="H652924" s="12"/>
    </row>
    <row r="652925" spans="8:8">
      <c r="H652925" s="12"/>
    </row>
    <row r="652926" spans="8:8">
      <c r="H652926" s="12"/>
    </row>
    <row r="652927" spans="8:8">
      <c r="H652927" s="12"/>
    </row>
    <row r="652928" spans="8:8">
      <c r="H652928" s="12"/>
    </row>
    <row r="652929" spans="8:8">
      <c r="H652929" s="12"/>
    </row>
    <row r="652930" spans="8:8">
      <c r="H652930" s="12"/>
    </row>
    <row r="652931" spans="8:8">
      <c r="H652931" s="12"/>
    </row>
    <row r="652932" spans="8:8">
      <c r="H652932" s="12"/>
    </row>
    <row r="652933" spans="8:8">
      <c r="H652933" s="12"/>
    </row>
    <row r="652934" spans="8:8">
      <c r="H652934" s="12"/>
    </row>
    <row r="652935" spans="8:8">
      <c r="H652935" s="12"/>
    </row>
    <row r="652936" spans="8:8">
      <c r="H652936" s="12"/>
    </row>
    <row r="652937" spans="8:8">
      <c r="H652937" s="12"/>
    </row>
    <row r="652938" spans="8:8">
      <c r="H652938" s="12"/>
    </row>
    <row r="652939" spans="8:8">
      <c r="H652939" s="12"/>
    </row>
    <row r="652940" spans="8:8">
      <c r="H652940" s="12"/>
    </row>
    <row r="652941" spans="8:8">
      <c r="H652941" s="12"/>
    </row>
    <row r="652942" spans="8:8">
      <c r="H652942" s="12"/>
    </row>
    <row r="652943" spans="8:8">
      <c r="H652943" s="12"/>
    </row>
    <row r="652944" spans="8:8">
      <c r="H652944" s="12"/>
    </row>
    <row r="652945" spans="8:8">
      <c r="H652945" s="12"/>
    </row>
    <row r="652946" spans="8:8">
      <c r="H652946" s="12"/>
    </row>
    <row r="652947" spans="8:8">
      <c r="H652947" s="12"/>
    </row>
    <row r="652948" spans="8:8">
      <c r="H652948" s="12"/>
    </row>
    <row r="652949" spans="8:8">
      <c r="H652949" s="12"/>
    </row>
    <row r="652950" spans="8:8">
      <c r="H652950" s="12"/>
    </row>
    <row r="652951" spans="8:8">
      <c r="H652951" s="12"/>
    </row>
    <row r="652952" spans="8:8">
      <c r="H652952" s="12"/>
    </row>
    <row r="652953" spans="8:8">
      <c r="H652953" s="12"/>
    </row>
    <row r="652954" spans="8:8">
      <c r="H652954" s="12"/>
    </row>
    <row r="652955" spans="8:8">
      <c r="H652955" s="12"/>
    </row>
    <row r="652956" spans="8:8">
      <c r="H652956" s="12"/>
    </row>
    <row r="652957" spans="8:8">
      <c r="H652957" s="12"/>
    </row>
    <row r="652958" spans="8:8">
      <c r="H652958" s="12"/>
    </row>
    <row r="652959" spans="8:8">
      <c r="H652959" s="12"/>
    </row>
    <row r="652960" spans="8:8">
      <c r="H652960" s="12"/>
    </row>
    <row r="652961" spans="8:8">
      <c r="H652961" s="12"/>
    </row>
    <row r="652962" spans="8:8">
      <c r="H652962" s="12"/>
    </row>
    <row r="652963" spans="8:8">
      <c r="H652963" s="12"/>
    </row>
    <row r="652964" spans="8:8">
      <c r="H652964" s="12"/>
    </row>
    <row r="652965" spans="8:8">
      <c r="H652965" s="12"/>
    </row>
    <row r="652966" spans="8:8">
      <c r="H652966" s="12"/>
    </row>
    <row r="652967" spans="8:8">
      <c r="H652967" s="12"/>
    </row>
    <row r="652968" spans="8:8">
      <c r="H652968" s="12"/>
    </row>
    <row r="652969" spans="8:8">
      <c r="H652969" s="12"/>
    </row>
    <row r="652970" spans="8:8">
      <c r="H652970" s="12"/>
    </row>
    <row r="652971" spans="8:8">
      <c r="H652971" s="12"/>
    </row>
    <row r="652972" spans="8:8">
      <c r="H652972" s="12"/>
    </row>
    <row r="652973" spans="8:8">
      <c r="H652973" s="12"/>
    </row>
    <row r="652974" spans="8:8">
      <c r="H652974" s="12"/>
    </row>
    <row r="652975" spans="8:8">
      <c r="H652975" s="12"/>
    </row>
    <row r="652976" spans="8:8">
      <c r="H652976" s="12"/>
    </row>
    <row r="652977" spans="8:8">
      <c r="H652977" s="12"/>
    </row>
    <row r="652978" spans="8:8">
      <c r="H652978" s="12"/>
    </row>
    <row r="652979" spans="8:8">
      <c r="H652979" s="12"/>
    </row>
    <row r="652980" spans="8:8">
      <c r="H652980" s="12"/>
    </row>
    <row r="652981" spans="8:8">
      <c r="H652981" s="12"/>
    </row>
    <row r="652982" spans="8:8">
      <c r="H652982" s="12"/>
    </row>
    <row r="652983" spans="8:8">
      <c r="H652983" s="12"/>
    </row>
    <row r="652984" spans="8:8">
      <c r="H652984" s="12"/>
    </row>
    <row r="652985" spans="8:8">
      <c r="H652985" s="12"/>
    </row>
    <row r="652986" spans="8:8">
      <c r="H652986" s="12"/>
    </row>
    <row r="652987" spans="8:8">
      <c r="H652987" s="12"/>
    </row>
    <row r="652988" spans="8:8">
      <c r="H652988" s="12"/>
    </row>
    <row r="652989" spans="8:8">
      <c r="H652989" s="12"/>
    </row>
    <row r="652990" spans="8:8">
      <c r="H652990" s="12"/>
    </row>
    <row r="652991" spans="8:8">
      <c r="H652991" s="12"/>
    </row>
    <row r="652992" spans="8:8">
      <c r="H652992" s="12"/>
    </row>
    <row r="652993" spans="8:8">
      <c r="H652993" s="12"/>
    </row>
    <row r="652994" spans="8:8">
      <c r="H652994" s="12"/>
    </row>
    <row r="652995" spans="8:8">
      <c r="H652995" s="12"/>
    </row>
    <row r="652996" spans="8:8">
      <c r="H652996" s="12"/>
    </row>
    <row r="652997" spans="8:8">
      <c r="H652997" s="12"/>
    </row>
    <row r="652998" spans="8:8">
      <c r="H652998" s="12"/>
    </row>
    <row r="652999" spans="8:8">
      <c r="H652999" s="12"/>
    </row>
    <row r="653000" spans="8:8">
      <c r="H653000" s="12"/>
    </row>
    <row r="653001" spans="8:8">
      <c r="H653001" s="12"/>
    </row>
    <row r="653002" spans="8:8">
      <c r="H653002" s="12"/>
    </row>
    <row r="653003" spans="8:8">
      <c r="H653003" s="12"/>
    </row>
    <row r="653004" spans="8:8">
      <c r="H653004" s="12"/>
    </row>
    <row r="653005" spans="8:8">
      <c r="H653005" s="12"/>
    </row>
    <row r="653006" spans="8:8">
      <c r="H653006" s="12"/>
    </row>
    <row r="653007" spans="8:8">
      <c r="H653007" s="12"/>
    </row>
    <row r="653008" spans="8:8">
      <c r="H653008" s="12"/>
    </row>
    <row r="653009" spans="8:8">
      <c r="H653009" s="12"/>
    </row>
    <row r="653010" spans="8:8">
      <c r="H653010" s="12"/>
    </row>
    <row r="653011" spans="8:8">
      <c r="H653011" s="12"/>
    </row>
    <row r="653012" spans="8:8">
      <c r="H653012" s="12"/>
    </row>
    <row r="653013" spans="8:8">
      <c r="H653013" s="12"/>
    </row>
    <row r="653014" spans="8:8">
      <c r="H653014" s="12"/>
    </row>
    <row r="653015" spans="8:8">
      <c r="H653015" s="12"/>
    </row>
    <row r="653016" spans="8:8">
      <c r="H653016" s="12"/>
    </row>
    <row r="653017" spans="8:8">
      <c r="H653017" s="12"/>
    </row>
    <row r="653018" spans="8:8">
      <c r="H653018" s="12"/>
    </row>
    <row r="653019" spans="8:8">
      <c r="H653019" s="12"/>
    </row>
    <row r="653020" spans="8:8">
      <c r="H653020" s="12"/>
    </row>
    <row r="653021" spans="8:8">
      <c r="H653021" s="12"/>
    </row>
    <row r="653022" spans="8:8">
      <c r="H653022" s="12"/>
    </row>
    <row r="653023" spans="8:8">
      <c r="H653023" s="12"/>
    </row>
    <row r="653024" spans="8:8">
      <c r="H653024" s="12"/>
    </row>
    <row r="653025" spans="8:8">
      <c r="H653025" s="12"/>
    </row>
    <row r="653026" spans="8:8">
      <c r="H653026" s="12"/>
    </row>
    <row r="653027" spans="8:8">
      <c r="H653027" s="12"/>
    </row>
    <row r="653028" spans="8:8">
      <c r="H653028" s="12"/>
    </row>
    <row r="653029" spans="8:8">
      <c r="H653029" s="12"/>
    </row>
    <row r="653030" spans="8:8">
      <c r="H653030" s="12"/>
    </row>
    <row r="653031" spans="8:8">
      <c r="H653031" s="12"/>
    </row>
    <row r="653032" spans="8:8">
      <c r="H653032" s="12"/>
    </row>
    <row r="653033" spans="8:8">
      <c r="H653033" s="12"/>
    </row>
    <row r="653034" spans="8:8">
      <c r="H653034" s="12"/>
    </row>
    <row r="653035" spans="8:8">
      <c r="H653035" s="12"/>
    </row>
    <row r="653036" spans="8:8">
      <c r="H653036" s="12"/>
    </row>
    <row r="653037" spans="8:8">
      <c r="H653037" s="12"/>
    </row>
    <row r="653038" spans="8:8">
      <c r="H653038" s="12"/>
    </row>
    <row r="653039" spans="8:8">
      <c r="H653039" s="12"/>
    </row>
    <row r="653040" spans="8:8">
      <c r="H653040" s="12"/>
    </row>
    <row r="653041" spans="8:8">
      <c r="H653041" s="12"/>
    </row>
    <row r="653042" spans="8:8">
      <c r="H653042" s="12"/>
    </row>
    <row r="653043" spans="8:8">
      <c r="H653043" s="12"/>
    </row>
    <row r="653044" spans="8:8">
      <c r="H653044" s="12"/>
    </row>
    <row r="653045" spans="8:8">
      <c r="H653045" s="12"/>
    </row>
    <row r="653046" spans="8:8">
      <c r="H653046" s="12"/>
    </row>
    <row r="653047" spans="8:8">
      <c r="H653047" s="12"/>
    </row>
    <row r="653048" spans="8:8">
      <c r="H653048" s="12"/>
    </row>
    <row r="653049" spans="8:8">
      <c r="H653049" s="12"/>
    </row>
    <row r="653050" spans="8:8">
      <c r="H653050" s="12"/>
    </row>
    <row r="653051" spans="8:8">
      <c r="H653051" s="12"/>
    </row>
    <row r="653052" spans="8:8">
      <c r="H653052" s="12"/>
    </row>
    <row r="653053" spans="8:8">
      <c r="H653053" s="12"/>
    </row>
    <row r="653054" spans="8:8">
      <c r="H653054" s="12"/>
    </row>
    <row r="653055" spans="8:8">
      <c r="H653055" s="12"/>
    </row>
    <row r="653056" spans="8:8">
      <c r="H653056" s="12"/>
    </row>
    <row r="653057" spans="8:8">
      <c r="H653057" s="12"/>
    </row>
    <row r="653058" spans="8:8">
      <c r="H653058" s="12"/>
    </row>
    <row r="653059" spans="8:8">
      <c r="H653059" s="12"/>
    </row>
    <row r="653060" spans="8:8">
      <c r="H653060" s="12"/>
    </row>
    <row r="653061" spans="8:8">
      <c r="H653061" s="12"/>
    </row>
    <row r="653062" spans="8:8">
      <c r="H653062" s="12"/>
    </row>
    <row r="653063" spans="8:8">
      <c r="H653063" s="12"/>
    </row>
    <row r="653064" spans="8:8">
      <c r="H653064" s="12"/>
    </row>
    <row r="653065" spans="8:8">
      <c r="H653065" s="12"/>
    </row>
    <row r="653066" spans="8:8">
      <c r="H653066" s="12"/>
    </row>
    <row r="653067" spans="8:8">
      <c r="H653067" s="12"/>
    </row>
    <row r="653068" spans="8:8">
      <c r="H653068" s="12"/>
    </row>
    <row r="653069" spans="8:8">
      <c r="H653069" s="12"/>
    </row>
    <row r="653070" spans="8:8">
      <c r="H653070" s="12"/>
    </row>
    <row r="653071" spans="8:8">
      <c r="H653071" s="12"/>
    </row>
    <row r="653072" spans="8:8">
      <c r="H653072" s="12"/>
    </row>
    <row r="653073" spans="8:8">
      <c r="H653073" s="12"/>
    </row>
    <row r="653074" spans="8:8">
      <c r="H653074" s="12"/>
    </row>
    <row r="653075" spans="8:8">
      <c r="H653075" s="12"/>
    </row>
    <row r="653076" spans="8:8">
      <c r="H653076" s="12"/>
    </row>
    <row r="653077" spans="8:8">
      <c r="H653077" s="12"/>
    </row>
    <row r="653078" spans="8:8">
      <c r="H653078" s="12"/>
    </row>
    <row r="653079" spans="8:8">
      <c r="H653079" s="12"/>
    </row>
    <row r="653080" spans="8:8">
      <c r="H653080" s="12"/>
    </row>
    <row r="653081" spans="8:8">
      <c r="H653081" s="12"/>
    </row>
    <row r="653082" spans="8:8">
      <c r="H653082" s="12"/>
    </row>
    <row r="653083" spans="8:8">
      <c r="H653083" s="12"/>
    </row>
    <row r="653084" spans="8:8">
      <c r="H653084" s="12"/>
    </row>
    <row r="653085" spans="8:8">
      <c r="H653085" s="12"/>
    </row>
    <row r="653086" spans="8:8">
      <c r="H653086" s="12"/>
    </row>
    <row r="653087" spans="8:8">
      <c r="H653087" s="12"/>
    </row>
    <row r="653088" spans="8:8">
      <c r="H653088" s="12"/>
    </row>
    <row r="653089" spans="8:8">
      <c r="H653089" s="12"/>
    </row>
    <row r="653090" spans="8:8">
      <c r="H653090" s="12"/>
    </row>
    <row r="653091" spans="8:8">
      <c r="H653091" s="12"/>
    </row>
    <row r="653092" spans="8:8">
      <c r="H653092" s="12"/>
    </row>
    <row r="653093" spans="8:8">
      <c r="H653093" s="12"/>
    </row>
    <row r="653094" spans="8:8">
      <c r="H653094" s="12"/>
    </row>
    <row r="653095" spans="8:8">
      <c r="H653095" s="12"/>
    </row>
    <row r="653096" spans="8:8">
      <c r="H653096" s="12"/>
    </row>
    <row r="653097" spans="8:8">
      <c r="H653097" s="12"/>
    </row>
    <row r="653098" spans="8:8">
      <c r="H653098" s="12"/>
    </row>
    <row r="653099" spans="8:8">
      <c r="H653099" s="12"/>
    </row>
    <row r="653100" spans="8:8">
      <c r="H653100" s="12"/>
    </row>
    <row r="653101" spans="8:8">
      <c r="H653101" s="12"/>
    </row>
    <row r="653102" spans="8:8">
      <c r="H653102" s="12"/>
    </row>
    <row r="653103" spans="8:8">
      <c r="H653103" s="12"/>
    </row>
    <row r="653104" spans="8:8">
      <c r="H653104" s="12"/>
    </row>
    <row r="653105" spans="8:8">
      <c r="H653105" s="12"/>
    </row>
    <row r="653106" spans="8:8">
      <c r="H653106" s="12"/>
    </row>
    <row r="653107" spans="8:8">
      <c r="H653107" s="12"/>
    </row>
    <row r="653108" spans="8:8">
      <c r="H653108" s="12"/>
    </row>
    <row r="653109" spans="8:8">
      <c r="H653109" s="12"/>
    </row>
    <row r="653110" spans="8:8">
      <c r="H653110" s="12"/>
    </row>
    <row r="653111" spans="8:8">
      <c r="H653111" s="12"/>
    </row>
    <row r="653112" spans="8:8">
      <c r="H653112" s="12"/>
    </row>
    <row r="653113" spans="8:8">
      <c r="H653113" s="12"/>
    </row>
    <row r="653114" spans="8:8">
      <c r="H653114" s="12"/>
    </row>
    <row r="653115" spans="8:8">
      <c r="H653115" s="12"/>
    </row>
    <row r="653116" spans="8:8">
      <c r="H653116" s="12"/>
    </row>
    <row r="653117" spans="8:8">
      <c r="H653117" s="12"/>
    </row>
    <row r="653118" spans="8:8">
      <c r="H653118" s="12"/>
    </row>
    <row r="653119" spans="8:8">
      <c r="H653119" s="12"/>
    </row>
    <row r="653120" spans="8:8">
      <c r="H653120" s="12"/>
    </row>
    <row r="653121" spans="8:8">
      <c r="H653121" s="12"/>
    </row>
    <row r="653122" spans="8:8">
      <c r="H653122" s="12"/>
    </row>
    <row r="653123" spans="8:8">
      <c r="H653123" s="12"/>
    </row>
    <row r="653124" spans="8:8">
      <c r="H653124" s="12"/>
    </row>
    <row r="653125" spans="8:8">
      <c r="H653125" s="12"/>
    </row>
    <row r="653126" spans="8:8">
      <c r="H653126" s="12"/>
    </row>
    <row r="653127" spans="8:8">
      <c r="H653127" s="12"/>
    </row>
    <row r="653128" spans="8:8">
      <c r="H653128" s="12"/>
    </row>
    <row r="653129" spans="8:8">
      <c r="H653129" s="12"/>
    </row>
    <row r="653130" spans="8:8">
      <c r="H653130" s="12"/>
    </row>
    <row r="653131" spans="8:8">
      <c r="H653131" s="12"/>
    </row>
    <row r="653132" spans="8:8">
      <c r="H653132" s="12"/>
    </row>
    <row r="653133" spans="8:8">
      <c r="H653133" s="12"/>
    </row>
    <row r="653134" spans="8:8">
      <c r="H653134" s="12"/>
    </row>
    <row r="653135" spans="8:8">
      <c r="H653135" s="12"/>
    </row>
    <row r="653136" spans="8:8">
      <c r="H653136" s="12"/>
    </row>
    <row r="653137" spans="8:8">
      <c r="H653137" s="12"/>
    </row>
    <row r="653138" spans="8:8">
      <c r="H653138" s="12"/>
    </row>
    <row r="653139" spans="8:8">
      <c r="H653139" s="12"/>
    </row>
    <row r="653140" spans="8:8">
      <c r="H653140" s="12"/>
    </row>
    <row r="653141" spans="8:8">
      <c r="H653141" s="12"/>
    </row>
    <row r="653142" spans="8:8">
      <c r="H653142" s="12"/>
    </row>
    <row r="653143" spans="8:8">
      <c r="H653143" s="12"/>
    </row>
    <row r="653144" spans="8:8">
      <c r="H653144" s="12"/>
    </row>
    <row r="653145" spans="8:8">
      <c r="H653145" s="12"/>
    </row>
    <row r="653146" spans="8:8">
      <c r="H653146" s="12"/>
    </row>
    <row r="653147" spans="8:8">
      <c r="H653147" s="12"/>
    </row>
    <row r="653148" spans="8:8">
      <c r="H653148" s="12"/>
    </row>
    <row r="653149" spans="8:8">
      <c r="H653149" s="12"/>
    </row>
    <row r="653150" spans="8:8">
      <c r="H653150" s="12"/>
    </row>
    <row r="653151" spans="8:8">
      <c r="H653151" s="12"/>
    </row>
    <row r="653152" spans="8:8">
      <c r="H653152" s="12"/>
    </row>
    <row r="653153" spans="8:8">
      <c r="H653153" s="12"/>
    </row>
    <row r="653154" spans="8:8">
      <c r="H653154" s="12"/>
    </row>
    <row r="653155" spans="8:8">
      <c r="H653155" s="12"/>
    </row>
    <row r="653156" spans="8:8">
      <c r="H653156" s="12"/>
    </row>
    <row r="653157" spans="8:8">
      <c r="H653157" s="12"/>
    </row>
    <row r="653158" spans="8:8">
      <c r="H653158" s="12"/>
    </row>
    <row r="653159" spans="8:8">
      <c r="H653159" s="12"/>
    </row>
    <row r="653160" spans="8:8">
      <c r="H653160" s="12"/>
    </row>
    <row r="653161" spans="8:8">
      <c r="H653161" s="12"/>
    </row>
    <row r="653162" spans="8:8">
      <c r="H653162" s="12"/>
    </row>
    <row r="653163" spans="8:8">
      <c r="H653163" s="12"/>
    </row>
    <row r="653164" spans="8:8">
      <c r="H653164" s="12"/>
    </row>
    <row r="653165" spans="8:8">
      <c r="H653165" s="12"/>
    </row>
    <row r="653166" spans="8:8">
      <c r="H653166" s="12"/>
    </row>
    <row r="653167" spans="8:8">
      <c r="H653167" s="12"/>
    </row>
    <row r="653168" spans="8:8">
      <c r="H653168" s="12"/>
    </row>
    <row r="653169" spans="8:8">
      <c r="H653169" s="12"/>
    </row>
    <row r="653170" spans="8:8">
      <c r="H653170" s="12"/>
    </row>
    <row r="653171" spans="8:8">
      <c r="H653171" s="12"/>
    </row>
    <row r="653172" spans="8:8">
      <c r="H653172" s="12"/>
    </row>
    <row r="653173" spans="8:8">
      <c r="H653173" s="12"/>
    </row>
    <row r="653174" spans="8:8">
      <c r="H653174" s="12"/>
    </row>
    <row r="653175" spans="8:8">
      <c r="H653175" s="12"/>
    </row>
    <row r="653176" spans="8:8">
      <c r="H653176" s="12"/>
    </row>
    <row r="653177" spans="8:8">
      <c r="H653177" s="12"/>
    </row>
    <row r="653178" spans="8:8">
      <c r="H653178" s="12"/>
    </row>
    <row r="653179" spans="8:8">
      <c r="H653179" s="12"/>
    </row>
    <row r="653180" spans="8:8">
      <c r="H653180" s="12"/>
    </row>
    <row r="653181" spans="8:8">
      <c r="H653181" s="12"/>
    </row>
    <row r="653182" spans="8:8">
      <c r="H653182" s="12"/>
    </row>
    <row r="653183" spans="8:8">
      <c r="H653183" s="12"/>
    </row>
    <row r="653184" spans="8:8">
      <c r="H653184" s="12"/>
    </row>
    <row r="653185" spans="8:8">
      <c r="H653185" s="12"/>
    </row>
    <row r="653186" spans="8:8">
      <c r="H653186" s="12"/>
    </row>
    <row r="653187" spans="8:8">
      <c r="H653187" s="12"/>
    </row>
    <row r="653188" spans="8:8">
      <c r="H653188" s="12"/>
    </row>
    <row r="653189" spans="8:8">
      <c r="H653189" s="12"/>
    </row>
    <row r="653190" spans="8:8">
      <c r="H653190" s="12"/>
    </row>
    <row r="653191" spans="8:8">
      <c r="H653191" s="12"/>
    </row>
    <row r="653192" spans="8:8">
      <c r="H653192" s="12"/>
    </row>
    <row r="653193" spans="8:8">
      <c r="H653193" s="12"/>
    </row>
    <row r="653194" spans="8:8">
      <c r="H653194" s="12"/>
    </row>
    <row r="653195" spans="8:8">
      <c r="H653195" s="12"/>
    </row>
    <row r="653196" spans="8:8">
      <c r="H653196" s="12"/>
    </row>
    <row r="653197" spans="8:8">
      <c r="H653197" s="12"/>
    </row>
    <row r="653198" spans="8:8">
      <c r="H653198" s="12"/>
    </row>
    <row r="653199" spans="8:8">
      <c r="H653199" s="12"/>
    </row>
    <row r="653200" spans="8:8">
      <c r="H653200" s="12"/>
    </row>
    <row r="653201" spans="8:8">
      <c r="H653201" s="12"/>
    </row>
    <row r="653202" spans="8:8">
      <c r="H653202" s="12"/>
    </row>
    <row r="653203" spans="8:8">
      <c r="H653203" s="12"/>
    </row>
    <row r="653204" spans="8:8">
      <c r="H653204" s="12"/>
    </row>
    <row r="653205" spans="8:8">
      <c r="H653205" s="12"/>
    </row>
    <row r="653206" spans="8:8">
      <c r="H653206" s="12"/>
    </row>
    <row r="653207" spans="8:8">
      <c r="H653207" s="12"/>
    </row>
    <row r="653208" spans="8:8">
      <c r="H653208" s="12"/>
    </row>
    <row r="653209" spans="8:8">
      <c r="H653209" s="12"/>
    </row>
    <row r="653210" spans="8:8">
      <c r="H653210" s="12"/>
    </row>
    <row r="653211" spans="8:8">
      <c r="H653211" s="12"/>
    </row>
    <row r="653212" spans="8:8">
      <c r="H653212" s="12"/>
    </row>
    <row r="653213" spans="8:8">
      <c r="H653213" s="12"/>
    </row>
    <row r="653214" spans="8:8">
      <c r="H653214" s="12"/>
    </row>
    <row r="653215" spans="8:8">
      <c r="H653215" s="12"/>
    </row>
    <row r="653216" spans="8:8">
      <c r="H653216" s="12"/>
    </row>
    <row r="653217" spans="8:8">
      <c r="H653217" s="12"/>
    </row>
    <row r="653218" spans="8:8">
      <c r="H653218" s="12"/>
    </row>
    <row r="653219" spans="8:8">
      <c r="H653219" s="12"/>
    </row>
    <row r="653220" spans="8:8">
      <c r="H653220" s="12"/>
    </row>
    <row r="653221" spans="8:8">
      <c r="H653221" s="12"/>
    </row>
    <row r="653222" spans="8:8">
      <c r="H653222" s="12"/>
    </row>
    <row r="653223" spans="8:8">
      <c r="H653223" s="12"/>
    </row>
    <row r="653224" spans="8:8">
      <c r="H653224" s="12"/>
    </row>
    <row r="653225" spans="8:8">
      <c r="H653225" s="12"/>
    </row>
    <row r="653226" spans="8:8">
      <c r="H653226" s="12"/>
    </row>
    <row r="653227" spans="8:8">
      <c r="H653227" s="12"/>
    </row>
    <row r="653228" spans="8:8">
      <c r="H653228" s="12"/>
    </row>
    <row r="653229" spans="8:8">
      <c r="H653229" s="12"/>
    </row>
    <row r="653230" spans="8:8">
      <c r="H653230" s="12"/>
    </row>
    <row r="653231" spans="8:8">
      <c r="H653231" s="12"/>
    </row>
    <row r="653232" spans="8:8">
      <c r="H653232" s="12"/>
    </row>
    <row r="653233" spans="8:8">
      <c r="H653233" s="12"/>
    </row>
    <row r="653234" spans="8:8">
      <c r="H653234" s="12"/>
    </row>
    <row r="653235" spans="8:8">
      <c r="H653235" s="12"/>
    </row>
    <row r="653236" spans="8:8">
      <c r="H653236" s="12"/>
    </row>
    <row r="653237" spans="8:8">
      <c r="H653237" s="12"/>
    </row>
    <row r="653238" spans="8:8">
      <c r="H653238" s="12"/>
    </row>
    <row r="653239" spans="8:8">
      <c r="H653239" s="12"/>
    </row>
    <row r="653240" spans="8:8">
      <c r="H653240" s="12"/>
    </row>
    <row r="653241" spans="8:8">
      <c r="H653241" s="12"/>
    </row>
    <row r="653242" spans="8:8">
      <c r="H653242" s="12"/>
    </row>
    <row r="653243" spans="8:8">
      <c r="H653243" s="12"/>
    </row>
    <row r="653244" spans="8:8">
      <c r="H653244" s="12"/>
    </row>
    <row r="653245" spans="8:8">
      <c r="H653245" s="12"/>
    </row>
    <row r="653246" spans="8:8">
      <c r="H653246" s="12"/>
    </row>
    <row r="653247" spans="8:8">
      <c r="H653247" s="12"/>
    </row>
    <row r="653248" spans="8:8">
      <c r="H653248" s="12"/>
    </row>
    <row r="653249" spans="8:8">
      <c r="H653249" s="12"/>
    </row>
    <row r="653250" spans="8:8">
      <c r="H653250" s="12"/>
    </row>
    <row r="653251" spans="8:8">
      <c r="H653251" s="12"/>
    </row>
    <row r="653252" spans="8:8">
      <c r="H653252" s="12"/>
    </row>
    <row r="653253" spans="8:8">
      <c r="H653253" s="12"/>
    </row>
    <row r="653254" spans="8:8">
      <c r="H653254" s="12"/>
    </row>
    <row r="653255" spans="8:8">
      <c r="H653255" s="12"/>
    </row>
    <row r="653256" spans="8:8">
      <c r="H653256" s="12"/>
    </row>
    <row r="653257" spans="8:8">
      <c r="H653257" s="12"/>
    </row>
    <row r="653258" spans="8:8">
      <c r="H653258" s="12"/>
    </row>
    <row r="653259" spans="8:8">
      <c r="H653259" s="12"/>
    </row>
    <row r="653260" spans="8:8">
      <c r="H653260" s="12"/>
    </row>
    <row r="653261" spans="8:8">
      <c r="H653261" s="12"/>
    </row>
    <row r="653262" spans="8:8">
      <c r="H653262" s="12"/>
    </row>
    <row r="653263" spans="8:8">
      <c r="H653263" s="12"/>
    </row>
    <row r="653264" spans="8:8">
      <c r="H653264" s="12"/>
    </row>
    <row r="653265" spans="8:8">
      <c r="H653265" s="12"/>
    </row>
    <row r="653266" spans="8:8">
      <c r="H653266" s="12"/>
    </row>
    <row r="653267" spans="8:8">
      <c r="H653267" s="12"/>
    </row>
    <row r="653268" spans="8:8">
      <c r="H653268" s="12"/>
    </row>
    <row r="653269" spans="8:8">
      <c r="H653269" s="12"/>
    </row>
    <row r="653270" spans="8:8">
      <c r="H653270" s="12"/>
    </row>
    <row r="653271" spans="8:8">
      <c r="H653271" s="12"/>
    </row>
    <row r="653272" spans="8:8">
      <c r="H653272" s="12"/>
    </row>
    <row r="653273" spans="8:8">
      <c r="H653273" s="12"/>
    </row>
    <row r="653274" spans="8:8">
      <c r="H653274" s="12"/>
    </row>
    <row r="653275" spans="8:8">
      <c r="H653275" s="12"/>
    </row>
    <row r="653276" spans="8:8">
      <c r="H653276" s="12"/>
    </row>
    <row r="653277" spans="8:8">
      <c r="H653277" s="12"/>
    </row>
    <row r="653278" spans="8:8">
      <c r="H653278" s="12"/>
    </row>
    <row r="653279" spans="8:8">
      <c r="H653279" s="12"/>
    </row>
    <row r="653280" spans="8:8">
      <c r="H653280" s="12"/>
    </row>
    <row r="653281" spans="8:8">
      <c r="H653281" s="12"/>
    </row>
    <row r="653282" spans="8:8">
      <c r="H653282" s="12"/>
    </row>
    <row r="653283" spans="8:8">
      <c r="H653283" s="12"/>
    </row>
    <row r="653284" spans="8:8">
      <c r="H653284" s="12"/>
    </row>
    <row r="653285" spans="8:8">
      <c r="H653285" s="12"/>
    </row>
    <row r="653286" spans="8:8">
      <c r="H653286" s="12"/>
    </row>
    <row r="653287" spans="8:8">
      <c r="H653287" s="12"/>
    </row>
    <row r="653288" spans="8:8">
      <c r="H653288" s="12"/>
    </row>
    <row r="653289" spans="8:8">
      <c r="H653289" s="12"/>
    </row>
    <row r="653290" spans="8:8">
      <c r="H653290" s="12"/>
    </row>
    <row r="653291" spans="8:8">
      <c r="H653291" s="12"/>
    </row>
    <row r="653292" spans="8:8">
      <c r="H653292" s="12"/>
    </row>
    <row r="653293" spans="8:8">
      <c r="H653293" s="12"/>
    </row>
    <row r="653294" spans="8:8">
      <c r="H653294" s="12"/>
    </row>
    <row r="653295" spans="8:8">
      <c r="H653295" s="12"/>
    </row>
    <row r="653296" spans="8:8">
      <c r="H653296" s="12"/>
    </row>
    <row r="653297" spans="8:8">
      <c r="H653297" s="12"/>
    </row>
    <row r="653298" spans="8:8">
      <c r="H653298" s="12"/>
    </row>
    <row r="653299" spans="8:8">
      <c r="H653299" s="12"/>
    </row>
    <row r="653300" spans="8:8">
      <c r="H653300" s="12"/>
    </row>
    <row r="653301" spans="8:8">
      <c r="H653301" s="12"/>
    </row>
    <row r="653302" spans="8:8">
      <c r="H653302" s="12"/>
    </row>
    <row r="653303" spans="8:8">
      <c r="H653303" s="12"/>
    </row>
    <row r="653304" spans="8:8">
      <c r="H653304" s="12"/>
    </row>
    <row r="653305" spans="8:8">
      <c r="H653305" s="12"/>
    </row>
    <row r="653306" spans="8:8">
      <c r="H653306" s="12"/>
    </row>
    <row r="653307" spans="8:8">
      <c r="H653307" s="12"/>
    </row>
    <row r="653308" spans="8:8">
      <c r="H653308" s="12"/>
    </row>
    <row r="653309" spans="8:8">
      <c r="H653309" s="12"/>
    </row>
    <row r="653310" spans="8:8">
      <c r="H653310" s="12"/>
    </row>
    <row r="653311" spans="8:8">
      <c r="H653311" s="12"/>
    </row>
    <row r="653312" spans="8:8">
      <c r="H653312" s="12"/>
    </row>
    <row r="653313" spans="8:8">
      <c r="H653313" s="12"/>
    </row>
    <row r="653314" spans="8:8">
      <c r="H653314" s="12"/>
    </row>
    <row r="653315" spans="8:8">
      <c r="H653315" s="12"/>
    </row>
    <row r="653316" spans="8:8">
      <c r="H653316" s="12"/>
    </row>
    <row r="653317" spans="8:8">
      <c r="H653317" s="12"/>
    </row>
    <row r="653318" spans="8:8">
      <c r="H653318" s="12"/>
    </row>
    <row r="653319" spans="8:8">
      <c r="H653319" s="12"/>
    </row>
    <row r="653320" spans="8:8">
      <c r="H653320" s="12"/>
    </row>
    <row r="653321" spans="8:8">
      <c r="H653321" s="12"/>
    </row>
    <row r="653322" spans="8:8">
      <c r="H653322" s="12"/>
    </row>
    <row r="653323" spans="8:8">
      <c r="H653323" s="12"/>
    </row>
    <row r="653324" spans="8:8">
      <c r="H653324" s="12"/>
    </row>
    <row r="653325" spans="8:8">
      <c r="H653325" s="12"/>
    </row>
    <row r="653326" spans="8:8">
      <c r="H653326" s="12"/>
    </row>
    <row r="653327" spans="8:8">
      <c r="H653327" s="12"/>
    </row>
    <row r="653328" spans="8:8">
      <c r="H653328" s="12"/>
    </row>
    <row r="653329" spans="8:8">
      <c r="H653329" s="12"/>
    </row>
    <row r="653330" spans="8:8">
      <c r="H653330" s="12"/>
    </row>
    <row r="653331" spans="8:8">
      <c r="H653331" s="12"/>
    </row>
    <row r="653332" spans="8:8">
      <c r="H653332" s="12"/>
    </row>
    <row r="653333" spans="8:8">
      <c r="H653333" s="12"/>
    </row>
    <row r="653334" spans="8:8">
      <c r="H653334" s="12"/>
    </row>
    <row r="653335" spans="8:8">
      <c r="H653335" s="12"/>
    </row>
    <row r="653336" spans="8:8">
      <c r="H653336" s="12"/>
    </row>
    <row r="653337" spans="8:8">
      <c r="H653337" s="12"/>
    </row>
    <row r="653338" spans="8:8">
      <c r="H653338" s="12"/>
    </row>
    <row r="653339" spans="8:8">
      <c r="H653339" s="12"/>
    </row>
    <row r="653340" spans="8:8">
      <c r="H653340" s="12"/>
    </row>
    <row r="653341" spans="8:8">
      <c r="H653341" s="12"/>
    </row>
    <row r="653342" spans="8:8">
      <c r="H653342" s="12"/>
    </row>
    <row r="653343" spans="8:8">
      <c r="H653343" s="12"/>
    </row>
    <row r="653344" spans="8:8">
      <c r="H653344" s="12"/>
    </row>
    <row r="653345" spans="8:8">
      <c r="H653345" s="12"/>
    </row>
    <row r="653346" spans="8:8">
      <c r="H653346" s="12"/>
    </row>
    <row r="653347" spans="8:8">
      <c r="H653347" s="12"/>
    </row>
    <row r="653348" spans="8:8">
      <c r="H653348" s="12"/>
    </row>
    <row r="653349" spans="8:8">
      <c r="H653349" s="12"/>
    </row>
    <row r="653350" spans="8:8">
      <c r="H653350" s="12"/>
    </row>
    <row r="653351" spans="8:8">
      <c r="H653351" s="12"/>
    </row>
    <row r="653352" spans="8:8">
      <c r="H653352" s="12"/>
    </row>
    <row r="653353" spans="8:8">
      <c r="H653353" s="12"/>
    </row>
    <row r="653354" spans="8:8">
      <c r="H653354" s="12"/>
    </row>
    <row r="653355" spans="8:8">
      <c r="H653355" s="12"/>
    </row>
    <row r="653356" spans="8:8">
      <c r="H653356" s="12"/>
    </row>
    <row r="653357" spans="8:8">
      <c r="H653357" s="12"/>
    </row>
    <row r="653358" spans="8:8">
      <c r="H653358" s="12"/>
    </row>
    <row r="653359" spans="8:8">
      <c r="H653359" s="12"/>
    </row>
    <row r="653360" spans="8:8">
      <c r="H653360" s="12"/>
    </row>
    <row r="653361" spans="8:8">
      <c r="H653361" s="12"/>
    </row>
    <row r="653362" spans="8:8">
      <c r="H653362" s="12"/>
    </row>
    <row r="653363" spans="8:8">
      <c r="H653363" s="12"/>
    </row>
    <row r="653364" spans="8:8">
      <c r="H653364" s="12"/>
    </row>
    <row r="653365" spans="8:8">
      <c r="H653365" s="12"/>
    </row>
    <row r="653366" spans="8:8">
      <c r="H653366" s="12"/>
    </row>
    <row r="653367" spans="8:8">
      <c r="H653367" s="12"/>
    </row>
    <row r="653368" spans="8:8">
      <c r="H653368" s="12"/>
    </row>
    <row r="653369" spans="8:8">
      <c r="H653369" s="12"/>
    </row>
    <row r="653370" spans="8:8">
      <c r="H653370" s="12"/>
    </row>
    <row r="653371" spans="8:8">
      <c r="H653371" s="12"/>
    </row>
    <row r="653372" spans="8:8">
      <c r="H653372" s="12"/>
    </row>
    <row r="653373" spans="8:8">
      <c r="H653373" s="12"/>
    </row>
    <row r="653374" spans="8:8">
      <c r="H653374" s="12"/>
    </row>
    <row r="653375" spans="8:8">
      <c r="H653375" s="12"/>
    </row>
    <row r="653376" spans="8:8">
      <c r="H653376" s="12"/>
    </row>
    <row r="653377" spans="8:8">
      <c r="H653377" s="12"/>
    </row>
    <row r="653378" spans="8:8">
      <c r="H653378" s="12"/>
    </row>
    <row r="653379" spans="8:8">
      <c r="H653379" s="12"/>
    </row>
    <row r="653380" spans="8:8">
      <c r="H653380" s="12"/>
    </row>
    <row r="653381" spans="8:8">
      <c r="H653381" s="12"/>
    </row>
    <row r="653382" spans="8:8">
      <c r="H653382" s="12"/>
    </row>
    <row r="653383" spans="8:8">
      <c r="H653383" s="12"/>
    </row>
    <row r="653384" spans="8:8">
      <c r="H653384" s="12"/>
    </row>
    <row r="653385" spans="8:8">
      <c r="H653385" s="12"/>
    </row>
    <row r="653386" spans="8:8">
      <c r="H653386" s="12"/>
    </row>
    <row r="653387" spans="8:8">
      <c r="H653387" s="12"/>
    </row>
    <row r="653388" spans="8:8">
      <c r="H653388" s="12"/>
    </row>
    <row r="653389" spans="8:8">
      <c r="H653389" s="12"/>
    </row>
    <row r="653390" spans="8:8">
      <c r="H653390" s="12"/>
    </row>
    <row r="653391" spans="8:8">
      <c r="H653391" s="12"/>
    </row>
    <row r="653392" spans="8:8">
      <c r="H653392" s="12"/>
    </row>
    <row r="653393" spans="8:8">
      <c r="H653393" s="12"/>
    </row>
    <row r="653394" spans="8:8">
      <c r="H653394" s="12"/>
    </row>
    <row r="653395" spans="8:8">
      <c r="H653395" s="12"/>
    </row>
    <row r="653396" spans="8:8">
      <c r="H653396" s="12"/>
    </row>
    <row r="653397" spans="8:8">
      <c r="H653397" s="12"/>
    </row>
    <row r="653398" spans="8:8">
      <c r="H653398" s="12"/>
    </row>
    <row r="653399" spans="8:8">
      <c r="H653399" s="12"/>
    </row>
    <row r="653400" spans="8:8">
      <c r="H653400" s="12"/>
    </row>
    <row r="653401" spans="8:8">
      <c r="H653401" s="12"/>
    </row>
    <row r="653402" spans="8:8">
      <c r="H653402" s="12"/>
    </row>
    <row r="653403" spans="8:8">
      <c r="H653403" s="12"/>
    </row>
    <row r="653404" spans="8:8">
      <c r="H653404" s="12"/>
    </row>
    <row r="653405" spans="8:8">
      <c r="H653405" s="12"/>
    </row>
    <row r="653406" spans="8:8">
      <c r="H653406" s="12"/>
    </row>
    <row r="653407" spans="8:8">
      <c r="H653407" s="12"/>
    </row>
    <row r="653408" spans="8:8">
      <c r="H653408" s="12"/>
    </row>
    <row r="653409" spans="8:8">
      <c r="H653409" s="12"/>
    </row>
    <row r="653410" spans="8:8">
      <c r="H653410" s="12"/>
    </row>
    <row r="653411" spans="8:8">
      <c r="H653411" s="12"/>
    </row>
    <row r="653412" spans="8:8">
      <c r="H653412" s="12"/>
    </row>
    <row r="653413" spans="8:8">
      <c r="H653413" s="12"/>
    </row>
    <row r="653414" spans="8:8">
      <c r="H653414" s="12"/>
    </row>
    <row r="653415" spans="8:8">
      <c r="H653415" s="12"/>
    </row>
    <row r="653416" spans="8:8">
      <c r="H653416" s="12"/>
    </row>
    <row r="653417" spans="8:8">
      <c r="H653417" s="12"/>
    </row>
    <row r="653418" spans="8:8">
      <c r="H653418" s="12"/>
    </row>
    <row r="653419" spans="8:8">
      <c r="H653419" s="12"/>
    </row>
    <row r="653420" spans="8:8">
      <c r="H653420" s="12"/>
    </row>
    <row r="653421" spans="8:8">
      <c r="H653421" s="12"/>
    </row>
    <row r="653422" spans="8:8">
      <c r="H653422" s="12"/>
    </row>
    <row r="653423" spans="8:8">
      <c r="H653423" s="12"/>
    </row>
    <row r="653424" spans="8:8">
      <c r="H653424" s="12"/>
    </row>
    <row r="653425" spans="8:8">
      <c r="H653425" s="12"/>
    </row>
    <row r="653426" spans="8:8">
      <c r="H653426" s="12"/>
    </row>
    <row r="653427" spans="8:8">
      <c r="H653427" s="12"/>
    </row>
    <row r="653428" spans="8:8">
      <c r="H653428" s="12"/>
    </row>
    <row r="653429" spans="8:8">
      <c r="H653429" s="12"/>
    </row>
    <row r="653430" spans="8:8">
      <c r="H653430" s="12"/>
    </row>
    <row r="653431" spans="8:8">
      <c r="H653431" s="12"/>
    </row>
    <row r="653432" spans="8:8">
      <c r="H653432" s="12"/>
    </row>
    <row r="653433" spans="8:8">
      <c r="H653433" s="12"/>
    </row>
    <row r="653434" spans="8:8">
      <c r="H653434" s="12"/>
    </row>
    <row r="653435" spans="8:8">
      <c r="H653435" s="12"/>
    </row>
    <row r="653436" spans="8:8">
      <c r="H653436" s="12"/>
    </row>
    <row r="653437" spans="8:8">
      <c r="H653437" s="12"/>
    </row>
    <row r="653438" spans="8:8">
      <c r="H653438" s="12"/>
    </row>
    <row r="653439" spans="8:8">
      <c r="H653439" s="12"/>
    </row>
    <row r="653440" spans="8:8">
      <c r="H653440" s="12"/>
    </row>
    <row r="653441" spans="8:8">
      <c r="H653441" s="12"/>
    </row>
    <row r="653442" spans="8:8">
      <c r="H653442" s="12"/>
    </row>
    <row r="653443" spans="8:8">
      <c r="H653443" s="12"/>
    </row>
    <row r="653444" spans="8:8">
      <c r="H653444" s="12"/>
    </row>
    <row r="653445" spans="8:8">
      <c r="H653445" s="12"/>
    </row>
    <row r="653446" spans="8:8">
      <c r="H653446" s="12"/>
    </row>
    <row r="653447" spans="8:8">
      <c r="H653447" s="12"/>
    </row>
    <row r="653448" spans="8:8">
      <c r="H653448" s="12"/>
    </row>
    <row r="653449" spans="8:8">
      <c r="H653449" s="12"/>
    </row>
    <row r="653450" spans="8:8">
      <c r="H653450" s="12"/>
    </row>
    <row r="653451" spans="8:8">
      <c r="H653451" s="12"/>
    </row>
    <row r="653452" spans="8:8">
      <c r="H653452" s="12"/>
    </row>
    <row r="653453" spans="8:8">
      <c r="H653453" s="12"/>
    </row>
    <row r="653454" spans="8:8">
      <c r="H653454" s="12"/>
    </row>
    <row r="653455" spans="8:8">
      <c r="H653455" s="12"/>
    </row>
    <row r="653456" spans="8:8">
      <c r="H653456" s="12"/>
    </row>
    <row r="653457" spans="8:8">
      <c r="H653457" s="12"/>
    </row>
    <row r="653458" spans="8:8">
      <c r="H653458" s="12"/>
    </row>
    <row r="653459" spans="8:8">
      <c r="H653459" s="12"/>
    </row>
    <row r="653460" spans="8:8">
      <c r="H653460" s="12"/>
    </row>
    <row r="653461" spans="8:8">
      <c r="H653461" s="12"/>
    </row>
    <row r="653462" spans="8:8">
      <c r="H653462" s="12"/>
    </row>
    <row r="653463" spans="8:8">
      <c r="H653463" s="12"/>
    </row>
    <row r="653464" spans="8:8">
      <c r="H653464" s="12"/>
    </row>
    <row r="653465" spans="8:8">
      <c r="H653465" s="12"/>
    </row>
    <row r="653466" spans="8:8">
      <c r="H653466" s="12"/>
    </row>
    <row r="653467" spans="8:8">
      <c r="H653467" s="12"/>
    </row>
    <row r="653468" spans="8:8">
      <c r="H653468" s="12"/>
    </row>
    <row r="653469" spans="8:8">
      <c r="H653469" s="12"/>
    </row>
    <row r="653470" spans="8:8">
      <c r="H653470" s="12"/>
    </row>
    <row r="653471" spans="8:8">
      <c r="H653471" s="12"/>
    </row>
    <row r="653472" spans="8:8">
      <c r="H653472" s="12"/>
    </row>
    <row r="653473" spans="8:8">
      <c r="H653473" s="12"/>
    </row>
    <row r="653474" spans="8:8">
      <c r="H653474" s="12"/>
    </row>
    <row r="653475" spans="8:8">
      <c r="H653475" s="12"/>
    </row>
    <row r="653476" spans="8:8">
      <c r="H653476" s="12"/>
    </row>
    <row r="653477" spans="8:8">
      <c r="H653477" s="12"/>
    </row>
    <row r="653478" spans="8:8">
      <c r="H653478" s="12"/>
    </row>
    <row r="653479" spans="8:8">
      <c r="H653479" s="12"/>
    </row>
    <row r="653480" spans="8:8">
      <c r="H653480" s="12"/>
    </row>
    <row r="653481" spans="8:8">
      <c r="H653481" s="12"/>
    </row>
    <row r="653482" spans="8:8">
      <c r="H653482" s="12"/>
    </row>
    <row r="653483" spans="8:8">
      <c r="H653483" s="12"/>
    </row>
    <row r="653484" spans="8:8">
      <c r="H653484" s="12"/>
    </row>
    <row r="653485" spans="8:8">
      <c r="H653485" s="12"/>
    </row>
    <row r="653486" spans="8:8">
      <c r="H653486" s="12"/>
    </row>
    <row r="653487" spans="8:8">
      <c r="H653487" s="12"/>
    </row>
    <row r="653488" spans="8:8">
      <c r="H653488" s="12"/>
    </row>
    <row r="653489" spans="8:8">
      <c r="H653489" s="12"/>
    </row>
    <row r="653490" spans="8:8">
      <c r="H653490" s="12"/>
    </row>
    <row r="653491" spans="8:8">
      <c r="H653491" s="12"/>
    </row>
    <row r="653492" spans="8:8">
      <c r="H653492" s="12"/>
    </row>
    <row r="653493" spans="8:8">
      <c r="H653493" s="12"/>
    </row>
    <row r="653494" spans="8:8">
      <c r="H653494" s="12"/>
    </row>
    <row r="653495" spans="8:8">
      <c r="H653495" s="12"/>
    </row>
    <row r="653496" spans="8:8">
      <c r="H653496" s="12"/>
    </row>
    <row r="653497" spans="8:8">
      <c r="H653497" s="12"/>
    </row>
    <row r="653498" spans="8:8">
      <c r="H653498" s="12"/>
    </row>
    <row r="653499" spans="8:8">
      <c r="H653499" s="12"/>
    </row>
    <row r="653500" spans="8:8">
      <c r="H653500" s="12"/>
    </row>
    <row r="653501" spans="8:8">
      <c r="H653501" s="12"/>
    </row>
    <row r="653502" spans="8:8">
      <c r="H653502" s="12"/>
    </row>
    <row r="653503" spans="8:8">
      <c r="H653503" s="12"/>
    </row>
    <row r="653504" spans="8:8">
      <c r="H653504" s="12"/>
    </row>
    <row r="653505" spans="8:8">
      <c r="H653505" s="12"/>
    </row>
    <row r="653506" spans="8:8">
      <c r="H653506" s="12"/>
    </row>
    <row r="653507" spans="8:8">
      <c r="H653507" s="12"/>
    </row>
    <row r="653508" spans="8:8">
      <c r="H653508" s="12"/>
    </row>
    <row r="653509" spans="8:8">
      <c r="H653509" s="12"/>
    </row>
    <row r="653510" spans="8:8">
      <c r="H653510" s="12"/>
    </row>
    <row r="653511" spans="8:8">
      <c r="H653511" s="12"/>
    </row>
    <row r="653512" spans="8:8">
      <c r="H653512" s="12"/>
    </row>
    <row r="653513" spans="8:8">
      <c r="H653513" s="12"/>
    </row>
    <row r="653514" spans="8:8">
      <c r="H653514" s="12"/>
    </row>
    <row r="653515" spans="8:8">
      <c r="H653515" s="12"/>
    </row>
    <row r="653516" spans="8:8">
      <c r="H653516" s="12"/>
    </row>
    <row r="653517" spans="8:8">
      <c r="H653517" s="12"/>
    </row>
    <row r="653518" spans="8:8">
      <c r="H653518" s="12"/>
    </row>
    <row r="653519" spans="8:8">
      <c r="H653519" s="12"/>
    </row>
    <row r="653520" spans="8:8">
      <c r="H653520" s="12"/>
    </row>
    <row r="653521" spans="8:8">
      <c r="H653521" s="12"/>
    </row>
    <row r="653522" spans="8:8">
      <c r="H653522" s="12"/>
    </row>
    <row r="653523" spans="8:8">
      <c r="H653523" s="12"/>
    </row>
    <row r="653524" spans="8:8">
      <c r="H653524" s="12"/>
    </row>
    <row r="653525" spans="8:8">
      <c r="H653525" s="12"/>
    </row>
    <row r="653526" spans="8:8">
      <c r="H653526" s="12"/>
    </row>
    <row r="653527" spans="8:8">
      <c r="H653527" s="12"/>
    </row>
    <row r="653528" spans="8:8">
      <c r="H653528" s="12"/>
    </row>
    <row r="653529" spans="8:8">
      <c r="H653529" s="12"/>
    </row>
    <row r="653530" spans="8:8">
      <c r="H653530" s="12"/>
    </row>
    <row r="653531" spans="8:8">
      <c r="H653531" s="12"/>
    </row>
    <row r="653532" spans="8:8">
      <c r="H653532" s="12"/>
    </row>
    <row r="653533" spans="8:8">
      <c r="H653533" s="12"/>
    </row>
    <row r="653534" spans="8:8">
      <c r="H653534" s="12"/>
    </row>
    <row r="653535" spans="8:8">
      <c r="H653535" s="12"/>
    </row>
    <row r="653536" spans="8:8">
      <c r="H653536" s="12"/>
    </row>
    <row r="653537" spans="8:8">
      <c r="H653537" s="12"/>
    </row>
    <row r="653538" spans="8:8">
      <c r="H653538" s="12"/>
    </row>
    <row r="653539" spans="8:8">
      <c r="H653539" s="12"/>
    </row>
    <row r="653540" spans="8:8">
      <c r="H653540" s="12"/>
    </row>
    <row r="653541" spans="8:8">
      <c r="H653541" s="12"/>
    </row>
    <row r="653542" spans="8:8">
      <c r="H653542" s="12"/>
    </row>
    <row r="653543" spans="8:8">
      <c r="H653543" s="12"/>
    </row>
    <row r="653544" spans="8:8">
      <c r="H653544" s="12"/>
    </row>
    <row r="653545" spans="8:8">
      <c r="H653545" s="12"/>
    </row>
    <row r="653546" spans="8:8">
      <c r="H653546" s="12"/>
    </row>
    <row r="653547" spans="8:8">
      <c r="H653547" s="12"/>
    </row>
    <row r="653548" spans="8:8">
      <c r="H653548" s="12"/>
    </row>
    <row r="653549" spans="8:8">
      <c r="H653549" s="12"/>
    </row>
    <row r="653550" spans="8:8">
      <c r="H653550" s="12"/>
    </row>
    <row r="653551" spans="8:8">
      <c r="H653551" s="12"/>
    </row>
    <row r="653552" spans="8:8">
      <c r="H653552" s="12"/>
    </row>
    <row r="653553" spans="8:8">
      <c r="H653553" s="12"/>
    </row>
    <row r="653554" spans="8:8">
      <c r="H653554" s="12"/>
    </row>
    <row r="653555" spans="8:8">
      <c r="H653555" s="12"/>
    </row>
    <row r="653556" spans="8:8">
      <c r="H653556" s="12"/>
    </row>
    <row r="653557" spans="8:8">
      <c r="H653557" s="12"/>
    </row>
    <row r="653558" spans="8:8">
      <c r="H653558" s="12"/>
    </row>
    <row r="653559" spans="8:8">
      <c r="H653559" s="12"/>
    </row>
    <row r="653560" spans="8:8">
      <c r="H653560" s="12"/>
    </row>
    <row r="653561" spans="8:8">
      <c r="H653561" s="12"/>
    </row>
    <row r="653562" spans="8:8">
      <c r="H653562" s="12"/>
    </row>
    <row r="653563" spans="8:8">
      <c r="H653563" s="12"/>
    </row>
    <row r="653564" spans="8:8">
      <c r="H653564" s="12"/>
    </row>
    <row r="653565" spans="8:8">
      <c r="H653565" s="12"/>
    </row>
    <row r="653566" spans="8:8">
      <c r="H653566" s="12"/>
    </row>
    <row r="653567" spans="8:8">
      <c r="H653567" s="12"/>
    </row>
    <row r="653568" spans="8:8">
      <c r="H653568" s="12"/>
    </row>
    <row r="653569" spans="8:8">
      <c r="H653569" s="12"/>
    </row>
    <row r="653570" spans="8:8">
      <c r="H653570" s="12"/>
    </row>
    <row r="653571" spans="8:8">
      <c r="H653571" s="12"/>
    </row>
    <row r="653572" spans="8:8">
      <c r="H653572" s="12"/>
    </row>
    <row r="653573" spans="8:8">
      <c r="H653573" s="12"/>
    </row>
    <row r="653574" spans="8:8">
      <c r="H653574" s="12"/>
    </row>
    <row r="653575" spans="8:8">
      <c r="H653575" s="12"/>
    </row>
    <row r="653576" spans="8:8">
      <c r="H653576" s="12"/>
    </row>
    <row r="653577" spans="8:8">
      <c r="H653577" s="12"/>
    </row>
    <row r="653578" spans="8:8">
      <c r="H653578" s="12"/>
    </row>
    <row r="653579" spans="8:8">
      <c r="H653579" s="12"/>
    </row>
    <row r="653580" spans="8:8">
      <c r="H653580" s="12"/>
    </row>
    <row r="653581" spans="8:8">
      <c r="H653581" s="12"/>
    </row>
    <row r="653582" spans="8:8">
      <c r="H653582" s="12"/>
    </row>
    <row r="653583" spans="8:8">
      <c r="H653583" s="12"/>
    </row>
    <row r="653584" spans="8:8">
      <c r="H653584" s="12"/>
    </row>
    <row r="653585" spans="8:8">
      <c r="H653585" s="12"/>
    </row>
    <row r="653586" spans="8:8">
      <c r="H653586" s="12"/>
    </row>
    <row r="653587" spans="8:8">
      <c r="H653587" s="12"/>
    </row>
    <row r="653588" spans="8:8">
      <c r="H653588" s="12"/>
    </row>
    <row r="653589" spans="8:8">
      <c r="H653589" s="12"/>
    </row>
    <row r="653590" spans="8:8">
      <c r="H653590" s="12"/>
    </row>
    <row r="653591" spans="8:8">
      <c r="H653591" s="12"/>
    </row>
    <row r="653592" spans="8:8">
      <c r="H653592" s="12"/>
    </row>
    <row r="653593" spans="8:8">
      <c r="H653593" s="12"/>
    </row>
    <row r="653594" spans="8:8">
      <c r="H653594" s="12"/>
    </row>
    <row r="653595" spans="8:8">
      <c r="H653595" s="12"/>
    </row>
    <row r="653596" spans="8:8">
      <c r="H653596" s="12"/>
    </row>
    <row r="653597" spans="8:8">
      <c r="H653597" s="12"/>
    </row>
    <row r="653598" spans="8:8">
      <c r="H653598" s="12"/>
    </row>
    <row r="653599" spans="8:8">
      <c r="H653599" s="12"/>
    </row>
    <row r="653600" spans="8:8">
      <c r="H653600" s="12"/>
    </row>
    <row r="653601" spans="8:8">
      <c r="H653601" s="12"/>
    </row>
    <row r="653602" spans="8:8">
      <c r="H653602" s="12"/>
    </row>
    <row r="653603" spans="8:8">
      <c r="H653603" s="12"/>
    </row>
    <row r="653604" spans="8:8">
      <c r="H653604" s="12"/>
    </row>
    <row r="653605" spans="8:8">
      <c r="H653605" s="12"/>
    </row>
    <row r="653606" spans="8:8">
      <c r="H653606" s="12"/>
    </row>
    <row r="653607" spans="8:8">
      <c r="H653607" s="12"/>
    </row>
    <row r="653608" spans="8:8">
      <c r="H653608" s="12"/>
    </row>
    <row r="653609" spans="8:8">
      <c r="H653609" s="12"/>
    </row>
    <row r="653610" spans="8:8">
      <c r="H653610" s="12"/>
    </row>
    <row r="653611" spans="8:8">
      <c r="H653611" s="12"/>
    </row>
    <row r="653612" spans="8:8">
      <c r="H653612" s="12"/>
    </row>
    <row r="653613" spans="8:8">
      <c r="H653613" s="12"/>
    </row>
    <row r="653614" spans="8:8">
      <c r="H653614" s="12"/>
    </row>
    <row r="653615" spans="8:8">
      <c r="H653615" s="12"/>
    </row>
    <row r="653616" spans="8:8">
      <c r="H653616" s="12"/>
    </row>
    <row r="653617" spans="8:8">
      <c r="H653617" s="12"/>
    </row>
    <row r="653618" spans="8:8">
      <c r="H653618" s="12"/>
    </row>
    <row r="653619" spans="8:8">
      <c r="H653619" s="12"/>
    </row>
    <row r="653620" spans="8:8">
      <c r="H653620" s="12"/>
    </row>
    <row r="653621" spans="8:8">
      <c r="H653621" s="12"/>
    </row>
    <row r="653622" spans="8:8">
      <c r="H653622" s="12"/>
    </row>
    <row r="653623" spans="8:8">
      <c r="H653623" s="12"/>
    </row>
    <row r="653624" spans="8:8">
      <c r="H653624" s="12"/>
    </row>
    <row r="653625" spans="8:8">
      <c r="H653625" s="12"/>
    </row>
    <row r="653626" spans="8:8">
      <c r="H653626" s="12"/>
    </row>
    <row r="653627" spans="8:8">
      <c r="H653627" s="12"/>
    </row>
    <row r="653628" spans="8:8">
      <c r="H653628" s="12"/>
    </row>
    <row r="653629" spans="8:8">
      <c r="H653629" s="12"/>
    </row>
    <row r="653630" spans="8:8">
      <c r="H653630" s="12"/>
    </row>
    <row r="653631" spans="8:8">
      <c r="H653631" s="12"/>
    </row>
    <row r="653632" spans="8:8">
      <c r="H653632" s="12"/>
    </row>
    <row r="653633" spans="8:8">
      <c r="H653633" s="12"/>
    </row>
    <row r="653634" spans="8:8">
      <c r="H653634" s="12"/>
    </row>
    <row r="653635" spans="8:8">
      <c r="H653635" s="12"/>
    </row>
    <row r="653636" spans="8:8">
      <c r="H653636" s="12"/>
    </row>
    <row r="653637" spans="8:8">
      <c r="H653637" s="12"/>
    </row>
    <row r="653638" spans="8:8">
      <c r="H653638" s="12"/>
    </row>
    <row r="653639" spans="8:8">
      <c r="H653639" s="12"/>
    </row>
    <row r="653640" spans="8:8">
      <c r="H653640" s="12"/>
    </row>
    <row r="653641" spans="8:8">
      <c r="H653641" s="12"/>
    </row>
    <row r="653642" spans="8:8">
      <c r="H653642" s="12"/>
    </row>
    <row r="653643" spans="8:8">
      <c r="H653643" s="12"/>
    </row>
    <row r="653644" spans="8:8">
      <c r="H653644" s="12"/>
    </row>
    <row r="653645" spans="8:8">
      <c r="H653645" s="12"/>
    </row>
    <row r="653646" spans="8:8">
      <c r="H653646" s="12"/>
    </row>
    <row r="653647" spans="8:8">
      <c r="H653647" s="12"/>
    </row>
    <row r="653648" spans="8:8">
      <c r="H653648" s="12"/>
    </row>
    <row r="653649" spans="8:8">
      <c r="H653649" s="12"/>
    </row>
    <row r="653650" spans="8:8">
      <c r="H653650" s="12"/>
    </row>
    <row r="653651" spans="8:8">
      <c r="H653651" s="12"/>
    </row>
    <row r="653652" spans="8:8">
      <c r="H653652" s="12"/>
    </row>
    <row r="653653" spans="8:8">
      <c r="H653653" s="12"/>
    </row>
    <row r="653654" spans="8:8">
      <c r="H653654" s="12"/>
    </row>
    <row r="653655" spans="8:8">
      <c r="H653655" s="12"/>
    </row>
    <row r="653656" spans="8:8">
      <c r="H653656" s="12"/>
    </row>
    <row r="653657" spans="8:8">
      <c r="H653657" s="12"/>
    </row>
    <row r="653658" spans="8:8">
      <c r="H653658" s="12"/>
    </row>
    <row r="653659" spans="8:8">
      <c r="H653659" s="12"/>
    </row>
    <row r="653660" spans="8:8">
      <c r="H653660" s="12"/>
    </row>
    <row r="653661" spans="8:8">
      <c r="H653661" s="12"/>
    </row>
    <row r="653662" spans="8:8">
      <c r="H653662" s="12"/>
    </row>
    <row r="653663" spans="8:8">
      <c r="H653663" s="12"/>
    </row>
    <row r="653664" spans="8:8">
      <c r="H653664" s="12"/>
    </row>
    <row r="653665" spans="8:8">
      <c r="H653665" s="12"/>
    </row>
    <row r="653666" spans="8:8">
      <c r="H653666" s="12"/>
    </row>
    <row r="653667" spans="8:8">
      <c r="H653667" s="12"/>
    </row>
    <row r="653668" spans="8:8">
      <c r="H653668" s="12"/>
    </row>
    <row r="653669" spans="8:8">
      <c r="H653669" s="12"/>
    </row>
    <row r="653670" spans="8:8">
      <c r="H653670" s="12"/>
    </row>
    <row r="653671" spans="8:8">
      <c r="H653671" s="12"/>
    </row>
    <row r="653672" spans="8:8">
      <c r="H653672" s="12"/>
    </row>
    <row r="653673" spans="8:8">
      <c r="H653673" s="12"/>
    </row>
    <row r="653674" spans="8:8">
      <c r="H653674" s="12"/>
    </row>
    <row r="653675" spans="8:8">
      <c r="H653675" s="12"/>
    </row>
    <row r="653676" spans="8:8">
      <c r="H653676" s="12"/>
    </row>
    <row r="653677" spans="8:8">
      <c r="H653677" s="12"/>
    </row>
    <row r="653678" spans="8:8">
      <c r="H653678" s="12"/>
    </row>
    <row r="653679" spans="8:8">
      <c r="H653679" s="12"/>
    </row>
    <row r="653680" spans="8:8">
      <c r="H653680" s="12"/>
    </row>
    <row r="653681" spans="8:8">
      <c r="H653681" s="12"/>
    </row>
    <row r="653682" spans="8:8">
      <c r="H653682" s="12"/>
    </row>
    <row r="653683" spans="8:8">
      <c r="H653683" s="12"/>
    </row>
    <row r="653684" spans="8:8">
      <c r="H653684" s="12"/>
    </row>
    <row r="653685" spans="8:8">
      <c r="H653685" s="12"/>
    </row>
    <row r="653686" spans="8:8">
      <c r="H653686" s="12"/>
    </row>
    <row r="653687" spans="8:8">
      <c r="H653687" s="12"/>
    </row>
    <row r="653688" spans="8:8">
      <c r="H653688" s="12"/>
    </row>
    <row r="653689" spans="8:8">
      <c r="H653689" s="12"/>
    </row>
    <row r="653690" spans="8:8">
      <c r="H653690" s="12"/>
    </row>
    <row r="653691" spans="8:8">
      <c r="H653691" s="12"/>
    </row>
    <row r="653692" spans="8:8">
      <c r="H653692" s="12"/>
    </row>
    <row r="653693" spans="8:8">
      <c r="H653693" s="12"/>
    </row>
    <row r="653694" spans="8:8">
      <c r="H653694" s="12"/>
    </row>
    <row r="653695" spans="8:8">
      <c r="H653695" s="12"/>
    </row>
    <row r="653696" spans="8:8">
      <c r="H653696" s="12"/>
    </row>
    <row r="653697" spans="8:8">
      <c r="H653697" s="12"/>
    </row>
    <row r="653698" spans="8:8">
      <c r="H653698" s="12"/>
    </row>
    <row r="653699" spans="8:8">
      <c r="H653699" s="12"/>
    </row>
    <row r="653700" spans="8:8">
      <c r="H653700" s="12"/>
    </row>
    <row r="653701" spans="8:8">
      <c r="H653701" s="12"/>
    </row>
    <row r="653702" spans="8:8">
      <c r="H653702" s="12"/>
    </row>
    <row r="653703" spans="8:8">
      <c r="H653703" s="12"/>
    </row>
    <row r="653704" spans="8:8">
      <c r="H653704" s="12"/>
    </row>
    <row r="653705" spans="8:8">
      <c r="H653705" s="12"/>
    </row>
    <row r="653706" spans="8:8">
      <c r="H653706" s="12"/>
    </row>
    <row r="653707" spans="8:8">
      <c r="H653707" s="12"/>
    </row>
    <row r="653708" spans="8:8">
      <c r="H653708" s="12"/>
    </row>
    <row r="653709" spans="8:8">
      <c r="H653709" s="12"/>
    </row>
    <row r="653710" spans="8:8">
      <c r="H653710" s="12"/>
    </row>
    <row r="653711" spans="8:8">
      <c r="H653711" s="12"/>
    </row>
    <row r="653712" spans="8:8">
      <c r="H653712" s="12"/>
    </row>
    <row r="653713" spans="8:8">
      <c r="H653713" s="12"/>
    </row>
    <row r="653714" spans="8:8">
      <c r="H653714" s="12"/>
    </row>
    <row r="653715" spans="8:8">
      <c r="H653715" s="12"/>
    </row>
    <row r="653716" spans="8:8">
      <c r="H653716" s="12"/>
    </row>
    <row r="653717" spans="8:8">
      <c r="H653717" s="12"/>
    </row>
    <row r="653718" spans="8:8">
      <c r="H653718" s="12"/>
    </row>
    <row r="653719" spans="8:8">
      <c r="H653719" s="12"/>
    </row>
    <row r="653720" spans="8:8">
      <c r="H653720" s="12"/>
    </row>
    <row r="653721" spans="8:8">
      <c r="H653721" s="12"/>
    </row>
    <row r="653722" spans="8:8">
      <c r="H653722" s="12"/>
    </row>
    <row r="653723" spans="8:8">
      <c r="H653723" s="12"/>
    </row>
    <row r="653724" spans="8:8">
      <c r="H653724" s="12"/>
    </row>
    <row r="653725" spans="8:8">
      <c r="H653725" s="12"/>
    </row>
    <row r="653726" spans="8:8">
      <c r="H653726" s="12"/>
    </row>
    <row r="653727" spans="8:8">
      <c r="H653727" s="12"/>
    </row>
    <row r="653728" spans="8:8">
      <c r="H653728" s="12"/>
    </row>
    <row r="653729" spans="8:8">
      <c r="H653729" s="12"/>
    </row>
    <row r="653730" spans="8:8">
      <c r="H653730" s="12"/>
    </row>
    <row r="653731" spans="8:8">
      <c r="H653731" s="12"/>
    </row>
    <row r="653732" spans="8:8">
      <c r="H653732" s="12"/>
    </row>
    <row r="653733" spans="8:8">
      <c r="H653733" s="12"/>
    </row>
    <row r="653734" spans="8:8">
      <c r="H653734" s="12"/>
    </row>
    <row r="653735" spans="8:8">
      <c r="H653735" s="12"/>
    </row>
    <row r="653736" spans="8:8">
      <c r="H653736" s="12"/>
    </row>
    <row r="653737" spans="8:8">
      <c r="H653737" s="12"/>
    </row>
    <row r="653738" spans="8:8">
      <c r="H653738" s="12"/>
    </row>
    <row r="653739" spans="8:8">
      <c r="H653739" s="12"/>
    </row>
    <row r="653740" spans="8:8">
      <c r="H653740" s="12"/>
    </row>
    <row r="653741" spans="8:8">
      <c r="H653741" s="12"/>
    </row>
    <row r="653742" spans="8:8">
      <c r="H653742" s="12"/>
    </row>
    <row r="653743" spans="8:8">
      <c r="H653743" s="12"/>
    </row>
    <row r="653744" spans="8:8">
      <c r="H653744" s="12"/>
    </row>
    <row r="653745" spans="8:8">
      <c r="H653745" s="12"/>
    </row>
    <row r="653746" spans="8:8">
      <c r="H653746" s="12"/>
    </row>
    <row r="653747" spans="8:8">
      <c r="H653747" s="12"/>
    </row>
    <row r="653748" spans="8:8">
      <c r="H653748" s="12"/>
    </row>
    <row r="653749" spans="8:8">
      <c r="H653749" s="12"/>
    </row>
    <row r="653750" spans="8:8">
      <c r="H653750" s="12"/>
    </row>
    <row r="653751" spans="8:8">
      <c r="H653751" s="12"/>
    </row>
    <row r="653752" spans="8:8">
      <c r="H653752" s="12"/>
    </row>
    <row r="653753" spans="8:8">
      <c r="H653753" s="12"/>
    </row>
    <row r="653754" spans="8:8">
      <c r="H653754" s="12"/>
    </row>
    <row r="653755" spans="8:8">
      <c r="H653755" s="12"/>
    </row>
    <row r="653756" spans="8:8">
      <c r="H653756" s="12"/>
    </row>
    <row r="653757" spans="8:8">
      <c r="H653757" s="12"/>
    </row>
    <row r="653758" spans="8:8">
      <c r="H653758" s="12"/>
    </row>
    <row r="653759" spans="8:8">
      <c r="H653759" s="12"/>
    </row>
    <row r="653760" spans="8:8">
      <c r="H653760" s="12"/>
    </row>
    <row r="653761" spans="8:8">
      <c r="H653761" s="12"/>
    </row>
    <row r="653762" spans="8:8">
      <c r="H653762" s="12"/>
    </row>
    <row r="653763" spans="8:8">
      <c r="H653763" s="12"/>
    </row>
    <row r="653764" spans="8:8">
      <c r="H653764" s="12"/>
    </row>
    <row r="653765" spans="8:8">
      <c r="H653765" s="12"/>
    </row>
    <row r="653766" spans="8:8">
      <c r="H653766" s="12"/>
    </row>
    <row r="653767" spans="8:8">
      <c r="H653767" s="12"/>
    </row>
    <row r="653768" spans="8:8">
      <c r="H653768" s="12"/>
    </row>
    <row r="653769" spans="8:8">
      <c r="H653769" s="12"/>
    </row>
    <row r="653770" spans="8:8">
      <c r="H653770" s="12"/>
    </row>
    <row r="653771" spans="8:8">
      <c r="H653771" s="12"/>
    </row>
    <row r="653772" spans="8:8">
      <c r="H653772" s="12"/>
    </row>
    <row r="653773" spans="8:8">
      <c r="H653773" s="12"/>
    </row>
    <row r="653774" spans="8:8">
      <c r="H653774" s="12"/>
    </row>
    <row r="653775" spans="8:8">
      <c r="H653775" s="12"/>
    </row>
    <row r="653776" spans="8:8">
      <c r="H653776" s="12"/>
    </row>
    <row r="653777" spans="8:8">
      <c r="H653777" s="12"/>
    </row>
    <row r="653778" spans="8:8">
      <c r="H653778" s="12"/>
    </row>
    <row r="653779" spans="8:8">
      <c r="H653779" s="12"/>
    </row>
    <row r="653780" spans="8:8">
      <c r="H653780" s="12"/>
    </row>
    <row r="653781" spans="8:8">
      <c r="H653781" s="12"/>
    </row>
    <row r="653782" spans="8:8">
      <c r="H653782" s="12"/>
    </row>
    <row r="653783" spans="8:8">
      <c r="H653783" s="12"/>
    </row>
    <row r="653784" spans="8:8">
      <c r="H653784" s="12"/>
    </row>
    <row r="653785" spans="8:8">
      <c r="H653785" s="12"/>
    </row>
    <row r="653786" spans="8:8">
      <c r="H653786" s="12"/>
    </row>
    <row r="653787" spans="8:8">
      <c r="H653787" s="12"/>
    </row>
    <row r="653788" spans="8:8">
      <c r="H653788" s="12"/>
    </row>
    <row r="653789" spans="8:8">
      <c r="H653789" s="12"/>
    </row>
    <row r="653790" spans="8:8">
      <c r="H653790" s="12"/>
    </row>
    <row r="653791" spans="8:8">
      <c r="H653791" s="12"/>
    </row>
    <row r="653792" spans="8:8">
      <c r="H653792" s="12"/>
    </row>
    <row r="653793" spans="8:8">
      <c r="H653793" s="12"/>
    </row>
    <row r="653794" spans="8:8">
      <c r="H653794" s="12"/>
    </row>
    <row r="653795" spans="8:8">
      <c r="H653795" s="12"/>
    </row>
    <row r="653796" spans="8:8">
      <c r="H653796" s="12"/>
    </row>
    <row r="653797" spans="8:8">
      <c r="H653797" s="12"/>
    </row>
    <row r="653798" spans="8:8">
      <c r="H653798" s="12"/>
    </row>
    <row r="653799" spans="8:8">
      <c r="H653799" s="12"/>
    </row>
    <row r="653800" spans="8:8">
      <c r="H653800" s="12"/>
    </row>
    <row r="653801" spans="8:8">
      <c r="H653801" s="12"/>
    </row>
    <row r="653802" spans="8:8">
      <c r="H653802" s="12"/>
    </row>
    <row r="653803" spans="8:8">
      <c r="H653803" s="12"/>
    </row>
    <row r="653804" spans="8:8">
      <c r="H653804" s="12"/>
    </row>
    <row r="653805" spans="8:8">
      <c r="H653805" s="12"/>
    </row>
    <row r="653806" spans="8:8">
      <c r="H653806" s="12"/>
    </row>
    <row r="653807" spans="8:8">
      <c r="H653807" s="12"/>
    </row>
    <row r="653808" spans="8:8">
      <c r="H653808" s="12"/>
    </row>
    <row r="653809" spans="8:8">
      <c r="H653809" s="12"/>
    </row>
    <row r="653810" spans="8:8">
      <c r="H653810" s="12"/>
    </row>
    <row r="653811" spans="8:8">
      <c r="H653811" s="12"/>
    </row>
    <row r="653812" spans="8:8">
      <c r="H653812" s="12"/>
    </row>
    <row r="653813" spans="8:8">
      <c r="H653813" s="12"/>
    </row>
    <row r="653814" spans="8:8">
      <c r="H653814" s="12"/>
    </row>
    <row r="653815" spans="8:8">
      <c r="H653815" s="12"/>
    </row>
    <row r="653816" spans="8:8">
      <c r="H653816" s="12"/>
    </row>
    <row r="653817" spans="8:8">
      <c r="H653817" s="12"/>
    </row>
    <row r="653818" spans="8:8">
      <c r="H653818" s="12"/>
    </row>
    <row r="653819" spans="8:8">
      <c r="H653819" s="12"/>
    </row>
    <row r="653820" spans="8:8">
      <c r="H653820" s="12"/>
    </row>
    <row r="653821" spans="8:8">
      <c r="H653821" s="12"/>
    </row>
    <row r="653822" spans="8:8">
      <c r="H653822" s="12"/>
    </row>
    <row r="653823" spans="8:8">
      <c r="H653823" s="12"/>
    </row>
    <row r="653824" spans="8:8">
      <c r="H653824" s="12"/>
    </row>
    <row r="653825" spans="8:8">
      <c r="H653825" s="12"/>
    </row>
    <row r="653826" spans="8:8">
      <c r="H653826" s="12"/>
    </row>
    <row r="653827" spans="8:8">
      <c r="H653827" s="12"/>
    </row>
    <row r="653828" spans="8:8">
      <c r="H653828" s="12"/>
    </row>
    <row r="653829" spans="8:8">
      <c r="H653829" s="12"/>
    </row>
    <row r="653830" spans="8:8">
      <c r="H653830" s="12"/>
    </row>
    <row r="653831" spans="8:8">
      <c r="H653831" s="12"/>
    </row>
    <row r="653832" spans="8:8">
      <c r="H653832" s="12"/>
    </row>
    <row r="653833" spans="8:8">
      <c r="H653833" s="12"/>
    </row>
    <row r="653834" spans="8:8">
      <c r="H653834" s="12"/>
    </row>
    <row r="653835" spans="8:8">
      <c r="H653835" s="12"/>
    </row>
    <row r="653836" spans="8:8">
      <c r="H653836" s="12"/>
    </row>
    <row r="653837" spans="8:8">
      <c r="H653837" s="12"/>
    </row>
    <row r="653838" spans="8:8">
      <c r="H653838" s="12"/>
    </row>
    <row r="653839" spans="8:8">
      <c r="H653839" s="12"/>
    </row>
    <row r="653840" spans="8:8">
      <c r="H653840" s="12"/>
    </row>
    <row r="653841" spans="8:8">
      <c r="H653841" s="12"/>
    </row>
    <row r="653842" spans="8:8">
      <c r="H653842" s="12"/>
    </row>
    <row r="653843" spans="8:8">
      <c r="H653843" s="12"/>
    </row>
    <row r="653844" spans="8:8">
      <c r="H653844" s="12"/>
    </row>
    <row r="653845" spans="8:8">
      <c r="H653845" s="12"/>
    </row>
    <row r="653846" spans="8:8">
      <c r="H653846" s="12"/>
    </row>
    <row r="653847" spans="8:8">
      <c r="H653847" s="12"/>
    </row>
    <row r="653848" spans="8:8">
      <c r="H653848" s="12"/>
    </row>
    <row r="653849" spans="8:8">
      <c r="H653849" s="12"/>
    </row>
    <row r="653850" spans="8:8">
      <c r="H653850" s="12"/>
    </row>
    <row r="653851" spans="8:8">
      <c r="H653851" s="12"/>
    </row>
    <row r="653852" spans="8:8">
      <c r="H653852" s="12"/>
    </row>
    <row r="653853" spans="8:8">
      <c r="H653853" s="12"/>
    </row>
    <row r="653854" spans="8:8">
      <c r="H653854" s="12"/>
    </row>
    <row r="653855" spans="8:8">
      <c r="H653855" s="12"/>
    </row>
    <row r="653856" spans="8:8">
      <c r="H653856" s="12"/>
    </row>
    <row r="653857" spans="8:8">
      <c r="H653857" s="12"/>
    </row>
    <row r="653858" spans="8:8">
      <c r="H653858" s="12"/>
    </row>
    <row r="653859" spans="8:8">
      <c r="H653859" s="12"/>
    </row>
    <row r="653860" spans="8:8">
      <c r="H653860" s="12"/>
    </row>
    <row r="653861" spans="8:8">
      <c r="H653861" s="12"/>
    </row>
    <row r="653862" spans="8:8">
      <c r="H653862" s="12"/>
    </row>
    <row r="653863" spans="8:8">
      <c r="H653863" s="12"/>
    </row>
    <row r="653864" spans="8:8">
      <c r="H653864" s="12"/>
    </row>
    <row r="653865" spans="8:8">
      <c r="H653865" s="12"/>
    </row>
    <row r="653866" spans="8:8">
      <c r="H653866" s="12"/>
    </row>
    <row r="653867" spans="8:8">
      <c r="H653867" s="12"/>
    </row>
    <row r="653868" spans="8:8">
      <c r="H653868" s="12"/>
    </row>
    <row r="653869" spans="8:8">
      <c r="H653869" s="12"/>
    </row>
    <row r="653870" spans="8:8">
      <c r="H653870" s="12"/>
    </row>
    <row r="653871" spans="8:8">
      <c r="H653871" s="12"/>
    </row>
    <row r="653872" spans="8:8">
      <c r="H653872" s="12"/>
    </row>
    <row r="653873" spans="8:8">
      <c r="H653873" s="12"/>
    </row>
    <row r="653874" spans="8:8">
      <c r="H653874" s="12"/>
    </row>
    <row r="653875" spans="8:8">
      <c r="H653875" s="12"/>
    </row>
    <row r="653876" spans="8:8">
      <c r="H653876" s="12"/>
    </row>
    <row r="653877" spans="8:8">
      <c r="H653877" s="12"/>
    </row>
    <row r="653878" spans="8:8">
      <c r="H653878" s="12"/>
    </row>
    <row r="653879" spans="8:8">
      <c r="H653879" s="12"/>
    </row>
    <row r="653880" spans="8:8">
      <c r="H653880" s="12"/>
    </row>
    <row r="653881" spans="8:8">
      <c r="H653881" s="12"/>
    </row>
    <row r="653882" spans="8:8">
      <c r="H653882" s="12"/>
    </row>
    <row r="653883" spans="8:8">
      <c r="H653883" s="12"/>
    </row>
    <row r="653884" spans="8:8">
      <c r="H653884" s="12"/>
    </row>
    <row r="653885" spans="8:8">
      <c r="H653885" s="12"/>
    </row>
    <row r="653886" spans="8:8">
      <c r="H653886" s="12"/>
    </row>
    <row r="653887" spans="8:8">
      <c r="H653887" s="12"/>
    </row>
    <row r="653888" spans="8:8">
      <c r="H653888" s="12"/>
    </row>
    <row r="653889" spans="8:8">
      <c r="H653889" s="12"/>
    </row>
    <row r="653890" spans="8:8">
      <c r="H653890" s="12"/>
    </row>
    <row r="653891" spans="8:8">
      <c r="H653891" s="12"/>
    </row>
    <row r="653892" spans="8:8">
      <c r="H653892" s="12"/>
    </row>
    <row r="653893" spans="8:8">
      <c r="H653893" s="12"/>
    </row>
    <row r="653894" spans="8:8">
      <c r="H653894" s="12"/>
    </row>
    <row r="653895" spans="8:8">
      <c r="H653895" s="12"/>
    </row>
    <row r="653896" spans="8:8">
      <c r="H653896" s="12"/>
    </row>
    <row r="653897" spans="8:8">
      <c r="H653897" s="12"/>
    </row>
    <row r="653898" spans="8:8">
      <c r="H653898" s="12"/>
    </row>
    <row r="653899" spans="8:8">
      <c r="H653899" s="12"/>
    </row>
    <row r="653900" spans="8:8">
      <c r="H653900" s="12"/>
    </row>
    <row r="653901" spans="8:8">
      <c r="H653901" s="12"/>
    </row>
    <row r="653902" spans="8:8">
      <c r="H653902" s="12"/>
    </row>
    <row r="653903" spans="8:8">
      <c r="H653903" s="12"/>
    </row>
    <row r="653904" spans="8:8">
      <c r="H653904" s="12"/>
    </row>
    <row r="653905" spans="8:8">
      <c r="H653905" s="12"/>
    </row>
    <row r="653906" spans="8:8">
      <c r="H653906" s="12"/>
    </row>
    <row r="653907" spans="8:8">
      <c r="H653907" s="12"/>
    </row>
    <row r="653908" spans="8:8">
      <c r="H653908" s="12"/>
    </row>
    <row r="653909" spans="8:8">
      <c r="H653909" s="12"/>
    </row>
    <row r="653910" spans="8:8">
      <c r="H653910" s="12"/>
    </row>
    <row r="653911" spans="8:8">
      <c r="H653911" s="12"/>
    </row>
    <row r="653912" spans="8:8">
      <c r="H653912" s="12"/>
    </row>
    <row r="653913" spans="8:8">
      <c r="H653913" s="12"/>
    </row>
    <row r="653914" spans="8:8">
      <c r="H653914" s="12"/>
    </row>
    <row r="653915" spans="8:8">
      <c r="H653915" s="12"/>
    </row>
    <row r="653916" spans="8:8">
      <c r="H653916" s="12"/>
    </row>
    <row r="653917" spans="8:8">
      <c r="H653917" s="12"/>
    </row>
    <row r="653918" spans="8:8">
      <c r="H653918" s="12"/>
    </row>
    <row r="653919" spans="8:8">
      <c r="H653919" s="12"/>
    </row>
    <row r="653920" spans="8:8">
      <c r="H653920" s="12"/>
    </row>
    <row r="653921" spans="8:8">
      <c r="H653921" s="12"/>
    </row>
    <row r="653922" spans="8:8">
      <c r="H653922" s="12"/>
    </row>
    <row r="653923" spans="8:8">
      <c r="H653923" s="12"/>
    </row>
    <row r="653924" spans="8:8">
      <c r="H653924" s="12"/>
    </row>
    <row r="653925" spans="8:8">
      <c r="H653925" s="12"/>
    </row>
    <row r="653926" spans="8:8">
      <c r="H653926" s="12"/>
    </row>
    <row r="653927" spans="8:8">
      <c r="H653927" s="12"/>
    </row>
    <row r="653928" spans="8:8">
      <c r="H653928" s="12"/>
    </row>
    <row r="653929" spans="8:8">
      <c r="H653929" s="12"/>
    </row>
    <row r="653930" spans="8:8">
      <c r="H653930" s="12"/>
    </row>
    <row r="653931" spans="8:8">
      <c r="H653931" s="12"/>
    </row>
    <row r="653932" spans="8:8">
      <c r="H653932" s="12"/>
    </row>
    <row r="653933" spans="8:8">
      <c r="H653933" s="12"/>
    </row>
    <row r="653934" spans="8:8">
      <c r="H653934" s="12"/>
    </row>
    <row r="653935" spans="8:8">
      <c r="H653935" s="12"/>
    </row>
    <row r="653936" spans="8:8">
      <c r="H653936" s="12"/>
    </row>
    <row r="653937" spans="8:8">
      <c r="H653937" s="12"/>
    </row>
    <row r="653938" spans="8:8">
      <c r="H653938" s="12"/>
    </row>
    <row r="653939" spans="8:8">
      <c r="H653939" s="12"/>
    </row>
    <row r="653940" spans="8:8">
      <c r="H653940" s="12"/>
    </row>
    <row r="653941" spans="8:8">
      <c r="H653941" s="12"/>
    </row>
    <row r="653942" spans="8:8">
      <c r="H653942" s="12"/>
    </row>
    <row r="653943" spans="8:8">
      <c r="H653943" s="12"/>
    </row>
    <row r="653944" spans="8:8">
      <c r="H653944" s="12"/>
    </row>
    <row r="653945" spans="8:8">
      <c r="H653945" s="12"/>
    </row>
    <row r="653946" spans="8:8">
      <c r="H653946" s="12"/>
    </row>
    <row r="653947" spans="8:8">
      <c r="H653947" s="12"/>
    </row>
    <row r="653948" spans="8:8">
      <c r="H653948" s="12"/>
    </row>
    <row r="653949" spans="8:8">
      <c r="H653949" s="12"/>
    </row>
    <row r="653950" spans="8:8">
      <c r="H653950" s="12"/>
    </row>
    <row r="653951" spans="8:8">
      <c r="H653951" s="12"/>
    </row>
    <row r="653952" spans="8:8">
      <c r="H653952" s="12"/>
    </row>
    <row r="653953" spans="8:8">
      <c r="H653953" s="12"/>
    </row>
    <row r="653954" spans="8:8">
      <c r="H653954" s="12"/>
    </row>
    <row r="653955" spans="8:8">
      <c r="H653955" s="12"/>
    </row>
    <row r="653956" spans="8:8">
      <c r="H653956" s="12"/>
    </row>
    <row r="653957" spans="8:8">
      <c r="H653957" s="12"/>
    </row>
    <row r="653958" spans="8:8">
      <c r="H653958" s="12"/>
    </row>
    <row r="653959" spans="8:8">
      <c r="H653959" s="12"/>
    </row>
    <row r="653960" spans="8:8">
      <c r="H653960" s="12"/>
    </row>
    <row r="653961" spans="8:8">
      <c r="H653961" s="12"/>
    </row>
    <row r="653962" spans="8:8">
      <c r="H653962" s="12"/>
    </row>
    <row r="653963" spans="8:8">
      <c r="H653963" s="12"/>
    </row>
    <row r="653964" spans="8:8">
      <c r="H653964" s="12"/>
    </row>
    <row r="653965" spans="8:8">
      <c r="H653965" s="12"/>
    </row>
    <row r="653966" spans="8:8">
      <c r="H653966" s="12"/>
    </row>
    <row r="653967" spans="8:8">
      <c r="H653967" s="12"/>
    </row>
    <row r="653968" spans="8:8">
      <c r="H653968" s="12"/>
    </row>
    <row r="653969" spans="8:8">
      <c r="H653969" s="12"/>
    </row>
    <row r="653970" spans="8:8">
      <c r="H653970" s="12"/>
    </row>
    <row r="653971" spans="8:8">
      <c r="H653971" s="12"/>
    </row>
    <row r="653972" spans="8:8">
      <c r="H653972" s="12"/>
    </row>
    <row r="653973" spans="8:8">
      <c r="H653973" s="12"/>
    </row>
    <row r="653974" spans="8:8">
      <c r="H653974" s="12"/>
    </row>
    <row r="653975" spans="8:8">
      <c r="H653975" s="12"/>
    </row>
    <row r="653976" spans="8:8">
      <c r="H653976" s="12"/>
    </row>
    <row r="653977" spans="8:8">
      <c r="H653977" s="12"/>
    </row>
    <row r="653978" spans="8:8">
      <c r="H653978" s="12"/>
    </row>
    <row r="653979" spans="8:8">
      <c r="H653979" s="12"/>
    </row>
    <row r="653980" spans="8:8">
      <c r="H653980" s="12"/>
    </row>
    <row r="653981" spans="8:8">
      <c r="H653981" s="12"/>
    </row>
    <row r="653982" spans="8:8">
      <c r="H653982" s="12"/>
    </row>
    <row r="653983" spans="8:8">
      <c r="H653983" s="12"/>
    </row>
    <row r="653984" spans="8:8">
      <c r="H653984" s="12"/>
    </row>
    <row r="653985" spans="8:8">
      <c r="H653985" s="12"/>
    </row>
    <row r="653986" spans="8:8">
      <c r="H653986" s="12"/>
    </row>
    <row r="653987" spans="8:8">
      <c r="H653987" s="12"/>
    </row>
    <row r="653988" spans="8:8">
      <c r="H653988" s="12"/>
    </row>
    <row r="653989" spans="8:8">
      <c r="H653989" s="12"/>
    </row>
    <row r="653990" spans="8:8">
      <c r="H653990" s="12"/>
    </row>
    <row r="653991" spans="8:8">
      <c r="H653991" s="12"/>
    </row>
    <row r="653992" spans="8:8">
      <c r="H653992" s="12"/>
    </row>
    <row r="653993" spans="8:8">
      <c r="H653993" s="12"/>
    </row>
    <row r="653994" spans="8:8">
      <c r="H653994" s="12"/>
    </row>
    <row r="653995" spans="8:8">
      <c r="H653995" s="12"/>
    </row>
    <row r="653996" spans="8:8">
      <c r="H653996" s="12"/>
    </row>
    <row r="653997" spans="8:8">
      <c r="H653997" s="12"/>
    </row>
    <row r="653998" spans="8:8">
      <c r="H653998" s="12"/>
    </row>
    <row r="653999" spans="8:8">
      <c r="H653999" s="12"/>
    </row>
    <row r="654000" spans="8:8">
      <c r="H654000" s="12"/>
    </row>
    <row r="654001" spans="8:8">
      <c r="H654001" s="12"/>
    </row>
    <row r="654002" spans="8:8">
      <c r="H654002" s="12"/>
    </row>
    <row r="654003" spans="8:8">
      <c r="H654003" s="12"/>
    </row>
    <row r="654004" spans="8:8">
      <c r="H654004" s="12"/>
    </row>
    <row r="654005" spans="8:8">
      <c r="H654005" s="12"/>
    </row>
    <row r="654006" spans="8:8">
      <c r="H654006" s="12"/>
    </row>
    <row r="654007" spans="8:8">
      <c r="H654007" s="12"/>
    </row>
    <row r="654008" spans="8:8">
      <c r="H654008" s="12"/>
    </row>
    <row r="654009" spans="8:8">
      <c r="H654009" s="12"/>
    </row>
    <row r="654010" spans="8:8">
      <c r="H654010" s="12"/>
    </row>
    <row r="654011" spans="8:8">
      <c r="H654011" s="12"/>
    </row>
    <row r="654012" spans="8:8">
      <c r="H654012" s="12"/>
    </row>
    <row r="654013" spans="8:8">
      <c r="H654013" s="12"/>
    </row>
    <row r="654014" spans="8:8">
      <c r="H654014" s="12"/>
    </row>
    <row r="654015" spans="8:8">
      <c r="H654015" s="12"/>
    </row>
    <row r="654016" spans="8:8">
      <c r="H654016" s="12"/>
    </row>
    <row r="654017" spans="8:8">
      <c r="H654017" s="12"/>
    </row>
    <row r="654018" spans="8:8">
      <c r="H654018" s="12"/>
    </row>
    <row r="654019" spans="8:8">
      <c r="H654019" s="12"/>
    </row>
    <row r="654020" spans="8:8">
      <c r="H654020" s="12"/>
    </row>
    <row r="654021" spans="8:8">
      <c r="H654021" s="12"/>
    </row>
    <row r="654022" spans="8:8">
      <c r="H654022" s="12"/>
    </row>
    <row r="654023" spans="8:8">
      <c r="H654023" s="12"/>
    </row>
    <row r="654024" spans="8:8">
      <c r="H654024" s="12"/>
    </row>
    <row r="654025" spans="8:8">
      <c r="H654025" s="12"/>
    </row>
    <row r="654026" spans="8:8">
      <c r="H654026" s="12"/>
    </row>
    <row r="654027" spans="8:8">
      <c r="H654027" s="12"/>
    </row>
    <row r="654028" spans="8:8">
      <c r="H654028" s="12"/>
    </row>
    <row r="654029" spans="8:8">
      <c r="H654029" s="12"/>
    </row>
    <row r="654030" spans="8:8">
      <c r="H654030" s="12"/>
    </row>
    <row r="654031" spans="8:8">
      <c r="H654031" s="12"/>
    </row>
    <row r="654032" spans="8:8">
      <c r="H654032" s="12"/>
    </row>
    <row r="654033" spans="8:8">
      <c r="H654033" s="12"/>
    </row>
    <row r="654034" spans="8:8">
      <c r="H654034" s="12"/>
    </row>
    <row r="654035" spans="8:8">
      <c r="H654035" s="12"/>
    </row>
    <row r="654036" spans="8:8">
      <c r="H654036" s="12"/>
    </row>
    <row r="654037" spans="8:8">
      <c r="H654037" s="12"/>
    </row>
    <row r="654038" spans="8:8">
      <c r="H654038" s="12"/>
    </row>
    <row r="654039" spans="8:8">
      <c r="H654039" s="12"/>
    </row>
    <row r="654040" spans="8:8">
      <c r="H654040" s="12"/>
    </row>
    <row r="654041" spans="8:8">
      <c r="H654041" s="12"/>
    </row>
    <row r="654042" spans="8:8">
      <c r="H654042" s="12"/>
    </row>
    <row r="654043" spans="8:8">
      <c r="H654043" s="12"/>
    </row>
    <row r="654044" spans="8:8">
      <c r="H654044" s="12"/>
    </row>
    <row r="654045" spans="8:8">
      <c r="H654045" s="12"/>
    </row>
    <row r="654046" spans="8:8">
      <c r="H654046" s="12"/>
    </row>
    <row r="654047" spans="8:8">
      <c r="H654047" s="12"/>
    </row>
    <row r="654048" spans="8:8">
      <c r="H654048" s="12"/>
    </row>
    <row r="654049" spans="8:8">
      <c r="H654049" s="12"/>
    </row>
    <row r="654050" spans="8:8">
      <c r="H654050" s="12"/>
    </row>
    <row r="654051" spans="8:8">
      <c r="H654051" s="12"/>
    </row>
    <row r="654052" spans="8:8">
      <c r="H654052" s="12"/>
    </row>
    <row r="654053" spans="8:8">
      <c r="H654053" s="12"/>
    </row>
    <row r="654054" spans="8:8">
      <c r="H654054" s="12"/>
    </row>
    <row r="654055" spans="8:8">
      <c r="H654055" s="12"/>
    </row>
    <row r="654056" spans="8:8">
      <c r="H654056" s="12"/>
    </row>
    <row r="654057" spans="8:8">
      <c r="H654057" s="12"/>
    </row>
    <row r="654058" spans="8:8">
      <c r="H654058" s="12"/>
    </row>
    <row r="654059" spans="8:8">
      <c r="H654059" s="12"/>
    </row>
    <row r="654060" spans="8:8">
      <c r="H654060" s="12"/>
    </row>
    <row r="654061" spans="8:8">
      <c r="H654061" s="12"/>
    </row>
    <row r="654062" spans="8:8">
      <c r="H654062" s="12"/>
    </row>
    <row r="654063" spans="8:8">
      <c r="H654063" s="12"/>
    </row>
    <row r="654064" spans="8:8">
      <c r="H654064" s="12"/>
    </row>
    <row r="654065" spans="8:8">
      <c r="H654065" s="12"/>
    </row>
    <row r="654066" spans="8:8">
      <c r="H654066" s="12"/>
    </row>
    <row r="654067" spans="8:8">
      <c r="H654067" s="12"/>
    </row>
    <row r="654068" spans="8:8">
      <c r="H654068" s="12"/>
    </row>
    <row r="654069" spans="8:8">
      <c r="H654069" s="12"/>
    </row>
    <row r="654070" spans="8:8">
      <c r="H654070" s="12"/>
    </row>
    <row r="654071" spans="8:8">
      <c r="H654071" s="12"/>
    </row>
    <row r="654072" spans="8:8">
      <c r="H654072" s="12"/>
    </row>
    <row r="654073" spans="8:8">
      <c r="H654073" s="12"/>
    </row>
    <row r="654074" spans="8:8">
      <c r="H654074" s="12"/>
    </row>
    <row r="654075" spans="8:8">
      <c r="H654075" s="12"/>
    </row>
    <row r="654076" spans="8:8">
      <c r="H654076" s="12"/>
    </row>
    <row r="654077" spans="8:8">
      <c r="H654077" s="12"/>
    </row>
    <row r="654078" spans="8:8">
      <c r="H654078" s="12"/>
    </row>
    <row r="654079" spans="8:8">
      <c r="H654079" s="12"/>
    </row>
    <row r="654080" spans="8:8">
      <c r="H654080" s="12"/>
    </row>
    <row r="654081" spans="8:8">
      <c r="H654081" s="12"/>
    </row>
    <row r="654082" spans="8:8">
      <c r="H654082" s="12"/>
    </row>
    <row r="654083" spans="8:8">
      <c r="H654083" s="12"/>
    </row>
    <row r="654084" spans="8:8">
      <c r="H654084" s="12"/>
    </row>
    <row r="654085" spans="8:8">
      <c r="H654085" s="12"/>
    </row>
    <row r="654086" spans="8:8">
      <c r="H654086" s="12"/>
    </row>
    <row r="654087" spans="8:8">
      <c r="H654087" s="12"/>
    </row>
    <row r="654088" spans="8:8">
      <c r="H654088" s="12"/>
    </row>
    <row r="654089" spans="8:8">
      <c r="H654089" s="12"/>
    </row>
    <row r="654090" spans="8:8">
      <c r="H654090" s="12"/>
    </row>
    <row r="654091" spans="8:8">
      <c r="H654091" s="12"/>
    </row>
    <row r="654092" spans="8:8">
      <c r="H654092" s="12"/>
    </row>
    <row r="654093" spans="8:8">
      <c r="H654093" s="12"/>
    </row>
    <row r="654094" spans="8:8">
      <c r="H654094" s="12"/>
    </row>
    <row r="654095" spans="8:8">
      <c r="H654095" s="12"/>
    </row>
    <row r="654096" spans="8:8">
      <c r="H654096" s="12"/>
    </row>
    <row r="654097" spans="8:8">
      <c r="H654097" s="12"/>
    </row>
    <row r="654098" spans="8:8">
      <c r="H654098" s="12"/>
    </row>
    <row r="654099" spans="8:8">
      <c r="H654099" s="12"/>
    </row>
    <row r="654100" spans="8:8">
      <c r="H654100" s="12"/>
    </row>
    <row r="654101" spans="8:8">
      <c r="H654101" s="12"/>
    </row>
    <row r="654102" spans="8:8">
      <c r="H654102" s="12"/>
    </row>
    <row r="654103" spans="8:8">
      <c r="H654103" s="12"/>
    </row>
    <row r="654104" spans="8:8">
      <c r="H654104" s="12"/>
    </row>
    <row r="654105" spans="8:8">
      <c r="H654105" s="12"/>
    </row>
    <row r="654106" spans="8:8">
      <c r="H654106" s="12"/>
    </row>
    <row r="654107" spans="8:8">
      <c r="H654107" s="12"/>
    </row>
    <row r="654108" spans="8:8">
      <c r="H654108" s="12"/>
    </row>
    <row r="654109" spans="8:8">
      <c r="H654109" s="12"/>
    </row>
    <row r="654110" spans="8:8">
      <c r="H654110" s="12"/>
    </row>
    <row r="654111" spans="8:8">
      <c r="H654111" s="12"/>
    </row>
    <row r="654112" spans="8:8">
      <c r="H654112" s="12"/>
    </row>
    <row r="654113" spans="8:8">
      <c r="H654113" s="12"/>
    </row>
    <row r="654114" spans="8:8">
      <c r="H654114" s="12"/>
    </row>
    <row r="654115" spans="8:8">
      <c r="H654115" s="12"/>
    </row>
    <row r="654116" spans="8:8">
      <c r="H654116" s="12"/>
    </row>
    <row r="654117" spans="8:8">
      <c r="H654117" s="12"/>
    </row>
    <row r="654118" spans="8:8">
      <c r="H654118" s="12"/>
    </row>
    <row r="654119" spans="8:8">
      <c r="H654119" s="12"/>
    </row>
    <row r="654120" spans="8:8">
      <c r="H654120" s="12"/>
    </row>
    <row r="654121" spans="8:8">
      <c r="H654121" s="12"/>
    </row>
    <row r="654122" spans="8:8">
      <c r="H654122" s="12"/>
    </row>
    <row r="654123" spans="8:8">
      <c r="H654123" s="12"/>
    </row>
    <row r="654124" spans="8:8">
      <c r="H654124" s="12"/>
    </row>
    <row r="654125" spans="8:8">
      <c r="H654125" s="12"/>
    </row>
    <row r="654126" spans="8:8">
      <c r="H654126" s="12"/>
    </row>
    <row r="654127" spans="8:8">
      <c r="H654127" s="12"/>
    </row>
    <row r="654128" spans="8:8">
      <c r="H654128" s="12"/>
    </row>
    <row r="654129" spans="8:8">
      <c r="H654129" s="12"/>
    </row>
    <row r="654130" spans="8:8">
      <c r="H654130" s="12"/>
    </row>
    <row r="654131" spans="8:8">
      <c r="H654131" s="12"/>
    </row>
    <row r="654132" spans="8:8">
      <c r="H654132" s="12"/>
    </row>
    <row r="654133" spans="8:8">
      <c r="H654133" s="12"/>
    </row>
    <row r="654134" spans="8:8">
      <c r="H654134" s="12"/>
    </row>
    <row r="654135" spans="8:8">
      <c r="H654135" s="12"/>
    </row>
    <row r="654136" spans="8:8">
      <c r="H654136" s="12"/>
    </row>
    <row r="654137" spans="8:8">
      <c r="H654137" s="12"/>
    </row>
    <row r="654138" spans="8:8">
      <c r="H654138" s="12"/>
    </row>
    <row r="654139" spans="8:8">
      <c r="H654139" s="12"/>
    </row>
    <row r="654140" spans="8:8">
      <c r="H654140" s="12"/>
    </row>
    <row r="654141" spans="8:8">
      <c r="H654141" s="12"/>
    </row>
    <row r="654142" spans="8:8">
      <c r="H654142" s="12"/>
    </row>
    <row r="654143" spans="8:8">
      <c r="H654143" s="12"/>
    </row>
    <row r="654144" spans="8:8">
      <c r="H654144" s="12"/>
    </row>
    <row r="654145" spans="8:8">
      <c r="H654145" s="12"/>
    </row>
    <row r="654146" spans="8:8">
      <c r="H654146" s="12"/>
    </row>
    <row r="654147" spans="8:8">
      <c r="H654147" s="12"/>
    </row>
    <row r="654148" spans="8:8">
      <c r="H654148" s="12"/>
    </row>
    <row r="654149" spans="8:8">
      <c r="H654149" s="12"/>
    </row>
    <row r="654150" spans="8:8">
      <c r="H654150" s="12"/>
    </row>
    <row r="654151" spans="8:8">
      <c r="H654151" s="12"/>
    </row>
    <row r="654152" spans="8:8">
      <c r="H654152" s="12"/>
    </row>
    <row r="654153" spans="8:8">
      <c r="H654153" s="12"/>
    </row>
    <row r="654154" spans="8:8">
      <c r="H654154" s="12"/>
    </row>
    <row r="654155" spans="8:8">
      <c r="H654155" s="12"/>
    </row>
    <row r="654156" spans="8:8">
      <c r="H654156" s="12"/>
    </row>
    <row r="654157" spans="8:8">
      <c r="H654157" s="12"/>
    </row>
    <row r="654158" spans="8:8">
      <c r="H654158" s="12"/>
    </row>
    <row r="654159" spans="8:8">
      <c r="H654159" s="12"/>
    </row>
    <row r="654160" spans="8:8">
      <c r="H654160" s="12"/>
    </row>
    <row r="654161" spans="8:8">
      <c r="H654161" s="12"/>
    </row>
    <row r="654162" spans="8:8">
      <c r="H654162" s="12"/>
    </row>
    <row r="654163" spans="8:8">
      <c r="H654163" s="12"/>
    </row>
    <row r="654164" spans="8:8">
      <c r="H654164" s="12"/>
    </row>
    <row r="654165" spans="8:8">
      <c r="H654165" s="12"/>
    </row>
    <row r="654166" spans="8:8">
      <c r="H654166" s="12"/>
    </row>
    <row r="654167" spans="8:8">
      <c r="H654167" s="12"/>
    </row>
    <row r="654168" spans="8:8">
      <c r="H654168" s="12"/>
    </row>
    <row r="654169" spans="8:8">
      <c r="H654169" s="12"/>
    </row>
    <row r="654170" spans="8:8">
      <c r="H654170" s="12"/>
    </row>
    <row r="654171" spans="8:8">
      <c r="H654171" s="12"/>
    </row>
    <row r="654172" spans="8:8">
      <c r="H654172" s="12"/>
    </row>
    <row r="654173" spans="8:8">
      <c r="H654173" s="12"/>
    </row>
    <row r="654174" spans="8:8">
      <c r="H654174" s="12"/>
    </row>
    <row r="654175" spans="8:8">
      <c r="H654175" s="12"/>
    </row>
    <row r="654176" spans="8:8">
      <c r="H654176" s="12"/>
    </row>
    <row r="654177" spans="8:8">
      <c r="H654177" s="12"/>
    </row>
    <row r="654178" spans="8:8">
      <c r="H654178" s="12"/>
    </row>
    <row r="654179" spans="8:8">
      <c r="H654179" s="12"/>
    </row>
    <row r="654180" spans="8:8">
      <c r="H654180" s="12"/>
    </row>
    <row r="654181" spans="8:8">
      <c r="H654181" s="12"/>
    </row>
    <row r="654182" spans="8:8">
      <c r="H654182" s="12"/>
    </row>
    <row r="654183" spans="8:8">
      <c r="H654183" s="12"/>
    </row>
    <row r="654184" spans="8:8">
      <c r="H654184" s="12"/>
    </row>
    <row r="654185" spans="8:8">
      <c r="H654185" s="12"/>
    </row>
    <row r="654186" spans="8:8">
      <c r="H654186" s="12"/>
    </row>
    <row r="654187" spans="8:8">
      <c r="H654187" s="12"/>
    </row>
    <row r="654188" spans="8:8">
      <c r="H654188" s="12"/>
    </row>
    <row r="654189" spans="8:8">
      <c r="H654189" s="12"/>
    </row>
    <row r="654190" spans="8:8">
      <c r="H654190" s="12"/>
    </row>
    <row r="654191" spans="8:8">
      <c r="H654191" s="12"/>
    </row>
    <row r="654192" spans="8:8">
      <c r="H654192" s="12"/>
    </row>
    <row r="654193" spans="8:8">
      <c r="H654193" s="12"/>
    </row>
    <row r="654194" spans="8:8">
      <c r="H654194" s="12"/>
    </row>
    <row r="654195" spans="8:8">
      <c r="H654195" s="12"/>
    </row>
    <row r="654196" spans="8:8">
      <c r="H654196" s="12"/>
    </row>
    <row r="654197" spans="8:8">
      <c r="H654197" s="12"/>
    </row>
    <row r="654198" spans="8:8">
      <c r="H654198" s="12"/>
    </row>
    <row r="654199" spans="8:8">
      <c r="H654199" s="12"/>
    </row>
    <row r="654200" spans="8:8">
      <c r="H654200" s="12"/>
    </row>
    <row r="654201" spans="8:8">
      <c r="H654201" s="12"/>
    </row>
    <row r="654202" spans="8:8">
      <c r="H654202" s="12"/>
    </row>
    <row r="654203" spans="8:8">
      <c r="H654203" s="12"/>
    </row>
    <row r="654204" spans="8:8">
      <c r="H654204" s="12"/>
    </row>
    <row r="654205" spans="8:8">
      <c r="H654205" s="12"/>
    </row>
    <row r="654206" spans="8:8">
      <c r="H654206" s="12"/>
    </row>
    <row r="654207" spans="8:8">
      <c r="H654207" s="12"/>
    </row>
    <row r="654208" spans="8:8">
      <c r="H654208" s="12"/>
    </row>
    <row r="654209" spans="8:8">
      <c r="H654209" s="12"/>
    </row>
    <row r="654210" spans="8:8">
      <c r="H654210" s="12"/>
    </row>
    <row r="654211" spans="8:8">
      <c r="H654211" s="12"/>
    </row>
    <row r="654212" spans="8:8">
      <c r="H654212" s="12"/>
    </row>
    <row r="654213" spans="8:8">
      <c r="H654213" s="12"/>
    </row>
    <row r="654214" spans="8:8">
      <c r="H654214" s="12"/>
    </row>
    <row r="654215" spans="8:8">
      <c r="H654215" s="12"/>
    </row>
    <row r="654216" spans="8:8">
      <c r="H654216" s="12"/>
    </row>
    <row r="654217" spans="8:8">
      <c r="H654217" s="12"/>
    </row>
    <row r="654218" spans="8:8">
      <c r="H654218" s="12"/>
    </row>
    <row r="654219" spans="8:8">
      <c r="H654219" s="12"/>
    </row>
    <row r="654220" spans="8:8">
      <c r="H654220" s="12"/>
    </row>
    <row r="654221" spans="8:8">
      <c r="H654221" s="12"/>
    </row>
    <row r="654222" spans="8:8">
      <c r="H654222" s="12"/>
    </row>
    <row r="654223" spans="8:8">
      <c r="H654223" s="12"/>
    </row>
    <row r="654224" spans="8:8">
      <c r="H654224" s="12"/>
    </row>
    <row r="654225" spans="8:8">
      <c r="H654225" s="12"/>
    </row>
    <row r="654226" spans="8:8">
      <c r="H654226" s="12"/>
    </row>
    <row r="654227" spans="8:8">
      <c r="H654227" s="12"/>
    </row>
    <row r="654228" spans="8:8">
      <c r="H654228" s="12"/>
    </row>
    <row r="654229" spans="8:8">
      <c r="H654229" s="12"/>
    </row>
    <row r="654230" spans="8:8">
      <c r="H654230" s="12"/>
    </row>
    <row r="654231" spans="8:8">
      <c r="H654231" s="12"/>
    </row>
    <row r="654232" spans="8:8">
      <c r="H654232" s="12"/>
    </row>
    <row r="654233" spans="8:8">
      <c r="H654233" s="12"/>
    </row>
    <row r="654234" spans="8:8">
      <c r="H654234" s="12"/>
    </row>
    <row r="654235" spans="8:8">
      <c r="H654235" s="12"/>
    </row>
    <row r="654236" spans="8:8">
      <c r="H654236" s="12"/>
    </row>
    <row r="654237" spans="8:8">
      <c r="H654237" s="12"/>
    </row>
    <row r="654238" spans="8:8">
      <c r="H654238" s="12"/>
    </row>
    <row r="654239" spans="8:8">
      <c r="H654239" s="12"/>
    </row>
    <row r="654240" spans="8:8">
      <c r="H654240" s="12"/>
    </row>
    <row r="654241" spans="8:8">
      <c r="H654241" s="12"/>
    </row>
    <row r="654242" spans="8:8">
      <c r="H654242" s="12"/>
    </row>
    <row r="654243" spans="8:8">
      <c r="H654243" s="12"/>
    </row>
    <row r="654244" spans="8:8">
      <c r="H654244" s="12"/>
    </row>
    <row r="654245" spans="8:8">
      <c r="H654245" s="12"/>
    </row>
    <row r="654246" spans="8:8">
      <c r="H654246" s="12"/>
    </row>
    <row r="654247" spans="8:8">
      <c r="H654247" s="12"/>
    </row>
    <row r="654248" spans="8:8">
      <c r="H654248" s="12"/>
    </row>
    <row r="654249" spans="8:8">
      <c r="H654249" s="12"/>
    </row>
    <row r="654250" spans="8:8">
      <c r="H654250" s="12"/>
    </row>
    <row r="654251" spans="8:8">
      <c r="H654251" s="12"/>
    </row>
    <row r="654252" spans="8:8">
      <c r="H654252" s="12"/>
    </row>
    <row r="654253" spans="8:8">
      <c r="H654253" s="12"/>
    </row>
    <row r="654254" spans="8:8">
      <c r="H654254" s="12"/>
    </row>
    <row r="654255" spans="8:8">
      <c r="H654255" s="12"/>
    </row>
    <row r="654256" spans="8:8">
      <c r="H654256" s="12"/>
    </row>
    <row r="654257" spans="8:8">
      <c r="H654257" s="12"/>
    </row>
    <row r="654258" spans="8:8">
      <c r="H654258" s="12"/>
    </row>
    <row r="654259" spans="8:8">
      <c r="H654259" s="12"/>
    </row>
    <row r="654260" spans="8:8">
      <c r="H654260" s="12"/>
    </row>
    <row r="654261" spans="8:8">
      <c r="H654261" s="12"/>
    </row>
    <row r="654262" spans="8:8">
      <c r="H654262" s="12"/>
    </row>
    <row r="654263" spans="8:8">
      <c r="H654263" s="12"/>
    </row>
    <row r="654264" spans="8:8">
      <c r="H654264" s="12"/>
    </row>
    <row r="654265" spans="8:8">
      <c r="H654265" s="12"/>
    </row>
    <row r="654266" spans="8:8">
      <c r="H654266" s="12"/>
    </row>
    <row r="654267" spans="8:8">
      <c r="H654267" s="12"/>
    </row>
    <row r="654268" spans="8:8">
      <c r="H654268" s="12"/>
    </row>
    <row r="654269" spans="8:8">
      <c r="H654269" s="12"/>
    </row>
    <row r="654270" spans="8:8">
      <c r="H654270" s="12"/>
    </row>
    <row r="654271" spans="8:8">
      <c r="H654271" s="12"/>
    </row>
    <row r="654272" spans="8:8">
      <c r="H654272" s="12"/>
    </row>
    <row r="654273" spans="8:8">
      <c r="H654273" s="12"/>
    </row>
    <row r="654274" spans="8:8">
      <c r="H654274" s="12"/>
    </row>
    <row r="654275" spans="8:8">
      <c r="H654275" s="12"/>
    </row>
    <row r="654276" spans="8:8">
      <c r="H654276" s="12"/>
    </row>
    <row r="654277" spans="8:8">
      <c r="H654277" s="12"/>
    </row>
    <row r="654278" spans="8:8">
      <c r="H654278" s="12"/>
    </row>
    <row r="654279" spans="8:8">
      <c r="H654279" s="12"/>
    </row>
    <row r="654280" spans="8:8">
      <c r="H654280" s="12"/>
    </row>
    <row r="654281" spans="8:8">
      <c r="H654281" s="12"/>
    </row>
    <row r="654282" spans="8:8">
      <c r="H654282" s="12"/>
    </row>
    <row r="654283" spans="8:8">
      <c r="H654283" s="12"/>
    </row>
    <row r="654284" spans="8:8">
      <c r="H654284" s="12"/>
    </row>
    <row r="654285" spans="8:8">
      <c r="H654285" s="12"/>
    </row>
    <row r="654286" spans="8:8">
      <c r="H654286" s="12"/>
    </row>
    <row r="654287" spans="8:8">
      <c r="H654287" s="12"/>
    </row>
    <row r="654288" spans="8:8">
      <c r="H654288" s="12"/>
    </row>
    <row r="654289" spans="8:8">
      <c r="H654289" s="12"/>
    </row>
    <row r="654290" spans="8:8">
      <c r="H654290" s="12"/>
    </row>
    <row r="654291" spans="8:8">
      <c r="H654291" s="12"/>
    </row>
    <row r="654292" spans="8:8">
      <c r="H654292" s="12"/>
    </row>
    <row r="654293" spans="8:8">
      <c r="H654293" s="12"/>
    </row>
    <row r="654294" spans="8:8">
      <c r="H654294" s="12"/>
    </row>
    <row r="654295" spans="8:8">
      <c r="H654295" s="12"/>
    </row>
    <row r="654296" spans="8:8">
      <c r="H654296" s="12"/>
    </row>
    <row r="654297" spans="8:8">
      <c r="H654297" s="12"/>
    </row>
    <row r="654298" spans="8:8">
      <c r="H654298" s="12"/>
    </row>
    <row r="654299" spans="8:8">
      <c r="H654299" s="12"/>
    </row>
    <row r="654300" spans="8:8">
      <c r="H654300" s="12"/>
    </row>
    <row r="654301" spans="8:8">
      <c r="H654301" s="12"/>
    </row>
    <row r="654302" spans="8:8">
      <c r="H654302" s="12"/>
    </row>
    <row r="654303" spans="8:8">
      <c r="H654303" s="12"/>
    </row>
    <row r="654304" spans="8:8">
      <c r="H654304" s="12"/>
    </row>
    <row r="654305" spans="8:8">
      <c r="H654305" s="12"/>
    </row>
    <row r="654306" spans="8:8">
      <c r="H654306" s="12"/>
    </row>
    <row r="654307" spans="8:8">
      <c r="H654307" s="12"/>
    </row>
    <row r="654308" spans="8:8">
      <c r="H654308" s="12"/>
    </row>
    <row r="654309" spans="8:8">
      <c r="H654309" s="12"/>
    </row>
    <row r="654310" spans="8:8">
      <c r="H654310" s="12"/>
    </row>
    <row r="654311" spans="8:8">
      <c r="H654311" s="12"/>
    </row>
    <row r="654312" spans="8:8">
      <c r="H654312" s="12"/>
    </row>
    <row r="654313" spans="8:8">
      <c r="H654313" s="12"/>
    </row>
    <row r="654314" spans="8:8">
      <c r="H654314" s="12"/>
    </row>
    <row r="654315" spans="8:8">
      <c r="H654315" s="12"/>
    </row>
    <row r="654316" spans="8:8">
      <c r="H654316" s="12"/>
    </row>
    <row r="654317" spans="8:8">
      <c r="H654317" s="12"/>
    </row>
    <row r="654318" spans="8:8">
      <c r="H654318" s="12"/>
    </row>
    <row r="654319" spans="8:8">
      <c r="H654319" s="12"/>
    </row>
    <row r="654320" spans="8:8">
      <c r="H654320" s="12"/>
    </row>
    <row r="654321" spans="8:8">
      <c r="H654321" s="12"/>
    </row>
    <row r="654322" spans="8:8">
      <c r="H654322" s="12"/>
    </row>
    <row r="654323" spans="8:8">
      <c r="H654323" s="12"/>
    </row>
    <row r="654324" spans="8:8">
      <c r="H654324" s="12"/>
    </row>
    <row r="654325" spans="8:8">
      <c r="H654325" s="12"/>
    </row>
    <row r="654326" spans="8:8">
      <c r="H654326" s="12"/>
    </row>
    <row r="654327" spans="8:8">
      <c r="H654327" s="12"/>
    </row>
    <row r="654328" spans="8:8">
      <c r="H654328" s="12"/>
    </row>
    <row r="654329" spans="8:8">
      <c r="H654329" s="12"/>
    </row>
    <row r="654330" spans="8:8">
      <c r="H654330" s="12"/>
    </row>
    <row r="654331" spans="8:8">
      <c r="H654331" s="12"/>
    </row>
    <row r="654332" spans="8:8">
      <c r="H654332" s="12"/>
    </row>
    <row r="654333" spans="8:8">
      <c r="H654333" s="12"/>
    </row>
    <row r="654334" spans="8:8">
      <c r="H654334" s="12"/>
    </row>
    <row r="654335" spans="8:8">
      <c r="H654335" s="12"/>
    </row>
    <row r="654336" spans="8:8">
      <c r="H654336" s="12"/>
    </row>
    <row r="654337" spans="8:8">
      <c r="H654337" s="12"/>
    </row>
    <row r="654338" spans="8:8">
      <c r="H654338" s="12"/>
    </row>
    <row r="654339" spans="8:8">
      <c r="H654339" s="12"/>
    </row>
    <row r="654340" spans="8:8">
      <c r="H654340" s="12"/>
    </row>
    <row r="654341" spans="8:8">
      <c r="H654341" s="12"/>
    </row>
    <row r="654342" spans="8:8">
      <c r="H654342" s="12"/>
    </row>
    <row r="654343" spans="8:8">
      <c r="H654343" s="12"/>
    </row>
    <row r="654344" spans="8:8">
      <c r="H654344" s="12"/>
    </row>
    <row r="654345" spans="8:8">
      <c r="H654345" s="12"/>
    </row>
    <row r="654346" spans="8:8">
      <c r="H654346" s="12"/>
    </row>
    <row r="654347" spans="8:8">
      <c r="H654347" s="12"/>
    </row>
    <row r="654348" spans="8:8">
      <c r="H654348" s="12"/>
    </row>
    <row r="654349" spans="8:8">
      <c r="H654349" s="12"/>
    </row>
    <row r="654350" spans="8:8">
      <c r="H654350" s="12"/>
    </row>
    <row r="654351" spans="8:8">
      <c r="H654351" s="12"/>
    </row>
    <row r="654352" spans="8:8">
      <c r="H654352" s="12"/>
    </row>
    <row r="654353" spans="8:8">
      <c r="H654353" s="12"/>
    </row>
    <row r="654354" spans="8:8">
      <c r="H654354" s="12"/>
    </row>
    <row r="654355" spans="8:8">
      <c r="H654355" s="12"/>
    </row>
    <row r="654356" spans="8:8">
      <c r="H654356" s="12"/>
    </row>
    <row r="654357" spans="8:8">
      <c r="H654357" s="12"/>
    </row>
    <row r="654358" spans="8:8">
      <c r="H654358" s="12"/>
    </row>
    <row r="654359" spans="8:8">
      <c r="H654359" s="12"/>
    </row>
    <row r="654360" spans="8:8">
      <c r="H654360" s="12"/>
    </row>
    <row r="654361" spans="8:8">
      <c r="H654361" s="12"/>
    </row>
    <row r="654362" spans="8:8">
      <c r="H654362" s="12"/>
    </row>
    <row r="654363" spans="8:8">
      <c r="H654363" s="12"/>
    </row>
    <row r="654364" spans="8:8">
      <c r="H654364" s="12"/>
    </row>
    <row r="654365" spans="8:8">
      <c r="H654365" s="12"/>
    </row>
    <row r="654366" spans="8:8">
      <c r="H654366" s="12"/>
    </row>
    <row r="654367" spans="8:8">
      <c r="H654367" s="12"/>
    </row>
    <row r="654368" spans="8:8">
      <c r="H654368" s="12"/>
    </row>
    <row r="654369" spans="8:8">
      <c r="H654369" s="12"/>
    </row>
    <row r="654370" spans="8:8">
      <c r="H654370" s="12"/>
    </row>
    <row r="654371" spans="8:8">
      <c r="H654371" s="12"/>
    </row>
    <row r="654372" spans="8:8">
      <c r="H654372" s="12"/>
    </row>
    <row r="654373" spans="8:8">
      <c r="H654373" s="12"/>
    </row>
    <row r="654374" spans="8:8">
      <c r="H654374" s="12"/>
    </row>
    <row r="654375" spans="8:8">
      <c r="H654375" s="12"/>
    </row>
    <row r="654376" spans="8:8">
      <c r="H654376" s="12"/>
    </row>
    <row r="654377" spans="8:8">
      <c r="H654377" s="12"/>
    </row>
    <row r="654378" spans="8:8">
      <c r="H654378" s="12"/>
    </row>
    <row r="654379" spans="8:8">
      <c r="H654379" s="12"/>
    </row>
    <row r="654380" spans="8:8">
      <c r="H654380" s="12"/>
    </row>
    <row r="654381" spans="8:8">
      <c r="H654381" s="12"/>
    </row>
    <row r="654382" spans="8:8">
      <c r="H654382" s="12"/>
    </row>
    <row r="654383" spans="8:8">
      <c r="H654383" s="12"/>
    </row>
    <row r="654384" spans="8:8">
      <c r="H654384" s="12"/>
    </row>
    <row r="654385" spans="8:8">
      <c r="H654385" s="12"/>
    </row>
    <row r="654386" spans="8:8">
      <c r="H654386" s="12"/>
    </row>
    <row r="654387" spans="8:8">
      <c r="H654387" s="12"/>
    </row>
    <row r="654388" spans="8:8">
      <c r="H654388" s="12"/>
    </row>
    <row r="654389" spans="8:8">
      <c r="H654389" s="12"/>
    </row>
    <row r="654390" spans="8:8">
      <c r="H654390" s="12"/>
    </row>
    <row r="654391" spans="8:8">
      <c r="H654391" s="12"/>
    </row>
    <row r="654392" spans="8:8">
      <c r="H654392" s="12"/>
    </row>
    <row r="654393" spans="8:8">
      <c r="H654393" s="12"/>
    </row>
    <row r="654394" spans="8:8">
      <c r="H654394" s="12"/>
    </row>
    <row r="654395" spans="8:8">
      <c r="H654395" s="12"/>
    </row>
    <row r="654396" spans="8:8">
      <c r="H654396" s="12"/>
    </row>
    <row r="654397" spans="8:8">
      <c r="H654397" s="12"/>
    </row>
    <row r="654398" spans="8:8">
      <c r="H654398" s="12"/>
    </row>
    <row r="654399" spans="8:8">
      <c r="H654399" s="12"/>
    </row>
    <row r="654400" spans="8:8">
      <c r="H654400" s="12"/>
    </row>
    <row r="654401" spans="8:8">
      <c r="H654401" s="12"/>
    </row>
    <row r="654402" spans="8:8">
      <c r="H654402" s="12"/>
    </row>
    <row r="654403" spans="8:8">
      <c r="H654403" s="12"/>
    </row>
    <row r="654404" spans="8:8">
      <c r="H654404" s="12"/>
    </row>
    <row r="654405" spans="8:8">
      <c r="H654405" s="12"/>
    </row>
    <row r="654406" spans="8:8">
      <c r="H654406" s="12"/>
    </row>
    <row r="654407" spans="8:8">
      <c r="H654407" s="12"/>
    </row>
    <row r="654408" spans="8:8">
      <c r="H654408" s="12"/>
    </row>
    <row r="654409" spans="8:8">
      <c r="H654409" s="12"/>
    </row>
    <row r="654410" spans="8:8">
      <c r="H654410" s="12"/>
    </row>
    <row r="654411" spans="8:8">
      <c r="H654411" s="12"/>
    </row>
    <row r="654412" spans="8:8">
      <c r="H654412" s="12"/>
    </row>
    <row r="654413" spans="8:8">
      <c r="H654413" s="12"/>
    </row>
    <row r="654414" spans="8:8">
      <c r="H654414" s="12"/>
    </row>
    <row r="654415" spans="8:8">
      <c r="H654415" s="12"/>
    </row>
    <row r="654416" spans="8:8">
      <c r="H654416" s="12"/>
    </row>
    <row r="654417" spans="8:8">
      <c r="H654417" s="12"/>
    </row>
    <row r="654418" spans="8:8">
      <c r="H654418" s="12"/>
    </row>
    <row r="654419" spans="8:8">
      <c r="H654419" s="12"/>
    </row>
    <row r="654420" spans="8:8">
      <c r="H654420" s="12"/>
    </row>
    <row r="654421" spans="8:8">
      <c r="H654421" s="12"/>
    </row>
    <row r="654422" spans="8:8">
      <c r="H654422" s="12"/>
    </row>
    <row r="654423" spans="8:8">
      <c r="H654423" s="12"/>
    </row>
    <row r="654424" spans="8:8">
      <c r="H654424" s="12"/>
    </row>
    <row r="654425" spans="8:8">
      <c r="H654425" s="12"/>
    </row>
    <row r="654426" spans="8:8">
      <c r="H654426" s="12"/>
    </row>
    <row r="654427" spans="8:8">
      <c r="H654427" s="12"/>
    </row>
    <row r="654428" spans="8:8">
      <c r="H654428" s="12"/>
    </row>
    <row r="654429" spans="8:8">
      <c r="H654429" s="12"/>
    </row>
    <row r="654430" spans="8:8">
      <c r="H654430" s="12"/>
    </row>
    <row r="654431" spans="8:8">
      <c r="H654431" s="12"/>
    </row>
    <row r="654432" spans="8:8">
      <c r="H654432" s="12"/>
    </row>
    <row r="654433" spans="8:8">
      <c r="H654433" s="12"/>
    </row>
    <row r="654434" spans="8:8">
      <c r="H654434" s="12"/>
    </row>
    <row r="654435" spans="8:8">
      <c r="H654435" s="12"/>
    </row>
    <row r="654436" spans="8:8">
      <c r="H654436" s="12"/>
    </row>
    <row r="654437" spans="8:8">
      <c r="H654437" s="12"/>
    </row>
    <row r="654438" spans="8:8">
      <c r="H654438" s="12"/>
    </row>
    <row r="654439" spans="8:8">
      <c r="H654439" s="12"/>
    </row>
    <row r="654440" spans="8:8">
      <c r="H654440" s="12"/>
    </row>
    <row r="654441" spans="8:8">
      <c r="H654441" s="12"/>
    </row>
    <row r="654442" spans="8:8">
      <c r="H654442" s="12"/>
    </row>
    <row r="654443" spans="8:8">
      <c r="H654443" s="12"/>
    </row>
    <row r="654444" spans="8:8">
      <c r="H654444" s="12"/>
    </row>
    <row r="654445" spans="8:8">
      <c r="H654445" s="12"/>
    </row>
    <row r="654446" spans="8:8">
      <c r="H654446" s="12"/>
    </row>
    <row r="654447" spans="8:8">
      <c r="H654447" s="12"/>
    </row>
    <row r="654448" spans="8:8">
      <c r="H654448" s="12"/>
    </row>
    <row r="654449" spans="8:8">
      <c r="H654449" s="12"/>
    </row>
    <row r="654450" spans="8:8">
      <c r="H654450" s="12"/>
    </row>
    <row r="654451" spans="8:8">
      <c r="H654451" s="12"/>
    </row>
    <row r="654452" spans="8:8">
      <c r="H654452" s="12"/>
    </row>
    <row r="654453" spans="8:8">
      <c r="H654453" s="12"/>
    </row>
    <row r="654454" spans="8:8">
      <c r="H654454" s="12"/>
    </row>
    <row r="654455" spans="8:8">
      <c r="H654455" s="12"/>
    </row>
    <row r="654456" spans="8:8">
      <c r="H654456" s="12"/>
    </row>
    <row r="654457" spans="8:8">
      <c r="H654457" s="12"/>
    </row>
    <row r="654458" spans="8:8">
      <c r="H654458" s="12"/>
    </row>
    <row r="654459" spans="8:8">
      <c r="H654459" s="12"/>
    </row>
    <row r="654460" spans="8:8">
      <c r="H654460" s="12"/>
    </row>
    <row r="654461" spans="8:8">
      <c r="H654461" s="12"/>
    </row>
    <row r="654462" spans="8:8">
      <c r="H654462" s="12"/>
    </row>
    <row r="654463" spans="8:8">
      <c r="H654463" s="12"/>
    </row>
    <row r="654464" spans="8:8">
      <c r="H654464" s="12"/>
    </row>
    <row r="654465" spans="8:8">
      <c r="H654465" s="12"/>
    </row>
    <row r="654466" spans="8:8">
      <c r="H654466" s="12"/>
    </row>
    <row r="654467" spans="8:8">
      <c r="H654467" s="12"/>
    </row>
    <row r="654468" spans="8:8">
      <c r="H654468" s="12"/>
    </row>
    <row r="654469" spans="8:8">
      <c r="H654469" s="12"/>
    </row>
    <row r="654470" spans="8:8">
      <c r="H654470" s="12"/>
    </row>
    <row r="654471" spans="8:8">
      <c r="H654471" s="12"/>
    </row>
    <row r="654472" spans="8:8">
      <c r="H654472" s="12"/>
    </row>
    <row r="654473" spans="8:8">
      <c r="H654473" s="12"/>
    </row>
    <row r="654474" spans="8:8">
      <c r="H654474" s="12"/>
    </row>
    <row r="654475" spans="8:8">
      <c r="H654475" s="12"/>
    </row>
    <row r="654476" spans="8:8">
      <c r="H654476" s="12"/>
    </row>
    <row r="654477" spans="8:8">
      <c r="H654477" s="12"/>
    </row>
    <row r="654478" spans="8:8">
      <c r="H654478" s="12"/>
    </row>
    <row r="654479" spans="8:8">
      <c r="H654479" s="12"/>
    </row>
    <row r="654480" spans="8:8">
      <c r="H654480" s="12"/>
    </row>
    <row r="654481" spans="8:8">
      <c r="H654481" s="12"/>
    </row>
    <row r="654482" spans="8:8">
      <c r="H654482" s="12"/>
    </row>
    <row r="654483" spans="8:8">
      <c r="H654483" s="12"/>
    </row>
    <row r="654484" spans="8:8">
      <c r="H654484" s="12"/>
    </row>
    <row r="654485" spans="8:8">
      <c r="H654485" s="12"/>
    </row>
    <row r="654486" spans="8:8">
      <c r="H654486" s="12"/>
    </row>
    <row r="654487" spans="8:8">
      <c r="H654487" s="12"/>
    </row>
    <row r="654488" spans="8:8">
      <c r="H654488" s="12"/>
    </row>
    <row r="654489" spans="8:8">
      <c r="H654489" s="12"/>
    </row>
    <row r="654490" spans="8:8">
      <c r="H654490" s="12"/>
    </row>
    <row r="654491" spans="8:8">
      <c r="H654491" s="12"/>
    </row>
    <row r="654492" spans="8:8">
      <c r="H654492" s="12"/>
    </row>
    <row r="654493" spans="8:8">
      <c r="H654493" s="12"/>
    </row>
    <row r="654494" spans="8:8">
      <c r="H654494" s="12"/>
    </row>
    <row r="654495" spans="8:8">
      <c r="H654495" s="12"/>
    </row>
    <row r="654496" spans="8:8">
      <c r="H654496" s="12"/>
    </row>
    <row r="654497" spans="8:8">
      <c r="H654497" s="12"/>
    </row>
    <row r="654498" spans="8:8">
      <c r="H654498" s="12"/>
    </row>
    <row r="654499" spans="8:8">
      <c r="H654499" s="12"/>
    </row>
    <row r="654500" spans="8:8">
      <c r="H654500" s="12"/>
    </row>
    <row r="654501" spans="8:8">
      <c r="H654501" s="12"/>
    </row>
    <row r="654502" spans="8:8">
      <c r="H654502" s="12"/>
    </row>
    <row r="654503" spans="8:8">
      <c r="H654503" s="12"/>
    </row>
    <row r="654504" spans="8:8">
      <c r="H654504" s="12"/>
    </row>
    <row r="654505" spans="8:8">
      <c r="H654505" s="12"/>
    </row>
    <row r="654506" spans="8:8">
      <c r="H654506" s="12"/>
    </row>
    <row r="654507" spans="8:8">
      <c r="H654507" s="12"/>
    </row>
    <row r="654508" spans="8:8">
      <c r="H654508" s="12"/>
    </row>
    <row r="654509" spans="8:8">
      <c r="H654509" s="12"/>
    </row>
    <row r="654510" spans="8:8">
      <c r="H654510" s="12"/>
    </row>
    <row r="654511" spans="8:8">
      <c r="H654511" s="12"/>
    </row>
    <row r="654512" spans="8:8">
      <c r="H654512" s="12"/>
    </row>
    <row r="654513" spans="8:8">
      <c r="H654513" s="12"/>
    </row>
    <row r="654514" spans="8:8">
      <c r="H654514" s="12"/>
    </row>
    <row r="654515" spans="8:8">
      <c r="H654515" s="12"/>
    </row>
    <row r="654516" spans="8:8">
      <c r="H654516" s="12"/>
    </row>
    <row r="654517" spans="8:8">
      <c r="H654517" s="12"/>
    </row>
    <row r="654518" spans="8:8">
      <c r="H654518" s="12"/>
    </row>
    <row r="654519" spans="8:8">
      <c r="H654519" s="12"/>
    </row>
    <row r="654520" spans="8:8">
      <c r="H654520" s="12"/>
    </row>
    <row r="654521" spans="8:8">
      <c r="H654521" s="12"/>
    </row>
    <row r="654522" spans="8:8">
      <c r="H654522" s="12"/>
    </row>
    <row r="654523" spans="8:8">
      <c r="H654523" s="12"/>
    </row>
    <row r="654524" spans="8:8">
      <c r="H654524" s="12"/>
    </row>
    <row r="654525" spans="8:8">
      <c r="H654525" s="12"/>
    </row>
    <row r="654526" spans="8:8">
      <c r="H654526" s="12"/>
    </row>
    <row r="654527" spans="8:8">
      <c r="H654527" s="12"/>
    </row>
    <row r="654528" spans="8:8">
      <c r="H654528" s="12"/>
    </row>
    <row r="654529" spans="8:8">
      <c r="H654529" s="12"/>
    </row>
    <row r="654530" spans="8:8">
      <c r="H654530" s="12"/>
    </row>
    <row r="654531" spans="8:8">
      <c r="H654531" s="12"/>
    </row>
    <row r="654532" spans="8:8">
      <c r="H654532" s="12"/>
    </row>
    <row r="654533" spans="8:8">
      <c r="H654533" s="12"/>
    </row>
    <row r="654534" spans="8:8">
      <c r="H654534" s="12"/>
    </row>
    <row r="654535" spans="8:8">
      <c r="H654535" s="12"/>
    </row>
    <row r="654536" spans="8:8">
      <c r="H654536" s="12"/>
    </row>
    <row r="654537" spans="8:8">
      <c r="H654537" s="12"/>
    </row>
    <row r="654538" spans="8:8">
      <c r="H654538" s="12"/>
    </row>
    <row r="654539" spans="8:8">
      <c r="H654539" s="12"/>
    </row>
    <row r="654540" spans="8:8">
      <c r="H654540" s="12"/>
    </row>
    <row r="654541" spans="8:8">
      <c r="H654541" s="12"/>
    </row>
    <row r="654542" spans="8:8">
      <c r="H654542" s="12"/>
    </row>
    <row r="654543" spans="8:8">
      <c r="H654543" s="12"/>
    </row>
    <row r="654544" spans="8:8">
      <c r="H654544" s="12"/>
    </row>
    <row r="654545" spans="8:8">
      <c r="H654545" s="12"/>
    </row>
    <row r="654546" spans="8:8">
      <c r="H654546" s="12"/>
    </row>
    <row r="654547" spans="8:8">
      <c r="H654547" s="12"/>
    </row>
    <row r="654548" spans="8:8">
      <c r="H654548" s="12"/>
    </row>
    <row r="654549" spans="8:8">
      <c r="H654549" s="12"/>
    </row>
    <row r="654550" spans="8:8">
      <c r="H654550" s="12"/>
    </row>
    <row r="654551" spans="8:8">
      <c r="H654551" s="12"/>
    </row>
    <row r="654552" spans="8:8">
      <c r="H654552" s="12"/>
    </row>
    <row r="654553" spans="8:8">
      <c r="H654553" s="12"/>
    </row>
    <row r="654554" spans="8:8">
      <c r="H654554" s="12"/>
    </row>
    <row r="654555" spans="8:8">
      <c r="H654555" s="12"/>
    </row>
    <row r="654556" spans="8:8">
      <c r="H654556" s="12"/>
    </row>
    <row r="654557" spans="8:8">
      <c r="H654557" s="12"/>
    </row>
    <row r="654558" spans="8:8">
      <c r="H654558" s="12"/>
    </row>
    <row r="654559" spans="8:8">
      <c r="H654559" s="12"/>
    </row>
    <row r="654560" spans="8:8">
      <c r="H654560" s="12"/>
    </row>
    <row r="654561" spans="8:8">
      <c r="H654561" s="12"/>
    </row>
    <row r="654562" spans="8:8">
      <c r="H654562" s="12"/>
    </row>
    <row r="654563" spans="8:8">
      <c r="H654563" s="12"/>
    </row>
    <row r="654564" spans="8:8">
      <c r="H654564" s="12"/>
    </row>
    <row r="654565" spans="8:8">
      <c r="H654565" s="12"/>
    </row>
    <row r="654566" spans="8:8">
      <c r="H654566" s="12"/>
    </row>
    <row r="654567" spans="8:8">
      <c r="H654567" s="12"/>
    </row>
    <row r="654568" spans="8:8">
      <c r="H654568" s="12"/>
    </row>
    <row r="654569" spans="8:8">
      <c r="H654569" s="12"/>
    </row>
    <row r="654570" spans="8:8">
      <c r="H654570" s="12"/>
    </row>
    <row r="654571" spans="8:8">
      <c r="H654571" s="12"/>
    </row>
    <row r="654572" spans="8:8">
      <c r="H654572" s="12"/>
    </row>
    <row r="654573" spans="8:8">
      <c r="H654573" s="12"/>
    </row>
    <row r="654574" spans="8:8">
      <c r="H654574" s="12"/>
    </row>
    <row r="654575" spans="8:8">
      <c r="H654575" s="12"/>
    </row>
    <row r="654576" spans="8:8">
      <c r="H654576" s="12"/>
    </row>
    <row r="654577" spans="8:8">
      <c r="H654577" s="12"/>
    </row>
    <row r="654578" spans="8:8">
      <c r="H654578" s="12"/>
    </row>
    <row r="654579" spans="8:8">
      <c r="H654579" s="12"/>
    </row>
    <row r="654580" spans="8:8">
      <c r="H654580" s="12"/>
    </row>
    <row r="654581" spans="8:8">
      <c r="H654581" s="12"/>
    </row>
    <row r="654582" spans="8:8">
      <c r="H654582" s="12"/>
    </row>
    <row r="654583" spans="8:8">
      <c r="H654583" s="12"/>
    </row>
    <row r="654584" spans="8:8">
      <c r="H654584" s="12"/>
    </row>
    <row r="654585" spans="8:8">
      <c r="H654585" s="12"/>
    </row>
    <row r="654586" spans="8:8">
      <c r="H654586" s="12"/>
    </row>
    <row r="654587" spans="8:8">
      <c r="H654587" s="12"/>
    </row>
    <row r="654588" spans="8:8">
      <c r="H654588" s="12"/>
    </row>
    <row r="654589" spans="8:8">
      <c r="H654589" s="12"/>
    </row>
    <row r="654590" spans="8:8">
      <c r="H654590" s="12"/>
    </row>
    <row r="654591" spans="8:8">
      <c r="H654591" s="12"/>
    </row>
    <row r="654592" spans="8:8">
      <c r="H654592" s="12"/>
    </row>
    <row r="654593" spans="8:8">
      <c r="H654593" s="12"/>
    </row>
    <row r="654594" spans="8:8">
      <c r="H654594" s="12"/>
    </row>
    <row r="654595" spans="8:8">
      <c r="H654595" s="12"/>
    </row>
    <row r="654596" spans="8:8">
      <c r="H654596" s="12"/>
    </row>
    <row r="654597" spans="8:8">
      <c r="H654597" s="12"/>
    </row>
    <row r="654598" spans="8:8">
      <c r="H654598" s="12"/>
    </row>
    <row r="654599" spans="8:8">
      <c r="H654599" s="12"/>
    </row>
    <row r="654600" spans="8:8">
      <c r="H654600" s="12"/>
    </row>
    <row r="654601" spans="8:8">
      <c r="H654601" s="12"/>
    </row>
    <row r="654602" spans="8:8">
      <c r="H654602" s="12"/>
    </row>
    <row r="654603" spans="8:8">
      <c r="H654603" s="12"/>
    </row>
    <row r="654604" spans="8:8">
      <c r="H654604" s="12"/>
    </row>
    <row r="654605" spans="8:8">
      <c r="H654605" s="12"/>
    </row>
    <row r="654606" spans="8:8">
      <c r="H654606" s="12"/>
    </row>
    <row r="654607" spans="8:8">
      <c r="H654607" s="12"/>
    </row>
    <row r="654608" spans="8:8">
      <c r="H654608" s="12"/>
    </row>
    <row r="654609" spans="8:8">
      <c r="H654609" s="12"/>
    </row>
    <row r="654610" spans="8:8">
      <c r="H654610" s="12"/>
    </row>
    <row r="654611" spans="8:8">
      <c r="H654611" s="12"/>
    </row>
    <row r="654612" spans="8:8">
      <c r="H654612" s="12"/>
    </row>
    <row r="654613" spans="8:8">
      <c r="H654613" s="12"/>
    </row>
    <row r="654614" spans="8:8">
      <c r="H654614" s="12"/>
    </row>
    <row r="654615" spans="8:8">
      <c r="H654615" s="12"/>
    </row>
    <row r="654616" spans="8:8">
      <c r="H654616" s="12"/>
    </row>
    <row r="654617" spans="8:8">
      <c r="H654617" s="12"/>
    </row>
    <row r="654618" spans="8:8">
      <c r="H654618" s="12"/>
    </row>
    <row r="654619" spans="8:8">
      <c r="H654619" s="12"/>
    </row>
    <row r="654620" spans="8:8">
      <c r="H654620" s="12"/>
    </row>
    <row r="654621" spans="8:8">
      <c r="H654621" s="12"/>
    </row>
    <row r="654622" spans="8:8">
      <c r="H654622" s="12"/>
    </row>
    <row r="654623" spans="8:8">
      <c r="H654623" s="12"/>
    </row>
    <row r="654624" spans="8:8">
      <c r="H654624" s="12"/>
    </row>
    <row r="654625" spans="8:8">
      <c r="H654625" s="12"/>
    </row>
    <row r="654626" spans="8:8">
      <c r="H654626" s="12"/>
    </row>
    <row r="654627" spans="8:8">
      <c r="H654627" s="12"/>
    </row>
    <row r="654628" spans="8:8">
      <c r="H654628" s="12"/>
    </row>
    <row r="654629" spans="8:8">
      <c r="H654629" s="12"/>
    </row>
    <row r="654630" spans="8:8">
      <c r="H654630" s="12"/>
    </row>
    <row r="654631" spans="8:8">
      <c r="H654631" s="12"/>
    </row>
    <row r="654632" spans="8:8">
      <c r="H654632" s="12"/>
    </row>
    <row r="654633" spans="8:8">
      <c r="H654633" s="12"/>
    </row>
    <row r="654634" spans="8:8">
      <c r="H654634" s="12"/>
    </row>
    <row r="654635" spans="8:8">
      <c r="H654635" s="12"/>
    </row>
    <row r="654636" spans="8:8">
      <c r="H654636" s="12"/>
    </row>
    <row r="654637" spans="8:8">
      <c r="H654637" s="12"/>
    </row>
    <row r="654638" spans="8:8">
      <c r="H654638" s="12"/>
    </row>
    <row r="654639" spans="8:8">
      <c r="H654639" s="12"/>
    </row>
    <row r="654640" spans="8:8">
      <c r="H654640" s="12"/>
    </row>
    <row r="654641" spans="8:8">
      <c r="H654641" s="12"/>
    </row>
    <row r="654642" spans="8:8">
      <c r="H654642" s="12"/>
    </row>
    <row r="654643" spans="8:8">
      <c r="H654643" s="12"/>
    </row>
    <row r="654644" spans="8:8">
      <c r="H654644" s="12"/>
    </row>
    <row r="654645" spans="8:8">
      <c r="H654645" s="12"/>
    </row>
    <row r="654646" spans="8:8">
      <c r="H654646" s="12"/>
    </row>
    <row r="654647" spans="8:8">
      <c r="H654647" s="12"/>
    </row>
    <row r="654648" spans="8:8">
      <c r="H654648" s="12"/>
    </row>
    <row r="654649" spans="8:8">
      <c r="H654649" s="12"/>
    </row>
    <row r="654650" spans="8:8">
      <c r="H654650" s="12"/>
    </row>
    <row r="654651" spans="8:8">
      <c r="H654651" s="12"/>
    </row>
    <row r="654652" spans="8:8">
      <c r="H654652" s="12"/>
    </row>
    <row r="654653" spans="8:8">
      <c r="H654653" s="12"/>
    </row>
    <row r="654654" spans="8:8">
      <c r="H654654" s="12"/>
    </row>
    <row r="654655" spans="8:8">
      <c r="H654655" s="12"/>
    </row>
    <row r="654656" spans="8:8">
      <c r="H654656" s="12"/>
    </row>
    <row r="654657" spans="8:8">
      <c r="H654657" s="12"/>
    </row>
    <row r="654658" spans="8:8">
      <c r="H654658" s="12"/>
    </row>
    <row r="654659" spans="8:8">
      <c r="H654659" s="12"/>
    </row>
    <row r="654660" spans="8:8">
      <c r="H654660" s="12"/>
    </row>
    <row r="654661" spans="8:8">
      <c r="H654661" s="12"/>
    </row>
    <row r="654662" spans="8:8">
      <c r="H654662" s="12"/>
    </row>
    <row r="654663" spans="8:8">
      <c r="H654663" s="12"/>
    </row>
    <row r="654664" spans="8:8">
      <c r="H654664" s="12"/>
    </row>
    <row r="654665" spans="8:8">
      <c r="H654665" s="12"/>
    </row>
    <row r="654666" spans="8:8">
      <c r="H654666" s="12"/>
    </row>
    <row r="654667" spans="8:8">
      <c r="H654667" s="12"/>
    </row>
    <row r="654668" spans="8:8">
      <c r="H654668" s="12"/>
    </row>
    <row r="654669" spans="8:8">
      <c r="H654669" s="12"/>
    </row>
    <row r="654670" spans="8:8">
      <c r="H654670" s="12"/>
    </row>
    <row r="654671" spans="8:8">
      <c r="H654671" s="12"/>
    </row>
    <row r="654672" spans="8:8">
      <c r="H654672" s="12"/>
    </row>
    <row r="654673" spans="8:8">
      <c r="H654673" s="12"/>
    </row>
    <row r="654674" spans="8:8">
      <c r="H654674" s="12"/>
    </row>
    <row r="654675" spans="8:8">
      <c r="H654675" s="12"/>
    </row>
    <row r="654676" spans="8:8">
      <c r="H654676" s="12"/>
    </row>
    <row r="654677" spans="8:8">
      <c r="H654677" s="12"/>
    </row>
    <row r="654678" spans="8:8">
      <c r="H654678" s="12"/>
    </row>
    <row r="654679" spans="8:8">
      <c r="H654679" s="12"/>
    </row>
    <row r="654680" spans="8:8">
      <c r="H654680" s="12"/>
    </row>
    <row r="654681" spans="8:8">
      <c r="H654681" s="12"/>
    </row>
    <row r="654682" spans="8:8">
      <c r="H654682" s="12"/>
    </row>
    <row r="654683" spans="8:8">
      <c r="H654683" s="12"/>
    </row>
    <row r="654684" spans="8:8">
      <c r="H654684" s="12"/>
    </row>
    <row r="654685" spans="8:8">
      <c r="H654685" s="12"/>
    </row>
    <row r="654686" spans="8:8">
      <c r="H654686" s="12"/>
    </row>
    <row r="654687" spans="8:8">
      <c r="H654687" s="12"/>
    </row>
    <row r="654688" spans="8:8">
      <c r="H654688" s="12"/>
    </row>
    <row r="654689" spans="8:8">
      <c r="H654689" s="12"/>
    </row>
    <row r="654690" spans="8:8">
      <c r="H654690" s="12"/>
    </row>
    <row r="654691" spans="8:8">
      <c r="H654691" s="12"/>
    </row>
    <row r="654692" spans="8:8">
      <c r="H654692" s="12"/>
    </row>
    <row r="654693" spans="8:8">
      <c r="H654693" s="12"/>
    </row>
    <row r="654694" spans="8:8">
      <c r="H654694" s="12"/>
    </row>
    <row r="654695" spans="8:8">
      <c r="H654695" s="12"/>
    </row>
    <row r="654696" spans="8:8">
      <c r="H654696" s="12"/>
    </row>
    <row r="654697" spans="8:8">
      <c r="H654697" s="12"/>
    </row>
    <row r="654698" spans="8:8">
      <c r="H654698" s="12"/>
    </row>
    <row r="654699" spans="8:8">
      <c r="H654699" s="12"/>
    </row>
    <row r="654700" spans="8:8">
      <c r="H654700" s="12"/>
    </row>
    <row r="654701" spans="8:8">
      <c r="H654701" s="12"/>
    </row>
    <row r="654702" spans="8:8">
      <c r="H654702" s="12"/>
    </row>
    <row r="654703" spans="8:8">
      <c r="H654703" s="12"/>
    </row>
    <row r="654704" spans="8:8">
      <c r="H654704" s="12"/>
    </row>
    <row r="654705" spans="8:8">
      <c r="H654705" s="12"/>
    </row>
    <row r="654706" spans="8:8">
      <c r="H654706" s="12"/>
    </row>
    <row r="654707" spans="8:8">
      <c r="H654707" s="12"/>
    </row>
    <row r="654708" spans="8:8">
      <c r="H654708" s="12"/>
    </row>
    <row r="654709" spans="8:8">
      <c r="H654709" s="12"/>
    </row>
    <row r="654710" spans="8:8">
      <c r="H654710" s="12"/>
    </row>
    <row r="654711" spans="8:8">
      <c r="H654711" s="12"/>
    </row>
    <row r="654712" spans="8:8">
      <c r="H654712" s="12"/>
    </row>
    <row r="654713" spans="8:8">
      <c r="H654713" s="12"/>
    </row>
    <row r="654714" spans="8:8">
      <c r="H654714" s="12"/>
    </row>
    <row r="654715" spans="8:8">
      <c r="H654715" s="12"/>
    </row>
    <row r="654716" spans="8:8">
      <c r="H654716" s="12"/>
    </row>
    <row r="654717" spans="8:8">
      <c r="H654717" s="12"/>
    </row>
    <row r="654718" spans="8:8">
      <c r="H654718" s="12"/>
    </row>
    <row r="654719" spans="8:8">
      <c r="H654719" s="12"/>
    </row>
    <row r="654720" spans="8:8">
      <c r="H654720" s="12"/>
    </row>
    <row r="654721" spans="8:8">
      <c r="H654721" s="12"/>
    </row>
    <row r="654722" spans="8:8">
      <c r="H654722" s="12"/>
    </row>
    <row r="654723" spans="8:8">
      <c r="H654723" s="12"/>
    </row>
    <row r="654724" spans="8:8">
      <c r="H654724" s="12"/>
    </row>
    <row r="654725" spans="8:8">
      <c r="H654725" s="12"/>
    </row>
    <row r="654726" spans="8:8">
      <c r="H654726" s="12"/>
    </row>
    <row r="654727" spans="8:8">
      <c r="H654727" s="12"/>
    </row>
    <row r="654728" spans="8:8">
      <c r="H654728" s="12"/>
    </row>
    <row r="654729" spans="8:8">
      <c r="H654729" s="12"/>
    </row>
    <row r="654730" spans="8:8">
      <c r="H654730" s="12"/>
    </row>
    <row r="654731" spans="8:8">
      <c r="H654731" s="12"/>
    </row>
    <row r="654732" spans="8:8">
      <c r="H654732" s="12"/>
    </row>
    <row r="654733" spans="8:8">
      <c r="H654733" s="12"/>
    </row>
    <row r="654734" spans="8:8">
      <c r="H654734" s="12"/>
    </row>
    <row r="654735" spans="8:8">
      <c r="H654735" s="12"/>
    </row>
    <row r="654736" spans="8:8">
      <c r="H654736" s="12"/>
    </row>
    <row r="654737" spans="8:8">
      <c r="H654737" s="12"/>
    </row>
    <row r="654738" spans="8:8">
      <c r="H654738" s="12"/>
    </row>
    <row r="654739" spans="8:8">
      <c r="H654739" s="12"/>
    </row>
    <row r="654740" spans="8:8">
      <c r="H654740" s="12"/>
    </row>
    <row r="654741" spans="8:8">
      <c r="H654741" s="12"/>
    </row>
    <row r="654742" spans="8:8">
      <c r="H654742" s="12"/>
    </row>
    <row r="654743" spans="8:8">
      <c r="H654743" s="12"/>
    </row>
    <row r="654744" spans="8:8">
      <c r="H654744" s="12"/>
    </row>
    <row r="654745" spans="8:8">
      <c r="H654745" s="12"/>
    </row>
    <row r="654746" spans="8:8">
      <c r="H654746" s="12"/>
    </row>
    <row r="654747" spans="8:8">
      <c r="H654747" s="12"/>
    </row>
    <row r="654748" spans="8:8">
      <c r="H654748" s="12"/>
    </row>
    <row r="654749" spans="8:8">
      <c r="H654749" s="12"/>
    </row>
    <row r="654750" spans="8:8">
      <c r="H654750" s="12"/>
    </row>
    <row r="654751" spans="8:8">
      <c r="H654751" s="12"/>
    </row>
    <row r="654752" spans="8:8">
      <c r="H654752" s="12"/>
    </row>
    <row r="654753" spans="8:8">
      <c r="H654753" s="12"/>
    </row>
    <row r="654754" spans="8:8">
      <c r="H654754" s="12"/>
    </row>
    <row r="654755" spans="8:8">
      <c r="H654755" s="12"/>
    </row>
    <row r="654756" spans="8:8">
      <c r="H654756" s="12"/>
    </row>
    <row r="654757" spans="8:8">
      <c r="H654757" s="12"/>
    </row>
    <row r="654758" spans="8:8">
      <c r="H654758" s="12"/>
    </row>
    <row r="654759" spans="8:8">
      <c r="H654759" s="12"/>
    </row>
    <row r="654760" spans="8:8">
      <c r="H654760" s="12"/>
    </row>
    <row r="654761" spans="8:8">
      <c r="H654761" s="12"/>
    </row>
    <row r="654762" spans="8:8">
      <c r="H654762" s="12"/>
    </row>
    <row r="654763" spans="8:8">
      <c r="H654763" s="12"/>
    </row>
    <row r="654764" spans="8:8">
      <c r="H654764" s="12"/>
    </row>
    <row r="654765" spans="8:8">
      <c r="H654765" s="12"/>
    </row>
    <row r="654766" spans="8:8">
      <c r="H654766" s="12"/>
    </row>
    <row r="654767" spans="8:8">
      <c r="H654767" s="12"/>
    </row>
    <row r="654768" spans="8:8">
      <c r="H654768" s="12"/>
    </row>
    <row r="654769" spans="8:8">
      <c r="H654769" s="12"/>
    </row>
    <row r="654770" spans="8:8">
      <c r="H654770" s="12"/>
    </row>
    <row r="654771" spans="8:8">
      <c r="H654771" s="12"/>
    </row>
    <row r="654772" spans="8:8">
      <c r="H654772" s="12"/>
    </row>
    <row r="654773" spans="8:8">
      <c r="H654773" s="12"/>
    </row>
    <row r="654774" spans="8:8">
      <c r="H654774" s="12"/>
    </row>
    <row r="654775" spans="8:8">
      <c r="H654775" s="12"/>
    </row>
    <row r="654776" spans="8:8">
      <c r="H654776" s="12"/>
    </row>
    <row r="654777" spans="8:8">
      <c r="H654777" s="12"/>
    </row>
    <row r="654778" spans="8:8">
      <c r="H654778" s="12"/>
    </row>
    <row r="654779" spans="8:8">
      <c r="H654779" s="12"/>
    </row>
    <row r="654780" spans="8:8">
      <c r="H654780" s="12"/>
    </row>
    <row r="654781" spans="8:8">
      <c r="H654781" s="12"/>
    </row>
    <row r="654782" spans="8:8">
      <c r="H654782" s="12"/>
    </row>
    <row r="654783" spans="8:8">
      <c r="H654783" s="12"/>
    </row>
    <row r="654784" spans="8:8">
      <c r="H654784" s="12"/>
    </row>
    <row r="654785" spans="8:8">
      <c r="H654785" s="12"/>
    </row>
    <row r="654786" spans="8:8">
      <c r="H654786" s="12"/>
    </row>
    <row r="654787" spans="8:8">
      <c r="H654787" s="12"/>
    </row>
    <row r="654788" spans="8:8">
      <c r="H654788" s="12"/>
    </row>
    <row r="654789" spans="8:8">
      <c r="H654789" s="12"/>
    </row>
    <row r="654790" spans="8:8">
      <c r="H654790" s="12"/>
    </row>
    <row r="654791" spans="8:8">
      <c r="H654791" s="12"/>
    </row>
    <row r="654792" spans="8:8">
      <c r="H654792" s="12"/>
    </row>
    <row r="654793" spans="8:8">
      <c r="H654793" s="12"/>
    </row>
    <row r="654794" spans="8:8">
      <c r="H654794" s="12"/>
    </row>
    <row r="654795" spans="8:8">
      <c r="H654795" s="12"/>
    </row>
    <row r="654796" spans="8:8">
      <c r="H654796" s="12"/>
    </row>
    <row r="654797" spans="8:8">
      <c r="H654797" s="12"/>
    </row>
    <row r="654798" spans="8:8">
      <c r="H654798" s="12"/>
    </row>
    <row r="654799" spans="8:8">
      <c r="H654799" s="12"/>
    </row>
    <row r="654800" spans="8:8">
      <c r="H654800" s="12"/>
    </row>
    <row r="654801" spans="8:8">
      <c r="H654801" s="12"/>
    </row>
    <row r="654802" spans="8:8">
      <c r="H654802" s="12"/>
    </row>
    <row r="654803" spans="8:8">
      <c r="H654803" s="12"/>
    </row>
    <row r="654804" spans="8:8">
      <c r="H654804" s="12"/>
    </row>
    <row r="654805" spans="8:8">
      <c r="H654805" s="12"/>
    </row>
    <row r="654806" spans="8:8">
      <c r="H654806" s="12"/>
    </row>
    <row r="654807" spans="8:8">
      <c r="H654807" s="12"/>
    </row>
    <row r="654808" spans="8:8">
      <c r="H654808" s="12"/>
    </row>
    <row r="654809" spans="8:8">
      <c r="H654809" s="12"/>
    </row>
    <row r="654810" spans="8:8">
      <c r="H654810" s="12"/>
    </row>
    <row r="654811" spans="8:8">
      <c r="H654811" s="12"/>
    </row>
    <row r="654812" spans="8:8">
      <c r="H654812" s="12"/>
    </row>
    <row r="654813" spans="8:8">
      <c r="H654813" s="12"/>
    </row>
    <row r="654814" spans="8:8">
      <c r="H654814" s="12"/>
    </row>
    <row r="654815" spans="8:8">
      <c r="H654815" s="12"/>
    </row>
    <row r="654816" spans="8:8">
      <c r="H654816" s="12"/>
    </row>
    <row r="654817" spans="8:8">
      <c r="H654817" s="12"/>
    </row>
    <row r="654818" spans="8:8">
      <c r="H654818" s="12"/>
    </row>
    <row r="654819" spans="8:8">
      <c r="H654819" s="12"/>
    </row>
    <row r="654820" spans="8:8">
      <c r="H654820" s="12"/>
    </row>
    <row r="654821" spans="8:8">
      <c r="H654821" s="12"/>
    </row>
    <row r="654822" spans="8:8">
      <c r="H654822" s="12"/>
    </row>
    <row r="654823" spans="8:8">
      <c r="H654823" s="12"/>
    </row>
    <row r="654824" spans="8:8">
      <c r="H654824" s="12"/>
    </row>
    <row r="654825" spans="8:8">
      <c r="H654825" s="12"/>
    </row>
    <row r="654826" spans="8:8">
      <c r="H654826" s="12"/>
    </row>
    <row r="654827" spans="8:8">
      <c r="H654827" s="12"/>
    </row>
    <row r="654828" spans="8:8">
      <c r="H654828" s="12"/>
    </row>
    <row r="654829" spans="8:8">
      <c r="H654829" s="12"/>
    </row>
    <row r="654830" spans="8:8">
      <c r="H654830" s="12"/>
    </row>
    <row r="654831" spans="8:8">
      <c r="H654831" s="12"/>
    </row>
    <row r="654832" spans="8:8">
      <c r="H654832" s="12"/>
    </row>
    <row r="654833" spans="8:8">
      <c r="H654833" s="12"/>
    </row>
    <row r="654834" spans="8:8">
      <c r="H654834" s="12"/>
    </row>
    <row r="654835" spans="8:8">
      <c r="H654835" s="12"/>
    </row>
    <row r="654836" spans="8:8">
      <c r="H654836" s="12"/>
    </row>
    <row r="654837" spans="8:8">
      <c r="H654837" s="12"/>
    </row>
    <row r="654838" spans="8:8">
      <c r="H654838" s="12"/>
    </row>
    <row r="654839" spans="8:8">
      <c r="H654839" s="12"/>
    </row>
    <row r="654840" spans="8:8">
      <c r="H654840" s="12"/>
    </row>
    <row r="654841" spans="8:8">
      <c r="H654841" s="12"/>
    </row>
    <row r="654842" spans="8:8">
      <c r="H654842" s="12"/>
    </row>
    <row r="654843" spans="8:8">
      <c r="H654843" s="12"/>
    </row>
    <row r="654844" spans="8:8">
      <c r="H654844" s="12"/>
    </row>
    <row r="654845" spans="8:8">
      <c r="H654845" s="12"/>
    </row>
    <row r="654846" spans="8:8">
      <c r="H654846" s="12"/>
    </row>
    <row r="654847" spans="8:8">
      <c r="H654847" s="12"/>
    </row>
    <row r="654848" spans="8:8">
      <c r="H654848" s="12"/>
    </row>
    <row r="654849" spans="8:8">
      <c r="H654849" s="12"/>
    </row>
    <row r="654850" spans="8:8">
      <c r="H654850" s="12"/>
    </row>
    <row r="654851" spans="8:8">
      <c r="H654851" s="12"/>
    </row>
    <row r="654852" spans="8:8">
      <c r="H654852" s="12"/>
    </row>
    <row r="654853" spans="8:8">
      <c r="H654853" s="12"/>
    </row>
    <row r="654854" spans="8:8">
      <c r="H654854" s="12"/>
    </row>
    <row r="654855" spans="8:8">
      <c r="H654855" s="12"/>
    </row>
    <row r="654856" spans="8:8">
      <c r="H654856" s="12"/>
    </row>
    <row r="654857" spans="8:8">
      <c r="H654857" s="12"/>
    </row>
    <row r="654858" spans="8:8">
      <c r="H654858" s="12"/>
    </row>
    <row r="654859" spans="8:8">
      <c r="H654859" s="12"/>
    </row>
    <row r="654860" spans="8:8">
      <c r="H654860" s="12"/>
    </row>
    <row r="654861" spans="8:8">
      <c r="H654861" s="12"/>
    </row>
    <row r="654862" spans="8:8">
      <c r="H654862" s="12"/>
    </row>
    <row r="654863" spans="8:8">
      <c r="H654863" s="12"/>
    </row>
    <row r="654864" spans="8:8">
      <c r="H654864" s="12"/>
    </row>
    <row r="654865" spans="8:8">
      <c r="H654865" s="12"/>
    </row>
    <row r="654866" spans="8:8">
      <c r="H654866" s="12"/>
    </row>
    <row r="654867" spans="8:8">
      <c r="H654867" s="12"/>
    </row>
    <row r="654868" spans="8:8">
      <c r="H654868" s="12"/>
    </row>
    <row r="654869" spans="8:8">
      <c r="H654869" s="12"/>
    </row>
    <row r="654870" spans="8:8">
      <c r="H654870" s="12"/>
    </row>
    <row r="654871" spans="8:8">
      <c r="H654871" s="12"/>
    </row>
    <row r="654872" spans="8:8">
      <c r="H654872" s="12"/>
    </row>
    <row r="654873" spans="8:8">
      <c r="H654873" s="12"/>
    </row>
    <row r="654874" spans="8:8">
      <c r="H654874" s="12"/>
    </row>
    <row r="654875" spans="8:8">
      <c r="H654875" s="12"/>
    </row>
    <row r="654876" spans="8:8">
      <c r="H654876" s="12"/>
    </row>
    <row r="654877" spans="8:8">
      <c r="H654877" s="12"/>
    </row>
    <row r="654878" spans="8:8">
      <c r="H654878" s="12"/>
    </row>
    <row r="654879" spans="8:8">
      <c r="H654879" s="12"/>
    </row>
    <row r="654880" spans="8:8">
      <c r="H654880" s="12"/>
    </row>
    <row r="654881" spans="8:8">
      <c r="H654881" s="12"/>
    </row>
    <row r="654882" spans="8:8">
      <c r="H654882" s="12"/>
    </row>
    <row r="654883" spans="8:8">
      <c r="H654883" s="12"/>
    </row>
    <row r="654884" spans="8:8">
      <c r="H654884" s="12"/>
    </row>
    <row r="654885" spans="8:8">
      <c r="H654885" s="12"/>
    </row>
    <row r="654886" spans="8:8">
      <c r="H654886" s="12"/>
    </row>
    <row r="654887" spans="8:8">
      <c r="H654887" s="12"/>
    </row>
    <row r="654888" spans="8:8">
      <c r="H654888" s="12"/>
    </row>
    <row r="654889" spans="8:8">
      <c r="H654889" s="12"/>
    </row>
    <row r="654890" spans="8:8">
      <c r="H654890" s="12"/>
    </row>
    <row r="654891" spans="8:8">
      <c r="H654891" s="12"/>
    </row>
    <row r="654892" spans="8:8">
      <c r="H654892" s="12"/>
    </row>
    <row r="654893" spans="8:8">
      <c r="H654893" s="12"/>
    </row>
    <row r="654894" spans="8:8">
      <c r="H654894" s="12"/>
    </row>
    <row r="654895" spans="8:8">
      <c r="H654895" s="12"/>
    </row>
    <row r="654896" spans="8:8">
      <c r="H654896" s="12"/>
    </row>
    <row r="654897" spans="8:8">
      <c r="H654897" s="12"/>
    </row>
    <row r="654898" spans="8:8">
      <c r="H654898" s="12"/>
    </row>
    <row r="654899" spans="8:8">
      <c r="H654899" s="12"/>
    </row>
    <row r="654900" spans="8:8">
      <c r="H654900" s="12"/>
    </row>
    <row r="654901" spans="8:8">
      <c r="H654901" s="12"/>
    </row>
    <row r="654902" spans="8:8">
      <c r="H654902" s="12"/>
    </row>
    <row r="654903" spans="8:8">
      <c r="H654903" s="12"/>
    </row>
    <row r="654904" spans="8:8">
      <c r="H654904" s="12"/>
    </row>
    <row r="654905" spans="8:8">
      <c r="H654905" s="12"/>
    </row>
    <row r="654906" spans="8:8">
      <c r="H654906" s="12"/>
    </row>
    <row r="654907" spans="8:8">
      <c r="H654907" s="12"/>
    </row>
    <row r="654908" spans="8:8">
      <c r="H654908" s="12"/>
    </row>
    <row r="654909" spans="8:8">
      <c r="H654909" s="12"/>
    </row>
    <row r="654910" spans="8:8">
      <c r="H654910" s="12"/>
    </row>
    <row r="654911" spans="8:8">
      <c r="H654911" s="12"/>
    </row>
    <row r="654912" spans="8:8">
      <c r="H654912" s="12"/>
    </row>
    <row r="654913" spans="8:8">
      <c r="H654913" s="12"/>
    </row>
    <row r="654914" spans="8:8">
      <c r="H654914" s="12"/>
    </row>
    <row r="654915" spans="8:8">
      <c r="H654915" s="12"/>
    </row>
    <row r="654916" spans="8:8">
      <c r="H654916" s="12"/>
    </row>
    <row r="654917" spans="8:8">
      <c r="H654917" s="12"/>
    </row>
    <row r="654918" spans="8:8">
      <c r="H654918" s="12"/>
    </row>
    <row r="654919" spans="8:8">
      <c r="H654919" s="12"/>
    </row>
    <row r="654920" spans="8:8">
      <c r="H654920" s="12"/>
    </row>
    <row r="654921" spans="8:8">
      <c r="H654921" s="12"/>
    </row>
    <row r="654922" spans="8:8">
      <c r="H654922" s="12"/>
    </row>
    <row r="654923" spans="8:8">
      <c r="H654923" s="12"/>
    </row>
    <row r="654924" spans="8:8">
      <c r="H654924" s="12"/>
    </row>
    <row r="654925" spans="8:8">
      <c r="H654925" s="12"/>
    </row>
    <row r="654926" spans="8:8">
      <c r="H654926" s="12"/>
    </row>
    <row r="654927" spans="8:8">
      <c r="H654927" s="12"/>
    </row>
    <row r="654928" spans="8:8">
      <c r="H654928" s="12"/>
    </row>
    <row r="654929" spans="8:8">
      <c r="H654929" s="12"/>
    </row>
    <row r="654930" spans="8:8">
      <c r="H654930" s="12"/>
    </row>
    <row r="654931" spans="8:8">
      <c r="H654931" s="12"/>
    </row>
    <row r="654932" spans="8:8">
      <c r="H654932" s="12"/>
    </row>
    <row r="654933" spans="8:8">
      <c r="H654933" s="12"/>
    </row>
    <row r="654934" spans="8:8">
      <c r="H654934" s="12"/>
    </row>
    <row r="654935" spans="8:8">
      <c r="H654935" s="12"/>
    </row>
    <row r="654936" spans="8:8">
      <c r="H654936" s="12"/>
    </row>
    <row r="654937" spans="8:8">
      <c r="H654937" s="12"/>
    </row>
    <row r="654938" spans="8:8">
      <c r="H654938" s="12"/>
    </row>
    <row r="654939" spans="8:8">
      <c r="H654939" s="12"/>
    </row>
    <row r="654940" spans="8:8">
      <c r="H654940" s="12"/>
    </row>
    <row r="654941" spans="8:8">
      <c r="H654941" s="12"/>
    </row>
    <row r="654942" spans="8:8">
      <c r="H654942" s="12"/>
    </row>
    <row r="654943" spans="8:8">
      <c r="H654943" s="12"/>
    </row>
    <row r="654944" spans="8:8">
      <c r="H654944" s="12"/>
    </row>
    <row r="654945" spans="8:8">
      <c r="H654945" s="12"/>
    </row>
    <row r="654946" spans="8:8">
      <c r="H654946" s="12"/>
    </row>
    <row r="654947" spans="8:8">
      <c r="H654947" s="12"/>
    </row>
    <row r="654948" spans="8:8">
      <c r="H654948" s="12"/>
    </row>
    <row r="654949" spans="8:8">
      <c r="H654949" s="12"/>
    </row>
    <row r="654950" spans="8:8">
      <c r="H654950" s="12"/>
    </row>
    <row r="654951" spans="8:8">
      <c r="H654951" s="12"/>
    </row>
    <row r="654952" spans="8:8">
      <c r="H654952" s="12"/>
    </row>
    <row r="654953" spans="8:8">
      <c r="H654953" s="12"/>
    </row>
    <row r="654954" spans="8:8">
      <c r="H654954" s="12"/>
    </row>
    <row r="654955" spans="8:8">
      <c r="H654955" s="12"/>
    </row>
    <row r="654956" spans="8:8">
      <c r="H654956" s="12"/>
    </row>
    <row r="654957" spans="8:8">
      <c r="H654957" s="12"/>
    </row>
    <row r="654958" spans="8:8">
      <c r="H654958" s="12"/>
    </row>
    <row r="654959" spans="8:8">
      <c r="H654959" s="12"/>
    </row>
    <row r="654960" spans="8:8">
      <c r="H654960" s="12"/>
    </row>
    <row r="654961" spans="8:8">
      <c r="H654961" s="12"/>
    </row>
    <row r="654962" spans="8:8">
      <c r="H654962" s="12"/>
    </row>
    <row r="654963" spans="8:8">
      <c r="H654963" s="12"/>
    </row>
    <row r="654964" spans="8:8">
      <c r="H654964" s="12"/>
    </row>
    <row r="654965" spans="8:8">
      <c r="H654965" s="12"/>
    </row>
    <row r="654966" spans="8:8">
      <c r="H654966" s="12"/>
    </row>
    <row r="654967" spans="8:8">
      <c r="H654967" s="12"/>
    </row>
    <row r="654968" spans="8:8">
      <c r="H654968" s="12"/>
    </row>
    <row r="654969" spans="8:8">
      <c r="H654969" s="12"/>
    </row>
    <row r="654970" spans="8:8">
      <c r="H654970" s="12"/>
    </row>
    <row r="654971" spans="8:8">
      <c r="H654971" s="12"/>
    </row>
    <row r="654972" spans="8:8">
      <c r="H654972" s="12"/>
    </row>
    <row r="654973" spans="8:8">
      <c r="H654973" s="12"/>
    </row>
    <row r="654974" spans="8:8">
      <c r="H654974" s="12"/>
    </row>
    <row r="654975" spans="8:8">
      <c r="H654975" s="12"/>
    </row>
    <row r="654976" spans="8:8">
      <c r="H654976" s="12"/>
    </row>
    <row r="654977" spans="8:8">
      <c r="H654977" s="12"/>
    </row>
    <row r="654978" spans="8:8">
      <c r="H654978" s="12"/>
    </row>
    <row r="654979" spans="8:8">
      <c r="H654979" s="12"/>
    </row>
    <row r="654980" spans="8:8">
      <c r="H654980" s="12"/>
    </row>
    <row r="654981" spans="8:8">
      <c r="H654981" s="12"/>
    </row>
    <row r="654982" spans="8:8">
      <c r="H654982" s="12"/>
    </row>
    <row r="654983" spans="8:8">
      <c r="H654983" s="12"/>
    </row>
    <row r="654984" spans="8:8">
      <c r="H654984" s="12"/>
    </row>
    <row r="654985" spans="8:8">
      <c r="H654985" s="12"/>
    </row>
    <row r="654986" spans="8:8">
      <c r="H654986" s="12"/>
    </row>
    <row r="654987" spans="8:8">
      <c r="H654987" s="12"/>
    </row>
    <row r="654988" spans="8:8">
      <c r="H654988" s="12"/>
    </row>
    <row r="654989" spans="8:8">
      <c r="H654989" s="12"/>
    </row>
    <row r="654990" spans="8:8">
      <c r="H654990" s="12"/>
    </row>
    <row r="654991" spans="8:8">
      <c r="H654991" s="12"/>
    </row>
    <row r="654992" spans="8:8">
      <c r="H654992" s="12"/>
    </row>
    <row r="654993" spans="8:8">
      <c r="H654993" s="12"/>
    </row>
    <row r="654994" spans="8:8">
      <c r="H654994" s="12"/>
    </row>
    <row r="654995" spans="8:8">
      <c r="H654995" s="12"/>
    </row>
    <row r="654996" spans="8:8">
      <c r="H654996" s="12"/>
    </row>
    <row r="654997" spans="8:8">
      <c r="H654997" s="12"/>
    </row>
    <row r="654998" spans="8:8">
      <c r="H654998" s="12"/>
    </row>
    <row r="654999" spans="8:8">
      <c r="H654999" s="12"/>
    </row>
    <row r="655000" spans="8:8">
      <c r="H655000" s="12"/>
    </row>
    <row r="655001" spans="8:8">
      <c r="H655001" s="12"/>
    </row>
    <row r="655002" spans="8:8">
      <c r="H655002" s="12"/>
    </row>
    <row r="655003" spans="8:8">
      <c r="H655003" s="12"/>
    </row>
    <row r="655004" spans="8:8">
      <c r="H655004" s="12"/>
    </row>
    <row r="655005" spans="8:8">
      <c r="H655005" s="12"/>
    </row>
    <row r="655006" spans="8:8">
      <c r="H655006" s="12"/>
    </row>
    <row r="655007" spans="8:8">
      <c r="H655007" s="12"/>
    </row>
    <row r="655008" spans="8:8">
      <c r="H655008" s="12"/>
    </row>
    <row r="655009" spans="8:8">
      <c r="H655009" s="12"/>
    </row>
    <row r="655010" spans="8:8">
      <c r="H655010" s="12"/>
    </row>
    <row r="655011" spans="8:8">
      <c r="H655011" s="12"/>
    </row>
    <row r="655012" spans="8:8">
      <c r="H655012" s="12"/>
    </row>
    <row r="655013" spans="8:8">
      <c r="H655013" s="12"/>
    </row>
    <row r="655014" spans="8:8">
      <c r="H655014" s="12"/>
    </row>
    <row r="655015" spans="8:8">
      <c r="H655015" s="12"/>
    </row>
    <row r="655016" spans="8:8">
      <c r="H655016" s="12"/>
    </row>
    <row r="655017" spans="8:8">
      <c r="H655017" s="12"/>
    </row>
    <row r="655018" spans="8:8">
      <c r="H655018" s="12"/>
    </row>
    <row r="655019" spans="8:8">
      <c r="H655019" s="12"/>
    </row>
    <row r="655020" spans="8:8">
      <c r="H655020" s="12"/>
    </row>
    <row r="655021" spans="8:8">
      <c r="H655021" s="12"/>
    </row>
    <row r="655022" spans="8:8">
      <c r="H655022" s="12"/>
    </row>
    <row r="655023" spans="8:8">
      <c r="H655023" s="12"/>
    </row>
    <row r="655024" spans="8:8">
      <c r="H655024" s="12"/>
    </row>
    <row r="655025" spans="8:8">
      <c r="H655025" s="12"/>
    </row>
    <row r="655026" spans="8:8">
      <c r="H655026" s="12"/>
    </row>
    <row r="655027" spans="8:8">
      <c r="H655027" s="12"/>
    </row>
    <row r="655028" spans="8:8">
      <c r="H655028" s="12"/>
    </row>
    <row r="655029" spans="8:8">
      <c r="H655029" s="12"/>
    </row>
    <row r="655030" spans="8:8">
      <c r="H655030" s="12"/>
    </row>
    <row r="655031" spans="8:8">
      <c r="H655031" s="12"/>
    </row>
    <row r="655032" spans="8:8">
      <c r="H655032" s="12"/>
    </row>
    <row r="655033" spans="8:8">
      <c r="H655033" s="12"/>
    </row>
    <row r="655034" spans="8:8">
      <c r="H655034" s="12"/>
    </row>
    <row r="655035" spans="8:8">
      <c r="H655035" s="12"/>
    </row>
    <row r="655036" spans="8:8">
      <c r="H655036" s="12"/>
    </row>
    <row r="655037" spans="8:8">
      <c r="H655037" s="12"/>
    </row>
    <row r="655038" spans="8:8">
      <c r="H655038" s="12"/>
    </row>
    <row r="655039" spans="8:8">
      <c r="H655039" s="12"/>
    </row>
    <row r="655040" spans="8:8">
      <c r="H655040" s="12"/>
    </row>
    <row r="655041" spans="8:8">
      <c r="H655041" s="12"/>
    </row>
    <row r="655042" spans="8:8">
      <c r="H655042" s="12"/>
    </row>
    <row r="655043" spans="8:8">
      <c r="H655043" s="12"/>
    </row>
    <row r="655044" spans="8:8">
      <c r="H655044" s="12"/>
    </row>
    <row r="655045" spans="8:8">
      <c r="H655045" s="12"/>
    </row>
    <row r="655046" spans="8:8">
      <c r="H655046" s="12"/>
    </row>
    <row r="655047" spans="8:8">
      <c r="H655047" s="12"/>
    </row>
    <row r="655048" spans="8:8">
      <c r="H655048" s="12"/>
    </row>
    <row r="655049" spans="8:8">
      <c r="H655049" s="12"/>
    </row>
    <row r="655050" spans="8:8">
      <c r="H655050" s="12"/>
    </row>
    <row r="655051" spans="8:8">
      <c r="H655051" s="12"/>
    </row>
    <row r="655052" spans="8:8">
      <c r="H655052" s="12"/>
    </row>
    <row r="655053" spans="8:8">
      <c r="H655053" s="12"/>
    </row>
    <row r="655054" spans="8:8">
      <c r="H655054" s="12"/>
    </row>
    <row r="655055" spans="8:8">
      <c r="H655055" s="12"/>
    </row>
    <row r="655056" spans="8:8">
      <c r="H655056" s="12"/>
    </row>
    <row r="655057" spans="8:8">
      <c r="H655057" s="12"/>
    </row>
    <row r="655058" spans="8:8">
      <c r="H655058" s="12"/>
    </row>
    <row r="655059" spans="8:8">
      <c r="H655059" s="12"/>
    </row>
    <row r="655060" spans="8:8">
      <c r="H655060" s="12"/>
    </row>
    <row r="655061" spans="8:8">
      <c r="H655061" s="12"/>
    </row>
    <row r="655062" spans="8:8">
      <c r="H655062" s="12"/>
    </row>
    <row r="655063" spans="8:8">
      <c r="H655063" s="12"/>
    </row>
    <row r="655064" spans="8:8">
      <c r="H655064" s="12"/>
    </row>
    <row r="655065" spans="8:8">
      <c r="H655065" s="12"/>
    </row>
    <row r="655066" spans="8:8">
      <c r="H655066" s="12"/>
    </row>
    <row r="655067" spans="8:8">
      <c r="H655067" s="12"/>
    </row>
    <row r="655068" spans="8:8">
      <c r="H655068" s="12"/>
    </row>
    <row r="655069" spans="8:8">
      <c r="H655069" s="12"/>
    </row>
    <row r="655070" spans="8:8">
      <c r="H655070" s="12"/>
    </row>
    <row r="655071" spans="8:8">
      <c r="H655071" s="12"/>
    </row>
    <row r="655072" spans="8:8">
      <c r="H655072" s="12"/>
    </row>
    <row r="655073" spans="8:8">
      <c r="H655073" s="12"/>
    </row>
    <row r="655074" spans="8:8">
      <c r="H655074" s="12"/>
    </row>
    <row r="655075" spans="8:8">
      <c r="H655075" s="12"/>
    </row>
    <row r="655076" spans="8:8">
      <c r="H655076" s="12"/>
    </row>
    <row r="655077" spans="8:8">
      <c r="H655077" s="12"/>
    </row>
    <row r="655078" spans="8:8">
      <c r="H655078" s="12"/>
    </row>
    <row r="655079" spans="8:8">
      <c r="H655079" s="12"/>
    </row>
    <row r="655080" spans="8:8">
      <c r="H655080" s="12"/>
    </row>
    <row r="655081" spans="8:8">
      <c r="H655081" s="12"/>
    </row>
    <row r="655082" spans="8:8">
      <c r="H655082" s="12"/>
    </row>
    <row r="655083" spans="8:8">
      <c r="H655083" s="12"/>
    </row>
    <row r="655084" spans="8:8">
      <c r="H655084" s="12"/>
    </row>
    <row r="655085" spans="8:8">
      <c r="H655085" s="12"/>
    </row>
    <row r="655086" spans="8:8">
      <c r="H655086" s="12"/>
    </row>
    <row r="655087" spans="8:8">
      <c r="H655087" s="12"/>
    </row>
    <row r="655088" spans="8:8">
      <c r="H655088" s="12"/>
    </row>
    <row r="655089" spans="8:8">
      <c r="H655089" s="12"/>
    </row>
    <row r="655090" spans="8:8">
      <c r="H655090" s="12"/>
    </row>
    <row r="655091" spans="8:8">
      <c r="H655091" s="12"/>
    </row>
    <row r="655092" spans="8:8">
      <c r="H655092" s="12"/>
    </row>
    <row r="655093" spans="8:8">
      <c r="H655093" s="12"/>
    </row>
    <row r="655094" spans="8:8">
      <c r="H655094" s="12"/>
    </row>
    <row r="655095" spans="8:8">
      <c r="H655095" s="12"/>
    </row>
    <row r="655096" spans="8:8">
      <c r="H655096" s="12"/>
    </row>
    <row r="655097" spans="8:8">
      <c r="H655097" s="12"/>
    </row>
    <row r="655098" spans="8:8">
      <c r="H655098" s="12"/>
    </row>
    <row r="655099" spans="8:8">
      <c r="H655099" s="12"/>
    </row>
    <row r="655100" spans="8:8">
      <c r="H655100" s="12"/>
    </row>
    <row r="655101" spans="8:8">
      <c r="H655101" s="12"/>
    </row>
    <row r="655102" spans="8:8">
      <c r="H655102" s="12"/>
    </row>
    <row r="655103" spans="8:8">
      <c r="H655103" s="12"/>
    </row>
    <row r="655104" spans="8:8">
      <c r="H655104" s="12"/>
    </row>
    <row r="655105" spans="8:8">
      <c r="H655105" s="12"/>
    </row>
    <row r="655106" spans="8:8">
      <c r="H655106" s="12"/>
    </row>
    <row r="655107" spans="8:8">
      <c r="H655107" s="12"/>
    </row>
    <row r="655108" spans="8:8">
      <c r="H655108" s="12"/>
    </row>
    <row r="655109" spans="8:8">
      <c r="H655109" s="12"/>
    </row>
    <row r="655110" spans="8:8">
      <c r="H655110" s="12"/>
    </row>
    <row r="655111" spans="8:8">
      <c r="H655111" s="12"/>
    </row>
    <row r="655112" spans="8:8">
      <c r="H655112" s="12"/>
    </row>
    <row r="655113" spans="8:8">
      <c r="H655113" s="12"/>
    </row>
    <row r="655114" spans="8:8">
      <c r="H655114" s="12"/>
    </row>
    <row r="655115" spans="8:8">
      <c r="H655115" s="12"/>
    </row>
    <row r="655116" spans="8:8">
      <c r="H655116" s="12"/>
    </row>
    <row r="655117" spans="8:8">
      <c r="H655117" s="12"/>
    </row>
    <row r="655118" spans="8:8">
      <c r="H655118" s="12"/>
    </row>
    <row r="655119" spans="8:8">
      <c r="H655119" s="12"/>
    </row>
    <row r="655120" spans="8:8">
      <c r="H655120" s="12"/>
    </row>
    <row r="655121" spans="8:8">
      <c r="H655121" s="12"/>
    </row>
    <row r="655122" spans="8:8">
      <c r="H655122" s="12"/>
    </row>
    <row r="655123" spans="8:8">
      <c r="H655123" s="12"/>
    </row>
    <row r="655124" spans="8:8">
      <c r="H655124" s="12"/>
    </row>
    <row r="655125" spans="8:8">
      <c r="H655125" s="12"/>
    </row>
    <row r="655126" spans="8:8">
      <c r="H655126" s="12"/>
    </row>
    <row r="655127" spans="8:8">
      <c r="H655127" s="12"/>
    </row>
    <row r="655128" spans="8:8">
      <c r="H655128" s="12"/>
    </row>
    <row r="655129" spans="8:8">
      <c r="H655129" s="12"/>
    </row>
    <row r="655130" spans="8:8">
      <c r="H655130" s="12"/>
    </row>
    <row r="655131" spans="8:8">
      <c r="H655131" s="12"/>
    </row>
    <row r="655132" spans="8:8">
      <c r="H655132" s="12"/>
    </row>
    <row r="655133" spans="8:8">
      <c r="H655133" s="12"/>
    </row>
    <row r="655134" spans="8:8">
      <c r="H655134" s="12"/>
    </row>
    <row r="655135" spans="8:8">
      <c r="H655135" s="12"/>
    </row>
    <row r="655136" spans="8:8">
      <c r="H655136" s="12"/>
    </row>
    <row r="655137" spans="8:8">
      <c r="H655137" s="12"/>
    </row>
    <row r="655138" spans="8:8">
      <c r="H655138" s="12"/>
    </row>
    <row r="655139" spans="8:8">
      <c r="H655139" s="12"/>
    </row>
    <row r="655140" spans="8:8">
      <c r="H655140" s="12"/>
    </row>
    <row r="655141" spans="8:8">
      <c r="H655141" s="12"/>
    </row>
    <row r="655142" spans="8:8">
      <c r="H655142" s="12"/>
    </row>
    <row r="655143" spans="8:8">
      <c r="H655143" s="12"/>
    </row>
    <row r="655144" spans="8:8">
      <c r="H655144" s="12"/>
    </row>
    <row r="655145" spans="8:8">
      <c r="H655145" s="12"/>
    </row>
    <row r="655146" spans="8:8">
      <c r="H655146" s="12"/>
    </row>
    <row r="655147" spans="8:8">
      <c r="H655147" s="12"/>
    </row>
    <row r="655148" spans="8:8">
      <c r="H655148" s="12"/>
    </row>
    <row r="655149" spans="8:8">
      <c r="H655149" s="12"/>
    </row>
    <row r="655150" spans="8:8">
      <c r="H655150" s="12"/>
    </row>
    <row r="655151" spans="8:8">
      <c r="H655151" s="12"/>
    </row>
    <row r="655152" spans="8:8">
      <c r="H655152" s="12"/>
    </row>
    <row r="655153" spans="8:8">
      <c r="H655153" s="12"/>
    </row>
    <row r="655154" spans="8:8">
      <c r="H655154" s="12"/>
    </row>
    <row r="655155" spans="8:8">
      <c r="H655155" s="12"/>
    </row>
    <row r="655156" spans="8:8">
      <c r="H655156" s="12"/>
    </row>
    <row r="655157" spans="8:8">
      <c r="H655157" s="12"/>
    </row>
    <row r="655158" spans="8:8">
      <c r="H655158" s="12"/>
    </row>
    <row r="655159" spans="8:8">
      <c r="H655159" s="12"/>
    </row>
    <row r="655160" spans="8:8">
      <c r="H655160" s="12"/>
    </row>
    <row r="655161" spans="8:8">
      <c r="H655161" s="12"/>
    </row>
    <row r="655162" spans="8:8">
      <c r="H655162" s="12"/>
    </row>
    <row r="655163" spans="8:8">
      <c r="H655163" s="12"/>
    </row>
    <row r="655164" spans="8:8">
      <c r="H655164" s="12"/>
    </row>
    <row r="655165" spans="8:8">
      <c r="H655165" s="12"/>
    </row>
    <row r="655166" spans="8:8">
      <c r="H655166" s="12"/>
    </row>
    <row r="655167" spans="8:8">
      <c r="H655167" s="12"/>
    </row>
    <row r="655168" spans="8:8">
      <c r="H655168" s="12"/>
    </row>
    <row r="655169" spans="8:8">
      <c r="H655169" s="12"/>
    </row>
    <row r="655170" spans="8:8">
      <c r="H655170" s="12"/>
    </row>
    <row r="655171" spans="8:8">
      <c r="H655171" s="12"/>
    </row>
    <row r="655172" spans="8:8">
      <c r="H655172" s="12"/>
    </row>
    <row r="655173" spans="8:8">
      <c r="H655173" s="12"/>
    </row>
    <row r="655174" spans="8:8">
      <c r="H655174" s="12"/>
    </row>
    <row r="655175" spans="8:8">
      <c r="H655175" s="12"/>
    </row>
    <row r="655176" spans="8:8">
      <c r="H655176" s="12"/>
    </row>
    <row r="655177" spans="8:8">
      <c r="H655177" s="12"/>
    </row>
    <row r="655178" spans="8:8">
      <c r="H655178" s="12"/>
    </row>
    <row r="655179" spans="8:8">
      <c r="H655179" s="12"/>
    </row>
    <row r="655180" spans="8:8">
      <c r="H655180" s="12"/>
    </row>
    <row r="655181" spans="8:8">
      <c r="H655181" s="12"/>
    </row>
    <row r="655182" spans="8:8">
      <c r="H655182" s="12"/>
    </row>
    <row r="655183" spans="8:8">
      <c r="H655183" s="12"/>
    </row>
    <row r="655184" spans="8:8">
      <c r="H655184" s="12"/>
    </row>
    <row r="655185" spans="8:8">
      <c r="H655185" s="12"/>
    </row>
    <row r="655186" spans="8:8">
      <c r="H655186" s="12"/>
    </row>
    <row r="655187" spans="8:8">
      <c r="H655187" s="12"/>
    </row>
    <row r="655188" spans="8:8">
      <c r="H655188" s="12"/>
    </row>
    <row r="655189" spans="8:8">
      <c r="H655189" s="12"/>
    </row>
    <row r="655190" spans="8:8">
      <c r="H655190" s="12"/>
    </row>
    <row r="655191" spans="8:8">
      <c r="H655191" s="12"/>
    </row>
    <row r="655192" spans="8:8">
      <c r="H655192" s="12"/>
    </row>
    <row r="655193" spans="8:8">
      <c r="H655193" s="12"/>
    </row>
    <row r="655194" spans="8:8">
      <c r="H655194" s="12"/>
    </row>
    <row r="655195" spans="8:8">
      <c r="H655195" s="12"/>
    </row>
    <row r="655196" spans="8:8">
      <c r="H655196" s="12"/>
    </row>
    <row r="655197" spans="8:8">
      <c r="H655197" s="12"/>
    </row>
    <row r="655198" spans="8:8">
      <c r="H655198" s="12"/>
    </row>
    <row r="655199" spans="8:8">
      <c r="H655199" s="12"/>
    </row>
    <row r="655200" spans="8:8">
      <c r="H655200" s="12"/>
    </row>
    <row r="655201" spans="8:8">
      <c r="H655201" s="12"/>
    </row>
    <row r="655202" spans="8:8">
      <c r="H655202" s="12"/>
    </row>
    <row r="655203" spans="8:8">
      <c r="H655203" s="12"/>
    </row>
    <row r="655204" spans="8:8">
      <c r="H655204" s="12"/>
    </row>
    <row r="655205" spans="8:8">
      <c r="H655205" s="12"/>
    </row>
    <row r="655206" spans="8:8">
      <c r="H655206" s="12"/>
    </row>
    <row r="655207" spans="8:8">
      <c r="H655207" s="12"/>
    </row>
    <row r="655208" spans="8:8">
      <c r="H655208" s="12"/>
    </row>
    <row r="655209" spans="8:8">
      <c r="H655209" s="12"/>
    </row>
    <row r="655210" spans="8:8">
      <c r="H655210" s="12"/>
    </row>
    <row r="655211" spans="8:8">
      <c r="H655211" s="12"/>
    </row>
    <row r="655212" spans="8:8">
      <c r="H655212" s="12"/>
    </row>
    <row r="655213" spans="8:8">
      <c r="H655213" s="12"/>
    </row>
    <row r="655214" spans="8:8">
      <c r="H655214" s="12"/>
    </row>
    <row r="655215" spans="8:8">
      <c r="H655215" s="12"/>
    </row>
    <row r="655216" spans="8:8">
      <c r="H655216" s="12"/>
    </row>
    <row r="655217" spans="8:8">
      <c r="H655217" s="12"/>
    </row>
    <row r="655218" spans="8:8">
      <c r="H655218" s="12"/>
    </row>
    <row r="655219" spans="8:8">
      <c r="H655219" s="12"/>
    </row>
    <row r="655220" spans="8:8">
      <c r="H655220" s="12"/>
    </row>
    <row r="655221" spans="8:8">
      <c r="H655221" s="12"/>
    </row>
    <row r="655222" spans="8:8">
      <c r="H655222" s="12"/>
    </row>
    <row r="655223" spans="8:8">
      <c r="H655223" s="12"/>
    </row>
    <row r="655224" spans="8:8">
      <c r="H655224" s="12"/>
    </row>
    <row r="655225" spans="8:8">
      <c r="H655225" s="12"/>
    </row>
    <row r="655226" spans="8:8">
      <c r="H655226" s="12"/>
    </row>
    <row r="655227" spans="8:8">
      <c r="H655227" s="12"/>
    </row>
    <row r="655228" spans="8:8">
      <c r="H655228" s="12"/>
    </row>
    <row r="655229" spans="8:8">
      <c r="H655229" s="12"/>
    </row>
    <row r="655230" spans="8:8">
      <c r="H655230" s="12"/>
    </row>
    <row r="655231" spans="8:8">
      <c r="H655231" s="12"/>
    </row>
    <row r="655232" spans="8:8">
      <c r="H655232" s="12"/>
    </row>
    <row r="655233" spans="8:8">
      <c r="H655233" s="12"/>
    </row>
    <row r="655234" spans="8:8">
      <c r="H655234" s="12"/>
    </row>
    <row r="655235" spans="8:8">
      <c r="H655235" s="12"/>
    </row>
    <row r="655236" spans="8:8">
      <c r="H655236" s="12"/>
    </row>
    <row r="655237" spans="8:8">
      <c r="H655237" s="12"/>
    </row>
    <row r="655238" spans="8:8">
      <c r="H655238" s="12"/>
    </row>
    <row r="655239" spans="8:8">
      <c r="H655239" s="12"/>
    </row>
    <row r="655240" spans="8:8">
      <c r="H655240" s="12"/>
    </row>
    <row r="655241" spans="8:8">
      <c r="H655241" s="12"/>
    </row>
    <row r="655242" spans="8:8">
      <c r="H655242" s="12"/>
    </row>
    <row r="655243" spans="8:8">
      <c r="H655243" s="12"/>
    </row>
    <row r="655244" spans="8:8">
      <c r="H655244" s="12"/>
    </row>
    <row r="655245" spans="8:8">
      <c r="H655245" s="12"/>
    </row>
    <row r="655246" spans="8:8">
      <c r="H655246" s="12"/>
    </row>
    <row r="655247" spans="8:8">
      <c r="H655247" s="12"/>
    </row>
    <row r="655248" spans="8:8">
      <c r="H655248" s="12"/>
    </row>
    <row r="655249" spans="8:8">
      <c r="H655249" s="12"/>
    </row>
    <row r="655250" spans="8:8">
      <c r="H655250" s="12"/>
    </row>
    <row r="655251" spans="8:8">
      <c r="H655251" s="12"/>
    </row>
    <row r="655252" spans="8:8">
      <c r="H655252" s="12"/>
    </row>
    <row r="655253" spans="8:8">
      <c r="H655253" s="12"/>
    </row>
    <row r="655254" spans="8:8">
      <c r="H655254" s="12"/>
    </row>
    <row r="655255" spans="8:8">
      <c r="H655255" s="12"/>
    </row>
    <row r="655256" spans="8:8">
      <c r="H655256" s="12"/>
    </row>
    <row r="655257" spans="8:8">
      <c r="H655257" s="12"/>
    </row>
    <row r="655258" spans="8:8">
      <c r="H655258" s="12"/>
    </row>
    <row r="655259" spans="8:8">
      <c r="H655259" s="12"/>
    </row>
    <row r="655260" spans="8:8">
      <c r="H655260" s="12"/>
    </row>
    <row r="655261" spans="8:8">
      <c r="H655261" s="12"/>
    </row>
    <row r="655262" spans="8:8">
      <c r="H655262" s="12"/>
    </row>
    <row r="655263" spans="8:8">
      <c r="H655263" s="12"/>
    </row>
    <row r="655264" spans="8:8">
      <c r="H655264" s="12"/>
    </row>
    <row r="655265" spans="8:8">
      <c r="H655265" s="12"/>
    </row>
    <row r="655266" spans="8:8">
      <c r="H655266" s="12"/>
    </row>
    <row r="655267" spans="8:8">
      <c r="H655267" s="12"/>
    </row>
    <row r="655268" spans="8:8">
      <c r="H655268" s="12"/>
    </row>
    <row r="655269" spans="8:8">
      <c r="H655269" s="12"/>
    </row>
    <row r="655270" spans="8:8">
      <c r="H655270" s="12"/>
    </row>
    <row r="655271" spans="8:8">
      <c r="H655271" s="12"/>
    </row>
    <row r="655272" spans="8:8">
      <c r="H655272" s="12"/>
    </row>
    <row r="655273" spans="8:8">
      <c r="H655273" s="12"/>
    </row>
    <row r="655274" spans="8:8">
      <c r="H655274" s="12"/>
    </row>
    <row r="655275" spans="8:8">
      <c r="H655275" s="12"/>
    </row>
    <row r="655276" spans="8:8">
      <c r="H655276" s="12"/>
    </row>
    <row r="655277" spans="8:8">
      <c r="H655277" s="12"/>
    </row>
    <row r="655278" spans="8:8">
      <c r="H655278" s="12"/>
    </row>
    <row r="655279" spans="8:8">
      <c r="H655279" s="12"/>
    </row>
    <row r="655280" spans="8:8">
      <c r="H655280" s="12"/>
    </row>
    <row r="655281" spans="8:8">
      <c r="H655281" s="12"/>
    </row>
    <row r="655282" spans="8:8">
      <c r="H655282" s="12"/>
    </row>
    <row r="655283" spans="8:8">
      <c r="H655283" s="12"/>
    </row>
    <row r="655284" spans="8:8">
      <c r="H655284" s="12"/>
    </row>
    <row r="655285" spans="8:8">
      <c r="H655285" s="12"/>
    </row>
    <row r="655286" spans="8:8">
      <c r="H655286" s="12"/>
    </row>
    <row r="655287" spans="8:8">
      <c r="H655287" s="12"/>
    </row>
    <row r="655288" spans="8:8">
      <c r="H655288" s="12"/>
    </row>
    <row r="655289" spans="8:8">
      <c r="H655289" s="12"/>
    </row>
    <row r="655290" spans="8:8">
      <c r="H655290" s="12"/>
    </row>
    <row r="655291" spans="8:8">
      <c r="H655291" s="12"/>
    </row>
    <row r="655292" spans="8:8">
      <c r="H655292" s="12"/>
    </row>
    <row r="655293" spans="8:8">
      <c r="H655293" s="12"/>
    </row>
    <row r="655294" spans="8:8">
      <c r="H655294" s="12"/>
    </row>
    <row r="655295" spans="8:8">
      <c r="H655295" s="12"/>
    </row>
    <row r="655296" spans="8:8">
      <c r="H655296" s="12"/>
    </row>
    <row r="655297" spans="8:8">
      <c r="H655297" s="12"/>
    </row>
    <row r="655298" spans="8:8">
      <c r="H655298" s="12"/>
    </row>
    <row r="655299" spans="8:8">
      <c r="H655299" s="12"/>
    </row>
    <row r="655300" spans="8:8">
      <c r="H655300" s="12"/>
    </row>
    <row r="655301" spans="8:8">
      <c r="H655301" s="12"/>
    </row>
    <row r="655302" spans="8:8">
      <c r="H655302" s="12"/>
    </row>
    <row r="655303" spans="8:8">
      <c r="H655303" s="12"/>
    </row>
    <row r="655304" spans="8:8">
      <c r="H655304" s="12"/>
    </row>
    <row r="655305" spans="8:8">
      <c r="H655305" s="12"/>
    </row>
    <row r="655306" spans="8:8">
      <c r="H655306" s="12"/>
    </row>
    <row r="655307" spans="8:8">
      <c r="H655307" s="12"/>
    </row>
    <row r="655308" spans="8:8">
      <c r="H655308" s="12"/>
    </row>
    <row r="655309" spans="8:8">
      <c r="H655309" s="12"/>
    </row>
    <row r="655310" spans="8:8">
      <c r="H655310" s="12"/>
    </row>
    <row r="655311" spans="8:8">
      <c r="H655311" s="12"/>
    </row>
    <row r="655312" spans="8:8">
      <c r="H655312" s="12"/>
    </row>
    <row r="655313" spans="8:8">
      <c r="H655313" s="12"/>
    </row>
    <row r="655314" spans="8:8">
      <c r="H655314" s="12"/>
    </row>
    <row r="655315" spans="8:8">
      <c r="H655315" s="12"/>
    </row>
    <row r="655316" spans="8:8">
      <c r="H655316" s="12"/>
    </row>
    <row r="655317" spans="8:8">
      <c r="H655317" s="12"/>
    </row>
    <row r="655318" spans="8:8">
      <c r="H655318" s="12"/>
    </row>
    <row r="655319" spans="8:8">
      <c r="H655319" s="12"/>
    </row>
    <row r="655320" spans="8:8">
      <c r="H655320" s="12"/>
    </row>
    <row r="655321" spans="8:8">
      <c r="H655321" s="12"/>
    </row>
    <row r="655322" spans="8:8">
      <c r="H655322" s="12"/>
    </row>
    <row r="655323" spans="8:8">
      <c r="H655323" s="12"/>
    </row>
    <row r="655324" spans="8:8">
      <c r="H655324" s="12"/>
    </row>
    <row r="655325" spans="8:8">
      <c r="H655325" s="12"/>
    </row>
    <row r="655326" spans="8:8">
      <c r="H655326" s="12"/>
    </row>
    <row r="655327" spans="8:8">
      <c r="H655327" s="12"/>
    </row>
    <row r="655328" spans="8:8">
      <c r="H655328" s="12"/>
    </row>
    <row r="655329" spans="8:8">
      <c r="H655329" s="12"/>
    </row>
    <row r="655330" spans="8:8">
      <c r="H655330" s="12"/>
    </row>
    <row r="655331" spans="8:8">
      <c r="H655331" s="12"/>
    </row>
    <row r="655332" spans="8:8">
      <c r="H655332" s="12"/>
    </row>
    <row r="655333" spans="8:8">
      <c r="H655333" s="12"/>
    </row>
    <row r="655334" spans="8:8">
      <c r="H655334" s="12"/>
    </row>
    <row r="655335" spans="8:8">
      <c r="H655335" s="12"/>
    </row>
    <row r="655336" spans="8:8">
      <c r="H655336" s="12"/>
    </row>
    <row r="655337" spans="8:8">
      <c r="H655337" s="12"/>
    </row>
    <row r="655338" spans="8:8">
      <c r="H655338" s="12"/>
    </row>
    <row r="655339" spans="8:8">
      <c r="H655339" s="12"/>
    </row>
    <row r="655340" spans="8:8">
      <c r="H655340" s="12"/>
    </row>
    <row r="655341" spans="8:8">
      <c r="H655341" s="12"/>
    </row>
    <row r="655342" spans="8:8">
      <c r="H655342" s="12"/>
    </row>
    <row r="655343" spans="8:8">
      <c r="H655343" s="12"/>
    </row>
    <row r="655344" spans="8:8">
      <c r="H655344" s="12"/>
    </row>
    <row r="655345" spans="8:8">
      <c r="H655345" s="12"/>
    </row>
    <row r="655346" spans="8:8">
      <c r="H655346" s="12"/>
    </row>
    <row r="655347" spans="8:8">
      <c r="H655347" s="12"/>
    </row>
    <row r="655348" spans="8:8">
      <c r="H655348" s="12"/>
    </row>
    <row r="655349" spans="8:8">
      <c r="H655349" s="12"/>
    </row>
    <row r="655350" spans="8:8">
      <c r="H655350" s="12"/>
    </row>
    <row r="655351" spans="8:8">
      <c r="H655351" s="12"/>
    </row>
    <row r="655352" spans="8:8">
      <c r="H655352" s="12"/>
    </row>
    <row r="655353" spans="8:8">
      <c r="H655353" s="12"/>
    </row>
    <row r="655354" spans="8:8">
      <c r="H655354" s="12"/>
    </row>
    <row r="655355" spans="8:8">
      <c r="H655355" s="12"/>
    </row>
    <row r="655356" spans="8:8">
      <c r="H655356" s="12"/>
    </row>
    <row r="655357" spans="8:8">
      <c r="H655357" s="12"/>
    </row>
    <row r="655358" spans="8:8">
      <c r="H655358" s="12"/>
    </row>
    <row r="655359" spans="8:8">
      <c r="H655359" s="12"/>
    </row>
    <row r="655360" spans="8:8">
      <c r="H655360" s="12"/>
    </row>
    <row r="655361" spans="8:8">
      <c r="H655361" s="12"/>
    </row>
    <row r="655362" spans="8:8">
      <c r="H655362" s="12"/>
    </row>
    <row r="655363" spans="8:8">
      <c r="H655363" s="12"/>
    </row>
    <row r="655364" spans="8:8">
      <c r="H655364" s="12"/>
    </row>
    <row r="655365" spans="8:8">
      <c r="H655365" s="12"/>
    </row>
    <row r="655366" spans="8:8">
      <c r="H655366" s="12"/>
    </row>
    <row r="655367" spans="8:8">
      <c r="H655367" s="12"/>
    </row>
    <row r="655368" spans="8:8">
      <c r="H655368" s="12"/>
    </row>
    <row r="655369" spans="8:8">
      <c r="H655369" s="12"/>
    </row>
    <row r="655370" spans="8:8">
      <c r="H655370" s="12"/>
    </row>
    <row r="655371" spans="8:8">
      <c r="H655371" s="12"/>
    </row>
    <row r="655372" spans="8:8">
      <c r="H655372" s="12"/>
    </row>
    <row r="655373" spans="8:8">
      <c r="H655373" s="12"/>
    </row>
    <row r="655374" spans="8:8">
      <c r="H655374" s="12"/>
    </row>
    <row r="655375" spans="8:8">
      <c r="H655375" s="12"/>
    </row>
    <row r="655376" spans="8:8">
      <c r="H655376" s="12"/>
    </row>
    <row r="655377" spans="8:8">
      <c r="H655377" s="12"/>
    </row>
    <row r="655378" spans="8:8">
      <c r="H655378" s="12"/>
    </row>
    <row r="655379" spans="8:8">
      <c r="H655379" s="12"/>
    </row>
    <row r="655380" spans="8:8">
      <c r="H655380" s="12"/>
    </row>
    <row r="655381" spans="8:8">
      <c r="H655381" s="12"/>
    </row>
    <row r="655382" spans="8:8">
      <c r="H655382" s="12"/>
    </row>
    <row r="655383" spans="8:8">
      <c r="H655383" s="12"/>
    </row>
    <row r="655384" spans="8:8">
      <c r="H655384" s="12"/>
    </row>
    <row r="655385" spans="8:8">
      <c r="H655385" s="12"/>
    </row>
    <row r="655386" spans="8:8">
      <c r="H655386" s="12"/>
    </row>
    <row r="655387" spans="8:8">
      <c r="H655387" s="12"/>
    </row>
    <row r="655388" spans="8:8">
      <c r="H655388" s="12"/>
    </row>
    <row r="655389" spans="8:8">
      <c r="H655389" s="12"/>
    </row>
    <row r="655390" spans="8:8">
      <c r="H655390" s="12"/>
    </row>
    <row r="655391" spans="8:8">
      <c r="H655391" s="12"/>
    </row>
    <row r="655392" spans="8:8">
      <c r="H655392" s="12"/>
    </row>
    <row r="655393" spans="8:8">
      <c r="H655393" s="12"/>
    </row>
    <row r="655394" spans="8:8">
      <c r="H655394" s="12"/>
    </row>
    <row r="655395" spans="8:8">
      <c r="H655395" s="12"/>
    </row>
    <row r="655396" spans="8:8">
      <c r="H655396" s="12"/>
    </row>
    <row r="655397" spans="8:8">
      <c r="H655397" s="12"/>
    </row>
    <row r="655398" spans="8:8">
      <c r="H655398" s="12"/>
    </row>
    <row r="655399" spans="8:8">
      <c r="H655399" s="12"/>
    </row>
    <row r="655400" spans="8:8">
      <c r="H655400" s="12"/>
    </row>
    <row r="655401" spans="8:8">
      <c r="H655401" s="12"/>
    </row>
    <row r="655402" spans="8:8">
      <c r="H655402" s="12"/>
    </row>
    <row r="655403" spans="8:8">
      <c r="H655403" s="12"/>
    </row>
    <row r="655404" spans="8:8">
      <c r="H655404" s="12"/>
    </row>
    <row r="655405" spans="8:8">
      <c r="H655405" s="12"/>
    </row>
    <row r="655406" spans="8:8">
      <c r="H655406" s="12"/>
    </row>
    <row r="655407" spans="8:8">
      <c r="H655407" s="12"/>
    </row>
    <row r="655408" spans="8:8">
      <c r="H655408" s="12"/>
    </row>
    <row r="655409" spans="8:8">
      <c r="H655409" s="12"/>
    </row>
    <row r="655410" spans="8:8">
      <c r="H655410" s="12"/>
    </row>
    <row r="655411" spans="8:8">
      <c r="H655411" s="12"/>
    </row>
    <row r="655412" spans="8:8">
      <c r="H655412" s="12"/>
    </row>
    <row r="655413" spans="8:8">
      <c r="H655413" s="12"/>
    </row>
    <row r="655414" spans="8:8">
      <c r="H655414" s="12"/>
    </row>
    <row r="655415" spans="8:8">
      <c r="H655415" s="12"/>
    </row>
    <row r="655416" spans="8:8">
      <c r="H655416" s="12"/>
    </row>
    <row r="655417" spans="8:8">
      <c r="H655417" s="12"/>
    </row>
    <row r="655418" spans="8:8">
      <c r="H655418" s="12"/>
    </row>
    <row r="655419" spans="8:8">
      <c r="H655419" s="12"/>
    </row>
    <row r="655420" spans="8:8">
      <c r="H655420" s="12"/>
    </row>
    <row r="655421" spans="8:8">
      <c r="H655421" s="12"/>
    </row>
    <row r="655422" spans="8:8">
      <c r="H655422" s="12"/>
    </row>
    <row r="655423" spans="8:8">
      <c r="H655423" s="12"/>
    </row>
    <row r="655424" spans="8:8">
      <c r="H655424" s="12"/>
    </row>
    <row r="655425" spans="8:8">
      <c r="H655425" s="12"/>
    </row>
    <row r="655426" spans="8:8">
      <c r="H655426" s="12"/>
    </row>
    <row r="655427" spans="8:8">
      <c r="H655427" s="12"/>
    </row>
    <row r="655428" spans="8:8">
      <c r="H655428" s="12"/>
    </row>
    <row r="655429" spans="8:8">
      <c r="H655429" s="12"/>
    </row>
    <row r="655430" spans="8:8">
      <c r="H655430" s="12"/>
    </row>
    <row r="655431" spans="8:8">
      <c r="H655431" s="12"/>
    </row>
    <row r="655432" spans="8:8">
      <c r="H655432" s="12"/>
    </row>
    <row r="655433" spans="8:8">
      <c r="H655433" s="12"/>
    </row>
    <row r="655434" spans="8:8">
      <c r="H655434" s="12"/>
    </row>
    <row r="655435" spans="8:8">
      <c r="H655435" s="12"/>
    </row>
    <row r="655436" spans="8:8">
      <c r="H655436" s="12"/>
    </row>
    <row r="655437" spans="8:8">
      <c r="H655437" s="12"/>
    </row>
    <row r="655438" spans="8:8">
      <c r="H655438" s="12"/>
    </row>
    <row r="655439" spans="8:8">
      <c r="H655439" s="12"/>
    </row>
    <row r="655440" spans="8:8">
      <c r="H655440" s="12"/>
    </row>
    <row r="655441" spans="8:8">
      <c r="H655441" s="12"/>
    </row>
    <row r="655442" spans="8:8">
      <c r="H655442" s="12"/>
    </row>
    <row r="655443" spans="8:8">
      <c r="H655443" s="12"/>
    </row>
    <row r="655444" spans="8:8">
      <c r="H655444" s="12"/>
    </row>
    <row r="655445" spans="8:8">
      <c r="H655445" s="12"/>
    </row>
    <row r="655446" spans="8:8">
      <c r="H655446" s="12"/>
    </row>
    <row r="655447" spans="8:8">
      <c r="H655447" s="12"/>
    </row>
    <row r="655448" spans="8:8">
      <c r="H655448" s="12"/>
    </row>
    <row r="655449" spans="8:8">
      <c r="H655449" s="12"/>
    </row>
    <row r="655450" spans="8:8">
      <c r="H655450" s="12"/>
    </row>
    <row r="655451" spans="8:8">
      <c r="H655451" s="12"/>
    </row>
    <row r="655452" spans="8:8">
      <c r="H655452" s="12"/>
    </row>
    <row r="655453" spans="8:8">
      <c r="H655453" s="12"/>
    </row>
    <row r="655454" spans="8:8">
      <c r="H655454" s="12"/>
    </row>
    <row r="655455" spans="8:8">
      <c r="H655455" s="12"/>
    </row>
    <row r="655456" spans="8:8">
      <c r="H655456" s="12"/>
    </row>
    <row r="655457" spans="8:8">
      <c r="H655457" s="12"/>
    </row>
    <row r="655458" spans="8:8">
      <c r="H655458" s="12"/>
    </row>
    <row r="655459" spans="8:8">
      <c r="H655459" s="12"/>
    </row>
    <row r="655460" spans="8:8">
      <c r="H655460" s="12"/>
    </row>
    <row r="655461" spans="8:8">
      <c r="H655461" s="12"/>
    </row>
    <row r="655462" spans="8:8">
      <c r="H655462" s="12"/>
    </row>
    <row r="655463" spans="8:8">
      <c r="H655463" s="12"/>
    </row>
    <row r="655464" spans="8:8">
      <c r="H655464" s="12"/>
    </row>
    <row r="655465" spans="8:8">
      <c r="H655465" s="12"/>
    </row>
    <row r="655466" spans="8:8">
      <c r="H655466" s="12"/>
    </row>
    <row r="655467" spans="8:8">
      <c r="H655467" s="12"/>
    </row>
    <row r="655468" spans="8:8">
      <c r="H655468" s="12"/>
    </row>
    <row r="655469" spans="8:8">
      <c r="H655469" s="12"/>
    </row>
    <row r="655470" spans="8:8">
      <c r="H655470" s="12"/>
    </row>
    <row r="655471" spans="8:8">
      <c r="H655471" s="12"/>
    </row>
    <row r="655472" spans="8:8">
      <c r="H655472" s="12"/>
    </row>
    <row r="655473" spans="8:8">
      <c r="H655473" s="12"/>
    </row>
    <row r="655474" spans="8:8">
      <c r="H655474" s="12"/>
    </row>
    <row r="655475" spans="8:8">
      <c r="H655475" s="12"/>
    </row>
    <row r="655476" spans="8:8">
      <c r="H655476" s="12"/>
    </row>
    <row r="655477" spans="8:8">
      <c r="H655477" s="12"/>
    </row>
    <row r="655478" spans="8:8">
      <c r="H655478" s="12"/>
    </row>
    <row r="655479" spans="8:8">
      <c r="H655479" s="12"/>
    </row>
    <row r="655480" spans="8:8">
      <c r="H655480" s="12"/>
    </row>
    <row r="655481" spans="8:8">
      <c r="H655481" s="12"/>
    </row>
    <row r="655482" spans="8:8">
      <c r="H655482" s="12"/>
    </row>
    <row r="655483" spans="8:8">
      <c r="H655483" s="12"/>
    </row>
    <row r="655484" spans="8:8">
      <c r="H655484" s="12"/>
    </row>
    <row r="655485" spans="8:8">
      <c r="H655485" s="12"/>
    </row>
    <row r="655486" spans="8:8">
      <c r="H655486" s="12"/>
    </row>
    <row r="655487" spans="8:8">
      <c r="H655487" s="12"/>
    </row>
    <row r="655488" spans="8:8">
      <c r="H655488" s="12"/>
    </row>
    <row r="655489" spans="8:8">
      <c r="H655489" s="12"/>
    </row>
    <row r="655490" spans="8:8">
      <c r="H655490" s="12"/>
    </row>
    <row r="655491" spans="8:8">
      <c r="H655491" s="12"/>
    </row>
    <row r="655492" spans="8:8">
      <c r="H655492" s="12"/>
    </row>
    <row r="655493" spans="8:8">
      <c r="H655493" s="12"/>
    </row>
    <row r="655494" spans="8:8">
      <c r="H655494" s="12"/>
    </row>
    <row r="655495" spans="8:8">
      <c r="H655495" s="12"/>
    </row>
    <row r="655496" spans="8:8">
      <c r="H655496" s="12"/>
    </row>
    <row r="655497" spans="8:8">
      <c r="H655497" s="12"/>
    </row>
    <row r="655498" spans="8:8">
      <c r="H655498" s="12"/>
    </row>
    <row r="655499" spans="8:8">
      <c r="H655499" s="12"/>
    </row>
    <row r="655500" spans="8:8">
      <c r="H655500" s="12"/>
    </row>
    <row r="655501" spans="8:8">
      <c r="H655501" s="12"/>
    </row>
    <row r="655502" spans="8:8">
      <c r="H655502" s="12"/>
    </row>
    <row r="655503" spans="8:8">
      <c r="H655503" s="12"/>
    </row>
    <row r="655504" spans="8:8">
      <c r="H655504" s="12"/>
    </row>
    <row r="655505" spans="8:8">
      <c r="H655505" s="12"/>
    </row>
    <row r="655506" spans="8:8">
      <c r="H655506" s="12"/>
    </row>
    <row r="655507" spans="8:8">
      <c r="H655507" s="12"/>
    </row>
    <row r="655508" spans="8:8">
      <c r="H655508" s="12"/>
    </row>
    <row r="655509" spans="8:8">
      <c r="H655509" s="12"/>
    </row>
    <row r="655510" spans="8:8">
      <c r="H655510" s="12"/>
    </row>
    <row r="655511" spans="8:8">
      <c r="H655511" s="12"/>
    </row>
    <row r="655512" spans="8:8">
      <c r="H655512" s="12"/>
    </row>
    <row r="655513" spans="8:8">
      <c r="H655513" s="12"/>
    </row>
    <row r="655514" spans="8:8">
      <c r="H655514" s="12"/>
    </row>
    <row r="655515" spans="8:8">
      <c r="H655515" s="12"/>
    </row>
    <row r="655516" spans="8:8">
      <c r="H655516" s="12"/>
    </row>
    <row r="655517" spans="8:8">
      <c r="H655517" s="12"/>
    </row>
    <row r="655518" spans="8:8">
      <c r="H655518" s="12"/>
    </row>
    <row r="655519" spans="8:8">
      <c r="H655519" s="12"/>
    </row>
    <row r="655520" spans="8:8">
      <c r="H655520" s="12"/>
    </row>
    <row r="655521" spans="8:8">
      <c r="H655521" s="12"/>
    </row>
    <row r="655522" spans="8:8">
      <c r="H655522" s="12"/>
    </row>
    <row r="655523" spans="8:8">
      <c r="H655523" s="12"/>
    </row>
    <row r="655524" spans="8:8">
      <c r="H655524" s="12"/>
    </row>
    <row r="655525" spans="8:8">
      <c r="H655525" s="12"/>
    </row>
    <row r="655526" spans="8:8">
      <c r="H655526" s="12"/>
    </row>
    <row r="655527" spans="8:8">
      <c r="H655527" s="12"/>
    </row>
    <row r="655528" spans="8:8">
      <c r="H655528" s="12"/>
    </row>
    <row r="655529" spans="8:8">
      <c r="H655529" s="12"/>
    </row>
    <row r="655530" spans="8:8">
      <c r="H655530" s="12"/>
    </row>
    <row r="655531" spans="8:8">
      <c r="H655531" s="12"/>
    </row>
    <row r="655532" spans="8:8">
      <c r="H655532" s="12"/>
    </row>
    <row r="655533" spans="8:8">
      <c r="H655533" s="12"/>
    </row>
    <row r="655534" spans="8:8">
      <c r="H655534" s="12"/>
    </row>
    <row r="655535" spans="8:8">
      <c r="H655535" s="12"/>
    </row>
    <row r="655536" spans="8:8">
      <c r="H655536" s="12"/>
    </row>
    <row r="655537" spans="8:8">
      <c r="H655537" s="12"/>
    </row>
    <row r="655538" spans="8:8">
      <c r="H655538" s="12"/>
    </row>
    <row r="655539" spans="8:8">
      <c r="H655539" s="12"/>
    </row>
    <row r="655540" spans="8:8">
      <c r="H655540" s="12"/>
    </row>
    <row r="655541" spans="8:8">
      <c r="H655541" s="12"/>
    </row>
    <row r="655542" spans="8:8">
      <c r="H655542" s="12"/>
    </row>
    <row r="655543" spans="8:8">
      <c r="H655543" s="12"/>
    </row>
    <row r="655544" spans="8:8">
      <c r="H655544" s="12"/>
    </row>
    <row r="655545" spans="8:8">
      <c r="H655545" s="12"/>
    </row>
    <row r="655546" spans="8:8">
      <c r="H655546" s="12"/>
    </row>
    <row r="655547" spans="8:8">
      <c r="H655547" s="12"/>
    </row>
    <row r="655548" spans="8:8">
      <c r="H655548" s="12"/>
    </row>
    <row r="655549" spans="8:8">
      <c r="H655549" s="12"/>
    </row>
    <row r="655550" spans="8:8">
      <c r="H655550" s="12"/>
    </row>
    <row r="655551" spans="8:8">
      <c r="H655551" s="12"/>
    </row>
    <row r="655552" spans="8:8">
      <c r="H655552" s="12"/>
    </row>
    <row r="655553" spans="8:8">
      <c r="H655553" s="12"/>
    </row>
    <row r="655554" spans="8:8">
      <c r="H655554" s="12"/>
    </row>
    <row r="655555" spans="8:8">
      <c r="H655555" s="12"/>
    </row>
    <row r="655556" spans="8:8">
      <c r="H655556" s="12"/>
    </row>
    <row r="655557" spans="8:8">
      <c r="H655557" s="12"/>
    </row>
    <row r="655558" spans="8:8">
      <c r="H655558" s="12"/>
    </row>
    <row r="655559" spans="8:8">
      <c r="H655559" s="12"/>
    </row>
    <row r="655560" spans="8:8">
      <c r="H655560" s="12"/>
    </row>
    <row r="655561" spans="8:8">
      <c r="H655561" s="12"/>
    </row>
    <row r="655562" spans="8:8">
      <c r="H655562" s="12"/>
    </row>
    <row r="655563" spans="8:8">
      <c r="H655563" s="12"/>
    </row>
    <row r="655564" spans="8:8">
      <c r="H655564" s="12"/>
    </row>
    <row r="655565" spans="8:8">
      <c r="H655565" s="12"/>
    </row>
    <row r="655566" spans="8:8">
      <c r="H655566" s="12"/>
    </row>
    <row r="655567" spans="8:8">
      <c r="H655567" s="12"/>
    </row>
    <row r="655568" spans="8:8">
      <c r="H655568" s="12"/>
    </row>
    <row r="655569" spans="8:8">
      <c r="H655569" s="12"/>
    </row>
    <row r="655570" spans="8:8">
      <c r="H655570" s="12"/>
    </row>
    <row r="655571" spans="8:8">
      <c r="H655571" s="12"/>
    </row>
    <row r="655572" spans="8:8">
      <c r="H655572" s="12"/>
    </row>
    <row r="655573" spans="8:8">
      <c r="H655573" s="12"/>
    </row>
    <row r="655574" spans="8:8">
      <c r="H655574" s="12"/>
    </row>
    <row r="655575" spans="8:8">
      <c r="H655575" s="12"/>
    </row>
    <row r="655576" spans="8:8">
      <c r="H655576" s="12"/>
    </row>
    <row r="655577" spans="8:8">
      <c r="H655577" s="12"/>
    </row>
    <row r="655578" spans="8:8">
      <c r="H655578" s="12"/>
    </row>
    <row r="655579" spans="8:8">
      <c r="H655579" s="12"/>
    </row>
    <row r="655580" spans="8:8">
      <c r="H655580" s="12"/>
    </row>
    <row r="655581" spans="8:8">
      <c r="H655581" s="12"/>
    </row>
    <row r="655582" spans="8:8">
      <c r="H655582" s="12"/>
    </row>
    <row r="655583" spans="8:8">
      <c r="H655583" s="12"/>
    </row>
    <row r="655584" spans="8:8">
      <c r="H655584" s="12"/>
    </row>
    <row r="655585" spans="8:8">
      <c r="H655585" s="12"/>
    </row>
    <row r="655586" spans="8:8">
      <c r="H655586" s="12"/>
    </row>
    <row r="655587" spans="8:8">
      <c r="H655587" s="12"/>
    </row>
    <row r="655588" spans="8:8">
      <c r="H655588" s="12"/>
    </row>
    <row r="655589" spans="8:8">
      <c r="H655589" s="12"/>
    </row>
    <row r="655590" spans="8:8">
      <c r="H655590" s="12"/>
    </row>
    <row r="655591" spans="8:8">
      <c r="H655591" s="12"/>
    </row>
    <row r="655592" spans="8:8">
      <c r="H655592" s="12"/>
    </row>
    <row r="655593" spans="8:8">
      <c r="H655593" s="12"/>
    </row>
    <row r="655594" spans="8:8">
      <c r="H655594" s="12"/>
    </row>
    <row r="655595" spans="8:8">
      <c r="H655595" s="12"/>
    </row>
    <row r="655596" spans="8:8">
      <c r="H655596" s="12"/>
    </row>
    <row r="655597" spans="8:8">
      <c r="H655597" s="12"/>
    </row>
    <row r="655598" spans="8:8">
      <c r="H655598" s="12"/>
    </row>
    <row r="655599" spans="8:8">
      <c r="H655599" s="12"/>
    </row>
    <row r="655600" spans="8:8">
      <c r="H655600" s="12"/>
    </row>
    <row r="655601" spans="8:8">
      <c r="H655601" s="12"/>
    </row>
    <row r="655602" spans="8:8">
      <c r="H655602" s="12"/>
    </row>
    <row r="655603" spans="8:8">
      <c r="H655603" s="12"/>
    </row>
    <row r="655604" spans="8:8">
      <c r="H655604" s="12"/>
    </row>
    <row r="655605" spans="8:8">
      <c r="H655605" s="12"/>
    </row>
    <row r="655606" spans="8:8">
      <c r="H655606" s="12"/>
    </row>
    <row r="655607" spans="8:8">
      <c r="H655607" s="12"/>
    </row>
    <row r="655608" spans="8:8">
      <c r="H655608" s="12"/>
    </row>
    <row r="655609" spans="8:8">
      <c r="H655609" s="12"/>
    </row>
    <row r="655610" spans="8:8">
      <c r="H655610" s="12"/>
    </row>
    <row r="655611" spans="8:8">
      <c r="H655611" s="12"/>
    </row>
    <row r="655612" spans="8:8">
      <c r="H655612" s="12"/>
    </row>
    <row r="655613" spans="8:8">
      <c r="H655613" s="12"/>
    </row>
    <row r="655614" spans="8:8">
      <c r="H655614" s="12"/>
    </row>
    <row r="655615" spans="8:8">
      <c r="H655615" s="12"/>
    </row>
    <row r="655616" spans="8:8">
      <c r="H655616" s="12"/>
    </row>
    <row r="655617" spans="8:8">
      <c r="H655617" s="12"/>
    </row>
    <row r="655618" spans="8:8">
      <c r="H655618" s="12"/>
    </row>
    <row r="655619" spans="8:8">
      <c r="H655619" s="12"/>
    </row>
    <row r="655620" spans="8:8">
      <c r="H655620" s="12"/>
    </row>
    <row r="655621" spans="8:8">
      <c r="H655621" s="12"/>
    </row>
    <row r="655622" spans="8:8">
      <c r="H655622" s="12"/>
    </row>
    <row r="655623" spans="8:8">
      <c r="H655623" s="12"/>
    </row>
    <row r="655624" spans="8:8">
      <c r="H655624" s="12"/>
    </row>
    <row r="655625" spans="8:8">
      <c r="H655625" s="12"/>
    </row>
    <row r="655626" spans="8:8">
      <c r="H655626" s="12"/>
    </row>
    <row r="655627" spans="8:8">
      <c r="H655627" s="12"/>
    </row>
    <row r="655628" spans="8:8">
      <c r="H655628" s="12"/>
    </row>
    <row r="655629" spans="8:8">
      <c r="H655629" s="12"/>
    </row>
    <row r="655630" spans="8:8">
      <c r="H655630" s="12"/>
    </row>
    <row r="655631" spans="8:8">
      <c r="H655631" s="12"/>
    </row>
    <row r="655632" spans="8:8">
      <c r="H655632" s="12"/>
    </row>
    <row r="655633" spans="8:8">
      <c r="H655633" s="12"/>
    </row>
    <row r="655634" spans="8:8">
      <c r="H655634" s="12"/>
    </row>
    <row r="655635" spans="8:8">
      <c r="H655635" s="12"/>
    </row>
    <row r="655636" spans="8:8">
      <c r="H655636" s="12"/>
    </row>
    <row r="655637" spans="8:8">
      <c r="H655637" s="12"/>
    </row>
    <row r="655638" spans="8:8">
      <c r="H655638" s="12"/>
    </row>
    <row r="655639" spans="8:8">
      <c r="H655639" s="12"/>
    </row>
    <row r="655640" spans="8:8">
      <c r="H655640" s="12"/>
    </row>
    <row r="655641" spans="8:8">
      <c r="H655641" s="12"/>
    </row>
    <row r="655642" spans="8:8">
      <c r="H655642" s="12"/>
    </row>
    <row r="655643" spans="8:8">
      <c r="H655643" s="12"/>
    </row>
    <row r="655644" spans="8:8">
      <c r="H655644" s="12"/>
    </row>
    <row r="655645" spans="8:8">
      <c r="H655645" s="12"/>
    </row>
    <row r="655646" spans="8:8">
      <c r="H655646" s="12"/>
    </row>
    <row r="655647" spans="8:8">
      <c r="H655647" s="12"/>
    </row>
    <row r="655648" spans="8:8">
      <c r="H655648" s="12"/>
    </row>
    <row r="655649" spans="8:8">
      <c r="H655649" s="12"/>
    </row>
    <row r="655650" spans="8:8">
      <c r="H655650" s="12"/>
    </row>
    <row r="655651" spans="8:8">
      <c r="H655651" s="12"/>
    </row>
    <row r="655652" spans="8:8">
      <c r="H655652" s="12"/>
    </row>
    <row r="655653" spans="8:8">
      <c r="H655653" s="12"/>
    </row>
    <row r="655654" spans="8:8">
      <c r="H655654" s="12"/>
    </row>
    <row r="655655" spans="8:8">
      <c r="H655655" s="12"/>
    </row>
    <row r="655656" spans="8:8">
      <c r="H655656" s="12"/>
    </row>
    <row r="655657" spans="8:8">
      <c r="H655657" s="12"/>
    </row>
    <row r="655658" spans="8:8">
      <c r="H655658" s="12"/>
    </row>
    <row r="655659" spans="8:8">
      <c r="H655659" s="12"/>
    </row>
    <row r="655660" spans="8:8">
      <c r="H655660" s="12"/>
    </row>
    <row r="655661" spans="8:8">
      <c r="H655661" s="12"/>
    </row>
    <row r="655662" spans="8:8">
      <c r="H655662" s="12"/>
    </row>
    <row r="655663" spans="8:8">
      <c r="H655663" s="12"/>
    </row>
    <row r="655664" spans="8:8">
      <c r="H655664" s="12"/>
    </row>
    <row r="655665" spans="8:8">
      <c r="H655665" s="12"/>
    </row>
    <row r="655666" spans="8:8">
      <c r="H655666" s="12"/>
    </row>
    <row r="655667" spans="8:8">
      <c r="H655667" s="12"/>
    </row>
    <row r="655668" spans="8:8">
      <c r="H655668" s="12"/>
    </row>
    <row r="655669" spans="8:8">
      <c r="H655669" s="12"/>
    </row>
    <row r="655670" spans="8:8">
      <c r="H655670" s="12"/>
    </row>
    <row r="655671" spans="8:8">
      <c r="H655671" s="12"/>
    </row>
    <row r="655672" spans="8:8">
      <c r="H655672" s="12"/>
    </row>
    <row r="655673" spans="8:8">
      <c r="H655673" s="12"/>
    </row>
    <row r="655674" spans="8:8">
      <c r="H655674" s="12"/>
    </row>
    <row r="655675" spans="8:8">
      <c r="H655675" s="12"/>
    </row>
    <row r="655676" spans="8:8">
      <c r="H655676" s="12"/>
    </row>
    <row r="655677" spans="8:8">
      <c r="H655677" s="12"/>
    </row>
    <row r="655678" spans="8:8">
      <c r="H655678" s="12"/>
    </row>
    <row r="655679" spans="8:8">
      <c r="H655679" s="12"/>
    </row>
    <row r="655680" spans="8:8">
      <c r="H655680" s="12"/>
    </row>
    <row r="655681" spans="8:8">
      <c r="H655681" s="12"/>
    </row>
    <row r="655682" spans="8:8">
      <c r="H655682" s="12"/>
    </row>
    <row r="655683" spans="8:8">
      <c r="H655683" s="12"/>
    </row>
    <row r="655684" spans="8:8">
      <c r="H655684" s="12"/>
    </row>
    <row r="655685" spans="8:8">
      <c r="H655685" s="12"/>
    </row>
    <row r="655686" spans="8:8">
      <c r="H655686" s="12"/>
    </row>
    <row r="655687" spans="8:8">
      <c r="H655687" s="12"/>
    </row>
    <row r="655688" spans="8:8">
      <c r="H655688" s="12"/>
    </row>
    <row r="655689" spans="8:8">
      <c r="H655689" s="12"/>
    </row>
    <row r="655690" spans="8:8">
      <c r="H655690" s="12"/>
    </row>
    <row r="655691" spans="8:8">
      <c r="H655691" s="12"/>
    </row>
    <row r="655692" spans="8:8">
      <c r="H655692" s="12"/>
    </row>
    <row r="655693" spans="8:8">
      <c r="H655693" s="12"/>
    </row>
    <row r="655694" spans="8:8">
      <c r="H655694" s="12"/>
    </row>
    <row r="655695" spans="8:8">
      <c r="H655695" s="12"/>
    </row>
    <row r="655696" spans="8:8">
      <c r="H655696" s="12"/>
    </row>
    <row r="655697" spans="8:8">
      <c r="H655697" s="12"/>
    </row>
    <row r="655698" spans="8:8">
      <c r="H655698" s="12"/>
    </row>
    <row r="655699" spans="8:8">
      <c r="H655699" s="12"/>
    </row>
    <row r="655700" spans="8:8">
      <c r="H655700" s="12"/>
    </row>
    <row r="655701" spans="8:8">
      <c r="H655701" s="12"/>
    </row>
    <row r="655702" spans="8:8">
      <c r="H655702" s="12"/>
    </row>
    <row r="655703" spans="8:8">
      <c r="H655703" s="12"/>
    </row>
    <row r="655704" spans="8:8">
      <c r="H655704" s="12"/>
    </row>
    <row r="655705" spans="8:8">
      <c r="H655705" s="12"/>
    </row>
    <row r="655706" spans="8:8">
      <c r="H655706" s="12"/>
    </row>
    <row r="655707" spans="8:8">
      <c r="H655707" s="12"/>
    </row>
    <row r="655708" spans="8:8">
      <c r="H655708" s="12"/>
    </row>
    <row r="655709" spans="8:8">
      <c r="H655709" s="12"/>
    </row>
    <row r="655710" spans="8:8">
      <c r="H655710" s="12"/>
    </row>
    <row r="655711" spans="8:8">
      <c r="H655711" s="12"/>
    </row>
    <row r="655712" spans="8:8">
      <c r="H655712" s="12"/>
    </row>
    <row r="655713" spans="8:8">
      <c r="H655713" s="12"/>
    </row>
    <row r="655714" spans="8:8">
      <c r="H655714" s="12"/>
    </row>
    <row r="655715" spans="8:8">
      <c r="H655715" s="12"/>
    </row>
    <row r="655716" spans="8:8">
      <c r="H655716" s="12"/>
    </row>
    <row r="655717" spans="8:8">
      <c r="H655717" s="12"/>
    </row>
    <row r="655718" spans="8:8">
      <c r="H655718" s="12"/>
    </row>
    <row r="655719" spans="8:8">
      <c r="H655719" s="12"/>
    </row>
    <row r="655720" spans="8:8">
      <c r="H655720" s="12"/>
    </row>
    <row r="655721" spans="8:8">
      <c r="H655721" s="12"/>
    </row>
    <row r="655722" spans="8:8">
      <c r="H655722" s="12"/>
    </row>
    <row r="655723" spans="8:8">
      <c r="H655723" s="12"/>
    </row>
    <row r="655724" spans="8:8">
      <c r="H655724" s="12"/>
    </row>
    <row r="655725" spans="8:8">
      <c r="H655725" s="12"/>
    </row>
    <row r="655726" spans="8:8">
      <c r="H655726" s="12"/>
    </row>
    <row r="655727" spans="8:8">
      <c r="H655727" s="12"/>
    </row>
    <row r="655728" spans="8:8">
      <c r="H655728" s="12"/>
    </row>
    <row r="655729" spans="8:8">
      <c r="H655729" s="12"/>
    </row>
    <row r="655730" spans="8:8">
      <c r="H655730" s="12"/>
    </row>
    <row r="655731" spans="8:8">
      <c r="H655731" s="12"/>
    </row>
    <row r="655732" spans="8:8">
      <c r="H655732" s="12"/>
    </row>
    <row r="655733" spans="8:8">
      <c r="H655733" s="12"/>
    </row>
    <row r="655734" spans="8:8">
      <c r="H655734" s="12"/>
    </row>
    <row r="655735" spans="8:8">
      <c r="H655735" s="12"/>
    </row>
    <row r="655736" spans="8:8">
      <c r="H655736" s="12"/>
    </row>
    <row r="655737" spans="8:8">
      <c r="H655737" s="12"/>
    </row>
    <row r="655738" spans="8:8">
      <c r="H655738" s="12"/>
    </row>
    <row r="655739" spans="8:8">
      <c r="H655739" s="12"/>
    </row>
    <row r="655740" spans="8:8">
      <c r="H655740" s="12"/>
    </row>
    <row r="655741" spans="8:8">
      <c r="H655741" s="12"/>
    </row>
    <row r="655742" spans="8:8">
      <c r="H655742" s="12"/>
    </row>
    <row r="655743" spans="8:8">
      <c r="H655743" s="12"/>
    </row>
    <row r="655744" spans="8:8">
      <c r="H655744" s="12"/>
    </row>
    <row r="655745" spans="8:8">
      <c r="H655745" s="12"/>
    </row>
    <row r="655746" spans="8:8">
      <c r="H655746" s="12"/>
    </row>
    <row r="655747" spans="8:8">
      <c r="H655747" s="12"/>
    </row>
    <row r="655748" spans="8:8">
      <c r="H655748" s="12"/>
    </row>
    <row r="655749" spans="8:8">
      <c r="H655749" s="12"/>
    </row>
    <row r="655750" spans="8:8">
      <c r="H655750" s="12"/>
    </row>
    <row r="655751" spans="8:8">
      <c r="H655751" s="12"/>
    </row>
    <row r="655752" spans="8:8">
      <c r="H655752" s="12"/>
    </row>
    <row r="655753" spans="8:8">
      <c r="H655753" s="12"/>
    </row>
    <row r="655754" spans="8:8">
      <c r="H655754" s="12"/>
    </row>
    <row r="655755" spans="8:8">
      <c r="H655755" s="12"/>
    </row>
    <row r="655756" spans="8:8">
      <c r="H655756" s="12"/>
    </row>
    <row r="655757" spans="8:8">
      <c r="H655757" s="12"/>
    </row>
    <row r="655758" spans="8:8">
      <c r="H655758" s="12"/>
    </row>
    <row r="655759" spans="8:8">
      <c r="H655759" s="12"/>
    </row>
    <row r="655760" spans="8:8">
      <c r="H655760" s="12"/>
    </row>
    <row r="655761" spans="8:8">
      <c r="H655761" s="12"/>
    </row>
    <row r="655762" spans="8:8">
      <c r="H655762" s="12"/>
    </row>
    <row r="655763" spans="8:8">
      <c r="H655763" s="12"/>
    </row>
    <row r="655764" spans="8:8">
      <c r="H655764" s="12"/>
    </row>
    <row r="655765" spans="8:8">
      <c r="H655765" s="12"/>
    </row>
    <row r="655766" spans="8:8">
      <c r="H655766" s="12"/>
    </row>
    <row r="655767" spans="8:8">
      <c r="H655767" s="12"/>
    </row>
    <row r="655768" spans="8:8">
      <c r="H655768" s="12"/>
    </row>
    <row r="655769" spans="8:8">
      <c r="H655769" s="12"/>
    </row>
    <row r="655770" spans="8:8">
      <c r="H655770" s="12"/>
    </row>
    <row r="655771" spans="8:8">
      <c r="H655771" s="12"/>
    </row>
    <row r="655772" spans="8:8">
      <c r="H655772" s="12"/>
    </row>
    <row r="655773" spans="8:8">
      <c r="H655773" s="12"/>
    </row>
    <row r="655774" spans="8:8">
      <c r="H655774" s="12"/>
    </row>
    <row r="655775" spans="8:8">
      <c r="H655775" s="12"/>
    </row>
    <row r="655776" spans="8:8">
      <c r="H655776" s="12"/>
    </row>
    <row r="655777" spans="8:8">
      <c r="H655777" s="12"/>
    </row>
    <row r="655778" spans="8:8">
      <c r="H655778" s="12"/>
    </row>
    <row r="655779" spans="8:8">
      <c r="H655779" s="12"/>
    </row>
    <row r="655780" spans="8:8">
      <c r="H655780" s="12"/>
    </row>
    <row r="655781" spans="8:8">
      <c r="H655781" s="12"/>
    </row>
    <row r="655782" spans="8:8">
      <c r="H655782" s="12"/>
    </row>
    <row r="655783" spans="8:8">
      <c r="H655783" s="12"/>
    </row>
    <row r="655784" spans="8:8">
      <c r="H655784" s="12"/>
    </row>
    <row r="655785" spans="8:8">
      <c r="H655785" s="12"/>
    </row>
    <row r="655786" spans="8:8">
      <c r="H655786" s="12"/>
    </row>
    <row r="655787" spans="8:8">
      <c r="H655787" s="12"/>
    </row>
    <row r="655788" spans="8:8">
      <c r="H655788" s="12"/>
    </row>
    <row r="655789" spans="8:8">
      <c r="H655789" s="12"/>
    </row>
    <row r="655790" spans="8:8">
      <c r="H655790" s="12"/>
    </row>
    <row r="655791" spans="8:8">
      <c r="H655791" s="12"/>
    </row>
    <row r="655792" spans="8:8">
      <c r="H655792" s="12"/>
    </row>
    <row r="655793" spans="8:8">
      <c r="H655793" s="12"/>
    </row>
    <row r="655794" spans="8:8">
      <c r="H655794" s="12"/>
    </row>
    <row r="655795" spans="8:8">
      <c r="H655795" s="12"/>
    </row>
    <row r="655796" spans="8:8">
      <c r="H655796" s="12"/>
    </row>
    <row r="655797" spans="8:8">
      <c r="H655797" s="12"/>
    </row>
    <row r="655798" spans="8:8">
      <c r="H655798" s="12"/>
    </row>
    <row r="655799" spans="8:8">
      <c r="H655799" s="12"/>
    </row>
    <row r="655800" spans="8:8">
      <c r="H655800" s="12"/>
    </row>
    <row r="655801" spans="8:8">
      <c r="H655801" s="12"/>
    </row>
    <row r="655802" spans="8:8">
      <c r="H655802" s="12"/>
    </row>
    <row r="655803" spans="8:8">
      <c r="H655803" s="12"/>
    </row>
    <row r="655804" spans="8:8">
      <c r="H655804" s="12"/>
    </row>
    <row r="655805" spans="8:8">
      <c r="H655805" s="12"/>
    </row>
    <row r="655806" spans="8:8">
      <c r="H655806" s="12"/>
    </row>
    <row r="655807" spans="8:8">
      <c r="H655807" s="12"/>
    </row>
    <row r="655808" spans="8:8">
      <c r="H655808" s="12"/>
    </row>
    <row r="655809" spans="8:8">
      <c r="H655809" s="12"/>
    </row>
    <row r="655810" spans="8:8">
      <c r="H655810" s="12"/>
    </row>
    <row r="655811" spans="8:8">
      <c r="H655811" s="12"/>
    </row>
    <row r="655812" spans="8:8">
      <c r="H655812" s="12"/>
    </row>
    <row r="655813" spans="8:8">
      <c r="H655813" s="12"/>
    </row>
    <row r="655814" spans="8:8">
      <c r="H655814" s="12"/>
    </row>
    <row r="655815" spans="8:8">
      <c r="H655815" s="12"/>
    </row>
    <row r="655816" spans="8:8">
      <c r="H655816" s="12"/>
    </row>
    <row r="655817" spans="8:8">
      <c r="H655817" s="12"/>
    </row>
    <row r="655818" spans="8:8">
      <c r="H655818" s="12"/>
    </row>
    <row r="655819" spans="8:8">
      <c r="H655819" s="12"/>
    </row>
    <row r="655820" spans="8:8">
      <c r="H655820" s="12"/>
    </row>
    <row r="655821" spans="8:8">
      <c r="H655821" s="12"/>
    </row>
    <row r="655822" spans="8:8">
      <c r="H655822" s="12"/>
    </row>
    <row r="655823" spans="8:8">
      <c r="H655823" s="12"/>
    </row>
    <row r="655824" spans="8:8">
      <c r="H655824" s="12"/>
    </row>
    <row r="655825" spans="8:8">
      <c r="H655825" s="12"/>
    </row>
    <row r="655826" spans="8:8">
      <c r="H655826" s="12"/>
    </row>
    <row r="655827" spans="8:8">
      <c r="H655827" s="12"/>
    </row>
    <row r="655828" spans="8:8">
      <c r="H655828" s="12"/>
    </row>
    <row r="655829" spans="8:8">
      <c r="H655829" s="12"/>
    </row>
    <row r="655830" spans="8:8">
      <c r="H655830" s="12"/>
    </row>
    <row r="655831" spans="8:8">
      <c r="H655831" s="12"/>
    </row>
    <row r="655832" spans="8:8">
      <c r="H655832" s="12"/>
    </row>
    <row r="655833" spans="8:8">
      <c r="H655833" s="12"/>
    </row>
    <row r="655834" spans="8:8">
      <c r="H655834" s="12"/>
    </row>
    <row r="655835" spans="8:8">
      <c r="H655835" s="12"/>
    </row>
    <row r="655836" spans="8:8">
      <c r="H655836" s="12"/>
    </row>
    <row r="655837" spans="8:8">
      <c r="H655837" s="12"/>
    </row>
    <row r="655838" spans="8:8">
      <c r="H655838" s="12"/>
    </row>
    <row r="655839" spans="8:8">
      <c r="H655839" s="12"/>
    </row>
    <row r="655840" spans="8:8">
      <c r="H655840" s="12"/>
    </row>
    <row r="655841" spans="8:8">
      <c r="H655841" s="12"/>
    </row>
    <row r="655842" spans="8:8">
      <c r="H655842" s="12"/>
    </row>
    <row r="655843" spans="8:8">
      <c r="H655843" s="12"/>
    </row>
    <row r="655844" spans="8:8">
      <c r="H655844" s="12"/>
    </row>
    <row r="655845" spans="8:8">
      <c r="H655845" s="12"/>
    </row>
    <row r="655846" spans="8:8">
      <c r="H655846" s="12"/>
    </row>
    <row r="655847" spans="8:8">
      <c r="H655847" s="12"/>
    </row>
    <row r="655848" spans="8:8">
      <c r="H655848" s="12"/>
    </row>
    <row r="655849" spans="8:8">
      <c r="H655849" s="12"/>
    </row>
    <row r="655850" spans="8:8">
      <c r="H655850" s="12"/>
    </row>
    <row r="655851" spans="8:8">
      <c r="H655851" s="12"/>
    </row>
    <row r="655852" spans="8:8">
      <c r="H655852" s="12"/>
    </row>
    <row r="655853" spans="8:8">
      <c r="H655853" s="12"/>
    </row>
    <row r="655854" spans="8:8">
      <c r="H655854" s="12"/>
    </row>
    <row r="655855" spans="8:8">
      <c r="H655855" s="12"/>
    </row>
    <row r="655856" spans="8:8">
      <c r="H655856" s="12"/>
    </row>
    <row r="655857" spans="8:8">
      <c r="H655857" s="12"/>
    </row>
    <row r="655858" spans="8:8">
      <c r="H655858" s="12"/>
    </row>
    <row r="655859" spans="8:8">
      <c r="H655859" s="12"/>
    </row>
    <row r="655860" spans="8:8">
      <c r="H655860" s="12"/>
    </row>
    <row r="655861" spans="8:8">
      <c r="H655861" s="12"/>
    </row>
    <row r="655862" spans="8:8">
      <c r="H655862" s="12"/>
    </row>
    <row r="655863" spans="8:8">
      <c r="H655863" s="12"/>
    </row>
    <row r="655864" spans="8:8">
      <c r="H655864" s="12"/>
    </row>
    <row r="655865" spans="8:8">
      <c r="H655865" s="12"/>
    </row>
    <row r="655866" spans="8:8">
      <c r="H655866" s="12"/>
    </row>
    <row r="655867" spans="8:8">
      <c r="H655867" s="12"/>
    </row>
    <row r="655868" spans="8:8">
      <c r="H655868" s="12"/>
    </row>
    <row r="655869" spans="8:8">
      <c r="H655869" s="12"/>
    </row>
    <row r="655870" spans="8:8">
      <c r="H655870" s="12"/>
    </row>
    <row r="655871" spans="8:8">
      <c r="H655871" s="12"/>
    </row>
    <row r="655872" spans="8:8">
      <c r="H655872" s="12"/>
    </row>
    <row r="655873" spans="8:8">
      <c r="H655873" s="12"/>
    </row>
    <row r="655874" spans="8:8">
      <c r="H655874" s="12"/>
    </row>
    <row r="655875" spans="8:8">
      <c r="H655875" s="12"/>
    </row>
    <row r="655876" spans="8:8">
      <c r="H655876" s="12"/>
    </row>
    <row r="655877" spans="8:8">
      <c r="H655877" s="12"/>
    </row>
    <row r="655878" spans="8:8">
      <c r="H655878" s="12"/>
    </row>
    <row r="655879" spans="8:8">
      <c r="H655879" s="12"/>
    </row>
    <row r="655880" spans="8:8">
      <c r="H655880" s="12"/>
    </row>
    <row r="655881" spans="8:8">
      <c r="H655881" s="12"/>
    </row>
    <row r="655882" spans="8:8">
      <c r="H655882" s="12"/>
    </row>
    <row r="655883" spans="8:8">
      <c r="H655883" s="12"/>
    </row>
    <row r="655884" spans="8:8">
      <c r="H655884" s="12"/>
    </row>
    <row r="655885" spans="8:8">
      <c r="H655885" s="12"/>
    </row>
    <row r="655886" spans="8:8">
      <c r="H655886" s="12"/>
    </row>
    <row r="655887" spans="8:8">
      <c r="H655887" s="12"/>
    </row>
    <row r="655888" spans="8:8">
      <c r="H655888" s="12"/>
    </row>
    <row r="655889" spans="8:8">
      <c r="H655889" s="12"/>
    </row>
    <row r="655890" spans="8:8">
      <c r="H655890" s="12"/>
    </row>
    <row r="655891" spans="8:8">
      <c r="H655891" s="12"/>
    </row>
    <row r="655892" spans="8:8">
      <c r="H655892" s="12"/>
    </row>
    <row r="655893" spans="8:8">
      <c r="H655893" s="12"/>
    </row>
    <row r="655894" spans="8:8">
      <c r="H655894" s="12"/>
    </row>
    <row r="655895" spans="8:8">
      <c r="H655895" s="12"/>
    </row>
    <row r="655896" spans="8:8">
      <c r="H655896" s="12"/>
    </row>
    <row r="655897" spans="8:8">
      <c r="H655897" s="12"/>
    </row>
    <row r="655898" spans="8:8">
      <c r="H655898" s="12"/>
    </row>
    <row r="655899" spans="8:8">
      <c r="H655899" s="12"/>
    </row>
    <row r="655900" spans="8:8">
      <c r="H655900" s="12"/>
    </row>
    <row r="655901" spans="8:8">
      <c r="H655901" s="12"/>
    </row>
    <row r="655902" spans="8:8">
      <c r="H655902" s="12"/>
    </row>
    <row r="655903" spans="8:8">
      <c r="H655903" s="12"/>
    </row>
    <row r="655904" spans="8:8">
      <c r="H655904" s="12"/>
    </row>
    <row r="655905" spans="8:8">
      <c r="H655905" s="12"/>
    </row>
    <row r="655906" spans="8:8">
      <c r="H655906" s="12"/>
    </row>
    <row r="655907" spans="8:8">
      <c r="H655907" s="12"/>
    </row>
    <row r="655908" spans="8:8">
      <c r="H655908" s="12"/>
    </row>
    <row r="655909" spans="8:8">
      <c r="H655909" s="12"/>
    </row>
    <row r="655910" spans="8:8">
      <c r="H655910" s="12"/>
    </row>
    <row r="655911" spans="8:8">
      <c r="H655911" s="12"/>
    </row>
    <row r="655912" spans="8:8">
      <c r="H655912" s="12"/>
    </row>
    <row r="655913" spans="8:8">
      <c r="H655913" s="12"/>
    </row>
    <row r="655914" spans="8:8">
      <c r="H655914" s="12"/>
    </row>
    <row r="655915" spans="8:8">
      <c r="H655915" s="12"/>
    </row>
    <row r="655916" spans="8:8">
      <c r="H655916" s="12"/>
    </row>
    <row r="655917" spans="8:8">
      <c r="H655917" s="12"/>
    </row>
    <row r="655918" spans="8:8">
      <c r="H655918" s="12"/>
    </row>
    <row r="655919" spans="8:8">
      <c r="H655919" s="12"/>
    </row>
    <row r="655920" spans="8:8">
      <c r="H655920" s="12"/>
    </row>
    <row r="655921" spans="8:8">
      <c r="H655921" s="12"/>
    </row>
    <row r="655922" spans="8:8">
      <c r="H655922" s="12"/>
    </row>
    <row r="655923" spans="8:8">
      <c r="H655923" s="12"/>
    </row>
    <row r="655924" spans="8:8">
      <c r="H655924" s="12"/>
    </row>
    <row r="655925" spans="8:8">
      <c r="H655925" s="12"/>
    </row>
    <row r="655926" spans="8:8">
      <c r="H655926" s="12"/>
    </row>
    <row r="655927" spans="8:8">
      <c r="H655927" s="12"/>
    </row>
    <row r="655928" spans="8:8">
      <c r="H655928" s="12"/>
    </row>
    <row r="655929" spans="8:8">
      <c r="H655929" s="12"/>
    </row>
    <row r="655930" spans="8:8">
      <c r="H655930" s="12"/>
    </row>
    <row r="655931" spans="8:8">
      <c r="H655931" s="12"/>
    </row>
    <row r="655932" spans="8:8">
      <c r="H655932" s="12"/>
    </row>
    <row r="655933" spans="8:8">
      <c r="H655933" s="12"/>
    </row>
    <row r="655934" spans="8:8">
      <c r="H655934" s="12"/>
    </row>
    <row r="655935" spans="8:8">
      <c r="H655935" s="12"/>
    </row>
    <row r="655936" spans="8:8">
      <c r="H655936" s="12"/>
    </row>
    <row r="655937" spans="8:8">
      <c r="H655937" s="12"/>
    </row>
    <row r="655938" spans="8:8">
      <c r="H655938" s="12"/>
    </row>
    <row r="655939" spans="8:8">
      <c r="H655939" s="12"/>
    </row>
    <row r="655940" spans="8:8">
      <c r="H655940" s="12"/>
    </row>
    <row r="655941" spans="8:8">
      <c r="H655941" s="12"/>
    </row>
    <row r="655942" spans="8:8">
      <c r="H655942" s="12"/>
    </row>
    <row r="655943" spans="8:8">
      <c r="H655943" s="12"/>
    </row>
    <row r="655944" spans="8:8">
      <c r="H655944" s="12"/>
    </row>
    <row r="655945" spans="8:8">
      <c r="H655945" s="12"/>
    </row>
    <row r="655946" spans="8:8">
      <c r="H655946" s="12"/>
    </row>
    <row r="655947" spans="8:8">
      <c r="H655947" s="12"/>
    </row>
    <row r="655948" spans="8:8">
      <c r="H655948" s="12"/>
    </row>
    <row r="655949" spans="8:8">
      <c r="H655949" s="12"/>
    </row>
    <row r="655950" spans="8:8">
      <c r="H655950" s="12"/>
    </row>
    <row r="655951" spans="8:8">
      <c r="H655951" s="12"/>
    </row>
    <row r="655952" spans="8:8">
      <c r="H655952" s="12"/>
    </row>
    <row r="655953" spans="8:8">
      <c r="H655953" s="12"/>
    </row>
    <row r="655954" spans="8:8">
      <c r="H655954" s="12"/>
    </row>
    <row r="655955" spans="8:8">
      <c r="H655955" s="12"/>
    </row>
    <row r="655956" spans="8:8">
      <c r="H655956" s="12"/>
    </row>
    <row r="655957" spans="8:8">
      <c r="H655957" s="12"/>
    </row>
    <row r="655958" spans="8:8">
      <c r="H655958" s="12"/>
    </row>
    <row r="655959" spans="8:8">
      <c r="H655959" s="12"/>
    </row>
    <row r="655960" spans="8:8">
      <c r="H655960" s="12"/>
    </row>
    <row r="655961" spans="8:8">
      <c r="H655961" s="12"/>
    </row>
    <row r="655962" spans="8:8">
      <c r="H655962" s="12"/>
    </row>
    <row r="655963" spans="8:8">
      <c r="H655963" s="12"/>
    </row>
    <row r="655964" spans="8:8">
      <c r="H655964" s="12"/>
    </row>
    <row r="655965" spans="8:8">
      <c r="H655965" s="12"/>
    </row>
    <row r="655966" spans="8:8">
      <c r="H655966" s="12"/>
    </row>
    <row r="655967" spans="8:8">
      <c r="H655967" s="12"/>
    </row>
    <row r="655968" spans="8:8">
      <c r="H655968" s="12"/>
    </row>
    <row r="655969" spans="8:8">
      <c r="H655969" s="12"/>
    </row>
    <row r="655970" spans="8:8">
      <c r="H655970" s="12"/>
    </row>
    <row r="655971" spans="8:8">
      <c r="H655971" s="12"/>
    </row>
    <row r="655972" spans="8:8">
      <c r="H655972" s="12"/>
    </row>
    <row r="655973" spans="8:8">
      <c r="H655973" s="12"/>
    </row>
    <row r="655974" spans="8:8">
      <c r="H655974" s="12"/>
    </row>
    <row r="655975" spans="8:8">
      <c r="H655975" s="12"/>
    </row>
    <row r="655976" spans="8:8">
      <c r="H655976" s="12"/>
    </row>
    <row r="655977" spans="8:8">
      <c r="H655977" s="12"/>
    </row>
    <row r="655978" spans="8:8">
      <c r="H655978" s="12"/>
    </row>
    <row r="655979" spans="8:8">
      <c r="H655979" s="12"/>
    </row>
    <row r="655980" spans="8:8">
      <c r="H655980" s="12"/>
    </row>
    <row r="655981" spans="8:8">
      <c r="H655981" s="12"/>
    </row>
    <row r="655982" spans="8:8">
      <c r="H655982" s="12"/>
    </row>
    <row r="655983" spans="8:8">
      <c r="H655983" s="12"/>
    </row>
    <row r="655984" spans="8:8">
      <c r="H655984" s="12"/>
    </row>
    <row r="655985" spans="8:8">
      <c r="H655985" s="12"/>
    </row>
    <row r="655986" spans="8:8">
      <c r="H655986" s="12"/>
    </row>
    <row r="655987" spans="8:8">
      <c r="H655987" s="12"/>
    </row>
    <row r="655988" spans="8:8">
      <c r="H655988" s="12"/>
    </row>
    <row r="655989" spans="8:8">
      <c r="H655989" s="12"/>
    </row>
    <row r="655990" spans="8:8">
      <c r="H655990" s="12"/>
    </row>
    <row r="655991" spans="8:8">
      <c r="H655991" s="12"/>
    </row>
    <row r="655992" spans="8:8">
      <c r="H655992" s="12"/>
    </row>
    <row r="655993" spans="8:8">
      <c r="H655993" s="12"/>
    </row>
    <row r="655994" spans="8:8">
      <c r="H655994" s="12"/>
    </row>
    <row r="655995" spans="8:8">
      <c r="H655995" s="12"/>
    </row>
    <row r="655996" spans="8:8">
      <c r="H655996" s="12"/>
    </row>
    <row r="655997" spans="8:8">
      <c r="H655997" s="12"/>
    </row>
    <row r="655998" spans="8:8">
      <c r="H655998" s="12"/>
    </row>
    <row r="655999" spans="8:8">
      <c r="H655999" s="12"/>
    </row>
    <row r="656000" spans="8:8">
      <c r="H656000" s="12"/>
    </row>
    <row r="656001" spans="8:8">
      <c r="H656001" s="12"/>
    </row>
    <row r="656002" spans="8:8">
      <c r="H656002" s="12"/>
    </row>
    <row r="656003" spans="8:8">
      <c r="H656003" s="12"/>
    </row>
    <row r="656004" spans="8:8">
      <c r="H656004" s="12"/>
    </row>
    <row r="656005" spans="8:8">
      <c r="H656005" s="12"/>
    </row>
    <row r="656006" spans="8:8">
      <c r="H656006" s="12"/>
    </row>
    <row r="656007" spans="8:8">
      <c r="H656007" s="12"/>
    </row>
    <row r="656008" spans="8:8">
      <c r="H656008" s="12"/>
    </row>
    <row r="656009" spans="8:8">
      <c r="H656009" s="12"/>
    </row>
    <row r="656010" spans="8:8">
      <c r="H656010" s="12"/>
    </row>
    <row r="656011" spans="8:8">
      <c r="H656011" s="12"/>
    </row>
    <row r="656012" spans="8:8">
      <c r="H656012" s="12"/>
    </row>
    <row r="656013" spans="8:8">
      <c r="H656013" s="12"/>
    </row>
    <row r="656014" spans="8:8">
      <c r="H656014" s="12"/>
    </row>
    <row r="656015" spans="8:8">
      <c r="H656015" s="12"/>
    </row>
    <row r="656016" spans="8:8">
      <c r="H656016" s="12"/>
    </row>
    <row r="656017" spans="8:8">
      <c r="H656017" s="12"/>
    </row>
    <row r="656018" spans="8:8">
      <c r="H656018" s="12"/>
    </row>
    <row r="656019" spans="8:8">
      <c r="H656019" s="12"/>
    </row>
    <row r="656020" spans="8:8">
      <c r="H656020" s="12"/>
    </row>
    <row r="656021" spans="8:8">
      <c r="H656021" s="12"/>
    </row>
    <row r="656022" spans="8:8">
      <c r="H656022" s="12"/>
    </row>
    <row r="656023" spans="8:8">
      <c r="H656023" s="12"/>
    </row>
    <row r="656024" spans="8:8">
      <c r="H656024" s="12"/>
    </row>
    <row r="656025" spans="8:8">
      <c r="H656025" s="12"/>
    </row>
    <row r="656026" spans="8:8">
      <c r="H656026" s="12"/>
    </row>
    <row r="656027" spans="8:8">
      <c r="H656027" s="12"/>
    </row>
    <row r="656028" spans="8:8">
      <c r="H656028" s="12"/>
    </row>
    <row r="656029" spans="8:8">
      <c r="H656029" s="12"/>
    </row>
    <row r="656030" spans="8:8">
      <c r="H656030" s="12"/>
    </row>
    <row r="656031" spans="8:8">
      <c r="H656031" s="12"/>
    </row>
    <row r="656032" spans="8:8">
      <c r="H656032" s="12"/>
    </row>
    <row r="656033" spans="8:8">
      <c r="H656033" s="12"/>
    </row>
    <row r="656034" spans="8:8">
      <c r="H656034" s="12"/>
    </row>
    <row r="656035" spans="8:8">
      <c r="H656035" s="12"/>
    </row>
    <row r="656036" spans="8:8">
      <c r="H656036" s="12"/>
    </row>
    <row r="656037" spans="8:8">
      <c r="H656037" s="12"/>
    </row>
    <row r="656038" spans="8:8">
      <c r="H656038" s="12"/>
    </row>
    <row r="656039" spans="8:8">
      <c r="H656039" s="12"/>
    </row>
    <row r="656040" spans="8:8">
      <c r="H656040" s="12"/>
    </row>
    <row r="656041" spans="8:8">
      <c r="H656041" s="12"/>
    </row>
    <row r="656042" spans="8:8">
      <c r="H656042" s="12"/>
    </row>
    <row r="656043" spans="8:8">
      <c r="H656043" s="12"/>
    </row>
    <row r="656044" spans="8:8">
      <c r="H656044" s="12"/>
    </row>
    <row r="656045" spans="8:8">
      <c r="H656045" s="12"/>
    </row>
    <row r="656046" spans="8:8">
      <c r="H656046" s="12"/>
    </row>
    <row r="656047" spans="8:8">
      <c r="H656047" s="12"/>
    </row>
    <row r="656048" spans="8:8">
      <c r="H656048" s="12"/>
    </row>
    <row r="656049" spans="8:8">
      <c r="H656049" s="12"/>
    </row>
    <row r="656050" spans="8:8">
      <c r="H656050" s="12"/>
    </row>
    <row r="656051" spans="8:8">
      <c r="H656051" s="12"/>
    </row>
    <row r="656052" spans="8:8">
      <c r="H656052" s="12"/>
    </row>
    <row r="656053" spans="8:8">
      <c r="H656053" s="12"/>
    </row>
    <row r="656054" spans="8:8">
      <c r="H656054" s="12"/>
    </row>
    <row r="656055" spans="8:8">
      <c r="H656055" s="12"/>
    </row>
    <row r="656056" spans="8:8">
      <c r="H656056" s="12"/>
    </row>
    <row r="656057" spans="8:8">
      <c r="H656057" s="12"/>
    </row>
    <row r="656058" spans="8:8">
      <c r="H656058" s="12"/>
    </row>
    <row r="656059" spans="8:8">
      <c r="H656059" s="12"/>
    </row>
    <row r="656060" spans="8:8">
      <c r="H656060" s="12"/>
    </row>
    <row r="656061" spans="8:8">
      <c r="H656061" s="12"/>
    </row>
    <row r="656062" spans="8:8">
      <c r="H656062" s="12"/>
    </row>
    <row r="656063" spans="8:8">
      <c r="H656063" s="12"/>
    </row>
    <row r="656064" spans="8:8">
      <c r="H656064" s="12"/>
    </row>
    <row r="656065" spans="8:8">
      <c r="H656065" s="12"/>
    </row>
    <row r="656066" spans="8:8">
      <c r="H656066" s="12"/>
    </row>
    <row r="656067" spans="8:8">
      <c r="H656067" s="12"/>
    </row>
    <row r="656068" spans="8:8">
      <c r="H656068" s="12"/>
    </row>
    <row r="656069" spans="8:8">
      <c r="H656069" s="12"/>
    </row>
    <row r="656070" spans="8:8">
      <c r="H656070" s="12"/>
    </row>
    <row r="656071" spans="8:8">
      <c r="H656071" s="12"/>
    </row>
    <row r="656072" spans="8:8">
      <c r="H656072" s="12"/>
    </row>
    <row r="656073" spans="8:8">
      <c r="H656073" s="12"/>
    </row>
    <row r="656074" spans="8:8">
      <c r="H656074" s="12"/>
    </row>
    <row r="656075" spans="8:8">
      <c r="H656075" s="12"/>
    </row>
    <row r="656076" spans="8:8">
      <c r="H656076" s="12"/>
    </row>
    <row r="656077" spans="8:8">
      <c r="H656077" s="12"/>
    </row>
    <row r="656078" spans="8:8">
      <c r="H656078" s="12"/>
    </row>
    <row r="656079" spans="8:8">
      <c r="H656079" s="12"/>
    </row>
    <row r="656080" spans="8:8">
      <c r="H656080" s="12"/>
    </row>
    <row r="656081" spans="8:8">
      <c r="H656081" s="12"/>
    </row>
    <row r="656082" spans="8:8">
      <c r="H656082" s="12"/>
    </row>
    <row r="656083" spans="8:8">
      <c r="H656083" s="12"/>
    </row>
    <row r="656084" spans="8:8">
      <c r="H656084" s="12"/>
    </row>
    <row r="656085" spans="8:8">
      <c r="H656085" s="12"/>
    </row>
    <row r="656086" spans="8:8">
      <c r="H656086" s="12"/>
    </row>
    <row r="656087" spans="8:8">
      <c r="H656087" s="12"/>
    </row>
    <row r="656088" spans="8:8">
      <c r="H656088" s="12"/>
    </row>
    <row r="656089" spans="8:8">
      <c r="H656089" s="12"/>
    </row>
    <row r="656090" spans="8:8">
      <c r="H656090" s="12"/>
    </row>
    <row r="656091" spans="8:8">
      <c r="H656091" s="12"/>
    </row>
    <row r="656092" spans="8:8">
      <c r="H656092" s="12"/>
    </row>
    <row r="656093" spans="8:8">
      <c r="H656093" s="12"/>
    </row>
    <row r="656094" spans="8:8">
      <c r="H656094" s="12"/>
    </row>
    <row r="656095" spans="8:8">
      <c r="H656095" s="12"/>
    </row>
    <row r="656096" spans="8:8">
      <c r="H656096" s="12"/>
    </row>
    <row r="656097" spans="8:8">
      <c r="H656097" s="12"/>
    </row>
    <row r="656098" spans="8:8">
      <c r="H656098" s="12"/>
    </row>
    <row r="656099" spans="8:8">
      <c r="H656099" s="12"/>
    </row>
    <row r="656100" spans="8:8">
      <c r="H656100" s="12"/>
    </row>
    <row r="656101" spans="8:8">
      <c r="H656101" s="12"/>
    </row>
    <row r="656102" spans="8:8">
      <c r="H656102" s="12"/>
    </row>
    <row r="656103" spans="8:8">
      <c r="H656103" s="12"/>
    </row>
    <row r="656104" spans="8:8">
      <c r="H656104" s="12"/>
    </row>
    <row r="656105" spans="8:8">
      <c r="H656105" s="12"/>
    </row>
    <row r="656106" spans="8:8">
      <c r="H656106" s="12"/>
    </row>
    <row r="656107" spans="8:8">
      <c r="H656107" s="12"/>
    </row>
    <row r="656108" spans="8:8">
      <c r="H656108" s="12"/>
    </row>
    <row r="656109" spans="8:8">
      <c r="H656109" s="12"/>
    </row>
    <row r="656110" spans="8:8">
      <c r="H656110" s="12"/>
    </row>
    <row r="656111" spans="8:8">
      <c r="H656111" s="12"/>
    </row>
    <row r="656112" spans="8:8">
      <c r="H656112" s="12"/>
    </row>
    <row r="656113" spans="8:8">
      <c r="H656113" s="12"/>
    </row>
    <row r="656114" spans="8:8">
      <c r="H656114" s="12"/>
    </row>
    <row r="656115" spans="8:8">
      <c r="H656115" s="12"/>
    </row>
    <row r="656116" spans="8:8">
      <c r="H656116" s="12"/>
    </row>
    <row r="656117" spans="8:8">
      <c r="H656117" s="12"/>
    </row>
    <row r="656118" spans="8:8">
      <c r="H656118" s="12"/>
    </row>
    <row r="656119" spans="8:8">
      <c r="H656119" s="12"/>
    </row>
    <row r="656120" spans="8:8">
      <c r="H656120" s="12"/>
    </row>
    <row r="656121" spans="8:8">
      <c r="H656121" s="12"/>
    </row>
    <row r="656122" spans="8:8">
      <c r="H656122" s="12"/>
    </row>
    <row r="656123" spans="8:8">
      <c r="H656123" s="12"/>
    </row>
    <row r="656124" spans="8:8">
      <c r="H656124" s="12"/>
    </row>
    <row r="656125" spans="8:8">
      <c r="H656125" s="12"/>
    </row>
    <row r="656126" spans="8:8">
      <c r="H656126" s="12"/>
    </row>
    <row r="656127" spans="8:8">
      <c r="H656127" s="12"/>
    </row>
    <row r="656128" spans="8:8">
      <c r="H656128" s="12"/>
    </row>
    <row r="656129" spans="8:8">
      <c r="H656129" s="12"/>
    </row>
    <row r="656130" spans="8:8">
      <c r="H656130" s="12"/>
    </row>
    <row r="656131" spans="8:8">
      <c r="H656131" s="12"/>
    </row>
    <row r="656132" spans="8:8">
      <c r="H656132" s="12"/>
    </row>
    <row r="656133" spans="8:8">
      <c r="H656133" s="12"/>
    </row>
    <row r="656134" spans="8:8">
      <c r="H656134" s="12"/>
    </row>
    <row r="656135" spans="8:8">
      <c r="H656135" s="12"/>
    </row>
    <row r="656136" spans="8:8">
      <c r="H656136" s="12"/>
    </row>
    <row r="656137" spans="8:8">
      <c r="H656137" s="12"/>
    </row>
    <row r="656138" spans="8:8">
      <c r="H656138" s="12"/>
    </row>
    <row r="656139" spans="8:8">
      <c r="H656139" s="12"/>
    </row>
    <row r="656140" spans="8:8">
      <c r="H656140" s="12"/>
    </row>
    <row r="656141" spans="8:8">
      <c r="H656141" s="12"/>
    </row>
    <row r="656142" spans="8:8">
      <c r="H656142" s="12"/>
    </row>
    <row r="656143" spans="8:8">
      <c r="H656143" s="12"/>
    </row>
    <row r="656144" spans="8:8">
      <c r="H656144" s="12"/>
    </row>
    <row r="656145" spans="8:8">
      <c r="H656145" s="12"/>
    </row>
    <row r="656146" spans="8:8">
      <c r="H656146" s="12"/>
    </row>
    <row r="656147" spans="8:8">
      <c r="H656147" s="12"/>
    </row>
    <row r="656148" spans="8:8">
      <c r="H656148" s="12"/>
    </row>
    <row r="656149" spans="8:8">
      <c r="H656149" s="12"/>
    </row>
    <row r="656150" spans="8:8">
      <c r="H656150" s="12"/>
    </row>
    <row r="656151" spans="8:8">
      <c r="H656151" s="12"/>
    </row>
    <row r="656152" spans="8:8">
      <c r="H656152" s="12"/>
    </row>
    <row r="656153" spans="8:8">
      <c r="H656153" s="12"/>
    </row>
    <row r="656154" spans="8:8">
      <c r="H656154" s="12"/>
    </row>
    <row r="656155" spans="8:8">
      <c r="H656155" s="12"/>
    </row>
    <row r="656156" spans="8:8">
      <c r="H656156" s="12"/>
    </row>
    <row r="656157" spans="8:8">
      <c r="H656157" s="12"/>
    </row>
    <row r="656158" spans="8:8">
      <c r="H656158" s="12"/>
    </row>
    <row r="656159" spans="8:8">
      <c r="H656159" s="12"/>
    </row>
    <row r="656160" spans="8:8">
      <c r="H656160" s="12"/>
    </row>
    <row r="656161" spans="8:8">
      <c r="H656161" s="12"/>
    </row>
    <row r="656162" spans="8:8">
      <c r="H656162" s="12"/>
    </row>
    <row r="656163" spans="8:8">
      <c r="H656163" s="12"/>
    </row>
    <row r="656164" spans="8:8">
      <c r="H656164" s="12"/>
    </row>
    <row r="656165" spans="8:8">
      <c r="H656165" s="12"/>
    </row>
    <row r="656166" spans="8:8">
      <c r="H656166" s="12"/>
    </row>
    <row r="656167" spans="8:8">
      <c r="H656167" s="12"/>
    </row>
    <row r="656168" spans="8:8">
      <c r="H656168" s="12"/>
    </row>
    <row r="656169" spans="8:8">
      <c r="H656169" s="12"/>
    </row>
    <row r="656170" spans="8:8">
      <c r="H656170" s="12"/>
    </row>
    <row r="656171" spans="8:8">
      <c r="H656171" s="12"/>
    </row>
    <row r="656172" spans="8:8">
      <c r="H656172" s="12"/>
    </row>
    <row r="656173" spans="8:8">
      <c r="H656173" s="12"/>
    </row>
    <row r="656174" spans="8:8">
      <c r="H656174" s="12"/>
    </row>
    <row r="656175" spans="8:8">
      <c r="H656175" s="12"/>
    </row>
    <row r="656176" spans="8:8">
      <c r="H656176" s="12"/>
    </row>
    <row r="656177" spans="8:8">
      <c r="H656177" s="12"/>
    </row>
    <row r="656178" spans="8:8">
      <c r="H656178" s="12"/>
    </row>
    <row r="656179" spans="8:8">
      <c r="H656179" s="12"/>
    </row>
    <row r="656180" spans="8:8">
      <c r="H656180" s="12"/>
    </row>
    <row r="656181" spans="8:8">
      <c r="H656181" s="12"/>
    </row>
    <row r="656182" spans="8:8">
      <c r="H656182" s="12"/>
    </row>
    <row r="656183" spans="8:8">
      <c r="H656183" s="12"/>
    </row>
    <row r="656184" spans="8:8">
      <c r="H656184" s="12"/>
    </row>
    <row r="656185" spans="8:8">
      <c r="H656185" s="12"/>
    </row>
    <row r="656186" spans="8:8">
      <c r="H656186" s="12"/>
    </row>
    <row r="656187" spans="8:8">
      <c r="H656187" s="12"/>
    </row>
    <row r="656188" spans="8:8">
      <c r="H656188" s="12"/>
    </row>
    <row r="656189" spans="8:8">
      <c r="H656189" s="12"/>
    </row>
    <row r="656190" spans="8:8">
      <c r="H656190" s="12"/>
    </row>
    <row r="656191" spans="8:8">
      <c r="H656191" s="12"/>
    </row>
    <row r="656192" spans="8:8">
      <c r="H656192" s="12"/>
    </row>
    <row r="656193" spans="8:8">
      <c r="H656193" s="12"/>
    </row>
    <row r="656194" spans="8:8">
      <c r="H656194" s="12"/>
    </row>
    <row r="656195" spans="8:8">
      <c r="H656195" s="12"/>
    </row>
    <row r="656196" spans="8:8">
      <c r="H656196" s="12"/>
    </row>
    <row r="656197" spans="8:8">
      <c r="H656197" s="12"/>
    </row>
    <row r="656198" spans="8:8">
      <c r="H656198" s="12"/>
    </row>
    <row r="656199" spans="8:8">
      <c r="H656199" s="12"/>
    </row>
    <row r="656200" spans="8:8">
      <c r="H656200" s="12"/>
    </row>
    <row r="656201" spans="8:8">
      <c r="H656201" s="12"/>
    </row>
    <row r="656202" spans="8:8">
      <c r="H656202" s="12"/>
    </row>
    <row r="656203" spans="8:8">
      <c r="H656203" s="12"/>
    </row>
    <row r="656204" spans="8:8">
      <c r="H656204" s="12"/>
    </row>
    <row r="656205" spans="8:8">
      <c r="H656205" s="12"/>
    </row>
    <row r="656206" spans="8:8">
      <c r="H656206" s="12"/>
    </row>
    <row r="656207" spans="8:8">
      <c r="H656207" s="12"/>
    </row>
    <row r="656208" spans="8:8">
      <c r="H656208" s="12"/>
    </row>
    <row r="656209" spans="8:8">
      <c r="H656209" s="12"/>
    </row>
    <row r="656210" spans="8:8">
      <c r="H656210" s="12"/>
    </row>
    <row r="656211" spans="8:8">
      <c r="H656211" s="12"/>
    </row>
    <row r="656212" spans="8:8">
      <c r="H656212" s="12"/>
    </row>
    <row r="656213" spans="8:8">
      <c r="H656213" s="12"/>
    </row>
    <row r="656214" spans="8:8">
      <c r="H656214" s="12"/>
    </row>
    <row r="656215" spans="8:8">
      <c r="H656215" s="12"/>
    </row>
    <row r="656216" spans="8:8">
      <c r="H656216" s="12"/>
    </row>
    <row r="656217" spans="8:8">
      <c r="H656217" s="12"/>
    </row>
    <row r="656218" spans="8:8">
      <c r="H656218" s="12"/>
    </row>
    <row r="656219" spans="8:8">
      <c r="H656219" s="12"/>
    </row>
    <row r="656220" spans="8:8">
      <c r="H656220" s="12"/>
    </row>
    <row r="656221" spans="8:8">
      <c r="H656221" s="12"/>
    </row>
    <row r="656222" spans="8:8">
      <c r="H656222" s="12"/>
    </row>
    <row r="656223" spans="8:8">
      <c r="H656223" s="12"/>
    </row>
    <row r="656224" spans="8:8">
      <c r="H656224" s="12"/>
    </row>
    <row r="656225" spans="8:8">
      <c r="H656225" s="12"/>
    </row>
    <row r="656226" spans="8:8">
      <c r="H656226" s="12"/>
    </row>
    <row r="656227" spans="8:8">
      <c r="H656227" s="12"/>
    </row>
    <row r="656228" spans="8:8">
      <c r="H656228" s="12"/>
    </row>
    <row r="656229" spans="8:8">
      <c r="H656229" s="12"/>
    </row>
    <row r="656230" spans="8:8">
      <c r="H656230" s="12"/>
    </row>
    <row r="656231" spans="8:8">
      <c r="H656231" s="12"/>
    </row>
    <row r="656232" spans="8:8">
      <c r="H656232" s="12"/>
    </row>
    <row r="656233" spans="8:8">
      <c r="H656233" s="12"/>
    </row>
    <row r="656234" spans="8:8">
      <c r="H656234" s="12"/>
    </row>
    <row r="656235" spans="8:8">
      <c r="H656235" s="12"/>
    </row>
    <row r="656236" spans="8:8">
      <c r="H656236" s="12"/>
    </row>
    <row r="656237" spans="8:8">
      <c r="H656237" s="12"/>
    </row>
    <row r="656238" spans="8:8">
      <c r="H656238" s="12"/>
    </row>
    <row r="656239" spans="8:8">
      <c r="H656239" s="12"/>
    </row>
    <row r="656240" spans="8:8">
      <c r="H656240" s="12"/>
    </row>
    <row r="656241" spans="8:8">
      <c r="H656241" s="12"/>
    </row>
    <row r="656242" spans="8:8">
      <c r="H656242" s="12"/>
    </row>
    <row r="656243" spans="8:8">
      <c r="H656243" s="12"/>
    </row>
    <row r="656244" spans="8:8">
      <c r="H656244" s="12"/>
    </row>
    <row r="656245" spans="8:8">
      <c r="H656245" s="12"/>
    </row>
    <row r="656246" spans="8:8">
      <c r="H656246" s="12"/>
    </row>
    <row r="656247" spans="8:8">
      <c r="H656247" s="12"/>
    </row>
    <row r="656248" spans="8:8">
      <c r="H656248" s="12"/>
    </row>
    <row r="656249" spans="8:8">
      <c r="H656249" s="12"/>
    </row>
    <row r="656250" spans="8:8">
      <c r="H656250" s="12"/>
    </row>
    <row r="656251" spans="8:8">
      <c r="H656251" s="12"/>
    </row>
    <row r="656252" spans="8:8">
      <c r="H656252" s="12"/>
    </row>
    <row r="656253" spans="8:8">
      <c r="H656253" s="12"/>
    </row>
    <row r="656254" spans="8:8">
      <c r="H656254" s="12"/>
    </row>
    <row r="656255" spans="8:8">
      <c r="H656255" s="12"/>
    </row>
    <row r="656256" spans="8:8">
      <c r="H656256" s="12"/>
    </row>
    <row r="656257" spans="8:8">
      <c r="H656257" s="12"/>
    </row>
    <row r="656258" spans="8:8">
      <c r="H656258" s="12"/>
    </row>
    <row r="656259" spans="8:8">
      <c r="H656259" s="12"/>
    </row>
    <row r="656260" spans="8:8">
      <c r="H656260" s="12"/>
    </row>
    <row r="656261" spans="8:8">
      <c r="H656261" s="12"/>
    </row>
    <row r="656262" spans="8:8">
      <c r="H656262" s="12"/>
    </row>
    <row r="656263" spans="8:8">
      <c r="H656263" s="12"/>
    </row>
    <row r="656264" spans="8:8">
      <c r="H656264" s="12"/>
    </row>
    <row r="656265" spans="8:8">
      <c r="H656265" s="12"/>
    </row>
    <row r="656266" spans="8:8">
      <c r="H656266" s="12"/>
    </row>
    <row r="656267" spans="8:8">
      <c r="H656267" s="12"/>
    </row>
    <row r="656268" spans="8:8">
      <c r="H656268" s="12"/>
    </row>
    <row r="656269" spans="8:8">
      <c r="H656269" s="12"/>
    </row>
    <row r="656270" spans="8:8">
      <c r="H656270" s="12"/>
    </row>
    <row r="656271" spans="8:8">
      <c r="H656271" s="12"/>
    </row>
    <row r="656272" spans="8:8">
      <c r="H656272" s="12"/>
    </row>
    <row r="656273" spans="8:8">
      <c r="H656273" s="12"/>
    </row>
    <row r="656274" spans="8:8">
      <c r="H656274" s="12"/>
    </row>
    <row r="656275" spans="8:8">
      <c r="H656275" s="12"/>
    </row>
    <row r="656276" spans="8:8">
      <c r="H656276" s="12"/>
    </row>
    <row r="656277" spans="8:8">
      <c r="H656277" s="12"/>
    </row>
    <row r="656278" spans="8:8">
      <c r="H656278" s="12"/>
    </row>
    <row r="656279" spans="8:8">
      <c r="H656279" s="12"/>
    </row>
    <row r="656280" spans="8:8">
      <c r="H656280" s="12"/>
    </row>
    <row r="656281" spans="8:8">
      <c r="H656281" s="12"/>
    </row>
    <row r="656282" spans="8:8">
      <c r="H656282" s="12"/>
    </row>
    <row r="656283" spans="8:8">
      <c r="H656283" s="12"/>
    </row>
    <row r="656284" spans="8:8">
      <c r="H656284" s="12"/>
    </row>
    <row r="656285" spans="8:8">
      <c r="H656285" s="12"/>
    </row>
    <row r="656286" spans="8:8">
      <c r="H656286" s="12"/>
    </row>
    <row r="656287" spans="8:8">
      <c r="H656287" s="12"/>
    </row>
    <row r="656288" spans="8:8">
      <c r="H656288" s="12"/>
    </row>
    <row r="656289" spans="8:8">
      <c r="H656289" s="12"/>
    </row>
    <row r="656290" spans="8:8">
      <c r="H656290" s="12"/>
    </row>
    <row r="656291" spans="8:8">
      <c r="H656291" s="12"/>
    </row>
    <row r="656292" spans="8:8">
      <c r="H656292" s="12"/>
    </row>
    <row r="656293" spans="8:8">
      <c r="H656293" s="12"/>
    </row>
    <row r="656294" spans="8:8">
      <c r="H656294" s="12"/>
    </row>
    <row r="656295" spans="8:8">
      <c r="H656295" s="12"/>
    </row>
    <row r="656296" spans="8:8">
      <c r="H656296" s="12"/>
    </row>
    <row r="656297" spans="8:8">
      <c r="H656297" s="12"/>
    </row>
    <row r="656298" spans="8:8">
      <c r="H656298" s="12"/>
    </row>
    <row r="656299" spans="8:8">
      <c r="H656299" s="12"/>
    </row>
    <row r="656300" spans="8:8">
      <c r="H656300" s="12"/>
    </row>
    <row r="656301" spans="8:8">
      <c r="H656301" s="12"/>
    </row>
    <row r="656302" spans="8:8">
      <c r="H656302" s="12"/>
    </row>
    <row r="656303" spans="8:8">
      <c r="H656303" s="12"/>
    </row>
    <row r="656304" spans="8:8">
      <c r="H656304" s="12"/>
    </row>
    <row r="656305" spans="8:8">
      <c r="H656305" s="12"/>
    </row>
    <row r="656306" spans="8:8">
      <c r="H656306" s="12"/>
    </row>
    <row r="656307" spans="8:8">
      <c r="H656307" s="12"/>
    </row>
    <row r="656308" spans="8:8">
      <c r="H656308" s="12"/>
    </row>
    <row r="656309" spans="8:8">
      <c r="H656309" s="12"/>
    </row>
    <row r="656310" spans="8:8">
      <c r="H656310" s="12"/>
    </row>
    <row r="656311" spans="8:8">
      <c r="H656311" s="12"/>
    </row>
    <row r="656312" spans="8:8">
      <c r="H656312" s="12"/>
    </row>
    <row r="656313" spans="8:8">
      <c r="H656313" s="12"/>
    </row>
    <row r="656314" spans="8:8">
      <c r="H656314" s="12"/>
    </row>
    <row r="656315" spans="8:8">
      <c r="H656315" s="12"/>
    </row>
    <row r="656316" spans="8:8">
      <c r="H656316" s="12"/>
    </row>
    <row r="656317" spans="8:8">
      <c r="H656317" s="12"/>
    </row>
    <row r="656318" spans="8:8">
      <c r="H656318" s="12"/>
    </row>
    <row r="656319" spans="8:8">
      <c r="H656319" s="12"/>
    </row>
    <row r="656320" spans="8:8">
      <c r="H656320" s="12"/>
    </row>
    <row r="656321" spans="8:8">
      <c r="H656321" s="12"/>
    </row>
    <row r="656322" spans="8:8">
      <c r="H656322" s="12"/>
    </row>
    <row r="656323" spans="8:8">
      <c r="H656323" s="12"/>
    </row>
    <row r="656324" spans="8:8">
      <c r="H656324" s="12"/>
    </row>
    <row r="656325" spans="8:8">
      <c r="H656325" s="12"/>
    </row>
    <row r="656326" spans="8:8">
      <c r="H656326" s="12"/>
    </row>
    <row r="656327" spans="8:8">
      <c r="H656327" s="12"/>
    </row>
    <row r="656328" spans="8:8">
      <c r="H656328" s="12"/>
    </row>
    <row r="656329" spans="8:8">
      <c r="H656329" s="12"/>
    </row>
    <row r="656330" spans="8:8">
      <c r="H656330" s="12"/>
    </row>
    <row r="656331" spans="8:8">
      <c r="H656331" s="12"/>
    </row>
    <row r="656332" spans="8:8">
      <c r="H656332" s="12"/>
    </row>
    <row r="656333" spans="8:8">
      <c r="H656333" s="12"/>
    </row>
    <row r="656334" spans="8:8">
      <c r="H656334" s="12"/>
    </row>
    <row r="656335" spans="8:8">
      <c r="H656335" s="12"/>
    </row>
    <row r="656336" spans="8:8">
      <c r="H656336" s="12"/>
    </row>
    <row r="656337" spans="8:8">
      <c r="H656337" s="12"/>
    </row>
    <row r="656338" spans="8:8">
      <c r="H656338" s="12"/>
    </row>
    <row r="656339" spans="8:8">
      <c r="H656339" s="12"/>
    </row>
    <row r="656340" spans="8:8">
      <c r="H656340" s="12"/>
    </row>
    <row r="656341" spans="8:8">
      <c r="H656341" s="12"/>
    </row>
    <row r="656342" spans="8:8">
      <c r="H656342" s="12"/>
    </row>
    <row r="656343" spans="8:8">
      <c r="H656343" s="12"/>
    </row>
    <row r="656344" spans="8:8">
      <c r="H656344" s="12"/>
    </row>
    <row r="656345" spans="8:8">
      <c r="H656345" s="12"/>
    </row>
    <row r="656346" spans="8:8">
      <c r="H656346" s="12"/>
    </row>
    <row r="656347" spans="8:8">
      <c r="H656347" s="12"/>
    </row>
    <row r="656348" spans="8:8">
      <c r="H656348" s="12"/>
    </row>
    <row r="656349" spans="8:8">
      <c r="H656349" s="12"/>
    </row>
    <row r="656350" spans="8:8">
      <c r="H656350" s="12"/>
    </row>
    <row r="656351" spans="8:8">
      <c r="H656351" s="12"/>
    </row>
    <row r="656352" spans="8:8">
      <c r="H656352" s="12"/>
    </row>
    <row r="656353" spans="8:8">
      <c r="H656353" s="12"/>
    </row>
    <row r="656354" spans="8:8">
      <c r="H656354" s="12"/>
    </row>
    <row r="656355" spans="8:8">
      <c r="H656355" s="12"/>
    </row>
    <row r="656356" spans="8:8">
      <c r="H656356" s="12"/>
    </row>
    <row r="656357" spans="8:8">
      <c r="H656357" s="12"/>
    </row>
    <row r="656358" spans="8:8">
      <c r="H656358" s="12"/>
    </row>
    <row r="656359" spans="8:8">
      <c r="H656359" s="12"/>
    </row>
    <row r="656360" spans="8:8">
      <c r="H656360" s="12"/>
    </row>
    <row r="656361" spans="8:8">
      <c r="H656361" s="12"/>
    </row>
    <row r="656362" spans="8:8">
      <c r="H656362" s="12"/>
    </row>
    <row r="656363" spans="8:8">
      <c r="H656363" s="12"/>
    </row>
    <row r="656364" spans="8:8">
      <c r="H656364" s="12"/>
    </row>
    <row r="656365" spans="8:8">
      <c r="H656365" s="12"/>
    </row>
    <row r="656366" spans="8:8">
      <c r="H656366" s="12"/>
    </row>
    <row r="656367" spans="8:8">
      <c r="H656367" s="12"/>
    </row>
    <row r="656368" spans="8:8">
      <c r="H656368" s="12"/>
    </row>
    <row r="656369" spans="8:8">
      <c r="H656369" s="12"/>
    </row>
    <row r="656370" spans="8:8">
      <c r="H656370" s="12"/>
    </row>
    <row r="656371" spans="8:8">
      <c r="H656371" s="12"/>
    </row>
    <row r="656372" spans="8:8">
      <c r="H656372" s="12"/>
    </row>
    <row r="656373" spans="8:8">
      <c r="H656373" s="12"/>
    </row>
    <row r="656374" spans="8:8">
      <c r="H656374" s="12"/>
    </row>
    <row r="656375" spans="8:8">
      <c r="H656375" s="12"/>
    </row>
    <row r="656376" spans="8:8">
      <c r="H656376" s="12"/>
    </row>
    <row r="656377" spans="8:8">
      <c r="H656377" s="12"/>
    </row>
    <row r="656378" spans="8:8">
      <c r="H656378" s="12"/>
    </row>
    <row r="656379" spans="8:8">
      <c r="H656379" s="12"/>
    </row>
    <row r="656380" spans="8:8">
      <c r="H656380" s="12"/>
    </row>
    <row r="656381" spans="8:8">
      <c r="H656381" s="12"/>
    </row>
    <row r="656382" spans="8:8">
      <c r="H656382" s="12"/>
    </row>
    <row r="656383" spans="8:8">
      <c r="H656383" s="12"/>
    </row>
    <row r="656384" spans="8:8">
      <c r="H656384" s="12"/>
    </row>
    <row r="656385" spans="8:8">
      <c r="H656385" s="12"/>
    </row>
    <row r="656386" spans="8:8">
      <c r="H656386" s="12"/>
    </row>
    <row r="656387" spans="8:8">
      <c r="H656387" s="12"/>
    </row>
    <row r="656388" spans="8:8">
      <c r="H656388" s="12"/>
    </row>
    <row r="656389" spans="8:8">
      <c r="H656389" s="12"/>
    </row>
    <row r="656390" spans="8:8">
      <c r="H656390" s="12"/>
    </row>
    <row r="656391" spans="8:8">
      <c r="H656391" s="12"/>
    </row>
    <row r="656392" spans="8:8">
      <c r="H656392" s="12"/>
    </row>
    <row r="656393" spans="8:8">
      <c r="H656393" s="12"/>
    </row>
    <row r="656394" spans="8:8">
      <c r="H656394" s="12"/>
    </row>
    <row r="656395" spans="8:8">
      <c r="H656395" s="12"/>
    </row>
    <row r="656396" spans="8:8">
      <c r="H656396" s="12"/>
    </row>
    <row r="656397" spans="8:8">
      <c r="H656397" s="12"/>
    </row>
    <row r="656398" spans="8:8">
      <c r="H656398" s="12"/>
    </row>
    <row r="656399" spans="8:8">
      <c r="H656399" s="12"/>
    </row>
    <row r="656400" spans="8:8">
      <c r="H656400" s="12"/>
    </row>
    <row r="656401" spans="8:8">
      <c r="H656401" s="12"/>
    </row>
    <row r="656402" spans="8:8">
      <c r="H656402" s="12"/>
    </row>
    <row r="656403" spans="8:8">
      <c r="H656403" s="12"/>
    </row>
    <row r="656404" spans="8:8">
      <c r="H656404" s="12"/>
    </row>
    <row r="656405" spans="8:8">
      <c r="H656405" s="12"/>
    </row>
    <row r="656406" spans="8:8">
      <c r="H656406" s="12"/>
    </row>
    <row r="656407" spans="8:8">
      <c r="H656407" s="12"/>
    </row>
    <row r="656408" spans="8:8">
      <c r="H656408" s="12"/>
    </row>
    <row r="656409" spans="8:8">
      <c r="H656409" s="12"/>
    </row>
    <row r="656410" spans="8:8">
      <c r="H656410" s="12"/>
    </row>
    <row r="656411" spans="8:8">
      <c r="H656411" s="12"/>
    </row>
    <row r="656412" spans="8:8">
      <c r="H656412" s="12"/>
    </row>
    <row r="656413" spans="8:8">
      <c r="H656413" s="12"/>
    </row>
    <row r="656414" spans="8:8">
      <c r="H656414" s="12"/>
    </row>
    <row r="656415" spans="8:8">
      <c r="H656415" s="12"/>
    </row>
    <row r="656416" spans="8:8">
      <c r="H656416" s="12"/>
    </row>
    <row r="656417" spans="8:8">
      <c r="H656417" s="12"/>
    </row>
    <row r="656418" spans="8:8">
      <c r="H656418" s="12"/>
    </row>
    <row r="656419" spans="8:8">
      <c r="H656419" s="12"/>
    </row>
    <row r="656420" spans="8:8">
      <c r="H656420" s="12"/>
    </row>
    <row r="656421" spans="8:8">
      <c r="H656421" s="12"/>
    </row>
    <row r="656422" spans="8:8">
      <c r="H656422" s="12"/>
    </row>
    <row r="656423" spans="8:8">
      <c r="H656423" s="12"/>
    </row>
    <row r="656424" spans="8:8">
      <c r="H656424" s="12"/>
    </row>
    <row r="656425" spans="8:8">
      <c r="H656425" s="12"/>
    </row>
    <row r="656426" spans="8:8">
      <c r="H656426" s="12"/>
    </row>
    <row r="656427" spans="8:8">
      <c r="H656427" s="12"/>
    </row>
    <row r="656428" spans="8:8">
      <c r="H656428" s="12"/>
    </row>
    <row r="656429" spans="8:8">
      <c r="H656429" s="12"/>
    </row>
    <row r="656430" spans="8:8">
      <c r="H656430" s="12"/>
    </row>
    <row r="656431" spans="8:8">
      <c r="H656431" s="12"/>
    </row>
    <row r="656432" spans="8:8">
      <c r="H656432" s="12"/>
    </row>
    <row r="656433" spans="8:8">
      <c r="H656433" s="12"/>
    </row>
    <row r="656434" spans="8:8">
      <c r="H656434" s="12"/>
    </row>
    <row r="656435" spans="8:8">
      <c r="H656435" s="12"/>
    </row>
    <row r="656436" spans="8:8">
      <c r="H656436" s="12"/>
    </row>
    <row r="656437" spans="8:8">
      <c r="H656437" s="12"/>
    </row>
    <row r="656438" spans="8:8">
      <c r="H656438" s="12"/>
    </row>
    <row r="656439" spans="8:8">
      <c r="H656439" s="12"/>
    </row>
    <row r="656440" spans="8:8">
      <c r="H656440" s="12"/>
    </row>
    <row r="656441" spans="8:8">
      <c r="H656441" s="12"/>
    </row>
    <row r="656442" spans="8:8">
      <c r="H656442" s="12"/>
    </row>
    <row r="656443" spans="8:8">
      <c r="H656443" s="12"/>
    </row>
    <row r="656444" spans="8:8">
      <c r="H656444" s="12"/>
    </row>
    <row r="656445" spans="8:8">
      <c r="H656445" s="12"/>
    </row>
    <row r="656446" spans="8:8">
      <c r="H656446" s="12"/>
    </row>
    <row r="656447" spans="8:8">
      <c r="H656447" s="12"/>
    </row>
    <row r="656448" spans="8:8">
      <c r="H656448" s="12"/>
    </row>
    <row r="656449" spans="8:8">
      <c r="H656449" s="12"/>
    </row>
    <row r="656450" spans="8:8">
      <c r="H656450" s="12"/>
    </row>
    <row r="656451" spans="8:8">
      <c r="H656451" s="12"/>
    </row>
    <row r="656452" spans="8:8">
      <c r="H656452" s="12"/>
    </row>
    <row r="656453" spans="8:8">
      <c r="H656453" s="12"/>
    </row>
    <row r="656454" spans="8:8">
      <c r="H656454" s="12"/>
    </row>
    <row r="656455" spans="8:8">
      <c r="H656455" s="12"/>
    </row>
    <row r="656456" spans="8:8">
      <c r="H656456" s="12"/>
    </row>
    <row r="656457" spans="8:8">
      <c r="H656457" s="12"/>
    </row>
    <row r="656458" spans="8:8">
      <c r="H656458" s="12"/>
    </row>
    <row r="656459" spans="8:8">
      <c r="H656459" s="12"/>
    </row>
    <row r="656460" spans="8:8">
      <c r="H656460" s="12"/>
    </row>
    <row r="656461" spans="8:8">
      <c r="H656461" s="12"/>
    </row>
    <row r="656462" spans="8:8">
      <c r="H656462" s="12"/>
    </row>
    <row r="656463" spans="8:8">
      <c r="H656463" s="12"/>
    </row>
    <row r="656464" spans="8:8">
      <c r="H656464" s="12"/>
    </row>
    <row r="656465" spans="8:8">
      <c r="H656465" s="12"/>
    </row>
    <row r="656466" spans="8:8">
      <c r="H656466" s="12"/>
    </row>
    <row r="656467" spans="8:8">
      <c r="H656467" s="12"/>
    </row>
    <row r="656468" spans="8:8">
      <c r="H656468" s="12"/>
    </row>
    <row r="656469" spans="8:8">
      <c r="H656469" s="12"/>
    </row>
    <row r="656470" spans="8:8">
      <c r="H656470" s="12"/>
    </row>
    <row r="656471" spans="8:8">
      <c r="H656471" s="12"/>
    </row>
    <row r="656472" spans="8:8">
      <c r="H656472" s="12"/>
    </row>
    <row r="656473" spans="8:8">
      <c r="H656473" s="12"/>
    </row>
    <row r="656474" spans="8:8">
      <c r="H656474" s="12"/>
    </row>
    <row r="656475" spans="8:8">
      <c r="H656475" s="12"/>
    </row>
    <row r="656476" spans="8:8">
      <c r="H656476" s="12"/>
    </row>
    <row r="656477" spans="8:8">
      <c r="H656477" s="12"/>
    </row>
    <row r="656478" spans="8:8">
      <c r="H656478" s="12"/>
    </row>
    <row r="656479" spans="8:8">
      <c r="H656479" s="12"/>
    </row>
    <row r="656480" spans="8:8">
      <c r="H656480" s="12"/>
    </row>
    <row r="656481" spans="8:8">
      <c r="H656481" s="12"/>
    </row>
    <row r="656482" spans="8:8">
      <c r="H656482" s="12"/>
    </row>
    <row r="656483" spans="8:8">
      <c r="H656483" s="12"/>
    </row>
    <row r="656484" spans="8:8">
      <c r="H656484" s="12"/>
    </row>
    <row r="656485" spans="8:8">
      <c r="H656485" s="12"/>
    </row>
    <row r="656486" spans="8:8">
      <c r="H656486" s="12"/>
    </row>
    <row r="656487" spans="8:8">
      <c r="H656487" s="12"/>
    </row>
    <row r="656488" spans="8:8">
      <c r="H656488" s="12"/>
    </row>
    <row r="656489" spans="8:8">
      <c r="H656489" s="12"/>
    </row>
    <row r="656490" spans="8:8">
      <c r="H656490" s="12"/>
    </row>
    <row r="656491" spans="8:8">
      <c r="H656491" s="12"/>
    </row>
    <row r="656492" spans="8:8">
      <c r="H656492" s="12"/>
    </row>
    <row r="656493" spans="8:8">
      <c r="H656493" s="12"/>
    </row>
    <row r="656494" spans="8:8">
      <c r="H656494" s="12"/>
    </row>
    <row r="656495" spans="8:8">
      <c r="H656495" s="12"/>
    </row>
    <row r="656496" spans="8:8">
      <c r="H656496" s="12"/>
    </row>
    <row r="656497" spans="8:8">
      <c r="H656497" s="12"/>
    </row>
    <row r="656498" spans="8:8">
      <c r="H656498" s="12"/>
    </row>
    <row r="656499" spans="8:8">
      <c r="H656499" s="12"/>
    </row>
    <row r="656500" spans="8:8">
      <c r="H656500" s="12"/>
    </row>
    <row r="656501" spans="8:8">
      <c r="H656501" s="12"/>
    </row>
    <row r="656502" spans="8:8">
      <c r="H656502" s="12"/>
    </row>
    <row r="656503" spans="8:8">
      <c r="H656503" s="12"/>
    </row>
    <row r="656504" spans="8:8">
      <c r="H656504" s="12"/>
    </row>
    <row r="656505" spans="8:8">
      <c r="H656505" s="12"/>
    </row>
    <row r="656506" spans="8:8">
      <c r="H656506" s="12"/>
    </row>
    <row r="656507" spans="8:8">
      <c r="H656507" s="12"/>
    </row>
    <row r="656508" spans="8:8">
      <c r="H656508" s="12"/>
    </row>
    <row r="656509" spans="8:8">
      <c r="H656509" s="12"/>
    </row>
    <row r="656510" spans="8:8">
      <c r="H656510" s="12"/>
    </row>
    <row r="656511" spans="8:8">
      <c r="H656511" s="12"/>
    </row>
    <row r="656512" spans="8:8">
      <c r="H656512" s="12"/>
    </row>
    <row r="656513" spans="8:8">
      <c r="H656513" s="12"/>
    </row>
    <row r="656514" spans="8:8">
      <c r="H656514" s="12"/>
    </row>
    <row r="656515" spans="8:8">
      <c r="H656515" s="12"/>
    </row>
    <row r="656516" spans="8:8">
      <c r="H656516" s="12"/>
    </row>
    <row r="656517" spans="8:8">
      <c r="H656517" s="12"/>
    </row>
    <row r="656518" spans="8:8">
      <c r="H656518" s="12"/>
    </row>
    <row r="656519" spans="8:8">
      <c r="H656519" s="12"/>
    </row>
    <row r="656520" spans="8:8">
      <c r="H656520" s="12"/>
    </row>
    <row r="656521" spans="8:8">
      <c r="H656521" s="12"/>
    </row>
    <row r="656522" spans="8:8">
      <c r="H656522" s="12"/>
    </row>
    <row r="656523" spans="8:8">
      <c r="H656523" s="12"/>
    </row>
    <row r="656524" spans="8:8">
      <c r="H656524" s="12"/>
    </row>
    <row r="656525" spans="8:8">
      <c r="H656525" s="12"/>
    </row>
    <row r="656526" spans="8:8">
      <c r="H656526" s="12"/>
    </row>
    <row r="656527" spans="8:8">
      <c r="H656527" s="12"/>
    </row>
    <row r="656528" spans="8:8">
      <c r="H656528" s="12"/>
    </row>
    <row r="656529" spans="8:8">
      <c r="H656529" s="12"/>
    </row>
    <row r="656530" spans="8:8">
      <c r="H656530" s="12"/>
    </row>
    <row r="656531" spans="8:8">
      <c r="H656531" s="12"/>
    </row>
    <row r="656532" spans="8:8">
      <c r="H656532" s="12"/>
    </row>
    <row r="656533" spans="8:8">
      <c r="H656533" s="12"/>
    </row>
    <row r="656534" spans="8:8">
      <c r="H656534" s="12"/>
    </row>
    <row r="656535" spans="8:8">
      <c r="H656535" s="12"/>
    </row>
    <row r="656536" spans="8:8">
      <c r="H656536" s="12"/>
    </row>
    <row r="656537" spans="8:8">
      <c r="H656537" s="12"/>
    </row>
    <row r="656538" spans="8:8">
      <c r="H656538" s="12"/>
    </row>
    <row r="656539" spans="8:8">
      <c r="H656539" s="12"/>
    </row>
    <row r="656540" spans="8:8">
      <c r="H656540" s="12"/>
    </row>
    <row r="656541" spans="8:8">
      <c r="H656541" s="12"/>
    </row>
    <row r="656542" spans="8:8">
      <c r="H656542" s="12"/>
    </row>
    <row r="656543" spans="8:8">
      <c r="H656543" s="12"/>
    </row>
    <row r="656544" spans="8:8">
      <c r="H656544" s="12"/>
    </row>
    <row r="656545" spans="8:8">
      <c r="H656545" s="12"/>
    </row>
    <row r="656546" spans="8:8">
      <c r="H656546" s="12"/>
    </row>
    <row r="656547" spans="8:8">
      <c r="H656547" s="12"/>
    </row>
    <row r="656548" spans="8:8">
      <c r="H656548" s="12"/>
    </row>
    <row r="656549" spans="8:8">
      <c r="H656549" s="12"/>
    </row>
    <row r="656550" spans="8:8">
      <c r="H656550" s="12"/>
    </row>
    <row r="656551" spans="8:8">
      <c r="H656551" s="12"/>
    </row>
    <row r="656552" spans="8:8">
      <c r="H656552" s="12"/>
    </row>
    <row r="656553" spans="8:8">
      <c r="H656553" s="12"/>
    </row>
    <row r="656554" spans="8:8">
      <c r="H656554" s="12"/>
    </row>
    <row r="656555" spans="8:8">
      <c r="H656555" s="12"/>
    </row>
    <row r="656556" spans="8:8">
      <c r="H656556" s="12"/>
    </row>
    <row r="656557" spans="8:8">
      <c r="H656557" s="12"/>
    </row>
    <row r="656558" spans="8:8">
      <c r="H656558" s="12"/>
    </row>
    <row r="656559" spans="8:8">
      <c r="H656559" s="12"/>
    </row>
    <row r="656560" spans="8:8">
      <c r="H656560" s="12"/>
    </row>
    <row r="656561" spans="8:8">
      <c r="H656561" s="12"/>
    </row>
    <row r="656562" spans="8:8">
      <c r="H656562" s="12"/>
    </row>
    <row r="656563" spans="8:8">
      <c r="H656563" s="12"/>
    </row>
    <row r="656564" spans="8:8">
      <c r="H656564" s="12"/>
    </row>
    <row r="656565" spans="8:8">
      <c r="H656565" s="12"/>
    </row>
    <row r="656566" spans="8:8">
      <c r="H656566" s="12"/>
    </row>
    <row r="656567" spans="8:8">
      <c r="H656567" s="12"/>
    </row>
    <row r="656568" spans="8:8">
      <c r="H656568" s="12"/>
    </row>
    <row r="656569" spans="8:8">
      <c r="H656569" s="12"/>
    </row>
    <row r="656570" spans="8:8">
      <c r="H656570" s="12"/>
    </row>
    <row r="656571" spans="8:8">
      <c r="H656571" s="12"/>
    </row>
    <row r="656572" spans="8:8">
      <c r="H656572" s="12"/>
    </row>
    <row r="656573" spans="8:8">
      <c r="H656573" s="12"/>
    </row>
    <row r="656574" spans="8:8">
      <c r="H656574" s="12"/>
    </row>
    <row r="656575" spans="8:8">
      <c r="H656575" s="12"/>
    </row>
    <row r="656576" spans="8:8">
      <c r="H656576" s="12"/>
    </row>
    <row r="656577" spans="8:8">
      <c r="H656577" s="12"/>
    </row>
    <row r="656578" spans="8:8">
      <c r="H656578" s="12"/>
    </row>
    <row r="656579" spans="8:8">
      <c r="H656579" s="12"/>
    </row>
    <row r="656580" spans="8:8">
      <c r="H656580" s="12"/>
    </row>
    <row r="656581" spans="8:8">
      <c r="H656581" s="12"/>
    </row>
    <row r="656582" spans="8:8">
      <c r="H656582" s="12"/>
    </row>
    <row r="656583" spans="8:8">
      <c r="H656583" s="12"/>
    </row>
    <row r="656584" spans="8:8">
      <c r="H656584" s="12"/>
    </row>
    <row r="656585" spans="8:8">
      <c r="H656585" s="12"/>
    </row>
    <row r="656586" spans="8:8">
      <c r="H656586" s="12"/>
    </row>
    <row r="656587" spans="8:8">
      <c r="H656587" s="12"/>
    </row>
    <row r="656588" spans="8:8">
      <c r="H656588" s="12"/>
    </row>
    <row r="656589" spans="8:8">
      <c r="H656589" s="12"/>
    </row>
    <row r="656590" spans="8:8">
      <c r="H656590" s="12"/>
    </row>
    <row r="656591" spans="8:8">
      <c r="H656591" s="12"/>
    </row>
    <row r="656592" spans="8:8">
      <c r="H656592" s="12"/>
    </row>
    <row r="656593" spans="8:8">
      <c r="H656593" s="12"/>
    </row>
    <row r="656594" spans="8:8">
      <c r="H656594" s="12"/>
    </row>
    <row r="656595" spans="8:8">
      <c r="H656595" s="12"/>
    </row>
    <row r="656596" spans="8:8">
      <c r="H656596" s="12"/>
    </row>
    <row r="656597" spans="8:8">
      <c r="H656597" s="12"/>
    </row>
    <row r="656598" spans="8:8">
      <c r="H656598" s="12"/>
    </row>
    <row r="656599" spans="8:8">
      <c r="H656599" s="12"/>
    </row>
    <row r="656600" spans="8:8">
      <c r="H656600" s="12"/>
    </row>
    <row r="656601" spans="8:8">
      <c r="H656601" s="12"/>
    </row>
    <row r="656602" spans="8:8">
      <c r="H656602" s="12"/>
    </row>
    <row r="656603" spans="8:8">
      <c r="H656603" s="12"/>
    </row>
    <row r="656604" spans="8:8">
      <c r="H656604" s="12"/>
    </row>
    <row r="656605" spans="8:8">
      <c r="H656605" s="12"/>
    </row>
    <row r="656606" spans="8:8">
      <c r="H656606" s="12"/>
    </row>
    <row r="656607" spans="8:8">
      <c r="H656607" s="12"/>
    </row>
    <row r="656608" spans="8:8">
      <c r="H656608" s="12"/>
    </row>
    <row r="656609" spans="8:8">
      <c r="H656609" s="12"/>
    </row>
    <row r="656610" spans="8:8">
      <c r="H656610" s="12"/>
    </row>
    <row r="656611" spans="8:8">
      <c r="H656611" s="12"/>
    </row>
    <row r="656612" spans="8:8">
      <c r="H656612" s="12"/>
    </row>
    <row r="656613" spans="8:8">
      <c r="H656613" s="12"/>
    </row>
    <row r="656614" spans="8:8">
      <c r="H656614" s="12"/>
    </row>
    <row r="656615" spans="8:8">
      <c r="H656615" s="12"/>
    </row>
    <row r="656616" spans="8:8">
      <c r="H656616" s="12"/>
    </row>
    <row r="656617" spans="8:8">
      <c r="H656617" s="12"/>
    </row>
    <row r="656618" spans="8:8">
      <c r="H656618" s="12"/>
    </row>
    <row r="656619" spans="8:8">
      <c r="H656619" s="12"/>
    </row>
    <row r="656620" spans="8:8">
      <c r="H656620" s="12"/>
    </row>
    <row r="656621" spans="8:8">
      <c r="H656621" s="12"/>
    </row>
    <row r="656622" spans="8:8">
      <c r="H656622" s="12"/>
    </row>
    <row r="656623" spans="8:8">
      <c r="H656623" s="12"/>
    </row>
    <row r="656624" spans="8:8">
      <c r="H656624" s="12"/>
    </row>
    <row r="656625" spans="8:8">
      <c r="H656625" s="12"/>
    </row>
    <row r="656626" spans="8:8">
      <c r="H656626" s="12"/>
    </row>
    <row r="656627" spans="8:8">
      <c r="H656627" s="12"/>
    </row>
    <row r="656628" spans="8:8">
      <c r="H656628" s="12"/>
    </row>
    <row r="656629" spans="8:8">
      <c r="H656629" s="12"/>
    </row>
    <row r="656630" spans="8:8">
      <c r="H656630" s="12"/>
    </row>
    <row r="656631" spans="8:8">
      <c r="H656631" s="12"/>
    </row>
    <row r="656632" spans="8:8">
      <c r="H656632" s="12"/>
    </row>
    <row r="656633" spans="8:8">
      <c r="H656633" s="12"/>
    </row>
    <row r="656634" spans="8:8">
      <c r="H656634" s="12"/>
    </row>
    <row r="656635" spans="8:8">
      <c r="H656635" s="12"/>
    </row>
    <row r="656636" spans="8:8">
      <c r="H656636" s="12"/>
    </row>
    <row r="656637" spans="8:8">
      <c r="H656637" s="12"/>
    </row>
    <row r="656638" spans="8:8">
      <c r="H656638" s="12"/>
    </row>
    <row r="656639" spans="8:8">
      <c r="H656639" s="12"/>
    </row>
    <row r="656640" spans="8:8">
      <c r="H656640" s="12"/>
    </row>
    <row r="656641" spans="8:8">
      <c r="H656641" s="12"/>
    </row>
    <row r="656642" spans="8:8">
      <c r="H656642" s="12"/>
    </row>
    <row r="656643" spans="8:8">
      <c r="H656643" s="12"/>
    </row>
    <row r="656644" spans="8:8">
      <c r="H656644" s="12"/>
    </row>
    <row r="656645" spans="8:8">
      <c r="H656645" s="12"/>
    </row>
    <row r="656646" spans="8:8">
      <c r="H656646" s="12"/>
    </row>
    <row r="656647" spans="8:8">
      <c r="H656647" s="12"/>
    </row>
    <row r="656648" spans="8:8">
      <c r="H656648" s="12"/>
    </row>
    <row r="656649" spans="8:8">
      <c r="H656649" s="12"/>
    </row>
    <row r="656650" spans="8:8">
      <c r="H656650" s="12"/>
    </row>
    <row r="656651" spans="8:8">
      <c r="H656651" s="12"/>
    </row>
    <row r="656652" spans="8:8">
      <c r="H656652" s="12"/>
    </row>
    <row r="656653" spans="8:8">
      <c r="H656653" s="12"/>
    </row>
    <row r="656654" spans="8:8">
      <c r="H656654" s="12"/>
    </row>
    <row r="656655" spans="8:8">
      <c r="H656655" s="12"/>
    </row>
    <row r="656656" spans="8:8">
      <c r="H656656" s="12"/>
    </row>
    <row r="656657" spans="8:8">
      <c r="H656657" s="12"/>
    </row>
    <row r="656658" spans="8:8">
      <c r="H656658" s="12"/>
    </row>
    <row r="656659" spans="8:8">
      <c r="H656659" s="12"/>
    </row>
    <row r="656660" spans="8:8">
      <c r="H656660" s="12"/>
    </row>
    <row r="656661" spans="8:8">
      <c r="H656661" s="12"/>
    </row>
    <row r="656662" spans="8:8">
      <c r="H656662" s="12"/>
    </row>
    <row r="656663" spans="8:8">
      <c r="H656663" s="12"/>
    </row>
    <row r="656664" spans="8:8">
      <c r="H656664" s="12"/>
    </row>
    <row r="656665" spans="8:8">
      <c r="H656665" s="12"/>
    </row>
    <row r="656666" spans="8:8">
      <c r="H656666" s="12"/>
    </row>
    <row r="656667" spans="8:8">
      <c r="H656667" s="12"/>
    </row>
    <row r="656668" spans="8:8">
      <c r="H656668" s="12"/>
    </row>
    <row r="656669" spans="8:8">
      <c r="H656669" s="12"/>
    </row>
    <row r="656670" spans="8:8">
      <c r="H656670" s="12"/>
    </row>
    <row r="656671" spans="8:8">
      <c r="H656671" s="12"/>
    </row>
    <row r="656672" spans="8:8">
      <c r="H656672" s="12"/>
    </row>
    <row r="656673" spans="8:8">
      <c r="H656673" s="12"/>
    </row>
    <row r="656674" spans="8:8">
      <c r="H656674" s="12"/>
    </row>
    <row r="656675" spans="8:8">
      <c r="H656675" s="12"/>
    </row>
    <row r="656676" spans="8:8">
      <c r="H656676" s="12"/>
    </row>
    <row r="656677" spans="8:8">
      <c r="H656677" s="12"/>
    </row>
    <row r="656678" spans="8:8">
      <c r="H656678" s="12"/>
    </row>
    <row r="656679" spans="8:8">
      <c r="H656679" s="12"/>
    </row>
    <row r="656680" spans="8:8">
      <c r="H656680" s="12"/>
    </row>
    <row r="656681" spans="8:8">
      <c r="H656681" s="12"/>
    </row>
    <row r="656682" spans="8:8">
      <c r="H656682" s="12"/>
    </row>
    <row r="656683" spans="8:8">
      <c r="H656683" s="12"/>
    </row>
    <row r="656684" spans="8:8">
      <c r="H656684" s="12"/>
    </row>
    <row r="656685" spans="8:8">
      <c r="H656685" s="12"/>
    </row>
    <row r="656686" spans="8:8">
      <c r="H656686" s="12"/>
    </row>
    <row r="656687" spans="8:8">
      <c r="H656687" s="12"/>
    </row>
    <row r="656688" spans="8:8">
      <c r="H656688" s="12"/>
    </row>
    <row r="656689" spans="8:8">
      <c r="H656689" s="12"/>
    </row>
    <row r="656690" spans="8:8">
      <c r="H656690" s="12"/>
    </row>
    <row r="656691" spans="8:8">
      <c r="H656691" s="12"/>
    </row>
    <row r="656692" spans="8:8">
      <c r="H656692" s="12"/>
    </row>
    <row r="656693" spans="8:8">
      <c r="H656693" s="12"/>
    </row>
    <row r="656694" spans="8:8">
      <c r="H656694" s="12"/>
    </row>
    <row r="656695" spans="8:8">
      <c r="H656695" s="12"/>
    </row>
    <row r="656696" spans="8:8">
      <c r="H656696" s="12"/>
    </row>
    <row r="656697" spans="8:8">
      <c r="H656697" s="12"/>
    </row>
    <row r="656698" spans="8:8">
      <c r="H656698" s="12"/>
    </row>
    <row r="656699" spans="8:8">
      <c r="H656699" s="12"/>
    </row>
    <row r="656700" spans="8:8">
      <c r="H656700" s="12"/>
    </row>
    <row r="656701" spans="8:8">
      <c r="H656701" s="12"/>
    </row>
    <row r="656702" spans="8:8">
      <c r="H656702" s="12"/>
    </row>
    <row r="656703" spans="8:8">
      <c r="H656703" s="12"/>
    </row>
    <row r="656704" spans="8:8">
      <c r="H656704" s="12"/>
    </row>
    <row r="656705" spans="8:8">
      <c r="H656705" s="12"/>
    </row>
    <row r="656706" spans="8:8">
      <c r="H656706" s="12"/>
    </row>
    <row r="656707" spans="8:8">
      <c r="H656707" s="12"/>
    </row>
    <row r="656708" spans="8:8">
      <c r="H656708" s="12"/>
    </row>
    <row r="656709" spans="8:8">
      <c r="H656709" s="12"/>
    </row>
    <row r="656710" spans="8:8">
      <c r="H656710" s="12"/>
    </row>
    <row r="656711" spans="8:8">
      <c r="H656711" s="12"/>
    </row>
    <row r="656712" spans="8:8">
      <c r="H656712" s="12"/>
    </row>
    <row r="656713" spans="8:8">
      <c r="H656713" s="12"/>
    </row>
    <row r="656714" spans="8:8">
      <c r="H656714" s="12"/>
    </row>
    <row r="656715" spans="8:8">
      <c r="H656715" s="12"/>
    </row>
    <row r="656716" spans="8:8">
      <c r="H656716" s="12"/>
    </row>
    <row r="656717" spans="8:8">
      <c r="H656717" s="12"/>
    </row>
    <row r="656718" spans="8:8">
      <c r="H656718" s="12"/>
    </row>
    <row r="656719" spans="8:8">
      <c r="H656719" s="12"/>
    </row>
    <row r="656720" spans="8:8">
      <c r="H656720" s="12"/>
    </row>
    <row r="656721" spans="8:8">
      <c r="H656721" s="12"/>
    </row>
    <row r="656722" spans="8:8">
      <c r="H656722" s="12"/>
    </row>
    <row r="656723" spans="8:8">
      <c r="H656723" s="12"/>
    </row>
    <row r="656724" spans="8:8">
      <c r="H656724" s="12"/>
    </row>
    <row r="656725" spans="8:8">
      <c r="H656725" s="12"/>
    </row>
    <row r="656726" spans="8:8">
      <c r="H656726" s="12"/>
    </row>
    <row r="656727" spans="8:8">
      <c r="H656727" s="12"/>
    </row>
    <row r="656728" spans="8:8">
      <c r="H656728" s="12"/>
    </row>
    <row r="656729" spans="8:8">
      <c r="H656729" s="12"/>
    </row>
    <row r="656730" spans="8:8">
      <c r="H656730" s="12"/>
    </row>
    <row r="656731" spans="8:8">
      <c r="H656731" s="12"/>
    </row>
    <row r="656732" spans="8:8">
      <c r="H656732" s="12"/>
    </row>
    <row r="656733" spans="8:8">
      <c r="H656733" s="12"/>
    </row>
    <row r="656734" spans="8:8">
      <c r="H656734" s="12"/>
    </row>
    <row r="656735" spans="8:8">
      <c r="H656735" s="12"/>
    </row>
    <row r="656736" spans="8:8">
      <c r="H656736" s="12"/>
    </row>
    <row r="656737" spans="8:8">
      <c r="H656737" s="12"/>
    </row>
    <row r="656738" spans="8:8">
      <c r="H656738" s="12"/>
    </row>
    <row r="656739" spans="8:8">
      <c r="H656739" s="12"/>
    </row>
    <row r="656740" spans="8:8">
      <c r="H656740" s="12"/>
    </row>
    <row r="656741" spans="8:8">
      <c r="H656741" s="12"/>
    </row>
    <row r="656742" spans="8:8">
      <c r="H656742" s="12"/>
    </row>
    <row r="656743" spans="8:8">
      <c r="H656743" s="12"/>
    </row>
    <row r="656744" spans="8:8">
      <c r="H656744" s="12"/>
    </row>
    <row r="656745" spans="8:8">
      <c r="H656745" s="12"/>
    </row>
    <row r="656746" spans="8:8">
      <c r="H656746" s="12"/>
    </row>
    <row r="656747" spans="8:8">
      <c r="H656747" s="12"/>
    </row>
    <row r="656748" spans="8:8">
      <c r="H656748" s="12"/>
    </row>
    <row r="656749" spans="8:8">
      <c r="H656749" s="12"/>
    </row>
    <row r="656750" spans="8:8">
      <c r="H656750" s="12"/>
    </row>
    <row r="656751" spans="8:8">
      <c r="H656751" s="12"/>
    </row>
    <row r="656752" spans="8:8">
      <c r="H656752" s="12"/>
    </row>
    <row r="656753" spans="8:8">
      <c r="H656753" s="12"/>
    </row>
    <row r="656754" spans="8:8">
      <c r="H656754" s="12"/>
    </row>
    <row r="656755" spans="8:8">
      <c r="H656755" s="12"/>
    </row>
    <row r="656756" spans="8:8">
      <c r="H656756" s="12"/>
    </row>
    <row r="656757" spans="8:8">
      <c r="H656757" s="12"/>
    </row>
    <row r="656758" spans="8:8">
      <c r="H656758" s="12"/>
    </row>
    <row r="656759" spans="8:8">
      <c r="H656759" s="12"/>
    </row>
    <row r="656760" spans="8:8">
      <c r="H656760" s="12"/>
    </row>
    <row r="656761" spans="8:8">
      <c r="H656761" s="12"/>
    </row>
    <row r="656762" spans="8:8">
      <c r="H656762" s="12"/>
    </row>
    <row r="656763" spans="8:8">
      <c r="H656763" s="12"/>
    </row>
    <row r="656764" spans="8:8">
      <c r="H656764" s="12"/>
    </row>
    <row r="656765" spans="8:8">
      <c r="H656765" s="12"/>
    </row>
    <row r="656766" spans="8:8">
      <c r="H656766" s="12"/>
    </row>
    <row r="656767" spans="8:8">
      <c r="H656767" s="12"/>
    </row>
    <row r="656768" spans="8:8">
      <c r="H656768" s="12"/>
    </row>
    <row r="656769" spans="8:8">
      <c r="H656769" s="12"/>
    </row>
    <row r="656770" spans="8:8">
      <c r="H656770" s="12"/>
    </row>
    <row r="656771" spans="8:8">
      <c r="H656771" s="12"/>
    </row>
    <row r="656772" spans="8:8">
      <c r="H656772" s="12"/>
    </row>
    <row r="656773" spans="8:8">
      <c r="H656773" s="12"/>
    </row>
    <row r="656774" spans="8:8">
      <c r="H656774" s="12"/>
    </row>
    <row r="656775" spans="8:8">
      <c r="H656775" s="12"/>
    </row>
    <row r="656776" spans="8:8">
      <c r="H656776" s="12"/>
    </row>
    <row r="656777" spans="8:8">
      <c r="H656777" s="12"/>
    </row>
    <row r="656778" spans="8:8">
      <c r="H656778" s="12"/>
    </row>
    <row r="656779" spans="8:8">
      <c r="H656779" s="12"/>
    </row>
    <row r="656780" spans="8:8">
      <c r="H656780" s="12"/>
    </row>
    <row r="656781" spans="8:8">
      <c r="H656781" s="12"/>
    </row>
    <row r="656782" spans="8:8">
      <c r="H656782" s="12"/>
    </row>
    <row r="656783" spans="8:8">
      <c r="H656783" s="12"/>
    </row>
    <row r="656784" spans="8:8">
      <c r="H656784" s="12"/>
    </row>
    <row r="656785" spans="8:8">
      <c r="H656785" s="12"/>
    </row>
    <row r="656786" spans="8:8">
      <c r="H656786" s="12"/>
    </row>
    <row r="656787" spans="8:8">
      <c r="H656787" s="12"/>
    </row>
    <row r="656788" spans="8:8">
      <c r="H656788" s="12"/>
    </row>
    <row r="656789" spans="8:8">
      <c r="H656789" s="12"/>
    </row>
    <row r="656790" spans="8:8">
      <c r="H656790" s="12"/>
    </row>
    <row r="656791" spans="8:8">
      <c r="H656791" s="12"/>
    </row>
    <row r="656792" spans="8:8">
      <c r="H656792" s="12"/>
    </row>
    <row r="656793" spans="8:8">
      <c r="H656793" s="12"/>
    </row>
    <row r="656794" spans="8:8">
      <c r="H656794" s="12"/>
    </row>
    <row r="656795" spans="8:8">
      <c r="H656795" s="12"/>
    </row>
    <row r="656796" spans="8:8">
      <c r="H656796" s="12"/>
    </row>
    <row r="656797" spans="8:8">
      <c r="H656797" s="12"/>
    </row>
    <row r="656798" spans="8:8">
      <c r="H656798" s="12"/>
    </row>
    <row r="656799" spans="8:8">
      <c r="H656799" s="12"/>
    </row>
    <row r="656800" spans="8:8">
      <c r="H656800" s="12"/>
    </row>
    <row r="656801" spans="8:8">
      <c r="H656801" s="12"/>
    </row>
    <row r="656802" spans="8:8">
      <c r="H656802" s="12"/>
    </row>
    <row r="656803" spans="8:8">
      <c r="H656803" s="12"/>
    </row>
    <row r="656804" spans="8:8">
      <c r="H656804" s="12"/>
    </row>
    <row r="656805" spans="8:8">
      <c r="H656805" s="12"/>
    </row>
    <row r="656806" spans="8:8">
      <c r="H656806" s="12"/>
    </row>
    <row r="656807" spans="8:8">
      <c r="H656807" s="12"/>
    </row>
    <row r="656808" spans="8:8">
      <c r="H656808" s="12"/>
    </row>
    <row r="656809" spans="8:8">
      <c r="H656809" s="12"/>
    </row>
    <row r="656810" spans="8:8">
      <c r="H656810" s="12"/>
    </row>
    <row r="656811" spans="8:8">
      <c r="H656811" s="12"/>
    </row>
    <row r="656812" spans="8:8">
      <c r="H656812" s="12"/>
    </row>
    <row r="656813" spans="8:8">
      <c r="H656813" s="12"/>
    </row>
    <row r="656814" spans="8:8">
      <c r="H656814" s="12"/>
    </row>
    <row r="656815" spans="8:8">
      <c r="H656815" s="12"/>
    </row>
    <row r="656816" spans="8:8">
      <c r="H656816" s="12"/>
    </row>
    <row r="656817" spans="8:8">
      <c r="H656817" s="12"/>
    </row>
    <row r="656818" spans="8:8">
      <c r="H656818" s="12"/>
    </row>
    <row r="656819" spans="8:8">
      <c r="H656819" s="12"/>
    </row>
    <row r="656820" spans="8:8">
      <c r="H656820" s="12"/>
    </row>
    <row r="656821" spans="8:8">
      <c r="H656821" s="12"/>
    </row>
    <row r="656822" spans="8:8">
      <c r="H656822" s="12"/>
    </row>
    <row r="656823" spans="8:8">
      <c r="H656823" s="12"/>
    </row>
    <row r="656824" spans="8:8">
      <c r="H656824" s="12"/>
    </row>
    <row r="656825" spans="8:8">
      <c r="H656825" s="12"/>
    </row>
    <row r="656826" spans="8:8">
      <c r="H656826" s="12"/>
    </row>
    <row r="656827" spans="8:8">
      <c r="H656827" s="12"/>
    </row>
    <row r="656828" spans="8:8">
      <c r="H656828" s="12"/>
    </row>
    <row r="656829" spans="8:8">
      <c r="H656829" s="12"/>
    </row>
    <row r="656830" spans="8:8">
      <c r="H656830" s="12"/>
    </row>
    <row r="656831" spans="8:8">
      <c r="H656831" s="12"/>
    </row>
    <row r="656832" spans="8:8">
      <c r="H656832" s="12"/>
    </row>
    <row r="656833" spans="8:8">
      <c r="H656833" s="12"/>
    </row>
    <row r="656834" spans="8:8">
      <c r="H656834" s="12"/>
    </row>
    <row r="656835" spans="8:8">
      <c r="H656835" s="12"/>
    </row>
    <row r="656836" spans="8:8">
      <c r="H656836" s="12"/>
    </row>
    <row r="656837" spans="8:8">
      <c r="H656837" s="12"/>
    </row>
    <row r="656838" spans="8:8">
      <c r="H656838" s="12"/>
    </row>
    <row r="656839" spans="8:8">
      <c r="H656839" s="12"/>
    </row>
    <row r="656840" spans="8:8">
      <c r="H656840" s="12"/>
    </row>
    <row r="656841" spans="8:8">
      <c r="H656841" s="12"/>
    </row>
    <row r="656842" spans="8:8">
      <c r="H656842" s="12"/>
    </row>
    <row r="656843" spans="8:8">
      <c r="H656843" s="12"/>
    </row>
    <row r="656844" spans="8:8">
      <c r="H656844" s="12"/>
    </row>
    <row r="656845" spans="8:8">
      <c r="H656845" s="12"/>
    </row>
    <row r="656846" spans="8:8">
      <c r="H656846" s="12"/>
    </row>
    <row r="656847" spans="8:8">
      <c r="H656847" s="12"/>
    </row>
    <row r="656848" spans="8:8">
      <c r="H656848" s="12"/>
    </row>
    <row r="656849" spans="8:8">
      <c r="H656849" s="12"/>
    </row>
    <row r="656850" spans="8:8">
      <c r="H656850" s="12"/>
    </row>
    <row r="656851" spans="8:8">
      <c r="H656851" s="12"/>
    </row>
    <row r="656852" spans="8:8">
      <c r="H656852" s="12"/>
    </row>
    <row r="656853" spans="8:8">
      <c r="H656853" s="12"/>
    </row>
    <row r="656854" spans="8:8">
      <c r="H656854" s="12"/>
    </row>
    <row r="656855" spans="8:8">
      <c r="H656855" s="12"/>
    </row>
    <row r="656856" spans="8:8">
      <c r="H656856" s="12"/>
    </row>
    <row r="656857" spans="8:8">
      <c r="H656857" s="12"/>
    </row>
    <row r="656858" spans="8:8">
      <c r="H656858" s="12"/>
    </row>
    <row r="656859" spans="8:8">
      <c r="H656859" s="12"/>
    </row>
    <row r="656860" spans="8:8">
      <c r="H656860" s="12"/>
    </row>
    <row r="656861" spans="8:8">
      <c r="H656861" s="12"/>
    </row>
    <row r="656862" spans="8:8">
      <c r="H656862" s="12"/>
    </row>
    <row r="656863" spans="8:8">
      <c r="H656863" s="12"/>
    </row>
    <row r="656864" spans="8:8">
      <c r="H656864" s="12"/>
    </row>
    <row r="656865" spans="8:8">
      <c r="H656865" s="12"/>
    </row>
    <row r="656866" spans="8:8">
      <c r="H656866" s="12"/>
    </row>
    <row r="656867" spans="8:8">
      <c r="H656867" s="12"/>
    </row>
    <row r="656868" spans="8:8">
      <c r="H656868" s="12"/>
    </row>
    <row r="656869" spans="8:8">
      <c r="H656869" s="12"/>
    </row>
    <row r="656870" spans="8:8">
      <c r="H656870" s="12"/>
    </row>
    <row r="656871" spans="8:8">
      <c r="H656871" s="12"/>
    </row>
    <row r="656872" spans="8:8">
      <c r="H656872" s="12"/>
    </row>
    <row r="656873" spans="8:8">
      <c r="H656873" s="12"/>
    </row>
    <row r="656874" spans="8:8">
      <c r="H656874" s="12"/>
    </row>
    <row r="656875" spans="8:8">
      <c r="H656875" s="12"/>
    </row>
    <row r="656876" spans="8:8">
      <c r="H656876" s="12"/>
    </row>
    <row r="656877" spans="8:8">
      <c r="H656877" s="12"/>
    </row>
    <row r="656878" spans="8:8">
      <c r="H656878" s="12"/>
    </row>
    <row r="656879" spans="8:8">
      <c r="H656879" s="12"/>
    </row>
    <row r="656880" spans="8:8">
      <c r="H656880" s="12"/>
    </row>
    <row r="656881" spans="8:8">
      <c r="H656881" s="12"/>
    </row>
    <row r="656882" spans="8:8">
      <c r="H656882" s="12"/>
    </row>
    <row r="656883" spans="8:8">
      <c r="H656883" s="12"/>
    </row>
    <row r="656884" spans="8:8">
      <c r="H656884" s="12"/>
    </row>
    <row r="656885" spans="8:8">
      <c r="H656885" s="12"/>
    </row>
    <row r="656886" spans="8:8">
      <c r="H656886" s="12"/>
    </row>
    <row r="656887" spans="8:8">
      <c r="H656887" s="12"/>
    </row>
    <row r="656888" spans="8:8">
      <c r="H656888" s="12"/>
    </row>
    <row r="656889" spans="8:8">
      <c r="H656889" s="12"/>
    </row>
    <row r="656890" spans="8:8">
      <c r="H656890" s="12"/>
    </row>
    <row r="656891" spans="8:8">
      <c r="H656891" s="12"/>
    </row>
    <row r="656892" spans="8:8">
      <c r="H656892" s="12"/>
    </row>
    <row r="656893" spans="8:8">
      <c r="H656893" s="12"/>
    </row>
    <row r="656894" spans="8:8">
      <c r="H656894" s="12"/>
    </row>
    <row r="656895" spans="8:8">
      <c r="H656895" s="12"/>
    </row>
    <row r="656896" spans="8:8">
      <c r="H656896" s="12"/>
    </row>
    <row r="656897" spans="8:8">
      <c r="H656897" s="12"/>
    </row>
    <row r="656898" spans="8:8">
      <c r="H656898" s="12"/>
    </row>
    <row r="656899" spans="8:8">
      <c r="H656899" s="12"/>
    </row>
    <row r="656900" spans="8:8">
      <c r="H656900" s="12"/>
    </row>
    <row r="656901" spans="8:8">
      <c r="H656901" s="12"/>
    </row>
    <row r="656902" spans="8:8">
      <c r="H656902" s="12"/>
    </row>
    <row r="656903" spans="8:8">
      <c r="H656903" s="12"/>
    </row>
    <row r="656904" spans="8:8">
      <c r="H656904" s="12"/>
    </row>
    <row r="656905" spans="8:8">
      <c r="H656905" s="12"/>
    </row>
    <row r="656906" spans="8:8">
      <c r="H656906" s="12"/>
    </row>
    <row r="656907" spans="8:8">
      <c r="H656907" s="12"/>
    </row>
    <row r="656908" spans="8:8">
      <c r="H656908" s="12"/>
    </row>
    <row r="656909" spans="8:8">
      <c r="H656909" s="12"/>
    </row>
    <row r="656910" spans="8:8">
      <c r="H656910" s="12"/>
    </row>
    <row r="656911" spans="8:8">
      <c r="H656911" s="12"/>
    </row>
    <row r="656912" spans="8:8">
      <c r="H656912" s="12"/>
    </row>
    <row r="656913" spans="8:8">
      <c r="H656913" s="12"/>
    </row>
    <row r="656914" spans="8:8">
      <c r="H656914" s="12"/>
    </row>
    <row r="656915" spans="8:8">
      <c r="H656915" s="12"/>
    </row>
    <row r="656916" spans="8:8">
      <c r="H656916" s="12"/>
    </row>
    <row r="656917" spans="8:8">
      <c r="H656917" s="12"/>
    </row>
    <row r="656918" spans="8:8">
      <c r="H656918" s="12"/>
    </row>
    <row r="656919" spans="8:8">
      <c r="H656919" s="12"/>
    </row>
    <row r="656920" spans="8:8">
      <c r="H656920" s="12"/>
    </row>
    <row r="656921" spans="8:8">
      <c r="H656921" s="12"/>
    </row>
    <row r="656922" spans="8:8">
      <c r="H656922" s="12"/>
    </row>
    <row r="656923" spans="8:8">
      <c r="H656923" s="12"/>
    </row>
    <row r="656924" spans="8:8">
      <c r="H656924" s="12"/>
    </row>
    <row r="656925" spans="8:8">
      <c r="H656925" s="12"/>
    </row>
    <row r="656926" spans="8:8">
      <c r="H656926" s="12"/>
    </row>
    <row r="656927" spans="8:8">
      <c r="H656927" s="12"/>
    </row>
    <row r="656928" spans="8:8">
      <c r="H656928" s="12"/>
    </row>
    <row r="656929" spans="8:8">
      <c r="H656929" s="12"/>
    </row>
    <row r="656930" spans="8:8">
      <c r="H656930" s="12"/>
    </row>
    <row r="656931" spans="8:8">
      <c r="H656931" s="12"/>
    </row>
    <row r="656932" spans="8:8">
      <c r="H656932" s="12"/>
    </row>
    <row r="656933" spans="8:8">
      <c r="H656933" s="12"/>
    </row>
    <row r="656934" spans="8:8">
      <c r="H656934" s="12"/>
    </row>
    <row r="656935" spans="8:8">
      <c r="H656935" s="12"/>
    </row>
    <row r="656936" spans="8:8">
      <c r="H656936" s="12"/>
    </row>
    <row r="656937" spans="8:8">
      <c r="H656937" s="12"/>
    </row>
    <row r="656938" spans="8:8">
      <c r="H656938" s="12"/>
    </row>
    <row r="656939" spans="8:8">
      <c r="H656939" s="12"/>
    </row>
    <row r="656940" spans="8:8">
      <c r="H656940" s="12"/>
    </row>
    <row r="656941" spans="8:8">
      <c r="H656941" s="12"/>
    </row>
    <row r="656942" spans="8:8">
      <c r="H656942" s="12"/>
    </row>
    <row r="656943" spans="8:8">
      <c r="H656943" s="12"/>
    </row>
    <row r="656944" spans="8:8">
      <c r="H656944" s="12"/>
    </row>
    <row r="656945" spans="8:8">
      <c r="H656945" s="12"/>
    </row>
    <row r="656946" spans="8:8">
      <c r="H656946" s="12"/>
    </row>
    <row r="656947" spans="8:8">
      <c r="H656947" s="12"/>
    </row>
    <row r="656948" spans="8:8">
      <c r="H656948" s="12"/>
    </row>
    <row r="656949" spans="8:8">
      <c r="H656949" s="12"/>
    </row>
    <row r="656950" spans="8:8">
      <c r="H656950" s="12"/>
    </row>
    <row r="656951" spans="8:8">
      <c r="H656951" s="12"/>
    </row>
    <row r="656952" spans="8:8">
      <c r="H656952" s="12"/>
    </row>
    <row r="656953" spans="8:8">
      <c r="H656953" s="12"/>
    </row>
    <row r="656954" spans="8:8">
      <c r="H656954" s="12"/>
    </row>
    <row r="656955" spans="8:8">
      <c r="H656955" s="12"/>
    </row>
    <row r="656956" spans="8:8">
      <c r="H656956" s="12"/>
    </row>
    <row r="656957" spans="8:8">
      <c r="H656957" s="12"/>
    </row>
    <row r="656958" spans="8:8">
      <c r="H656958" s="12"/>
    </row>
    <row r="656959" spans="8:8">
      <c r="H656959" s="12"/>
    </row>
    <row r="656960" spans="8:8">
      <c r="H656960" s="12"/>
    </row>
    <row r="656961" spans="8:8">
      <c r="H656961" s="12"/>
    </row>
    <row r="656962" spans="8:8">
      <c r="H656962" s="12"/>
    </row>
    <row r="656963" spans="8:8">
      <c r="H656963" s="12"/>
    </row>
    <row r="656964" spans="8:8">
      <c r="H656964" s="12"/>
    </row>
    <row r="656965" spans="8:8">
      <c r="H656965" s="12"/>
    </row>
    <row r="656966" spans="8:8">
      <c r="H656966" s="12"/>
    </row>
    <row r="656967" spans="8:8">
      <c r="H656967" s="12"/>
    </row>
    <row r="656968" spans="8:8">
      <c r="H656968" s="12"/>
    </row>
    <row r="656969" spans="8:8">
      <c r="H656969" s="12"/>
    </row>
    <row r="656970" spans="8:8">
      <c r="H656970" s="12"/>
    </row>
    <row r="656971" spans="8:8">
      <c r="H656971" s="12"/>
    </row>
    <row r="656972" spans="8:8">
      <c r="H656972" s="12"/>
    </row>
    <row r="656973" spans="8:8">
      <c r="H656973" s="12"/>
    </row>
    <row r="656974" spans="8:8">
      <c r="H656974" s="12"/>
    </row>
    <row r="656975" spans="8:8">
      <c r="H656975" s="12"/>
    </row>
    <row r="656976" spans="8:8">
      <c r="H656976" s="12"/>
    </row>
    <row r="656977" spans="8:8">
      <c r="H656977" s="12"/>
    </row>
    <row r="656978" spans="8:8">
      <c r="H656978" s="12"/>
    </row>
    <row r="656979" spans="8:8">
      <c r="H656979" s="12"/>
    </row>
    <row r="656980" spans="8:8">
      <c r="H656980" s="12"/>
    </row>
    <row r="656981" spans="8:8">
      <c r="H656981" s="12"/>
    </row>
    <row r="656982" spans="8:8">
      <c r="H656982" s="12"/>
    </row>
    <row r="656983" spans="8:8">
      <c r="H656983" s="12"/>
    </row>
    <row r="656984" spans="8:8">
      <c r="H656984" s="12"/>
    </row>
    <row r="656985" spans="8:8">
      <c r="H656985" s="12"/>
    </row>
    <row r="656986" spans="8:8">
      <c r="H656986" s="12"/>
    </row>
    <row r="656987" spans="8:8">
      <c r="H656987" s="12"/>
    </row>
    <row r="656988" spans="8:8">
      <c r="H656988" s="12"/>
    </row>
    <row r="656989" spans="8:8">
      <c r="H656989" s="12"/>
    </row>
    <row r="656990" spans="8:8">
      <c r="H656990" s="12"/>
    </row>
    <row r="656991" spans="8:8">
      <c r="H656991" s="12"/>
    </row>
    <row r="656992" spans="8:8">
      <c r="H656992" s="12"/>
    </row>
    <row r="656993" spans="8:8">
      <c r="H656993" s="12"/>
    </row>
    <row r="656994" spans="8:8">
      <c r="H656994" s="12"/>
    </row>
    <row r="656995" spans="8:8">
      <c r="H656995" s="12"/>
    </row>
    <row r="656996" spans="8:8">
      <c r="H656996" s="12"/>
    </row>
    <row r="656997" spans="8:8">
      <c r="H656997" s="12"/>
    </row>
    <row r="656998" spans="8:8">
      <c r="H656998" s="12"/>
    </row>
    <row r="656999" spans="8:8">
      <c r="H656999" s="12"/>
    </row>
    <row r="657000" spans="8:8">
      <c r="H657000" s="12"/>
    </row>
    <row r="657001" spans="8:8">
      <c r="H657001" s="12"/>
    </row>
    <row r="657002" spans="8:8">
      <c r="H657002" s="12"/>
    </row>
    <row r="657003" spans="8:8">
      <c r="H657003" s="12"/>
    </row>
    <row r="657004" spans="8:8">
      <c r="H657004" s="12"/>
    </row>
    <row r="657005" spans="8:8">
      <c r="H657005" s="12"/>
    </row>
    <row r="657006" spans="8:8">
      <c r="H657006" s="12"/>
    </row>
    <row r="657007" spans="8:8">
      <c r="H657007" s="12"/>
    </row>
    <row r="657008" spans="8:8">
      <c r="H657008" s="12"/>
    </row>
    <row r="657009" spans="8:8">
      <c r="H657009" s="12"/>
    </row>
    <row r="657010" spans="8:8">
      <c r="H657010" s="12"/>
    </row>
    <row r="657011" spans="8:8">
      <c r="H657011" s="12"/>
    </row>
    <row r="657012" spans="8:8">
      <c r="H657012" s="12"/>
    </row>
    <row r="657013" spans="8:8">
      <c r="H657013" s="12"/>
    </row>
    <row r="657014" spans="8:8">
      <c r="H657014" s="12"/>
    </row>
    <row r="657015" spans="8:8">
      <c r="H657015" s="12"/>
    </row>
    <row r="657016" spans="8:8">
      <c r="H657016" s="12"/>
    </row>
    <row r="657017" spans="8:8">
      <c r="H657017" s="12"/>
    </row>
    <row r="657018" spans="8:8">
      <c r="H657018" s="12"/>
    </row>
    <row r="657019" spans="8:8">
      <c r="H657019" s="12"/>
    </row>
    <row r="657020" spans="8:8">
      <c r="H657020" s="12"/>
    </row>
    <row r="657021" spans="8:8">
      <c r="H657021" s="12"/>
    </row>
    <row r="657022" spans="8:8">
      <c r="H657022" s="12"/>
    </row>
    <row r="657023" spans="8:8">
      <c r="H657023" s="12"/>
    </row>
    <row r="657024" spans="8:8">
      <c r="H657024" s="12"/>
    </row>
    <row r="657025" spans="8:8">
      <c r="H657025" s="12"/>
    </row>
    <row r="657026" spans="8:8">
      <c r="H657026" s="12"/>
    </row>
    <row r="657027" spans="8:8">
      <c r="H657027" s="12"/>
    </row>
    <row r="657028" spans="8:8">
      <c r="H657028" s="12"/>
    </row>
    <row r="657029" spans="8:8">
      <c r="H657029" s="12"/>
    </row>
    <row r="657030" spans="8:8">
      <c r="H657030" s="12"/>
    </row>
    <row r="657031" spans="8:8">
      <c r="H657031" s="12"/>
    </row>
    <row r="657032" spans="8:8">
      <c r="H657032" s="12"/>
    </row>
    <row r="657033" spans="8:8">
      <c r="H657033" s="12"/>
    </row>
    <row r="657034" spans="8:8">
      <c r="H657034" s="12"/>
    </row>
    <row r="657035" spans="8:8">
      <c r="H657035" s="12"/>
    </row>
    <row r="657036" spans="8:8">
      <c r="H657036" s="12"/>
    </row>
    <row r="657037" spans="8:8">
      <c r="H657037" s="12"/>
    </row>
    <row r="657038" spans="8:8">
      <c r="H657038" s="12"/>
    </row>
    <row r="657039" spans="8:8">
      <c r="H657039" s="12"/>
    </row>
    <row r="657040" spans="8:8">
      <c r="H657040" s="12"/>
    </row>
    <row r="657041" spans="8:8">
      <c r="H657041" s="12"/>
    </row>
    <row r="657042" spans="8:8">
      <c r="H657042" s="12"/>
    </row>
    <row r="657043" spans="8:8">
      <c r="H657043" s="12"/>
    </row>
    <row r="657044" spans="8:8">
      <c r="H657044" s="12"/>
    </row>
    <row r="657045" spans="8:8">
      <c r="H657045" s="12"/>
    </row>
    <row r="657046" spans="8:8">
      <c r="H657046" s="12"/>
    </row>
    <row r="657047" spans="8:8">
      <c r="H657047" s="12"/>
    </row>
    <row r="657048" spans="8:8">
      <c r="H657048" s="12"/>
    </row>
    <row r="657049" spans="8:8">
      <c r="H657049" s="12"/>
    </row>
    <row r="657050" spans="8:8">
      <c r="H657050" s="12"/>
    </row>
    <row r="657051" spans="8:8">
      <c r="H657051" s="12"/>
    </row>
    <row r="657052" spans="8:8">
      <c r="H657052" s="12"/>
    </row>
    <row r="657053" spans="8:8">
      <c r="H657053" s="12"/>
    </row>
    <row r="657054" spans="8:8">
      <c r="H657054" s="12"/>
    </row>
    <row r="657055" spans="8:8">
      <c r="H657055" s="12"/>
    </row>
    <row r="657056" spans="8:8">
      <c r="H657056" s="12"/>
    </row>
    <row r="657057" spans="8:8">
      <c r="H657057" s="12"/>
    </row>
    <row r="657058" spans="8:8">
      <c r="H657058" s="12"/>
    </row>
    <row r="657059" spans="8:8">
      <c r="H657059" s="12"/>
    </row>
    <row r="657060" spans="8:8">
      <c r="H657060" s="12"/>
    </row>
    <row r="657061" spans="8:8">
      <c r="H657061" s="12"/>
    </row>
    <row r="657062" spans="8:8">
      <c r="H657062" s="12"/>
    </row>
    <row r="657063" spans="8:8">
      <c r="H657063" s="12"/>
    </row>
    <row r="657064" spans="8:8">
      <c r="H657064" s="12"/>
    </row>
    <row r="657065" spans="8:8">
      <c r="H657065" s="12"/>
    </row>
    <row r="657066" spans="8:8">
      <c r="H657066" s="12"/>
    </row>
    <row r="657067" spans="8:8">
      <c r="H657067" s="12"/>
    </row>
    <row r="657068" spans="8:8">
      <c r="H657068" s="12"/>
    </row>
    <row r="657069" spans="8:8">
      <c r="H657069" s="12"/>
    </row>
    <row r="657070" spans="8:8">
      <c r="H657070" s="12"/>
    </row>
    <row r="657071" spans="8:8">
      <c r="H657071" s="12"/>
    </row>
    <row r="657072" spans="8:8">
      <c r="H657072" s="12"/>
    </row>
    <row r="657073" spans="8:8">
      <c r="H657073" s="12"/>
    </row>
    <row r="657074" spans="8:8">
      <c r="H657074" s="12"/>
    </row>
    <row r="657075" spans="8:8">
      <c r="H657075" s="12"/>
    </row>
    <row r="657076" spans="8:8">
      <c r="H657076" s="12"/>
    </row>
    <row r="657077" spans="8:8">
      <c r="H657077" s="12"/>
    </row>
    <row r="657078" spans="8:8">
      <c r="H657078" s="12"/>
    </row>
    <row r="657079" spans="8:8">
      <c r="H657079" s="12"/>
    </row>
    <row r="657080" spans="8:8">
      <c r="H657080" s="12"/>
    </row>
    <row r="657081" spans="8:8">
      <c r="H657081" s="12"/>
    </row>
    <row r="657082" spans="8:8">
      <c r="H657082" s="12"/>
    </row>
    <row r="657083" spans="8:8">
      <c r="H657083" s="12"/>
    </row>
    <row r="657084" spans="8:8">
      <c r="H657084" s="12"/>
    </row>
    <row r="657085" spans="8:8">
      <c r="H657085" s="12"/>
    </row>
    <row r="657086" spans="8:8">
      <c r="H657086" s="12"/>
    </row>
    <row r="657087" spans="8:8">
      <c r="H657087" s="12"/>
    </row>
    <row r="657088" spans="8:8">
      <c r="H657088" s="12"/>
    </row>
    <row r="657089" spans="8:8">
      <c r="H657089" s="12"/>
    </row>
    <row r="657090" spans="8:8">
      <c r="H657090" s="12"/>
    </row>
    <row r="657091" spans="8:8">
      <c r="H657091" s="12"/>
    </row>
    <row r="657092" spans="8:8">
      <c r="H657092" s="12"/>
    </row>
    <row r="657093" spans="8:8">
      <c r="H657093" s="12"/>
    </row>
    <row r="657094" spans="8:8">
      <c r="H657094" s="12"/>
    </row>
    <row r="657095" spans="8:8">
      <c r="H657095" s="12"/>
    </row>
    <row r="657096" spans="8:8">
      <c r="H657096" s="12"/>
    </row>
    <row r="657097" spans="8:8">
      <c r="H657097" s="12"/>
    </row>
    <row r="657098" spans="8:8">
      <c r="H657098" s="12"/>
    </row>
    <row r="657099" spans="8:8">
      <c r="H657099" s="12"/>
    </row>
    <row r="657100" spans="8:8">
      <c r="H657100" s="12"/>
    </row>
    <row r="657101" spans="8:8">
      <c r="H657101" s="12"/>
    </row>
    <row r="657102" spans="8:8">
      <c r="H657102" s="12"/>
    </row>
    <row r="657103" spans="8:8">
      <c r="H657103" s="12"/>
    </row>
    <row r="657104" spans="8:8">
      <c r="H657104" s="12"/>
    </row>
    <row r="657105" spans="8:8">
      <c r="H657105" s="12"/>
    </row>
    <row r="657106" spans="8:8">
      <c r="H657106" s="12"/>
    </row>
    <row r="657107" spans="8:8">
      <c r="H657107" s="12"/>
    </row>
    <row r="657108" spans="8:8">
      <c r="H657108" s="12"/>
    </row>
    <row r="657109" spans="8:8">
      <c r="H657109" s="12"/>
    </row>
    <row r="657110" spans="8:8">
      <c r="H657110" s="12"/>
    </row>
    <row r="657111" spans="8:8">
      <c r="H657111" s="12"/>
    </row>
    <row r="657112" spans="8:8">
      <c r="H657112" s="12"/>
    </row>
    <row r="657113" spans="8:8">
      <c r="H657113" s="12"/>
    </row>
    <row r="657114" spans="8:8">
      <c r="H657114" s="12"/>
    </row>
    <row r="657115" spans="8:8">
      <c r="H657115" s="12"/>
    </row>
    <row r="657116" spans="8:8">
      <c r="H657116" s="12"/>
    </row>
    <row r="657117" spans="8:8">
      <c r="H657117" s="12"/>
    </row>
    <row r="657118" spans="8:8">
      <c r="H657118" s="12"/>
    </row>
    <row r="657119" spans="8:8">
      <c r="H657119" s="12"/>
    </row>
    <row r="657120" spans="8:8">
      <c r="H657120" s="12"/>
    </row>
    <row r="657121" spans="8:8">
      <c r="H657121" s="12"/>
    </row>
    <row r="657122" spans="8:8">
      <c r="H657122" s="12"/>
    </row>
    <row r="657123" spans="8:8">
      <c r="H657123" s="12"/>
    </row>
    <row r="657124" spans="8:8">
      <c r="H657124" s="12"/>
    </row>
    <row r="657125" spans="8:8">
      <c r="H657125" s="12"/>
    </row>
    <row r="657126" spans="8:8">
      <c r="H657126" s="12"/>
    </row>
    <row r="657127" spans="8:8">
      <c r="H657127" s="12"/>
    </row>
    <row r="657128" spans="8:8">
      <c r="H657128" s="12"/>
    </row>
    <row r="657129" spans="8:8">
      <c r="H657129" s="12"/>
    </row>
    <row r="657130" spans="8:8">
      <c r="H657130" s="12"/>
    </row>
    <row r="657131" spans="8:8">
      <c r="H657131" s="12"/>
    </row>
    <row r="657132" spans="8:8">
      <c r="H657132" s="12"/>
    </row>
    <row r="657133" spans="8:8">
      <c r="H657133" s="12"/>
    </row>
    <row r="657134" spans="8:8">
      <c r="H657134" s="12"/>
    </row>
    <row r="657135" spans="8:8">
      <c r="H657135" s="12"/>
    </row>
    <row r="657136" spans="8:8">
      <c r="H657136" s="12"/>
    </row>
    <row r="657137" spans="8:8">
      <c r="H657137" s="12"/>
    </row>
    <row r="657138" spans="8:8">
      <c r="H657138" s="12"/>
    </row>
    <row r="657139" spans="8:8">
      <c r="H657139" s="12"/>
    </row>
    <row r="657140" spans="8:8">
      <c r="H657140" s="12"/>
    </row>
    <row r="657141" spans="8:8">
      <c r="H657141" s="12"/>
    </row>
    <row r="657142" spans="8:8">
      <c r="H657142" s="12"/>
    </row>
    <row r="657143" spans="8:8">
      <c r="H657143" s="12"/>
    </row>
    <row r="657144" spans="8:8">
      <c r="H657144" s="12"/>
    </row>
    <row r="657145" spans="8:8">
      <c r="H657145" s="12"/>
    </row>
    <row r="657146" spans="8:8">
      <c r="H657146" s="12"/>
    </row>
    <row r="657147" spans="8:8">
      <c r="H657147" s="12"/>
    </row>
    <row r="657148" spans="8:8">
      <c r="H657148" s="12"/>
    </row>
    <row r="657149" spans="8:8">
      <c r="H657149" s="12"/>
    </row>
    <row r="657150" spans="8:8">
      <c r="H657150" s="12"/>
    </row>
    <row r="657151" spans="8:8">
      <c r="H657151" s="12"/>
    </row>
    <row r="657152" spans="8:8">
      <c r="H657152" s="12"/>
    </row>
    <row r="657153" spans="8:8">
      <c r="H657153" s="12"/>
    </row>
    <row r="657154" spans="8:8">
      <c r="H657154" s="12"/>
    </row>
    <row r="657155" spans="8:8">
      <c r="H657155" s="12"/>
    </row>
    <row r="657156" spans="8:8">
      <c r="H657156" s="12"/>
    </row>
    <row r="657157" spans="8:8">
      <c r="H657157" s="12"/>
    </row>
    <row r="657158" spans="8:8">
      <c r="H657158" s="12"/>
    </row>
    <row r="657159" spans="8:8">
      <c r="H657159" s="12"/>
    </row>
    <row r="657160" spans="8:8">
      <c r="H657160" s="12"/>
    </row>
    <row r="657161" spans="8:8">
      <c r="H657161" s="12"/>
    </row>
    <row r="657162" spans="8:8">
      <c r="H657162" s="12"/>
    </row>
    <row r="657163" spans="8:8">
      <c r="H657163" s="12"/>
    </row>
    <row r="657164" spans="8:8">
      <c r="H657164" s="12"/>
    </row>
    <row r="657165" spans="8:8">
      <c r="H657165" s="12"/>
    </row>
    <row r="657166" spans="8:8">
      <c r="H657166" s="12"/>
    </row>
    <row r="657167" spans="8:8">
      <c r="H657167" s="12"/>
    </row>
    <row r="657168" spans="8:8">
      <c r="H657168" s="12"/>
    </row>
    <row r="657169" spans="8:8">
      <c r="H657169" s="12"/>
    </row>
    <row r="657170" spans="8:8">
      <c r="H657170" s="12"/>
    </row>
    <row r="657171" spans="8:8">
      <c r="H657171" s="12"/>
    </row>
    <row r="657172" spans="8:8">
      <c r="H657172" s="12"/>
    </row>
    <row r="657173" spans="8:8">
      <c r="H657173" s="12"/>
    </row>
    <row r="657174" spans="8:8">
      <c r="H657174" s="12"/>
    </row>
    <row r="657175" spans="8:8">
      <c r="H657175" s="12"/>
    </row>
    <row r="657176" spans="8:8">
      <c r="H657176" s="12"/>
    </row>
    <row r="657177" spans="8:8">
      <c r="H657177" s="12"/>
    </row>
    <row r="657178" spans="8:8">
      <c r="H657178" s="12"/>
    </row>
    <row r="657179" spans="8:8">
      <c r="H657179" s="12"/>
    </row>
    <row r="657180" spans="8:8">
      <c r="H657180" s="12"/>
    </row>
    <row r="657181" spans="8:8">
      <c r="H657181" s="12"/>
    </row>
    <row r="657182" spans="8:8">
      <c r="H657182" s="12"/>
    </row>
    <row r="657183" spans="8:8">
      <c r="H657183" s="12"/>
    </row>
    <row r="657184" spans="8:8">
      <c r="H657184" s="12"/>
    </row>
    <row r="657185" spans="8:8">
      <c r="H657185" s="12"/>
    </row>
    <row r="657186" spans="8:8">
      <c r="H657186" s="12"/>
    </row>
    <row r="657187" spans="8:8">
      <c r="H657187" s="12"/>
    </row>
    <row r="657188" spans="8:8">
      <c r="H657188" s="12"/>
    </row>
    <row r="657189" spans="8:8">
      <c r="H657189" s="12"/>
    </row>
    <row r="657190" spans="8:8">
      <c r="H657190" s="12"/>
    </row>
    <row r="657191" spans="8:8">
      <c r="H657191" s="12"/>
    </row>
    <row r="657192" spans="8:8">
      <c r="H657192" s="12"/>
    </row>
    <row r="657193" spans="8:8">
      <c r="H657193" s="12"/>
    </row>
    <row r="657194" spans="8:8">
      <c r="H657194" s="12"/>
    </row>
    <row r="657195" spans="8:8">
      <c r="H657195" s="12"/>
    </row>
    <row r="657196" spans="8:8">
      <c r="H657196" s="12"/>
    </row>
    <row r="657197" spans="8:8">
      <c r="H657197" s="12"/>
    </row>
    <row r="657198" spans="8:8">
      <c r="H657198" s="12"/>
    </row>
    <row r="657199" spans="8:8">
      <c r="H657199" s="12"/>
    </row>
    <row r="657200" spans="8:8">
      <c r="H657200" s="12"/>
    </row>
    <row r="657201" spans="8:8">
      <c r="H657201" s="12"/>
    </row>
    <row r="657202" spans="8:8">
      <c r="H657202" s="12"/>
    </row>
    <row r="657203" spans="8:8">
      <c r="H657203" s="12"/>
    </row>
    <row r="657204" spans="8:8">
      <c r="H657204" s="12"/>
    </row>
    <row r="657205" spans="8:8">
      <c r="H657205" s="12"/>
    </row>
    <row r="657206" spans="8:8">
      <c r="H657206" s="12"/>
    </row>
    <row r="657207" spans="8:8">
      <c r="H657207" s="12"/>
    </row>
    <row r="657208" spans="8:8">
      <c r="H657208" s="12"/>
    </row>
    <row r="657209" spans="8:8">
      <c r="H657209" s="12"/>
    </row>
    <row r="657210" spans="8:8">
      <c r="H657210" s="12"/>
    </row>
    <row r="657211" spans="8:8">
      <c r="H657211" s="12"/>
    </row>
    <row r="657212" spans="8:8">
      <c r="H657212" s="12"/>
    </row>
    <row r="657213" spans="8:8">
      <c r="H657213" s="12"/>
    </row>
    <row r="657214" spans="8:8">
      <c r="H657214" s="12"/>
    </row>
    <row r="657215" spans="8:8">
      <c r="H657215" s="12"/>
    </row>
    <row r="657216" spans="8:8">
      <c r="H657216" s="12"/>
    </row>
    <row r="657217" spans="8:8">
      <c r="H657217" s="12"/>
    </row>
    <row r="657218" spans="8:8">
      <c r="H657218" s="12"/>
    </row>
    <row r="657219" spans="8:8">
      <c r="H657219" s="12"/>
    </row>
    <row r="657220" spans="8:8">
      <c r="H657220" s="12"/>
    </row>
    <row r="657221" spans="8:8">
      <c r="H657221" s="12"/>
    </row>
    <row r="657222" spans="8:8">
      <c r="H657222" s="12"/>
    </row>
    <row r="657223" spans="8:8">
      <c r="H657223" s="12"/>
    </row>
    <row r="657224" spans="8:8">
      <c r="H657224" s="12"/>
    </row>
    <row r="657225" spans="8:8">
      <c r="H657225" s="12"/>
    </row>
    <row r="657226" spans="8:8">
      <c r="H657226" s="12"/>
    </row>
    <row r="657227" spans="8:8">
      <c r="H657227" s="12"/>
    </row>
    <row r="657228" spans="8:8">
      <c r="H657228" s="12"/>
    </row>
    <row r="657229" spans="8:8">
      <c r="H657229" s="12"/>
    </row>
    <row r="657230" spans="8:8">
      <c r="H657230" s="12"/>
    </row>
    <row r="657231" spans="8:8">
      <c r="H657231" s="12"/>
    </row>
    <row r="657232" spans="8:8">
      <c r="H657232" s="12"/>
    </row>
    <row r="657233" spans="8:8">
      <c r="H657233" s="12"/>
    </row>
    <row r="657234" spans="8:8">
      <c r="H657234" s="12"/>
    </row>
    <row r="657235" spans="8:8">
      <c r="H657235" s="12"/>
    </row>
    <row r="657236" spans="8:8">
      <c r="H657236" s="12"/>
    </row>
    <row r="657237" spans="8:8">
      <c r="H657237" s="12"/>
    </row>
    <row r="657238" spans="8:8">
      <c r="H657238" s="12"/>
    </row>
    <row r="657239" spans="8:8">
      <c r="H657239" s="12"/>
    </row>
    <row r="657240" spans="8:8">
      <c r="H657240" s="12"/>
    </row>
    <row r="657241" spans="8:8">
      <c r="H657241" s="12"/>
    </row>
    <row r="657242" spans="8:8">
      <c r="H657242" s="12"/>
    </row>
    <row r="657243" spans="8:8">
      <c r="H657243" s="12"/>
    </row>
    <row r="657244" spans="8:8">
      <c r="H657244" s="12"/>
    </row>
    <row r="657245" spans="8:8">
      <c r="H657245" s="12"/>
    </row>
    <row r="657246" spans="8:8">
      <c r="H657246" s="12"/>
    </row>
    <row r="657247" spans="8:8">
      <c r="H657247" s="12"/>
    </row>
    <row r="657248" spans="8:8">
      <c r="H657248" s="12"/>
    </row>
    <row r="657249" spans="8:8">
      <c r="H657249" s="12"/>
    </row>
    <row r="657250" spans="8:8">
      <c r="H657250" s="12"/>
    </row>
    <row r="657251" spans="8:8">
      <c r="H657251" s="12"/>
    </row>
    <row r="657252" spans="8:8">
      <c r="H657252" s="12"/>
    </row>
    <row r="657253" spans="8:8">
      <c r="H657253" s="12"/>
    </row>
    <row r="657254" spans="8:8">
      <c r="H657254" s="12"/>
    </row>
    <row r="657255" spans="8:8">
      <c r="H657255" s="12"/>
    </row>
    <row r="657256" spans="8:8">
      <c r="H657256" s="12"/>
    </row>
    <row r="657257" spans="8:8">
      <c r="H657257" s="12"/>
    </row>
    <row r="657258" spans="8:8">
      <c r="H657258" s="12"/>
    </row>
    <row r="657259" spans="8:8">
      <c r="H657259" s="12"/>
    </row>
    <row r="657260" spans="8:8">
      <c r="H657260" s="12"/>
    </row>
    <row r="657261" spans="8:8">
      <c r="H657261" s="12"/>
    </row>
    <row r="657262" spans="8:8">
      <c r="H657262" s="12"/>
    </row>
    <row r="657263" spans="8:8">
      <c r="H657263" s="12"/>
    </row>
    <row r="657264" spans="8:8">
      <c r="H657264" s="12"/>
    </row>
    <row r="657265" spans="8:8">
      <c r="H657265" s="12"/>
    </row>
    <row r="657266" spans="8:8">
      <c r="H657266" s="12"/>
    </row>
    <row r="657267" spans="8:8">
      <c r="H657267" s="12"/>
    </row>
    <row r="657268" spans="8:8">
      <c r="H657268" s="12"/>
    </row>
    <row r="657269" spans="8:8">
      <c r="H657269" s="12"/>
    </row>
    <row r="657270" spans="8:8">
      <c r="H657270" s="12"/>
    </row>
    <row r="657271" spans="8:8">
      <c r="H657271" s="12"/>
    </row>
    <row r="657272" spans="8:8">
      <c r="H657272" s="12"/>
    </row>
    <row r="657273" spans="8:8">
      <c r="H657273" s="12"/>
    </row>
    <row r="657274" spans="8:8">
      <c r="H657274" s="12"/>
    </row>
    <row r="657275" spans="8:8">
      <c r="H657275" s="12"/>
    </row>
    <row r="657276" spans="8:8">
      <c r="H657276" s="12"/>
    </row>
    <row r="657277" spans="8:8">
      <c r="H657277" s="12"/>
    </row>
    <row r="657278" spans="8:8">
      <c r="H657278" s="12"/>
    </row>
    <row r="657279" spans="8:8">
      <c r="H657279" s="12"/>
    </row>
    <row r="657280" spans="8:8">
      <c r="H657280" s="12"/>
    </row>
    <row r="657281" spans="8:8">
      <c r="H657281" s="12"/>
    </row>
    <row r="657282" spans="8:8">
      <c r="H657282" s="12"/>
    </row>
    <row r="657283" spans="8:8">
      <c r="H657283" s="12"/>
    </row>
    <row r="657284" spans="8:8">
      <c r="H657284" s="12"/>
    </row>
    <row r="657285" spans="8:8">
      <c r="H657285" s="12"/>
    </row>
    <row r="657286" spans="8:8">
      <c r="H657286" s="12"/>
    </row>
    <row r="657287" spans="8:8">
      <c r="H657287" s="12"/>
    </row>
    <row r="657288" spans="8:8">
      <c r="H657288" s="12"/>
    </row>
    <row r="657289" spans="8:8">
      <c r="H657289" s="12"/>
    </row>
    <row r="657290" spans="8:8">
      <c r="H657290" s="12"/>
    </row>
    <row r="657291" spans="8:8">
      <c r="H657291" s="12"/>
    </row>
    <row r="657292" spans="8:8">
      <c r="H657292" s="12"/>
    </row>
    <row r="657293" spans="8:8">
      <c r="H657293" s="12"/>
    </row>
    <row r="657294" spans="8:8">
      <c r="H657294" s="12"/>
    </row>
    <row r="657295" spans="8:8">
      <c r="H657295" s="12"/>
    </row>
    <row r="657296" spans="8:8">
      <c r="H657296" s="12"/>
    </row>
    <row r="657297" spans="8:8">
      <c r="H657297" s="12"/>
    </row>
    <row r="657298" spans="8:8">
      <c r="H657298" s="12"/>
    </row>
    <row r="657299" spans="8:8">
      <c r="H657299" s="12"/>
    </row>
    <row r="657300" spans="8:8">
      <c r="H657300" s="12"/>
    </row>
    <row r="657301" spans="8:8">
      <c r="H657301" s="12"/>
    </row>
    <row r="657302" spans="8:8">
      <c r="H657302" s="12"/>
    </row>
    <row r="657303" spans="8:8">
      <c r="H657303" s="12"/>
    </row>
    <row r="657304" spans="8:8">
      <c r="H657304" s="12"/>
    </row>
    <row r="657305" spans="8:8">
      <c r="H657305" s="12"/>
    </row>
    <row r="657306" spans="8:8">
      <c r="H657306" s="12"/>
    </row>
    <row r="657307" spans="8:8">
      <c r="H657307" s="12"/>
    </row>
    <row r="657308" spans="8:8">
      <c r="H657308" s="12"/>
    </row>
    <row r="657309" spans="8:8">
      <c r="H657309" s="12"/>
    </row>
    <row r="657310" spans="8:8">
      <c r="H657310" s="12"/>
    </row>
    <row r="657311" spans="8:8">
      <c r="H657311" s="12"/>
    </row>
    <row r="657312" spans="8:8">
      <c r="H657312" s="12"/>
    </row>
    <row r="657313" spans="8:8">
      <c r="H657313" s="12"/>
    </row>
    <row r="657314" spans="8:8">
      <c r="H657314" s="12"/>
    </row>
    <row r="657315" spans="8:8">
      <c r="H657315" s="12"/>
    </row>
    <row r="657316" spans="8:8">
      <c r="H657316" s="12"/>
    </row>
    <row r="657317" spans="8:8">
      <c r="H657317" s="12"/>
    </row>
    <row r="657318" spans="8:8">
      <c r="H657318" s="12"/>
    </row>
    <row r="657319" spans="8:8">
      <c r="H657319" s="12"/>
    </row>
    <row r="657320" spans="8:8">
      <c r="H657320" s="12"/>
    </row>
    <row r="657321" spans="8:8">
      <c r="H657321" s="12"/>
    </row>
    <row r="657322" spans="8:8">
      <c r="H657322" s="12"/>
    </row>
    <row r="657323" spans="8:8">
      <c r="H657323" s="12"/>
    </row>
    <row r="657324" spans="8:8">
      <c r="H657324" s="12"/>
    </row>
    <row r="657325" spans="8:8">
      <c r="H657325" s="12"/>
    </row>
    <row r="657326" spans="8:8">
      <c r="H657326" s="12"/>
    </row>
    <row r="657327" spans="8:8">
      <c r="H657327" s="12"/>
    </row>
    <row r="657328" spans="8:8">
      <c r="H657328" s="12"/>
    </row>
    <row r="657329" spans="8:8">
      <c r="H657329" s="12"/>
    </row>
    <row r="657330" spans="8:8">
      <c r="H657330" s="12"/>
    </row>
    <row r="657331" spans="8:8">
      <c r="H657331" s="12"/>
    </row>
    <row r="657332" spans="8:8">
      <c r="H657332" s="12"/>
    </row>
    <row r="657333" spans="8:8">
      <c r="H657333" s="12"/>
    </row>
    <row r="657334" spans="8:8">
      <c r="H657334" s="12"/>
    </row>
    <row r="657335" spans="8:8">
      <c r="H657335" s="12"/>
    </row>
    <row r="657336" spans="8:8">
      <c r="H657336" s="12"/>
    </row>
    <row r="657337" spans="8:8">
      <c r="H657337" s="12"/>
    </row>
    <row r="657338" spans="8:8">
      <c r="H657338" s="12"/>
    </row>
    <row r="657339" spans="8:8">
      <c r="H657339" s="12"/>
    </row>
    <row r="657340" spans="8:8">
      <c r="H657340" s="12"/>
    </row>
    <row r="657341" spans="8:8">
      <c r="H657341" s="12"/>
    </row>
    <row r="657342" spans="8:8">
      <c r="H657342" s="12"/>
    </row>
    <row r="657343" spans="8:8">
      <c r="H657343" s="12"/>
    </row>
    <row r="657344" spans="8:8">
      <c r="H657344" s="12"/>
    </row>
    <row r="657345" spans="8:8">
      <c r="H657345" s="12"/>
    </row>
    <row r="657346" spans="8:8">
      <c r="H657346" s="12"/>
    </row>
    <row r="657347" spans="8:8">
      <c r="H657347" s="12"/>
    </row>
    <row r="657348" spans="8:8">
      <c r="H657348" s="12"/>
    </row>
    <row r="657349" spans="8:8">
      <c r="H657349" s="12"/>
    </row>
    <row r="657350" spans="8:8">
      <c r="H657350" s="12"/>
    </row>
    <row r="657351" spans="8:8">
      <c r="H657351" s="12"/>
    </row>
    <row r="657352" spans="8:8">
      <c r="H657352" s="12"/>
    </row>
    <row r="657353" spans="8:8">
      <c r="H657353" s="12"/>
    </row>
    <row r="657354" spans="8:8">
      <c r="H657354" s="12"/>
    </row>
    <row r="657355" spans="8:8">
      <c r="H657355" s="12"/>
    </row>
    <row r="657356" spans="8:8">
      <c r="H657356" s="12"/>
    </row>
    <row r="657357" spans="8:8">
      <c r="H657357" s="12"/>
    </row>
    <row r="657358" spans="8:8">
      <c r="H657358" s="12"/>
    </row>
    <row r="657359" spans="8:8">
      <c r="H657359" s="12"/>
    </row>
    <row r="657360" spans="8:8">
      <c r="H657360" s="12"/>
    </row>
    <row r="657361" spans="8:8">
      <c r="H657361" s="12"/>
    </row>
    <row r="657362" spans="8:8">
      <c r="H657362" s="12"/>
    </row>
    <row r="657363" spans="8:8">
      <c r="H657363" s="12"/>
    </row>
    <row r="657364" spans="8:8">
      <c r="H657364" s="12"/>
    </row>
    <row r="657365" spans="8:8">
      <c r="H657365" s="12"/>
    </row>
    <row r="657366" spans="8:8">
      <c r="H657366" s="12"/>
    </row>
    <row r="657367" spans="8:8">
      <c r="H657367" s="12"/>
    </row>
    <row r="657368" spans="8:8">
      <c r="H657368" s="12"/>
    </row>
    <row r="657369" spans="8:8">
      <c r="H657369" s="12"/>
    </row>
    <row r="657370" spans="8:8">
      <c r="H657370" s="12"/>
    </row>
    <row r="657371" spans="8:8">
      <c r="H657371" s="12"/>
    </row>
    <row r="657372" spans="8:8">
      <c r="H657372" s="12"/>
    </row>
    <row r="657373" spans="8:8">
      <c r="H657373" s="12"/>
    </row>
    <row r="657374" spans="8:8">
      <c r="H657374" s="12"/>
    </row>
    <row r="657375" spans="8:8">
      <c r="H657375" s="12"/>
    </row>
    <row r="657376" spans="8:8">
      <c r="H657376" s="12"/>
    </row>
    <row r="657377" spans="8:8">
      <c r="H657377" s="12"/>
    </row>
    <row r="657378" spans="8:8">
      <c r="H657378" s="12"/>
    </row>
    <row r="657379" spans="8:8">
      <c r="H657379" s="12"/>
    </row>
    <row r="657380" spans="8:8">
      <c r="H657380" s="12"/>
    </row>
    <row r="657381" spans="8:8">
      <c r="H657381" s="12"/>
    </row>
    <row r="657382" spans="8:8">
      <c r="H657382" s="12"/>
    </row>
    <row r="657383" spans="8:8">
      <c r="H657383" s="12"/>
    </row>
    <row r="657384" spans="8:8">
      <c r="H657384" s="12"/>
    </row>
    <row r="657385" spans="8:8">
      <c r="H657385" s="12"/>
    </row>
    <row r="657386" spans="8:8">
      <c r="H657386" s="12"/>
    </row>
    <row r="657387" spans="8:8">
      <c r="H657387" s="12"/>
    </row>
    <row r="657388" spans="8:8">
      <c r="H657388" s="12"/>
    </row>
    <row r="657389" spans="8:8">
      <c r="H657389" s="12"/>
    </row>
    <row r="657390" spans="8:8">
      <c r="H657390" s="12"/>
    </row>
    <row r="657391" spans="8:8">
      <c r="H657391" s="12"/>
    </row>
    <row r="657392" spans="8:8">
      <c r="H657392" s="12"/>
    </row>
    <row r="657393" spans="8:8">
      <c r="H657393" s="12"/>
    </row>
    <row r="657394" spans="8:8">
      <c r="H657394" s="12"/>
    </row>
    <row r="657395" spans="8:8">
      <c r="H657395" s="12"/>
    </row>
    <row r="657396" spans="8:8">
      <c r="H657396" s="12"/>
    </row>
    <row r="657397" spans="8:8">
      <c r="H657397" s="12"/>
    </row>
    <row r="657398" spans="8:8">
      <c r="H657398" s="12"/>
    </row>
    <row r="657399" spans="8:8">
      <c r="H657399" s="12"/>
    </row>
    <row r="657400" spans="8:8">
      <c r="H657400" s="12"/>
    </row>
    <row r="657401" spans="8:8">
      <c r="H657401" s="12"/>
    </row>
    <row r="657402" spans="8:8">
      <c r="H657402" s="12"/>
    </row>
    <row r="657403" spans="8:8">
      <c r="H657403" s="12"/>
    </row>
    <row r="657404" spans="8:8">
      <c r="H657404" s="12"/>
    </row>
    <row r="657405" spans="8:8">
      <c r="H657405" s="12"/>
    </row>
    <row r="657406" spans="8:8">
      <c r="H657406" s="12"/>
    </row>
    <row r="657407" spans="8:8">
      <c r="H657407" s="12"/>
    </row>
    <row r="657408" spans="8:8">
      <c r="H657408" s="12"/>
    </row>
    <row r="657409" spans="8:8">
      <c r="H657409" s="12"/>
    </row>
    <row r="657410" spans="8:8">
      <c r="H657410" s="12"/>
    </row>
    <row r="657411" spans="8:8">
      <c r="H657411" s="12"/>
    </row>
    <row r="657412" spans="8:8">
      <c r="H657412" s="12"/>
    </row>
    <row r="657413" spans="8:8">
      <c r="H657413" s="12"/>
    </row>
    <row r="657414" spans="8:8">
      <c r="H657414" s="12"/>
    </row>
    <row r="657415" spans="8:8">
      <c r="H657415" s="12"/>
    </row>
    <row r="657416" spans="8:8">
      <c r="H657416" s="12"/>
    </row>
    <row r="657417" spans="8:8">
      <c r="H657417" s="12"/>
    </row>
    <row r="657418" spans="8:8">
      <c r="H657418" s="12"/>
    </row>
    <row r="657419" spans="8:8">
      <c r="H657419" s="12"/>
    </row>
    <row r="657420" spans="8:8">
      <c r="H657420" s="12"/>
    </row>
    <row r="657421" spans="8:8">
      <c r="H657421" s="12"/>
    </row>
    <row r="657422" spans="8:8">
      <c r="H657422" s="12"/>
    </row>
    <row r="657423" spans="8:8">
      <c r="H657423" s="12"/>
    </row>
    <row r="657424" spans="8:8">
      <c r="H657424" s="12"/>
    </row>
    <row r="657425" spans="8:8">
      <c r="H657425" s="12"/>
    </row>
    <row r="657426" spans="8:8">
      <c r="H657426" s="12"/>
    </row>
    <row r="657427" spans="8:8">
      <c r="H657427" s="12"/>
    </row>
    <row r="657428" spans="8:8">
      <c r="H657428" s="12"/>
    </row>
    <row r="657429" spans="8:8">
      <c r="H657429" s="12"/>
    </row>
    <row r="657430" spans="8:8">
      <c r="H657430" s="12"/>
    </row>
    <row r="657431" spans="8:8">
      <c r="H657431" s="12"/>
    </row>
    <row r="657432" spans="8:8">
      <c r="H657432" s="12"/>
    </row>
    <row r="657433" spans="8:8">
      <c r="H657433" s="12"/>
    </row>
    <row r="657434" spans="8:8">
      <c r="H657434" s="12"/>
    </row>
    <row r="657435" spans="8:8">
      <c r="H657435" s="12"/>
    </row>
    <row r="657436" spans="8:8">
      <c r="H657436" s="12"/>
    </row>
    <row r="657437" spans="8:8">
      <c r="H657437" s="12"/>
    </row>
    <row r="657438" spans="8:8">
      <c r="H657438" s="12"/>
    </row>
    <row r="657439" spans="8:8">
      <c r="H657439" s="12"/>
    </row>
    <row r="657440" spans="8:8">
      <c r="H657440" s="12"/>
    </row>
    <row r="657441" spans="8:8">
      <c r="H657441" s="12"/>
    </row>
    <row r="657442" spans="8:8">
      <c r="H657442" s="12"/>
    </row>
    <row r="657443" spans="8:8">
      <c r="H657443" s="12"/>
    </row>
    <row r="657444" spans="8:8">
      <c r="H657444" s="12"/>
    </row>
    <row r="657445" spans="8:8">
      <c r="H657445" s="12"/>
    </row>
    <row r="657446" spans="8:8">
      <c r="H657446" s="12"/>
    </row>
    <row r="657447" spans="8:8">
      <c r="H657447" s="12"/>
    </row>
    <row r="657448" spans="8:8">
      <c r="H657448" s="12"/>
    </row>
    <row r="657449" spans="8:8">
      <c r="H657449" s="12"/>
    </row>
    <row r="657450" spans="8:8">
      <c r="H657450" s="12"/>
    </row>
    <row r="657451" spans="8:8">
      <c r="H657451" s="12"/>
    </row>
    <row r="657452" spans="8:8">
      <c r="H657452" s="12"/>
    </row>
    <row r="657453" spans="8:8">
      <c r="H657453" s="12"/>
    </row>
    <row r="657454" spans="8:8">
      <c r="H657454" s="12"/>
    </row>
    <row r="657455" spans="8:8">
      <c r="H657455" s="12"/>
    </row>
    <row r="657456" spans="8:8">
      <c r="H657456" s="12"/>
    </row>
    <row r="657457" spans="8:8">
      <c r="H657457" s="12"/>
    </row>
    <row r="657458" spans="8:8">
      <c r="H657458" s="12"/>
    </row>
    <row r="657459" spans="8:8">
      <c r="H657459" s="12"/>
    </row>
    <row r="657460" spans="8:8">
      <c r="H657460" s="12"/>
    </row>
    <row r="657461" spans="8:8">
      <c r="H657461" s="12"/>
    </row>
    <row r="657462" spans="8:8">
      <c r="H657462" s="12"/>
    </row>
    <row r="657463" spans="8:8">
      <c r="H657463" s="12"/>
    </row>
    <row r="657464" spans="8:8">
      <c r="H657464" s="12"/>
    </row>
    <row r="657465" spans="8:8">
      <c r="H657465" s="12"/>
    </row>
    <row r="657466" spans="8:8">
      <c r="H657466" s="12"/>
    </row>
    <row r="657467" spans="8:8">
      <c r="H657467" s="12"/>
    </row>
    <row r="657468" spans="8:8">
      <c r="H657468" s="12"/>
    </row>
    <row r="657469" spans="8:8">
      <c r="H657469" s="12"/>
    </row>
    <row r="657470" spans="8:8">
      <c r="H657470" s="12"/>
    </row>
    <row r="657471" spans="8:8">
      <c r="H657471" s="12"/>
    </row>
    <row r="657472" spans="8:8">
      <c r="H657472" s="12"/>
    </row>
    <row r="657473" spans="8:8">
      <c r="H657473" s="12"/>
    </row>
    <row r="657474" spans="8:8">
      <c r="H657474" s="12"/>
    </row>
    <row r="657475" spans="8:8">
      <c r="H657475" s="12"/>
    </row>
    <row r="657476" spans="8:8">
      <c r="H657476" s="12"/>
    </row>
    <row r="657477" spans="8:8">
      <c r="H657477" s="12"/>
    </row>
    <row r="657478" spans="8:8">
      <c r="H657478" s="12"/>
    </row>
    <row r="657479" spans="8:8">
      <c r="H657479" s="12"/>
    </row>
    <row r="657480" spans="8:8">
      <c r="H657480" s="12"/>
    </row>
    <row r="657481" spans="8:8">
      <c r="H657481" s="12"/>
    </row>
    <row r="657482" spans="8:8">
      <c r="H657482" s="12"/>
    </row>
    <row r="657483" spans="8:8">
      <c r="H657483" s="12"/>
    </row>
    <row r="657484" spans="8:8">
      <c r="H657484" s="12"/>
    </row>
    <row r="657485" spans="8:8">
      <c r="H657485" s="12"/>
    </row>
    <row r="657486" spans="8:8">
      <c r="H657486" s="12"/>
    </row>
    <row r="657487" spans="8:8">
      <c r="H657487" s="12"/>
    </row>
    <row r="657488" spans="8:8">
      <c r="H657488" s="12"/>
    </row>
    <row r="657489" spans="8:8">
      <c r="H657489" s="12"/>
    </row>
    <row r="657490" spans="8:8">
      <c r="H657490" s="12"/>
    </row>
    <row r="657491" spans="8:8">
      <c r="H657491" s="12"/>
    </row>
    <row r="657492" spans="8:8">
      <c r="H657492" s="12"/>
    </row>
    <row r="657493" spans="8:8">
      <c r="H657493" s="12"/>
    </row>
    <row r="657494" spans="8:8">
      <c r="H657494" s="12"/>
    </row>
    <row r="657495" spans="8:8">
      <c r="H657495" s="12"/>
    </row>
    <row r="657496" spans="8:8">
      <c r="H657496" s="12"/>
    </row>
    <row r="657497" spans="8:8">
      <c r="H657497" s="12"/>
    </row>
    <row r="657498" spans="8:8">
      <c r="H657498" s="12"/>
    </row>
    <row r="657499" spans="8:8">
      <c r="H657499" s="12"/>
    </row>
    <row r="657500" spans="8:8">
      <c r="H657500" s="12"/>
    </row>
    <row r="657501" spans="8:8">
      <c r="H657501" s="12"/>
    </row>
    <row r="657502" spans="8:8">
      <c r="H657502" s="12"/>
    </row>
    <row r="657503" spans="8:8">
      <c r="H657503" s="12"/>
    </row>
    <row r="657504" spans="8:8">
      <c r="H657504" s="12"/>
    </row>
    <row r="657505" spans="8:8">
      <c r="H657505" s="12"/>
    </row>
    <row r="657506" spans="8:8">
      <c r="H657506" s="12"/>
    </row>
    <row r="657507" spans="8:8">
      <c r="H657507" s="12"/>
    </row>
    <row r="657508" spans="8:8">
      <c r="H657508" s="12"/>
    </row>
    <row r="657509" spans="8:8">
      <c r="H657509" s="12"/>
    </row>
    <row r="657510" spans="8:8">
      <c r="H657510" s="12"/>
    </row>
    <row r="657511" spans="8:8">
      <c r="H657511" s="12"/>
    </row>
    <row r="657512" spans="8:8">
      <c r="H657512" s="12"/>
    </row>
    <row r="657513" spans="8:8">
      <c r="H657513" s="12"/>
    </row>
    <row r="657514" spans="8:8">
      <c r="H657514" s="12"/>
    </row>
    <row r="657515" spans="8:8">
      <c r="H657515" s="12"/>
    </row>
    <row r="657516" spans="8:8">
      <c r="H657516" s="12"/>
    </row>
    <row r="657517" spans="8:8">
      <c r="H657517" s="12"/>
    </row>
    <row r="657518" spans="8:8">
      <c r="H657518" s="12"/>
    </row>
    <row r="657519" spans="8:8">
      <c r="H657519" s="12"/>
    </row>
    <row r="657520" spans="8:8">
      <c r="H657520" s="12"/>
    </row>
    <row r="657521" spans="8:8">
      <c r="H657521" s="12"/>
    </row>
    <row r="657522" spans="8:8">
      <c r="H657522" s="12"/>
    </row>
    <row r="657523" spans="8:8">
      <c r="H657523" s="12"/>
    </row>
    <row r="657524" spans="8:8">
      <c r="H657524" s="12"/>
    </row>
    <row r="657525" spans="8:8">
      <c r="H657525" s="12"/>
    </row>
    <row r="657526" spans="8:8">
      <c r="H657526" s="12"/>
    </row>
    <row r="657527" spans="8:8">
      <c r="H657527" s="12"/>
    </row>
    <row r="657528" spans="8:8">
      <c r="H657528" s="12"/>
    </row>
    <row r="657529" spans="8:8">
      <c r="H657529" s="12"/>
    </row>
    <row r="657530" spans="8:8">
      <c r="H657530" s="12"/>
    </row>
    <row r="657531" spans="8:8">
      <c r="H657531" s="12"/>
    </row>
    <row r="657532" spans="8:8">
      <c r="H657532" s="12"/>
    </row>
    <row r="657533" spans="8:8">
      <c r="H657533" s="12"/>
    </row>
    <row r="657534" spans="8:8">
      <c r="H657534" s="12"/>
    </row>
    <row r="657535" spans="8:8">
      <c r="H657535" s="12"/>
    </row>
    <row r="657536" spans="8:8">
      <c r="H657536" s="12"/>
    </row>
    <row r="657537" spans="8:8">
      <c r="H657537" s="12"/>
    </row>
    <row r="657538" spans="8:8">
      <c r="H657538" s="12"/>
    </row>
    <row r="657539" spans="8:8">
      <c r="H657539" s="12"/>
    </row>
    <row r="657540" spans="8:8">
      <c r="H657540" s="12"/>
    </row>
    <row r="657541" spans="8:8">
      <c r="H657541" s="12"/>
    </row>
    <row r="657542" spans="8:8">
      <c r="H657542" s="12"/>
    </row>
    <row r="657543" spans="8:8">
      <c r="H657543" s="12"/>
    </row>
    <row r="657544" spans="8:8">
      <c r="H657544" s="12"/>
    </row>
    <row r="657545" spans="8:8">
      <c r="H657545" s="12"/>
    </row>
    <row r="657546" spans="8:8">
      <c r="H657546" s="12"/>
    </row>
    <row r="657547" spans="8:8">
      <c r="H657547" s="12"/>
    </row>
    <row r="657548" spans="8:8">
      <c r="H657548" s="12"/>
    </row>
    <row r="657549" spans="8:8">
      <c r="H657549" s="12"/>
    </row>
    <row r="657550" spans="8:8">
      <c r="H657550" s="12"/>
    </row>
    <row r="657551" spans="8:8">
      <c r="H657551" s="12"/>
    </row>
    <row r="657552" spans="8:8">
      <c r="H657552" s="12"/>
    </row>
    <row r="657553" spans="8:8">
      <c r="H657553" s="12"/>
    </row>
    <row r="657554" spans="8:8">
      <c r="H657554" s="12"/>
    </row>
    <row r="657555" spans="8:8">
      <c r="H657555" s="12"/>
    </row>
    <row r="657556" spans="8:8">
      <c r="H657556" s="12"/>
    </row>
    <row r="657557" spans="8:8">
      <c r="H657557" s="12"/>
    </row>
    <row r="657558" spans="8:8">
      <c r="H657558" s="12"/>
    </row>
    <row r="657559" spans="8:8">
      <c r="H657559" s="12"/>
    </row>
    <row r="657560" spans="8:8">
      <c r="H657560" s="12"/>
    </row>
    <row r="657561" spans="8:8">
      <c r="H657561" s="12"/>
    </row>
    <row r="657562" spans="8:8">
      <c r="H657562" s="12"/>
    </row>
    <row r="657563" spans="8:8">
      <c r="H657563" s="12"/>
    </row>
    <row r="657564" spans="8:8">
      <c r="H657564" s="12"/>
    </row>
    <row r="657565" spans="8:8">
      <c r="H657565" s="12"/>
    </row>
    <row r="657566" spans="8:8">
      <c r="H657566" s="12"/>
    </row>
    <row r="657567" spans="8:8">
      <c r="H657567" s="12"/>
    </row>
    <row r="657568" spans="8:8">
      <c r="H657568" s="12"/>
    </row>
    <row r="657569" spans="8:8">
      <c r="H657569" s="12"/>
    </row>
    <row r="657570" spans="8:8">
      <c r="H657570" s="12"/>
    </row>
    <row r="657571" spans="8:8">
      <c r="H657571" s="12"/>
    </row>
    <row r="657572" spans="8:8">
      <c r="H657572" s="12"/>
    </row>
    <row r="657573" spans="8:8">
      <c r="H657573" s="12"/>
    </row>
    <row r="657574" spans="8:8">
      <c r="H657574" s="12"/>
    </row>
    <row r="657575" spans="8:8">
      <c r="H657575" s="12"/>
    </row>
    <row r="657576" spans="8:8">
      <c r="H657576" s="12"/>
    </row>
    <row r="657577" spans="8:8">
      <c r="H657577" s="12"/>
    </row>
    <row r="657578" spans="8:8">
      <c r="H657578" s="12"/>
    </row>
    <row r="657579" spans="8:8">
      <c r="H657579" s="12"/>
    </row>
    <row r="657580" spans="8:8">
      <c r="H657580" s="12"/>
    </row>
    <row r="657581" spans="8:8">
      <c r="H657581" s="12"/>
    </row>
    <row r="657582" spans="8:8">
      <c r="H657582" s="12"/>
    </row>
    <row r="657583" spans="8:8">
      <c r="H657583" s="12"/>
    </row>
    <row r="657584" spans="8:8">
      <c r="H657584" s="12"/>
    </row>
    <row r="657585" spans="8:8">
      <c r="H657585" s="12"/>
    </row>
    <row r="657586" spans="8:8">
      <c r="H657586" s="12"/>
    </row>
    <row r="657587" spans="8:8">
      <c r="H657587" s="12"/>
    </row>
    <row r="657588" spans="8:8">
      <c r="H657588" s="12"/>
    </row>
    <row r="657589" spans="8:8">
      <c r="H657589" s="12"/>
    </row>
    <row r="657590" spans="8:8">
      <c r="H657590" s="12"/>
    </row>
    <row r="657591" spans="8:8">
      <c r="H657591" s="12"/>
    </row>
    <row r="657592" spans="8:8">
      <c r="H657592" s="12"/>
    </row>
    <row r="657593" spans="8:8">
      <c r="H657593" s="12"/>
    </row>
    <row r="657594" spans="8:8">
      <c r="H657594" s="12"/>
    </row>
    <row r="657595" spans="8:8">
      <c r="H657595" s="12"/>
    </row>
    <row r="657596" spans="8:8">
      <c r="H657596" s="12"/>
    </row>
    <row r="657597" spans="8:8">
      <c r="H657597" s="12"/>
    </row>
    <row r="657598" spans="8:8">
      <c r="H657598" s="12"/>
    </row>
    <row r="657599" spans="8:8">
      <c r="H657599" s="12"/>
    </row>
    <row r="657600" spans="8:8">
      <c r="H657600" s="12"/>
    </row>
    <row r="657601" spans="8:8">
      <c r="H657601" s="12"/>
    </row>
    <row r="657602" spans="8:8">
      <c r="H657602" s="12"/>
    </row>
    <row r="657603" spans="8:8">
      <c r="H657603" s="12"/>
    </row>
    <row r="657604" spans="8:8">
      <c r="H657604" s="12"/>
    </row>
    <row r="657605" spans="8:8">
      <c r="H657605" s="12"/>
    </row>
    <row r="657606" spans="8:8">
      <c r="H657606" s="12"/>
    </row>
    <row r="657607" spans="8:8">
      <c r="H657607" s="12"/>
    </row>
    <row r="657608" spans="8:8">
      <c r="H657608" s="12"/>
    </row>
    <row r="657609" spans="8:8">
      <c r="H657609" s="12"/>
    </row>
    <row r="657610" spans="8:8">
      <c r="H657610" s="12"/>
    </row>
    <row r="657611" spans="8:8">
      <c r="H657611" s="12"/>
    </row>
    <row r="657612" spans="8:8">
      <c r="H657612" s="12"/>
    </row>
    <row r="657613" spans="8:8">
      <c r="H657613" s="12"/>
    </row>
    <row r="657614" spans="8:8">
      <c r="H657614" s="12"/>
    </row>
    <row r="657615" spans="8:8">
      <c r="H657615" s="12"/>
    </row>
    <row r="657616" spans="8:8">
      <c r="H657616" s="12"/>
    </row>
    <row r="657617" spans="8:8">
      <c r="H657617" s="12"/>
    </row>
    <row r="657618" spans="8:8">
      <c r="H657618" s="12"/>
    </row>
    <row r="657619" spans="8:8">
      <c r="H657619" s="12"/>
    </row>
    <row r="657620" spans="8:8">
      <c r="H657620" s="12"/>
    </row>
    <row r="657621" spans="8:8">
      <c r="H657621" s="12"/>
    </row>
    <row r="657622" spans="8:8">
      <c r="H657622" s="12"/>
    </row>
    <row r="657623" spans="8:8">
      <c r="H657623" s="12"/>
    </row>
    <row r="657624" spans="8:8">
      <c r="H657624" s="12"/>
    </row>
    <row r="657625" spans="8:8">
      <c r="H657625" s="12"/>
    </row>
    <row r="657626" spans="8:8">
      <c r="H657626" s="12"/>
    </row>
    <row r="657627" spans="8:8">
      <c r="H657627" s="12"/>
    </row>
    <row r="657628" spans="8:8">
      <c r="H657628" s="12"/>
    </row>
    <row r="657629" spans="8:8">
      <c r="H657629" s="12"/>
    </row>
    <row r="657630" spans="8:8">
      <c r="H657630" s="12"/>
    </row>
    <row r="657631" spans="8:8">
      <c r="H657631" s="12"/>
    </row>
    <row r="657632" spans="8:8">
      <c r="H657632" s="12"/>
    </row>
    <row r="657633" spans="8:8">
      <c r="H657633" s="12"/>
    </row>
    <row r="657634" spans="8:8">
      <c r="H657634" s="12"/>
    </row>
    <row r="657635" spans="8:8">
      <c r="H657635" s="12"/>
    </row>
    <row r="657636" spans="8:8">
      <c r="H657636" s="12"/>
    </row>
    <row r="657637" spans="8:8">
      <c r="H657637" s="12"/>
    </row>
    <row r="657638" spans="8:8">
      <c r="H657638" s="12"/>
    </row>
    <row r="657639" spans="8:8">
      <c r="H657639" s="12"/>
    </row>
    <row r="657640" spans="8:8">
      <c r="H657640" s="12"/>
    </row>
    <row r="657641" spans="8:8">
      <c r="H657641" s="12"/>
    </row>
    <row r="657642" spans="8:8">
      <c r="H657642" s="12"/>
    </row>
    <row r="657643" spans="8:8">
      <c r="H657643" s="12"/>
    </row>
    <row r="657644" spans="8:8">
      <c r="H657644" s="12"/>
    </row>
    <row r="657645" spans="8:8">
      <c r="H657645" s="12"/>
    </row>
    <row r="657646" spans="8:8">
      <c r="H657646" s="12"/>
    </row>
    <row r="657647" spans="8:8">
      <c r="H657647" s="12"/>
    </row>
    <row r="657648" spans="8:8">
      <c r="H657648" s="12"/>
    </row>
    <row r="657649" spans="8:8">
      <c r="H657649" s="12"/>
    </row>
    <row r="657650" spans="8:8">
      <c r="H657650" s="12"/>
    </row>
    <row r="657651" spans="8:8">
      <c r="H657651" s="12"/>
    </row>
    <row r="657652" spans="8:8">
      <c r="H657652" s="12"/>
    </row>
    <row r="657653" spans="8:8">
      <c r="H657653" s="12"/>
    </row>
    <row r="657654" spans="8:8">
      <c r="H657654" s="12"/>
    </row>
    <row r="657655" spans="8:8">
      <c r="H657655" s="12"/>
    </row>
    <row r="657656" spans="8:8">
      <c r="H657656" s="12"/>
    </row>
    <row r="657657" spans="8:8">
      <c r="H657657" s="12"/>
    </row>
    <row r="657658" spans="8:8">
      <c r="H657658" s="12"/>
    </row>
    <row r="657659" spans="8:8">
      <c r="H657659" s="12"/>
    </row>
    <row r="657660" spans="8:8">
      <c r="H657660" s="12"/>
    </row>
    <row r="657661" spans="8:8">
      <c r="H657661" s="12"/>
    </row>
    <row r="657662" spans="8:8">
      <c r="H657662" s="12"/>
    </row>
    <row r="657663" spans="8:8">
      <c r="H657663" s="12"/>
    </row>
    <row r="657664" spans="8:8">
      <c r="H657664" s="12"/>
    </row>
    <row r="657665" spans="8:8">
      <c r="H657665" s="12"/>
    </row>
    <row r="657666" spans="8:8">
      <c r="H657666" s="12"/>
    </row>
    <row r="657667" spans="8:8">
      <c r="H657667" s="12"/>
    </row>
    <row r="657668" spans="8:8">
      <c r="H657668" s="12"/>
    </row>
    <row r="657669" spans="8:8">
      <c r="H657669" s="12"/>
    </row>
    <row r="657670" spans="8:8">
      <c r="H657670" s="12"/>
    </row>
    <row r="657671" spans="8:8">
      <c r="H657671" s="12"/>
    </row>
    <row r="657672" spans="8:8">
      <c r="H657672" s="12"/>
    </row>
    <row r="657673" spans="8:8">
      <c r="H657673" s="12"/>
    </row>
    <row r="657674" spans="8:8">
      <c r="H657674" s="12"/>
    </row>
    <row r="657675" spans="8:8">
      <c r="H657675" s="12"/>
    </row>
    <row r="657676" spans="8:8">
      <c r="H657676" s="12"/>
    </row>
    <row r="657677" spans="8:8">
      <c r="H657677" s="12"/>
    </row>
    <row r="657678" spans="8:8">
      <c r="H657678" s="12"/>
    </row>
    <row r="657679" spans="8:8">
      <c r="H657679" s="12"/>
    </row>
    <row r="657680" spans="8:8">
      <c r="H657680" s="12"/>
    </row>
    <row r="657681" spans="8:8">
      <c r="H657681" s="12"/>
    </row>
    <row r="657682" spans="8:8">
      <c r="H657682" s="12"/>
    </row>
    <row r="657683" spans="8:8">
      <c r="H657683" s="12"/>
    </row>
    <row r="657684" spans="8:8">
      <c r="H657684" s="12"/>
    </row>
    <row r="657685" spans="8:8">
      <c r="H657685" s="12"/>
    </row>
    <row r="657686" spans="8:8">
      <c r="H657686" s="12"/>
    </row>
    <row r="657687" spans="8:8">
      <c r="H657687" s="12"/>
    </row>
    <row r="657688" spans="8:8">
      <c r="H657688" s="12"/>
    </row>
    <row r="657689" spans="8:8">
      <c r="H657689" s="12"/>
    </row>
    <row r="657690" spans="8:8">
      <c r="H657690" s="12"/>
    </row>
    <row r="657691" spans="8:8">
      <c r="H657691" s="12"/>
    </row>
    <row r="657692" spans="8:8">
      <c r="H657692" s="12"/>
    </row>
    <row r="657693" spans="8:8">
      <c r="H657693" s="12"/>
    </row>
    <row r="657694" spans="8:8">
      <c r="H657694" s="12"/>
    </row>
    <row r="657695" spans="8:8">
      <c r="H657695" s="12"/>
    </row>
    <row r="657696" spans="8:8">
      <c r="H657696" s="12"/>
    </row>
    <row r="657697" spans="8:8">
      <c r="H657697" s="12"/>
    </row>
    <row r="657698" spans="8:8">
      <c r="H657698" s="12"/>
    </row>
    <row r="657699" spans="8:8">
      <c r="H657699" s="12"/>
    </row>
    <row r="657700" spans="8:8">
      <c r="H657700" s="12"/>
    </row>
    <row r="657701" spans="8:8">
      <c r="H657701" s="12"/>
    </row>
    <row r="657702" spans="8:8">
      <c r="H657702" s="12"/>
    </row>
    <row r="657703" spans="8:8">
      <c r="H657703" s="12"/>
    </row>
    <row r="657704" spans="8:8">
      <c r="H657704" s="12"/>
    </row>
    <row r="657705" spans="8:8">
      <c r="H657705" s="12"/>
    </row>
    <row r="657706" spans="8:8">
      <c r="H657706" s="12"/>
    </row>
    <row r="657707" spans="8:8">
      <c r="H657707" s="12"/>
    </row>
    <row r="657708" spans="8:8">
      <c r="H657708" s="12"/>
    </row>
    <row r="657709" spans="8:8">
      <c r="H657709" s="12"/>
    </row>
    <row r="657710" spans="8:8">
      <c r="H657710" s="12"/>
    </row>
    <row r="657711" spans="8:8">
      <c r="H657711" s="12"/>
    </row>
    <row r="657712" spans="8:8">
      <c r="H657712" s="12"/>
    </row>
    <row r="657713" spans="8:8">
      <c r="H657713" s="12"/>
    </row>
    <row r="657714" spans="8:8">
      <c r="H657714" s="12"/>
    </row>
    <row r="657715" spans="8:8">
      <c r="H657715" s="12"/>
    </row>
    <row r="657716" spans="8:8">
      <c r="H657716" s="12"/>
    </row>
    <row r="657717" spans="8:8">
      <c r="H657717" s="12"/>
    </row>
    <row r="657718" spans="8:8">
      <c r="H657718" s="12"/>
    </row>
    <row r="657719" spans="8:8">
      <c r="H657719" s="12"/>
    </row>
    <row r="657720" spans="8:8">
      <c r="H657720" s="12"/>
    </row>
    <row r="657721" spans="8:8">
      <c r="H657721" s="12"/>
    </row>
    <row r="657722" spans="8:8">
      <c r="H657722" s="12"/>
    </row>
    <row r="657723" spans="8:8">
      <c r="H657723" s="12"/>
    </row>
    <row r="657724" spans="8:8">
      <c r="H657724" s="12"/>
    </row>
    <row r="657725" spans="8:8">
      <c r="H657725" s="12"/>
    </row>
    <row r="657726" spans="8:8">
      <c r="H657726" s="12"/>
    </row>
    <row r="657727" spans="8:8">
      <c r="H657727" s="12"/>
    </row>
    <row r="657728" spans="8:8">
      <c r="H657728" s="12"/>
    </row>
    <row r="657729" spans="8:8">
      <c r="H657729" s="12"/>
    </row>
    <row r="657730" spans="8:8">
      <c r="H657730" s="12"/>
    </row>
    <row r="657731" spans="8:8">
      <c r="H657731" s="12"/>
    </row>
    <row r="657732" spans="8:8">
      <c r="H657732" s="12"/>
    </row>
    <row r="657733" spans="8:8">
      <c r="H657733" s="12"/>
    </row>
    <row r="657734" spans="8:8">
      <c r="H657734" s="12"/>
    </row>
    <row r="657735" spans="8:8">
      <c r="H657735" s="12"/>
    </row>
    <row r="657736" spans="8:8">
      <c r="H657736" s="12"/>
    </row>
    <row r="657737" spans="8:8">
      <c r="H657737" s="12"/>
    </row>
    <row r="657738" spans="8:8">
      <c r="H657738" s="12"/>
    </row>
    <row r="657739" spans="8:8">
      <c r="H657739" s="12"/>
    </row>
    <row r="657740" spans="8:8">
      <c r="H657740" s="12"/>
    </row>
    <row r="657741" spans="8:8">
      <c r="H657741" s="12"/>
    </row>
    <row r="657742" spans="8:8">
      <c r="H657742" s="12"/>
    </row>
    <row r="657743" spans="8:8">
      <c r="H657743" s="12"/>
    </row>
    <row r="657744" spans="8:8">
      <c r="H657744" s="12"/>
    </row>
    <row r="657745" spans="8:8">
      <c r="H657745" s="12"/>
    </row>
    <row r="657746" spans="8:8">
      <c r="H657746" s="12"/>
    </row>
    <row r="657747" spans="8:8">
      <c r="H657747" s="12"/>
    </row>
    <row r="657748" spans="8:8">
      <c r="H657748" s="12"/>
    </row>
    <row r="657749" spans="8:8">
      <c r="H657749" s="12"/>
    </row>
    <row r="657750" spans="8:8">
      <c r="H657750" s="12"/>
    </row>
    <row r="657751" spans="8:8">
      <c r="H657751" s="12"/>
    </row>
    <row r="657752" spans="8:8">
      <c r="H657752" s="12"/>
    </row>
    <row r="657753" spans="8:8">
      <c r="H657753" s="12"/>
    </row>
    <row r="657754" spans="8:8">
      <c r="H657754" s="12"/>
    </row>
    <row r="657755" spans="8:8">
      <c r="H657755" s="12"/>
    </row>
    <row r="657756" spans="8:8">
      <c r="H657756" s="12"/>
    </row>
    <row r="657757" spans="8:8">
      <c r="H657757" s="12"/>
    </row>
    <row r="657758" spans="8:8">
      <c r="H657758" s="12"/>
    </row>
    <row r="657759" spans="8:8">
      <c r="H657759" s="12"/>
    </row>
    <row r="657760" spans="8:8">
      <c r="H657760" s="12"/>
    </row>
    <row r="657761" spans="8:8">
      <c r="H657761" s="12"/>
    </row>
    <row r="657762" spans="8:8">
      <c r="H657762" s="12"/>
    </row>
    <row r="657763" spans="8:8">
      <c r="H657763" s="12"/>
    </row>
    <row r="657764" spans="8:8">
      <c r="H657764" s="12"/>
    </row>
    <row r="657765" spans="8:8">
      <c r="H657765" s="12"/>
    </row>
    <row r="657766" spans="8:8">
      <c r="H657766" s="12"/>
    </row>
    <row r="657767" spans="8:8">
      <c r="H657767" s="12"/>
    </row>
    <row r="657768" spans="8:8">
      <c r="H657768" s="12"/>
    </row>
    <row r="657769" spans="8:8">
      <c r="H657769" s="12"/>
    </row>
    <row r="657770" spans="8:8">
      <c r="H657770" s="12"/>
    </row>
    <row r="657771" spans="8:8">
      <c r="H657771" s="12"/>
    </row>
    <row r="657772" spans="8:8">
      <c r="H657772" s="12"/>
    </row>
    <row r="657773" spans="8:8">
      <c r="H657773" s="12"/>
    </row>
    <row r="657774" spans="8:8">
      <c r="H657774" s="12"/>
    </row>
    <row r="657775" spans="8:8">
      <c r="H657775" s="12"/>
    </row>
    <row r="657776" spans="8:8">
      <c r="H657776" s="12"/>
    </row>
    <row r="657777" spans="8:8">
      <c r="H657777" s="12"/>
    </row>
    <row r="657778" spans="8:8">
      <c r="H657778" s="12"/>
    </row>
    <row r="657779" spans="8:8">
      <c r="H657779" s="12"/>
    </row>
    <row r="657780" spans="8:8">
      <c r="H657780" s="12"/>
    </row>
    <row r="657781" spans="8:8">
      <c r="H657781" s="12"/>
    </row>
    <row r="657782" spans="8:8">
      <c r="H657782" s="12"/>
    </row>
    <row r="657783" spans="8:8">
      <c r="H657783" s="12"/>
    </row>
    <row r="657784" spans="8:8">
      <c r="H657784" s="12"/>
    </row>
    <row r="657785" spans="8:8">
      <c r="H657785" s="12"/>
    </row>
    <row r="657786" spans="8:8">
      <c r="H657786" s="12"/>
    </row>
    <row r="657787" spans="8:8">
      <c r="H657787" s="12"/>
    </row>
    <row r="657788" spans="8:8">
      <c r="H657788" s="12"/>
    </row>
    <row r="657789" spans="8:8">
      <c r="H657789" s="12"/>
    </row>
    <row r="657790" spans="8:8">
      <c r="H657790" s="12"/>
    </row>
    <row r="657791" spans="8:8">
      <c r="H657791" s="12"/>
    </row>
    <row r="657792" spans="8:8">
      <c r="H657792" s="12"/>
    </row>
    <row r="657793" spans="8:8">
      <c r="H657793" s="12"/>
    </row>
    <row r="657794" spans="8:8">
      <c r="H657794" s="12"/>
    </row>
    <row r="657795" spans="8:8">
      <c r="H657795" s="12"/>
    </row>
    <row r="657796" spans="8:8">
      <c r="H657796" s="12"/>
    </row>
    <row r="657797" spans="8:8">
      <c r="H657797" s="12"/>
    </row>
    <row r="657798" spans="8:8">
      <c r="H657798" s="12"/>
    </row>
    <row r="657799" spans="8:8">
      <c r="H657799" s="12"/>
    </row>
    <row r="657800" spans="8:8">
      <c r="H657800" s="12"/>
    </row>
    <row r="657801" spans="8:8">
      <c r="H657801" s="12"/>
    </row>
    <row r="657802" spans="8:8">
      <c r="H657802" s="12"/>
    </row>
    <row r="657803" spans="8:8">
      <c r="H657803" s="12"/>
    </row>
    <row r="657804" spans="8:8">
      <c r="H657804" s="12"/>
    </row>
    <row r="657805" spans="8:8">
      <c r="H657805" s="12"/>
    </row>
    <row r="657806" spans="8:8">
      <c r="H657806" s="12"/>
    </row>
    <row r="657807" spans="8:8">
      <c r="H657807" s="12"/>
    </row>
    <row r="657808" spans="8:8">
      <c r="H657808" s="12"/>
    </row>
    <row r="657809" spans="8:8">
      <c r="H657809" s="12"/>
    </row>
    <row r="657810" spans="8:8">
      <c r="H657810" s="12"/>
    </row>
    <row r="657811" spans="8:8">
      <c r="H657811" s="12"/>
    </row>
    <row r="657812" spans="8:8">
      <c r="H657812" s="12"/>
    </row>
    <row r="657813" spans="8:8">
      <c r="H657813" s="12"/>
    </row>
    <row r="657814" spans="8:8">
      <c r="H657814" s="12"/>
    </row>
    <row r="657815" spans="8:8">
      <c r="H657815" s="12"/>
    </row>
    <row r="657816" spans="8:8">
      <c r="H657816" s="12"/>
    </row>
    <row r="657817" spans="8:8">
      <c r="H657817" s="12"/>
    </row>
    <row r="657818" spans="8:8">
      <c r="H657818" s="12"/>
    </row>
    <row r="657819" spans="8:8">
      <c r="H657819" s="12"/>
    </row>
    <row r="657820" spans="8:8">
      <c r="H657820" s="12"/>
    </row>
    <row r="657821" spans="8:8">
      <c r="H657821" s="12"/>
    </row>
    <row r="657822" spans="8:8">
      <c r="H657822" s="12"/>
    </row>
    <row r="657823" spans="8:8">
      <c r="H657823" s="12"/>
    </row>
    <row r="657824" spans="8:8">
      <c r="H657824" s="12"/>
    </row>
    <row r="657825" spans="8:8">
      <c r="H657825" s="12"/>
    </row>
    <row r="657826" spans="8:8">
      <c r="H657826" s="12"/>
    </row>
    <row r="657827" spans="8:8">
      <c r="H657827" s="12"/>
    </row>
    <row r="657828" spans="8:8">
      <c r="H657828" s="12"/>
    </row>
    <row r="657829" spans="8:8">
      <c r="H657829" s="12"/>
    </row>
    <row r="657830" spans="8:8">
      <c r="H657830" s="12"/>
    </row>
    <row r="657831" spans="8:8">
      <c r="H657831" s="12"/>
    </row>
    <row r="657832" spans="8:8">
      <c r="H657832" s="12"/>
    </row>
    <row r="657833" spans="8:8">
      <c r="H657833" s="12"/>
    </row>
    <row r="657834" spans="8:8">
      <c r="H657834" s="12"/>
    </row>
    <row r="657835" spans="8:8">
      <c r="H657835" s="12"/>
    </row>
    <row r="657836" spans="8:8">
      <c r="H657836" s="12"/>
    </row>
    <row r="657837" spans="8:8">
      <c r="H657837" s="12"/>
    </row>
    <row r="657838" spans="8:8">
      <c r="H657838" s="12"/>
    </row>
    <row r="657839" spans="8:8">
      <c r="H657839" s="12"/>
    </row>
    <row r="657840" spans="8:8">
      <c r="H657840" s="12"/>
    </row>
    <row r="657841" spans="8:8">
      <c r="H657841" s="12"/>
    </row>
    <row r="657842" spans="8:8">
      <c r="H657842" s="12"/>
    </row>
    <row r="657843" spans="8:8">
      <c r="H657843" s="12"/>
    </row>
    <row r="657844" spans="8:8">
      <c r="H657844" s="12"/>
    </row>
    <row r="657845" spans="8:8">
      <c r="H657845" s="12"/>
    </row>
    <row r="657846" spans="8:8">
      <c r="H657846" s="12"/>
    </row>
    <row r="657847" spans="8:8">
      <c r="H657847" s="12"/>
    </row>
    <row r="657848" spans="8:8">
      <c r="H657848" s="12"/>
    </row>
    <row r="657849" spans="8:8">
      <c r="H657849" s="12"/>
    </row>
    <row r="657850" spans="8:8">
      <c r="H657850" s="12"/>
    </row>
    <row r="657851" spans="8:8">
      <c r="H657851" s="12"/>
    </row>
    <row r="657852" spans="8:8">
      <c r="H657852" s="12"/>
    </row>
    <row r="657853" spans="8:8">
      <c r="H657853" s="12"/>
    </row>
    <row r="657854" spans="8:8">
      <c r="H657854" s="12"/>
    </row>
    <row r="657855" spans="8:8">
      <c r="H657855" s="12"/>
    </row>
    <row r="657856" spans="8:8">
      <c r="H657856" s="12"/>
    </row>
    <row r="657857" spans="8:8">
      <c r="H657857" s="12"/>
    </row>
    <row r="657858" spans="8:8">
      <c r="H657858" s="12"/>
    </row>
    <row r="657859" spans="8:8">
      <c r="H657859" s="12"/>
    </row>
    <row r="657860" spans="8:8">
      <c r="H657860" s="12"/>
    </row>
    <row r="657861" spans="8:8">
      <c r="H657861" s="12"/>
    </row>
    <row r="657862" spans="8:8">
      <c r="H657862" s="12"/>
    </row>
    <row r="657863" spans="8:8">
      <c r="H657863" s="12"/>
    </row>
    <row r="657864" spans="8:8">
      <c r="H657864" s="12"/>
    </row>
    <row r="657865" spans="8:8">
      <c r="H657865" s="12"/>
    </row>
    <row r="657866" spans="8:8">
      <c r="H657866" s="12"/>
    </row>
    <row r="657867" spans="8:8">
      <c r="H657867" s="12"/>
    </row>
    <row r="657868" spans="8:8">
      <c r="H657868" s="12"/>
    </row>
    <row r="657869" spans="8:8">
      <c r="H657869" s="12"/>
    </row>
    <row r="657870" spans="8:8">
      <c r="H657870" s="12"/>
    </row>
    <row r="657871" spans="8:8">
      <c r="H657871" s="12"/>
    </row>
    <row r="657872" spans="8:8">
      <c r="H657872" s="12"/>
    </row>
    <row r="657873" spans="8:8">
      <c r="H657873" s="12"/>
    </row>
    <row r="657874" spans="8:8">
      <c r="H657874" s="12"/>
    </row>
    <row r="657875" spans="8:8">
      <c r="H657875" s="12"/>
    </row>
    <row r="657876" spans="8:8">
      <c r="H657876" s="12"/>
    </row>
    <row r="657877" spans="8:8">
      <c r="H657877" s="12"/>
    </row>
    <row r="657878" spans="8:8">
      <c r="H657878" s="12"/>
    </row>
    <row r="657879" spans="8:8">
      <c r="H657879" s="12"/>
    </row>
    <row r="657880" spans="8:8">
      <c r="H657880" s="12"/>
    </row>
    <row r="657881" spans="8:8">
      <c r="H657881" s="12"/>
    </row>
    <row r="657882" spans="8:8">
      <c r="H657882" s="12"/>
    </row>
    <row r="657883" spans="8:8">
      <c r="H657883" s="12"/>
    </row>
    <row r="657884" spans="8:8">
      <c r="H657884" s="12"/>
    </row>
    <row r="657885" spans="8:8">
      <c r="H657885" s="12"/>
    </row>
    <row r="657886" spans="8:8">
      <c r="H657886" s="12"/>
    </row>
    <row r="657887" spans="8:8">
      <c r="H657887" s="12"/>
    </row>
    <row r="657888" spans="8:8">
      <c r="H657888" s="12"/>
    </row>
    <row r="657889" spans="8:8">
      <c r="H657889" s="12"/>
    </row>
    <row r="657890" spans="8:8">
      <c r="H657890" s="12"/>
    </row>
    <row r="657891" spans="8:8">
      <c r="H657891" s="12"/>
    </row>
    <row r="657892" spans="8:8">
      <c r="H657892" s="12"/>
    </row>
    <row r="657893" spans="8:8">
      <c r="H657893" s="12"/>
    </row>
    <row r="657894" spans="8:8">
      <c r="H657894" s="12"/>
    </row>
    <row r="657895" spans="8:8">
      <c r="H657895" s="12"/>
    </row>
    <row r="657896" spans="8:8">
      <c r="H657896" s="12"/>
    </row>
    <row r="657897" spans="8:8">
      <c r="H657897" s="12"/>
    </row>
    <row r="657898" spans="8:8">
      <c r="H657898" s="12"/>
    </row>
    <row r="657899" spans="8:8">
      <c r="H657899" s="12"/>
    </row>
    <row r="657900" spans="8:8">
      <c r="H657900" s="12"/>
    </row>
    <row r="657901" spans="8:8">
      <c r="H657901" s="12"/>
    </row>
    <row r="657902" spans="8:8">
      <c r="H657902" s="12"/>
    </row>
    <row r="657903" spans="8:8">
      <c r="H657903" s="12"/>
    </row>
    <row r="657904" spans="8:8">
      <c r="H657904" s="12"/>
    </row>
    <row r="657905" spans="8:8">
      <c r="H657905" s="12"/>
    </row>
    <row r="657906" spans="8:8">
      <c r="H657906" s="12"/>
    </row>
    <row r="657907" spans="8:8">
      <c r="H657907" s="12"/>
    </row>
    <row r="657908" spans="8:8">
      <c r="H657908" s="12"/>
    </row>
    <row r="657909" spans="8:8">
      <c r="H657909" s="12"/>
    </row>
    <row r="657910" spans="8:8">
      <c r="H657910" s="12"/>
    </row>
    <row r="657911" spans="8:8">
      <c r="H657911" s="12"/>
    </row>
    <row r="657912" spans="8:8">
      <c r="H657912" s="12"/>
    </row>
    <row r="657913" spans="8:8">
      <c r="H657913" s="12"/>
    </row>
    <row r="657914" spans="8:8">
      <c r="H657914" s="12"/>
    </row>
    <row r="657915" spans="8:8">
      <c r="H657915" s="12"/>
    </row>
    <row r="657916" spans="8:8">
      <c r="H657916" s="12"/>
    </row>
    <row r="657917" spans="8:8">
      <c r="H657917" s="12"/>
    </row>
    <row r="657918" spans="8:8">
      <c r="H657918" s="12"/>
    </row>
    <row r="657919" spans="8:8">
      <c r="H657919" s="12"/>
    </row>
    <row r="657920" spans="8:8">
      <c r="H657920" s="12"/>
    </row>
    <row r="657921" spans="8:8">
      <c r="H657921" s="12"/>
    </row>
    <row r="657922" spans="8:8">
      <c r="H657922" s="12"/>
    </row>
    <row r="657923" spans="8:8">
      <c r="H657923" s="12"/>
    </row>
    <row r="657924" spans="8:8">
      <c r="H657924" s="12"/>
    </row>
    <row r="657925" spans="8:8">
      <c r="H657925" s="12"/>
    </row>
    <row r="657926" spans="8:8">
      <c r="H657926" s="12"/>
    </row>
    <row r="657927" spans="8:8">
      <c r="H657927" s="12"/>
    </row>
    <row r="657928" spans="8:8">
      <c r="H657928" s="12"/>
    </row>
    <row r="657929" spans="8:8">
      <c r="H657929" s="12"/>
    </row>
    <row r="657930" spans="8:8">
      <c r="H657930" s="12"/>
    </row>
    <row r="657931" spans="8:8">
      <c r="H657931" s="12"/>
    </row>
    <row r="657932" spans="8:8">
      <c r="H657932" s="12"/>
    </row>
    <row r="657933" spans="8:8">
      <c r="H657933" s="12"/>
    </row>
    <row r="657934" spans="8:8">
      <c r="H657934" s="12"/>
    </row>
    <row r="657935" spans="8:8">
      <c r="H657935" s="12"/>
    </row>
    <row r="657936" spans="8:8">
      <c r="H657936" s="12"/>
    </row>
    <row r="657937" spans="8:8">
      <c r="H657937" s="12"/>
    </row>
    <row r="657938" spans="8:8">
      <c r="H657938" s="12"/>
    </row>
    <row r="657939" spans="8:8">
      <c r="H657939" s="12"/>
    </row>
    <row r="657940" spans="8:8">
      <c r="H657940" s="12"/>
    </row>
    <row r="657941" spans="8:8">
      <c r="H657941" s="12"/>
    </row>
    <row r="657942" spans="8:8">
      <c r="H657942" s="12"/>
    </row>
    <row r="657943" spans="8:8">
      <c r="H657943" s="12"/>
    </row>
    <row r="657944" spans="8:8">
      <c r="H657944" s="12"/>
    </row>
    <row r="657945" spans="8:8">
      <c r="H657945" s="12"/>
    </row>
    <row r="657946" spans="8:8">
      <c r="H657946" s="12"/>
    </row>
    <row r="657947" spans="8:8">
      <c r="H657947" s="12"/>
    </row>
    <row r="657948" spans="8:8">
      <c r="H657948" s="12"/>
    </row>
    <row r="657949" spans="8:8">
      <c r="H657949" s="12"/>
    </row>
    <row r="657950" spans="8:8">
      <c r="H657950" s="12"/>
    </row>
    <row r="657951" spans="8:8">
      <c r="H657951" s="12"/>
    </row>
    <row r="657952" spans="8:8">
      <c r="H657952" s="12"/>
    </row>
    <row r="657953" spans="8:8">
      <c r="H657953" s="12"/>
    </row>
    <row r="657954" spans="8:8">
      <c r="H657954" s="12"/>
    </row>
    <row r="657955" spans="8:8">
      <c r="H657955" s="12"/>
    </row>
    <row r="657956" spans="8:8">
      <c r="H657956" s="12"/>
    </row>
    <row r="657957" spans="8:8">
      <c r="H657957" s="12"/>
    </row>
    <row r="657958" spans="8:8">
      <c r="H657958" s="12"/>
    </row>
    <row r="657959" spans="8:8">
      <c r="H657959" s="12"/>
    </row>
    <row r="657960" spans="8:8">
      <c r="H657960" s="12"/>
    </row>
    <row r="657961" spans="8:8">
      <c r="H657961" s="12"/>
    </row>
    <row r="657962" spans="8:8">
      <c r="H657962" s="12"/>
    </row>
    <row r="657963" spans="8:8">
      <c r="H657963" s="12"/>
    </row>
    <row r="657964" spans="8:8">
      <c r="H657964" s="12"/>
    </row>
    <row r="657965" spans="8:8">
      <c r="H657965" s="12"/>
    </row>
    <row r="657966" spans="8:8">
      <c r="H657966" s="12"/>
    </row>
    <row r="657967" spans="8:8">
      <c r="H657967" s="12"/>
    </row>
    <row r="657968" spans="8:8">
      <c r="H657968" s="12"/>
    </row>
    <row r="657969" spans="8:8">
      <c r="H657969" s="12"/>
    </row>
    <row r="657970" spans="8:8">
      <c r="H657970" s="12"/>
    </row>
    <row r="657971" spans="8:8">
      <c r="H657971" s="12"/>
    </row>
    <row r="657972" spans="8:8">
      <c r="H657972" s="12"/>
    </row>
    <row r="657973" spans="8:8">
      <c r="H657973" s="12"/>
    </row>
    <row r="657974" spans="8:8">
      <c r="H657974" s="12"/>
    </row>
    <row r="657975" spans="8:8">
      <c r="H657975" s="12"/>
    </row>
    <row r="657976" spans="8:8">
      <c r="H657976" s="12"/>
    </row>
    <row r="657977" spans="8:8">
      <c r="H657977" s="12"/>
    </row>
    <row r="657978" spans="8:8">
      <c r="H657978" s="12"/>
    </row>
    <row r="657979" spans="8:8">
      <c r="H657979" s="12"/>
    </row>
    <row r="657980" spans="8:8">
      <c r="H657980" s="12"/>
    </row>
    <row r="657981" spans="8:8">
      <c r="H657981" s="12"/>
    </row>
    <row r="657982" spans="8:8">
      <c r="H657982" s="12"/>
    </row>
    <row r="657983" spans="8:8">
      <c r="H657983" s="12"/>
    </row>
    <row r="657984" spans="8:8">
      <c r="H657984" s="12"/>
    </row>
    <row r="657985" spans="8:8">
      <c r="H657985" s="12"/>
    </row>
    <row r="657986" spans="8:8">
      <c r="H657986" s="12"/>
    </row>
    <row r="657987" spans="8:8">
      <c r="H657987" s="12"/>
    </row>
    <row r="657988" spans="8:8">
      <c r="H657988" s="12"/>
    </row>
    <row r="657989" spans="8:8">
      <c r="H657989" s="12"/>
    </row>
    <row r="657990" spans="8:8">
      <c r="H657990" s="12"/>
    </row>
    <row r="657991" spans="8:8">
      <c r="H657991" s="12"/>
    </row>
    <row r="657992" spans="8:8">
      <c r="H657992" s="12"/>
    </row>
    <row r="657993" spans="8:8">
      <c r="H657993" s="12"/>
    </row>
    <row r="657994" spans="8:8">
      <c r="H657994" s="12"/>
    </row>
    <row r="657995" spans="8:8">
      <c r="H657995" s="12"/>
    </row>
    <row r="657996" spans="8:8">
      <c r="H657996" s="12"/>
    </row>
    <row r="657997" spans="8:8">
      <c r="H657997" s="12"/>
    </row>
    <row r="657998" spans="8:8">
      <c r="H657998" s="12"/>
    </row>
    <row r="657999" spans="8:8">
      <c r="H657999" s="12"/>
    </row>
    <row r="658000" spans="8:8">
      <c r="H658000" s="12"/>
    </row>
    <row r="658001" spans="8:8">
      <c r="H658001" s="12"/>
    </row>
    <row r="658002" spans="8:8">
      <c r="H658002" s="12"/>
    </row>
    <row r="658003" spans="8:8">
      <c r="H658003" s="12"/>
    </row>
    <row r="658004" spans="8:8">
      <c r="H658004" s="12"/>
    </row>
    <row r="658005" spans="8:8">
      <c r="H658005" s="12"/>
    </row>
    <row r="658006" spans="8:8">
      <c r="H658006" s="12"/>
    </row>
    <row r="658007" spans="8:8">
      <c r="H658007" s="12"/>
    </row>
    <row r="658008" spans="8:8">
      <c r="H658008" s="12"/>
    </row>
    <row r="658009" spans="8:8">
      <c r="H658009" s="12"/>
    </row>
    <row r="658010" spans="8:8">
      <c r="H658010" s="12"/>
    </row>
    <row r="658011" spans="8:8">
      <c r="H658011" s="12"/>
    </row>
    <row r="658012" spans="8:8">
      <c r="H658012" s="12"/>
    </row>
    <row r="658013" spans="8:8">
      <c r="H658013" s="12"/>
    </row>
    <row r="658014" spans="8:8">
      <c r="H658014" s="12"/>
    </row>
    <row r="658015" spans="8:8">
      <c r="H658015" s="12"/>
    </row>
    <row r="658016" spans="8:8">
      <c r="H658016" s="12"/>
    </row>
    <row r="658017" spans="8:8">
      <c r="H658017" s="12"/>
    </row>
    <row r="658018" spans="8:8">
      <c r="H658018" s="12"/>
    </row>
    <row r="658019" spans="8:8">
      <c r="H658019" s="12"/>
    </row>
    <row r="658020" spans="8:8">
      <c r="H658020" s="12"/>
    </row>
    <row r="658021" spans="8:8">
      <c r="H658021" s="12"/>
    </row>
    <row r="658022" spans="8:8">
      <c r="H658022" s="12"/>
    </row>
    <row r="658023" spans="8:8">
      <c r="H658023" s="12"/>
    </row>
    <row r="658024" spans="8:8">
      <c r="H658024" s="12"/>
    </row>
    <row r="658025" spans="8:8">
      <c r="H658025" s="12"/>
    </row>
    <row r="658026" spans="8:8">
      <c r="H658026" s="12"/>
    </row>
    <row r="658027" spans="8:8">
      <c r="H658027" s="12"/>
    </row>
    <row r="658028" spans="8:8">
      <c r="H658028" s="12"/>
    </row>
    <row r="658029" spans="8:8">
      <c r="H658029" s="12"/>
    </row>
    <row r="658030" spans="8:8">
      <c r="H658030" s="12"/>
    </row>
    <row r="658031" spans="8:8">
      <c r="H658031" s="12"/>
    </row>
    <row r="658032" spans="8:8">
      <c r="H658032" s="12"/>
    </row>
    <row r="658033" spans="8:8">
      <c r="H658033" s="12"/>
    </row>
    <row r="658034" spans="8:8">
      <c r="H658034" s="12"/>
    </row>
    <row r="658035" spans="8:8">
      <c r="H658035" s="12"/>
    </row>
    <row r="658036" spans="8:8">
      <c r="H658036" s="12"/>
    </row>
    <row r="658037" spans="8:8">
      <c r="H658037" s="12"/>
    </row>
    <row r="658038" spans="8:8">
      <c r="H658038" s="12"/>
    </row>
    <row r="658039" spans="8:8">
      <c r="H658039" s="12"/>
    </row>
    <row r="658040" spans="8:8">
      <c r="H658040" s="12"/>
    </row>
    <row r="658041" spans="8:8">
      <c r="H658041" s="12"/>
    </row>
    <row r="658042" spans="8:8">
      <c r="H658042" s="12"/>
    </row>
    <row r="658043" spans="8:8">
      <c r="H658043" s="12"/>
    </row>
    <row r="658044" spans="8:8">
      <c r="H658044" s="12"/>
    </row>
    <row r="658045" spans="8:8">
      <c r="H658045" s="12"/>
    </row>
    <row r="658046" spans="8:8">
      <c r="H658046" s="12"/>
    </row>
    <row r="658047" spans="8:8">
      <c r="H658047" s="12"/>
    </row>
    <row r="658048" spans="8:8">
      <c r="H658048" s="12"/>
    </row>
    <row r="658049" spans="8:8">
      <c r="H658049" s="12"/>
    </row>
    <row r="658050" spans="8:8">
      <c r="H658050" s="12"/>
    </row>
    <row r="658051" spans="8:8">
      <c r="H658051" s="12"/>
    </row>
    <row r="658052" spans="8:8">
      <c r="H658052" s="12"/>
    </row>
    <row r="658053" spans="8:8">
      <c r="H658053" s="12"/>
    </row>
    <row r="658054" spans="8:8">
      <c r="H658054" s="12"/>
    </row>
    <row r="658055" spans="8:8">
      <c r="H658055" s="12"/>
    </row>
    <row r="658056" spans="8:8">
      <c r="H658056" s="12"/>
    </row>
    <row r="658057" spans="8:8">
      <c r="H658057" s="12"/>
    </row>
    <row r="658058" spans="8:8">
      <c r="H658058" s="12"/>
    </row>
    <row r="658059" spans="8:8">
      <c r="H658059" s="12"/>
    </row>
    <row r="658060" spans="8:8">
      <c r="H658060" s="12"/>
    </row>
    <row r="658061" spans="8:8">
      <c r="H658061" s="12"/>
    </row>
    <row r="658062" spans="8:8">
      <c r="H658062" s="12"/>
    </row>
    <row r="658063" spans="8:8">
      <c r="H658063" s="12"/>
    </row>
    <row r="658064" spans="8:8">
      <c r="H658064" s="12"/>
    </row>
    <row r="658065" spans="8:8">
      <c r="H658065" s="12"/>
    </row>
    <row r="658066" spans="8:8">
      <c r="H658066" s="12"/>
    </row>
    <row r="658067" spans="8:8">
      <c r="H658067" s="12"/>
    </row>
    <row r="658068" spans="8:8">
      <c r="H658068" s="12"/>
    </row>
    <row r="658069" spans="8:8">
      <c r="H658069" s="12"/>
    </row>
    <row r="658070" spans="8:8">
      <c r="H658070" s="12"/>
    </row>
    <row r="658071" spans="8:8">
      <c r="H658071" s="12"/>
    </row>
    <row r="658072" spans="8:8">
      <c r="H658072" s="12"/>
    </row>
    <row r="658073" spans="8:8">
      <c r="H658073" s="12"/>
    </row>
    <row r="658074" spans="8:8">
      <c r="H658074" s="12"/>
    </row>
    <row r="658075" spans="8:8">
      <c r="H658075" s="12"/>
    </row>
    <row r="658076" spans="8:8">
      <c r="H658076" s="12"/>
    </row>
    <row r="658077" spans="8:8">
      <c r="H658077" s="12"/>
    </row>
    <row r="658078" spans="8:8">
      <c r="H658078" s="12"/>
    </row>
    <row r="658079" spans="8:8">
      <c r="H658079" s="12"/>
    </row>
    <row r="658080" spans="8:8">
      <c r="H658080" s="12"/>
    </row>
    <row r="658081" spans="8:8">
      <c r="H658081" s="12"/>
    </row>
    <row r="658082" spans="8:8">
      <c r="H658082" s="12"/>
    </row>
    <row r="658083" spans="8:8">
      <c r="H658083" s="12"/>
    </row>
    <row r="658084" spans="8:8">
      <c r="H658084" s="12"/>
    </row>
    <row r="658085" spans="8:8">
      <c r="H658085" s="12"/>
    </row>
    <row r="658086" spans="8:8">
      <c r="H658086" s="12"/>
    </row>
    <row r="658087" spans="8:8">
      <c r="H658087" s="12"/>
    </row>
    <row r="658088" spans="8:8">
      <c r="H658088" s="12"/>
    </row>
    <row r="658089" spans="8:8">
      <c r="H658089" s="12"/>
    </row>
    <row r="658090" spans="8:8">
      <c r="H658090" s="12"/>
    </row>
    <row r="658091" spans="8:8">
      <c r="H658091" s="12"/>
    </row>
    <row r="658092" spans="8:8">
      <c r="H658092" s="12"/>
    </row>
    <row r="658093" spans="8:8">
      <c r="H658093" s="12"/>
    </row>
    <row r="658094" spans="8:8">
      <c r="H658094" s="12"/>
    </row>
    <row r="658095" spans="8:8">
      <c r="H658095" s="12"/>
    </row>
    <row r="658096" spans="8:8">
      <c r="H658096" s="12"/>
    </row>
    <row r="658097" spans="8:8">
      <c r="H658097" s="12"/>
    </row>
    <row r="658098" spans="8:8">
      <c r="H658098" s="12"/>
    </row>
    <row r="658099" spans="8:8">
      <c r="H658099" s="12"/>
    </row>
    <row r="658100" spans="8:8">
      <c r="H658100" s="12"/>
    </row>
    <row r="658101" spans="8:8">
      <c r="H658101" s="12"/>
    </row>
    <row r="658102" spans="8:8">
      <c r="H658102" s="12"/>
    </row>
    <row r="658103" spans="8:8">
      <c r="H658103" s="12"/>
    </row>
    <row r="658104" spans="8:8">
      <c r="H658104" s="12"/>
    </row>
    <row r="658105" spans="8:8">
      <c r="H658105" s="12"/>
    </row>
    <row r="658106" spans="8:8">
      <c r="H658106" s="12"/>
    </row>
    <row r="658107" spans="8:8">
      <c r="H658107" s="12"/>
    </row>
    <row r="658108" spans="8:8">
      <c r="H658108" s="12"/>
    </row>
    <row r="658109" spans="8:8">
      <c r="H658109" s="12"/>
    </row>
    <row r="658110" spans="8:8">
      <c r="H658110" s="12"/>
    </row>
    <row r="658111" spans="8:8">
      <c r="H658111" s="12"/>
    </row>
    <row r="658112" spans="8:8">
      <c r="H658112" s="12"/>
    </row>
    <row r="658113" spans="8:8">
      <c r="H658113" s="12"/>
    </row>
    <row r="658114" spans="8:8">
      <c r="H658114" s="12"/>
    </row>
    <row r="658115" spans="8:8">
      <c r="H658115" s="12"/>
    </row>
    <row r="658116" spans="8:8">
      <c r="H658116" s="12"/>
    </row>
    <row r="658117" spans="8:8">
      <c r="H658117" s="12"/>
    </row>
    <row r="658118" spans="8:8">
      <c r="H658118" s="12"/>
    </row>
    <row r="658119" spans="8:8">
      <c r="H658119" s="12"/>
    </row>
    <row r="658120" spans="8:8">
      <c r="H658120" s="12"/>
    </row>
    <row r="658121" spans="8:8">
      <c r="H658121" s="12"/>
    </row>
    <row r="658122" spans="8:8">
      <c r="H658122" s="12"/>
    </row>
    <row r="658123" spans="8:8">
      <c r="H658123" s="12"/>
    </row>
    <row r="658124" spans="8:8">
      <c r="H658124" s="12"/>
    </row>
    <row r="658125" spans="8:8">
      <c r="H658125" s="12"/>
    </row>
    <row r="658126" spans="8:8">
      <c r="H658126" s="12"/>
    </row>
    <row r="658127" spans="8:8">
      <c r="H658127" s="12"/>
    </row>
    <row r="658128" spans="8:8">
      <c r="H658128" s="12"/>
    </row>
    <row r="658129" spans="8:8">
      <c r="H658129" s="12"/>
    </row>
    <row r="658130" spans="8:8">
      <c r="H658130" s="12"/>
    </row>
    <row r="658131" spans="8:8">
      <c r="H658131" s="12"/>
    </row>
    <row r="658132" spans="8:8">
      <c r="H658132" s="12"/>
    </row>
    <row r="658133" spans="8:8">
      <c r="H658133" s="12"/>
    </row>
    <row r="658134" spans="8:8">
      <c r="H658134" s="12"/>
    </row>
    <row r="658135" spans="8:8">
      <c r="H658135" s="12"/>
    </row>
    <row r="658136" spans="8:8">
      <c r="H658136" s="12"/>
    </row>
    <row r="658137" spans="8:8">
      <c r="H658137" s="12"/>
    </row>
    <row r="658138" spans="8:8">
      <c r="H658138" s="12"/>
    </row>
    <row r="658139" spans="8:8">
      <c r="H658139" s="12"/>
    </row>
    <row r="658140" spans="8:8">
      <c r="H658140" s="12"/>
    </row>
    <row r="658141" spans="8:8">
      <c r="H658141" s="12"/>
    </row>
    <row r="658142" spans="8:8">
      <c r="H658142" s="12"/>
    </row>
    <row r="658143" spans="8:8">
      <c r="H658143" s="12"/>
    </row>
    <row r="658144" spans="8:8">
      <c r="H658144" s="12"/>
    </row>
    <row r="658145" spans="8:8">
      <c r="H658145" s="12"/>
    </row>
    <row r="658146" spans="8:8">
      <c r="H658146" s="12"/>
    </row>
    <row r="658147" spans="8:8">
      <c r="H658147" s="12"/>
    </row>
    <row r="658148" spans="8:8">
      <c r="H658148" s="12"/>
    </row>
    <row r="658149" spans="8:8">
      <c r="H658149" s="12"/>
    </row>
    <row r="658150" spans="8:8">
      <c r="H658150" s="12"/>
    </row>
    <row r="658151" spans="8:8">
      <c r="H658151" s="12"/>
    </row>
    <row r="658152" spans="8:8">
      <c r="H658152" s="12"/>
    </row>
    <row r="658153" spans="8:8">
      <c r="H658153" s="12"/>
    </row>
    <row r="658154" spans="8:8">
      <c r="H658154" s="12"/>
    </row>
    <row r="658155" spans="8:8">
      <c r="H658155" s="12"/>
    </row>
    <row r="658156" spans="8:8">
      <c r="H658156" s="12"/>
    </row>
    <row r="658157" spans="8:8">
      <c r="H658157" s="12"/>
    </row>
    <row r="658158" spans="8:8">
      <c r="H658158" s="12"/>
    </row>
    <row r="658159" spans="8:8">
      <c r="H658159" s="12"/>
    </row>
    <row r="658160" spans="8:8">
      <c r="H658160" s="12"/>
    </row>
    <row r="658161" spans="8:8">
      <c r="H658161" s="12"/>
    </row>
    <row r="658162" spans="8:8">
      <c r="H658162" s="12"/>
    </row>
    <row r="658163" spans="8:8">
      <c r="H658163" s="12"/>
    </row>
    <row r="658164" spans="8:8">
      <c r="H658164" s="12"/>
    </row>
    <row r="658165" spans="8:8">
      <c r="H658165" s="12"/>
    </row>
    <row r="658166" spans="8:8">
      <c r="H658166" s="12"/>
    </row>
    <row r="658167" spans="8:8">
      <c r="H658167" s="12"/>
    </row>
    <row r="658168" spans="8:8">
      <c r="H658168" s="12"/>
    </row>
    <row r="658169" spans="8:8">
      <c r="H658169" s="12"/>
    </row>
    <row r="658170" spans="8:8">
      <c r="H658170" s="12"/>
    </row>
    <row r="658171" spans="8:8">
      <c r="H658171" s="12"/>
    </row>
    <row r="658172" spans="8:8">
      <c r="H658172" s="12"/>
    </row>
    <row r="658173" spans="8:8">
      <c r="H658173" s="12"/>
    </row>
    <row r="658174" spans="8:8">
      <c r="H658174" s="12"/>
    </row>
    <row r="658175" spans="8:8">
      <c r="H658175" s="12"/>
    </row>
    <row r="658176" spans="8:8">
      <c r="H658176" s="12"/>
    </row>
    <row r="658177" spans="8:8">
      <c r="H658177" s="12"/>
    </row>
    <row r="658178" spans="8:8">
      <c r="H658178" s="12"/>
    </row>
    <row r="658179" spans="8:8">
      <c r="H658179" s="12"/>
    </row>
    <row r="658180" spans="8:8">
      <c r="H658180" s="12"/>
    </row>
    <row r="658181" spans="8:8">
      <c r="H658181" s="12"/>
    </row>
    <row r="658182" spans="8:8">
      <c r="H658182" s="12"/>
    </row>
    <row r="658183" spans="8:8">
      <c r="H658183" s="12"/>
    </row>
    <row r="658184" spans="8:8">
      <c r="H658184" s="12"/>
    </row>
    <row r="658185" spans="8:8">
      <c r="H658185" s="12"/>
    </row>
    <row r="658186" spans="8:8">
      <c r="H658186" s="12"/>
    </row>
    <row r="658187" spans="8:8">
      <c r="H658187" s="12"/>
    </row>
    <row r="658188" spans="8:8">
      <c r="H658188" s="12"/>
    </row>
    <row r="658189" spans="8:8">
      <c r="H658189" s="12"/>
    </row>
    <row r="658190" spans="8:8">
      <c r="H658190" s="12"/>
    </row>
    <row r="658191" spans="8:8">
      <c r="H658191" s="12"/>
    </row>
    <row r="658192" spans="8:8">
      <c r="H658192" s="12"/>
    </row>
    <row r="658193" spans="8:8">
      <c r="H658193" s="12"/>
    </row>
    <row r="658194" spans="8:8">
      <c r="H658194" s="12"/>
    </row>
    <row r="658195" spans="8:8">
      <c r="H658195" s="12"/>
    </row>
    <row r="658196" spans="8:8">
      <c r="H658196" s="12"/>
    </row>
    <row r="658197" spans="8:8">
      <c r="H658197" s="12"/>
    </row>
    <row r="658198" spans="8:8">
      <c r="H658198" s="12"/>
    </row>
    <row r="658199" spans="8:8">
      <c r="H658199" s="12"/>
    </row>
    <row r="658200" spans="8:8">
      <c r="H658200" s="12"/>
    </row>
    <row r="658201" spans="8:8">
      <c r="H658201" s="12"/>
    </row>
    <row r="658202" spans="8:8">
      <c r="H658202" s="12"/>
    </row>
    <row r="658203" spans="8:8">
      <c r="H658203" s="12"/>
    </row>
    <row r="658204" spans="8:8">
      <c r="H658204" s="12"/>
    </row>
    <row r="658205" spans="8:8">
      <c r="H658205" s="12"/>
    </row>
    <row r="658206" spans="8:8">
      <c r="H658206" s="12"/>
    </row>
    <row r="658207" spans="8:8">
      <c r="H658207" s="12"/>
    </row>
    <row r="658208" spans="8:8">
      <c r="H658208" s="12"/>
    </row>
    <row r="658209" spans="8:8">
      <c r="H658209" s="12"/>
    </row>
    <row r="658210" spans="8:8">
      <c r="H658210" s="12"/>
    </row>
    <row r="658211" spans="8:8">
      <c r="H658211" s="12"/>
    </row>
    <row r="658212" spans="8:8">
      <c r="H658212" s="12"/>
    </row>
    <row r="658213" spans="8:8">
      <c r="H658213" s="12"/>
    </row>
    <row r="658214" spans="8:8">
      <c r="H658214" s="12"/>
    </row>
    <row r="658215" spans="8:8">
      <c r="H658215" s="12"/>
    </row>
    <row r="658216" spans="8:8">
      <c r="H658216" s="12"/>
    </row>
    <row r="658217" spans="8:8">
      <c r="H658217" s="12"/>
    </row>
    <row r="658218" spans="8:8">
      <c r="H658218" s="12"/>
    </row>
    <row r="658219" spans="8:8">
      <c r="H658219" s="12"/>
    </row>
    <row r="658220" spans="8:8">
      <c r="H658220" s="12"/>
    </row>
    <row r="658221" spans="8:8">
      <c r="H658221" s="12"/>
    </row>
    <row r="658222" spans="8:8">
      <c r="H658222" s="12"/>
    </row>
    <row r="658223" spans="8:8">
      <c r="H658223" s="12"/>
    </row>
    <row r="658224" spans="8:8">
      <c r="H658224" s="12"/>
    </row>
    <row r="658225" spans="8:8">
      <c r="H658225" s="12"/>
    </row>
    <row r="658226" spans="8:8">
      <c r="H658226" s="12"/>
    </row>
    <row r="658227" spans="8:8">
      <c r="H658227" s="12"/>
    </row>
    <row r="658228" spans="8:8">
      <c r="H658228" s="12"/>
    </row>
    <row r="658229" spans="8:8">
      <c r="H658229" s="12"/>
    </row>
    <row r="658230" spans="8:8">
      <c r="H658230" s="12"/>
    </row>
    <row r="658231" spans="8:8">
      <c r="H658231" s="12"/>
    </row>
    <row r="658232" spans="8:8">
      <c r="H658232" s="12"/>
    </row>
    <row r="658233" spans="8:8">
      <c r="H658233" s="12"/>
    </row>
    <row r="658234" spans="8:8">
      <c r="H658234" s="12"/>
    </row>
    <row r="658235" spans="8:8">
      <c r="H658235" s="12"/>
    </row>
    <row r="658236" spans="8:8">
      <c r="H658236" s="12"/>
    </row>
    <row r="658237" spans="8:8">
      <c r="H658237" s="12"/>
    </row>
    <row r="658238" spans="8:8">
      <c r="H658238" s="12"/>
    </row>
    <row r="658239" spans="8:8">
      <c r="H658239" s="12"/>
    </row>
    <row r="658240" spans="8:8">
      <c r="H658240" s="12"/>
    </row>
    <row r="658241" spans="8:8">
      <c r="H658241" s="12"/>
    </row>
    <row r="658242" spans="8:8">
      <c r="H658242" s="12"/>
    </row>
    <row r="658243" spans="8:8">
      <c r="H658243" s="12"/>
    </row>
    <row r="658244" spans="8:8">
      <c r="H658244" s="12"/>
    </row>
    <row r="658245" spans="8:8">
      <c r="H658245" s="12"/>
    </row>
    <row r="658246" spans="8:8">
      <c r="H658246" s="12"/>
    </row>
    <row r="658247" spans="8:8">
      <c r="H658247" s="12"/>
    </row>
    <row r="658248" spans="8:8">
      <c r="H658248" s="12"/>
    </row>
    <row r="658249" spans="8:8">
      <c r="H658249" s="12"/>
    </row>
    <row r="658250" spans="8:8">
      <c r="H658250" s="12"/>
    </row>
    <row r="658251" spans="8:8">
      <c r="H658251" s="12"/>
    </row>
    <row r="658252" spans="8:8">
      <c r="H658252" s="12"/>
    </row>
    <row r="658253" spans="8:8">
      <c r="H658253" s="12"/>
    </row>
    <row r="658254" spans="8:8">
      <c r="H658254" s="12"/>
    </row>
    <row r="658255" spans="8:8">
      <c r="H658255" s="12"/>
    </row>
    <row r="658256" spans="8:8">
      <c r="H658256" s="12"/>
    </row>
    <row r="658257" spans="8:8">
      <c r="H658257" s="12"/>
    </row>
    <row r="658258" spans="8:8">
      <c r="H658258" s="12"/>
    </row>
    <row r="658259" spans="8:8">
      <c r="H658259" s="12"/>
    </row>
    <row r="658260" spans="8:8">
      <c r="H658260" s="12"/>
    </row>
    <row r="658261" spans="8:8">
      <c r="H658261" s="12"/>
    </row>
    <row r="658262" spans="8:8">
      <c r="H658262" s="12"/>
    </row>
    <row r="658263" spans="8:8">
      <c r="H658263" s="12"/>
    </row>
    <row r="658264" spans="8:8">
      <c r="H658264" s="12"/>
    </row>
    <row r="658265" spans="8:8">
      <c r="H658265" s="12"/>
    </row>
    <row r="658266" spans="8:8">
      <c r="H658266" s="12"/>
    </row>
    <row r="658267" spans="8:8">
      <c r="H658267" s="12"/>
    </row>
    <row r="658268" spans="8:8">
      <c r="H658268" s="12"/>
    </row>
    <row r="658269" spans="8:8">
      <c r="H658269" s="12"/>
    </row>
    <row r="658270" spans="8:8">
      <c r="H658270" s="12"/>
    </row>
    <row r="658271" spans="8:8">
      <c r="H658271" s="12"/>
    </row>
    <row r="658272" spans="8:8">
      <c r="H658272" s="12"/>
    </row>
    <row r="658273" spans="8:8">
      <c r="H658273" s="12"/>
    </row>
    <row r="658274" spans="8:8">
      <c r="H658274" s="12"/>
    </row>
    <row r="658275" spans="8:8">
      <c r="H658275" s="12"/>
    </row>
    <row r="658276" spans="8:8">
      <c r="H658276" s="12"/>
    </row>
    <row r="658277" spans="8:8">
      <c r="H658277" s="12"/>
    </row>
    <row r="658278" spans="8:8">
      <c r="H658278" s="12"/>
    </row>
    <row r="658279" spans="8:8">
      <c r="H658279" s="12"/>
    </row>
    <row r="658280" spans="8:8">
      <c r="H658280" s="12"/>
    </row>
    <row r="658281" spans="8:8">
      <c r="H658281" s="12"/>
    </row>
    <row r="658282" spans="8:8">
      <c r="H658282" s="12"/>
    </row>
    <row r="658283" spans="8:8">
      <c r="H658283" s="12"/>
    </row>
    <row r="658284" spans="8:8">
      <c r="H658284" s="12"/>
    </row>
    <row r="658285" spans="8:8">
      <c r="H658285" s="12"/>
    </row>
    <row r="658286" spans="8:8">
      <c r="H658286" s="12"/>
    </row>
    <row r="658287" spans="8:8">
      <c r="H658287" s="12"/>
    </row>
    <row r="658288" spans="8:8">
      <c r="H658288" s="12"/>
    </row>
    <row r="658289" spans="8:8">
      <c r="H658289" s="12"/>
    </row>
    <row r="658290" spans="8:8">
      <c r="H658290" s="12"/>
    </row>
    <row r="658291" spans="8:8">
      <c r="H658291" s="12"/>
    </row>
    <row r="658292" spans="8:8">
      <c r="H658292" s="12"/>
    </row>
    <row r="658293" spans="8:8">
      <c r="H658293" s="12"/>
    </row>
    <row r="658294" spans="8:8">
      <c r="H658294" s="12"/>
    </row>
    <row r="658295" spans="8:8">
      <c r="H658295" s="12"/>
    </row>
    <row r="658296" spans="8:8">
      <c r="H658296" s="12"/>
    </row>
    <row r="658297" spans="8:8">
      <c r="H658297" s="12"/>
    </row>
    <row r="658298" spans="8:8">
      <c r="H658298" s="12"/>
    </row>
    <row r="658299" spans="8:8">
      <c r="H658299" s="12"/>
    </row>
    <row r="658300" spans="8:8">
      <c r="H658300" s="12"/>
    </row>
    <row r="658301" spans="8:8">
      <c r="H658301" s="12"/>
    </row>
    <row r="658302" spans="8:8">
      <c r="H658302" s="12"/>
    </row>
    <row r="658303" spans="8:8">
      <c r="H658303" s="12"/>
    </row>
    <row r="658304" spans="8:8">
      <c r="H658304" s="12"/>
    </row>
    <row r="658305" spans="8:8">
      <c r="H658305" s="12"/>
    </row>
    <row r="658306" spans="8:8">
      <c r="H658306" s="12"/>
    </row>
    <row r="658307" spans="8:8">
      <c r="H658307" s="12"/>
    </row>
    <row r="658308" spans="8:8">
      <c r="H658308" s="12"/>
    </row>
    <row r="658309" spans="8:8">
      <c r="H658309" s="12"/>
    </row>
    <row r="658310" spans="8:8">
      <c r="H658310" s="12"/>
    </row>
    <row r="658311" spans="8:8">
      <c r="H658311" s="12"/>
    </row>
    <row r="658312" spans="8:8">
      <c r="H658312" s="12"/>
    </row>
    <row r="658313" spans="8:8">
      <c r="H658313" s="12"/>
    </row>
    <row r="658314" spans="8:8">
      <c r="H658314" s="12"/>
    </row>
    <row r="658315" spans="8:8">
      <c r="H658315" s="12"/>
    </row>
    <row r="658316" spans="8:8">
      <c r="H658316" s="12"/>
    </row>
    <row r="658317" spans="8:8">
      <c r="H658317" s="12"/>
    </row>
    <row r="658318" spans="8:8">
      <c r="H658318" s="12"/>
    </row>
    <row r="658319" spans="8:8">
      <c r="H658319" s="12"/>
    </row>
    <row r="658320" spans="8:8">
      <c r="H658320" s="12"/>
    </row>
    <row r="658321" spans="8:8">
      <c r="H658321" s="12"/>
    </row>
    <row r="658322" spans="8:8">
      <c r="H658322" s="12"/>
    </row>
    <row r="658323" spans="8:8">
      <c r="H658323" s="12"/>
    </row>
    <row r="658324" spans="8:8">
      <c r="H658324" s="12"/>
    </row>
    <row r="658325" spans="8:8">
      <c r="H658325" s="12"/>
    </row>
    <row r="658326" spans="8:8">
      <c r="H658326" s="12"/>
    </row>
    <row r="658327" spans="8:8">
      <c r="H658327" s="12"/>
    </row>
    <row r="658328" spans="8:8">
      <c r="H658328" s="12"/>
    </row>
    <row r="658329" spans="8:8">
      <c r="H658329" s="12"/>
    </row>
    <row r="658330" spans="8:8">
      <c r="H658330" s="12"/>
    </row>
    <row r="658331" spans="8:8">
      <c r="H658331" s="12"/>
    </row>
    <row r="658332" spans="8:8">
      <c r="H658332" s="12"/>
    </row>
    <row r="658333" spans="8:8">
      <c r="H658333" s="12"/>
    </row>
    <row r="658334" spans="8:8">
      <c r="H658334" s="12"/>
    </row>
    <row r="658335" spans="8:8">
      <c r="H658335" s="12"/>
    </row>
    <row r="658336" spans="8:8">
      <c r="H658336" s="12"/>
    </row>
    <row r="658337" spans="8:8">
      <c r="H658337" s="12"/>
    </row>
    <row r="658338" spans="8:8">
      <c r="H658338" s="12"/>
    </row>
    <row r="658339" spans="8:8">
      <c r="H658339" s="12"/>
    </row>
    <row r="658340" spans="8:8">
      <c r="H658340" s="12"/>
    </row>
    <row r="658341" spans="8:8">
      <c r="H658341" s="12"/>
    </row>
    <row r="658342" spans="8:8">
      <c r="H658342" s="12"/>
    </row>
    <row r="658343" spans="8:8">
      <c r="H658343" s="12"/>
    </row>
    <row r="658344" spans="8:8">
      <c r="H658344" s="12"/>
    </row>
    <row r="658345" spans="8:8">
      <c r="H658345" s="12"/>
    </row>
    <row r="658346" spans="8:8">
      <c r="H658346" s="12"/>
    </row>
    <row r="658347" spans="8:8">
      <c r="H658347" s="12"/>
    </row>
    <row r="658348" spans="8:8">
      <c r="H658348" s="12"/>
    </row>
    <row r="658349" spans="8:8">
      <c r="H658349" s="12"/>
    </row>
    <row r="658350" spans="8:8">
      <c r="H658350" s="12"/>
    </row>
    <row r="658351" spans="8:8">
      <c r="H658351" s="12"/>
    </row>
    <row r="658352" spans="8:8">
      <c r="H658352" s="12"/>
    </row>
    <row r="658353" spans="8:8">
      <c r="H658353" s="12"/>
    </row>
    <row r="658354" spans="8:8">
      <c r="H658354" s="12"/>
    </row>
    <row r="658355" spans="8:8">
      <c r="H658355" s="12"/>
    </row>
    <row r="658356" spans="8:8">
      <c r="H658356" s="12"/>
    </row>
    <row r="658357" spans="8:8">
      <c r="H658357" s="12"/>
    </row>
    <row r="658358" spans="8:8">
      <c r="H658358" s="12"/>
    </row>
    <row r="658359" spans="8:8">
      <c r="H658359" s="12"/>
    </row>
    <row r="658360" spans="8:8">
      <c r="H658360" s="12"/>
    </row>
    <row r="658361" spans="8:8">
      <c r="H658361" s="12"/>
    </row>
    <row r="658362" spans="8:8">
      <c r="H658362" s="12"/>
    </row>
    <row r="658363" spans="8:8">
      <c r="H658363" s="12"/>
    </row>
    <row r="658364" spans="8:8">
      <c r="H658364" s="12"/>
    </row>
    <row r="658365" spans="8:8">
      <c r="H658365" s="12"/>
    </row>
    <row r="658366" spans="8:8">
      <c r="H658366" s="12"/>
    </row>
    <row r="658367" spans="8:8">
      <c r="H658367" s="12"/>
    </row>
    <row r="658368" spans="8:8">
      <c r="H658368" s="12"/>
    </row>
    <row r="658369" spans="8:8">
      <c r="H658369" s="12"/>
    </row>
    <row r="658370" spans="8:8">
      <c r="H658370" s="12"/>
    </row>
    <row r="658371" spans="8:8">
      <c r="H658371" s="12"/>
    </row>
    <row r="658372" spans="8:8">
      <c r="H658372" s="12"/>
    </row>
    <row r="658373" spans="8:8">
      <c r="H658373" s="12"/>
    </row>
    <row r="658374" spans="8:8">
      <c r="H658374" s="12"/>
    </row>
    <row r="658375" spans="8:8">
      <c r="H658375" s="12"/>
    </row>
    <row r="658376" spans="8:8">
      <c r="H658376" s="12"/>
    </row>
    <row r="658377" spans="8:8">
      <c r="H658377" s="12"/>
    </row>
    <row r="658378" spans="8:8">
      <c r="H658378" s="12"/>
    </row>
    <row r="658379" spans="8:8">
      <c r="H658379" s="12"/>
    </row>
    <row r="658380" spans="8:8">
      <c r="H658380" s="12"/>
    </row>
    <row r="658381" spans="8:8">
      <c r="H658381" s="12"/>
    </row>
    <row r="658382" spans="8:8">
      <c r="H658382" s="12"/>
    </row>
    <row r="658383" spans="8:8">
      <c r="H658383" s="12"/>
    </row>
    <row r="658384" spans="8:8">
      <c r="H658384" s="12"/>
    </row>
    <row r="658385" spans="8:8">
      <c r="H658385" s="12"/>
    </row>
    <row r="658386" spans="8:8">
      <c r="H658386" s="12"/>
    </row>
    <row r="658387" spans="8:8">
      <c r="H658387" s="12"/>
    </row>
    <row r="658388" spans="8:8">
      <c r="H658388" s="12"/>
    </row>
    <row r="658389" spans="8:8">
      <c r="H658389" s="12"/>
    </row>
    <row r="658390" spans="8:8">
      <c r="H658390" s="12"/>
    </row>
    <row r="658391" spans="8:8">
      <c r="H658391" s="12"/>
    </row>
    <row r="658392" spans="8:8">
      <c r="H658392" s="12"/>
    </row>
    <row r="658393" spans="8:8">
      <c r="H658393" s="12"/>
    </row>
    <row r="658394" spans="8:8">
      <c r="H658394" s="12"/>
    </row>
    <row r="658395" spans="8:8">
      <c r="H658395" s="12"/>
    </row>
    <row r="658396" spans="8:8">
      <c r="H658396" s="12"/>
    </row>
    <row r="658397" spans="8:8">
      <c r="H658397" s="12"/>
    </row>
    <row r="658398" spans="8:8">
      <c r="H658398" s="12"/>
    </row>
    <row r="658399" spans="8:8">
      <c r="H658399" s="12"/>
    </row>
    <row r="658400" spans="8:8">
      <c r="H658400" s="12"/>
    </row>
    <row r="658401" spans="8:8">
      <c r="H658401" s="12"/>
    </row>
    <row r="658402" spans="8:8">
      <c r="H658402" s="12"/>
    </row>
    <row r="658403" spans="8:8">
      <c r="H658403" s="12"/>
    </row>
    <row r="658404" spans="8:8">
      <c r="H658404" s="12"/>
    </row>
    <row r="658405" spans="8:8">
      <c r="H658405" s="12"/>
    </row>
    <row r="658406" spans="8:8">
      <c r="H658406" s="12"/>
    </row>
    <row r="658407" spans="8:8">
      <c r="H658407" s="12"/>
    </row>
    <row r="658408" spans="8:8">
      <c r="H658408" s="12"/>
    </row>
    <row r="658409" spans="8:8">
      <c r="H658409" s="12"/>
    </row>
    <row r="658410" spans="8:8">
      <c r="H658410" s="12"/>
    </row>
    <row r="658411" spans="8:8">
      <c r="H658411" s="12"/>
    </row>
    <row r="658412" spans="8:8">
      <c r="H658412" s="12"/>
    </row>
    <row r="658413" spans="8:8">
      <c r="H658413" s="12"/>
    </row>
    <row r="658414" spans="8:8">
      <c r="H658414" s="12"/>
    </row>
    <row r="658415" spans="8:8">
      <c r="H658415" s="12"/>
    </row>
    <row r="658416" spans="8:8">
      <c r="H658416" s="12"/>
    </row>
    <row r="658417" spans="8:8">
      <c r="H658417" s="12"/>
    </row>
    <row r="658418" spans="8:8">
      <c r="H658418" s="12"/>
    </row>
    <row r="658419" spans="8:8">
      <c r="H658419" s="12"/>
    </row>
    <row r="658420" spans="8:8">
      <c r="H658420" s="12"/>
    </row>
    <row r="658421" spans="8:8">
      <c r="H658421" s="12"/>
    </row>
    <row r="658422" spans="8:8">
      <c r="H658422" s="12"/>
    </row>
    <row r="658423" spans="8:8">
      <c r="H658423" s="12"/>
    </row>
    <row r="658424" spans="8:8">
      <c r="H658424" s="12"/>
    </row>
    <row r="658425" spans="8:8">
      <c r="H658425" s="12"/>
    </row>
    <row r="658426" spans="8:8">
      <c r="H658426" s="12"/>
    </row>
    <row r="658427" spans="8:8">
      <c r="H658427" s="12"/>
    </row>
    <row r="658428" spans="8:8">
      <c r="H658428" s="12"/>
    </row>
    <row r="658429" spans="8:8">
      <c r="H658429" s="12"/>
    </row>
    <row r="658430" spans="8:8">
      <c r="H658430" s="12"/>
    </row>
    <row r="658431" spans="8:8">
      <c r="H658431" s="12"/>
    </row>
    <row r="658432" spans="8:8">
      <c r="H658432" s="12"/>
    </row>
    <row r="658433" spans="8:8">
      <c r="H658433" s="12"/>
    </row>
    <row r="658434" spans="8:8">
      <c r="H658434" s="12"/>
    </row>
    <row r="658435" spans="8:8">
      <c r="H658435" s="12"/>
    </row>
    <row r="658436" spans="8:8">
      <c r="H658436" s="12"/>
    </row>
    <row r="658437" spans="8:8">
      <c r="H658437" s="12"/>
    </row>
    <row r="658438" spans="8:8">
      <c r="H658438" s="12"/>
    </row>
    <row r="658439" spans="8:8">
      <c r="H658439" s="12"/>
    </row>
    <row r="658440" spans="8:8">
      <c r="H658440" s="12"/>
    </row>
    <row r="658441" spans="8:8">
      <c r="H658441" s="12"/>
    </row>
    <row r="658442" spans="8:8">
      <c r="H658442" s="12"/>
    </row>
    <row r="658443" spans="8:8">
      <c r="H658443" s="12"/>
    </row>
    <row r="658444" spans="8:8">
      <c r="H658444" s="12"/>
    </row>
    <row r="658445" spans="8:8">
      <c r="H658445" s="12"/>
    </row>
    <row r="658446" spans="8:8">
      <c r="H658446" s="12"/>
    </row>
    <row r="658447" spans="8:8">
      <c r="H658447" s="12"/>
    </row>
    <row r="658448" spans="8:8">
      <c r="H658448" s="12"/>
    </row>
    <row r="658449" spans="8:8">
      <c r="H658449" s="12"/>
    </row>
    <row r="658450" spans="8:8">
      <c r="H658450" s="12"/>
    </row>
    <row r="658451" spans="8:8">
      <c r="H658451" s="12"/>
    </row>
    <row r="658452" spans="8:8">
      <c r="H658452" s="12"/>
    </row>
    <row r="658453" spans="8:8">
      <c r="H658453" s="12"/>
    </row>
    <row r="658454" spans="8:8">
      <c r="H658454" s="12"/>
    </row>
    <row r="658455" spans="8:8">
      <c r="H658455" s="12"/>
    </row>
    <row r="658456" spans="8:8">
      <c r="H658456" s="12"/>
    </row>
    <row r="658457" spans="8:8">
      <c r="H658457" s="12"/>
    </row>
    <row r="658458" spans="8:8">
      <c r="H658458" s="12"/>
    </row>
    <row r="658459" spans="8:8">
      <c r="H658459" s="12"/>
    </row>
    <row r="658460" spans="8:8">
      <c r="H658460" s="12"/>
    </row>
    <row r="658461" spans="8:8">
      <c r="H658461" s="12"/>
    </row>
    <row r="658462" spans="8:8">
      <c r="H658462" s="12"/>
    </row>
    <row r="658463" spans="8:8">
      <c r="H658463" s="12"/>
    </row>
    <row r="658464" spans="8:8">
      <c r="H658464" s="12"/>
    </row>
    <row r="658465" spans="8:8">
      <c r="H658465" s="12"/>
    </row>
    <row r="658466" spans="8:8">
      <c r="H658466" s="12"/>
    </row>
    <row r="658467" spans="8:8">
      <c r="H658467" s="12"/>
    </row>
    <row r="658468" spans="8:8">
      <c r="H658468" s="12"/>
    </row>
    <row r="658469" spans="8:8">
      <c r="H658469" s="12"/>
    </row>
    <row r="658470" spans="8:8">
      <c r="H658470" s="12"/>
    </row>
    <row r="658471" spans="8:8">
      <c r="H658471" s="12"/>
    </row>
    <row r="658472" spans="8:8">
      <c r="H658472" s="12"/>
    </row>
    <row r="658473" spans="8:8">
      <c r="H658473" s="12"/>
    </row>
    <row r="658474" spans="8:8">
      <c r="H658474" s="12"/>
    </row>
    <row r="658475" spans="8:8">
      <c r="H658475" s="12"/>
    </row>
    <row r="658476" spans="8:8">
      <c r="H658476" s="12"/>
    </row>
    <row r="658477" spans="8:8">
      <c r="H658477" s="12"/>
    </row>
    <row r="658478" spans="8:8">
      <c r="H658478" s="12"/>
    </row>
    <row r="658479" spans="8:8">
      <c r="H658479" s="12"/>
    </row>
    <row r="658480" spans="8:8">
      <c r="H658480" s="12"/>
    </row>
    <row r="658481" spans="8:8">
      <c r="H658481" s="12"/>
    </row>
    <row r="658482" spans="8:8">
      <c r="H658482" s="12"/>
    </row>
    <row r="658483" spans="8:8">
      <c r="H658483" s="12"/>
    </row>
    <row r="658484" spans="8:8">
      <c r="H658484" s="12"/>
    </row>
    <row r="658485" spans="8:8">
      <c r="H658485" s="12"/>
    </row>
    <row r="658486" spans="8:8">
      <c r="H658486" s="12"/>
    </row>
    <row r="658487" spans="8:8">
      <c r="H658487" s="12"/>
    </row>
    <row r="658488" spans="8:8">
      <c r="H658488" s="12"/>
    </row>
    <row r="658489" spans="8:8">
      <c r="H658489" s="12"/>
    </row>
    <row r="658490" spans="8:8">
      <c r="H658490" s="12"/>
    </row>
    <row r="658491" spans="8:8">
      <c r="H658491" s="12"/>
    </row>
    <row r="658492" spans="8:8">
      <c r="H658492" s="12"/>
    </row>
    <row r="658493" spans="8:8">
      <c r="H658493" s="12"/>
    </row>
    <row r="658494" spans="8:8">
      <c r="H658494" s="12"/>
    </row>
    <row r="658495" spans="8:8">
      <c r="H658495" s="12"/>
    </row>
    <row r="658496" spans="8:8">
      <c r="H658496" s="12"/>
    </row>
    <row r="658497" spans="8:8">
      <c r="H658497" s="12"/>
    </row>
    <row r="658498" spans="8:8">
      <c r="H658498" s="12"/>
    </row>
    <row r="658499" spans="8:8">
      <c r="H658499" s="12"/>
    </row>
    <row r="658500" spans="8:8">
      <c r="H658500" s="12"/>
    </row>
    <row r="658501" spans="8:8">
      <c r="H658501" s="12"/>
    </row>
    <row r="658502" spans="8:8">
      <c r="H658502" s="12"/>
    </row>
    <row r="658503" spans="8:8">
      <c r="H658503" s="12"/>
    </row>
    <row r="658504" spans="8:8">
      <c r="H658504" s="12"/>
    </row>
    <row r="658505" spans="8:8">
      <c r="H658505" s="12"/>
    </row>
    <row r="658506" spans="8:8">
      <c r="H658506" s="12"/>
    </row>
    <row r="658507" spans="8:8">
      <c r="H658507" s="12"/>
    </row>
    <row r="658508" spans="8:8">
      <c r="H658508" s="12"/>
    </row>
    <row r="658509" spans="8:8">
      <c r="H658509" s="12"/>
    </row>
    <row r="658510" spans="8:8">
      <c r="H658510" s="12"/>
    </row>
    <row r="658511" spans="8:8">
      <c r="H658511" s="12"/>
    </row>
    <row r="658512" spans="8:8">
      <c r="H658512" s="12"/>
    </row>
    <row r="658513" spans="8:8">
      <c r="H658513" s="12"/>
    </row>
    <row r="658514" spans="8:8">
      <c r="H658514" s="12"/>
    </row>
    <row r="658515" spans="8:8">
      <c r="H658515" s="12"/>
    </row>
    <row r="658516" spans="8:8">
      <c r="H658516" s="12"/>
    </row>
    <row r="658517" spans="8:8">
      <c r="H658517" s="12"/>
    </row>
    <row r="658518" spans="8:8">
      <c r="H658518" s="12"/>
    </row>
    <row r="658519" spans="8:8">
      <c r="H658519" s="12"/>
    </row>
    <row r="658520" spans="8:8">
      <c r="H658520" s="12"/>
    </row>
    <row r="658521" spans="8:8">
      <c r="H658521" s="12"/>
    </row>
    <row r="658522" spans="8:8">
      <c r="H658522" s="12"/>
    </row>
    <row r="658523" spans="8:8">
      <c r="H658523" s="12"/>
    </row>
    <row r="658524" spans="8:8">
      <c r="H658524" s="12"/>
    </row>
    <row r="658525" spans="8:8">
      <c r="H658525" s="12"/>
    </row>
    <row r="658526" spans="8:8">
      <c r="H658526" s="12"/>
    </row>
    <row r="658527" spans="8:8">
      <c r="H658527" s="12"/>
    </row>
    <row r="658528" spans="8:8">
      <c r="H658528" s="12"/>
    </row>
    <row r="658529" spans="8:8">
      <c r="H658529" s="12"/>
    </row>
    <row r="658530" spans="8:8">
      <c r="H658530" s="12"/>
    </row>
    <row r="658531" spans="8:8">
      <c r="H658531" s="12"/>
    </row>
    <row r="658532" spans="8:8">
      <c r="H658532" s="12"/>
    </row>
    <row r="658533" spans="8:8">
      <c r="H658533" s="12"/>
    </row>
    <row r="658534" spans="8:8">
      <c r="H658534" s="12"/>
    </row>
    <row r="658535" spans="8:8">
      <c r="H658535" s="12"/>
    </row>
    <row r="658536" spans="8:8">
      <c r="H658536" s="12"/>
    </row>
    <row r="658537" spans="8:8">
      <c r="H658537" s="12"/>
    </row>
    <row r="658538" spans="8:8">
      <c r="H658538" s="12"/>
    </row>
    <row r="658539" spans="8:8">
      <c r="H658539" s="12"/>
    </row>
    <row r="658540" spans="8:8">
      <c r="H658540" s="12"/>
    </row>
    <row r="658541" spans="8:8">
      <c r="H658541" s="12"/>
    </row>
    <row r="658542" spans="8:8">
      <c r="H658542" s="12"/>
    </row>
    <row r="658543" spans="8:8">
      <c r="H658543" s="12"/>
    </row>
    <row r="658544" spans="8:8">
      <c r="H658544" s="12"/>
    </row>
    <row r="658545" spans="8:8">
      <c r="H658545" s="12"/>
    </row>
    <row r="658546" spans="8:8">
      <c r="H658546" s="12"/>
    </row>
    <row r="658547" spans="8:8">
      <c r="H658547" s="12"/>
    </row>
    <row r="658548" spans="8:8">
      <c r="H658548" s="12"/>
    </row>
    <row r="658549" spans="8:8">
      <c r="H658549" s="12"/>
    </row>
    <row r="658550" spans="8:8">
      <c r="H658550" s="12"/>
    </row>
    <row r="658551" spans="8:8">
      <c r="H658551" s="12"/>
    </row>
    <row r="658552" spans="8:8">
      <c r="H658552" s="12"/>
    </row>
    <row r="658553" spans="8:8">
      <c r="H658553" s="12"/>
    </row>
    <row r="658554" spans="8:8">
      <c r="H658554" s="12"/>
    </row>
    <row r="658555" spans="8:8">
      <c r="H658555" s="12"/>
    </row>
    <row r="658556" spans="8:8">
      <c r="H658556" s="12"/>
    </row>
    <row r="658557" spans="8:8">
      <c r="H658557" s="12"/>
    </row>
    <row r="658558" spans="8:8">
      <c r="H658558" s="12"/>
    </row>
    <row r="658559" spans="8:8">
      <c r="H658559" s="12"/>
    </row>
    <row r="658560" spans="8:8">
      <c r="H658560" s="12"/>
    </row>
    <row r="658561" spans="8:8">
      <c r="H658561" s="12"/>
    </row>
    <row r="658562" spans="8:8">
      <c r="H658562" s="12"/>
    </row>
    <row r="658563" spans="8:8">
      <c r="H658563" s="12"/>
    </row>
    <row r="658564" spans="8:8">
      <c r="H658564" s="12"/>
    </row>
    <row r="658565" spans="8:8">
      <c r="H658565" s="12"/>
    </row>
    <row r="658566" spans="8:8">
      <c r="H658566" s="12"/>
    </row>
    <row r="658567" spans="8:8">
      <c r="H658567" s="12"/>
    </row>
    <row r="658568" spans="8:8">
      <c r="H658568" s="12"/>
    </row>
    <row r="658569" spans="8:8">
      <c r="H658569" s="12"/>
    </row>
    <row r="658570" spans="8:8">
      <c r="H658570" s="12"/>
    </row>
    <row r="658571" spans="8:8">
      <c r="H658571" s="12"/>
    </row>
    <row r="658572" spans="8:8">
      <c r="H658572" s="12"/>
    </row>
    <row r="658573" spans="8:8">
      <c r="H658573" s="12"/>
    </row>
    <row r="658574" spans="8:8">
      <c r="H658574" s="12"/>
    </row>
    <row r="658575" spans="8:8">
      <c r="H658575" s="12"/>
    </row>
    <row r="658576" spans="8:8">
      <c r="H658576" s="12"/>
    </row>
    <row r="658577" spans="8:8">
      <c r="H658577" s="12"/>
    </row>
    <row r="658578" spans="8:8">
      <c r="H658578" s="12"/>
    </row>
    <row r="658579" spans="8:8">
      <c r="H658579" s="12"/>
    </row>
    <row r="658580" spans="8:8">
      <c r="H658580" s="12"/>
    </row>
    <row r="658581" spans="8:8">
      <c r="H658581" s="12"/>
    </row>
    <row r="658582" spans="8:8">
      <c r="H658582" s="12"/>
    </row>
    <row r="658583" spans="8:8">
      <c r="H658583" s="12"/>
    </row>
    <row r="658584" spans="8:8">
      <c r="H658584" s="12"/>
    </row>
    <row r="658585" spans="8:8">
      <c r="H658585" s="12"/>
    </row>
    <row r="658586" spans="8:8">
      <c r="H658586" s="12"/>
    </row>
    <row r="658587" spans="8:8">
      <c r="H658587" s="12"/>
    </row>
    <row r="658588" spans="8:8">
      <c r="H658588" s="12"/>
    </row>
    <row r="658589" spans="8:8">
      <c r="H658589" s="12"/>
    </row>
    <row r="658590" spans="8:8">
      <c r="H658590" s="12"/>
    </row>
    <row r="658591" spans="8:8">
      <c r="H658591" s="12"/>
    </row>
    <row r="658592" spans="8:8">
      <c r="H658592" s="12"/>
    </row>
    <row r="658593" spans="8:8">
      <c r="H658593" s="12"/>
    </row>
    <row r="658594" spans="8:8">
      <c r="H658594" s="12"/>
    </row>
    <row r="658595" spans="8:8">
      <c r="H658595" s="12"/>
    </row>
    <row r="658596" spans="8:8">
      <c r="H658596" s="12"/>
    </row>
    <row r="658597" spans="8:8">
      <c r="H658597" s="12"/>
    </row>
    <row r="658598" spans="8:8">
      <c r="H658598" s="12"/>
    </row>
    <row r="658599" spans="8:8">
      <c r="H658599" s="12"/>
    </row>
    <row r="658600" spans="8:8">
      <c r="H658600" s="12"/>
    </row>
    <row r="658601" spans="8:8">
      <c r="H658601" s="12"/>
    </row>
    <row r="658602" spans="8:8">
      <c r="H658602" s="12"/>
    </row>
    <row r="658603" spans="8:8">
      <c r="H658603" s="12"/>
    </row>
    <row r="658604" spans="8:8">
      <c r="H658604" s="12"/>
    </row>
    <row r="658605" spans="8:8">
      <c r="H658605" s="12"/>
    </row>
    <row r="658606" spans="8:8">
      <c r="H658606" s="12"/>
    </row>
    <row r="658607" spans="8:8">
      <c r="H658607" s="12"/>
    </row>
    <row r="658608" spans="8:8">
      <c r="H658608" s="12"/>
    </row>
    <row r="658609" spans="8:8">
      <c r="H658609" s="12"/>
    </row>
    <row r="658610" spans="8:8">
      <c r="H658610" s="12"/>
    </row>
    <row r="658611" spans="8:8">
      <c r="H658611" s="12"/>
    </row>
    <row r="658612" spans="8:8">
      <c r="H658612" s="12"/>
    </row>
    <row r="658613" spans="8:8">
      <c r="H658613" s="12"/>
    </row>
    <row r="658614" spans="8:8">
      <c r="H658614" s="12"/>
    </row>
    <row r="658615" spans="8:8">
      <c r="H658615" s="12"/>
    </row>
    <row r="658616" spans="8:8">
      <c r="H658616" s="12"/>
    </row>
    <row r="658617" spans="8:8">
      <c r="H658617" s="12"/>
    </row>
    <row r="658618" spans="8:8">
      <c r="H658618" s="12"/>
    </row>
    <row r="658619" spans="8:8">
      <c r="H658619" s="12"/>
    </row>
    <row r="658620" spans="8:8">
      <c r="H658620" s="12"/>
    </row>
    <row r="658621" spans="8:8">
      <c r="H658621" s="12"/>
    </row>
    <row r="658622" spans="8:8">
      <c r="H658622" s="12"/>
    </row>
    <row r="658623" spans="8:8">
      <c r="H658623" s="12"/>
    </row>
    <row r="658624" spans="8:8">
      <c r="H658624" s="12"/>
    </row>
    <row r="658625" spans="8:8">
      <c r="H658625" s="12"/>
    </row>
    <row r="658626" spans="8:8">
      <c r="H658626" s="12"/>
    </row>
    <row r="658627" spans="8:8">
      <c r="H658627" s="12"/>
    </row>
    <row r="658628" spans="8:8">
      <c r="H658628" s="12"/>
    </row>
    <row r="658629" spans="8:8">
      <c r="H658629" s="12"/>
    </row>
    <row r="658630" spans="8:8">
      <c r="H658630" s="12"/>
    </row>
    <row r="658631" spans="8:8">
      <c r="H658631" s="12"/>
    </row>
    <row r="658632" spans="8:8">
      <c r="H658632" s="12"/>
    </row>
    <row r="658633" spans="8:8">
      <c r="H658633" s="12"/>
    </row>
    <row r="658634" spans="8:8">
      <c r="H658634" s="12"/>
    </row>
    <row r="658635" spans="8:8">
      <c r="H658635" s="12"/>
    </row>
    <row r="658636" spans="8:8">
      <c r="H658636" s="12"/>
    </row>
    <row r="658637" spans="8:8">
      <c r="H658637" s="12"/>
    </row>
    <row r="658638" spans="8:8">
      <c r="H658638" s="12"/>
    </row>
    <row r="658639" spans="8:8">
      <c r="H658639" s="12"/>
    </row>
    <row r="658640" spans="8:8">
      <c r="H658640" s="12"/>
    </row>
    <row r="658641" spans="8:8">
      <c r="H658641" s="12"/>
    </row>
    <row r="658642" spans="8:8">
      <c r="H658642" s="12"/>
    </row>
    <row r="658643" spans="8:8">
      <c r="H658643" s="12"/>
    </row>
    <row r="658644" spans="8:8">
      <c r="H658644" s="12"/>
    </row>
    <row r="658645" spans="8:8">
      <c r="H658645" s="12"/>
    </row>
    <row r="658646" spans="8:8">
      <c r="H658646" s="12"/>
    </row>
    <row r="658647" spans="8:8">
      <c r="H658647" s="12"/>
    </row>
    <row r="658648" spans="8:8">
      <c r="H658648" s="12"/>
    </row>
    <row r="658649" spans="8:8">
      <c r="H658649" s="12"/>
    </row>
    <row r="658650" spans="8:8">
      <c r="H658650" s="12"/>
    </row>
    <row r="658651" spans="8:8">
      <c r="H658651" s="12"/>
    </row>
    <row r="658652" spans="8:8">
      <c r="H658652" s="12"/>
    </row>
    <row r="658653" spans="8:8">
      <c r="H658653" s="12"/>
    </row>
    <row r="658654" spans="8:8">
      <c r="H658654" s="12"/>
    </row>
    <row r="658655" spans="8:8">
      <c r="H658655" s="12"/>
    </row>
    <row r="658656" spans="8:8">
      <c r="H658656" s="12"/>
    </row>
    <row r="658657" spans="8:8">
      <c r="H658657" s="12"/>
    </row>
    <row r="658658" spans="8:8">
      <c r="H658658" s="12"/>
    </row>
    <row r="658659" spans="8:8">
      <c r="H658659" s="12"/>
    </row>
    <row r="658660" spans="8:8">
      <c r="H658660" s="12"/>
    </row>
    <row r="658661" spans="8:8">
      <c r="H658661" s="12"/>
    </row>
    <row r="658662" spans="8:8">
      <c r="H658662" s="12"/>
    </row>
    <row r="658663" spans="8:8">
      <c r="H658663" s="12"/>
    </row>
    <row r="658664" spans="8:8">
      <c r="H658664" s="12"/>
    </row>
    <row r="658665" spans="8:8">
      <c r="H658665" s="12"/>
    </row>
    <row r="658666" spans="8:8">
      <c r="H658666" s="12"/>
    </row>
    <row r="658667" spans="8:8">
      <c r="H658667" s="12"/>
    </row>
    <row r="658668" spans="8:8">
      <c r="H658668" s="12"/>
    </row>
    <row r="658669" spans="8:8">
      <c r="H658669" s="12"/>
    </row>
    <row r="658670" spans="8:8">
      <c r="H658670" s="12"/>
    </row>
    <row r="658671" spans="8:8">
      <c r="H658671" s="12"/>
    </row>
    <row r="658672" spans="8:8">
      <c r="H658672" s="12"/>
    </row>
    <row r="658673" spans="8:8">
      <c r="H658673" s="12"/>
    </row>
    <row r="658674" spans="8:8">
      <c r="H658674" s="12"/>
    </row>
    <row r="658675" spans="8:8">
      <c r="H658675" s="12"/>
    </row>
    <row r="658676" spans="8:8">
      <c r="H658676" s="12"/>
    </row>
    <row r="658677" spans="8:8">
      <c r="H658677" s="12"/>
    </row>
    <row r="658678" spans="8:8">
      <c r="H658678" s="12"/>
    </row>
    <row r="658679" spans="8:8">
      <c r="H658679" s="12"/>
    </row>
    <row r="658680" spans="8:8">
      <c r="H658680" s="12"/>
    </row>
    <row r="658681" spans="8:8">
      <c r="H658681" s="12"/>
    </row>
    <row r="658682" spans="8:8">
      <c r="H658682" s="12"/>
    </row>
    <row r="658683" spans="8:8">
      <c r="H658683" s="12"/>
    </row>
    <row r="658684" spans="8:8">
      <c r="H658684" s="12"/>
    </row>
    <row r="658685" spans="8:8">
      <c r="H658685" s="12"/>
    </row>
    <row r="658686" spans="8:8">
      <c r="H658686" s="12"/>
    </row>
    <row r="658687" spans="8:8">
      <c r="H658687" s="12"/>
    </row>
    <row r="658688" spans="8:8">
      <c r="H658688" s="12"/>
    </row>
    <row r="658689" spans="8:8">
      <c r="H658689" s="12"/>
    </row>
    <row r="658690" spans="8:8">
      <c r="H658690" s="12"/>
    </row>
    <row r="658691" spans="8:8">
      <c r="H658691" s="12"/>
    </row>
    <row r="658692" spans="8:8">
      <c r="H658692" s="12"/>
    </row>
    <row r="658693" spans="8:8">
      <c r="H658693" s="12"/>
    </row>
    <row r="658694" spans="8:8">
      <c r="H658694" s="12"/>
    </row>
    <row r="658695" spans="8:8">
      <c r="H658695" s="12"/>
    </row>
    <row r="658696" spans="8:8">
      <c r="H658696" s="12"/>
    </row>
    <row r="658697" spans="8:8">
      <c r="H658697" s="12"/>
    </row>
    <row r="658698" spans="8:8">
      <c r="H658698" s="12"/>
    </row>
    <row r="658699" spans="8:8">
      <c r="H658699" s="12"/>
    </row>
    <row r="658700" spans="8:8">
      <c r="H658700" s="12"/>
    </row>
    <row r="658701" spans="8:8">
      <c r="H658701" s="12"/>
    </row>
    <row r="658702" spans="8:8">
      <c r="H658702" s="12"/>
    </row>
    <row r="658703" spans="8:8">
      <c r="H658703" s="12"/>
    </row>
    <row r="658704" spans="8:8">
      <c r="H658704" s="12"/>
    </row>
    <row r="658705" spans="8:8">
      <c r="H658705" s="12"/>
    </row>
    <row r="658706" spans="8:8">
      <c r="H658706" s="12"/>
    </row>
    <row r="658707" spans="8:8">
      <c r="H658707" s="12"/>
    </row>
    <row r="658708" spans="8:8">
      <c r="H658708" s="12"/>
    </row>
    <row r="658709" spans="8:8">
      <c r="H658709" s="12"/>
    </row>
    <row r="658710" spans="8:8">
      <c r="H658710" s="12"/>
    </row>
    <row r="658711" spans="8:8">
      <c r="H658711" s="12"/>
    </row>
    <row r="658712" spans="8:8">
      <c r="H658712" s="12"/>
    </row>
    <row r="658713" spans="8:8">
      <c r="H658713" s="12"/>
    </row>
    <row r="658714" spans="8:8">
      <c r="H658714" s="12"/>
    </row>
    <row r="658715" spans="8:8">
      <c r="H658715" s="12"/>
    </row>
    <row r="658716" spans="8:8">
      <c r="H658716" s="12"/>
    </row>
    <row r="658717" spans="8:8">
      <c r="H658717" s="12"/>
    </row>
    <row r="658718" spans="8:8">
      <c r="H658718" s="12"/>
    </row>
    <row r="658719" spans="8:8">
      <c r="H658719" s="12"/>
    </row>
    <row r="658720" spans="8:8">
      <c r="H658720" s="12"/>
    </row>
    <row r="658721" spans="8:8">
      <c r="H658721" s="12"/>
    </row>
    <row r="658722" spans="8:8">
      <c r="H658722" s="12"/>
    </row>
    <row r="658723" spans="8:8">
      <c r="H658723" s="12"/>
    </row>
    <row r="658724" spans="8:8">
      <c r="H658724" s="12"/>
    </row>
    <row r="658725" spans="8:8">
      <c r="H658725" s="12"/>
    </row>
    <row r="658726" spans="8:8">
      <c r="H658726" s="12"/>
    </row>
    <row r="658727" spans="8:8">
      <c r="H658727" s="12"/>
    </row>
    <row r="658728" spans="8:8">
      <c r="H658728" s="12"/>
    </row>
    <row r="658729" spans="8:8">
      <c r="H658729" s="12"/>
    </row>
    <row r="658730" spans="8:8">
      <c r="H658730" s="12"/>
    </row>
    <row r="658731" spans="8:8">
      <c r="H658731" s="12"/>
    </row>
    <row r="658732" spans="8:8">
      <c r="H658732" s="12"/>
    </row>
    <row r="658733" spans="8:8">
      <c r="H658733" s="12"/>
    </row>
    <row r="658734" spans="8:8">
      <c r="H658734" s="12"/>
    </row>
    <row r="658735" spans="8:8">
      <c r="H658735" s="12"/>
    </row>
    <row r="658736" spans="8:8">
      <c r="H658736" s="12"/>
    </row>
    <row r="658737" spans="8:8">
      <c r="H658737" s="12"/>
    </row>
    <row r="658738" spans="8:8">
      <c r="H658738" s="12"/>
    </row>
    <row r="658739" spans="8:8">
      <c r="H658739" s="12"/>
    </row>
    <row r="658740" spans="8:8">
      <c r="H658740" s="12"/>
    </row>
    <row r="658741" spans="8:8">
      <c r="H658741" s="12"/>
    </row>
    <row r="658742" spans="8:8">
      <c r="H658742" s="12"/>
    </row>
    <row r="658743" spans="8:8">
      <c r="H658743" s="12"/>
    </row>
    <row r="658744" spans="8:8">
      <c r="H658744" s="12"/>
    </row>
    <row r="658745" spans="8:8">
      <c r="H658745" s="12"/>
    </row>
    <row r="658746" spans="8:8">
      <c r="H658746" s="12"/>
    </row>
    <row r="658747" spans="8:8">
      <c r="H658747" s="12"/>
    </row>
    <row r="658748" spans="8:8">
      <c r="H658748" s="12"/>
    </row>
    <row r="658749" spans="8:8">
      <c r="H658749" s="12"/>
    </row>
    <row r="658750" spans="8:8">
      <c r="H658750" s="12"/>
    </row>
    <row r="658751" spans="8:8">
      <c r="H658751" s="12"/>
    </row>
    <row r="658752" spans="8:8">
      <c r="H658752" s="12"/>
    </row>
    <row r="658753" spans="8:8">
      <c r="H658753" s="12"/>
    </row>
    <row r="658754" spans="8:8">
      <c r="H658754" s="12"/>
    </row>
    <row r="658755" spans="8:8">
      <c r="H658755" s="12"/>
    </row>
    <row r="658756" spans="8:8">
      <c r="H658756" s="12"/>
    </row>
    <row r="658757" spans="8:8">
      <c r="H658757" s="12"/>
    </row>
    <row r="658758" spans="8:8">
      <c r="H658758" s="12"/>
    </row>
    <row r="658759" spans="8:8">
      <c r="H658759" s="12"/>
    </row>
    <row r="658760" spans="8:8">
      <c r="H658760" s="12"/>
    </row>
    <row r="658761" spans="8:8">
      <c r="H658761" s="12"/>
    </row>
    <row r="658762" spans="8:8">
      <c r="H658762" s="12"/>
    </row>
    <row r="658763" spans="8:8">
      <c r="H658763" s="12"/>
    </row>
    <row r="658764" spans="8:8">
      <c r="H658764" s="12"/>
    </row>
    <row r="658765" spans="8:8">
      <c r="H658765" s="12"/>
    </row>
    <row r="658766" spans="8:8">
      <c r="H658766" s="12"/>
    </row>
    <row r="658767" spans="8:8">
      <c r="H658767" s="12"/>
    </row>
    <row r="658768" spans="8:8">
      <c r="H658768" s="12"/>
    </row>
    <row r="658769" spans="8:8">
      <c r="H658769" s="12"/>
    </row>
    <row r="658770" spans="8:8">
      <c r="H658770" s="12"/>
    </row>
    <row r="658771" spans="8:8">
      <c r="H658771" s="12"/>
    </row>
    <row r="658772" spans="8:8">
      <c r="H658772" s="12"/>
    </row>
    <row r="658773" spans="8:8">
      <c r="H658773" s="12"/>
    </row>
    <row r="658774" spans="8:8">
      <c r="H658774" s="12"/>
    </row>
    <row r="658775" spans="8:8">
      <c r="H658775" s="12"/>
    </row>
    <row r="658776" spans="8:8">
      <c r="H658776" s="12"/>
    </row>
    <row r="658777" spans="8:8">
      <c r="H658777" s="12"/>
    </row>
    <row r="658778" spans="8:8">
      <c r="H658778" s="12"/>
    </row>
    <row r="658779" spans="8:8">
      <c r="H658779" s="12"/>
    </row>
    <row r="658780" spans="8:8">
      <c r="H658780" s="12"/>
    </row>
    <row r="658781" spans="8:8">
      <c r="H658781" s="12"/>
    </row>
    <row r="658782" spans="8:8">
      <c r="H658782" s="12"/>
    </row>
    <row r="658783" spans="8:8">
      <c r="H658783" s="12"/>
    </row>
    <row r="658784" spans="8:8">
      <c r="H658784" s="12"/>
    </row>
    <row r="658785" spans="8:8">
      <c r="H658785" s="12"/>
    </row>
    <row r="658786" spans="8:8">
      <c r="H658786" s="12"/>
    </row>
    <row r="658787" spans="8:8">
      <c r="H658787" s="12"/>
    </row>
    <row r="658788" spans="8:8">
      <c r="H658788" s="12"/>
    </row>
    <row r="658789" spans="8:8">
      <c r="H658789" s="12"/>
    </row>
    <row r="658790" spans="8:8">
      <c r="H658790" s="12"/>
    </row>
    <row r="658791" spans="8:8">
      <c r="H658791" s="12"/>
    </row>
    <row r="658792" spans="8:8">
      <c r="H658792" s="12"/>
    </row>
    <row r="658793" spans="8:8">
      <c r="H658793" s="12"/>
    </row>
    <row r="658794" spans="8:8">
      <c r="H658794" s="12"/>
    </row>
    <row r="658795" spans="8:8">
      <c r="H658795" s="12"/>
    </row>
    <row r="658796" spans="8:8">
      <c r="H658796" s="12"/>
    </row>
    <row r="658797" spans="8:8">
      <c r="H658797" s="12"/>
    </row>
    <row r="658798" spans="8:8">
      <c r="H658798" s="12"/>
    </row>
    <row r="658799" spans="8:8">
      <c r="H658799" s="12"/>
    </row>
    <row r="658800" spans="8:8">
      <c r="H658800" s="12"/>
    </row>
    <row r="658801" spans="8:8">
      <c r="H658801" s="12"/>
    </row>
    <row r="658802" spans="8:8">
      <c r="H658802" s="12"/>
    </row>
    <row r="658803" spans="8:8">
      <c r="H658803" s="12"/>
    </row>
    <row r="658804" spans="8:8">
      <c r="H658804" s="12"/>
    </row>
    <row r="658805" spans="8:8">
      <c r="H658805" s="12"/>
    </row>
    <row r="658806" spans="8:8">
      <c r="H658806" s="12"/>
    </row>
    <row r="658807" spans="8:8">
      <c r="H658807" s="12"/>
    </row>
    <row r="658808" spans="8:8">
      <c r="H658808" s="12"/>
    </row>
    <row r="658809" spans="8:8">
      <c r="H658809" s="12"/>
    </row>
    <row r="658810" spans="8:8">
      <c r="H658810" s="12"/>
    </row>
    <row r="658811" spans="8:8">
      <c r="H658811" s="12"/>
    </row>
    <row r="658812" spans="8:8">
      <c r="H658812" s="12"/>
    </row>
    <row r="658813" spans="8:8">
      <c r="H658813" s="12"/>
    </row>
    <row r="658814" spans="8:8">
      <c r="H658814" s="12"/>
    </row>
    <row r="658815" spans="8:8">
      <c r="H658815" s="12"/>
    </row>
    <row r="658816" spans="8:8">
      <c r="H658816" s="12"/>
    </row>
    <row r="658817" spans="8:8">
      <c r="H658817" s="12"/>
    </row>
    <row r="658818" spans="8:8">
      <c r="H658818" s="12"/>
    </row>
    <row r="658819" spans="8:8">
      <c r="H658819" s="12"/>
    </row>
    <row r="658820" spans="8:8">
      <c r="H658820" s="12"/>
    </row>
    <row r="658821" spans="8:8">
      <c r="H658821" s="12"/>
    </row>
    <row r="658822" spans="8:8">
      <c r="H658822" s="12"/>
    </row>
    <row r="658823" spans="8:8">
      <c r="H658823" s="12"/>
    </row>
    <row r="658824" spans="8:8">
      <c r="H658824" s="12"/>
    </row>
    <row r="658825" spans="8:8">
      <c r="H658825" s="12"/>
    </row>
    <row r="658826" spans="8:8">
      <c r="H658826" s="12"/>
    </row>
    <row r="658827" spans="8:8">
      <c r="H658827" s="12"/>
    </row>
    <row r="658828" spans="8:8">
      <c r="H658828" s="12"/>
    </row>
    <row r="658829" spans="8:8">
      <c r="H658829" s="12"/>
    </row>
    <row r="658830" spans="8:8">
      <c r="H658830" s="12"/>
    </row>
    <row r="658831" spans="8:8">
      <c r="H658831" s="12"/>
    </row>
    <row r="658832" spans="8:8">
      <c r="H658832" s="12"/>
    </row>
    <row r="658833" spans="8:8">
      <c r="H658833" s="12"/>
    </row>
    <row r="658834" spans="8:8">
      <c r="H658834" s="12"/>
    </row>
    <row r="658835" spans="8:8">
      <c r="H658835" s="12"/>
    </row>
    <row r="658836" spans="8:8">
      <c r="H658836" s="12"/>
    </row>
    <row r="658837" spans="8:8">
      <c r="H658837" s="12"/>
    </row>
    <row r="658838" spans="8:8">
      <c r="H658838" s="12"/>
    </row>
    <row r="658839" spans="8:8">
      <c r="H658839" s="12"/>
    </row>
    <row r="658840" spans="8:8">
      <c r="H658840" s="12"/>
    </row>
    <row r="658841" spans="8:8">
      <c r="H658841" s="12"/>
    </row>
    <row r="658842" spans="8:8">
      <c r="H658842" s="12"/>
    </row>
    <row r="658843" spans="8:8">
      <c r="H658843" s="12"/>
    </row>
    <row r="658844" spans="8:8">
      <c r="H658844" s="12"/>
    </row>
    <row r="658845" spans="8:8">
      <c r="H658845" s="12"/>
    </row>
    <row r="658846" spans="8:8">
      <c r="H658846" s="12"/>
    </row>
    <row r="658847" spans="8:8">
      <c r="H658847" s="12"/>
    </row>
    <row r="658848" spans="8:8">
      <c r="H658848" s="12"/>
    </row>
    <row r="658849" spans="8:8">
      <c r="H658849" s="12"/>
    </row>
    <row r="658850" spans="8:8">
      <c r="H658850" s="12"/>
    </row>
    <row r="658851" spans="8:8">
      <c r="H658851" s="12"/>
    </row>
    <row r="658852" spans="8:8">
      <c r="H658852" s="12"/>
    </row>
    <row r="658853" spans="8:8">
      <c r="H658853" s="12"/>
    </row>
    <row r="658854" spans="8:8">
      <c r="H658854" s="12"/>
    </row>
    <row r="658855" spans="8:8">
      <c r="H658855" s="12"/>
    </row>
    <row r="658856" spans="8:8">
      <c r="H658856" s="12"/>
    </row>
    <row r="658857" spans="8:8">
      <c r="H658857" s="12"/>
    </row>
    <row r="658858" spans="8:8">
      <c r="H658858" s="12"/>
    </row>
    <row r="658859" spans="8:8">
      <c r="H658859" s="12"/>
    </row>
    <row r="658860" spans="8:8">
      <c r="H658860" s="12"/>
    </row>
    <row r="658861" spans="8:8">
      <c r="H658861" s="12"/>
    </row>
    <row r="658862" spans="8:8">
      <c r="H658862" s="12"/>
    </row>
    <row r="658863" spans="8:8">
      <c r="H658863" s="12"/>
    </row>
    <row r="658864" spans="8:8">
      <c r="H658864" s="12"/>
    </row>
    <row r="658865" spans="8:8">
      <c r="H658865" s="12"/>
    </row>
    <row r="658866" spans="8:8">
      <c r="H658866" s="12"/>
    </row>
    <row r="658867" spans="8:8">
      <c r="H658867" s="12"/>
    </row>
    <row r="658868" spans="8:8">
      <c r="H658868" s="12"/>
    </row>
    <row r="658869" spans="8:8">
      <c r="H658869" s="12"/>
    </row>
    <row r="658870" spans="8:8">
      <c r="H658870" s="12"/>
    </row>
    <row r="658871" spans="8:8">
      <c r="H658871" s="12"/>
    </row>
    <row r="658872" spans="8:8">
      <c r="H658872" s="12"/>
    </row>
    <row r="658873" spans="8:8">
      <c r="H658873" s="12"/>
    </row>
    <row r="658874" spans="8:8">
      <c r="H658874" s="12"/>
    </row>
    <row r="658875" spans="8:8">
      <c r="H658875" s="12"/>
    </row>
    <row r="658876" spans="8:8">
      <c r="H658876" s="12"/>
    </row>
    <row r="658877" spans="8:8">
      <c r="H658877" s="12"/>
    </row>
    <row r="658878" spans="8:8">
      <c r="H658878" s="12"/>
    </row>
    <row r="658879" spans="8:8">
      <c r="H658879" s="12"/>
    </row>
    <row r="658880" spans="8:8">
      <c r="H658880" s="12"/>
    </row>
    <row r="658881" spans="8:8">
      <c r="H658881" s="12"/>
    </row>
    <row r="658882" spans="8:8">
      <c r="H658882" s="12"/>
    </row>
    <row r="658883" spans="8:8">
      <c r="H658883" s="12"/>
    </row>
    <row r="658884" spans="8:8">
      <c r="H658884" s="12"/>
    </row>
    <row r="658885" spans="8:8">
      <c r="H658885" s="12"/>
    </row>
    <row r="658886" spans="8:8">
      <c r="H658886" s="12"/>
    </row>
    <row r="658887" spans="8:8">
      <c r="H658887" s="12"/>
    </row>
    <row r="658888" spans="8:8">
      <c r="H658888" s="12"/>
    </row>
    <row r="658889" spans="8:8">
      <c r="H658889" s="12"/>
    </row>
    <row r="658890" spans="8:8">
      <c r="H658890" s="12"/>
    </row>
    <row r="658891" spans="8:8">
      <c r="H658891" s="12"/>
    </row>
    <row r="658892" spans="8:8">
      <c r="H658892" s="12"/>
    </row>
    <row r="658893" spans="8:8">
      <c r="H658893" s="12"/>
    </row>
    <row r="658894" spans="8:8">
      <c r="H658894" s="12"/>
    </row>
    <row r="658895" spans="8:8">
      <c r="H658895" s="12"/>
    </row>
    <row r="658896" spans="8:8">
      <c r="H658896" s="12"/>
    </row>
    <row r="658897" spans="8:8">
      <c r="H658897" s="12"/>
    </row>
    <row r="658898" spans="8:8">
      <c r="H658898" s="12"/>
    </row>
    <row r="658899" spans="8:8">
      <c r="H658899" s="12"/>
    </row>
    <row r="658900" spans="8:8">
      <c r="H658900" s="12"/>
    </row>
    <row r="658901" spans="8:8">
      <c r="H658901" s="12"/>
    </row>
    <row r="658902" spans="8:8">
      <c r="H658902" s="12"/>
    </row>
    <row r="658903" spans="8:8">
      <c r="H658903" s="12"/>
    </row>
    <row r="658904" spans="8:8">
      <c r="H658904" s="12"/>
    </row>
    <row r="658905" spans="8:8">
      <c r="H658905" s="12"/>
    </row>
    <row r="658906" spans="8:8">
      <c r="H658906" s="12"/>
    </row>
    <row r="658907" spans="8:8">
      <c r="H658907" s="12"/>
    </row>
    <row r="658908" spans="8:8">
      <c r="H658908" s="12"/>
    </row>
    <row r="658909" spans="8:8">
      <c r="H658909" s="12"/>
    </row>
    <row r="658910" spans="8:8">
      <c r="H658910" s="12"/>
    </row>
    <row r="658911" spans="8:8">
      <c r="H658911" s="12"/>
    </row>
    <row r="658912" spans="8:8">
      <c r="H658912" s="12"/>
    </row>
    <row r="658913" spans="8:8">
      <c r="H658913" s="12"/>
    </row>
    <row r="658914" spans="8:8">
      <c r="H658914" s="12"/>
    </row>
    <row r="658915" spans="8:8">
      <c r="H658915" s="12"/>
    </row>
    <row r="658916" spans="8:8">
      <c r="H658916" s="12"/>
    </row>
    <row r="658917" spans="8:8">
      <c r="H658917" s="12"/>
    </row>
    <row r="658918" spans="8:8">
      <c r="H658918" s="12"/>
    </row>
    <row r="658919" spans="8:8">
      <c r="H658919" s="12"/>
    </row>
    <row r="658920" spans="8:8">
      <c r="H658920" s="12"/>
    </row>
    <row r="658921" spans="8:8">
      <c r="H658921" s="12"/>
    </row>
    <row r="658922" spans="8:8">
      <c r="H658922" s="12"/>
    </row>
    <row r="658923" spans="8:8">
      <c r="H658923" s="12"/>
    </row>
    <row r="658924" spans="8:8">
      <c r="H658924" s="12"/>
    </row>
    <row r="658925" spans="8:8">
      <c r="H658925" s="12"/>
    </row>
    <row r="658926" spans="8:8">
      <c r="H658926" s="12"/>
    </row>
    <row r="658927" spans="8:8">
      <c r="H658927" s="12"/>
    </row>
    <row r="658928" spans="8:8">
      <c r="H658928" s="12"/>
    </row>
    <row r="658929" spans="8:8">
      <c r="H658929" s="12"/>
    </row>
    <row r="658930" spans="8:8">
      <c r="H658930" s="12"/>
    </row>
    <row r="658931" spans="8:8">
      <c r="H658931" s="12"/>
    </row>
    <row r="658932" spans="8:8">
      <c r="H658932" s="12"/>
    </row>
    <row r="658933" spans="8:8">
      <c r="H658933" s="12"/>
    </row>
    <row r="658934" spans="8:8">
      <c r="H658934" s="12"/>
    </row>
    <row r="658935" spans="8:8">
      <c r="H658935" s="12"/>
    </row>
    <row r="658936" spans="8:8">
      <c r="H658936" s="12"/>
    </row>
    <row r="658937" spans="8:8">
      <c r="H658937" s="12"/>
    </row>
    <row r="658938" spans="8:8">
      <c r="H658938" s="12"/>
    </row>
    <row r="658939" spans="8:8">
      <c r="H658939" s="12"/>
    </row>
    <row r="658940" spans="8:8">
      <c r="H658940" s="12"/>
    </row>
    <row r="658941" spans="8:8">
      <c r="H658941" s="12"/>
    </row>
    <row r="658942" spans="8:8">
      <c r="H658942" s="12"/>
    </row>
    <row r="658943" spans="8:8">
      <c r="H658943" s="12"/>
    </row>
    <row r="658944" spans="8:8">
      <c r="H658944" s="12"/>
    </row>
    <row r="658945" spans="8:8">
      <c r="H658945" s="12"/>
    </row>
    <row r="658946" spans="8:8">
      <c r="H658946" s="12"/>
    </row>
    <row r="658947" spans="8:8">
      <c r="H658947" s="12"/>
    </row>
    <row r="658948" spans="8:8">
      <c r="H658948" s="12"/>
    </row>
    <row r="658949" spans="8:8">
      <c r="H658949" s="12"/>
    </row>
    <row r="658950" spans="8:8">
      <c r="H658950" s="12"/>
    </row>
    <row r="658951" spans="8:8">
      <c r="H658951" s="12"/>
    </row>
    <row r="658952" spans="8:8">
      <c r="H658952" s="12"/>
    </row>
    <row r="658953" spans="8:8">
      <c r="H658953" s="12"/>
    </row>
    <row r="658954" spans="8:8">
      <c r="H658954" s="12"/>
    </row>
    <row r="658955" spans="8:8">
      <c r="H658955" s="12"/>
    </row>
    <row r="658956" spans="8:8">
      <c r="H658956" s="12"/>
    </row>
    <row r="658957" spans="8:8">
      <c r="H658957" s="12"/>
    </row>
    <row r="658958" spans="8:8">
      <c r="H658958" s="12"/>
    </row>
    <row r="658959" spans="8:8">
      <c r="H658959" s="12"/>
    </row>
    <row r="658960" spans="8:8">
      <c r="H658960" s="12"/>
    </row>
    <row r="658961" spans="8:8">
      <c r="H658961" s="12"/>
    </row>
    <row r="658962" spans="8:8">
      <c r="H658962" s="12"/>
    </row>
    <row r="658963" spans="8:8">
      <c r="H658963" s="12"/>
    </row>
    <row r="658964" spans="8:8">
      <c r="H658964" s="12"/>
    </row>
    <row r="658965" spans="8:8">
      <c r="H658965" s="12"/>
    </row>
    <row r="658966" spans="8:8">
      <c r="H658966" s="12"/>
    </row>
    <row r="658967" spans="8:8">
      <c r="H658967" s="12"/>
    </row>
    <row r="658968" spans="8:8">
      <c r="H658968" s="12"/>
    </row>
    <row r="658969" spans="8:8">
      <c r="H658969" s="12"/>
    </row>
    <row r="658970" spans="8:8">
      <c r="H658970" s="12"/>
    </row>
    <row r="658971" spans="8:8">
      <c r="H658971" s="12"/>
    </row>
    <row r="658972" spans="8:8">
      <c r="H658972" s="12"/>
    </row>
    <row r="658973" spans="8:8">
      <c r="H658973" s="12"/>
    </row>
    <row r="658974" spans="8:8">
      <c r="H658974" s="12"/>
    </row>
    <row r="658975" spans="8:8">
      <c r="H658975" s="12"/>
    </row>
    <row r="658976" spans="8:8">
      <c r="H658976" s="12"/>
    </row>
    <row r="658977" spans="8:8">
      <c r="H658977" s="12"/>
    </row>
    <row r="658978" spans="8:8">
      <c r="H658978" s="12"/>
    </row>
    <row r="658979" spans="8:8">
      <c r="H658979" s="12"/>
    </row>
    <row r="658980" spans="8:8">
      <c r="H658980" s="12"/>
    </row>
    <row r="658981" spans="8:8">
      <c r="H658981" s="12"/>
    </row>
    <row r="658982" spans="8:8">
      <c r="H658982" s="12"/>
    </row>
    <row r="658983" spans="8:8">
      <c r="H658983" s="12"/>
    </row>
    <row r="658984" spans="8:8">
      <c r="H658984" s="12"/>
    </row>
    <row r="658985" spans="8:8">
      <c r="H658985" s="12"/>
    </row>
    <row r="658986" spans="8:8">
      <c r="H658986" s="12"/>
    </row>
    <row r="658987" spans="8:8">
      <c r="H658987" s="12"/>
    </row>
    <row r="658988" spans="8:8">
      <c r="H658988" s="12"/>
    </row>
    <row r="658989" spans="8:8">
      <c r="H658989" s="12"/>
    </row>
    <row r="658990" spans="8:8">
      <c r="H658990" s="12"/>
    </row>
    <row r="658991" spans="8:8">
      <c r="H658991" s="12"/>
    </row>
    <row r="658992" spans="8:8">
      <c r="H658992" s="12"/>
    </row>
    <row r="658993" spans="8:8">
      <c r="H658993" s="12"/>
    </row>
    <row r="658994" spans="8:8">
      <c r="H658994" s="12"/>
    </row>
    <row r="658995" spans="8:8">
      <c r="H658995" s="12"/>
    </row>
    <row r="658996" spans="8:8">
      <c r="H658996" s="12"/>
    </row>
    <row r="658997" spans="8:8">
      <c r="H658997" s="12"/>
    </row>
    <row r="658998" spans="8:8">
      <c r="H658998" s="12"/>
    </row>
    <row r="658999" spans="8:8">
      <c r="H658999" s="12"/>
    </row>
    <row r="659000" spans="8:8">
      <c r="H659000" s="12"/>
    </row>
    <row r="659001" spans="8:8">
      <c r="H659001" s="12"/>
    </row>
    <row r="659002" spans="8:8">
      <c r="H659002" s="12"/>
    </row>
    <row r="659003" spans="8:8">
      <c r="H659003" s="12"/>
    </row>
    <row r="659004" spans="8:8">
      <c r="H659004" s="12"/>
    </row>
    <row r="659005" spans="8:8">
      <c r="H659005" s="12"/>
    </row>
    <row r="659006" spans="8:8">
      <c r="H659006" s="12"/>
    </row>
    <row r="659007" spans="8:8">
      <c r="H659007" s="12"/>
    </row>
    <row r="659008" spans="8:8">
      <c r="H659008" s="12"/>
    </row>
    <row r="659009" spans="8:8">
      <c r="H659009" s="12"/>
    </row>
    <row r="659010" spans="8:8">
      <c r="H659010" s="12"/>
    </row>
    <row r="659011" spans="8:8">
      <c r="H659011" s="12"/>
    </row>
    <row r="659012" spans="8:8">
      <c r="H659012" s="12"/>
    </row>
    <row r="659013" spans="8:8">
      <c r="H659013" s="12"/>
    </row>
    <row r="659014" spans="8:8">
      <c r="H659014" s="12"/>
    </row>
    <row r="659015" spans="8:8">
      <c r="H659015" s="12"/>
    </row>
    <row r="659016" spans="8:8">
      <c r="H659016" s="12"/>
    </row>
    <row r="659017" spans="8:8">
      <c r="H659017" s="12"/>
    </row>
    <row r="659018" spans="8:8">
      <c r="H659018" s="12"/>
    </row>
    <row r="659019" spans="8:8">
      <c r="H659019" s="12"/>
    </row>
    <row r="659020" spans="8:8">
      <c r="H659020" s="12"/>
    </row>
    <row r="659021" spans="8:8">
      <c r="H659021" s="12"/>
    </row>
    <row r="659022" spans="8:8">
      <c r="H659022" s="12"/>
    </row>
    <row r="659023" spans="8:8">
      <c r="H659023" s="12"/>
    </row>
    <row r="659024" spans="8:8">
      <c r="H659024" s="12"/>
    </row>
    <row r="659025" spans="8:8">
      <c r="H659025" s="12"/>
    </row>
    <row r="659026" spans="8:8">
      <c r="H659026" s="12"/>
    </row>
    <row r="659027" spans="8:8">
      <c r="H659027" s="12"/>
    </row>
    <row r="659028" spans="8:8">
      <c r="H659028" s="12"/>
    </row>
    <row r="659029" spans="8:8">
      <c r="H659029" s="12"/>
    </row>
    <row r="659030" spans="8:8">
      <c r="H659030" s="12"/>
    </row>
    <row r="659031" spans="8:8">
      <c r="H659031" s="12"/>
    </row>
    <row r="659032" spans="8:8">
      <c r="H659032" s="12"/>
    </row>
    <row r="659033" spans="8:8">
      <c r="H659033" s="12"/>
    </row>
    <row r="659034" spans="8:8">
      <c r="H659034" s="12"/>
    </row>
    <row r="659035" spans="8:8">
      <c r="H659035" s="12"/>
    </row>
    <row r="659036" spans="8:8">
      <c r="H659036" s="12"/>
    </row>
    <row r="659037" spans="8:8">
      <c r="H659037" s="12"/>
    </row>
    <row r="659038" spans="8:8">
      <c r="H659038" s="12"/>
    </row>
    <row r="659039" spans="8:8">
      <c r="H659039" s="12"/>
    </row>
    <row r="659040" spans="8:8">
      <c r="H659040" s="12"/>
    </row>
    <row r="659041" spans="8:8">
      <c r="H659041" s="12"/>
    </row>
    <row r="659042" spans="8:8">
      <c r="H659042" s="12"/>
    </row>
    <row r="659043" spans="8:8">
      <c r="H659043" s="12"/>
    </row>
    <row r="659044" spans="8:8">
      <c r="H659044" s="12"/>
    </row>
    <row r="659045" spans="8:8">
      <c r="H659045" s="12"/>
    </row>
    <row r="659046" spans="8:8">
      <c r="H659046" s="12"/>
    </row>
    <row r="659047" spans="8:8">
      <c r="H659047" s="12"/>
    </row>
    <row r="659048" spans="8:8">
      <c r="H659048" s="12"/>
    </row>
    <row r="659049" spans="8:8">
      <c r="H659049" s="12"/>
    </row>
    <row r="659050" spans="8:8">
      <c r="H659050" s="12"/>
    </row>
    <row r="659051" spans="8:8">
      <c r="H659051" s="12"/>
    </row>
    <row r="659052" spans="8:8">
      <c r="H659052" s="12"/>
    </row>
    <row r="659053" spans="8:8">
      <c r="H659053" s="12"/>
    </row>
    <row r="659054" spans="8:8">
      <c r="H659054" s="12"/>
    </row>
    <row r="659055" spans="8:8">
      <c r="H659055" s="12"/>
    </row>
    <row r="659056" spans="8:8">
      <c r="H659056" s="12"/>
    </row>
    <row r="659057" spans="8:8">
      <c r="H659057" s="12"/>
    </row>
    <row r="659058" spans="8:8">
      <c r="H659058" s="12"/>
    </row>
    <row r="659059" spans="8:8">
      <c r="H659059" s="12"/>
    </row>
    <row r="659060" spans="8:8">
      <c r="H659060" s="12"/>
    </row>
    <row r="659061" spans="8:8">
      <c r="H659061" s="12"/>
    </row>
    <row r="659062" spans="8:8">
      <c r="H659062" s="12"/>
    </row>
    <row r="659063" spans="8:8">
      <c r="H659063" s="12"/>
    </row>
    <row r="659064" spans="8:8">
      <c r="H659064" s="12"/>
    </row>
    <row r="659065" spans="8:8">
      <c r="H659065" s="12"/>
    </row>
    <row r="659066" spans="8:8">
      <c r="H659066" s="12"/>
    </row>
    <row r="659067" spans="8:8">
      <c r="H659067" s="12"/>
    </row>
    <row r="659068" spans="8:8">
      <c r="H659068" s="12"/>
    </row>
    <row r="659069" spans="8:8">
      <c r="H659069" s="12"/>
    </row>
    <row r="659070" spans="8:8">
      <c r="H659070" s="12"/>
    </row>
    <row r="659071" spans="8:8">
      <c r="H659071" s="12"/>
    </row>
    <row r="659072" spans="8:8">
      <c r="H659072" s="12"/>
    </row>
    <row r="659073" spans="8:8">
      <c r="H659073" s="12"/>
    </row>
    <row r="659074" spans="8:8">
      <c r="H659074" s="12"/>
    </row>
    <row r="659075" spans="8:8">
      <c r="H659075" s="12"/>
    </row>
    <row r="659076" spans="8:8">
      <c r="H659076" s="12"/>
    </row>
    <row r="659077" spans="8:8">
      <c r="H659077" s="12"/>
    </row>
    <row r="659078" spans="8:8">
      <c r="H659078" s="12"/>
    </row>
    <row r="659079" spans="8:8">
      <c r="H659079" s="12"/>
    </row>
    <row r="659080" spans="8:8">
      <c r="H659080" s="12"/>
    </row>
    <row r="659081" spans="8:8">
      <c r="H659081" s="12"/>
    </row>
    <row r="659082" spans="8:8">
      <c r="H659082" s="12"/>
    </row>
    <row r="659083" spans="8:8">
      <c r="H659083" s="12"/>
    </row>
    <row r="659084" spans="8:8">
      <c r="H659084" s="12"/>
    </row>
    <row r="659085" spans="8:8">
      <c r="H659085" s="12"/>
    </row>
    <row r="659086" spans="8:8">
      <c r="H659086" s="12"/>
    </row>
    <row r="659087" spans="8:8">
      <c r="H659087" s="12"/>
    </row>
    <row r="659088" spans="8:8">
      <c r="H659088" s="12"/>
    </row>
    <row r="659089" spans="8:8">
      <c r="H659089" s="12"/>
    </row>
    <row r="659090" spans="8:8">
      <c r="H659090" s="12"/>
    </row>
    <row r="659091" spans="8:8">
      <c r="H659091" s="12"/>
    </row>
    <row r="659092" spans="8:8">
      <c r="H659092" s="12"/>
    </row>
    <row r="659093" spans="8:8">
      <c r="H659093" s="12"/>
    </row>
    <row r="659094" spans="8:8">
      <c r="H659094" s="12"/>
    </row>
    <row r="659095" spans="8:8">
      <c r="H659095" s="12"/>
    </row>
    <row r="659096" spans="8:8">
      <c r="H659096" s="12"/>
    </row>
    <row r="659097" spans="8:8">
      <c r="H659097" s="12"/>
    </row>
    <row r="659098" spans="8:8">
      <c r="H659098" s="12"/>
    </row>
    <row r="659099" spans="8:8">
      <c r="H659099" s="12"/>
    </row>
    <row r="659100" spans="8:8">
      <c r="H659100" s="12"/>
    </row>
    <row r="659101" spans="8:8">
      <c r="H659101" s="12"/>
    </row>
    <row r="659102" spans="8:8">
      <c r="H659102" s="12"/>
    </row>
    <row r="659103" spans="8:8">
      <c r="H659103" s="12"/>
    </row>
    <row r="659104" spans="8:8">
      <c r="H659104" s="12"/>
    </row>
    <row r="659105" spans="8:8">
      <c r="H659105" s="12"/>
    </row>
    <row r="659106" spans="8:8">
      <c r="H659106" s="12"/>
    </row>
    <row r="659107" spans="8:8">
      <c r="H659107" s="12"/>
    </row>
    <row r="659108" spans="8:8">
      <c r="H659108" s="12"/>
    </row>
    <row r="659109" spans="8:8">
      <c r="H659109" s="12"/>
    </row>
    <row r="659110" spans="8:8">
      <c r="H659110" s="12"/>
    </row>
    <row r="659111" spans="8:8">
      <c r="H659111" s="12"/>
    </row>
    <row r="659112" spans="8:8">
      <c r="H659112" s="12"/>
    </row>
    <row r="659113" spans="8:8">
      <c r="H659113" s="12"/>
    </row>
    <row r="659114" spans="8:8">
      <c r="H659114" s="12"/>
    </row>
    <row r="659115" spans="8:8">
      <c r="H659115" s="12"/>
    </row>
    <row r="659116" spans="8:8">
      <c r="H659116" s="12"/>
    </row>
    <row r="659117" spans="8:8">
      <c r="H659117" s="12"/>
    </row>
    <row r="659118" spans="8:8">
      <c r="H659118" s="12"/>
    </row>
    <row r="659119" spans="8:8">
      <c r="H659119" s="12"/>
    </row>
    <row r="659120" spans="8:8">
      <c r="H659120" s="12"/>
    </row>
    <row r="659121" spans="8:8">
      <c r="H659121" s="12"/>
    </row>
    <row r="659122" spans="8:8">
      <c r="H659122" s="12"/>
    </row>
    <row r="659123" spans="8:8">
      <c r="H659123" s="12"/>
    </row>
    <row r="659124" spans="8:8">
      <c r="H659124" s="12"/>
    </row>
    <row r="659125" spans="8:8">
      <c r="H659125" s="12"/>
    </row>
    <row r="659126" spans="8:8">
      <c r="H659126" s="12"/>
    </row>
    <row r="659127" spans="8:8">
      <c r="H659127" s="12"/>
    </row>
    <row r="659128" spans="8:8">
      <c r="H659128" s="12"/>
    </row>
    <row r="659129" spans="8:8">
      <c r="H659129" s="12"/>
    </row>
    <row r="659130" spans="8:8">
      <c r="H659130" s="12"/>
    </row>
    <row r="659131" spans="8:8">
      <c r="H659131" s="12"/>
    </row>
    <row r="659132" spans="8:8">
      <c r="H659132" s="12"/>
    </row>
    <row r="659133" spans="8:8">
      <c r="H659133" s="12"/>
    </row>
    <row r="659134" spans="8:8">
      <c r="H659134" s="12"/>
    </row>
    <row r="659135" spans="8:8">
      <c r="H659135" s="12"/>
    </row>
    <row r="659136" spans="8:8">
      <c r="H659136" s="12"/>
    </row>
    <row r="659137" spans="8:8">
      <c r="H659137" s="12"/>
    </row>
    <row r="659138" spans="8:8">
      <c r="H659138" s="12"/>
    </row>
    <row r="659139" spans="8:8">
      <c r="H659139" s="12"/>
    </row>
    <row r="659140" spans="8:8">
      <c r="H659140" s="12"/>
    </row>
    <row r="659141" spans="8:8">
      <c r="H659141" s="12"/>
    </row>
    <row r="659142" spans="8:8">
      <c r="H659142" s="12"/>
    </row>
    <row r="659143" spans="8:8">
      <c r="H659143" s="12"/>
    </row>
    <row r="659144" spans="8:8">
      <c r="H659144" s="12"/>
    </row>
    <row r="659145" spans="8:8">
      <c r="H659145" s="12"/>
    </row>
    <row r="659146" spans="8:8">
      <c r="H659146" s="12"/>
    </row>
    <row r="659147" spans="8:8">
      <c r="H659147" s="12"/>
    </row>
    <row r="659148" spans="8:8">
      <c r="H659148" s="12"/>
    </row>
    <row r="659149" spans="8:8">
      <c r="H659149" s="12"/>
    </row>
    <row r="659150" spans="8:8">
      <c r="H659150" s="12"/>
    </row>
    <row r="659151" spans="8:8">
      <c r="H659151" s="12"/>
    </row>
    <row r="659152" spans="8:8">
      <c r="H659152" s="12"/>
    </row>
    <row r="659153" spans="8:8">
      <c r="H659153" s="12"/>
    </row>
    <row r="659154" spans="8:8">
      <c r="H659154" s="12"/>
    </row>
    <row r="659155" spans="8:8">
      <c r="H659155" s="12"/>
    </row>
    <row r="659156" spans="8:8">
      <c r="H659156" s="12"/>
    </row>
    <row r="659157" spans="8:8">
      <c r="H659157" s="12"/>
    </row>
    <row r="659158" spans="8:8">
      <c r="H659158" s="12"/>
    </row>
    <row r="659159" spans="8:8">
      <c r="H659159" s="12"/>
    </row>
    <row r="659160" spans="8:8">
      <c r="H659160" s="12"/>
    </row>
    <row r="659161" spans="8:8">
      <c r="H659161" s="12"/>
    </row>
    <row r="659162" spans="8:8">
      <c r="H659162" s="12"/>
    </row>
    <row r="659163" spans="8:8">
      <c r="H659163" s="12"/>
    </row>
    <row r="659164" spans="8:8">
      <c r="H659164" s="12"/>
    </row>
    <row r="659165" spans="8:8">
      <c r="H659165" s="12"/>
    </row>
    <row r="659166" spans="8:8">
      <c r="H659166" s="12"/>
    </row>
    <row r="659167" spans="8:8">
      <c r="H659167" s="12"/>
    </row>
    <row r="659168" spans="8:8">
      <c r="H659168" s="12"/>
    </row>
    <row r="659169" spans="8:8">
      <c r="H659169" s="12"/>
    </row>
    <row r="659170" spans="8:8">
      <c r="H659170" s="12"/>
    </row>
    <row r="659171" spans="8:8">
      <c r="H659171" s="12"/>
    </row>
    <row r="659172" spans="8:8">
      <c r="H659172" s="12"/>
    </row>
    <row r="659173" spans="8:8">
      <c r="H659173" s="12"/>
    </row>
    <row r="659174" spans="8:8">
      <c r="H659174" s="12"/>
    </row>
    <row r="659175" spans="8:8">
      <c r="H659175" s="12"/>
    </row>
    <row r="659176" spans="8:8">
      <c r="H659176" s="12"/>
    </row>
    <row r="659177" spans="8:8">
      <c r="H659177" s="12"/>
    </row>
    <row r="659178" spans="8:8">
      <c r="H659178" s="12"/>
    </row>
    <row r="659179" spans="8:8">
      <c r="H659179" s="12"/>
    </row>
    <row r="659180" spans="8:8">
      <c r="H659180" s="12"/>
    </row>
    <row r="659181" spans="8:8">
      <c r="H659181" s="12"/>
    </row>
    <row r="659182" spans="8:8">
      <c r="H659182" s="12"/>
    </row>
    <row r="659183" spans="8:8">
      <c r="H659183" s="12"/>
    </row>
    <row r="659184" spans="8:8">
      <c r="H659184" s="12"/>
    </row>
    <row r="659185" spans="8:8">
      <c r="H659185" s="12"/>
    </row>
    <row r="659186" spans="8:8">
      <c r="H659186" s="12"/>
    </row>
    <row r="659187" spans="8:8">
      <c r="H659187" s="12"/>
    </row>
    <row r="659188" spans="8:8">
      <c r="H659188" s="12"/>
    </row>
    <row r="659189" spans="8:8">
      <c r="H659189" s="12"/>
    </row>
    <row r="659190" spans="8:8">
      <c r="H659190" s="12"/>
    </row>
    <row r="659191" spans="8:8">
      <c r="H659191" s="12"/>
    </row>
    <row r="659192" spans="8:8">
      <c r="H659192" s="12"/>
    </row>
    <row r="659193" spans="8:8">
      <c r="H659193" s="12"/>
    </row>
    <row r="659194" spans="8:8">
      <c r="H659194" s="12"/>
    </row>
    <row r="659195" spans="8:8">
      <c r="H659195" s="12"/>
    </row>
    <row r="659196" spans="8:8">
      <c r="H659196" s="12"/>
    </row>
    <row r="659197" spans="8:8">
      <c r="H659197" s="12"/>
    </row>
    <row r="659198" spans="8:8">
      <c r="H659198" s="12"/>
    </row>
    <row r="659199" spans="8:8">
      <c r="H659199" s="12"/>
    </row>
    <row r="659200" spans="8:8">
      <c r="H659200" s="12"/>
    </row>
    <row r="659201" spans="8:8">
      <c r="H659201" s="12"/>
    </row>
    <row r="659202" spans="8:8">
      <c r="H659202" s="12"/>
    </row>
    <row r="659203" spans="8:8">
      <c r="H659203" s="12"/>
    </row>
    <row r="659204" spans="8:8">
      <c r="H659204" s="12"/>
    </row>
    <row r="659205" spans="8:8">
      <c r="H659205" s="12"/>
    </row>
    <row r="659206" spans="8:8">
      <c r="H659206" s="12"/>
    </row>
    <row r="659207" spans="8:8">
      <c r="H659207" s="12"/>
    </row>
    <row r="659208" spans="8:8">
      <c r="H659208" s="12"/>
    </row>
    <row r="659209" spans="8:8">
      <c r="H659209" s="12"/>
    </row>
    <row r="659210" spans="8:8">
      <c r="H659210" s="12"/>
    </row>
    <row r="659211" spans="8:8">
      <c r="H659211" s="12"/>
    </row>
    <row r="659212" spans="8:8">
      <c r="H659212" s="12"/>
    </row>
    <row r="659213" spans="8:8">
      <c r="H659213" s="12"/>
    </row>
    <row r="659214" spans="8:8">
      <c r="H659214" s="12"/>
    </row>
    <row r="659215" spans="8:8">
      <c r="H659215" s="12"/>
    </row>
    <row r="659216" spans="8:8">
      <c r="H659216" s="12"/>
    </row>
    <row r="659217" spans="8:8">
      <c r="H659217" s="12"/>
    </row>
    <row r="659218" spans="8:8">
      <c r="H659218" s="12"/>
    </row>
    <row r="659219" spans="8:8">
      <c r="H659219" s="12"/>
    </row>
    <row r="659220" spans="8:8">
      <c r="H659220" s="12"/>
    </row>
    <row r="659221" spans="8:8">
      <c r="H659221" s="12"/>
    </row>
    <row r="659222" spans="8:8">
      <c r="H659222" s="12"/>
    </row>
    <row r="659223" spans="8:8">
      <c r="H659223" s="12"/>
    </row>
    <row r="659224" spans="8:8">
      <c r="H659224" s="12"/>
    </row>
    <row r="659225" spans="8:8">
      <c r="H659225" s="12"/>
    </row>
    <row r="659226" spans="8:8">
      <c r="H659226" s="12"/>
    </row>
    <row r="659227" spans="8:8">
      <c r="H659227" s="12"/>
    </row>
    <row r="659228" spans="8:8">
      <c r="H659228" s="12"/>
    </row>
    <row r="659229" spans="8:8">
      <c r="H659229" s="12"/>
    </row>
    <row r="659230" spans="8:8">
      <c r="H659230" s="12"/>
    </row>
    <row r="659231" spans="8:8">
      <c r="H659231" s="12"/>
    </row>
    <row r="659232" spans="8:8">
      <c r="H659232" s="12"/>
    </row>
    <row r="659233" spans="8:8">
      <c r="H659233" s="12"/>
    </row>
    <row r="659234" spans="8:8">
      <c r="H659234" s="12"/>
    </row>
    <row r="659235" spans="8:8">
      <c r="H659235" s="12"/>
    </row>
    <row r="659236" spans="8:8">
      <c r="H659236" s="12"/>
    </row>
    <row r="659237" spans="8:8">
      <c r="H659237" s="12"/>
    </row>
    <row r="659238" spans="8:8">
      <c r="H659238" s="12"/>
    </row>
    <row r="659239" spans="8:8">
      <c r="H659239" s="12"/>
    </row>
    <row r="659240" spans="8:8">
      <c r="H659240" s="12"/>
    </row>
    <row r="659241" spans="8:8">
      <c r="H659241" s="12"/>
    </row>
    <row r="659242" spans="8:8">
      <c r="H659242" s="12"/>
    </row>
    <row r="659243" spans="8:8">
      <c r="H659243" s="12"/>
    </row>
    <row r="659244" spans="8:8">
      <c r="H659244" s="12"/>
    </row>
    <row r="659245" spans="8:8">
      <c r="H659245" s="12"/>
    </row>
    <row r="659246" spans="8:8">
      <c r="H659246" s="12"/>
    </row>
    <row r="659247" spans="8:8">
      <c r="H659247" s="12"/>
    </row>
    <row r="659248" spans="8:8">
      <c r="H659248" s="12"/>
    </row>
    <row r="659249" spans="8:8">
      <c r="H659249" s="12"/>
    </row>
    <row r="659250" spans="8:8">
      <c r="H659250" s="12"/>
    </row>
    <row r="659251" spans="8:8">
      <c r="H659251" s="12"/>
    </row>
    <row r="659252" spans="8:8">
      <c r="H659252" s="12"/>
    </row>
    <row r="659253" spans="8:8">
      <c r="H659253" s="12"/>
    </row>
    <row r="659254" spans="8:8">
      <c r="H659254" s="12"/>
    </row>
    <row r="659255" spans="8:8">
      <c r="H659255" s="12"/>
    </row>
    <row r="659256" spans="8:8">
      <c r="H659256" s="12"/>
    </row>
    <row r="659257" spans="8:8">
      <c r="H659257" s="12"/>
    </row>
    <row r="659258" spans="8:8">
      <c r="H659258" s="12"/>
    </row>
    <row r="659259" spans="8:8">
      <c r="H659259" s="12"/>
    </row>
    <row r="659260" spans="8:8">
      <c r="H659260" s="12"/>
    </row>
    <row r="659261" spans="8:8">
      <c r="H659261" s="12"/>
    </row>
    <row r="659262" spans="8:8">
      <c r="H659262" s="12"/>
    </row>
    <row r="659263" spans="8:8">
      <c r="H659263" s="12"/>
    </row>
    <row r="659264" spans="8:8">
      <c r="H659264" s="12"/>
    </row>
    <row r="659265" spans="8:8">
      <c r="H659265" s="12"/>
    </row>
    <row r="659266" spans="8:8">
      <c r="H659266" s="12"/>
    </row>
    <row r="659267" spans="8:8">
      <c r="H659267" s="12"/>
    </row>
    <row r="659268" spans="8:8">
      <c r="H659268" s="12"/>
    </row>
    <row r="659269" spans="8:8">
      <c r="H659269" s="12"/>
    </row>
    <row r="659270" spans="8:8">
      <c r="H659270" s="12"/>
    </row>
    <row r="659271" spans="8:8">
      <c r="H659271" s="12"/>
    </row>
    <row r="659272" spans="8:8">
      <c r="H659272" s="12"/>
    </row>
    <row r="659273" spans="8:8">
      <c r="H659273" s="12"/>
    </row>
    <row r="659274" spans="8:8">
      <c r="H659274" s="12"/>
    </row>
    <row r="659275" spans="8:8">
      <c r="H659275" s="12"/>
    </row>
    <row r="659276" spans="8:8">
      <c r="H659276" s="12"/>
    </row>
    <row r="659277" spans="8:8">
      <c r="H659277" s="12"/>
    </row>
    <row r="659278" spans="8:8">
      <c r="H659278" s="12"/>
    </row>
    <row r="659279" spans="8:8">
      <c r="H659279" s="12"/>
    </row>
    <row r="659280" spans="8:8">
      <c r="H659280" s="12"/>
    </row>
    <row r="659281" spans="8:8">
      <c r="H659281" s="12"/>
    </row>
    <row r="659282" spans="8:8">
      <c r="H659282" s="12"/>
    </row>
    <row r="659283" spans="8:8">
      <c r="H659283" s="12"/>
    </row>
    <row r="659284" spans="8:8">
      <c r="H659284" s="12"/>
    </row>
    <row r="659285" spans="8:8">
      <c r="H659285" s="12"/>
    </row>
    <row r="659286" spans="8:8">
      <c r="H659286" s="12"/>
    </row>
    <row r="659287" spans="8:8">
      <c r="H659287" s="12"/>
    </row>
    <row r="659288" spans="8:8">
      <c r="H659288" s="12"/>
    </row>
    <row r="659289" spans="8:8">
      <c r="H659289" s="12"/>
    </row>
    <row r="659290" spans="8:8">
      <c r="H659290" s="12"/>
    </row>
    <row r="659291" spans="8:8">
      <c r="H659291" s="12"/>
    </row>
    <row r="659292" spans="8:8">
      <c r="H659292" s="12"/>
    </row>
    <row r="659293" spans="8:8">
      <c r="H659293" s="12"/>
    </row>
    <row r="659294" spans="8:8">
      <c r="H659294" s="12"/>
    </row>
    <row r="659295" spans="8:8">
      <c r="H659295" s="12"/>
    </row>
    <row r="659296" spans="8:8">
      <c r="H659296" s="12"/>
    </row>
    <row r="659297" spans="8:8">
      <c r="H659297" s="12"/>
    </row>
    <row r="659298" spans="8:8">
      <c r="H659298" s="12"/>
    </row>
    <row r="659299" spans="8:8">
      <c r="H659299" s="12"/>
    </row>
    <row r="659300" spans="8:8">
      <c r="H659300" s="12"/>
    </row>
    <row r="659301" spans="8:8">
      <c r="H659301" s="12"/>
    </row>
    <row r="659302" spans="8:8">
      <c r="H659302" s="12"/>
    </row>
    <row r="659303" spans="8:8">
      <c r="H659303" s="12"/>
    </row>
    <row r="659304" spans="8:8">
      <c r="H659304" s="12"/>
    </row>
    <row r="659305" spans="8:8">
      <c r="H659305" s="12"/>
    </row>
    <row r="659306" spans="8:8">
      <c r="H659306" s="12"/>
    </row>
    <row r="659307" spans="8:8">
      <c r="H659307" s="12"/>
    </row>
    <row r="659308" spans="8:8">
      <c r="H659308" s="12"/>
    </row>
    <row r="659309" spans="8:8">
      <c r="H659309" s="12"/>
    </row>
    <row r="659310" spans="8:8">
      <c r="H659310" s="12"/>
    </row>
    <row r="659311" spans="8:8">
      <c r="H659311" s="12"/>
    </row>
    <row r="659312" spans="8:8">
      <c r="H659312" s="12"/>
    </row>
    <row r="659313" spans="8:8">
      <c r="H659313" s="12"/>
    </row>
    <row r="659314" spans="8:8">
      <c r="H659314" s="12"/>
    </row>
    <row r="659315" spans="8:8">
      <c r="H659315" s="12"/>
    </row>
    <row r="659316" spans="8:8">
      <c r="H659316" s="12"/>
    </row>
    <row r="659317" spans="8:8">
      <c r="H659317" s="12"/>
    </row>
    <row r="659318" spans="8:8">
      <c r="H659318" s="12"/>
    </row>
    <row r="659319" spans="8:8">
      <c r="H659319" s="12"/>
    </row>
    <row r="659320" spans="8:8">
      <c r="H659320" s="12"/>
    </row>
    <row r="659321" spans="8:8">
      <c r="H659321" s="12"/>
    </row>
    <row r="659322" spans="8:8">
      <c r="H659322" s="12"/>
    </row>
    <row r="659323" spans="8:8">
      <c r="H659323" s="12"/>
    </row>
    <row r="659324" spans="8:8">
      <c r="H659324" s="12"/>
    </row>
    <row r="659325" spans="8:8">
      <c r="H659325" s="12"/>
    </row>
    <row r="659326" spans="8:8">
      <c r="H659326" s="12"/>
    </row>
    <row r="659327" spans="8:8">
      <c r="H659327" s="12"/>
    </row>
    <row r="659328" spans="8:8">
      <c r="H659328" s="12"/>
    </row>
    <row r="659329" spans="8:8">
      <c r="H659329" s="12"/>
    </row>
    <row r="659330" spans="8:8">
      <c r="H659330" s="12"/>
    </row>
    <row r="659331" spans="8:8">
      <c r="H659331" s="12"/>
    </row>
    <row r="659332" spans="8:8">
      <c r="H659332" s="12"/>
    </row>
    <row r="659333" spans="8:8">
      <c r="H659333" s="12"/>
    </row>
    <row r="659334" spans="8:8">
      <c r="H659334" s="12"/>
    </row>
    <row r="659335" spans="8:8">
      <c r="H659335" s="12"/>
    </row>
    <row r="659336" spans="8:8">
      <c r="H659336" s="12"/>
    </row>
    <row r="659337" spans="8:8">
      <c r="H659337" s="12"/>
    </row>
    <row r="659338" spans="8:8">
      <c r="H659338" s="12"/>
    </row>
    <row r="659339" spans="8:8">
      <c r="H659339" s="12"/>
    </row>
    <row r="659340" spans="8:8">
      <c r="H659340" s="12"/>
    </row>
    <row r="659341" spans="8:8">
      <c r="H659341" s="12"/>
    </row>
    <row r="659342" spans="8:8">
      <c r="H659342" s="12"/>
    </row>
    <row r="659343" spans="8:8">
      <c r="H659343" s="12"/>
    </row>
    <row r="659344" spans="8:8">
      <c r="H659344" s="12"/>
    </row>
    <row r="659345" spans="8:8">
      <c r="H659345" s="12"/>
    </row>
    <row r="659346" spans="8:8">
      <c r="H659346" s="12"/>
    </row>
    <row r="659347" spans="8:8">
      <c r="H659347" s="12"/>
    </row>
    <row r="659348" spans="8:8">
      <c r="H659348" s="12"/>
    </row>
    <row r="659349" spans="8:8">
      <c r="H659349" s="12"/>
    </row>
    <row r="659350" spans="8:8">
      <c r="H659350" s="12"/>
    </row>
    <row r="659351" spans="8:8">
      <c r="H659351" s="12"/>
    </row>
    <row r="659352" spans="8:8">
      <c r="H659352" s="12"/>
    </row>
    <row r="659353" spans="8:8">
      <c r="H659353" s="12"/>
    </row>
    <row r="659354" spans="8:8">
      <c r="H659354" s="12"/>
    </row>
    <row r="659355" spans="8:8">
      <c r="H659355" s="12"/>
    </row>
    <row r="659356" spans="8:8">
      <c r="H659356" s="12"/>
    </row>
    <row r="659357" spans="8:8">
      <c r="H659357" s="12"/>
    </row>
    <row r="659358" spans="8:8">
      <c r="H659358" s="12"/>
    </row>
    <row r="659359" spans="8:8">
      <c r="H659359" s="12"/>
    </row>
    <row r="659360" spans="8:8">
      <c r="H659360" s="12"/>
    </row>
    <row r="659361" spans="8:8">
      <c r="H659361" s="12"/>
    </row>
    <row r="659362" spans="8:8">
      <c r="H659362" s="12"/>
    </row>
    <row r="659363" spans="8:8">
      <c r="H659363" s="12"/>
    </row>
    <row r="659364" spans="8:8">
      <c r="H659364" s="12"/>
    </row>
    <row r="659365" spans="8:8">
      <c r="H659365" s="12"/>
    </row>
    <row r="659366" spans="8:8">
      <c r="H659366" s="12"/>
    </row>
    <row r="659367" spans="8:8">
      <c r="H659367" s="12"/>
    </row>
    <row r="659368" spans="8:8">
      <c r="H659368" s="12"/>
    </row>
    <row r="659369" spans="8:8">
      <c r="H659369" s="12"/>
    </row>
    <row r="659370" spans="8:8">
      <c r="H659370" s="12"/>
    </row>
    <row r="659371" spans="8:8">
      <c r="H659371" s="12"/>
    </row>
    <row r="659372" spans="8:8">
      <c r="H659372" s="12"/>
    </row>
    <row r="659373" spans="8:8">
      <c r="H659373" s="12"/>
    </row>
    <row r="659374" spans="8:8">
      <c r="H659374" s="12"/>
    </row>
    <row r="659375" spans="8:8">
      <c r="H659375" s="12"/>
    </row>
    <row r="659376" spans="8:8">
      <c r="H659376" s="12"/>
    </row>
    <row r="659377" spans="8:8">
      <c r="H659377" s="12"/>
    </row>
    <row r="659378" spans="8:8">
      <c r="H659378" s="12"/>
    </row>
    <row r="659379" spans="8:8">
      <c r="H659379" s="12"/>
    </row>
    <row r="659380" spans="8:8">
      <c r="H659380" s="12"/>
    </row>
    <row r="659381" spans="8:8">
      <c r="H659381" s="12"/>
    </row>
    <row r="659382" spans="8:8">
      <c r="H659382" s="12"/>
    </row>
    <row r="659383" spans="8:8">
      <c r="H659383" s="12"/>
    </row>
    <row r="659384" spans="8:8">
      <c r="H659384" s="12"/>
    </row>
    <row r="659385" spans="8:8">
      <c r="H659385" s="12"/>
    </row>
    <row r="659386" spans="8:8">
      <c r="H659386" s="12"/>
    </row>
    <row r="659387" spans="8:8">
      <c r="H659387" s="12"/>
    </row>
    <row r="659388" spans="8:8">
      <c r="H659388" s="12"/>
    </row>
    <row r="659389" spans="8:8">
      <c r="H659389" s="12"/>
    </row>
    <row r="659390" spans="8:8">
      <c r="H659390" s="12"/>
    </row>
    <row r="659391" spans="8:8">
      <c r="H659391" s="12"/>
    </row>
    <row r="659392" spans="8:8">
      <c r="H659392" s="12"/>
    </row>
    <row r="659393" spans="8:8">
      <c r="H659393" s="12"/>
    </row>
    <row r="659394" spans="8:8">
      <c r="H659394" s="12"/>
    </row>
    <row r="659395" spans="8:8">
      <c r="H659395" s="12"/>
    </row>
    <row r="659396" spans="8:8">
      <c r="H659396" s="12"/>
    </row>
    <row r="659397" spans="8:8">
      <c r="H659397" s="12"/>
    </row>
    <row r="659398" spans="8:8">
      <c r="H659398" s="12"/>
    </row>
    <row r="659399" spans="8:8">
      <c r="H659399" s="12"/>
    </row>
    <row r="659400" spans="8:8">
      <c r="H659400" s="12"/>
    </row>
    <row r="659401" spans="8:8">
      <c r="H659401" s="12"/>
    </row>
    <row r="659402" spans="8:8">
      <c r="H659402" s="12"/>
    </row>
    <row r="659403" spans="8:8">
      <c r="H659403" s="12"/>
    </row>
    <row r="659404" spans="8:8">
      <c r="H659404" s="12"/>
    </row>
    <row r="659405" spans="8:8">
      <c r="H659405" s="12"/>
    </row>
    <row r="659406" spans="8:8">
      <c r="H659406" s="12"/>
    </row>
    <row r="659407" spans="8:8">
      <c r="H659407" s="12"/>
    </row>
    <row r="659408" spans="8:8">
      <c r="H659408" s="12"/>
    </row>
    <row r="659409" spans="8:8">
      <c r="H659409" s="12"/>
    </row>
    <row r="659410" spans="8:8">
      <c r="H659410" s="12"/>
    </row>
    <row r="659411" spans="8:8">
      <c r="H659411" s="12"/>
    </row>
    <row r="659412" spans="8:8">
      <c r="H659412" s="12"/>
    </row>
    <row r="659413" spans="8:8">
      <c r="H659413" s="12"/>
    </row>
    <row r="659414" spans="8:8">
      <c r="H659414" s="12"/>
    </row>
    <row r="659415" spans="8:8">
      <c r="H659415" s="12"/>
    </row>
    <row r="659416" spans="8:8">
      <c r="H659416" s="12"/>
    </row>
    <row r="659417" spans="8:8">
      <c r="H659417" s="12"/>
    </row>
    <row r="659418" spans="8:8">
      <c r="H659418" s="12"/>
    </row>
    <row r="659419" spans="8:8">
      <c r="H659419" s="12"/>
    </row>
    <row r="659420" spans="8:8">
      <c r="H659420" s="12"/>
    </row>
    <row r="659421" spans="8:8">
      <c r="H659421" s="12"/>
    </row>
    <row r="659422" spans="8:8">
      <c r="H659422" s="12"/>
    </row>
    <row r="659423" spans="8:8">
      <c r="H659423" s="12"/>
    </row>
    <row r="659424" spans="8:8">
      <c r="H659424" s="12"/>
    </row>
    <row r="659425" spans="8:8">
      <c r="H659425" s="12"/>
    </row>
    <row r="659426" spans="8:8">
      <c r="H659426" s="12"/>
    </row>
    <row r="659427" spans="8:8">
      <c r="H659427" s="12"/>
    </row>
    <row r="659428" spans="8:8">
      <c r="H659428" s="12"/>
    </row>
    <row r="659429" spans="8:8">
      <c r="H659429" s="12"/>
    </row>
    <row r="659430" spans="8:8">
      <c r="H659430" s="12"/>
    </row>
    <row r="659431" spans="8:8">
      <c r="H659431" s="12"/>
    </row>
    <row r="659432" spans="8:8">
      <c r="H659432" s="12"/>
    </row>
    <row r="659433" spans="8:8">
      <c r="H659433" s="12"/>
    </row>
    <row r="659434" spans="8:8">
      <c r="H659434" s="12"/>
    </row>
    <row r="659435" spans="8:8">
      <c r="H659435" s="12"/>
    </row>
    <row r="659436" spans="8:8">
      <c r="H659436" s="12"/>
    </row>
    <row r="659437" spans="8:8">
      <c r="H659437" s="12"/>
    </row>
    <row r="659438" spans="8:8">
      <c r="H659438" s="12"/>
    </row>
    <row r="659439" spans="8:8">
      <c r="H659439" s="12"/>
    </row>
    <row r="659440" spans="8:8">
      <c r="H659440" s="12"/>
    </row>
    <row r="659441" spans="8:8">
      <c r="H659441" s="12"/>
    </row>
    <row r="659442" spans="8:8">
      <c r="H659442" s="12"/>
    </row>
    <row r="659443" spans="8:8">
      <c r="H659443" s="12"/>
    </row>
    <row r="659444" spans="8:8">
      <c r="H659444" s="12"/>
    </row>
    <row r="659445" spans="8:8">
      <c r="H659445" s="12"/>
    </row>
    <row r="659446" spans="8:8">
      <c r="H659446" s="12"/>
    </row>
    <row r="659447" spans="8:8">
      <c r="H659447" s="12"/>
    </row>
    <row r="659448" spans="8:8">
      <c r="H659448" s="12"/>
    </row>
    <row r="659449" spans="8:8">
      <c r="H659449" s="12"/>
    </row>
    <row r="659450" spans="8:8">
      <c r="H659450" s="12"/>
    </row>
    <row r="659451" spans="8:8">
      <c r="H659451" s="12"/>
    </row>
    <row r="659452" spans="8:8">
      <c r="H659452" s="12"/>
    </row>
    <row r="659453" spans="8:8">
      <c r="H659453" s="12"/>
    </row>
    <row r="659454" spans="8:8">
      <c r="H659454" s="12"/>
    </row>
    <row r="659455" spans="8:8">
      <c r="H659455" s="12"/>
    </row>
    <row r="659456" spans="8:8">
      <c r="H659456" s="12"/>
    </row>
    <row r="659457" spans="8:8">
      <c r="H659457" s="12"/>
    </row>
    <row r="659458" spans="8:8">
      <c r="H659458" s="12"/>
    </row>
    <row r="659459" spans="8:8">
      <c r="H659459" s="12"/>
    </row>
    <row r="659460" spans="8:8">
      <c r="H659460" s="12"/>
    </row>
    <row r="659461" spans="8:8">
      <c r="H659461" s="12"/>
    </row>
    <row r="659462" spans="8:8">
      <c r="H659462" s="12"/>
    </row>
    <row r="659463" spans="8:8">
      <c r="H659463" s="12"/>
    </row>
    <row r="659464" spans="8:8">
      <c r="H659464" s="12"/>
    </row>
    <row r="659465" spans="8:8">
      <c r="H659465" s="12"/>
    </row>
    <row r="659466" spans="8:8">
      <c r="H659466" s="12"/>
    </row>
    <row r="659467" spans="8:8">
      <c r="H659467" s="12"/>
    </row>
    <row r="659468" spans="8:8">
      <c r="H659468" s="12"/>
    </row>
    <row r="659469" spans="8:8">
      <c r="H659469" s="12"/>
    </row>
    <row r="659470" spans="8:8">
      <c r="H659470" s="12"/>
    </row>
    <row r="659471" spans="8:8">
      <c r="H659471" s="12"/>
    </row>
    <row r="659472" spans="8:8">
      <c r="H659472" s="12"/>
    </row>
    <row r="659473" spans="8:8">
      <c r="H659473" s="12"/>
    </row>
    <row r="659474" spans="8:8">
      <c r="H659474" s="12"/>
    </row>
    <row r="659475" spans="8:8">
      <c r="H659475" s="12"/>
    </row>
    <row r="659476" spans="8:8">
      <c r="H659476" s="12"/>
    </row>
    <row r="659477" spans="8:8">
      <c r="H659477" s="12"/>
    </row>
    <row r="659478" spans="8:8">
      <c r="H659478" s="12"/>
    </row>
    <row r="659479" spans="8:8">
      <c r="H659479" s="12"/>
    </row>
    <row r="659480" spans="8:8">
      <c r="H659480" s="12"/>
    </row>
    <row r="659481" spans="8:8">
      <c r="H659481" s="12"/>
    </row>
    <row r="659482" spans="8:8">
      <c r="H659482" s="12"/>
    </row>
    <row r="659483" spans="8:8">
      <c r="H659483" s="12"/>
    </row>
    <row r="659484" spans="8:8">
      <c r="H659484" s="12"/>
    </row>
    <row r="659485" spans="8:8">
      <c r="H659485" s="12"/>
    </row>
    <row r="659486" spans="8:8">
      <c r="H659486" s="12"/>
    </row>
    <row r="659487" spans="8:8">
      <c r="H659487" s="12"/>
    </row>
    <row r="659488" spans="8:8">
      <c r="H659488" s="12"/>
    </row>
    <row r="659489" spans="8:8">
      <c r="H659489" s="12"/>
    </row>
    <row r="659490" spans="8:8">
      <c r="H659490" s="12"/>
    </row>
    <row r="659491" spans="8:8">
      <c r="H659491" s="12"/>
    </row>
    <row r="659492" spans="8:8">
      <c r="H659492" s="12"/>
    </row>
    <row r="659493" spans="8:8">
      <c r="H659493" s="12"/>
    </row>
    <row r="659494" spans="8:8">
      <c r="H659494" s="12"/>
    </row>
    <row r="659495" spans="8:8">
      <c r="H659495" s="12"/>
    </row>
    <row r="659496" spans="8:8">
      <c r="H659496" s="12"/>
    </row>
    <row r="659497" spans="8:8">
      <c r="H659497" s="12"/>
    </row>
    <row r="659498" spans="8:8">
      <c r="H659498" s="12"/>
    </row>
    <row r="659499" spans="8:8">
      <c r="H659499" s="12"/>
    </row>
    <row r="659500" spans="8:8">
      <c r="H659500" s="12"/>
    </row>
    <row r="659501" spans="8:8">
      <c r="H659501" s="12"/>
    </row>
    <row r="659502" spans="8:8">
      <c r="H659502" s="12"/>
    </row>
    <row r="659503" spans="8:8">
      <c r="H659503" s="12"/>
    </row>
    <row r="659504" spans="8:8">
      <c r="H659504" s="12"/>
    </row>
    <row r="659505" spans="8:8">
      <c r="H659505" s="12"/>
    </row>
    <row r="659506" spans="8:8">
      <c r="H659506" s="12"/>
    </row>
    <row r="659507" spans="8:8">
      <c r="H659507" s="12"/>
    </row>
    <row r="659508" spans="8:8">
      <c r="H659508" s="12"/>
    </row>
    <row r="659509" spans="8:8">
      <c r="H659509" s="12"/>
    </row>
    <row r="659510" spans="8:8">
      <c r="H659510" s="12"/>
    </row>
    <row r="659511" spans="8:8">
      <c r="H659511" s="12"/>
    </row>
    <row r="659512" spans="8:8">
      <c r="H659512" s="12"/>
    </row>
    <row r="659513" spans="8:8">
      <c r="H659513" s="12"/>
    </row>
    <row r="659514" spans="8:8">
      <c r="H659514" s="12"/>
    </row>
    <row r="659515" spans="8:8">
      <c r="H659515" s="12"/>
    </row>
    <row r="659516" spans="8:8">
      <c r="H659516" s="12"/>
    </row>
    <row r="659517" spans="8:8">
      <c r="H659517" s="12"/>
    </row>
    <row r="659518" spans="8:8">
      <c r="H659518" s="12"/>
    </row>
    <row r="659519" spans="8:8">
      <c r="H659519" s="12"/>
    </row>
    <row r="659520" spans="8:8">
      <c r="H659520" s="12"/>
    </row>
    <row r="659521" spans="8:8">
      <c r="H659521" s="12"/>
    </row>
    <row r="659522" spans="8:8">
      <c r="H659522" s="12"/>
    </row>
    <row r="659523" spans="8:8">
      <c r="H659523" s="12"/>
    </row>
    <row r="659524" spans="8:8">
      <c r="H659524" s="12"/>
    </row>
    <row r="659525" spans="8:8">
      <c r="H659525" s="12"/>
    </row>
    <row r="659526" spans="8:8">
      <c r="H659526" s="12"/>
    </row>
    <row r="659527" spans="8:8">
      <c r="H659527" s="12"/>
    </row>
    <row r="659528" spans="8:8">
      <c r="H659528" s="12"/>
    </row>
    <row r="659529" spans="8:8">
      <c r="H659529" s="12"/>
    </row>
    <row r="659530" spans="8:8">
      <c r="H659530" s="12"/>
    </row>
    <row r="659531" spans="8:8">
      <c r="H659531" s="12"/>
    </row>
    <row r="659532" spans="8:8">
      <c r="H659532" s="12"/>
    </row>
    <row r="659533" spans="8:8">
      <c r="H659533" s="12"/>
    </row>
    <row r="659534" spans="8:8">
      <c r="H659534" s="12"/>
    </row>
    <row r="659535" spans="8:8">
      <c r="H659535" s="12"/>
    </row>
    <row r="659536" spans="8:8">
      <c r="H659536" s="12"/>
    </row>
    <row r="659537" spans="8:8">
      <c r="H659537" s="12"/>
    </row>
    <row r="659538" spans="8:8">
      <c r="H659538" s="12"/>
    </row>
    <row r="659539" spans="8:8">
      <c r="H659539" s="12"/>
    </row>
    <row r="659540" spans="8:8">
      <c r="H659540" s="12"/>
    </row>
    <row r="659541" spans="8:8">
      <c r="H659541" s="12"/>
    </row>
    <row r="659542" spans="8:8">
      <c r="H659542" s="12"/>
    </row>
    <row r="659543" spans="8:8">
      <c r="H659543" s="12"/>
    </row>
    <row r="659544" spans="8:8">
      <c r="H659544" s="12"/>
    </row>
    <row r="659545" spans="8:8">
      <c r="H659545" s="12"/>
    </row>
    <row r="659546" spans="8:8">
      <c r="H659546" s="12"/>
    </row>
    <row r="659547" spans="8:8">
      <c r="H659547" s="12"/>
    </row>
    <row r="659548" spans="8:8">
      <c r="H659548" s="12"/>
    </row>
    <row r="659549" spans="8:8">
      <c r="H659549" s="12"/>
    </row>
    <row r="659550" spans="8:8">
      <c r="H659550" s="12"/>
    </row>
    <row r="659551" spans="8:8">
      <c r="H659551" s="12"/>
    </row>
    <row r="659552" spans="8:8">
      <c r="H659552" s="12"/>
    </row>
    <row r="659553" spans="8:8">
      <c r="H659553" s="12"/>
    </row>
    <row r="659554" spans="8:8">
      <c r="H659554" s="12"/>
    </row>
    <row r="659555" spans="8:8">
      <c r="H659555" s="12"/>
    </row>
    <row r="659556" spans="8:8">
      <c r="H659556" s="12"/>
    </row>
    <row r="659557" spans="8:8">
      <c r="H659557" s="12"/>
    </row>
    <row r="659558" spans="8:8">
      <c r="H659558" s="12"/>
    </row>
    <row r="659559" spans="8:8">
      <c r="H659559" s="12"/>
    </row>
    <row r="659560" spans="8:8">
      <c r="H659560" s="12"/>
    </row>
    <row r="659561" spans="8:8">
      <c r="H659561" s="12"/>
    </row>
    <row r="659562" spans="8:8">
      <c r="H659562" s="12"/>
    </row>
    <row r="659563" spans="8:8">
      <c r="H659563" s="12"/>
    </row>
    <row r="659564" spans="8:8">
      <c r="H659564" s="12"/>
    </row>
    <row r="659565" spans="8:8">
      <c r="H659565" s="12"/>
    </row>
    <row r="659566" spans="8:8">
      <c r="H659566" s="12"/>
    </row>
    <row r="659567" spans="8:8">
      <c r="H659567" s="12"/>
    </row>
    <row r="659568" spans="8:8">
      <c r="H659568" s="12"/>
    </row>
    <row r="659569" spans="8:8">
      <c r="H659569" s="12"/>
    </row>
    <row r="659570" spans="8:8">
      <c r="H659570" s="12"/>
    </row>
    <row r="659571" spans="8:8">
      <c r="H659571" s="12"/>
    </row>
    <row r="659572" spans="8:8">
      <c r="H659572" s="12"/>
    </row>
    <row r="659573" spans="8:8">
      <c r="H659573" s="12"/>
    </row>
    <row r="659574" spans="8:8">
      <c r="H659574" s="12"/>
    </row>
    <row r="659575" spans="8:8">
      <c r="H659575" s="12"/>
    </row>
    <row r="659576" spans="8:8">
      <c r="H659576" s="12"/>
    </row>
    <row r="659577" spans="8:8">
      <c r="H659577" s="12"/>
    </row>
    <row r="659578" spans="8:8">
      <c r="H659578" s="12"/>
    </row>
    <row r="659579" spans="8:8">
      <c r="H659579" s="12"/>
    </row>
    <row r="659580" spans="8:8">
      <c r="H659580" s="12"/>
    </row>
    <row r="659581" spans="8:8">
      <c r="H659581" s="12"/>
    </row>
    <row r="659582" spans="8:8">
      <c r="H659582" s="12"/>
    </row>
    <row r="659583" spans="8:8">
      <c r="H659583" s="12"/>
    </row>
    <row r="659584" spans="8:8">
      <c r="H659584" s="12"/>
    </row>
    <row r="659585" spans="8:8">
      <c r="H659585" s="12"/>
    </row>
    <row r="659586" spans="8:8">
      <c r="H659586" s="12"/>
    </row>
    <row r="659587" spans="8:8">
      <c r="H659587" s="12"/>
    </row>
    <row r="659588" spans="8:8">
      <c r="H659588" s="12"/>
    </row>
    <row r="659589" spans="8:8">
      <c r="H659589" s="12"/>
    </row>
    <row r="659590" spans="8:8">
      <c r="H659590" s="12"/>
    </row>
    <row r="659591" spans="8:8">
      <c r="H659591" s="12"/>
    </row>
    <row r="659592" spans="8:8">
      <c r="H659592" s="12"/>
    </row>
    <row r="659593" spans="8:8">
      <c r="H659593" s="12"/>
    </row>
    <row r="659594" spans="8:8">
      <c r="H659594" s="12"/>
    </row>
    <row r="659595" spans="8:8">
      <c r="H659595" s="12"/>
    </row>
    <row r="659596" spans="8:8">
      <c r="H659596" s="12"/>
    </row>
    <row r="659597" spans="8:8">
      <c r="H659597" s="12"/>
    </row>
    <row r="659598" spans="8:8">
      <c r="H659598" s="12"/>
    </row>
    <row r="659599" spans="8:8">
      <c r="H659599" s="12"/>
    </row>
    <row r="659600" spans="8:8">
      <c r="H659600" s="12"/>
    </row>
    <row r="659601" spans="8:8">
      <c r="H659601" s="12"/>
    </row>
    <row r="659602" spans="8:8">
      <c r="H659602" s="12"/>
    </row>
    <row r="659603" spans="8:8">
      <c r="H659603" s="12"/>
    </row>
    <row r="659604" spans="8:8">
      <c r="H659604" s="12"/>
    </row>
    <row r="659605" spans="8:8">
      <c r="H659605" s="12"/>
    </row>
    <row r="659606" spans="8:8">
      <c r="H659606" s="12"/>
    </row>
    <row r="659607" spans="8:8">
      <c r="H659607" s="12"/>
    </row>
    <row r="659608" spans="8:8">
      <c r="H659608" s="12"/>
    </row>
    <row r="659609" spans="8:8">
      <c r="H659609" s="12"/>
    </row>
    <row r="659610" spans="8:8">
      <c r="H659610" s="12"/>
    </row>
    <row r="659611" spans="8:8">
      <c r="H659611" s="12"/>
    </row>
    <row r="659612" spans="8:8">
      <c r="H659612" s="12"/>
    </row>
    <row r="659613" spans="8:8">
      <c r="H659613" s="12"/>
    </row>
    <row r="659614" spans="8:8">
      <c r="H659614" s="12"/>
    </row>
    <row r="659615" spans="8:8">
      <c r="H659615" s="12"/>
    </row>
    <row r="659616" spans="8:8">
      <c r="H659616" s="12"/>
    </row>
    <row r="659617" spans="8:8">
      <c r="H659617" s="12"/>
    </row>
    <row r="659618" spans="8:8">
      <c r="H659618" s="12"/>
    </row>
    <row r="659619" spans="8:8">
      <c r="H659619" s="12"/>
    </row>
    <row r="659620" spans="8:8">
      <c r="H659620" s="12"/>
    </row>
    <row r="659621" spans="8:8">
      <c r="H659621" s="12"/>
    </row>
    <row r="659622" spans="8:8">
      <c r="H659622" s="12"/>
    </row>
    <row r="659623" spans="8:8">
      <c r="H659623" s="12"/>
    </row>
    <row r="659624" spans="8:8">
      <c r="H659624" s="12"/>
    </row>
    <row r="659625" spans="8:8">
      <c r="H659625" s="12"/>
    </row>
    <row r="659626" spans="8:8">
      <c r="H659626" s="12"/>
    </row>
    <row r="659627" spans="8:8">
      <c r="H659627" s="12"/>
    </row>
    <row r="659628" spans="8:8">
      <c r="H659628" s="12"/>
    </row>
    <row r="659629" spans="8:8">
      <c r="H659629" s="12"/>
    </row>
    <row r="659630" spans="8:8">
      <c r="H659630" s="12"/>
    </row>
    <row r="659631" spans="8:8">
      <c r="H659631" s="12"/>
    </row>
    <row r="659632" spans="8:8">
      <c r="H659632" s="12"/>
    </row>
    <row r="659633" spans="8:8">
      <c r="H659633" s="12"/>
    </row>
    <row r="659634" spans="8:8">
      <c r="H659634" s="12"/>
    </row>
    <row r="659635" spans="8:8">
      <c r="H659635" s="12"/>
    </row>
    <row r="659636" spans="8:8">
      <c r="H659636" s="12"/>
    </row>
    <row r="659637" spans="8:8">
      <c r="H659637" s="12"/>
    </row>
    <row r="659638" spans="8:8">
      <c r="H659638" s="12"/>
    </row>
    <row r="659639" spans="8:8">
      <c r="H659639" s="12"/>
    </row>
    <row r="659640" spans="8:8">
      <c r="H659640" s="12"/>
    </row>
    <row r="659641" spans="8:8">
      <c r="H659641" s="12"/>
    </row>
    <row r="659642" spans="8:8">
      <c r="H659642" s="12"/>
    </row>
    <row r="659643" spans="8:8">
      <c r="H659643" s="12"/>
    </row>
    <row r="659644" spans="8:8">
      <c r="H659644" s="12"/>
    </row>
    <row r="659645" spans="8:8">
      <c r="H659645" s="12"/>
    </row>
    <row r="659646" spans="8:8">
      <c r="H659646" s="12"/>
    </row>
    <row r="659647" spans="8:8">
      <c r="H659647" s="12"/>
    </row>
    <row r="659648" spans="8:8">
      <c r="H659648" s="12"/>
    </row>
    <row r="659649" spans="8:8">
      <c r="H659649" s="12"/>
    </row>
    <row r="659650" spans="8:8">
      <c r="H659650" s="12"/>
    </row>
    <row r="659651" spans="8:8">
      <c r="H659651" s="12"/>
    </row>
    <row r="659652" spans="8:8">
      <c r="H659652" s="12"/>
    </row>
    <row r="659653" spans="8:8">
      <c r="H659653" s="12"/>
    </row>
    <row r="659654" spans="8:8">
      <c r="H659654" s="12"/>
    </row>
    <row r="659655" spans="8:8">
      <c r="H659655" s="12"/>
    </row>
    <row r="659656" spans="8:8">
      <c r="H659656" s="12"/>
    </row>
    <row r="659657" spans="8:8">
      <c r="H659657" s="12"/>
    </row>
    <row r="659658" spans="8:8">
      <c r="H659658" s="12"/>
    </row>
    <row r="659659" spans="8:8">
      <c r="H659659" s="12"/>
    </row>
    <row r="659660" spans="8:8">
      <c r="H659660" s="12"/>
    </row>
    <row r="659661" spans="8:8">
      <c r="H659661" s="12"/>
    </row>
    <row r="659662" spans="8:8">
      <c r="H659662" s="12"/>
    </row>
    <row r="659663" spans="8:8">
      <c r="H659663" s="12"/>
    </row>
    <row r="659664" spans="8:8">
      <c r="H659664" s="12"/>
    </row>
    <row r="659665" spans="8:8">
      <c r="H659665" s="12"/>
    </row>
    <row r="659666" spans="8:8">
      <c r="H659666" s="12"/>
    </row>
    <row r="659667" spans="8:8">
      <c r="H659667" s="12"/>
    </row>
    <row r="659668" spans="8:8">
      <c r="H659668" s="12"/>
    </row>
    <row r="659669" spans="8:8">
      <c r="H659669" s="12"/>
    </row>
    <row r="659670" spans="8:8">
      <c r="H659670" s="12"/>
    </row>
    <row r="659671" spans="8:8">
      <c r="H659671" s="12"/>
    </row>
    <row r="659672" spans="8:8">
      <c r="H659672" s="12"/>
    </row>
    <row r="659673" spans="8:8">
      <c r="H659673" s="12"/>
    </row>
    <row r="659674" spans="8:8">
      <c r="H659674" s="12"/>
    </row>
    <row r="659675" spans="8:8">
      <c r="H659675" s="12"/>
    </row>
    <row r="659676" spans="8:8">
      <c r="H659676" s="12"/>
    </row>
    <row r="659677" spans="8:8">
      <c r="H659677" s="12"/>
    </row>
    <row r="659678" spans="8:8">
      <c r="H659678" s="12"/>
    </row>
    <row r="659679" spans="8:8">
      <c r="H659679" s="12"/>
    </row>
    <row r="659680" spans="8:8">
      <c r="H659680" s="12"/>
    </row>
    <row r="659681" spans="8:8">
      <c r="H659681" s="12"/>
    </row>
    <row r="659682" spans="8:8">
      <c r="H659682" s="12"/>
    </row>
    <row r="659683" spans="8:8">
      <c r="H659683" s="12"/>
    </row>
    <row r="659684" spans="8:8">
      <c r="H659684" s="12"/>
    </row>
    <row r="659685" spans="8:8">
      <c r="H659685" s="12"/>
    </row>
    <row r="659686" spans="8:8">
      <c r="H659686" s="12"/>
    </row>
    <row r="659687" spans="8:8">
      <c r="H659687" s="12"/>
    </row>
    <row r="659688" spans="8:8">
      <c r="H659688" s="12"/>
    </row>
    <row r="659689" spans="8:8">
      <c r="H659689" s="12"/>
    </row>
    <row r="659690" spans="8:8">
      <c r="H659690" s="12"/>
    </row>
    <row r="659691" spans="8:8">
      <c r="H659691" s="12"/>
    </row>
    <row r="659692" spans="8:8">
      <c r="H659692" s="12"/>
    </row>
    <row r="659693" spans="8:8">
      <c r="H659693" s="12"/>
    </row>
    <row r="659694" spans="8:8">
      <c r="H659694" s="12"/>
    </row>
    <row r="659695" spans="8:8">
      <c r="H659695" s="12"/>
    </row>
    <row r="659696" spans="8:8">
      <c r="H659696" s="12"/>
    </row>
    <row r="659697" spans="8:8">
      <c r="H659697" s="12"/>
    </row>
    <row r="659698" spans="8:8">
      <c r="H659698" s="12"/>
    </row>
    <row r="659699" spans="8:8">
      <c r="H659699" s="12"/>
    </row>
    <row r="659700" spans="8:8">
      <c r="H659700" s="12"/>
    </row>
    <row r="659701" spans="8:8">
      <c r="H659701" s="12"/>
    </row>
    <row r="659702" spans="8:8">
      <c r="H659702" s="12"/>
    </row>
    <row r="659703" spans="8:8">
      <c r="H659703" s="12"/>
    </row>
    <row r="659704" spans="8:8">
      <c r="H659704" s="12"/>
    </row>
    <row r="659705" spans="8:8">
      <c r="H659705" s="12"/>
    </row>
    <row r="659706" spans="8:8">
      <c r="H659706" s="12"/>
    </row>
    <row r="659707" spans="8:8">
      <c r="H659707" s="12"/>
    </row>
    <row r="659708" spans="8:8">
      <c r="H659708" s="12"/>
    </row>
    <row r="659709" spans="8:8">
      <c r="H659709" s="12"/>
    </row>
    <row r="659710" spans="8:8">
      <c r="H659710" s="12"/>
    </row>
    <row r="659711" spans="8:8">
      <c r="H659711" s="12"/>
    </row>
    <row r="659712" spans="8:8">
      <c r="H659712" s="12"/>
    </row>
    <row r="659713" spans="8:8">
      <c r="H659713" s="12"/>
    </row>
    <row r="659714" spans="8:8">
      <c r="H659714" s="12"/>
    </row>
    <row r="659715" spans="8:8">
      <c r="H659715" s="12"/>
    </row>
    <row r="659716" spans="8:8">
      <c r="H659716" s="12"/>
    </row>
    <row r="659717" spans="8:8">
      <c r="H659717" s="12"/>
    </row>
    <row r="659718" spans="8:8">
      <c r="H659718" s="12"/>
    </row>
    <row r="659719" spans="8:8">
      <c r="H659719" s="12"/>
    </row>
    <row r="659720" spans="8:8">
      <c r="H659720" s="12"/>
    </row>
    <row r="659721" spans="8:8">
      <c r="H659721" s="12"/>
    </row>
    <row r="659722" spans="8:8">
      <c r="H659722" s="12"/>
    </row>
    <row r="659723" spans="8:8">
      <c r="H659723" s="12"/>
    </row>
    <row r="659724" spans="8:8">
      <c r="H659724" s="12"/>
    </row>
    <row r="659725" spans="8:8">
      <c r="H659725" s="12"/>
    </row>
    <row r="659726" spans="8:8">
      <c r="H659726" s="12"/>
    </row>
    <row r="659727" spans="8:8">
      <c r="H659727" s="12"/>
    </row>
    <row r="659728" spans="8:8">
      <c r="H659728" s="12"/>
    </row>
    <row r="659729" spans="8:8">
      <c r="H659729" s="12"/>
    </row>
    <row r="659730" spans="8:8">
      <c r="H659730" s="12"/>
    </row>
    <row r="659731" spans="8:8">
      <c r="H659731" s="12"/>
    </row>
    <row r="659732" spans="8:8">
      <c r="H659732" s="12"/>
    </row>
    <row r="659733" spans="8:8">
      <c r="H659733" s="12"/>
    </row>
    <row r="659734" spans="8:8">
      <c r="H659734" s="12"/>
    </row>
    <row r="659735" spans="8:8">
      <c r="H659735" s="12"/>
    </row>
    <row r="659736" spans="8:8">
      <c r="H659736" s="12"/>
    </row>
    <row r="659737" spans="8:8">
      <c r="H659737" s="12"/>
    </row>
    <row r="659738" spans="8:8">
      <c r="H659738" s="12"/>
    </row>
    <row r="659739" spans="8:8">
      <c r="H659739" s="12"/>
    </row>
    <row r="659740" spans="8:8">
      <c r="H659740" s="12"/>
    </row>
    <row r="659741" spans="8:8">
      <c r="H659741" s="12"/>
    </row>
    <row r="659742" spans="8:8">
      <c r="H659742" s="12"/>
    </row>
    <row r="659743" spans="8:8">
      <c r="H659743" s="12"/>
    </row>
    <row r="659744" spans="8:8">
      <c r="H659744" s="12"/>
    </row>
    <row r="659745" spans="8:8">
      <c r="H659745" s="12"/>
    </row>
    <row r="659746" spans="8:8">
      <c r="H659746" s="12"/>
    </row>
    <row r="659747" spans="8:8">
      <c r="H659747" s="12"/>
    </row>
    <row r="659748" spans="8:8">
      <c r="H659748" s="12"/>
    </row>
    <row r="659749" spans="8:8">
      <c r="H659749" s="12"/>
    </row>
    <row r="659750" spans="8:8">
      <c r="H659750" s="12"/>
    </row>
    <row r="659751" spans="8:8">
      <c r="H659751" s="12"/>
    </row>
    <row r="659752" spans="8:8">
      <c r="H659752" s="12"/>
    </row>
    <row r="659753" spans="8:8">
      <c r="H659753" s="12"/>
    </row>
    <row r="659754" spans="8:8">
      <c r="H659754" s="12"/>
    </row>
    <row r="659755" spans="8:8">
      <c r="H659755" s="12"/>
    </row>
    <row r="659756" spans="8:8">
      <c r="H659756" s="12"/>
    </row>
    <row r="659757" spans="8:8">
      <c r="H659757" s="12"/>
    </row>
    <row r="659758" spans="8:8">
      <c r="H659758" s="12"/>
    </row>
    <row r="659759" spans="8:8">
      <c r="H659759" s="12"/>
    </row>
    <row r="659760" spans="8:8">
      <c r="H659760" s="12"/>
    </row>
    <row r="659761" spans="8:8">
      <c r="H659761" s="12"/>
    </row>
    <row r="659762" spans="8:8">
      <c r="H659762" s="12"/>
    </row>
    <row r="659763" spans="8:8">
      <c r="H659763" s="12"/>
    </row>
    <row r="659764" spans="8:8">
      <c r="H659764" s="12"/>
    </row>
    <row r="659765" spans="8:8">
      <c r="H659765" s="12"/>
    </row>
    <row r="659766" spans="8:8">
      <c r="H659766" s="12"/>
    </row>
    <row r="659767" spans="8:8">
      <c r="H659767" s="12"/>
    </row>
    <row r="659768" spans="8:8">
      <c r="H659768" s="12"/>
    </row>
    <row r="659769" spans="8:8">
      <c r="H659769" s="12"/>
    </row>
    <row r="659770" spans="8:8">
      <c r="H659770" s="12"/>
    </row>
    <row r="659771" spans="8:8">
      <c r="H659771" s="12"/>
    </row>
    <row r="659772" spans="8:8">
      <c r="H659772" s="12"/>
    </row>
    <row r="659773" spans="8:8">
      <c r="H659773" s="12"/>
    </row>
    <row r="659774" spans="8:8">
      <c r="H659774" s="12"/>
    </row>
    <row r="659775" spans="8:8">
      <c r="H659775" s="12"/>
    </row>
    <row r="659776" spans="8:8">
      <c r="H659776" s="12"/>
    </row>
    <row r="659777" spans="8:8">
      <c r="H659777" s="12"/>
    </row>
    <row r="659778" spans="8:8">
      <c r="H659778" s="12"/>
    </row>
    <row r="659779" spans="8:8">
      <c r="H659779" s="12"/>
    </row>
    <row r="659780" spans="8:8">
      <c r="H659780" s="12"/>
    </row>
    <row r="659781" spans="8:8">
      <c r="H659781" s="12"/>
    </row>
    <row r="659782" spans="8:8">
      <c r="H659782" s="12"/>
    </row>
    <row r="659783" spans="8:8">
      <c r="H659783" s="12"/>
    </row>
    <row r="659784" spans="8:8">
      <c r="H659784" s="12"/>
    </row>
    <row r="659785" spans="8:8">
      <c r="H659785" s="12"/>
    </row>
    <row r="659786" spans="8:8">
      <c r="H659786" s="12"/>
    </row>
    <row r="659787" spans="8:8">
      <c r="H659787" s="12"/>
    </row>
    <row r="659788" spans="8:8">
      <c r="H659788" s="12"/>
    </row>
    <row r="659789" spans="8:8">
      <c r="H659789" s="12"/>
    </row>
    <row r="659790" spans="8:8">
      <c r="H659790" s="12"/>
    </row>
    <row r="659791" spans="8:8">
      <c r="H659791" s="12"/>
    </row>
    <row r="659792" spans="8:8">
      <c r="H659792" s="12"/>
    </row>
    <row r="659793" spans="8:8">
      <c r="H659793" s="12"/>
    </row>
    <row r="659794" spans="8:8">
      <c r="H659794" s="12"/>
    </row>
    <row r="659795" spans="8:8">
      <c r="H659795" s="12"/>
    </row>
    <row r="659796" spans="8:8">
      <c r="H659796" s="12"/>
    </row>
    <row r="659797" spans="8:8">
      <c r="H659797" s="12"/>
    </row>
    <row r="659798" spans="8:8">
      <c r="H659798" s="12"/>
    </row>
    <row r="659799" spans="8:8">
      <c r="H659799" s="12"/>
    </row>
    <row r="659800" spans="8:8">
      <c r="H659800" s="12"/>
    </row>
    <row r="659801" spans="8:8">
      <c r="H659801" s="12"/>
    </row>
    <row r="659802" spans="8:8">
      <c r="H659802" s="12"/>
    </row>
    <row r="659803" spans="8:8">
      <c r="H659803" s="12"/>
    </row>
    <row r="659804" spans="8:8">
      <c r="H659804" s="12"/>
    </row>
    <row r="659805" spans="8:8">
      <c r="H659805" s="12"/>
    </row>
    <row r="659806" spans="8:8">
      <c r="H659806" s="12"/>
    </row>
    <row r="659807" spans="8:8">
      <c r="H659807" s="12"/>
    </row>
    <row r="659808" spans="8:8">
      <c r="H659808" s="12"/>
    </row>
    <row r="659809" spans="8:8">
      <c r="H659809" s="12"/>
    </row>
    <row r="659810" spans="8:8">
      <c r="H659810" s="12"/>
    </row>
    <row r="659811" spans="8:8">
      <c r="H659811" s="12"/>
    </row>
    <row r="659812" spans="8:8">
      <c r="H659812" s="12"/>
    </row>
    <row r="659813" spans="8:8">
      <c r="H659813" s="12"/>
    </row>
    <row r="659814" spans="8:8">
      <c r="H659814" s="12"/>
    </row>
    <row r="659815" spans="8:8">
      <c r="H659815" s="12"/>
    </row>
    <row r="659816" spans="8:8">
      <c r="H659816" s="12"/>
    </row>
    <row r="659817" spans="8:8">
      <c r="H659817" s="12"/>
    </row>
    <row r="659818" spans="8:8">
      <c r="H659818" s="12"/>
    </row>
    <row r="659819" spans="8:8">
      <c r="H659819" s="12"/>
    </row>
    <row r="659820" spans="8:8">
      <c r="H659820" s="12"/>
    </row>
    <row r="659821" spans="8:8">
      <c r="H659821" s="12"/>
    </row>
    <row r="659822" spans="8:8">
      <c r="H659822" s="12"/>
    </row>
    <row r="659823" spans="8:8">
      <c r="H659823" s="12"/>
    </row>
    <row r="659824" spans="8:8">
      <c r="H659824" s="12"/>
    </row>
    <row r="659825" spans="8:8">
      <c r="H659825" s="12"/>
    </row>
    <row r="659826" spans="8:8">
      <c r="H659826" s="12"/>
    </row>
    <row r="659827" spans="8:8">
      <c r="H659827" s="12"/>
    </row>
    <row r="659828" spans="8:8">
      <c r="H659828" s="12"/>
    </row>
    <row r="659829" spans="8:8">
      <c r="H659829" s="12"/>
    </row>
    <row r="659830" spans="8:8">
      <c r="H659830" s="12"/>
    </row>
    <row r="659831" spans="8:8">
      <c r="H659831" s="12"/>
    </row>
    <row r="659832" spans="8:8">
      <c r="H659832" s="12"/>
    </row>
    <row r="659833" spans="8:8">
      <c r="H659833" s="12"/>
    </row>
    <row r="659834" spans="8:8">
      <c r="H659834" s="12"/>
    </row>
    <row r="659835" spans="8:8">
      <c r="H659835" s="12"/>
    </row>
    <row r="659836" spans="8:8">
      <c r="H659836" s="12"/>
    </row>
    <row r="659837" spans="8:8">
      <c r="H659837" s="12"/>
    </row>
    <row r="659838" spans="8:8">
      <c r="H659838" s="12"/>
    </row>
    <row r="659839" spans="8:8">
      <c r="H659839" s="12"/>
    </row>
    <row r="659840" spans="8:8">
      <c r="H659840" s="12"/>
    </row>
    <row r="659841" spans="8:8">
      <c r="H659841" s="12"/>
    </row>
    <row r="659842" spans="8:8">
      <c r="H659842" s="12"/>
    </row>
    <row r="659843" spans="8:8">
      <c r="H659843" s="12"/>
    </row>
    <row r="659844" spans="8:8">
      <c r="H659844" s="12"/>
    </row>
    <row r="659845" spans="8:8">
      <c r="H659845" s="12"/>
    </row>
    <row r="659846" spans="8:8">
      <c r="H659846" s="12"/>
    </row>
    <row r="659847" spans="8:8">
      <c r="H659847" s="12"/>
    </row>
    <row r="659848" spans="8:8">
      <c r="H659848" s="12"/>
    </row>
    <row r="659849" spans="8:8">
      <c r="H659849" s="12"/>
    </row>
    <row r="659850" spans="8:8">
      <c r="H659850" s="12"/>
    </row>
    <row r="659851" spans="8:8">
      <c r="H659851" s="12"/>
    </row>
    <row r="659852" spans="8:8">
      <c r="H659852" s="12"/>
    </row>
    <row r="659853" spans="8:8">
      <c r="H659853" s="12"/>
    </row>
    <row r="659854" spans="8:8">
      <c r="H659854" s="12"/>
    </row>
    <row r="659855" spans="8:8">
      <c r="H659855" s="12"/>
    </row>
    <row r="659856" spans="8:8">
      <c r="H659856" s="12"/>
    </row>
    <row r="659857" spans="8:8">
      <c r="H659857" s="12"/>
    </row>
    <row r="659858" spans="8:8">
      <c r="H659858" s="12"/>
    </row>
    <row r="659859" spans="8:8">
      <c r="H659859" s="12"/>
    </row>
    <row r="659860" spans="8:8">
      <c r="H659860" s="12"/>
    </row>
    <row r="659861" spans="8:8">
      <c r="H659861" s="12"/>
    </row>
    <row r="659862" spans="8:8">
      <c r="H659862" s="12"/>
    </row>
    <row r="659863" spans="8:8">
      <c r="H659863" s="12"/>
    </row>
    <row r="659864" spans="8:8">
      <c r="H659864" s="12"/>
    </row>
    <row r="659865" spans="8:8">
      <c r="H659865" s="12"/>
    </row>
    <row r="659866" spans="8:8">
      <c r="H659866" s="12"/>
    </row>
    <row r="659867" spans="8:8">
      <c r="H659867" s="12"/>
    </row>
    <row r="659868" spans="8:8">
      <c r="H659868" s="12"/>
    </row>
    <row r="659869" spans="8:8">
      <c r="H659869" s="12"/>
    </row>
    <row r="659870" spans="8:8">
      <c r="H659870" s="12"/>
    </row>
    <row r="659871" spans="8:8">
      <c r="H659871" s="12"/>
    </row>
    <row r="659872" spans="8:8">
      <c r="H659872" s="12"/>
    </row>
    <row r="659873" spans="8:8">
      <c r="H659873" s="12"/>
    </row>
    <row r="659874" spans="8:8">
      <c r="H659874" s="12"/>
    </row>
    <row r="659875" spans="8:8">
      <c r="H659875" s="12"/>
    </row>
    <row r="659876" spans="8:8">
      <c r="H659876" s="12"/>
    </row>
    <row r="659877" spans="8:8">
      <c r="H659877" s="12"/>
    </row>
    <row r="659878" spans="8:8">
      <c r="H659878" s="12"/>
    </row>
    <row r="659879" spans="8:8">
      <c r="H659879" s="12"/>
    </row>
    <row r="659880" spans="8:8">
      <c r="H659880" s="12"/>
    </row>
    <row r="659881" spans="8:8">
      <c r="H659881" s="12"/>
    </row>
    <row r="659882" spans="8:8">
      <c r="H659882" s="12"/>
    </row>
    <row r="659883" spans="8:8">
      <c r="H659883" s="12"/>
    </row>
    <row r="659884" spans="8:8">
      <c r="H659884" s="12"/>
    </row>
    <row r="659885" spans="8:8">
      <c r="H659885" s="12"/>
    </row>
    <row r="659886" spans="8:8">
      <c r="H659886" s="12"/>
    </row>
    <row r="659887" spans="8:8">
      <c r="H659887" s="12"/>
    </row>
    <row r="659888" spans="8:8">
      <c r="H659888" s="12"/>
    </row>
    <row r="659889" spans="8:8">
      <c r="H659889" s="12"/>
    </row>
    <row r="659890" spans="8:8">
      <c r="H659890" s="12"/>
    </row>
    <row r="659891" spans="8:8">
      <c r="H659891" s="12"/>
    </row>
    <row r="659892" spans="8:8">
      <c r="H659892" s="12"/>
    </row>
    <row r="659893" spans="8:8">
      <c r="H659893" s="12"/>
    </row>
    <row r="659894" spans="8:8">
      <c r="H659894" s="12"/>
    </row>
    <row r="659895" spans="8:8">
      <c r="H659895" s="12"/>
    </row>
    <row r="659896" spans="8:8">
      <c r="H659896" s="12"/>
    </row>
    <row r="659897" spans="8:8">
      <c r="H659897" s="12"/>
    </row>
    <row r="659898" spans="8:8">
      <c r="H659898" s="12"/>
    </row>
    <row r="659899" spans="8:8">
      <c r="H659899" s="12"/>
    </row>
    <row r="659900" spans="8:8">
      <c r="H659900" s="12"/>
    </row>
    <row r="659901" spans="8:8">
      <c r="H659901" s="12"/>
    </row>
    <row r="659902" spans="8:8">
      <c r="H659902" s="12"/>
    </row>
    <row r="659903" spans="8:8">
      <c r="H659903" s="12"/>
    </row>
    <row r="659904" spans="8:8">
      <c r="H659904" s="12"/>
    </row>
    <row r="659905" spans="8:8">
      <c r="H659905" s="12"/>
    </row>
    <row r="659906" spans="8:8">
      <c r="H659906" s="12"/>
    </row>
    <row r="659907" spans="8:8">
      <c r="H659907" s="12"/>
    </row>
    <row r="659908" spans="8:8">
      <c r="H659908" s="12"/>
    </row>
    <row r="659909" spans="8:8">
      <c r="H659909" s="12"/>
    </row>
    <row r="659910" spans="8:8">
      <c r="H659910" s="12"/>
    </row>
    <row r="659911" spans="8:8">
      <c r="H659911" s="12"/>
    </row>
    <row r="659912" spans="8:8">
      <c r="H659912" s="12"/>
    </row>
    <row r="659913" spans="8:8">
      <c r="H659913" s="12"/>
    </row>
    <row r="659914" spans="8:8">
      <c r="H659914" s="12"/>
    </row>
    <row r="659915" spans="8:8">
      <c r="H659915" s="12"/>
    </row>
    <row r="659916" spans="8:8">
      <c r="H659916" s="12"/>
    </row>
    <row r="659917" spans="8:8">
      <c r="H659917" s="12"/>
    </row>
    <row r="659918" spans="8:8">
      <c r="H659918" s="12"/>
    </row>
    <row r="659919" spans="8:8">
      <c r="H659919" s="12"/>
    </row>
    <row r="659920" spans="8:8">
      <c r="H659920" s="12"/>
    </row>
    <row r="659921" spans="8:8">
      <c r="H659921" s="12"/>
    </row>
    <row r="659922" spans="8:8">
      <c r="H659922" s="12"/>
    </row>
    <row r="659923" spans="8:8">
      <c r="H659923" s="12"/>
    </row>
    <row r="659924" spans="8:8">
      <c r="H659924" s="12"/>
    </row>
    <row r="659925" spans="8:8">
      <c r="H659925" s="12"/>
    </row>
    <row r="659926" spans="8:8">
      <c r="H659926" s="12"/>
    </row>
    <row r="659927" spans="8:8">
      <c r="H659927" s="12"/>
    </row>
    <row r="659928" spans="8:8">
      <c r="H659928" s="12"/>
    </row>
    <row r="659929" spans="8:8">
      <c r="H659929" s="12"/>
    </row>
    <row r="659930" spans="8:8">
      <c r="H659930" s="12"/>
    </row>
    <row r="659931" spans="8:8">
      <c r="H659931" s="12"/>
    </row>
    <row r="659932" spans="8:8">
      <c r="H659932" s="12"/>
    </row>
    <row r="659933" spans="8:8">
      <c r="H659933" s="12"/>
    </row>
    <row r="659934" spans="8:8">
      <c r="H659934" s="12"/>
    </row>
    <row r="659935" spans="8:8">
      <c r="H659935" s="12"/>
    </row>
    <row r="659936" spans="8:8">
      <c r="H659936" s="12"/>
    </row>
    <row r="659937" spans="8:8">
      <c r="H659937" s="12"/>
    </row>
    <row r="659938" spans="8:8">
      <c r="H659938" s="12"/>
    </row>
    <row r="659939" spans="8:8">
      <c r="H659939" s="12"/>
    </row>
    <row r="659940" spans="8:8">
      <c r="H659940" s="12"/>
    </row>
    <row r="659941" spans="8:8">
      <c r="H659941" s="12"/>
    </row>
    <row r="659942" spans="8:8">
      <c r="H659942" s="12"/>
    </row>
    <row r="659943" spans="8:8">
      <c r="H659943" s="12"/>
    </row>
    <row r="659944" spans="8:8">
      <c r="H659944" s="12"/>
    </row>
    <row r="659945" spans="8:8">
      <c r="H659945" s="12"/>
    </row>
    <row r="659946" spans="8:8">
      <c r="H659946" s="12"/>
    </row>
    <row r="659947" spans="8:8">
      <c r="H659947" s="12"/>
    </row>
    <row r="659948" spans="8:8">
      <c r="H659948" s="12"/>
    </row>
    <row r="659949" spans="8:8">
      <c r="H659949" s="12"/>
    </row>
    <row r="659950" spans="8:8">
      <c r="H659950" s="12"/>
    </row>
    <row r="659951" spans="8:8">
      <c r="H659951" s="12"/>
    </row>
    <row r="659952" spans="8:8">
      <c r="H659952" s="12"/>
    </row>
    <row r="659953" spans="8:8">
      <c r="H659953" s="12"/>
    </row>
    <row r="659954" spans="8:8">
      <c r="H659954" s="12"/>
    </row>
    <row r="659955" spans="8:8">
      <c r="H659955" s="12"/>
    </row>
    <row r="659956" spans="8:8">
      <c r="H659956" s="12"/>
    </row>
    <row r="659957" spans="8:8">
      <c r="H659957" s="12"/>
    </row>
    <row r="659958" spans="8:8">
      <c r="H659958" s="12"/>
    </row>
    <row r="659959" spans="8:8">
      <c r="H659959" s="12"/>
    </row>
    <row r="659960" spans="8:8">
      <c r="H659960" s="12"/>
    </row>
    <row r="659961" spans="8:8">
      <c r="H659961" s="12"/>
    </row>
    <row r="659962" spans="8:8">
      <c r="H659962" s="12"/>
    </row>
    <row r="659963" spans="8:8">
      <c r="H659963" s="12"/>
    </row>
    <row r="659964" spans="8:8">
      <c r="H659964" s="12"/>
    </row>
    <row r="659965" spans="8:8">
      <c r="H659965" s="12"/>
    </row>
    <row r="659966" spans="8:8">
      <c r="H659966" s="12"/>
    </row>
    <row r="659967" spans="8:8">
      <c r="H659967" s="12"/>
    </row>
    <row r="659968" spans="8:8">
      <c r="H659968" s="12"/>
    </row>
    <row r="659969" spans="8:8">
      <c r="H659969" s="12"/>
    </row>
    <row r="659970" spans="8:8">
      <c r="H659970" s="12"/>
    </row>
    <row r="659971" spans="8:8">
      <c r="H659971" s="12"/>
    </row>
    <row r="659972" spans="8:8">
      <c r="H659972" s="12"/>
    </row>
    <row r="659973" spans="8:8">
      <c r="H659973" s="12"/>
    </row>
    <row r="659974" spans="8:8">
      <c r="H659974" s="12"/>
    </row>
    <row r="659975" spans="8:8">
      <c r="H659975" s="12"/>
    </row>
    <row r="659976" spans="8:8">
      <c r="H659976" s="12"/>
    </row>
    <row r="659977" spans="8:8">
      <c r="H659977" s="12"/>
    </row>
    <row r="659978" spans="8:8">
      <c r="H659978" s="12"/>
    </row>
    <row r="659979" spans="8:8">
      <c r="H659979" s="12"/>
    </row>
    <row r="659980" spans="8:8">
      <c r="H659980" s="12"/>
    </row>
    <row r="659981" spans="8:8">
      <c r="H659981" s="12"/>
    </row>
    <row r="659982" spans="8:8">
      <c r="H659982" s="12"/>
    </row>
    <row r="659983" spans="8:8">
      <c r="H659983" s="12"/>
    </row>
    <row r="659984" spans="8:8">
      <c r="H659984" s="12"/>
    </row>
    <row r="659985" spans="8:8">
      <c r="H659985" s="12"/>
    </row>
    <row r="659986" spans="8:8">
      <c r="H659986" s="12"/>
    </row>
    <row r="659987" spans="8:8">
      <c r="H659987" s="12"/>
    </row>
    <row r="659988" spans="8:8">
      <c r="H659988" s="12"/>
    </row>
    <row r="659989" spans="8:8">
      <c r="H659989" s="12"/>
    </row>
    <row r="659990" spans="8:8">
      <c r="H659990" s="12"/>
    </row>
    <row r="659991" spans="8:8">
      <c r="H659991" s="12"/>
    </row>
    <row r="659992" spans="8:8">
      <c r="H659992" s="12"/>
    </row>
    <row r="659993" spans="8:8">
      <c r="H659993" s="12"/>
    </row>
    <row r="659994" spans="8:8">
      <c r="H659994" s="12"/>
    </row>
    <row r="659995" spans="8:8">
      <c r="H659995" s="12"/>
    </row>
    <row r="659996" spans="8:8">
      <c r="H659996" s="12"/>
    </row>
    <row r="659997" spans="8:8">
      <c r="H659997" s="12"/>
    </row>
    <row r="659998" spans="8:8">
      <c r="H659998" s="12"/>
    </row>
    <row r="659999" spans="8:8">
      <c r="H659999" s="12"/>
    </row>
    <row r="660000" spans="8:8">
      <c r="H660000" s="12"/>
    </row>
    <row r="660001" spans="8:8">
      <c r="H660001" s="12"/>
    </row>
    <row r="660002" spans="8:8">
      <c r="H660002" s="12"/>
    </row>
    <row r="660003" spans="8:8">
      <c r="H660003" s="12"/>
    </row>
    <row r="660004" spans="8:8">
      <c r="H660004" s="12"/>
    </row>
    <row r="660005" spans="8:8">
      <c r="H660005" s="12"/>
    </row>
    <row r="660006" spans="8:8">
      <c r="H660006" s="12"/>
    </row>
    <row r="660007" spans="8:8">
      <c r="H660007" s="12"/>
    </row>
    <row r="660008" spans="8:8">
      <c r="H660008" s="12"/>
    </row>
    <row r="660009" spans="8:8">
      <c r="H660009" s="12"/>
    </row>
    <row r="660010" spans="8:8">
      <c r="H660010" s="12"/>
    </row>
    <row r="660011" spans="8:8">
      <c r="H660011" s="12"/>
    </row>
    <row r="660012" spans="8:8">
      <c r="H660012" s="12"/>
    </row>
    <row r="660013" spans="8:8">
      <c r="H660013" s="12"/>
    </row>
    <row r="660014" spans="8:8">
      <c r="H660014" s="12"/>
    </row>
    <row r="660015" spans="8:8">
      <c r="H660015" s="12"/>
    </row>
    <row r="660016" spans="8:8">
      <c r="H660016" s="12"/>
    </row>
    <row r="660017" spans="8:8">
      <c r="H660017" s="12"/>
    </row>
    <row r="660018" spans="8:8">
      <c r="H660018" s="12"/>
    </row>
    <row r="660019" spans="8:8">
      <c r="H660019" s="12"/>
    </row>
    <row r="660020" spans="8:8">
      <c r="H660020" s="12"/>
    </row>
    <row r="660021" spans="8:8">
      <c r="H660021" s="12"/>
    </row>
    <row r="660022" spans="8:8">
      <c r="H660022" s="12"/>
    </row>
    <row r="660023" spans="8:8">
      <c r="H660023" s="12"/>
    </row>
    <row r="660024" spans="8:8">
      <c r="H660024" s="12"/>
    </row>
    <row r="660025" spans="8:8">
      <c r="H660025" s="12"/>
    </row>
    <row r="660026" spans="8:8">
      <c r="H660026" s="12"/>
    </row>
    <row r="660027" spans="8:8">
      <c r="H660027" s="12"/>
    </row>
    <row r="660028" spans="8:8">
      <c r="H660028" s="12"/>
    </row>
    <row r="660029" spans="8:8">
      <c r="H660029" s="12"/>
    </row>
    <row r="660030" spans="8:8">
      <c r="H660030" s="12"/>
    </row>
    <row r="660031" spans="8:8">
      <c r="H660031" s="12"/>
    </row>
    <row r="660032" spans="8:8">
      <c r="H660032" s="12"/>
    </row>
    <row r="660033" spans="8:8">
      <c r="H660033" s="12"/>
    </row>
    <row r="660034" spans="8:8">
      <c r="H660034" s="12"/>
    </row>
    <row r="660035" spans="8:8">
      <c r="H660035" s="12"/>
    </row>
    <row r="660036" spans="8:8">
      <c r="H660036" s="12"/>
    </row>
    <row r="660037" spans="8:8">
      <c r="H660037" s="12"/>
    </row>
    <row r="660038" spans="8:8">
      <c r="H660038" s="12"/>
    </row>
    <row r="660039" spans="8:8">
      <c r="H660039" s="12"/>
    </row>
    <row r="660040" spans="8:8">
      <c r="H660040" s="12"/>
    </row>
    <row r="660041" spans="8:8">
      <c r="H660041" s="12"/>
    </row>
    <row r="660042" spans="8:8">
      <c r="H660042" s="12"/>
    </row>
    <row r="660043" spans="8:8">
      <c r="H660043" s="12"/>
    </row>
    <row r="660044" spans="8:8">
      <c r="H660044" s="12"/>
    </row>
    <row r="660045" spans="8:8">
      <c r="H660045" s="12"/>
    </row>
    <row r="660046" spans="8:8">
      <c r="H660046" s="12"/>
    </row>
    <row r="660047" spans="8:8">
      <c r="H660047" s="12"/>
    </row>
    <row r="660048" spans="8:8">
      <c r="H660048" s="12"/>
    </row>
    <row r="660049" spans="8:8">
      <c r="H660049" s="12"/>
    </row>
    <row r="660050" spans="8:8">
      <c r="H660050" s="12"/>
    </row>
    <row r="660051" spans="8:8">
      <c r="H660051" s="12"/>
    </row>
    <row r="660052" spans="8:8">
      <c r="H660052" s="12"/>
    </row>
    <row r="660053" spans="8:8">
      <c r="H660053" s="12"/>
    </row>
    <row r="660054" spans="8:8">
      <c r="H660054" s="12"/>
    </row>
    <row r="660055" spans="8:8">
      <c r="H660055" s="12"/>
    </row>
    <row r="660056" spans="8:8">
      <c r="H660056" s="12"/>
    </row>
    <row r="660057" spans="8:8">
      <c r="H660057" s="12"/>
    </row>
    <row r="660058" spans="8:8">
      <c r="H660058" s="12"/>
    </row>
    <row r="660059" spans="8:8">
      <c r="H660059" s="12"/>
    </row>
    <row r="660060" spans="8:8">
      <c r="H660060" s="12"/>
    </row>
    <row r="660061" spans="8:8">
      <c r="H660061" s="12"/>
    </row>
    <row r="660062" spans="8:8">
      <c r="H660062" s="12"/>
    </row>
    <row r="660063" spans="8:8">
      <c r="H660063" s="12"/>
    </row>
    <row r="660064" spans="8:8">
      <c r="H660064" s="12"/>
    </row>
    <row r="660065" spans="8:8">
      <c r="H660065" s="12"/>
    </row>
    <row r="660066" spans="8:8">
      <c r="H660066" s="12"/>
    </row>
    <row r="660067" spans="8:8">
      <c r="H660067" s="12"/>
    </row>
    <row r="660068" spans="8:8">
      <c r="H660068" s="12"/>
    </row>
    <row r="660069" spans="8:8">
      <c r="H660069" s="12"/>
    </row>
    <row r="660070" spans="8:8">
      <c r="H660070" s="12"/>
    </row>
    <row r="660071" spans="8:8">
      <c r="H660071" s="12"/>
    </row>
    <row r="660072" spans="8:8">
      <c r="H660072" s="12"/>
    </row>
    <row r="660073" spans="8:8">
      <c r="H660073" s="12"/>
    </row>
    <row r="660074" spans="8:8">
      <c r="H660074" s="12"/>
    </row>
    <row r="660075" spans="8:8">
      <c r="H660075" s="12"/>
    </row>
    <row r="660076" spans="8:8">
      <c r="H660076" s="12"/>
    </row>
    <row r="660077" spans="8:8">
      <c r="H660077" s="12"/>
    </row>
    <row r="660078" spans="8:8">
      <c r="H660078" s="12"/>
    </row>
    <row r="660079" spans="8:8">
      <c r="H660079" s="12"/>
    </row>
    <row r="660080" spans="8:8">
      <c r="H660080" s="12"/>
    </row>
    <row r="660081" spans="8:8">
      <c r="H660081" s="12"/>
    </row>
    <row r="660082" spans="8:8">
      <c r="H660082" s="12"/>
    </row>
    <row r="660083" spans="8:8">
      <c r="H660083" s="12"/>
    </row>
    <row r="660084" spans="8:8">
      <c r="H660084" s="12"/>
    </row>
    <row r="660085" spans="8:8">
      <c r="H660085" s="12"/>
    </row>
    <row r="660086" spans="8:8">
      <c r="H660086" s="12"/>
    </row>
    <row r="660087" spans="8:8">
      <c r="H660087" s="12"/>
    </row>
    <row r="660088" spans="8:8">
      <c r="H660088" s="12"/>
    </row>
    <row r="660089" spans="8:8">
      <c r="H660089" s="12"/>
    </row>
    <row r="660090" spans="8:8">
      <c r="H660090" s="12"/>
    </row>
    <row r="660091" spans="8:8">
      <c r="H660091" s="12"/>
    </row>
    <row r="660092" spans="8:8">
      <c r="H660092" s="12"/>
    </row>
    <row r="660093" spans="8:8">
      <c r="H660093" s="12"/>
    </row>
    <row r="660094" spans="8:8">
      <c r="H660094" s="12"/>
    </row>
    <row r="660095" spans="8:8">
      <c r="H660095" s="12"/>
    </row>
    <row r="660096" spans="8:8">
      <c r="H660096" s="12"/>
    </row>
    <row r="660097" spans="8:8">
      <c r="H660097" s="12"/>
    </row>
    <row r="660098" spans="8:8">
      <c r="H660098" s="12"/>
    </row>
    <row r="660099" spans="8:8">
      <c r="H660099" s="12"/>
    </row>
    <row r="660100" spans="8:8">
      <c r="H660100" s="12"/>
    </row>
    <row r="660101" spans="8:8">
      <c r="H660101" s="12"/>
    </row>
    <row r="660102" spans="8:8">
      <c r="H660102" s="12"/>
    </row>
    <row r="660103" spans="8:8">
      <c r="H660103" s="12"/>
    </row>
    <row r="660104" spans="8:8">
      <c r="H660104" s="12"/>
    </row>
    <row r="660105" spans="8:8">
      <c r="H660105" s="12"/>
    </row>
    <row r="660106" spans="8:8">
      <c r="H660106" s="12"/>
    </row>
    <row r="660107" spans="8:8">
      <c r="H660107" s="12"/>
    </row>
    <row r="660108" spans="8:8">
      <c r="H660108" s="12"/>
    </row>
    <row r="660109" spans="8:8">
      <c r="H660109" s="12"/>
    </row>
    <row r="660110" spans="8:8">
      <c r="H660110" s="12"/>
    </row>
    <row r="660111" spans="8:8">
      <c r="H660111" s="12"/>
    </row>
    <row r="660112" spans="8:8">
      <c r="H660112" s="12"/>
    </row>
    <row r="660113" spans="8:8">
      <c r="H660113" s="12"/>
    </row>
    <row r="660114" spans="8:8">
      <c r="H660114" s="12"/>
    </row>
    <row r="660115" spans="8:8">
      <c r="H660115" s="12"/>
    </row>
    <row r="660116" spans="8:8">
      <c r="H660116" s="12"/>
    </row>
    <row r="660117" spans="8:8">
      <c r="H660117" s="12"/>
    </row>
    <row r="660118" spans="8:8">
      <c r="H660118" s="12"/>
    </row>
    <row r="660119" spans="8:8">
      <c r="H660119" s="12"/>
    </row>
    <row r="660120" spans="8:8">
      <c r="H660120" s="12"/>
    </row>
    <row r="660121" spans="8:8">
      <c r="H660121" s="12"/>
    </row>
    <row r="660122" spans="8:8">
      <c r="H660122" s="12"/>
    </row>
    <row r="660123" spans="8:8">
      <c r="H660123" s="12"/>
    </row>
    <row r="660124" spans="8:8">
      <c r="H660124" s="12"/>
    </row>
    <row r="660125" spans="8:8">
      <c r="H660125" s="12"/>
    </row>
    <row r="660126" spans="8:8">
      <c r="H660126" s="12"/>
    </row>
    <row r="660127" spans="8:8">
      <c r="H660127" s="12"/>
    </row>
    <row r="660128" spans="8:8">
      <c r="H660128" s="12"/>
    </row>
    <row r="660129" spans="8:8">
      <c r="H660129" s="12"/>
    </row>
    <row r="660130" spans="8:8">
      <c r="H660130" s="12"/>
    </row>
    <row r="660131" spans="8:8">
      <c r="H660131" s="12"/>
    </row>
    <row r="660132" spans="8:8">
      <c r="H660132" s="12"/>
    </row>
    <row r="660133" spans="8:8">
      <c r="H660133" s="12"/>
    </row>
    <row r="660134" spans="8:8">
      <c r="H660134" s="12"/>
    </row>
    <row r="660135" spans="8:8">
      <c r="H660135" s="12"/>
    </row>
    <row r="660136" spans="8:8">
      <c r="H660136" s="12"/>
    </row>
    <row r="660137" spans="8:8">
      <c r="H660137" s="12"/>
    </row>
    <row r="660138" spans="8:8">
      <c r="H660138" s="12"/>
    </row>
    <row r="660139" spans="8:8">
      <c r="H660139" s="12"/>
    </row>
    <row r="660140" spans="8:8">
      <c r="H660140" s="12"/>
    </row>
    <row r="660141" spans="8:8">
      <c r="H660141" s="12"/>
    </row>
    <row r="660142" spans="8:8">
      <c r="H660142" s="12"/>
    </row>
    <row r="660143" spans="8:8">
      <c r="H660143" s="12"/>
    </row>
    <row r="660144" spans="8:8">
      <c r="H660144" s="12"/>
    </row>
    <row r="660145" spans="8:8">
      <c r="H660145" s="12"/>
    </row>
    <row r="660146" spans="8:8">
      <c r="H660146" s="12"/>
    </row>
    <row r="660147" spans="8:8">
      <c r="H660147" s="12"/>
    </row>
    <row r="660148" spans="8:8">
      <c r="H660148" s="12"/>
    </row>
    <row r="660149" spans="8:8">
      <c r="H660149" s="12"/>
    </row>
    <row r="660150" spans="8:8">
      <c r="H660150" s="12"/>
    </row>
    <row r="660151" spans="8:8">
      <c r="H660151" s="12"/>
    </row>
    <row r="660152" spans="8:8">
      <c r="H660152" s="12"/>
    </row>
    <row r="660153" spans="8:8">
      <c r="H660153" s="12"/>
    </row>
    <row r="660154" spans="8:8">
      <c r="H660154" s="12"/>
    </row>
    <row r="660155" spans="8:8">
      <c r="H660155" s="12"/>
    </row>
    <row r="660156" spans="8:8">
      <c r="H660156" s="12"/>
    </row>
    <row r="660157" spans="8:8">
      <c r="H660157" s="12"/>
    </row>
    <row r="660158" spans="8:8">
      <c r="H660158" s="12"/>
    </row>
    <row r="660159" spans="8:8">
      <c r="H660159" s="12"/>
    </row>
    <row r="660160" spans="8:8">
      <c r="H660160" s="12"/>
    </row>
    <row r="660161" spans="8:8">
      <c r="H660161" s="12"/>
    </row>
    <row r="660162" spans="8:8">
      <c r="H660162" s="12"/>
    </row>
    <row r="660163" spans="8:8">
      <c r="H660163" s="12"/>
    </row>
    <row r="660164" spans="8:8">
      <c r="H660164" s="12"/>
    </row>
    <row r="660165" spans="8:8">
      <c r="H660165" s="12"/>
    </row>
    <row r="660166" spans="8:8">
      <c r="H660166" s="12"/>
    </row>
    <row r="660167" spans="8:8">
      <c r="H660167" s="12"/>
    </row>
    <row r="660168" spans="8:8">
      <c r="H660168" s="12"/>
    </row>
    <row r="660169" spans="8:8">
      <c r="H660169" s="12"/>
    </row>
    <row r="660170" spans="8:8">
      <c r="H660170" s="12"/>
    </row>
    <row r="660171" spans="8:8">
      <c r="H660171" s="12"/>
    </row>
    <row r="660172" spans="8:8">
      <c r="H660172" s="12"/>
    </row>
    <row r="660173" spans="8:8">
      <c r="H660173" s="12"/>
    </row>
    <row r="660174" spans="8:8">
      <c r="H660174" s="12"/>
    </row>
    <row r="660175" spans="8:8">
      <c r="H660175" s="12"/>
    </row>
    <row r="660176" spans="8:8">
      <c r="H660176" s="12"/>
    </row>
    <row r="660177" spans="8:8">
      <c r="H660177" s="12"/>
    </row>
    <row r="660178" spans="8:8">
      <c r="H660178" s="12"/>
    </row>
    <row r="660179" spans="8:8">
      <c r="H660179" s="12"/>
    </row>
    <row r="660180" spans="8:8">
      <c r="H660180" s="12"/>
    </row>
    <row r="660181" spans="8:8">
      <c r="H660181" s="12"/>
    </row>
    <row r="660182" spans="8:8">
      <c r="H660182" s="12"/>
    </row>
    <row r="660183" spans="8:8">
      <c r="H660183" s="12"/>
    </row>
    <row r="660184" spans="8:8">
      <c r="H660184" s="12"/>
    </row>
    <row r="660185" spans="8:8">
      <c r="H660185" s="12"/>
    </row>
    <row r="660186" spans="8:8">
      <c r="H660186" s="12"/>
    </row>
    <row r="660187" spans="8:8">
      <c r="H660187" s="12"/>
    </row>
    <row r="660188" spans="8:8">
      <c r="H660188" s="12"/>
    </row>
    <row r="660189" spans="8:8">
      <c r="H660189" s="12"/>
    </row>
    <row r="660190" spans="8:8">
      <c r="H660190" s="12"/>
    </row>
    <row r="660191" spans="8:8">
      <c r="H660191" s="12"/>
    </row>
    <row r="660192" spans="8:8">
      <c r="H660192" s="12"/>
    </row>
    <row r="660193" spans="8:8">
      <c r="H660193" s="12"/>
    </row>
    <row r="660194" spans="8:8">
      <c r="H660194" s="12"/>
    </row>
    <row r="660195" spans="8:8">
      <c r="H660195" s="12"/>
    </row>
    <row r="660196" spans="8:8">
      <c r="H660196" s="12"/>
    </row>
    <row r="660197" spans="8:8">
      <c r="H660197" s="12"/>
    </row>
    <row r="660198" spans="8:8">
      <c r="H660198" s="12"/>
    </row>
    <row r="660199" spans="8:8">
      <c r="H660199" s="12"/>
    </row>
    <row r="660200" spans="8:8">
      <c r="H660200" s="12"/>
    </row>
    <row r="660201" spans="8:8">
      <c r="H660201" s="12"/>
    </row>
    <row r="660202" spans="8:8">
      <c r="H660202" s="12"/>
    </row>
    <row r="660203" spans="8:8">
      <c r="H660203" s="12"/>
    </row>
    <row r="660204" spans="8:8">
      <c r="H660204" s="12"/>
    </row>
    <row r="660205" spans="8:8">
      <c r="H660205" s="12"/>
    </row>
    <row r="660206" spans="8:8">
      <c r="H660206" s="12"/>
    </row>
    <row r="660207" spans="8:8">
      <c r="H660207" s="12"/>
    </row>
    <row r="660208" spans="8:8">
      <c r="H660208" s="12"/>
    </row>
    <row r="660209" spans="8:8">
      <c r="H660209" s="12"/>
    </row>
    <row r="660210" spans="8:8">
      <c r="H660210" s="12"/>
    </row>
    <row r="660211" spans="8:8">
      <c r="H660211" s="12"/>
    </row>
    <row r="660212" spans="8:8">
      <c r="H660212" s="12"/>
    </row>
    <row r="660213" spans="8:8">
      <c r="H660213" s="12"/>
    </row>
    <row r="660214" spans="8:8">
      <c r="H660214" s="12"/>
    </row>
    <row r="660215" spans="8:8">
      <c r="H660215" s="12"/>
    </row>
    <row r="660216" spans="8:8">
      <c r="H660216" s="12"/>
    </row>
    <row r="660217" spans="8:8">
      <c r="H660217" s="12"/>
    </row>
    <row r="660218" spans="8:8">
      <c r="H660218" s="12"/>
    </row>
    <row r="660219" spans="8:8">
      <c r="H660219" s="12"/>
    </row>
    <row r="660220" spans="8:8">
      <c r="H660220" s="12"/>
    </row>
    <row r="660221" spans="8:8">
      <c r="H660221" s="12"/>
    </row>
    <row r="660222" spans="8:8">
      <c r="H660222" s="12"/>
    </row>
    <row r="660223" spans="8:8">
      <c r="H660223" s="12"/>
    </row>
    <row r="660224" spans="8:8">
      <c r="H660224" s="12"/>
    </row>
    <row r="660225" spans="8:8">
      <c r="H660225" s="12"/>
    </row>
    <row r="660226" spans="8:8">
      <c r="H660226" s="12"/>
    </row>
    <row r="660227" spans="8:8">
      <c r="H660227" s="12"/>
    </row>
    <row r="660228" spans="8:8">
      <c r="H660228" s="12"/>
    </row>
    <row r="660229" spans="8:8">
      <c r="H660229" s="12"/>
    </row>
    <row r="660230" spans="8:8">
      <c r="H660230" s="12"/>
    </row>
    <row r="660231" spans="8:8">
      <c r="H660231" s="12"/>
    </row>
    <row r="660232" spans="8:8">
      <c r="H660232" s="12"/>
    </row>
    <row r="660233" spans="8:8">
      <c r="H660233" s="12"/>
    </row>
    <row r="660234" spans="8:8">
      <c r="H660234" s="12"/>
    </row>
    <row r="660235" spans="8:8">
      <c r="H660235" s="12"/>
    </row>
    <row r="660236" spans="8:8">
      <c r="H660236" s="12"/>
    </row>
    <row r="660237" spans="8:8">
      <c r="H660237" s="12"/>
    </row>
    <row r="660238" spans="8:8">
      <c r="H660238" s="12"/>
    </row>
    <row r="660239" spans="8:8">
      <c r="H660239" s="12"/>
    </row>
    <row r="660240" spans="8:8">
      <c r="H660240" s="12"/>
    </row>
    <row r="660241" spans="8:8">
      <c r="H660241" s="12"/>
    </row>
    <row r="660242" spans="8:8">
      <c r="H660242" s="12"/>
    </row>
    <row r="660243" spans="8:8">
      <c r="H660243" s="12"/>
    </row>
    <row r="660244" spans="8:8">
      <c r="H660244" s="12"/>
    </row>
    <row r="660245" spans="8:8">
      <c r="H660245" s="12"/>
    </row>
    <row r="660246" spans="8:8">
      <c r="H660246" s="12"/>
    </row>
    <row r="660247" spans="8:8">
      <c r="H660247" s="12"/>
    </row>
    <row r="660248" spans="8:8">
      <c r="H660248" s="12"/>
    </row>
    <row r="660249" spans="8:8">
      <c r="H660249" s="12"/>
    </row>
    <row r="660250" spans="8:8">
      <c r="H660250" s="12"/>
    </row>
    <row r="660251" spans="8:8">
      <c r="H660251" s="12"/>
    </row>
    <row r="660252" spans="8:8">
      <c r="H660252" s="12"/>
    </row>
    <row r="660253" spans="8:8">
      <c r="H660253" s="12"/>
    </row>
    <row r="660254" spans="8:8">
      <c r="H660254" s="12"/>
    </row>
    <row r="660255" spans="8:8">
      <c r="H660255" s="12"/>
    </row>
    <row r="660256" spans="8:8">
      <c r="H660256" s="12"/>
    </row>
    <row r="660257" spans="8:8">
      <c r="H660257" s="12"/>
    </row>
    <row r="660258" spans="8:8">
      <c r="H660258" s="12"/>
    </row>
    <row r="660259" spans="8:8">
      <c r="H660259" s="12"/>
    </row>
    <row r="660260" spans="8:8">
      <c r="H660260" s="12"/>
    </row>
    <row r="660261" spans="8:8">
      <c r="H660261" s="12"/>
    </row>
    <row r="660262" spans="8:8">
      <c r="H660262" s="12"/>
    </row>
    <row r="660263" spans="8:8">
      <c r="H660263" s="12"/>
    </row>
    <row r="660264" spans="8:8">
      <c r="H660264" s="12"/>
    </row>
    <row r="660265" spans="8:8">
      <c r="H660265" s="12"/>
    </row>
    <row r="660266" spans="8:8">
      <c r="H660266" s="12"/>
    </row>
    <row r="660267" spans="8:8">
      <c r="H660267" s="12"/>
    </row>
    <row r="660268" spans="8:8">
      <c r="H660268" s="12"/>
    </row>
    <row r="660269" spans="8:8">
      <c r="H660269" s="12"/>
    </row>
    <row r="660270" spans="8:8">
      <c r="H660270" s="12"/>
    </row>
    <row r="660271" spans="8:8">
      <c r="H660271" s="12"/>
    </row>
    <row r="660272" spans="8:8">
      <c r="H660272" s="12"/>
    </row>
    <row r="660273" spans="8:8">
      <c r="H660273" s="12"/>
    </row>
    <row r="660274" spans="8:8">
      <c r="H660274" s="12"/>
    </row>
    <row r="660275" spans="8:8">
      <c r="H660275" s="12"/>
    </row>
    <row r="660276" spans="8:8">
      <c r="H660276" s="12"/>
    </row>
    <row r="660277" spans="8:8">
      <c r="H660277" s="12"/>
    </row>
    <row r="660278" spans="8:8">
      <c r="H660278" s="12"/>
    </row>
    <row r="660279" spans="8:8">
      <c r="H660279" s="12"/>
    </row>
    <row r="660280" spans="8:8">
      <c r="H660280" s="12"/>
    </row>
    <row r="660281" spans="8:8">
      <c r="H660281" s="12"/>
    </row>
    <row r="660282" spans="8:8">
      <c r="H660282" s="12"/>
    </row>
    <row r="660283" spans="8:8">
      <c r="H660283" s="12"/>
    </row>
    <row r="660284" spans="8:8">
      <c r="H660284" s="12"/>
    </row>
    <row r="660285" spans="8:8">
      <c r="H660285" s="12"/>
    </row>
    <row r="660286" spans="8:8">
      <c r="H660286" s="12"/>
    </row>
    <row r="660287" spans="8:8">
      <c r="H660287" s="12"/>
    </row>
    <row r="660288" spans="8:8">
      <c r="H660288" s="12"/>
    </row>
    <row r="660289" spans="8:8">
      <c r="H660289" s="12"/>
    </row>
    <row r="660290" spans="8:8">
      <c r="H660290" s="12"/>
    </row>
    <row r="660291" spans="8:8">
      <c r="H660291" s="12"/>
    </row>
    <row r="660292" spans="8:8">
      <c r="H660292" s="12"/>
    </row>
    <row r="660293" spans="8:8">
      <c r="H660293" s="12"/>
    </row>
    <row r="660294" spans="8:8">
      <c r="H660294" s="12"/>
    </row>
    <row r="660295" spans="8:8">
      <c r="H660295" s="12"/>
    </row>
    <row r="660296" spans="8:8">
      <c r="H660296" s="12"/>
    </row>
    <row r="660297" spans="8:8">
      <c r="H660297" s="12"/>
    </row>
    <row r="660298" spans="8:8">
      <c r="H660298" s="12"/>
    </row>
    <row r="660299" spans="8:8">
      <c r="H660299" s="12"/>
    </row>
    <row r="660300" spans="8:8">
      <c r="H660300" s="12"/>
    </row>
    <row r="660301" spans="8:8">
      <c r="H660301" s="12"/>
    </row>
    <row r="660302" spans="8:8">
      <c r="H660302" s="12"/>
    </row>
    <row r="660303" spans="8:8">
      <c r="H660303" s="12"/>
    </row>
    <row r="660304" spans="8:8">
      <c r="H660304" s="12"/>
    </row>
    <row r="660305" spans="8:8">
      <c r="H660305" s="12"/>
    </row>
    <row r="660306" spans="8:8">
      <c r="H660306" s="12"/>
    </row>
    <row r="660307" spans="8:8">
      <c r="H660307" s="12"/>
    </row>
    <row r="660308" spans="8:8">
      <c r="H660308" s="12"/>
    </row>
    <row r="660309" spans="8:8">
      <c r="H660309" s="12"/>
    </row>
    <row r="660310" spans="8:8">
      <c r="H660310" s="12"/>
    </row>
    <row r="660311" spans="8:8">
      <c r="H660311" s="12"/>
    </row>
    <row r="660312" spans="8:8">
      <c r="H660312" s="12"/>
    </row>
    <row r="660313" spans="8:8">
      <c r="H660313" s="12"/>
    </row>
    <row r="660314" spans="8:8">
      <c r="H660314" s="12"/>
    </row>
    <row r="660315" spans="8:8">
      <c r="H660315" s="12"/>
    </row>
    <row r="660316" spans="8:8">
      <c r="H660316" s="12"/>
    </row>
    <row r="660317" spans="8:8">
      <c r="H660317" s="12"/>
    </row>
    <row r="660318" spans="8:8">
      <c r="H660318" s="12"/>
    </row>
    <row r="660319" spans="8:8">
      <c r="H660319" s="12"/>
    </row>
    <row r="660320" spans="8:8">
      <c r="H660320" s="12"/>
    </row>
    <row r="660321" spans="8:8">
      <c r="H660321" s="12"/>
    </row>
    <row r="660322" spans="8:8">
      <c r="H660322" s="12"/>
    </row>
    <row r="660323" spans="8:8">
      <c r="H660323" s="12"/>
    </row>
    <row r="660324" spans="8:8">
      <c r="H660324" s="12"/>
    </row>
    <row r="660325" spans="8:8">
      <c r="H660325" s="12"/>
    </row>
    <row r="660326" spans="8:8">
      <c r="H660326" s="12"/>
    </row>
    <row r="660327" spans="8:8">
      <c r="H660327" s="12"/>
    </row>
    <row r="660328" spans="8:8">
      <c r="H660328" s="12"/>
    </row>
    <row r="660329" spans="8:8">
      <c r="H660329" s="12"/>
    </row>
    <row r="660330" spans="8:8">
      <c r="H660330" s="12"/>
    </row>
    <row r="660331" spans="8:8">
      <c r="H660331" s="12"/>
    </row>
    <row r="660332" spans="8:8">
      <c r="H660332" s="12"/>
    </row>
    <row r="660333" spans="8:8">
      <c r="H660333" s="12"/>
    </row>
    <row r="660334" spans="8:8">
      <c r="H660334" s="12"/>
    </row>
    <row r="660335" spans="8:8">
      <c r="H660335" s="12"/>
    </row>
    <row r="660336" spans="8:8">
      <c r="H660336" s="12"/>
    </row>
    <row r="660337" spans="8:8">
      <c r="H660337" s="12"/>
    </row>
    <row r="660338" spans="8:8">
      <c r="H660338" s="12"/>
    </row>
    <row r="660339" spans="8:8">
      <c r="H660339" s="12"/>
    </row>
    <row r="660340" spans="8:8">
      <c r="H660340" s="12"/>
    </row>
    <row r="660341" spans="8:8">
      <c r="H660341" s="12"/>
    </row>
    <row r="660342" spans="8:8">
      <c r="H660342" s="12"/>
    </row>
    <row r="660343" spans="8:8">
      <c r="H660343" s="12"/>
    </row>
    <row r="660344" spans="8:8">
      <c r="H660344" s="12"/>
    </row>
    <row r="660345" spans="8:8">
      <c r="H660345" s="12"/>
    </row>
    <row r="660346" spans="8:8">
      <c r="H660346" s="12"/>
    </row>
    <row r="660347" spans="8:8">
      <c r="H660347" s="12"/>
    </row>
    <row r="660348" spans="8:8">
      <c r="H660348" s="12"/>
    </row>
    <row r="660349" spans="8:8">
      <c r="H660349" s="12"/>
    </row>
    <row r="660350" spans="8:8">
      <c r="H660350" s="12"/>
    </row>
    <row r="660351" spans="8:8">
      <c r="H660351" s="12"/>
    </row>
    <row r="660352" spans="8:8">
      <c r="H660352" s="12"/>
    </row>
    <row r="660353" spans="8:8">
      <c r="H660353" s="12"/>
    </row>
    <row r="660354" spans="8:8">
      <c r="H660354" s="12"/>
    </row>
    <row r="660355" spans="8:8">
      <c r="H660355" s="12"/>
    </row>
    <row r="660356" spans="8:8">
      <c r="H660356" s="12"/>
    </row>
    <row r="660357" spans="8:8">
      <c r="H660357" s="12"/>
    </row>
    <row r="660358" spans="8:8">
      <c r="H660358" s="12"/>
    </row>
    <row r="660359" spans="8:8">
      <c r="H660359" s="12"/>
    </row>
    <row r="660360" spans="8:8">
      <c r="H660360" s="12"/>
    </row>
    <row r="660361" spans="8:8">
      <c r="H660361" s="12"/>
    </row>
    <row r="660362" spans="8:8">
      <c r="H660362" s="12"/>
    </row>
    <row r="660363" spans="8:8">
      <c r="H660363" s="12"/>
    </row>
    <row r="660364" spans="8:8">
      <c r="H660364" s="12"/>
    </row>
    <row r="660365" spans="8:8">
      <c r="H660365" s="12"/>
    </row>
    <row r="660366" spans="8:8">
      <c r="H660366" s="12"/>
    </row>
    <row r="660367" spans="8:8">
      <c r="H660367" s="12"/>
    </row>
    <row r="660368" spans="8:8">
      <c r="H660368" s="12"/>
    </row>
    <row r="660369" spans="8:8">
      <c r="H660369" s="12"/>
    </row>
    <row r="660370" spans="8:8">
      <c r="H660370" s="12"/>
    </row>
    <row r="660371" spans="8:8">
      <c r="H660371" s="12"/>
    </row>
    <row r="660372" spans="8:8">
      <c r="H660372" s="12"/>
    </row>
    <row r="660373" spans="8:8">
      <c r="H660373" s="12"/>
    </row>
    <row r="660374" spans="8:8">
      <c r="H660374" s="12"/>
    </row>
    <row r="660375" spans="8:8">
      <c r="H660375" s="12"/>
    </row>
    <row r="660376" spans="8:8">
      <c r="H660376" s="12"/>
    </row>
    <row r="660377" spans="8:8">
      <c r="H660377" s="12"/>
    </row>
    <row r="660378" spans="8:8">
      <c r="H660378" s="12"/>
    </row>
    <row r="660379" spans="8:8">
      <c r="H660379" s="12"/>
    </row>
    <row r="660380" spans="8:8">
      <c r="H660380" s="12"/>
    </row>
    <row r="660381" spans="8:8">
      <c r="H660381" s="12"/>
    </row>
    <row r="660382" spans="8:8">
      <c r="H660382" s="12"/>
    </row>
    <row r="660383" spans="8:8">
      <c r="H660383" s="12"/>
    </row>
    <row r="660384" spans="8:8">
      <c r="H660384" s="12"/>
    </row>
    <row r="660385" spans="8:8">
      <c r="H660385" s="12"/>
    </row>
    <row r="660386" spans="8:8">
      <c r="H660386" s="12"/>
    </row>
    <row r="660387" spans="8:8">
      <c r="H660387" s="12"/>
    </row>
    <row r="660388" spans="8:8">
      <c r="H660388" s="12"/>
    </row>
    <row r="660389" spans="8:8">
      <c r="H660389" s="12"/>
    </row>
    <row r="660390" spans="8:8">
      <c r="H660390" s="12"/>
    </row>
    <row r="660391" spans="8:8">
      <c r="H660391" s="12"/>
    </row>
    <row r="660392" spans="8:8">
      <c r="H660392" s="12"/>
    </row>
    <row r="660393" spans="8:8">
      <c r="H660393" s="12"/>
    </row>
    <row r="660394" spans="8:8">
      <c r="H660394" s="12"/>
    </row>
    <row r="660395" spans="8:8">
      <c r="H660395" s="12"/>
    </row>
    <row r="660396" spans="8:8">
      <c r="H660396" s="12"/>
    </row>
    <row r="660397" spans="8:8">
      <c r="H660397" s="12"/>
    </row>
    <row r="660398" spans="8:8">
      <c r="H660398" s="12"/>
    </row>
    <row r="660399" spans="8:8">
      <c r="H660399" s="12"/>
    </row>
    <row r="660400" spans="8:8">
      <c r="H660400" s="12"/>
    </row>
    <row r="660401" spans="8:8">
      <c r="H660401" s="12"/>
    </row>
    <row r="660402" spans="8:8">
      <c r="H660402" s="12"/>
    </row>
    <row r="660403" spans="8:8">
      <c r="H660403" s="12"/>
    </row>
    <row r="660404" spans="8:8">
      <c r="H660404" s="12"/>
    </row>
    <row r="660405" spans="8:8">
      <c r="H660405" s="12"/>
    </row>
    <row r="660406" spans="8:8">
      <c r="H660406" s="12"/>
    </row>
    <row r="660407" spans="8:8">
      <c r="H660407" s="12"/>
    </row>
    <row r="660408" spans="8:8">
      <c r="H660408" s="12"/>
    </row>
    <row r="660409" spans="8:8">
      <c r="H660409" s="12"/>
    </row>
    <row r="660410" spans="8:8">
      <c r="H660410" s="12"/>
    </row>
    <row r="660411" spans="8:8">
      <c r="H660411" s="12"/>
    </row>
    <row r="660412" spans="8:8">
      <c r="H660412" s="12"/>
    </row>
    <row r="660413" spans="8:8">
      <c r="H660413" s="12"/>
    </row>
    <row r="660414" spans="8:8">
      <c r="H660414" s="12"/>
    </row>
    <row r="660415" spans="8:8">
      <c r="H660415" s="12"/>
    </row>
    <row r="660416" spans="8:8">
      <c r="H660416" s="12"/>
    </row>
    <row r="660417" spans="8:8">
      <c r="H660417" s="12"/>
    </row>
    <row r="660418" spans="8:8">
      <c r="H660418" s="12"/>
    </row>
    <row r="660419" spans="8:8">
      <c r="H660419" s="12"/>
    </row>
    <row r="660420" spans="8:8">
      <c r="H660420" s="12"/>
    </row>
    <row r="660421" spans="8:8">
      <c r="H660421" s="12"/>
    </row>
    <row r="660422" spans="8:8">
      <c r="H660422" s="12"/>
    </row>
    <row r="660423" spans="8:8">
      <c r="H660423" s="12"/>
    </row>
    <row r="660424" spans="8:8">
      <c r="H660424" s="12"/>
    </row>
    <row r="660425" spans="8:8">
      <c r="H660425" s="12"/>
    </row>
    <row r="660426" spans="8:8">
      <c r="H660426" s="12"/>
    </row>
    <row r="660427" spans="8:8">
      <c r="H660427" s="12"/>
    </row>
    <row r="660428" spans="8:8">
      <c r="H660428" s="12"/>
    </row>
    <row r="660429" spans="8:8">
      <c r="H660429" s="12"/>
    </row>
    <row r="660430" spans="8:8">
      <c r="H660430" s="12"/>
    </row>
    <row r="660431" spans="8:8">
      <c r="H660431" s="12"/>
    </row>
    <row r="660432" spans="8:8">
      <c r="H660432" s="12"/>
    </row>
    <row r="660433" spans="8:8">
      <c r="H660433" s="12"/>
    </row>
    <row r="660434" spans="8:8">
      <c r="H660434" s="12"/>
    </row>
    <row r="660435" spans="8:8">
      <c r="H660435" s="12"/>
    </row>
    <row r="660436" spans="8:8">
      <c r="H660436" s="12"/>
    </row>
    <row r="660437" spans="8:8">
      <c r="H660437" s="12"/>
    </row>
    <row r="660438" spans="8:8">
      <c r="H660438" s="12"/>
    </row>
    <row r="660439" spans="8:8">
      <c r="H660439" s="12"/>
    </row>
    <row r="660440" spans="8:8">
      <c r="H660440" s="12"/>
    </row>
    <row r="660441" spans="8:8">
      <c r="H660441" s="12"/>
    </row>
    <row r="660442" spans="8:8">
      <c r="H660442" s="12"/>
    </row>
    <row r="660443" spans="8:8">
      <c r="H660443" s="12"/>
    </row>
    <row r="660444" spans="8:8">
      <c r="H660444" s="12"/>
    </row>
    <row r="660445" spans="8:8">
      <c r="H660445" s="12"/>
    </row>
    <row r="660446" spans="8:8">
      <c r="H660446" s="12"/>
    </row>
    <row r="660447" spans="8:8">
      <c r="H660447" s="12"/>
    </row>
    <row r="660448" spans="8:8">
      <c r="H660448" s="12"/>
    </row>
    <row r="660449" spans="8:8">
      <c r="H660449" s="12"/>
    </row>
    <row r="660450" spans="8:8">
      <c r="H660450" s="12"/>
    </row>
    <row r="660451" spans="8:8">
      <c r="H660451" s="12"/>
    </row>
    <row r="660452" spans="8:8">
      <c r="H660452" s="12"/>
    </row>
    <row r="660453" spans="8:8">
      <c r="H660453" s="12"/>
    </row>
    <row r="660454" spans="8:8">
      <c r="H660454" s="12"/>
    </row>
    <row r="660455" spans="8:8">
      <c r="H660455" s="12"/>
    </row>
    <row r="660456" spans="8:8">
      <c r="H660456" s="12"/>
    </row>
    <row r="660457" spans="8:8">
      <c r="H660457" s="12"/>
    </row>
    <row r="660458" spans="8:8">
      <c r="H660458" s="12"/>
    </row>
    <row r="660459" spans="8:8">
      <c r="H660459" s="12"/>
    </row>
    <row r="660460" spans="8:8">
      <c r="H660460" s="12"/>
    </row>
    <row r="660461" spans="8:8">
      <c r="H660461" s="12"/>
    </row>
    <row r="660462" spans="8:8">
      <c r="H660462" s="12"/>
    </row>
    <row r="660463" spans="8:8">
      <c r="H660463" s="12"/>
    </row>
    <row r="660464" spans="8:8">
      <c r="H660464" s="12"/>
    </row>
    <row r="660465" spans="8:8">
      <c r="H660465" s="12"/>
    </row>
    <row r="660466" spans="8:8">
      <c r="H660466" s="12"/>
    </row>
    <row r="660467" spans="8:8">
      <c r="H660467" s="12"/>
    </row>
    <row r="660468" spans="8:8">
      <c r="H660468" s="12"/>
    </row>
    <row r="660469" spans="8:8">
      <c r="H660469" s="12"/>
    </row>
    <row r="660470" spans="8:8">
      <c r="H660470" s="12"/>
    </row>
    <row r="660471" spans="8:8">
      <c r="H660471" s="12"/>
    </row>
    <row r="660472" spans="8:8">
      <c r="H660472" s="12"/>
    </row>
    <row r="660473" spans="8:8">
      <c r="H660473" s="12"/>
    </row>
    <row r="660474" spans="8:8">
      <c r="H660474" s="12"/>
    </row>
    <row r="660475" spans="8:8">
      <c r="H660475" s="12"/>
    </row>
    <row r="660476" spans="8:8">
      <c r="H660476" s="12"/>
    </row>
    <row r="660477" spans="8:8">
      <c r="H660477" s="12"/>
    </row>
    <row r="660478" spans="8:8">
      <c r="H660478" s="12"/>
    </row>
    <row r="660479" spans="8:8">
      <c r="H660479" s="12"/>
    </row>
    <row r="660480" spans="8:8">
      <c r="H660480" s="12"/>
    </row>
    <row r="660481" spans="8:8">
      <c r="H660481" s="12"/>
    </row>
    <row r="660482" spans="8:8">
      <c r="H660482" s="12"/>
    </row>
    <row r="660483" spans="8:8">
      <c r="H660483" s="12"/>
    </row>
    <row r="660484" spans="8:8">
      <c r="H660484" s="12"/>
    </row>
    <row r="660485" spans="8:8">
      <c r="H660485" s="12"/>
    </row>
    <row r="660486" spans="8:8">
      <c r="H660486" s="12"/>
    </row>
    <row r="660487" spans="8:8">
      <c r="H660487" s="12"/>
    </row>
    <row r="660488" spans="8:8">
      <c r="H660488" s="12"/>
    </row>
    <row r="660489" spans="8:8">
      <c r="H660489" s="12"/>
    </row>
    <row r="660490" spans="8:8">
      <c r="H660490" s="12"/>
    </row>
    <row r="660491" spans="8:8">
      <c r="H660491" s="12"/>
    </row>
    <row r="660492" spans="8:8">
      <c r="H660492" s="12"/>
    </row>
    <row r="660493" spans="8:8">
      <c r="H660493" s="12"/>
    </row>
    <row r="660494" spans="8:8">
      <c r="H660494" s="12"/>
    </row>
    <row r="660495" spans="8:8">
      <c r="H660495" s="12"/>
    </row>
    <row r="660496" spans="8:8">
      <c r="H660496" s="12"/>
    </row>
    <row r="660497" spans="8:8">
      <c r="H660497" s="12"/>
    </row>
    <row r="660498" spans="8:8">
      <c r="H660498" s="12"/>
    </row>
    <row r="660499" spans="8:8">
      <c r="H660499" s="12"/>
    </row>
    <row r="660500" spans="8:8">
      <c r="H660500" s="12"/>
    </row>
    <row r="660501" spans="8:8">
      <c r="H660501" s="12"/>
    </row>
    <row r="660502" spans="8:8">
      <c r="H660502" s="12"/>
    </row>
    <row r="660503" spans="8:8">
      <c r="H660503" s="12"/>
    </row>
    <row r="660504" spans="8:8">
      <c r="H660504" s="12"/>
    </row>
    <row r="660505" spans="8:8">
      <c r="H660505" s="12"/>
    </row>
    <row r="660506" spans="8:8">
      <c r="H660506" s="12"/>
    </row>
    <row r="660507" spans="8:8">
      <c r="H660507" s="12"/>
    </row>
    <row r="660508" spans="8:8">
      <c r="H660508" s="12"/>
    </row>
    <row r="660509" spans="8:8">
      <c r="H660509" s="12"/>
    </row>
    <row r="660510" spans="8:8">
      <c r="H660510" s="12"/>
    </row>
    <row r="660511" spans="8:8">
      <c r="H660511" s="12"/>
    </row>
    <row r="660512" spans="8:8">
      <c r="H660512" s="12"/>
    </row>
    <row r="660513" spans="8:8">
      <c r="H660513" s="12"/>
    </row>
    <row r="660514" spans="8:8">
      <c r="H660514" s="12"/>
    </row>
    <row r="660515" spans="8:8">
      <c r="H660515" s="12"/>
    </row>
    <row r="660516" spans="8:8">
      <c r="H660516" s="12"/>
    </row>
    <row r="660517" spans="8:8">
      <c r="H660517" s="12"/>
    </row>
    <row r="660518" spans="8:8">
      <c r="H660518" s="12"/>
    </row>
    <row r="660519" spans="8:8">
      <c r="H660519" s="12"/>
    </row>
    <row r="660520" spans="8:8">
      <c r="H660520" s="12"/>
    </row>
    <row r="660521" spans="8:8">
      <c r="H660521" s="12"/>
    </row>
    <row r="660522" spans="8:8">
      <c r="H660522" s="12"/>
    </row>
    <row r="660523" spans="8:8">
      <c r="H660523" s="12"/>
    </row>
    <row r="660524" spans="8:8">
      <c r="H660524" s="12"/>
    </row>
    <row r="660525" spans="8:8">
      <c r="H660525" s="12"/>
    </row>
    <row r="660526" spans="8:8">
      <c r="H660526" s="12"/>
    </row>
    <row r="660527" spans="8:8">
      <c r="H660527" s="12"/>
    </row>
    <row r="660528" spans="8:8">
      <c r="H660528" s="12"/>
    </row>
    <row r="660529" spans="8:8">
      <c r="H660529" s="12"/>
    </row>
    <row r="660530" spans="8:8">
      <c r="H660530" s="12"/>
    </row>
    <row r="660531" spans="8:8">
      <c r="H660531" s="12"/>
    </row>
    <row r="660532" spans="8:8">
      <c r="H660532" s="12"/>
    </row>
    <row r="660533" spans="8:8">
      <c r="H660533" s="12"/>
    </row>
    <row r="660534" spans="8:8">
      <c r="H660534" s="12"/>
    </row>
    <row r="660535" spans="8:8">
      <c r="H660535" s="12"/>
    </row>
    <row r="660536" spans="8:8">
      <c r="H660536" s="12"/>
    </row>
    <row r="660537" spans="8:8">
      <c r="H660537" s="12"/>
    </row>
    <row r="660538" spans="8:8">
      <c r="H660538" s="12"/>
    </row>
    <row r="660539" spans="8:8">
      <c r="H660539" s="12"/>
    </row>
    <row r="660540" spans="8:8">
      <c r="H660540" s="12"/>
    </row>
    <row r="660541" spans="8:8">
      <c r="H660541" s="12"/>
    </row>
    <row r="660542" spans="8:8">
      <c r="H660542" s="12"/>
    </row>
    <row r="660543" spans="8:8">
      <c r="H660543" s="12"/>
    </row>
    <row r="660544" spans="8:8">
      <c r="H660544" s="12"/>
    </row>
    <row r="660545" spans="8:8">
      <c r="H660545" s="12"/>
    </row>
    <row r="660546" spans="8:8">
      <c r="H660546" s="12"/>
    </row>
    <row r="660547" spans="8:8">
      <c r="H660547" s="12"/>
    </row>
    <row r="660548" spans="8:8">
      <c r="H660548" s="12"/>
    </row>
    <row r="660549" spans="8:8">
      <c r="H660549" s="12"/>
    </row>
    <row r="660550" spans="8:8">
      <c r="H660550" s="12"/>
    </row>
    <row r="660551" spans="8:8">
      <c r="H660551" s="12"/>
    </row>
    <row r="660552" spans="8:8">
      <c r="H660552" s="12"/>
    </row>
    <row r="660553" spans="8:8">
      <c r="H660553" s="12"/>
    </row>
    <row r="660554" spans="8:8">
      <c r="H660554" s="12"/>
    </row>
    <row r="660555" spans="8:8">
      <c r="H660555" s="12"/>
    </row>
    <row r="660556" spans="8:8">
      <c r="H660556" s="12"/>
    </row>
    <row r="660557" spans="8:8">
      <c r="H660557" s="12"/>
    </row>
    <row r="660558" spans="8:8">
      <c r="H660558" s="12"/>
    </row>
    <row r="660559" spans="8:8">
      <c r="H660559" s="12"/>
    </row>
    <row r="660560" spans="8:8">
      <c r="H660560" s="12"/>
    </row>
    <row r="660561" spans="8:8">
      <c r="H660561" s="12"/>
    </row>
    <row r="660562" spans="8:8">
      <c r="H660562" s="12"/>
    </row>
    <row r="660563" spans="8:8">
      <c r="H660563" s="12"/>
    </row>
    <row r="660564" spans="8:8">
      <c r="H660564" s="12"/>
    </row>
    <row r="660565" spans="8:8">
      <c r="H660565" s="12"/>
    </row>
    <row r="660566" spans="8:8">
      <c r="H660566" s="12"/>
    </row>
    <row r="660567" spans="8:8">
      <c r="H660567" s="12"/>
    </row>
    <row r="660568" spans="8:8">
      <c r="H660568" s="12"/>
    </row>
    <row r="660569" spans="8:8">
      <c r="H660569" s="12"/>
    </row>
    <row r="660570" spans="8:8">
      <c r="H660570" s="12"/>
    </row>
    <row r="660571" spans="8:8">
      <c r="H660571" s="12"/>
    </row>
    <row r="660572" spans="8:8">
      <c r="H660572" s="12"/>
    </row>
    <row r="660573" spans="8:8">
      <c r="H660573" s="12"/>
    </row>
    <row r="660574" spans="8:8">
      <c r="H660574" s="12"/>
    </row>
    <row r="660575" spans="8:8">
      <c r="H660575" s="12"/>
    </row>
    <row r="660576" spans="8:8">
      <c r="H660576" s="12"/>
    </row>
    <row r="660577" spans="8:8">
      <c r="H660577" s="12"/>
    </row>
    <row r="660578" spans="8:8">
      <c r="H660578" s="12"/>
    </row>
    <row r="660579" spans="8:8">
      <c r="H660579" s="12"/>
    </row>
    <row r="660580" spans="8:8">
      <c r="H660580" s="12"/>
    </row>
    <row r="660581" spans="8:8">
      <c r="H660581" s="12"/>
    </row>
    <row r="660582" spans="8:8">
      <c r="H660582" s="12"/>
    </row>
    <row r="660583" spans="8:8">
      <c r="H660583" s="12"/>
    </row>
    <row r="660584" spans="8:8">
      <c r="H660584" s="12"/>
    </row>
    <row r="660585" spans="8:8">
      <c r="H660585" s="12"/>
    </row>
    <row r="660586" spans="8:8">
      <c r="H660586" s="12"/>
    </row>
    <row r="660587" spans="8:8">
      <c r="H660587" s="12"/>
    </row>
    <row r="660588" spans="8:8">
      <c r="H660588" s="12"/>
    </row>
    <row r="660589" spans="8:8">
      <c r="H660589" s="12"/>
    </row>
    <row r="660590" spans="8:8">
      <c r="H660590" s="12"/>
    </row>
    <row r="660591" spans="8:8">
      <c r="H660591" s="12"/>
    </row>
    <row r="660592" spans="8:8">
      <c r="H660592" s="12"/>
    </row>
    <row r="660593" spans="8:8">
      <c r="H660593" s="12"/>
    </row>
    <row r="660594" spans="8:8">
      <c r="H660594" s="12"/>
    </row>
    <row r="660595" spans="8:8">
      <c r="H660595" s="12"/>
    </row>
    <row r="660596" spans="8:8">
      <c r="H660596" s="12"/>
    </row>
    <row r="660597" spans="8:8">
      <c r="H660597" s="12"/>
    </row>
    <row r="660598" spans="8:8">
      <c r="H660598" s="12"/>
    </row>
    <row r="660599" spans="8:8">
      <c r="H660599" s="12"/>
    </row>
    <row r="660600" spans="8:8">
      <c r="H660600" s="12"/>
    </row>
    <row r="660601" spans="8:8">
      <c r="H660601" s="12"/>
    </row>
    <row r="660602" spans="8:8">
      <c r="H660602" s="12"/>
    </row>
    <row r="660603" spans="8:8">
      <c r="H660603" s="12"/>
    </row>
    <row r="660604" spans="8:8">
      <c r="H660604" s="12"/>
    </row>
    <row r="660605" spans="8:8">
      <c r="H660605" s="12"/>
    </row>
    <row r="660606" spans="8:8">
      <c r="H660606" s="12"/>
    </row>
    <row r="660607" spans="8:8">
      <c r="H660607" s="12"/>
    </row>
    <row r="660608" spans="8:8">
      <c r="H660608" s="12"/>
    </row>
    <row r="660609" spans="8:8">
      <c r="H660609" s="12"/>
    </row>
    <row r="660610" spans="8:8">
      <c r="H660610" s="12"/>
    </row>
    <row r="660611" spans="8:8">
      <c r="H660611" s="12"/>
    </row>
    <row r="660612" spans="8:8">
      <c r="H660612" s="12"/>
    </row>
    <row r="660613" spans="8:8">
      <c r="H660613" s="12"/>
    </row>
    <row r="660614" spans="8:8">
      <c r="H660614" s="12"/>
    </row>
    <row r="660615" spans="8:8">
      <c r="H660615" s="12"/>
    </row>
    <row r="660616" spans="8:8">
      <c r="H660616" s="12"/>
    </row>
    <row r="660617" spans="8:8">
      <c r="H660617" s="12"/>
    </row>
    <row r="660618" spans="8:8">
      <c r="H660618" s="12"/>
    </row>
    <row r="660619" spans="8:8">
      <c r="H660619" s="12"/>
    </row>
    <row r="660620" spans="8:8">
      <c r="H660620" s="12"/>
    </row>
    <row r="660621" spans="8:8">
      <c r="H660621" s="12"/>
    </row>
    <row r="660622" spans="8:8">
      <c r="H660622" s="12"/>
    </row>
    <row r="660623" spans="8:8">
      <c r="H660623" s="12"/>
    </row>
    <row r="660624" spans="8:8">
      <c r="H660624" s="12"/>
    </row>
    <row r="660625" spans="8:8">
      <c r="H660625" s="12"/>
    </row>
    <row r="660626" spans="8:8">
      <c r="H660626" s="12"/>
    </row>
    <row r="660627" spans="8:8">
      <c r="H660627" s="12"/>
    </row>
    <row r="660628" spans="8:8">
      <c r="H660628" s="12"/>
    </row>
    <row r="660629" spans="8:8">
      <c r="H660629" s="12"/>
    </row>
    <row r="660630" spans="8:8">
      <c r="H660630" s="12"/>
    </row>
    <row r="660631" spans="8:8">
      <c r="H660631" s="12"/>
    </row>
    <row r="660632" spans="8:8">
      <c r="H660632" s="12"/>
    </row>
    <row r="660633" spans="8:8">
      <c r="H660633" s="12"/>
    </row>
    <row r="660634" spans="8:8">
      <c r="H660634" s="12"/>
    </row>
    <row r="660635" spans="8:8">
      <c r="H660635" s="12"/>
    </row>
    <row r="660636" spans="8:8">
      <c r="H660636" s="12"/>
    </row>
    <row r="660637" spans="8:8">
      <c r="H660637" s="12"/>
    </row>
    <row r="660638" spans="8:8">
      <c r="H660638" s="12"/>
    </row>
    <row r="660639" spans="8:8">
      <c r="H660639" s="12"/>
    </row>
    <row r="660640" spans="8:8">
      <c r="H660640" s="12"/>
    </row>
    <row r="660641" spans="8:8">
      <c r="H660641" s="12"/>
    </row>
    <row r="660642" spans="8:8">
      <c r="H660642" s="12"/>
    </row>
    <row r="660643" spans="8:8">
      <c r="H660643" s="12"/>
    </row>
    <row r="660644" spans="8:8">
      <c r="H660644" s="12"/>
    </row>
    <row r="660645" spans="8:8">
      <c r="H660645" s="12"/>
    </row>
    <row r="660646" spans="8:8">
      <c r="H660646" s="12"/>
    </row>
    <row r="660647" spans="8:8">
      <c r="H660647" s="12"/>
    </row>
    <row r="660648" spans="8:8">
      <c r="H660648" s="12"/>
    </row>
    <row r="660649" spans="8:8">
      <c r="H660649" s="12"/>
    </row>
    <row r="660650" spans="8:8">
      <c r="H660650" s="12"/>
    </row>
    <row r="660651" spans="8:8">
      <c r="H660651" s="12"/>
    </row>
    <row r="660652" spans="8:8">
      <c r="H660652" s="12"/>
    </row>
    <row r="660653" spans="8:8">
      <c r="H660653" s="12"/>
    </row>
    <row r="660654" spans="8:8">
      <c r="H660654" s="12"/>
    </row>
    <row r="660655" spans="8:8">
      <c r="H660655" s="12"/>
    </row>
    <row r="660656" spans="8:8">
      <c r="H660656" s="12"/>
    </row>
    <row r="660657" spans="8:8">
      <c r="H660657" s="12"/>
    </row>
    <row r="660658" spans="8:8">
      <c r="H660658" s="12"/>
    </row>
    <row r="660659" spans="8:8">
      <c r="H660659" s="12"/>
    </row>
    <row r="660660" spans="8:8">
      <c r="H660660" s="12"/>
    </row>
    <row r="660661" spans="8:8">
      <c r="H660661" s="12"/>
    </row>
    <row r="660662" spans="8:8">
      <c r="H660662" s="12"/>
    </row>
    <row r="660663" spans="8:8">
      <c r="H660663" s="12"/>
    </row>
    <row r="660664" spans="8:8">
      <c r="H660664" s="12"/>
    </row>
    <row r="660665" spans="8:8">
      <c r="H660665" s="12"/>
    </row>
    <row r="660666" spans="8:8">
      <c r="H660666" s="12"/>
    </row>
    <row r="660667" spans="8:8">
      <c r="H660667" s="12"/>
    </row>
    <row r="660668" spans="8:8">
      <c r="H660668" s="12"/>
    </row>
    <row r="660669" spans="8:8">
      <c r="H660669" s="12"/>
    </row>
    <row r="660670" spans="8:8">
      <c r="H660670" s="12"/>
    </row>
    <row r="660671" spans="8:8">
      <c r="H660671" s="12"/>
    </row>
    <row r="660672" spans="8:8">
      <c r="H660672" s="12"/>
    </row>
    <row r="660673" spans="8:8">
      <c r="H660673" s="12"/>
    </row>
    <row r="660674" spans="8:8">
      <c r="H660674" s="12"/>
    </row>
    <row r="660675" spans="8:8">
      <c r="H660675" s="12"/>
    </row>
    <row r="660676" spans="8:8">
      <c r="H660676" s="12"/>
    </row>
    <row r="660677" spans="8:8">
      <c r="H660677" s="12"/>
    </row>
    <row r="660678" spans="8:8">
      <c r="H660678" s="12"/>
    </row>
    <row r="660679" spans="8:8">
      <c r="H660679" s="12"/>
    </row>
    <row r="660680" spans="8:8">
      <c r="H660680" s="12"/>
    </row>
    <row r="660681" spans="8:8">
      <c r="H660681" s="12"/>
    </row>
    <row r="660682" spans="8:8">
      <c r="H660682" s="12"/>
    </row>
    <row r="660683" spans="8:8">
      <c r="H660683" s="12"/>
    </row>
    <row r="660684" spans="8:8">
      <c r="H660684" s="12"/>
    </row>
    <row r="660685" spans="8:8">
      <c r="H660685" s="12"/>
    </row>
    <row r="660686" spans="8:8">
      <c r="H660686" s="12"/>
    </row>
    <row r="660687" spans="8:8">
      <c r="H660687" s="12"/>
    </row>
    <row r="660688" spans="8:8">
      <c r="H660688" s="12"/>
    </row>
    <row r="660689" spans="8:8">
      <c r="H660689" s="12"/>
    </row>
    <row r="660690" spans="8:8">
      <c r="H660690" s="12"/>
    </row>
    <row r="660691" spans="8:8">
      <c r="H660691" s="12"/>
    </row>
    <row r="660692" spans="8:8">
      <c r="H660692" s="12"/>
    </row>
    <row r="660693" spans="8:8">
      <c r="H660693" s="12"/>
    </row>
    <row r="660694" spans="8:8">
      <c r="H660694" s="12"/>
    </row>
    <row r="660695" spans="8:8">
      <c r="H660695" s="12"/>
    </row>
    <row r="660696" spans="8:8">
      <c r="H660696" s="12"/>
    </row>
    <row r="660697" spans="8:8">
      <c r="H660697" s="12"/>
    </row>
    <row r="660698" spans="8:8">
      <c r="H660698" s="12"/>
    </row>
    <row r="660699" spans="8:8">
      <c r="H660699" s="12"/>
    </row>
    <row r="660700" spans="8:8">
      <c r="H660700" s="12"/>
    </row>
    <row r="660701" spans="8:8">
      <c r="H660701" s="12"/>
    </row>
    <row r="660702" spans="8:8">
      <c r="H660702" s="12"/>
    </row>
    <row r="660703" spans="8:8">
      <c r="H660703" s="12"/>
    </row>
    <row r="660704" spans="8:8">
      <c r="H660704" s="12"/>
    </row>
    <row r="660705" spans="8:8">
      <c r="H660705" s="12"/>
    </row>
    <row r="660706" spans="8:8">
      <c r="H660706" s="12"/>
    </row>
    <row r="660707" spans="8:8">
      <c r="H660707" s="12"/>
    </row>
    <row r="660708" spans="8:8">
      <c r="H660708" s="12"/>
    </row>
    <row r="660709" spans="8:8">
      <c r="H660709" s="12"/>
    </row>
    <row r="660710" spans="8:8">
      <c r="H660710" s="12"/>
    </row>
    <row r="660711" spans="8:8">
      <c r="H660711" s="12"/>
    </row>
    <row r="660712" spans="8:8">
      <c r="H660712" s="12"/>
    </row>
    <row r="660713" spans="8:8">
      <c r="H660713" s="12"/>
    </row>
    <row r="660714" spans="8:8">
      <c r="H660714" s="12"/>
    </row>
    <row r="660715" spans="8:8">
      <c r="H660715" s="12"/>
    </row>
    <row r="660716" spans="8:8">
      <c r="H660716" s="12"/>
    </row>
    <row r="660717" spans="8:8">
      <c r="H660717" s="12"/>
    </row>
    <row r="660718" spans="8:8">
      <c r="H660718" s="12"/>
    </row>
    <row r="660719" spans="8:8">
      <c r="H660719" s="12"/>
    </row>
    <row r="660720" spans="8:8">
      <c r="H660720" s="12"/>
    </row>
    <row r="660721" spans="8:8">
      <c r="H660721" s="12"/>
    </row>
    <row r="660722" spans="8:8">
      <c r="H660722" s="12"/>
    </row>
    <row r="660723" spans="8:8">
      <c r="H660723" s="12"/>
    </row>
    <row r="660724" spans="8:8">
      <c r="H660724" s="12"/>
    </row>
    <row r="660725" spans="8:8">
      <c r="H660725" s="12"/>
    </row>
    <row r="660726" spans="8:8">
      <c r="H660726" s="12"/>
    </row>
    <row r="660727" spans="8:8">
      <c r="H660727" s="12"/>
    </row>
    <row r="660728" spans="8:8">
      <c r="H660728" s="12"/>
    </row>
    <row r="660729" spans="8:8">
      <c r="H660729" s="12"/>
    </row>
    <row r="660730" spans="8:8">
      <c r="H660730" s="12"/>
    </row>
    <row r="660731" spans="8:8">
      <c r="H660731" s="12"/>
    </row>
    <row r="660732" spans="8:8">
      <c r="H660732" s="12"/>
    </row>
    <row r="660733" spans="8:8">
      <c r="H660733" s="12"/>
    </row>
    <row r="660734" spans="8:8">
      <c r="H660734" s="12"/>
    </row>
    <row r="660735" spans="8:8">
      <c r="H660735" s="12"/>
    </row>
    <row r="660736" spans="8:8">
      <c r="H660736" s="12"/>
    </row>
    <row r="660737" spans="8:8">
      <c r="H660737" s="12"/>
    </row>
    <row r="660738" spans="8:8">
      <c r="H660738" s="12"/>
    </row>
    <row r="660739" spans="8:8">
      <c r="H660739" s="12"/>
    </row>
    <row r="660740" spans="8:8">
      <c r="H660740" s="12"/>
    </row>
    <row r="660741" spans="8:8">
      <c r="H660741" s="12"/>
    </row>
    <row r="660742" spans="8:8">
      <c r="H660742" s="12"/>
    </row>
    <row r="660743" spans="8:8">
      <c r="H660743" s="12"/>
    </row>
    <row r="660744" spans="8:8">
      <c r="H660744" s="12"/>
    </row>
    <row r="660745" spans="8:8">
      <c r="H660745" s="12"/>
    </row>
    <row r="660746" spans="8:8">
      <c r="H660746" s="12"/>
    </row>
    <row r="660747" spans="8:8">
      <c r="H660747" s="12"/>
    </row>
    <row r="660748" spans="8:8">
      <c r="H660748" s="12"/>
    </row>
    <row r="660749" spans="8:8">
      <c r="H660749" s="12"/>
    </row>
    <row r="660750" spans="8:8">
      <c r="H660750" s="12"/>
    </row>
    <row r="660751" spans="8:8">
      <c r="H660751" s="12"/>
    </row>
    <row r="660752" spans="8:8">
      <c r="H660752" s="12"/>
    </row>
    <row r="660753" spans="8:8">
      <c r="H660753" s="12"/>
    </row>
    <row r="660754" spans="8:8">
      <c r="H660754" s="12"/>
    </row>
    <row r="660755" spans="8:8">
      <c r="H660755" s="12"/>
    </row>
    <row r="660756" spans="8:8">
      <c r="H660756" s="12"/>
    </row>
    <row r="660757" spans="8:8">
      <c r="H660757" s="12"/>
    </row>
    <row r="660758" spans="8:8">
      <c r="H660758" s="12"/>
    </row>
    <row r="660759" spans="8:8">
      <c r="H660759" s="12"/>
    </row>
    <row r="660760" spans="8:8">
      <c r="H660760" s="12"/>
    </row>
    <row r="660761" spans="8:8">
      <c r="H660761" s="12"/>
    </row>
    <row r="660762" spans="8:8">
      <c r="H660762" s="12"/>
    </row>
    <row r="660763" spans="8:8">
      <c r="H660763" s="12"/>
    </row>
    <row r="660764" spans="8:8">
      <c r="H660764" s="12"/>
    </row>
    <row r="660765" spans="8:8">
      <c r="H660765" s="12"/>
    </row>
    <row r="660766" spans="8:8">
      <c r="H660766" s="12"/>
    </row>
    <row r="660767" spans="8:8">
      <c r="H660767" s="12"/>
    </row>
    <row r="660768" spans="8:8">
      <c r="H660768" s="12"/>
    </row>
    <row r="660769" spans="8:8">
      <c r="H660769" s="12"/>
    </row>
    <row r="660770" spans="8:8">
      <c r="H660770" s="12"/>
    </row>
    <row r="660771" spans="8:8">
      <c r="H660771" s="12"/>
    </row>
    <row r="660772" spans="8:8">
      <c r="H660772" s="12"/>
    </row>
    <row r="660773" spans="8:8">
      <c r="H660773" s="12"/>
    </row>
    <row r="660774" spans="8:8">
      <c r="H660774" s="12"/>
    </row>
    <row r="660775" spans="8:8">
      <c r="H660775" s="12"/>
    </row>
    <row r="660776" spans="8:8">
      <c r="H660776" s="12"/>
    </row>
    <row r="660777" spans="8:8">
      <c r="H660777" s="12"/>
    </row>
    <row r="660778" spans="8:8">
      <c r="H660778" s="12"/>
    </row>
    <row r="660779" spans="8:8">
      <c r="H660779" s="12"/>
    </row>
    <row r="660780" spans="8:8">
      <c r="H660780" s="12"/>
    </row>
    <row r="660781" spans="8:8">
      <c r="H660781" s="12"/>
    </row>
    <row r="660782" spans="8:8">
      <c r="H660782" s="12"/>
    </row>
    <row r="660783" spans="8:8">
      <c r="H660783" s="12"/>
    </row>
    <row r="660784" spans="8:8">
      <c r="H660784" s="12"/>
    </row>
    <row r="660785" spans="8:8">
      <c r="H660785" s="12"/>
    </row>
    <row r="660786" spans="8:8">
      <c r="H660786" s="12"/>
    </row>
    <row r="660787" spans="8:8">
      <c r="H660787" s="12"/>
    </row>
    <row r="660788" spans="8:8">
      <c r="H660788" s="12"/>
    </row>
    <row r="660789" spans="8:8">
      <c r="H660789" s="12"/>
    </row>
    <row r="660790" spans="8:8">
      <c r="H660790" s="12"/>
    </row>
    <row r="660791" spans="8:8">
      <c r="H660791" s="12"/>
    </row>
    <row r="660792" spans="8:8">
      <c r="H660792" s="12"/>
    </row>
    <row r="660793" spans="8:8">
      <c r="H660793" s="12"/>
    </row>
    <row r="660794" spans="8:8">
      <c r="H660794" s="12"/>
    </row>
    <row r="660795" spans="8:8">
      <c r="H660795" s="12"/>
    </row>
    <row r="660796" spans="8:8">
      <c r="H660796" s="12"/>
    </row>
    <row r="660797" spans="8:8">
      <c r="H660797" s="12"/>
    </row>
    <row r="660798" spans="8:8">
      <c r="H660798" s="12"/>
    </row>
    <row r="660799" spans="8:8">
      <c r="H660799" s="12"/>
    </row>
    <row r="660800" spans="8:8">
      <c r="H660800" s="12"/>
    </row>
    <row r="660801" spans="8:8">
      <c r="H660801" s="12"/>
    </row>
    <row r="660802" spans="8:8">
      <c r="H660802" s="12"/>
    </row>
    <row r="660803" spans="8:8">
      <c r="H660803" s="12"/>
    </row>
    <row r="660804" spans="8:8">
      <c r="H660804" s="12"/>
    </row>
    <row r="660805" spans="8:8">
      <c r="H660805" s="12"/>
    </row>
    <row r="660806" spans="8:8">
      <c r="H660806" s="12"/>
    </row>
    <row r="660807" spans="8:8">
      <c r="H660807" s="12"/>
    </row>
    <row r="660808" spans="8:8">
      <c r="H660808" s="12"/>
    </row>
    <row r="660809" spans="8:8">
      <c r="H660809" s="12"/>
    </row>
    <row r="660810" spans="8:8">
      <c r="H660810" s="12"/>
    </row>
    <row r="660811" spans="8:8">
      <c r="H660811" s="12"/>
    </row>
    <row r="660812" spans="8:8">
      <c r="H660812" s="12"/>
    </row>
    <row r="660813" spans="8:8">
      <c r="H660813" s="12"/>
    </row>
    <row r="660814" spans="8:8">
      <c r="H660814" s="12"/>
    </row>
    <row r="660815" spans="8:8">
      <c r="H660815" s="12"/>
    </row>
    <row r="660816" spans="8:8">
      <c r="H660816" s="12"/>
    </row>
    <row r="660817" spans="8:8">
      <c r="H660817" s="12"/>
    </row>
    <row r="660818" spans="8:8">
      <c r="H660818" s="12"/>
    </row>
    <row r="660819" spans="8:8">
      <c r="H660819" s="12"/>
    </row>
    <row r="660820" spans="8:8">
      <c r="H660820" s="12"/>
    </row>
    <row r="660821" spans="8:8">
      <c r="H660821" s="12"/>
    </row>
    <row r="660822" spans="8:8">
      <c r="H660822" s="12"/>
    </row>
    <row r="660823" spans="8:8">
      <c r="H660823" s="12"/>
    </row>
    <row r="660824" spans="8:8">
      <c r="H660824" s="12"/>
    </row>
    <row r="660825" spans="8:8">
      <c r="H660825" s="12"/>
    </row>
    <row r="660826" spans="8:8">
      <c r="H660826" s="12"/>
    </row>
    <row r="660827" spans="8:8">
      <c r="H660827" s="12"/>
    </row>
    <row r="660828" spans="8:8">
      <c r="H660828" s="12"/>
    </row>
    <row r="660829" spans="8:8">
      <c r="H660829" s="12"/>
    </row>
    <row r="660830" spans="8:8">
      <c r="H660830" s="12"/>
    </row>
    <row r="660831" spans="8:8">
      <c r="H660831" s="12"/>
    </row>
    <row r="660832" spans="8:8">
      <c r="H660832" s="12"/>
    </row>
    <row r="660833" spans="8:8">
      <c r="H660833" s="12"/>
    </row>
    <row r="660834" spans="8:8">
      <c r="H660834" s="12"/>
    </row>
    <row r="660835" spans="8:8">
      <c r="H660835" s="12"/>
    </row>
    <row r="660836" spans="8:8">
      <c r="H660836" s="12"/>
    </row>
    <row r="660837" spans="8:8">
      <c r="H660837" s="12"/>
    </row>
    <row r="660838" spans="8:8">
      <c r="H660838" s="12"/>
    </row>
    <row r="660839" spans="8:8">
      <c r="H660839" s="12"/>
    </row>
    <row r="660840" spans="8:8">
      <c r="H660840" s="12"/>
    </row>
    <row r="660841" spans="8:8">
      <c r="H660841" s="12"/>
    </row>
    <row r="660842" spans="8:8">
      <c r="H660842" s="12"/>
    </row>
    <row r="660843" spans="8:8">
      <c r="H660843" s="12"/>
    </row>
    <row r="660844" spans="8:8">
      <c r="H660844" s="12"/>
    </row>
    <row r="660845" spans="8:8">
      <c r="H660845" s="12"/>
    </row>
    <row r="660846" spans="8:8">
      <c r="H660846" s="12"/>
    </row>
    <row r="660847" spans="8:8">
      <c r="H660847" s="12"/>
    </row>
    <row r="660848" spans="8:8">
      <c r="H660848" s="12"/>
    </row>
    <row r="660849" spans="8:8">
      <c r="H660849" s="12"/>
    </row>
    <row r="660850" spans="8:8">
      <c r="H660850" s="12"/>
    </row>
    <row r="660851" spans="8:8">
      <c r="H660851" s="12"/>
    </row>
    <row r="660852" spans="8:8">
      <c r="H660852" s="12"/>
    </row>
    <row r="660853" spans="8:8">
      <c r="H660853" s="12"/>
    </row>
    <row r="660854" spans="8:8">
      <c r="H660854" s="12"/>
    </row>
    <row r="660855" spans="8:8">
      <c r="H660855" s="12"/>
    </row>
    <row r="660856" spans="8:8">
      <c r="H660856" s="12"/>
    </row>
    <row r="660857" spans="8:8">
      <c r="H660857" s="12"/>
    </row>
    <row r="660858" spans="8:8">
      <c r="H660858" s="12"/>
    </row>
    <row r="660859" spans="8:8">
      <c r="H660859" s="12"/>
    </row>
    <row r="660860" spans="8:8">
      <c r="H660860" s="12"/>
    </row>
    <row r="660861" spans="8:8">
      <c r="H660861" s="12"/>
    </row>
    <row r="660862" spans="8:8">
      <c r="H660862" s="12"/>
    </row>
    <row r="660863" spans="8:8">
      <c r="H660863" s="12"/>
    </row>
    <row r="660864" spans="8:8">
      <c r="H660864" s="12"/>
    </row>
    <row r="660865" spans="8:8">
      <c r="H660865" s="12"/>
    </row>
    <row r="660866" spans="8:8">
      <c r="H660866" s="12"/>
    </row>
    <row r="660867" spans="8:8">
      <c r="H660867" s="12"/>
    </row>
    <row r="660868" spans="8:8">
      <c r="H660868" s="12"/>
    </row>
    <row r="660869" spans="8:8">
      <c r="H660869" s="12"/>
    </row>
    <row r="660870" spans="8:8">
      <c r="H660870" s="12"/>
    </row>
    <row r="660871" spans="8:8">
      <c r="H660871" s="12"/>
    </row>
    <row r="660872" spans="8:8">
      <c r="H660872" s="12"/>
    </row>
    <row r="660873" spans="8:8">
      <c r="H660873" s="12"/>
    </row>
    <row r="660874" spans="8:8">
      <c r="H660874" s="12"/>
    </row>
    <row r="660875" spans="8:8">
      <c r="H660875" s="12"/>
    </row>
    <row r="660876" spans="8:8">
      <c r="H660876" s="12"/>
    </row>
    <row r="660877" spans="8:8">
      <c r="H660877" s="12"/>
    </row>
    <row r="660878" spans="8:8">
      <c r="H660878" s="12"/>
    </row>
    <row r="660879" spans="8:8">
      <c r="H660879" s="12"/>
    </row>
    <row r="660880" spans="8:8">
      <c r="H660880" s="12"/>
    </row>
    <row r="660881" spans="8:8">
      <c r="H660881" s="12"/>
    </row>
    <row r="660882" spans="8:8">
      <c r="H660882" s="12"/>
    </row>
    <row r="660883" spans="8:8">
      <c r="H660883" s="12"/>
    </row>
    <row r="660884" spans="8:8">
      <c r="H660884" s="12"/>
    </row>
    <row r="660885" spans="8:8">
      <c r="H660885" s="12"/>
    </row>
    <row r="660886" spans="8:8">
      <c r="H660886" s="12"/>
    </row>
    <row r="660887" spans="8:8">
      <c r="H660887" s="12"/>
    </row>
    <row r="660888" spans="8:8">
      <c r="H660888" s="12"/>
    </row>
    <row r="660889" spans="8:8">
      <c r="H660889" s="12"/>
    </row>
    <row r="660890" spans="8:8">
      <c r="H660890" s="12"/>
    </row>
    <row r="660891" spans="8:8">
      <c r="H660891" s="12"/>
    </row>
    <row r="660892" spans="8:8">
      <c r="H660892" s="12"/>
    </row>
    <row r="660893" spans="8:8">
      <c r="H660893" s="12"/>
    </row>
    <row r="660894" spans="8:8">
      <c r="H660894" s="12"/>
    </row>
    <row r="660895" spans="8:8">
      <c r="H660895" s="12"/>
    </row>
    <row r="660896" spans="8:8">
      <c r="H660896" s="12"/>
    </row>
    <row r="660897" spans="8:8">
      <c r="H660897" s="12"/>
    </row>
    <row r="660898" spans="8:8">
      <c r="H660898" s="12"/>
    </row>
    <row r="660899" spans="8:8">
      <c r="H660899" s="12"/>
    </row>
    <row r="660900" spans="8:8">
      <c r="H660900" s="12"/>
    </row>
    <row r="660901" spans="8:8">
      <c r="H660901" s="12"/>
    </row>
    <row r="660902" spans="8:8">
      <c r="H660902" s="12"/>
    </row>
    <row r="660903" spans="8:8">
      <c r="H660903" s="12"/>
    </row>
    <row r="660904" spans="8:8">
      <c r="H660904" s="12"/>
    </row>
    <row r="660905" spans="8:8">
      <c r="H660905" s="12"/>
    </row>
    <row r="660906" spans="8:8">
      <c r="H660906" s="12"/>
    </row>
    <row r="660907" spans="8:8">
      <c r="H660907" s="12"/>
    </row>
    <row r="660908" spans="8:8">
      <c r="H660908" s="12"/>
    </row>
    <row r="660909" spans="8:8">
      <c r="H660909" s="12"/>
    </row>
    <row r="660910" spans="8:8">
      <c r="H660910" s="12"/>
    </row>
    <row r="660911" spans="8:8">
      <c r="H660911" s="12"/>
    </row>
    <row r="660912" spans="8:8">
      <c r="H660912" s="12"/>
    </row>
    <row r="660913" spans="8:8">
      <c r="H660913" s="12"/>
    </row>
    <row r="660914" spans="8:8">
      <c r="H660914" s="12"/>
    </row>
    <row r="660915" spans="8:8">
      <c r="H660915" s="12"/>
    </row>
    <row r="660916" spans="8:8">
      <c r="H660916" s="12"/>
    </row>
    <row r="660917" spans="8:8">
      <c r="H660917" s="12"/>
    </row>
    <row r="660918" spans="8:8">
      <c r="H660918" s="12"/>
    </row>
    <row r="660919" spans="8:8">
      <c r="H660919" s="12"/>
    </row>
    <row r="660920" spans="8:8">
      <c r="H660920" s="12"/>
    </row>
    <row r="660921" spans="8:8">
      <c r="H660921" s="12"/>
    </row>
    <row r="660922" spans="8:8">
      <c r="H660922" s="12"/>
    </row>
    <row r="660923" spans="8:8">
      <c r="H660923" s="12"/>
    </row>
    <row r="660924" spans="8:8">
      <c r="H660924" s="12"/>
    </row>
    <row r="660925" spans="8:8">
      <c r="H660925" s="12"/>
    </row>
    <row r="660926" spans="8:8">
      <c r="H660926" s="12"/>
    </row>
    <row r="660927" spans="8:8">
      <c r="H660927" s="12"/>
    </row>
    <row r="660928" spans="8:8">
      <c r="H660928" s="12"/>
    </row>
    <row r="660929" spans="8:8">
      <c r="H660929" s="12"/>
    </row>
    <row r="660930" spans="8:8">
      <c r="H660930" s="12"/>
    </row>
    <row r="660931" spans="8:8">
      <c r="H660931" s="12"/>
    </row>
    <row r="660932" spans="8:8">
      <c r="H660932" s="12"/>
    </row>
    <row r="660933" spans="8:8">
      <c r="H660933" s="12"/>
    </row>
    <row r="660934" spans="8:8">
      <c r="H660934" s="12"/>
    </row>
    <row r="660935" spans="8:8">
      <c r="H660935" s="12"/>
    </row>
    <row r="660936" spans="8:8">
      <c r="H660936" s="12"/>
    </row>
    <row r="660937" spans="8:8">
      <c r="H660937" s="12"/>
    </row>
    <row r="660938" spans="8:8">
      <c r="H660938" s="12"/>
    </row>
    <row r="660939" spans="8:8">
      <c r="H660939" s="12"/>
    </row>
    <row r="660940" spans="8:8">
      <c r="H660940" s="12"/>
    </row>
    <row r="660941" spans="8:8">
      <c r="H660941" s="12"/>
    </row>
    <row r="660942" spans="8:8">
      <c r="H660942" s="12"/>
    </row>
    <row r="660943" spans="8:8">
      <c r="H660943" s="12"/>
    </row>
    <row r="660944" spans="8:8">
      <c r="H660944" s="12"/>
    </row>
    <row r="660945" spans="8:8">
      <c r="H660945" s="12"/>
    </row>
    <row r="660946" spans="8:8">
      <c r="H660946" s="12"/>
    </row>
    <row r="660947" spans="8:8">
      <c r="H660947" s="12"/>
    </row>
    <row r="660948" spans="8:8">
      <c r="H660948" s="12"/>
    </row>
    <row r="660949" spans="8:8">
      <c r="H660949" s="12"/>
    </row>
    <row r="660950" spans="8:8">
      <c r="H660950" s="12"/>
    </row>
    <row r="660951" spans="8:8">
      <c r="H660951" s="12"/>
    </row>
    <row r="660952" spans="8:8">
      <c r="H660952" s="12"/>
    </row>
    <row r="660953" spans="8:8">
      <c r="H660953" s="12"/>
    </row>
    <row r="660954" spans="8:8">
      <c r="H660954" s="12"/>
    </row>
    <row r="660955" spans="8:8">
      <c r="H660955" s="12"/>
    </row>
    <row r="660956" spans="8:8">
      <c r="H660956" s="12"/>
    </row>
    <row r="660957" spans="8:8">
      <c r="H660957" s="12"/>
    </row>
    <row r="660958" spans="8:8">
      <c r="H660958" s="12"/>
    </row>
    <row r="660959" spans="8:8">
      <c r="H660959" s="12"/>
    </row>
    <row r="660960" spans="8:8">
      <c r="H660960" s="12"/>
    </row>
    <row r="660961" spans="8:8">
      <c r="H660961" s="12"/>
    </row>
    <row r="660962" spans="8:8">
      <c r="H660962" s="12"/>
    </row>
    <row r="660963" spans="8:8">
      <c r="H660963" s="12"/>
    </row>
    <row r="660964" spans="8:8">
      <c r="H660964" s="12"/>
    </row>
    <row r="660965" spans="8:8">
      <c r="H660965" s="12"/>
    </row>
    <row r="660966" spans="8:8">
      <c r="H660966" s="12"/>
    </row>
    <row r="660967" spans="8:8">
      <c r="H660967" s="12"/>
    </row>
    <row r="660968" spans="8:8">
      <c r="H660968" s="12"/>
    </row>
    <row r="660969" spans="8:8">
      <c r="H660969" s="12"/>
    </row>
    <row r="660970" spans="8:8">
      <c r="H660970" s="12"/>
    </row>
    <row r="660971" spans="8:8">
      <c r="H660971" s="12"/>
    </row>
    <row r="660972" spans="8:8">
      <c r="H660972" s="12"/>
    </row>
    <row r="660973" spans="8:8">
      <c r="H660973" s="12"/>
    </row>
    <row r="660974" spans="8:8">
      <c r="H660974" s="12"/>
    </row>
    <row r="660975" spans="8:8">
      <c r="H660975" s="12"/>
    </row>
    <row r="660976" spans="8:8">
      <c r="H660976" s="12"/>
    </row>
    <row r="660977" spans="8:8">
      <c r="H660977" s="12"/>
    </row>
    <row r="660978" spans="8:8">
      <c r="H660978" s="12"/>
    </row>
    <row r="660979" spans="8:8">
      <c r="H660979" s="12"/>
    </row>
    <row r="660980" spans="8:8">
      <c r="H660980" s="12"/>
    </row>
    <row r="660981" spans="8:8">
      <c r="H660981" s="12"/>
    </row>
    <row r="660982" spans="8:8">
      <c r="H660982" s="12"/>
    </row>
    <row r="660983" spans="8:8">
      <c r="H660983" s="12"/>
    </row>
    <row r="660984" spans="8:8">
      <c r="H660984" s="12"/>
    </row>
    <row r="660985" spans="8:8">
      <c r="H660985" s="12"/>
    </row>
    <row r="660986" spans="8:8">
      <c r="H660986" s="12"/>
    </row>
    <row r="660987" spans="8:8">
      <c r="H660987" s="12"/>
    </row>
    <row r="660988" spans="8:8">
      <c r="H660988" s="12"/>
    </row>
    <row r="660989" spans="8:8">
      <c r="H660989" s="12"/>
    </row>
    <row r="660990" spans="8:8">
      <c r="H660990" s="12"/>
    </row>
    <row r="660991" spans="8:8">
      <c r="H660991" s="12"/>
    </row>
    <row r="660992" spans="8:8">
      <c r="H660992" s="12"/>
    </row>
    <row r="660993" spans="8:8">
      <c r="H660993" s="12"/>
    </row>
    <row r="660994" spans="8:8">
      <c r="H660994" s="12"/>
    </row>
    <row r="660995" spans="8:8">
      <c r="H660995" s="12"/>
    </row>
    <row r="660996" spans="8:8">
      <c r="H660996" s="12"/>
    </row>
    <row r="660997" spans="8:8">
      <c r="H660997" s="12"/>
    </row>
    <row r="660998" spans="8:8">
      <c r="H660998" s="12"/>
    </row>
    <row r="660999" spans="8:8">
      <c r="H660999" s="12"/>
    </row>
    <row r="661000" spans="8:8">
      <c r="H661000" s="12"/>
    </row>
    <row r="661001" spans="8:8">
      <c r="H661001" s="12"/>
    </row>
    <row r="661002" spans="8:8">
      <c r="H661002" s="12"/>
    </row>
    <row r="661003" spans="8:8">
      <c r="H661003" s="12"/>
    </row>
    <row r="661004" spans="8:8">
      <c r="H661004" s="12"/>
    </row>
    <row r="661005" spans="8:8">
      <c r="H661005" s="12"/>
    </row>
    <row r="661006" spans="8:8">
      <c r="H661006" s="12"/>
    </row>
    <row r="661007" spans="8:8">
      <c r="H661007" s="12"/>
    </row>
    <row r="661008" spans="8:8">
      <c r="H661008" s="12"/>
    </row>
    <row r="661009" spans="8:8">
      <c r="H661009" s="12"/>
    </row>
    <row r="661010" spans="8:8">
      <c r="H661010" s="12"/>
    </row>
    <row r="661011" spans="8:8">
      <c r="H661011" s="12"/>
    </row>
    <row r="661012" spans="8:8">
      <c r="H661012" s="12"/>
    </row>
    <row r="661013" spans="8:8">
      <c r="H661013" s="12"/>
    </row>
    <row r="661014" spans="8:8">
      <c r="H661014" s="12"/>
    </row>
    <row r="661015" spans="8:8">
      <c r="H661015" s="12"/>
    </row>
    <row r="661016" spans="8:8">
      <c r="H661016" s="12"/>
    </row>
    <row r="661017" spans="8:8">
      <c r="H661017" s="12"/>
    </row>
    <row r="661018" spans="8:8">
      <c r="H661018" s="12"/>
    </row>
    <row r="661019" spans="8:8">
      <c r="H661019" s="12"/>
    </row>
    <row r="661020" spans="8:8">
      <c r="H661020" s="12"/>
    </row>
    <row r="661021" spans="8:8">
      <c r="H661021" s="12"/>
    </row>
    <row r="661022" spans="8:8">
      <c r="H661022" s="12"/>
    </row>
    <row r="661023" spans="8:8">
      <c r="H661023" s="12"/>
    </row>
    <row r="661024" spans="8:8">
      <c r="H661024" s="12"/>
    </row>
    <row r="661025" spans="8:8">
      <c r="H661025" s="12"/>
    </row>
    <row r="661026" spans="8:8">
      <c r="H661026" s="12"/>
    </row>
    <row r="661027" spans="8:8">
      <c r="H661027" s="12"/>
    </row>
    <row r="661028" spans="8:8">
      <c r="H661028" s="12"/>
    </row>
    <row r="661029" spans="8:8">
      <c r="H661029" s="12"/>
    </row>
    <row r="661030" spans="8:8">
      <c r="H661030" s="12"/>
    </row>
    <row r="661031" spans="8:8">
      <c r="H661031" s="12"/>
    </row>
    <row r="661032" spans="8:8">
      <c r="H661032" s="12"/>
    </row>
    <row r="661033" spans="8:8">
      <c r="H661033" s="12"/>
    </row>
    <row r="661034" spans="8:8">
      <c r="H661034" s="12"/>
    </row>
    <row r="661035" spans="8:8">
      <c r="H661035" s="12"/>
    </row>
    <row r="661036" spans="8:8">
      <c r="H661036" s="12"/>
    </row>
    <row r="661037" spans="8:8">
      <c r="H661037" s="12"/>
    </row>
    <row r="661038" spans="8:8">
      <c r="H661038" s="12"/>
    </row>
    <row r="661039" spans="8:8">
      <c r="H661039" s="12"/>
    </row>
    <row r="661040" spans="8:8">
      <c r="H661040" s="12"/>
    </row>
    <row r="661041" spans="8:8">
      <c r="H661041" s="12"/>
    </row>
    <row r="661042" spans="8:8">
      <c r="H661042" s="12"/>
    </row>
    <row r="661043" spans="8:8">
      <c r="H661043" s="12"/>
    </row>
    <row r="661044" spans="8:8">
      <c r="H661044" s="12"/>
    </row>
    <row r="661045" spans="8:8">
      <c r="H661045" s="12"/>
    </row>
    <row r="661046" spans="8:8">
      <c r="H661046" s="12"/>
    </row>
    <row r="661047" spans="8:8">
      <c r="H661047" s="12"/>
    </row>
    <row r="661048" spans="8:8">
      <c r="H661048" s="12"/>
    </row>
    <row r="661049" spans="8:8">
      <c r="H661049" s="12"/>
    </row>
    <row r="661050" spans="8:8">
      <c r="H661050" s="12"/>
    </row>
    <row r="661051" spans="8:8">
      <c r="H661051" s="12"/>
    </row>
    <row r="661052" spans="8:8">
      <c r="H661052" s="12"/>
    </row>
    <row r="661053" spans="8:8">
      <c r="H661053" s="12"/>
    </row>
    <row r="661054" spans="8:8">
      <c r="H661054" s="12"/>
    </row>
    <row r="661055" spans="8:8">
      <c r="H661055" s="12"/>
    </row>
    <row r="661056" spans="8:8">
      <c r="H661056" s="12"/>
    </row>
    <row r="661057" spans="8:8">
      <c r="H661057" s="12"/>
    </row>
    <row r="661058" spans="8:8">
      <c r="H661058" s="12"/>
    </row>
    <row r="661059" spans="8:8">
      <c r="H661059" s="12"/>
    </row>
    <row r="661060" spans="8:8">
      <c r="H661060" s="12"/>
    </row>
    <row r="661061" spans="8:8">
      <c r="H661061" s="12"/>
    </row>
    <row r="661062" spans="8:8">
      <c r="H661062" s="12"/>
    </row>
    <row r="661063" spans="8:8">
      <c r="H661063" s="12"/>
    </row>
    <row r="661064" spans="8:8">
      <c r="H661064" s="12"/>
    </row>
    <row r="661065" spans="8:8">
      <c r="H661065" s="12"/>
    </row>
    <row r="661066" spans="8:8">
      <c r="H661066" s="12"/>
    </row>
    <row r="661067" spans="8:8">
      <c r="H661067" s="12"/>
    </row>
    <row r="661068" spans="8:8">
      <c r="H661068" s="12"/>
    </row>
    <row r="661069" spans="8:8">
      <c r="H661069" s="12"/>
    </row>
    <row r="661070" spans="8:8">
      <c r="H661070" s="12"/>
    </row>
    <row r="661071" spans="8:8">
      <c r="H661071" s="12"/>
    </row>
    <row r="661072" spans="8:8">
      <c r="H661072" s="12"/>
    </row>
    <row r="661073" spans="8:8">
      <c r="H661073" s="12"/>
    </row>
    <row r="661074" spans="8:8">
      <c r="H661074" s="12"/>
    </row>
    <row r="661075" spans="8:8">
      <c r="H661075" s="12"/>
    </row>
    <row r="661076" spans="8:8">
      <c r="H661076" s="12"/>
    </row>
    <row r="661077" spans="8:8">
      <c r="H661077" s="12"/>
    </row>
    <row r="661078" spans="8:8">
      <c r="H661078" s="12"/>
    </row>
    <row r="661079" spans="8:8">
      <c r="H661079" s="12"/>
    </row>
    <row r="661080" spans="8:8">
      <c r="H661080" s="12"/>
    </row>
    <row r="661081" spans="8:8">
      <c r="H661081" s="12"/>
    </row>
    <row r="661082" spans="8:8">
      <c r="H661082" s="12"/>
    </row>
    <row r="661083" spans="8:8">
      <c r="H661083" s="12"/>
    </row>
    <row r="661084" spans="8:8">
      <c r="H661084" s="12"/>
    </row>
    <row r="661085" spans="8:8">
      <c r="H661085" s="12"/>
    </row>
    <row r="661086" spans="8:8">
      <c r="H661086" s="12"/>
    </row>
    <row r="661087" spans="8:8">
      <c r="H661087" s="12"/>
    </row>
    <row r="661088" spans="8:8">
      <c r="H661088" s="12"/>
    </row>
    <row r="661089" spans="8:8">
      <c r="H661089" s="12"/>
    </row>
    <row r="661090" spans="8:8">
      <c r="H661090" s="12"/>
    </row>
    <row r="661091" spans="8:8">
      <c r="H661091" s="12"/>
    </row>
    <row r="661092" spans="8:8">
      <c r="H661092" s="12"/>
    </row>
    <row r="661093" spans="8:8">
      <c r="H661093" s="12"/>
    </row>
    <row r="661094" spans="8:8">
      <c r="H661094" s="12"/>
    </row>
    <row r="661095" spans="8:8">
      <c r="H661095" s="12"/>
    </row>
    <row r="661096" spans="8:8">
      <c r="H661096" s="12"/>
    </row>
    <row r="661097" spans="8:8">
      <c r="H661097" s="12"/>
    </row>
    <row r="661098" spans="8:8">
      <c r="H661098" s="12"/>
    </row>
    <row r="661099" spans="8:8">
      <c r="H661099" s="12"/>
    </row>
    <row r="661100" spans="8:8">
      <c r="H661100" s="12"/>
    </row>
    <row r="661101" spans="8:8">
      <c r="H661101" s="12"/>
    </row>
    <row r="661102" spans="8:8">
      <c r="H661102" s="12"/>
    </row>
    <row r="661103" spans="8:8">
      <c r="H661103" s="12"/>
    </row>
    <row r="661104" spans="8:8">
      <c r="H661104" s="12"/>
    </row>
    <row r="661105" spans="8:8">
      <c r="H661105" s="12"/>
    </row>
    <row r="661106" spans="8:8">
      <c r="H661106" s="12"/>
    </row>
    <row r="661107" spans="8:8">
      <c r="H661107" s="12"/>
    </row>
    <row r="661108" spans="8:8">
      <c r="H661108" s="12"/>
    </row>
    <row r="661109" spans="8:8">
      <c r="H661109" s="12"/>
    </row>
    <row r="661110" spans="8:8">
      <c r="H661110" s="12"/>
    </row>
    <row r="661111" spans="8:8">
      <c r="H661111" s="12"/>
    </row>
    <row r="661112" spans="8:8">
      <c r="H661112" s="12"/>
    </row>
    <row r="661113" spans="8:8">
      <c r="H661113" s="12"/>
    </row>
    <row r="661114" spans="8:8">
      <c r="H661114" s="12"/>
    </row>
    <row r="661115" spans="8:8">
      <c r="H661115" s="12"/>
    </row>
    <row r="661116" spans="8:8">
      <c r="H661116" s="12"/>
    </row>
    <row r="661117" spans="8:8">
      <c r="H661117" s="12"/>
    </row>
    <row r="661118" spans="8:8">
      <c r="H661118" s="12"/>
    </row>
    <row r="661119" spans="8:8">
      <c r="H661119" s="12"/>
    </row>
    <row r="661120" spans="8:8">
      <c r="H661120" s="12"/>
    </row>
    <row r="661121" spans="8:8">
      <c r="H661121" s="12"/>
    </row>
    <row r="661122" spans="8:8">
      <c r="H661122" s="12"/>
    </row>
    <row r="661123" spans="8:8">
      <c r="H661123" s="12"/>
    </row>
    <row r="661124" spans="8:8">
      <c r="H661124" s="12"/>
    </row>
    <row r="661125" spans="8:8">
      <c r="H661125" s="12"/>
    </row>
    <row r="661126" spans="8:8">
      <c r="H661126" s="12"/>
    </row>
    <row r="661127" spans="8:8">
      <c r="H661127" s="12"/>
    </row>
    <row r="661128" spans="8:8">
      <c r="H661128" s="12"/>
    </row>
    <row r="661129" spans="8:8">
      <c r="H661129" s="12"/>
    </row>
    <row r="661130" spans="8:8">
      <c r="H661130" s="12"/>
    </row>
    <row r="661131" spans="8:8">
      <c r="H661131" s="12"/>
    </row>
    <row r="661132" spans="8:8">
      <c r="H661132" s="12"/>
    </row>
    <row r="661133" spans="8:8">
      <c r="H661133" s="12"/>
    </row>
    <row r="661134" spans="8:8">
      <c r="H661134" s="12"/>
    </row>
    <row r="661135" spans="8:8">
      <c r="H661135" s="12"/>
    </row>
    <row r="661136" spans="8:8">
      <c r="H661136" s="12"/>
    </row>
    <row r="661137" spans="8:8">
      <c r="H661137" s="12"/>
    </row>
    <row r="661138" spans="8:8">
      <c r="H661138" s="12"/>
    </row>
    <row r="661139" spans="8:8">
      <c r="H661139" s="12"/>
    </row>
    <row r="661140" spans="8:8">
      <c r="H661140" s="12"/>
    </row>
    <row r="661141" spans="8:8">
      <c r="H661141" s="12"/>
    </row>
    <row r="661142" spans="8:8">
      <c r="H661142" s="12"/>
    </row>
    <row r="661143" spans="8:8">
      <c r="H661143" s="12"/>
    </row>
    <row r="661144" spans="8:8">
      <c r="H661144" s="12"/>
    </row>
    <row r="661145" spans="8:8">
      <c r="H661145" s="12"/>
    </row>
    <row r="661146" spans="8:8">
      <c r="H661146" s="12"/>
    </row>
    <row r="661147" spans="8:8">
      <c r="H661147" s="12"/>
    </row>
    <row r="661148" spans="8:8">
      <c r="H661148" s="12"/>
    </row>
    <row r="661149" spans="8:8">
      <c r="H661149" s="12"/>
    </row>
    <row r="661150" spans="8:8">
      <c r="H661150" s="12"/>
    </row>
    <row r="661151" spans="8:8">
      <c r="H661151" s="12"/>
    </row>
    <row r="661152" spans="8:8">
      <c r="H661152" s="12"/>
    </row>
    <row r="661153" spans="8:8">
      <c r="H661153" s="12"/>
    </row>
    <row r="661154" spans="8:8">
      <c r="H661154" s="12"/>
    </row>
    <row r="661155" spans="8:8">
      <c r="H661155" s="12"/>
    </row>
    <row r="661156" spans="8:8">
      <c r="H661156" s="12"/>
    </row>
    <row r="661157" spans="8:8">
      <c r="H661157" s="12"/>
    </row>
    <row r="661158" spans="8:8">
      <c r="H661158" s="12"/>
    </row>
    <row r="661159" spans="8:8">
      <c r="H661159" s="12"/>
    </row>
    <row r="661160" spans="8:8">
      <c r="H661160" s="12"/>
    </row>
    <row r="661161" spans="8:8">
      <c r="H661161" s="12"/>
    </row>
    <row r="661162" spans="8:8">
      <c r="H661162" s="12"/>
    </row>
    <row r="661163" spans="8:8">
      <c r="H661163" s="12"/>
    </row>
    <row r="661164" spans="8:8">
      <c r="H661164" s="12"/>
    </row>
    <row r="661165" spans="8:8">
      <c r="H661165" s="12"/>
    </row>
    <row r="661166" spans="8:8">
      <c r="H661166" s="12"/>
    </row>
    <row r="661167" spans="8:8">
      <c r="H661167" s="12"/>
    </row>
    <row r="661168" spans="8:8">
      <c r="H661168" s="12"/>
    </row>
    <row r="661169" spans="8:8">
      <c r="H661169" s="12"/>
    </row>
    <row r="661170" spans="8:8">
      <c r="H661170" s="12"/>
    </row>
    <row r="661171" spans="8:8">
      <c r="H661171" s="12"/>
    </row>
    <row r="661172" spans="8:8">
      <c r="H661172" s="12"/>
    </row>
    <row r="661173" spans="8:8">
      <c r="H661173" s="12"/>
    </row>
    <row r="661174" spans="8:8">
      <c r="H661174" s="12"/>
    </row>
    <row r="661175" spans="8:8">
      <c r="H661175" s="12"/>
    </row>
    <row r="661176" spans="8:8">
      <c r="H661176" s="12"/>
    </row>
    <row r="661177" spans="8:8">
      <c r="H661177" s="12"/>
    </row>
    <row r="661178" spans="8:8">
      <c r="H661178" s="12"/>
    </row>
    <row r="661179" spans="8:8">
      <c r="H661179" s="12"/>
    </row>
    <row r="661180" spans="8:8">
      <c r="H661180" s="12"/>
    </row>
    <row r="661181" spans="8:8">
      <c r="H661181" s="12"/>
    </row>
    <row r="661182" spans="8:8">
      <c r="H661182" s="12"/>
    </row>
    <row r="661183" spans="8:8">
      <c r="H661183" s="12"/>
    </row>
    <row r="661184" spans="8:8">
      <c r="H661184" s="12"/>
    </row>
    <row r="661185" spans="8:8">
      <c r="H661185" s="12"/>
    </row>
    <row r="661186" spans="8:8">
      <c r="H661186" s="12"/>
    </row>
    <row r="661187" spans="8:8">
      <c r="H661187" s="12"/>
    </row>
    <row r="661188" spans="8:8">
      <c r="H661188" s="12"/>
    </row>
    <row r="661189" spans="8:8">
      <c r="H661189" s="12"/>
    </row>
    <row r="661190" spans="8:8">
      <c r="H661190" s="12"/>
    </row>
    <row r="661191" spans="8:8">
      <c r="H661191" s="12"/>
    </row>
    <row r="661192" spans="8:8">
      <c r="H661192" s="12"/>
    </row>
    <row r="661193" spans="8:8">
      <c r="H661193" s="12"/>
    </row>
    <row r="661194" spans="8:8">
      <c r="H661194" s="12"/>
    </row>
    <row r="661195" spans="8:8">
      <c r="H661195" s="12"/>
    </row>
    <row r="661196" spans="8:8">
      <c r="H661196" s="12"/>
    </row>
    <row r="661197" spans="8:8">
      <c r="H661197" s="12"/>
    </row>
    <row r="661198" spans="8:8">
      <c r="H661198" s="12"/>
    </row>
    <row r="661199" spans="8:8">
      <c r="H661199" s="12"/>
    </row>
    <row r="661200" spans="8:8">
      <c r="H661200" s="12"/>
    </row>
    <row r="661201" spans="8:8">
      <c r="H661201" s="12"/>
    </row>
    <row r="661202" spans="8:8">
      <c r="H661202" s="12"/>
    </row>
    <row r="661203" spans="8:8">
      <c r="H661203" s="12"/>
    </row>
    <row r="661204" spans="8:8">
      <c r="H661204" s="12"/>
    </row>
    <row r="661205" spans="8:8">
      <c r="H661205" s="12"/>
    </row>
    <row r="661206" spans="8:8">
      <c r="H661206" s="12"/>
    </row>
    <row r="661207" spans="8:8">
      <c r="H661207" s="12"/>
    </row>
    <row r="661208" spans="8:8">
      <c r="H661208" s="12"/>
    </row>
    <row r="661209" spans="8:8">
      <c r="H661209" s="12"/>
    </row>
    <row r="661210" spans="8:8">
      <c r="H661210" s="12"/>
    </row>
    <row r="661211" spans="8:8">
      <c r="H661211" s="12"/>
    </row>
    <row r="661212" spans="8:8">
      <c r="H661212" s="12"/>
    </row>
    <row r="661213" spans="8:8">
      <c r="H661213" s="12"/>
    </row>
    <row r="661214" spans="8:8">
      <c r="H661214" s="12"/>
    </row>
    <row r="661215" spans="8:8">
      <c r="H661215" s="12"/>
    </row>
    <row r="661216" spans="8:8">
      <c r="H661216" s="12"/>
    </row>
    <row r="661217" spans="8:8">
      <c r="H661217" s="12"/>
    </row>
    <row r="661218" spans="8:8">
      <c r="H661218" s="12"/>
    </row>
    <row r="661219" spans="8:8">
      <c r="H661219" s="12"/>
    </row>
    <row r="661220" spans="8:8">
      <c r="H661220" s="12"/>
    </row>
    <row r="661221" spans="8:8">
      <c r="H661221" s="12"/>
    </row>
    <row r="661222" spans="8:8">
      <c r="H661222" s="12"/>
    </row>
    <row r="661223" spans="8:8">
      <c r="H661223" s="12"/>
    </row>
    <row r="661224" spans="8:8">
      <c r="H661224" s="12"/>
    </row>
    <row r="661225" spans="8:8">
      <c r="H661225" s="12"/>
    </row>
    <row r="661226" spans="8:8">
      <c r="H661226" s="12"/>
    </row>
    <row r="661227" spans="8:8">
      <c r="H661227" s="12"/>
    </row>
    <row r="661228" spans="8:8">
      <c r="H661228" s="12"/>
    </row>
    <row r="661229" spans="8:8">
      <c r="H661229" s="12"/>
    </row>
    <row r="661230" spans="8:8">
      <c r="H661230" s="12"/>
    </row>
    <row r="661231" spans="8:8">
      <c r="H661231" s="12"/>
    </row>
    <row r="661232" spans="8:8">
      <c r="H661232" s="12"/>
    </row>
    <row r="661233" spans="8:8">
      <c r="H661233" s="12"/>
    </row>
    <row r="661234" spans="8:8">
      <c r="H661234" s="12"/>
    </row>
    <row r="661235" spans="8:8">
      <c r="H661235" s="12"/>
    </row>
    <row r="661236" spans="8:8">
      <c r="H661236" s="12"/>
    </row>
    <row r="661237" spans="8:8">
      <c r="H661237" s="12"/>
    </row>
    <row r="661238" spans="8:8">
      <c r="H661238" s="12"/>
    </row>
    <row r="661239" spans="8:8">
      <c r="H661239" s="12"/>
    </row>
    <row r="661240" spans="8:8">
      <c r="H661240" s="12"/>
    </row>
    <row r="661241" spans="8:8">
      <c r="H661241" s="12"/>
    </row>
    <row r="661242" spans="8:8">
      <c r="H661242" s="12"/>
    </row>
    <row r="661243" spans="8:8">
      <c r="H661243" s="12"/>
    </row>
    <row r="661244" spans="8:8">
      <c r="H661244" s="12"/>
    </row>
    <row r="661245" spans="8:8">
      <c r="H661245" s="12"/>
    </row>
    <row r="661246" spans="8:8">
      <c r="H661246" s="12"/>
    </row>
    <row r="661247" spans="8:8">
      <c r="H661247" s="12"/>
    </row>
    <row r="661248" spans="8:8">
      <c r="H661248" s="12"/>
    </row>
    <row r="661249" spans="8:8">
      <c r="H661249" s="12"/>
    </row>
    <row r="661250" spans="8:8">
      <c r="H661250" s="12"/>
    </row>
    <row r="661251" spans="8:8">
      <c r="H661251" s="12"/>
    </row>
    <row r="661252" spans="8:8">
      <c r="H661252" s="12"/>
    </row>
    <row r="661253" spans="8:8">
      <c r="H661253" s="12"/>
    </row>
    <row r="661254" spans="8:8">
      <c r="H661254" s="12"/>
    </row>
    <row r="661255" spans="8:8">
      <c r="H661255" s="12"/>
    </row>
    <row r="661256" spans="8:8">
      <c r="H661256" s="12"/>
    </row>
    <row r="661257" spans="8:8">
      <c r="H661257" s="12"/>
    </row>
    <row r="661258" spans="8:8">
      <c r="H661258" s="12"/>
    </row>
    <row r="661259" spans="8:8">
      <c r="H661259" s="12"/>
    </row>
    <row r="661260" spans="8:8">
      <c r="H661260" s="12"/>
    </row>
    <row r="661261" spans="8:8">
      <c r="H661261" s="12"/>
    </row>
    <row r="661262" spans="8:8">
      <c r="H661262" s="12"/>
    </row>
    <row r="661263" spans="8:8">
      <c r="H661263" s="12"/>
    </row>
    <row r="661264" spans="8:8">
      <c r="H661264" s="12"/>
    </row>
    <row r="661265" spans="8:8">
      <c r="H661265" s="12"/>
    </row>
    <row r="661266" spans="8:8">
      <c r="H661266" s="12"/>
    </row>
    <row r="661267" spans="8:8">
      <c r="H661267" s="12"/>
    </row>
    <row r="661268" spans="8:8">
      <c r="H661268" s="12"/>
    </row>
    <row r="661269" spans="8:8">
      <c r="H661269" s="12"/>
    </row>
    <row r="661270" spans="8:8">
      <c r="H661270" s="12"/>
    </row>
    <row r="661271" spans="8:8">
      <c r="H661271" s="12"/>
    </row>
    <row r="661272" spans="8:8">
      <c r="H661272" s="12"/>
    </row>
    <row r="661273" spans="8:8">
      <c r="H661273" s="12"/>
    </row>
    <row r="661274" spans="8:8">
      <c r="H661274" s="12"/>
    </row>
    <row r="661275" spans="8:8">
      <c r="H661275" s="12"/>
    </row>
    <row r="661276" spans="8:8">
      <c r="H661276" s="12"/>
    </row>
    <row r="661277" spans="8:8">
      <c r="H661277" s="12"/>
    </row>
    <row r="661278" spans="8:8">
      <c r="H661278" s="12"/>
    </row>
    <row r="661279" spans="8:8">
      <c r="H661279" s="12"/>
    </row>
    <row r="661280" spans="8:8">
      <c r="H661280" s="12"/>
    </row>
    <row r="661281" spans="8:8">
      <c r="H661281" s="12"/>
    </row>
    <row r="661282" spans="8:8">
      <c r="H661282" s="12"/>
    </row>
    <row r="661283" spans="8:8">
      <c r="H661283" s="12"/>
    </row>
    <row r="661284" spans="8:8">
      <c r="H661284" s="12"/>
    </row>
    <row r="661285" spans="8:8">
      <c r="H661285" s="12"/>
    </row>
    <row r="661286" spans="8:8">
      <c r="H661286" s="12"/>
    </row>
    <row r="661287" spans="8:8">
      <c r="H661287" s="12"/>
    </row>
    <row r="661288" spans="8:8">
      <c r="H661288" s="12"/>
    </row>
    <row r="661289" spans="8:8">
      <c r="H661289" s="12"/>
    </row>
    <row r="661290" spans="8:8">
      <c r="H661290" s="12"/>
    </row>
    <row r="661291" spans="8:8">
      <c r="H661291" s="12"/>
    </row>
    <row r="661292" spans="8:8">
      <c r="H661292" s="12"/>
    </row>
    <row r="661293" spans="8:8">
      <c r="H661293" s="12"/>
    </row>
    <row r="661294" spans="8:8">
      <c r="H661294" s="12"/>
    </row>
    <row r="661295" spans="8:8">
      <c r="H661295" s="12"/>
    </row>
    <row r="661296" spans="8:8">
      <c r="H661296" s="12"/>
    </row>
    <row r="661297" spans="8:8">
      <c r="H661297" s="12"/>
    </row>
    <row r="661298" spans="8:8">
      <c r="H661298" s="12"/>
    </row>
    <row r="661299" spans="8:8">
      <c r="H661299" s="12"/>
    </row>
    <row r="661300" spans="8:8">
      <c r="H661300" s="12"/>
    </row>
    <row r="661301" spans="8:8">
      <c r="H661301" s="12"/>
    </row>
    <row r="661302" spans="8:8">
      <c r="H661302" s="12"/>
    </row>
    <row r="661303" spans="8:8">
      <c r="H661303" s="12"/>
    </row>
    <row r="661304" spans="8:8">
      <c r="H661304" s="12"/>
    </row>
    <row r="661305" spans="8:8">
      <c r="H661305" s="12"/>
    </row>
    <row r="661306" spans="8:8">
      <c r="H661306" s="12"/>
    </row>
    <row r="661307" spans="8:8">
      <c r="H661307" s="12"/>
    </row>
    <row r="661308" spans="8:8">
      <c r="H661308" s="12"/>
    </row>
    <row r="661309" spans="8:8">
      <c r="H661309" s="12"/>
    </row>
    <row r="661310" spans="8:8">
      <c r="H661310" s="12"/>
    </row>
    <row r="661311" spans="8:8">
      <c r="H661311" s="12"/>
    </row>
    <row r="661312" spans="8:8">
      <c r="H661312" s="12"/>
    </row>
    <row r="661313" spans="8:8">
      <c r="H661313" s="12"/>
    </row>
    <row r="661314" spans="8:8">
      <c r="H661314" s="12"/>
    </row>
    <row r="661315" spans="8:8">
      <c r="H661315" s="12"/>
    </row>
    <row r="661316" spans="8:8">
      <c r="H661316" s="12"/>
    </row>
    <row r="661317" spans="8:8">
      <c r="H661317" s="12"/>
    </row>
    <row r="661318" spans="8:8">
      <c r="H661318" s="12"/>
    </row>
    <row r="661319" spans="8:8">
      <c r="H661319" s="12"/>
    </row>
    <row r="661320" spans="8:8">
      <c r="H661320" s="12"/>
    </row>
    <row r="661321" spans="8:8">
      <c r="H661321" s="12"/>
    </row>
    <row r="661322" spans="8:8">
      <c r="H661322" s="12"/>
    </row>
    <row r="661323" spans="8:8">
      <c r="H661323" s="12"/>
    </row>
    <row r="661324" spans="8:8">
      <c r="H661324" s="12"/>
    </row>
    <row r="661325" spans="8:8">
      <c r="H661325" s="12"/>
    </row>
    <row r="661326" spans="8:8">
      <c r="H661326" s="12"/>
    </row>
    <row r="661327" spans="8:8">
      <c r="H661327" s="12"/>
    </row>
    <row r="661328" spans="8:8">
      <c r="H661328" s="12"/>
    </row>
    <row r="661329" spans="8:8">
      <c r="H661329" s="12"/>
    </row>
    <row r="661330" spans="8:8">
      <c r="H661330" s="12"/>
    </row>
    <row r="661331" spans="8:8">
      <c r="H661331" s="12"/>
    </row>
    <row r="661332" spans="8:8">
      <c r="H661332" s="12"/>
    </row>
    <row r="661333" spans="8:8">
      <c r="H661333" s="12"/>
    </row>
    <row r="661334" spans="8:8">
      <c r="H661334" s="12"/>
    </row>
    <row r="661335" spans="8:8">
      <c r="H661335" s="12"/>
    </row>
    <row r="661336" spans="8:8">
      <c r="H661336" s="12"/>
    </row>
    <row r="661337" spans="8:8">
      <c r="H661337" s="12"/>
    </row>
    <row r="661338" spans="8:8">
      <c r="H661338" s="12"/>
    </row>
    <row r="661339" spans="8:8">
      <c r="H661339" s="12"/>
    </row>
    <row r="661340" spans="8:8">
      <c r="H661340" s="12"/>
    </row>
    <row r="661341" spans="8:8">
      <c r="H661341" s="12"/>
    </row>
    <row r="661342" spans="8:8">
      <c r="H661342" s="12"/>
    </row>
    <row r="661343" spans="8:8">
      <c r="H661343" s="12"/>
    </row>
    <row r="661344" spans="8:8">
      <c r="H661344" s="12"/>
    </row>
    <row r="661345" spans="8:8">
      <c r="H661345" s="12"/>
    </row>
    <row r="661346" spans="8:8">
      <c r="H661346" s="12"/>
    </row>
    <row r="661347" spans="8:8">
      <c r="H661347" s="12"/>
    </row>
    <row r="661348" spans="8:8">
      <c r="H661348" s="12"/>
    </row>
    <row r="661349" spans="8:8">
      <c r="H661349" s="12"/>
    </row>
    <row r="661350" spans="8:8">
      <c r="H661350" s="12"/>
    </row>
    <row r="661351" spans="8:8">
      <c r="H661351" s="12"/>
    </row>
    <row r="661352" spans="8:8">
      <c r="H661352" s="12"/>
    </row>
    <row r="661353" spans="8:8">
      <c r="H661353" s="12"/>
    </row>
    <row r="661354" spans="8:8">
      <c r="H661354" s="12"/>
    </row>
    <row r="661355" spans="8:8">
      <c r="H661355" s="12"/>
    </row>
    <row r="661356" spans="8:8">
      <c r="H661356" s="12"/>
    </row>
    <row r="661357" spans="8:8">
      <c r="H661357" s="12"/>
    </row>
    <row r="661358" spans="8:8">
      <c r="H661358" s="12"/>
    </row>
    <row r="661359" spans="8:8">
      <c r="H661359" s="12"/>
    </row>
    <row r="661360" spans="8:8">
      <c r="H661360" s="12"/>
    </row>
    <row r="661361" spans="8:8">
      <c r="H661361" s="12"/>
    </row>
    <row r="661362" spans="8:8">
      <c r="H661362" s="12"/>
    </row>
    <row r="661363" spans="8:8">
      <c r="H661363" s="12"/>
    </row>
    <row r="661364" spans="8:8">
      <c r="H661364" s="12"/>
    </row>
    <row r="661365" spans="8:8">
      <c r="H661365" s="12"/>
    </row>
    <row r="661366" spans="8:8">
      <c r="H661366" s="12"/>
    </row>
    <row r="661367" spans="8:8">
      <c r="H661367" s="12"/>
    </row>
    <row r="661368" spans="8:8">
      <c r="H661368" s="12"/>
    </row>
    <row r="661369" spans="8:8">
      <c r="H661369" s="12"/>
    </row>
    <row r="661370" spans="8:8">
      <c r="H661370" s="12"/>
    </row>
    <row r="661371" spans="8:8">
      <c r="H661371" s="12"/>
    </row>
    <row r="661372" spans="8:8">
      <c r="H661372" s="12"/>
    </row>
    <row r="661373" spans="8:8">
      <c r="H661373" s="12"/>
    </row>
    <row r="661374" spans="8:8">
      <c r="H661374" s="12"/>
    </row>
    <row r="661375" spans="8:8">
      <c r="H661375" s="12"/>
    </row>
    <row r="661376" spans="8:8">
      <c r="H661376" s="12"/>
    </row>
    <row r="661377" spans="8:8">
      <c r="H661377" s="12"/>
    </row>
    <row r="661378" spans="8:8">
      <c r="H661378" s="12"/>
    </row>
    <row r="661379" spans="8:8">
      <c r="H661379" s="12"/>
    </row>
    <row r="661380" spans="8:8">
      <c r="H661380" s="12"/>
    </row>
    <row r="661381" spans="8:8">
      <c r="H661381" s="12"/>
    </row>
    <row r="661382" spans="8:8">
      <c r="H661382" s="12"/>
    </row>
    <row r="661383" spans="8:8">
      <c r="H661383" s="12"/>
    </row>
    <row r="661384" spans="8:8">
      <c r="H661384" s="12"/>
    </row>
    <row r="661385" spans="8:8">
      <c r="H661385" s="12"/>
    </row>
    <row r="661386" spans="8:8">
      <c r="H661386" s="12"/>
    </row>
    <row r="661387" spans="8:8">
      <c r="H661387" s="12"/>
    </row>
    <row r="661388" spans="8:8">
      <c r="H661388" s="12"/>
    </row>
    <row r="661389" spans="8:8">
      <c r="H661389" s="12"/>
    </row>
    <row r="661390" spans="8:8">
      <c r="H661390" s="12"/>
    </row>
    <row r="661391" spans="8:8">
      <c r="H661391" s="12"/>
    </row>
    <row r="661392" spans="8:8">
      <c r="H661392" s="12"/>
    </row>
    <row r="661393" spans="8:8">
      <c r="H661393" s="12"/>
    </row>
    <row r="661394" spans="8:8">
      <c r="H661394" s="12"/>
    </row>
    <row r="661395" spans="8:8">
      <c r="H661395" s="12"/>
    </row>
    <row r="661396" spans="8:8">
      <c r="H661396" s="12"/>
    </row>
    <row r="661397" spans="8:8">
      <c r="H661397" s="12"/>
    </row>
    <row r="661398" spans="8:8">
      <c r="H661398" s="12"/>
    </row>
    <row r="661399" spans="8:8">
      <c r="H661399" s="12"/>
    </row>
    <row r="661400" spans="8:8">
      <c r="H661400" s="12"/>
    </row>
    <row r="661401" spans="8:8">
      <c r="H661401" s="12"/>
    </row>
    <row r="661402" spans="8:8">
      <c r="H661402" s="12"/>
    </row>
    <row r="661403" spans="8:8">
      <c r="H661403" s="12"/>
    </row>
    <row r="661404" spans="8:8">
      <c r="H661404" s="12"/>
    </row>
    <row r="661405" spans="8:8">
      <c r="H661405" s="12"/>
    </row>
    <row r="661406" spans="8:8">
      <c r="H661406" s="12"/>
    </row>
    <row r="661407" spans="8:8">
      <c r="H661407" s="12"/>
    </row>
    <row r="661408" spans="8:8">
      <c r="H661408" s="12"/>
    </row>
    <row r="661409" spans="8:8">
      <c r="H661409" s="12"/>
    </row>
    <row r="661410" spans="8:8">
      <c r="H661410" s="12"/>
    </row>
    <row r="661411" spans="8:8">
      <c r="H661411" s="12"/>
    </row>
    <row r="661412" spans="8:8">
      <c r="H661412" s="12"/>
    </row>
    <row r="661413" spans="8:8">
      <c r="H661413" s="12"/>
    </row>
    <row r="661414" spans="8:8">
      <c r="H661414" s="12"/>
    </row>
    <row r="661415" spans="8:8">
      <c r="H661415" s="12"/>
    </row>
    <row r="661416" spans="8:8">
      <c r="H661416" s="12"/>
    </row>
    <row r="661417" spans="8:8">
      <c r="H661417" s="12"/>
    </row>
    <row r="661418" spans="8:8">
      <c r="H661418" s="12"/>
    </row>
    <row r="661419" spans="8:8">
      <c r="H661419" s="12"/>
    </row>
    <row r="661420" spans="8:8">
      <c r="H661420" s="12"/>
    </row>
    <row r="661421" spans="8:8">
      <c r="H661421" s="12"/>
    </row>
    <row r="661422" spans="8:8">
      <c r="H661422" s="12"/>
    </row>
    <row r="661423" spans="8:8">
      <c r="H661423" s="12"/>
    </row>
    <row r="661424" spans="8:8">
      <c r="H661424" s="12"/>
    </row>
    <row r="661425" spans="8:8">
      <c r="H661425" s="12"/>
    </row>
    <row r="661426" spans="8:8">
      <c r="H661426" s="12"/>
    </row>
    <row r="661427" spans="8:8">
      <c r="H661427" s="12"/>
    </row>
    <row r="661428" spans="8:8">
      <c r="H661428" s="12"/>
    </row>
    <row r="661429" spans="8:8">
      <c r="H661429" s="12"/>
    </row>
    <row r="661430" spans="8:8">
      <c r="H661430" s="12"/>
    </row>
    <row r="661431" spans="8:8">
      <c r="H661431" s="12"/>
    </row>
    <row r="661432" spans="8:8">
      <c r="H661432" s="12"/>
    </row>
    <row r="661433" spans="8:8">
      <c r="H661433" s="12"/>
    </row>
    <row r="661434" spans="8:8">
      <c r="H661434" s="12"/>
    </row>
    <row r="661435" spans="8:8">
      <c r="H661435" s="12"/>
    </row>
    <row r="661436" spans="8:8">
      <c r="H661436" s="12"/>
    </row>
    <row r="661437" spans="8:8">
      <c r="H661437" s="12"/>
    </row>
    <row r="661438" spans="8:8">
      <c r="H661438" s="12"/>
    </row>
    <row r="661439" spans="8:8">
      <c r="H661439" s="12"/>
    </row>
    <row r="661440" spans="8:8">
      <c r="H661440" s="12"/>
    </row>
    <row r="661441" spans="8:8">
      <c r="H661441" s="12"/>
    </row>
    <row r="661442" spans="8:8">
      <c r="H661442" s="12"/>
    </row>
    <row r="661443" spans="8:8">
      <c r="H661443" s="12"/>
    </row>
    <row r="661444" spans="8:8">
      <c r="H661444" s="12"/>
    </row>
    <row r="661445" spans="8:8">
      <c r="H661445" s="12"/>
    </row>
    <row r="661446" spans="8:8">
      <c r="H661446" s="12"/>
    </row>
    <row r="661447" spans="8:8">
      <c r="H661447" s="12"/>
    </row>
    <row r="661448" spans="8:8">
      <c r="H661448" s="12"/>
    </row>
    <row r="661449" spans="8:8">
      <c r="H661449" s="12"/>
    </row>
    <row r="661450" spans="8:8">
      <c r="H661450" s="12"/>
    </row>
    <row r="661451" spans="8:8">
      <c r="H661451" s="12"/>
    </row>
    <row r="661452" spans="8:8">
      <c r="H661452" s="12"/>
    </row>
    <row r="661453" spans="8:8">
      <c r="H661453" s="12"/>
    </row>
    <row r="661454" spans="8:8">
      <c r="H661454" s="12"/>
    </row>
    <row r="661455" spans="8:8">
      <c r="H661455" s="12"/>
    </row>
    <row r="661456" spans="8:8">
      <c r="H661456" s="12"/>
    </row>
    <row r="661457" spans="8:8">
      <c r="H661457" s="12"/>
    </row>
    <row r="661458" spans="8:8">
      <c r="H661458" s="12"/>
    </row>
    <row r="661459" spans="8:8">
      <c r="H661459" s="12"/>
    </row>
    <row r="661460" spans="8:8">
      <c r="H661460" s="12"/>
    </row>
    <row r="661461" spans="8:8">
      <c r="H661461" s="12"/>
    </row>
    <row r="661462" spans="8:8">
      <c r="H661462" s="12"/>
    </row>
    <row r="661463" spans="8:8">
      <c r="H661463" s="12"/>
    </row>
    <row r="661464" spans="8:8">
      <c r="H661464" s="12"/>
    </row>
    <row r="661465" spans="8:8">
      <c r="H661465" s="12"/>
    </row>
    <row r="661466" spans="8:8">
      <c r="H661466" s="12"/>
    </row>
    <row r="661467" spans="8:8">
      <c r="H661467" s="12"/>
    </row>
    <row r="661468" spans="8:8">
      <c r="H661468" s="12"/>
    </row>
    <row r="661469" spans="8:8">
      <c r="H661469" s="12"/>
    </row>
    <row r="661470" spans="8:8">
      <c r="H661470" s="12"/>
    </row>
    <row r="661471" spans="8:8">
      <c r="H661471" s="12"/>
    </row>
    <row r="661472" spans="8:8">
      <c r="H661472" s="12"/>
    </row>
    <row r="661473" spans="8:8">
      <c r="H661473" s="12"/>
    </row>
    <row r="661474" spans="8:8">
      <c r="H661474" s="12"/>
    </row>
    <row r="661475" spans="8:8">
      <c r="H661475" s="12"/>
    </row>
    <row r="661476" spans="8:8">
      <c r="H661476" s="12"/>
    </row>
    <row r="661477" spans="8:8">
      <c r="H661477" s="12"/>
    </row>
    <row r="661478" spans="8:8">
      <c r="H661478" s="12"/>
    </row>
    <row r="661479" spans="8:8">
      <c r="H661479" s="12"/>
    </row>
    <row r="661480" spans="8:8">
      <c r="H661480" s="12"/>
    </row>
    <row r="661481" spans="8:8">
      <c r="H661481" s="12"/>
    </row>
    <row r="661482" spans="8:8">
      <c r="H661482" s="12"/>
    </row>
    <row r="661483" spans="8:8">
      <c r="H661483" s="12"/>
    </row>
    <row r="661484" spans="8:8">
      <c r="H661484" s="12"/>
    </row>
    <row r="661485" spans="8:8">
      <c r="H661485" s="12"/>
    </row>
    <row r="661486" spans="8:8">
      <c r="H661486" s="12"/>
    </row>
    <row r="661487" spans="8:8">
      <c r="H661487" s="12"/>
    </row>
    <row r="661488" spans="8:8">
      <c r="H661488" s="12"/>
    </row>
    <row r="661489" spans="8:8">
      <c r="H661489" s="12"/>
    </row>
    <row r="661490" spans="8:8">
      <c r="H661490" s="12"/>
    </row>
    <row r="661491" spans="8:8">
      <c r="H661491" s="12"/>
    </row>
    <row r="661492" spans="8:8">
      <c r="H661492" s="12"/>
    </row>
    <row r="661493" spans="8:8">
      <c r="H661493" s="12"/>
    </row>
    <row r="661494" spans="8:8">
      <c r="H661494" s="12"/>
    </row>
    <row r="661495" spans="8:8">
      <c r="H661495" s="12"/>
    </row>
    <row r="661496" spans="8:8">
      <c r="H661496" s="12"/>
    </row>
    <row r="661497" spans="8:8">
      <c r="H661497" s="12"/>
    </row>
    <row r="661498" spans="8:8">
      <c r="H661498" s="12"/>
    </row>
    <row r="661499" spans="8:8">
      <c r="H661499" s="12"/>
    </row>
    <row r="661500" spans="8:8">
      <c r="H661500" s="12"/>
    </row>
    <row r="661501" spans="8:8">
      <c r="H661501" s="12"/>
    </row>
    <row r="661502" spans="8:8">
      <c r="H661502" s="12"/>
    </row>
    <row r="661503" spans="8:8">
      <c r="H661503" s="12"/>
    </row>
    <row r="661504" spans="8:8">
      <c r="H661504" s="12"/>
    </row>
    <row r="661505" spans="8:8">
      <c r="H661505" s="12"/>
    </row>
    <row r="661506" spans="8:8">
      <c r="H661506" s="12"/>
    </row>
    <row r="661507" spans="8:8">
      <c r="H661507" s="12"/>
    </row>
    <row r="661508" spans="8:8">
      <c r="H661508" s="12"/>
    </row>
    <row r="661509" spans="8:8">
      <c r="H661509" s="12"/>
    </row>
    <row r="661510" spans="8:8">
      <c r="H661510" s="12"/>
    </row>
    <row r="661511" spans="8:8">
      <c r="H661511" s="12"/>
    </row>
    <row r="661512" spans="8:8">
      <c r="H661512" s="12"/>
    </row>
    <row r="661513" spans="8:8">
      <c r="H661513" s="12"/>
    </row>
    <row r="661514" spans="8:8">
      <c r="H661514" s="12"/>
    </row>
    <row r="661515" spans="8:8">
      <c r="H661515" s="12"/>
    </row>
    <row r="661516" spans="8:8">
      <c r="H661516" s="12"/>
    </row>
    <row r="661517" spans="8:8">
      <c r="H661517" s="12"/>
    </row>
    <row r="661518" spans="8:8">
      <c r="H661518" s="12"/>
    </row>
    <row r="661519" spans="8:8">
      <c r="H661519" s="12"/>
    </row>
    <row r="661520" spans="8:8">
      <c r="H661520" s="12"/>
    </row>
    <row r="661521" spans="8:8">
      <c r="H661521" s="12"/>
    </row>
    <row r="661522" spans="8:8">
      <c r="H661522" s="12"/>
    </row>
    <row r="661523" spans="8:8">
      <c r="H661523" s="12"/>
    </row>
    <row r="661524" spans="8:8">
      <c r="H661524" s="12"/>
    </row>
    <row r="661525" spans="8:8">
      <c r="H661525" s="12"/>
    </row>
    <row r="661526" spans="8:8">
      <c r="H661526" s="12"/>
    </row>
    <row r="661527" spans="8:8">
      <c r="H661527" s="12"/>
    </row>
    <row r="661528" spans="8:8">
      <c r="H661528" s="12"/>
    </row>
    <row r="661529" spans="8:8">
      <c r="H661529" s="12"/>
    </row>
    <row r="661530" spans="8:8">
      <c r="H661530" s="12"/>
    </row>
    <row r="661531" spans="8:8">
      <c r="H661531" s="12"/>
    </row>
    <row r="661532" spans="8:8">
      <c r="H661532" s="12"/>
    </row>
    <row r="661533" spans="8:8">
      <c r="H661533" s="12"/>
    </row>
    <row r="661534" spans="8:8">
      <c r="H661534" s="12"/>
    </row>
    <row r="661535" spans="8:8">
      <c r="H661535" s="12"/>
    </row>
    <row r="661536" spans="8:8">
      <c r="H661536" s="12"/>
    </row>
    <row r="661537" spans="8:8">
      <c r="H661537" s="12"/>
    </row>
    <row r="661538" spans="8:8">
      <c r="H661538" s="12"/>
    </row>
    <row r="661539" spans="8:8">
      <c r="H661539" s="12"/>
    </row>
    <row r="661540" spans="8:8">
      <c r="H661540" s="12"/>
    </row>
    <row r="661541" spans="8:8">
      <c r="H661541" s="12"/>
    </row>
    <row r="661542" spans="8:8">
      <c r="H661542" s="12"/>
    </row>
    <row r="661543" spans="8:8">
      <c r="H661543" s="12"/>
    </row>
    <row r="661544" spans="8:8">
      <c r="H661544" s="12"/>
    </row>
    <row r="661545" spans="8:8">
      <c r="H661545" s="12"/>
    </row>
    <row r="661546" spans="8:8">
      <c r="H661546" s="12"/>
    </row>
    <row r="661547" spans="8:8">
      <c r="H661547" s="12"/>
    </row>
    <row r="661548" spans="8:8">
      <c r="H661548" s="12"/>
    </row>
    <row r="661549" spans="8:8">
      <c r="H661549" s="12"/>
    </row>
    <row r="661550" spans="8:8">
      <c r="H661550" s="12"/>
    </row>
    <row r="661551" spans="8:8">
      <c r="H661551" s="12"/>
    </row>
    <row r="661552" spans="8:8">
      <c r="H661552" s="12"/>
    </row>
    <row r="661553" spans="8:8">
      <c r="H661553" s="12"/>
    </row>
    <row r="661554" spans="8:8">
      <c r="H661554" s="12"/>
    </row>
    <row r="661555" spans="8:8">
      <c r="H661555" s="12"/>
    </row>
    <row r="661556" spans="8:8">
      <c r="H661556" s="12"/>
    </row>
    <row r="661557" spans="8:8">
      <c r="H661557" s="12"/>
    </row>
    <row r="661558" spans="8:8">
      <c r="H661558" s="12"/>
    </row>
    <row r="661559" spans="8:8">
      <c r="H661559" s="12"/>
    </row>
    <row r="661560" spans="8:8">
      <c r="H661560" s="12"/>
    </row>
    <row r="661561" spans="8:8">
      <c r="H661561" s="12"/>
    </row>
    <row r="661562" spans="8:8">
      <c r="H661562" s="12"/>
    </row>
    <row r="661563" spans="8:8">
      <c r="H661563" s="12"/>
    </row>
    <row r="661564" spans="8:8">
      <c r="H661564" s="12"/>
    </row>
    <row r="661565" spans="8:8">
      <c r="H661565" s="12"/>
    </row>
    <row r="661566" spans="8:8">
      <c r="H661566" s="12"/>
    </row>
    <row r="661567" spans="8:8">
      <c r="H661567" s="12"/>
    </row>
    <row r="661568" spans="8:8">
      <c r="H661568" s="12"/>
    </row>
    <row r="661569" spans="8:8">
      <c r="H661569" s="12"/>
    </row>
    <row r="661570" spans="8:8">
      <c r="H661570" s="12"/>
    </row>
    <row r="661571" spans="8:8">
      <c r="H661571" s="12"/>
    </row>
    <row r="661572" spans="8:8">
      <c r="H661572" s="12"/>
    </row>
    <row r="661573" spans="8:8">
      <c r="H661573" s="12"/>
    </row>
    <row r="661574" spans="8:8">
      <c r="H661574" s="12"/>
    </row>
    <row r="661575" spans="8:8">
      <c r="H661575" s="12"/>
    </row>
    <row r="661576" spans="8:8">
      <c r="H661576" s="12"/>
    </row>
    <row r="661577" spans="8:8">
      <c r="H661577" s="12"/>
    </row>
    <row r="661578" spans="8:8">
      <c r="H661578" s="12"/>
    </row>
    <row r="661579" spans="8:8">
      <c r="H661579" s="12"/>
    </row>
    <row r="661580" spans="8:8">
      <c r="H661580" s="12"/>
    </row>
    <row r="661581" spans="8:8">
      <c r="H661581" s="12"/>
    </row>
    <row r="661582" spans="8:8">
      <c r="H661582" s="12"/>
    </row>
    <row r="661583" spans="8:8">
      <c r="H661583" s="12"/>
    </row>
    <row r="661584" spans="8:8">
      <c r="H661584" s="12"/>
    </row>
    <row r="661585" spans="8:8">
      <c r="H661585" s="12"/>
    </row>
    <row r="661586" spans="8:8">
      <c r="H661586" s="12"/>
    </row>
    <row r="661587" spans="8:8">
      <c r="H661587" s="12"/>
    </row>
    <row r="661588" spans="8:8">
      <c r="H661588" s="12"/>
    </row>
    <row r="661589" spans="8:8">
      <c r="H661589" s="12"/>
    </row>
    <row r="661590" spans="8:8">
      <c r="H661590" s="12"/>
    </row>
    <row r="661591" spans="8:8">
      <c r="H661591" s="12"/>
    </row>
    <row r="661592" spans="8:8">
      <c r="H661592" s="12"/>
    </row>
    <row r="661593" spans="8:8">
      <c r="H661593" s="12"/>
    </row>
    <row r="661594" spans="8:8">
      <c r="H661594" s="12"/>
    </row>
    <row r="661595" spans="8:8">
      <c r="H661595" s="12"/>
    </row>
    <row r="661596" spans="8:8">
      <c r="H661596" s="12"/>
    </row>
    <row r="661597" spans="8:8">
      <c r="H661597" s="12"/>
    </row>
    <row r="661598" spans="8:8">
      <c r="H661598" s="12"/>
    </row>
    <row r="661599" spans="8:8">
      <c r="H661599" s="12"/>
    </row>
    <row r="661600" spans="8:8">
      <c r="H661600" s="12"/>
    </row>
    <row r="661601" spans="8:8">
      <c r="H661601" s="12"/>
    </row>
    <row r="661602" spans="8:8">
      <c r="H661602" s="12"/>
    </row>
    <row r="661603" spans="8:8">
      <c r="H661603" s="12"/>
    </row>
    <row r="661604" spans="8:8">
      <c r="H661604" s="12"/>
    </row>
    <row r="661605" spans="8:8">
      <c r="H661605" s="12"/>
    </row>
    <row r="661606" spans="8:8">
      <c r="H661606" s="12"/>
    </row>
    <row r="661607" spans="8:8">
      <c r="H661607" s="12"/>
    </row>
    <row r="661608" spans="8:8">
      <c r="H661608" s="12"/>
    </row>
    <row r="661609" spans="8:8">
      <c r="H661609" s="12"/>
    </row>
    <row r="661610" spans="8:8">
      <c r="H661610" s="12"/>
    </row>
    <row r="661611" spans="8:8">
      <c r="H661611" s="12"/>
    </row>
    <row r="661612" spans="8:8">
      <c r="H661612" s="12"/>
    </row>
    <row r="661613" spans="8:8">
      <c r="H661613" s="12"/>
    </row>
    <row r="661614" spans="8:8">
      <c r="H661614" s="12"/>
    </row>
    <row r="661615" spans="8:8">
      <c r="H661615" s="12"/>
    </row>
    <row r="661616" spans="8:8">
      <c r="H661616" s="12"/>
    </row>
    <row r="661617" spans="8:8">
      <c r="H661617" s="12"/>
    </row>
    <row r="661618" spans="8:8">
      <c r="H661618" s="12"/>
    </row>
    <row r="661619" spans="8:8">
      <c r="H661619" s="12"/>
    </row>
    <row r="661620" spans="8:8">
      <c r="H661620" s="12"/>
    </row>
    <row r="661621" spans="8:8">
      <c r="H661621" s="12"/>
    </row>
    <row r="661622" spans="8:8">
      <c r="H661622" s="12"/>
    </row>
    <row r="661623" spans="8:8">
      <c r="H661623" s="12"/>
    </row>
    <row r="661624" spans="8:8">
      <c r="H661624" s="12"/>
    </row>
    <row r="661625" spans="8:8">
      <c r="H661625" s="12"/>
    </row>
    <row r="661626" spans="8:8">
      <c r="H661626" s="12"/>
    </row>
    <row r="661627" spans="8:8">
      <c r="H661627" s="12"/>
    </row>
    <row r="661628" spans="8:8">
      <c r="H661628" s="12"/>
    </row>
    <row r="661629" spans="8:8">
      <c r="H661629" s="12"/>
    </row>
    <row r="661630" spans="8:8">
      <c r="H661630" s="12"/>
    </row>
    <row r="661631" spans="8:8">
      <c r="H661631" s="12"/>
    </row>
    <row r="661632" spans="8:8">
      <c r="H661632" s="12"/>
    </row>
    <row r="661633" spans="8:8">
      <c r="H661633" s="12"/>
    </row>
    <row r="661634" spans="8:8">
      <c r="H661634" s="12"/>
    </row>
    <row r="661635" spans="8:8">
      <c r="H661635" s="12"/>
    </row>
    <row r="661636" spans="8:8">
      <c r="H661636" s="12"/>
    </row>
    <row r="661637" spans="8:8">
      <c r="H661637" s="12"/>
    </row>
    <row r="661638" spans="8:8">
      <c r="H661638" s="12"/>
    </row>
    <row r="661639" spans="8:8">
      <c r="H661639" s="12"/>
    </row>
    <row r="661640" spans="8:8">
      <c r="H661640" s="12"/>
    </row>
    <row r="661641" spans="8:8">
      <c r="H661641" s="12"/>
    </row>
    <row r="661642" spans="8:8">
      <c r="H661642" s="12"/>
    </row>
    <row r="661643" spans="8:8">
      <c r="H661643" s="12"/>
    </row>
    <row r="661644" spans="8:8">
      <c r="H661644" s="12"/>
    </row>
    <row r="661645" spans="8:8">
      <c r="H661645" s="12"/>
    </row>
    <row r="661646" spans="8:8">
      <c r="H661646" s="12"/>
    </row>
    <row r="661647" spans="8:8">
      <c r="H661647" s="12"/>
    </row>
    <row r="661648" spans="8:8">
      <c r="H661648" s="12"/>
    </row>
    <row r="661649" spans="8:8">
      <c r="H661649" s="12"/>
    </row>
    <row r="661650" spans="8:8">
      <c r="H661650" s="12"/>
    </row>
    <row r="661651" spans="8:8">
      <c r="H661651" s="12"/>
    </row>
    <row r="661652" spans="8:8">
      <c r="H661652" s="12"/>
    </row>
    <row r="661653" spans="8:8">
      <c r="H661653" s="12"/>
    </row>
    <row r="661654" spans="8:8">
      <c r="H661654" s="12"/>
    </row>
    <row r="661655" spans="8:8">
      <c r="H661655" s="12"/>
    </row>
    <row r="661656" spans="8:8">
      <c r="H661656" s="12"/>
    </row>
    <row r="661657" spans="8:8">
      <c r="H661657" s="12"/>
    </row>
    <row r="661658" spans="8:8">
      <c r="H661658" s="12"/>
    </row>
    <row r="661659" spans="8:8">
      <c r="H661659" s="12"/>
    </row>
    <row r="661660" spans="8:8">
      <c r="H661660" s="12"/>
    </row>
    <row r="661661" spans="8:8">
      <c r="H661661" s="12"/>
    </row>
    <row r="661662" spans="8:8">
      <c r="H661662" s="12"/>
    </row>
    <row r="661663" spans="8:8">
      <c r="H661663" s="12"/>
    </row>
    <row r="661664" spans="8:8">
      <c r="H661664" s="12"/>
    </row>
    <row r="661665" spans="8:8">
      <c r="H661665" s="12"/>
    </row>
    <row r="661666" spans="8:8">
      <c r="H661666" s="12"/>
    </row>
    <row r="661667" spans="8:8">
      <c r="H661667" s="12"/>
    </row>
    <row r="661668" spans="8:8">
      <c r="H661668" s="12"/>
    </row>
    <row r="661669" spans="8:8">
      <c r="H661669" s="12"/>
    </row>
    <row r="661670" spans="8:8">
      <c r="H661670" s="12"/>
    </row>
    <row r="661671" spans="8:8">
      <c r="H661671" s="12"/>
    </row>
    <row r="661672" spans="8:8">
      <c r="H661672" s="12"/>
    </row>
    <row r="661673" spans="8:8">
      <c r="H661673" s="12"/>
    </row>
    <row r="661674" spans="8:8">
      <c r="H661674" s="12"/>
    </row>
    <row r="661675" spans="8:8">
      <c r="H661675" s="12"/>
    </row>
    <row r="661676" spans="8:8">
      <c r="H661676" s="12"/>
    </row>
    <row r="661677" spans="8:8">
      <c r="H661677" s="12"/>
    </row>
    <row r="661678" spans="8:8">
      <c r="H661678" s="12"/>
    </row>
    <row r="661679" spans="8:8">
      <c r="H661679" s="12"/>
    </row>
    <row r="661680" spans="8:8">
      <c r="H661680" s="12"/>
    </row>
    <row r="661681" spans="8:8">
      <c r="H661681" s="12"/>
    </row>
    <row r="661682" spans="8:8">
      <c r="H661682" s="12"/>
    </row>
    <row r="661683" spans="8:8">
      <c r="H661683" s="12"/>
    </row>
    <row r="661684" spans="8:8">
      <c r="H661684" s="12"/>
    </row>
    <row r="661685" spans="8:8">
      <c r="H661685" s="12"/>
    </row>
    <row r="661686" spans="8:8">
      <c r="H661686" s="12"/>
    </row>
    <row r="661687" spans="8:8">
      <c r="H661687" s="12"/>
    </row>
    <row r="661688" spans="8:8">
      <c r="H661688" s="12"/>
    </row>
    <row r="661689" spans="8:8">
      <c r="H661689" s="12"/>
    </row>
    <row r="661690" spans="8:8">
      <c r="H661690" s="12"/>
    </row>
    <row r="661691" spans="8:8">
      <c r="H661691" s="12"/>
    </row>
    <row r="661692" spans="8:8">
      <c r="H661692" s="12"/>
    </row>
    <row r="661693" spans="8:8">
      <c r="H661693" s="12"/>
    </row>
    <row r="661694" spans="8:8">
      <c r="H661694" s="12"/>
    </row>
    <row r="661695" spans="8:8">
      <c r="H661695" s="12"/>
    </row>
    <row r="661696" spans="8:8">
      <c r="H661696" s="12"/>
    </row>
    <row r="661697" spans="8:8">
      <c r="H661697" s="12"/>
    </row>
    <row r="661698" spans="8:8">
      <c r="H661698" s="12"/>
    </row>
    <row r="661699" spans="8:8">
      <c r="H661699" s="12"/>
    </row>
    <row r="661700" spans="8:8">
      <c r="H661700" s="12"/>
    </row>
    <row r="661701" spans="8:8">
      <c r="H661701" s="12"/>
    </row>
    <row r="661702" spans="8:8">
      <c r="H661702" s="12"/>
    </row>
    <row r="661703" spans="8:8">
      <c r="H661703" s="12"/>
    </row>
    <row r="661704" spans="8:8">
      <c r="H661704" s="12"/>
    </row>
    <row r="661705" spans="8:8">
      <c r="H661705" s="12"/>
    </row>
    <row r="661706" spans="8:8">
      <c r="H661706" s="12"/>
    </row>
    <row r="661707" spans="8:8">
      <c r="H661707" s="12"/>
    </row>
    <row r="661708" spans="8:8">
      <c r="H661708" s="12"/>
    </row>
    <row r="661709" spans="8:8">
      <c r="H661709" s="12"/>
    </row>
    <row r="661710" spans="8:8">
      <c r="H661710" s="12"/>
    </row>
    <row r="661711" spans="8:8">
      <c r="H661711" s="12"/>
    </row>
    <row r="661712" spans="8:8">
      <c r="H661712" s="12"/>
    </row>
    <row r="661713" spans="8:8">
      <c r="H661713" s="12"/>
    </row>
    <row r="661714" spans="8:8">
      <c r="H661714" s="12"/>
    </row>
    <row r="661715" spans="8:8">
      <c r="H661715" s="12"/>
    </row>
    <row r="661716" spans="8:8">
      <c r="H661716" s="12"/>
    </row>
    <row r="661717" spans="8:8">
      <c r="H661717" s="12"/>
    </row>
    <row r="661718" spans="8:8">
      <c r="H661718" s="12"/>
    </row>
    <row r="661719" spans="8:8">
      <c r="H661719" s="12"/>
    </row>
    <row r="661720" spans="8:8">
      <c r="H661720" s="12"/>
    </row>
    <row r="661721" spans="8:8">
      <c r="H661721" s="12"/>
    </row>
    <row r="661722" spans="8:8">
      <c r="H661722" s="12"/>
    </row>
    <row r="661723" spans="8:8">
      <c r="H661723" s="12"/>
    </row>
    <row r="661724" spans="8:8">
      <c r="H661724" s="12"/>
    </row>
    <row r="661725" spans="8:8">
      <c r="H661725" s="12"/>
    </row>
    <row r="661726" spans="8:8">
      <c r="H661726" s="12"/>
    </row>
    <row r="661727" spans="8:8">
      <c r="H661727" s="12"/>
    </row>
    <row r="661728" spans="8:8">
      <c r="H661728" s="12"/>
    </row>
    <row r="661729" spans="8:8">
      <c r="H661729" s="12"/>
    </row>
    <row r="661730" spans="8:8">
      <c r="H661730" s="12"/>
    </row>
    <row r="661731" spans="8:8">
      <c r="H661731" s="12"/>
    </row>
    <row r="661732" spans="8:8">
      <c r="H661732" s="12"/>
    </row>
    <row r="661733" spans="8:8">
      <c r="H661733" s="12"/>
    </row>
    <row r="661734" spans="8:8">
      <c r="H661734" s="12"/>
    </row>
    <row r="661735" spans="8:8">
      <c r="H661735" s="12"/>
    </row>
    <row r="661736" spans="8:8">
      <c r="H661736" s="12"/>
    </row>
    <row r="661737" spans="8:8">
      <c r="H661737" s="12"/>
    </row>
    <row r="661738" spans="8:8">
      <c r="H661738" s="12"/>
    </row>
    <row r="661739" spans="8:8">
      <c r="H661739" s="12"/>
    </row>
    <row r="661740" spans="8:8">
      <c r="H661740" s="12"/>
    </row>
    <row r="661741" spans="8:8">
      <c r="H661741" s="12"/>
    </row>
    <row r="661742" spans="8:8">
      <c r="H661742" s="12"/>
    </row>
    <row r="661743" spans="8:8">
      <c r="H661743" s="12"/>
    </row>
    <row r="661744" spans="8:8">
      <c r="H661744" s="12"/>
    </row>
    <row r="661745" spans="8:8">
      <c r="H661745" s="12"/>
    </row>
    <row r="661746" spans="8:8">
      <c r="H661746" s="12"/>
    </row>
    <row r="661747" spans="8:8">
      <c r="H661747" s="12"/>
    </row>
    <row r="661748" spans="8:8">
      <c r="H661748" s="12"/>
    </row>
    <row r="661749" spans="8:8">
      <c r="H661749" s="12"/>
    </row>
    <row r="661750" spans="8:8">
      <c r="H661750" s="12"/>
    </row>
    <row r="661751" spans="8:8">
      <c r="H661751" s="12"/>
    </row>
    <row r="661752" spans="8:8">
      <c r="H661752" s="12"/>
    </row>
    <row r="661753" spans="8:8">
      <c r="H661753" s="12"/>
    </row>
    <row r="661754" spans="8:8">
      <c r="H661754" s="12"/>
    </row>
    <row r="661755" spans="8:8">
      <c r="H661755" s="12"/>
    </row>
    <row r="661756" spans="8:8">
      <c r="H661756" s="12"/>
    </row>
    <row r="661757" spans="8:8">
      <c r="H661757" s="12"/>
    </row>
    <row r="661758" spans="8:8">
      <c r="H661758" s="12"/>
    </row>
    <row r="661759" spans="8:8">
      <c r="H661759" s="12"/>
    </row>
    <row r="661760" spans="8:8">
      <c r="H661760" s="12"/>
    </row>
    <row r="661761" spans="8:8">
      <c r="H661761" s="12"/>
    </row>
    <row r="661762" spans="8:8">
      <c r="H661762" s="12"/>
    </row>
    <row r="661763" spans="8:8">
      <c r="H661763" s="12"/>
    </row>
    <row r="661764" spans="8:8">
      <c r="H661764" s="12"/>
    </row>
    <row r="661765" spans="8:8">
      <c r="H661765" s="12"/>
    </row>
    <row r="661766" spans="8:8">
      <c r="H661766" s="12"/>
    </row>
    <row r="661767" spans="8:8">
      <c r="H661767" s="12"/>
    </row>
    <row r="661768" spans="8:8">
      <c r="H661768" s="12"/>
    </row>
    <row r="661769" spans="8:8">
      <c r="H661769" s="12"/>
    </row>
    <row r="661770" spans="8:8">
      <c r="H661770" s="12"/>
    </row>
    <row r="661771" spans="8:8">
      <c r="H661771" s="12"/>
    </row>
    <row r="661772" spans="8:8">
      <c r="H661772" s="12"/>
    </row>
    <row r="661773" spans="8:8">
      <c r="H661773" s="12"/>
    </row>
    <row r="661774" spans="8:8">
      <c r="H661774" s="12"/>
    </row>
    <row r="661775" spans="8:8">
      <c r="H661775" s="12"/>
    </row>
    <row r="661776" spans="8:8">
      <c r="H661776" s="12"/>
    </row>
    <row r="661777" spans="8:8">
      <c r="H661777" s="12"/>
    </row>
    <row r="661778" spans="8:8">
      <c r="H661778" s="12"/>
    </row>
    <row r="661779" spans="8:8">
      <c r="H661779" s="12"/>
    </row>
    <row r="661780" spans="8:8">
      <c r="H661780" s="12"/>
    </row>
    <row r="661781" spans="8:8">
      <c r="H661781" s="12"/>
    </row>
    <row r="661782" spans="8:8">
      <c r="H661782" s="12"/>
    </row>
    <row r="661783" spans="8:8">
      <c r="H661783" s="12"/>
    </row>
    <row r="661784" spans="8:8">
      <c r="H661784" s="12"/>
    </row>
    <row r="661785" spans="8:8">
      <c r="H661785" s="12"/>
    </row>
    <row r="661786" spans="8:8">
      <c r="H661786" s="12"/>
    </row>
    <row r="661787" spans="8:8">
      <c r="H661787" s="12"/>
    </row>
    <row r="661788" spans="8:8">
      <c r="H661788" s="12"/>
    </row>
    <row r="661789" spans="8:8">
      <c r="H661789" s="12"/>
    </row>
    <row r="661790" spans="8:8">
      <c r="H661790" s="12"/>
    </row>
    <row r="661791" spans="8:8">
      <c r="H661791" s="12"/>
    </row>
    <row r="661792" spans="8:8">
      <c r="H661792" s="12"/>
    </row>
    <row r="661793" spans="8:8">
      <c r="H661793" s="12"/>
    </row>
    <row r="661794" spans="8:8">
      <c r="H661794" s="12"/>
    </row>
    <row r="661795" spans="8:8">
      <c r="H661795" s="12"/>
    </row>
    <row r="661796" spans="8:8">
      <c r="H661796" s="12"/>
    </row>
    <row r="661797" spans="8:8">
      <c r="H661797" s="12"/>
    </row>
    <row r="661798" spans="8:8">
      <c r="H661798" s="12"/>
    </row>
    <row r="661799" spans="8:8">
      <c r="H661799" s="12"/>
    </row>
    <row r="661800" spans="8:8">
      <c r="H661800" s="12"/>
    </row>
    <row r="661801" spans="8:8">
      <c r="H661801" s="12"/>
    </row>
    <row r="661802" spans="8:8">
      <c r="H661802" s="12"/>
    </row>
    <row r="661803" spans="8:8">
      <c r="H661803" s="12"/>
    </row>
    <row r="661804" spans="8:8">
      <c r="H661804" s="12"/>
    </row>
    <row r="661805" spans="8:8">
      <c r="H661805" s="12"/>
    </row>
    <row r="661806" spans="8:8">
      <c r="H661806" s="12"/>
    </row>
    <row r="661807" spans="8:8">
      <c r="H661807" s="12"/>
    </row>
    <row r="661808" spans="8:8">
      <c r="H661808" s="12"/>
    </row>
    <row r="661809" spans="8:8">
      <c r="H661809" s="12"/>
    </row>
    <row r="661810" spans="8:8">
      <c r="H661810" s="12"/>
    </row>
    <row r="661811" spans="8:8">
      <c r="H661811" s="12"/>
    </row>
    <row r="661812" spans="8:8">
      <c r="H661812" s="12"/>
    </row>
    <row r="661813" spans="8:8">
      <c r="H661813" s="12"/>
    </row>
    <row r="661814" spans="8:8">
      <c r="H661814" s="12"/>
    </row>
    <row r="661815" spans="8:8">
      <c r="H661815" s="12"/>
    </row>
    <row r="661816" spans="8:8">
      <c r="H661816" s="12"/>
    </row>
    <row r="661817" spans="8:8">
      <c r="H661817" s="12"/>
    </row>
    <row r="661818" spans="8:8">
      <c r="H661818" s="12"/>
    </row>
    <row r="661819" spans="8:8">
      <c r="H661819" s="12"/>
    </row>
    <row r="661820" spans="8:8">
      <c r="H661820" s="12"/>
    </row>
    <row r="661821" spans="8:8">
      <c r="H661821" s="12"/>
    </row>
    <row r="661822" spans="8:8">
      <c r="H661822" s="12"/>
    </row>
    <row r="661823" spans="8:8">
      <c r="H661823" s="12"/>
    </row>
    <row r="661824" spans="8:8">
      <c r="H661824" s="12"/>
    </row>
    <row r="661825" spans="8:8">
      <c r="H661825" s="12"/>
    </row>
    <row r="661826" spans="8:8">
      <c r="H661826" s="12"/>
    </row>
    <row r="661827" spans="8:8">
      <c r="H661827" s="12"/>
    </row>
    <row r="661828" spans="8:8">
      <c r="H661828" s="12"/>
    </row>
    <row r="661829" spans="8:8">
      <c r="H661829" s="12"/>
    </row>
    <row r="661830" spans="8:8">
      <c r="H661830" s="12"/>
    </row>
    <row r="661831" spans="8:8">
      <c r="H661831" s="12"/>
    </row>
    <row r="661832" spans="8:8">
      <c r="H661832" s="12"/>
    </row>
    <row r="661833" spans="8:8">
      <c r="H661833" s="12"/>
    </row>
    <row r="661834" spans="8:8">
      <c r="H661834" s="12"/>
    </row>
    <row r="661835" spans="8:8">
      <c r="H661835" s="12"/>
    </row>
    <row r="661836" spans="8:8">
      <c r="H661836" s="12"/>
    </row>
    <row r="661837" spans="8:8">
      <c r="H661837" s="12"/>
    </row>
    <row r="661838" spans="8:8">
      <c r="H661838" s="12"/>
    </row>
    <row r="661839" spans="8:8">
      <c r="H661839" s="12"/>
    </row>
    <row r="661840" spans="8:8">
      <c r="H661840" s="12"/>
    </row>
    <row r="661841" spans="8:8">
      <c r="H661841" s="12"/>
    </row>
    <row r="661842" spans="8:8">
      <c r="H661842" s="12"/>
    </row>
    <row r="661843" spans="8:8">
      <c r="H661843" s="12"/>
    </row>
    <row r="661844" spans="8:8">
      <c r="H661844" s="12"/>
    </row>
    <row r="661845" spans="8:8">
      <c r="H661845" s="12"/>
    </row>
    <row r="661846" spans="8:8">
      <c r="H661846" s="12"/>
    </row>
    <row r="661847" spans="8:8">
      <c r="H661847" s="12"/>
    </row>
    <row r="661848" spans="8:8">
      <c r="H661848" s="12"/>
    </row>
    <row r="661849" spans="8:8">
      <c r="H661849" s="12"/>
    </row>
    <row r="661850" spans="8:8">
      <c r="H661850" s="12"/>
    </row>
    <row r="661851" spans="8:8">
      <c r="H661851" s="12"/>
    </row>
    <row r="661852" spans="8:8">
      <c r="H661852" s="12"/>
    </row>
    <row r="661853" spans="8:8">
      <c r="H661853" s="12"/>
    </row>
    <row r="661854" spans="8:8">
      <c r="H661854" s="12"/>
    </row>
    <row r="661855" spans="8:8">
      <c r="H661855" s="12"/>
    </row>
    <row r="661856" spans="8:8">
      <c r="H661856" s="12"/>
    </row>
    <row r="661857" spans="8:8">
      <c r="H661857" s="12"/>
    </row>
    <row r="661858" spans="8:8">
      <c r="H661858" s="12"/>
    </row>
    <row r="661859" spans="8:8">
      <c r="H661859" s="12"/>
    </row>
    <row r="661860" spans="8:8">
      <c r="H661860" s="12"/>
    </row>
    <row r="661861" spans="8:8">
      <c r="H661861" s="12"/>
    </row>
    <row r="661862" spans="8:8">
      <c r="H661862" s="12"/>
    </row>
    <row r="661863" spans="8:8">
      <c r="H661863" s="12"/>
    </row>
    <row r="661864" spans="8:8">
      <c r="H661864" s="12"/>
    </row>
    <row r="661865" spans="8:8">
      <c r="H661865" s="12"/>
    </row>
    <row r="661866" spans="8:8">
      <c r="H661866" s="12"/>
    </row>
    <row r="661867" spans="8:8">
      <c r="H661867" s="12"/>
    </row>
    <row r="661868" spans="8:8">
      <c r="H661868" s="12"/>
    </row>
    <row r="661869" spans="8:8">
      <c r="H661869" s="12"/>
    </row>
    <row r="661870" spans="8:8">
      <c r="H661870" s="12"/>
    </row>
    <row r="661871" spans="8:8">
      <c r="H661871" s="12"/>
    </row>
    <row r="661872" spans="8:8">
      <c r="H661872" s="12"/>
    </row>
    <row r="661873" spans="8:8">
      <c r="H661873" s="12"/>
    </row>
    <row r="661874" spans="8:8">
      <c r="H661874" s="12"/>
    </row>
    <row r="661875" spans="8:8">
      <c r="H661875" s="12"/>
    </row>
    <row r="661876" spans="8:8">
      <c r="H661876" s="12"/>
    </row>
    <row r="661877" spans="8:8">
      <c r="H661877" s="12"/>
    </row>
    <row r="661878" spans="8:8">
      <c r="H661878" s="12"/>
    </row>
    <row r="661879" spans="8:8">
      <c r="H661879" s="12"/>
    </row>
    <row r="661880" spans="8:8">
      <c r="H661880" s="12"/>
    </row>
    <row r="661881" spans="8:8">
      <c r="H661881" s="12"/>
    </row>
    <row r="661882" spans="8:8">
      <c r="H661882" s="12"/>
    </row>
    <row r="661883" spans="8:8">
      <c r="H661883" s="12"/>
    </row>
    <row r="661884" spans="8:8">
      <c r="H661884" s="12"/>
    </row>
    <row r="661885" spans="8:8">
      <c r="H661885" s="12"/>
    </row>
    <row r="661886" spans="8:8">
      <c r="H661886" s="12"/>
    </row>
    <row r="661887" spans="8:8">
      <c r="H661887" s="12"/>
    </row>
    <row r="661888" spans="8:8">
      <c r="H661888" s="12"/>
    </row>
    <row r="661889" spans="8:8">
      <c r="H661889" s="12"/>
    </row>
    <row r="661890" spans="8:8">
      <c r="H661890" s="12"/>
    </row>
    <row r="661891" spans="8:8">
      <c r="H661891" s="12"/>
    </row>
    <row r="661892" spans="8:8">
      <c r="H661892" s="12"/>
    </row>
    <row r="661893" spans="8:8">
      <c r="H661893" s="12"/>
    </row>
    <row r="661894" spans="8:8">
      <c r="H661894" s="12"/>
    </row>
    <row r="661895" spans="8:8">
      <c r="H661895" s="12"/>
    </row>
    <row r="661896" spans="8:8">
      <c r="H661896" s="12"/>
    </row>
    <row r="661897" spans="8:8">
      <c r="H661897" s="12"/>
    </row>
    <row r="661898" spans="8:8">
      <c r="H661898" s="12"/>
    </row>
    <row r="661899" spans="8:8">
      <c r="H661899" s="12"/>
    </row>
    <row r="661900" spans="8:8">
      <c r="H661900" s="12"/>
    </row>
    <row r="661901" spans="8:8">
      <c r="H661901" s="12"/>
    </row>
    <row r="661902" spans="8:8">
      <c r="H661902" s="12"/>
    </row>
    <row r="661903" spans="8:8">
      <c r="H661903" s="12"/>
    </row>
    <row r="661904" spans="8:8">
      <c r="H661904" s="12"/>
    </row>
    <row r="661905" spans="8:8">
      <c r="H661905" s="12"/>
    </row>
    <row r="661906" spans="8:8">
      <c r="H661906" s="12"/>
    </row>
    <row r="661907" spans="8:8">
      <c r="H661907" s="12"/>
    </row>
    <row r="661908" spans="8:8">
      <c r="H661908" s="12"/>
    </row>
    <row r="661909" spans="8:8">
      <c r="H661909" s="12"/>
    </row>
    <row r="661910" spans="8:8">
      <c r="H661910" s="12"/>
    </row>
    <row r="661911" spans="8:8">
      <c r="H661911" s="12"/>
    </row>
    <row r="661912" spans="8:8">
      <c r="H661912" s="12"/>
    </row>
    <row r="661913" spans="8:8">
      <c r="H661913" s="12"/>
    </row>
    <row r="661914" spans="8:8">
      <c r="H661914" s="12"/>
    </row>
    <row r="661915" spans="8:8">
      <c r="H661915" s="12"/>
    </row>
    <row r="661916" spans="8:8">
      <c r="H661916" s="12"/>
    </row>
    <row r="661917" spans="8:8">
      <c r="H661917" s="12"/>
    </row>
    <row r="661918" spans="8:8">
      <c r="H661918" s="12"/>
    </row>
    <row r="661919" spans="8:8">
      <c r="H661919" s="12"/>
    </row>
    <row r="661920" spans="8:8">
      <c r="H661920" s="12"/>
    </row>
    <row r="661921" spans="8:8">
      <c r="H661921" s="12"/>
    </row>
    <row r="661922" spans="8:8">
      <c r="H661922" s="12"/>
    </row>
    <row r="661923" spans="8:8">
      <c r="H661923" s="12"/>
    </row>
    <row r="661924" spans="8:8">
      <c r="H661924" s="12"/>
    </row>
    <row r="661925" spans="8:8">
      <c r="H661925" s="12"/>
    </row>
    <row r="661926" spans="8:8">
      <c r="H661926" s="12"/>
    </row>
    <row r="661927" spans="8:8">
      <c r="H661927" s="12"/>
    </row>
    <row r="661928" spans="8:8">
      <c r="H661928" s="12"/>
    </row>
    <row r="661929" spans="8:8">
      <c r="H661929" s="12"/>
    </row>
    <row r="661930" spans="8:8">
      <c r="H661930" s="12"/>
    </row>
    <row r="661931" spans="8:8">
      <c r="H661931" s="12"/>
    </row>
    <row r="661932" spans="8:8">
      <c r="H661932" s="12"/>
    </row>
    <row r="661933" spans="8:8">
      <c r="H661933" s="12"/>
    </row>
    <row r="661934" spans="8:8">
      <c r="H661934" s="12"/>
    </row>
    <row r="661935" spans="8:8">
      <c r="H661935" s="12"/>
    </row>
    <row r="661936" spans="8:8">
      <c r="H661936" s="12"/>
    </row>
    <row r="661937" spans="8:8">
      <c r="H661937" s="12"/>
    </row>
    <row r="661938" spans="8:8">
      <c r="H661938" s="12"/>
    </row>
    <row r="661939" spans="8:8">
      <c r="H661939" s="12"/>
    </row>
    <row r="661940" spans="8:8">
      <c r="H661940" s="12"/>
    </row>
    <row r="661941" spans="8:8">
      <c r="H661941" s="12"/>
    </row>
    <row r="661942" spans="8:8">
      <c r="H661942" s="12"/>
    </row>
    <row r="661943" spans="8:8">
      <c r="H661943" s="12"/>
    </row>
    <row r="661944" spans="8:8">
      <c r="H661944" s="12"/>
    </row>
    <row r="661945" spans="8:8">
      <c r="H661945" s="12"/>
    </row>
    <row r="661946" spans="8:8">
      <c r="H661946" s="12"/>
    </row>
    <row r="661947" spans="8:8">
      <c r="H661947" s="12"/>
    </row>
    <row r="661948" spans="8:8">
      <c r="H661948" s="12"/>
    </row>
    <row r="661949" spans="8:8">
      <c r="H661949" s="12"/>
    </row>
    <row r="661950" spans="8:8">
      <c r="H661950" s="12"/>
    </row>
    <row r="661951" spans="8:8">
      <c r="H661951" s="12"/>
    </row>
    <row r="661952" spans="8:8">
      <c r="H661952" s="12"/>
    </row>
    <row r="661953" spans="8:8">
      <c r="H661953" s="12"/>
    </row>
    <row r="661954" spans="8:8">
      <c r="H661954" s="12"/>
    </row>
    <row r="661955" spans="8:8">
      <c r="H661955" s="12"/>
    </row>
    <row r="661956" spans="8:8">
      <c r="H661956" s="12"/>
    </row>
    <row r="661957" spans="8:8">
      <c r="H661957" s="12"/>
    </row>
    <row r="661958" spans="8:8">
      <c r="H661958" s="12"/>
    </row>
    <row r="661959" spans="8:8">
      <c r="H661959" s="12"/>
    </row>
    <row r="661960" spans="8:8">
      <c r="H661960" s="12"/>
    </row>
    <row r="661961" spans="8:8">
      <c r="H661961" s="12"/>
    </row>
    <row r="661962" spans="8:8">
      <c r="H661962" s="12"/>
    </row>
    <row r="661963" spans="8:8">
      <c r="H661963" s="12"/>
    </row>
    <row r="661964" spans="8:8">
      <c r="H661964" s="12"/>
    </row>
    <row r="661965" spans="8:8">
      <c r="H661965" s="12"/>
    </row>
    <row r="661966" spans="8:8">
      <c r="H661966" s="12"/>
    </row>
    <row r="661967" spans="8:8">
      <c r="H661967" s="12"/>
    </row>
    <row r="661968" spans="8:8">
      <c r="H661968" s="12"/>
    </row>
    <row r="661969" spans="8:8">
      <c r="H661969" s="12"/>
    </row>
    <row r="661970" spans="8:8">
      <c r="H661970" s="12"/>
    </row>
    <row r="661971" spans="8:8">
      <c r="H661971" s="12"/>
    </row>
    <row r="661972" spans="8:8">
      <c r="H661972" s="12"/>
    </row>
    <row r="661973" spans="8:8">
      <c r="H661973" s="12"/>
    </row>
    <row r="661974" spans="8:8">
      <c r="H661974" s="12"/>
    </row>
    <row r="661975" spans="8:8">
      <c r="H661975" s="12"/>
    </row>
    <row r="661976" spans="8:8">
      <c r="H661976" s="12"/>
    </row>
    <row r="661977" spans="8:8">
      <c r="H661977" s="12"/>
    </row>
    <row r="661978" spans="8:8">
      <c r="H661978" s="12"/>
    </row>
    <row r="661979" spans="8:8">
      <c r="H661979" s="12"/>
    </row>
    <row r="661980" spans="8:8">
      <c r="H661980" s="12"/>
    </row>
    <row r="661981" spans="8:8">
      <c r="H661981" s="12"/>
    </row>
    <row r="661982" spans="8:8">
      <c r="H661982" s="12"/>
    </row>
    <row r="661983" spans="8:8">
      <c r="H661983" s="12"/>
    </row>
    <row r="661984" spans="8:8">
      <c r="H661984" s="12"/>
    </row>
    <row r="661985" spans="8:8">
      <c r="H661985" s="12"/>
    </row>
    <row r="661986" spans="8:8">
      <c r="H661986" s="12"/>
    </row>
    <row r="661987" spans="8:8">
      <c r="H661987" s="12"/>
    </row>
    <row r="661988" spans="8:8">
      <c r="H661988" s="12"/>
    </row>
    <row r="661989" spans="8:8">
      <c r="H661989" s="12"/>
    </row>
    <row r="661990" spans="8:8">
      <c r="H661990" s="12"/>
    </row>
    <row r="661991" spans="8:8">
      <c r="H661991" s="12"/>
    </row>
    <row r="661992" spans="8:8">
      <c r="H661992" s="12"/>
    </row>
    <row r="661993" spans="8:8">
      <c r="H661993" s="12"/>
    </row>
    <row r="661994" spans="8:8">
      <c r="H661994" s="12"/>
    </row>
    <row r="661995" spans="8:8">
      <c r="H661995" s="12"/>
    </row>
    <row r="661996" spans="8:8">
      <c r="H661996" s="12"/>
    </row>
    <row r="661997" spans="8:8">
      <c r="H661997" s="12"/>
    </row>
    <row r="661998" spans="8:8">
      <c r="H661998" s="12"/>
    </row>
    <row r="661999" spans="8:8">
      <c r="H661999" s="12"/>
    </row>
    <row r="662000" spans="8:8">
      <c r="H662000" s="12"/>
    </row>
    <row r="662001" spans="8:8">
      <c r="H662001" s="12"/>
    </row>
    <row r="662002" spans="8:8">
      <c r="H662002" s="12"/>
    </row>
    <row r="662003" spans="8:8">
      <c r="H662003" s="12"/>
    </row>
    <row r="662004" spans="8:8">
      <c r="H662004" s="12"/>
    </row>
    <row r="662005" spans="8:8">
      <c r="H662005" s="12"/>
    </row>
    <row r="662006" spans="8:8">
      <c r="H662006" s="12"/>
    </row>
    <row r="662007" spans="8:8">
      <c r="H662007" s="12"/>
    </row>
    <row r="662008" spans="8:8">
      <c r="H662008" s="12"/>
    </row>
    <row r="662009" spans="8:8">
      <c r="H662009" s="12"/>
    </row>
    <row r="662010" spans="8:8">
      <c r="H662010" s="12"/>
    </row>
    <row r="662011" spans="8:8">
      <c r="H662011" s="12"/>
    </row>
    <row r="662012" spans="8:8">
      <c r="H662012" s="12"/>
    </row>
    <row r="662013" spans="8:8">
      <c r="H662013" s="12"/>
    </row>
    <row r="662014" spans="8:8">
      <c r="H662014" s="12"/>
    </row>
    <row r="662015" spans="8:8">
      <c r="H662015" s="12"/>
    </row>
    <row r="662016" spans="8:8">
      <c r="H662016" s="12"/>
    </row>
    <row r="662017" spans="8:8">
      <c r="H662017" s="12"/>
    </row>
    <row r="662018" spans="8:8">
      <c r="H662018" s="12"/>
    </row>
    <row r="662019" spans="8:8">
      <c r="H662019" s="12"/>
    </row>
    <row r="662020" spans="8:8">
      <c r="H662020" s="12"/>
    </row>
    <row r="662021" spans="8:8">
      <c r="H662021" s="12"/>
    </row>
    <row r="662022" spans="8:8">
      <c r="H662022" s="12"/>
    </row>
    <row r="662023" spans="8:8">
      <c r="H662023" s="12"/>
    </row>
    <row r="662024" spans="8:8">
      <c r="H662024" s="12"/>
    </row>
    <row r="662025" spans="8:8">
      <c r="H662025" s="12"/>
    </row>
    <row r="662026" spans="8:8">
      <c r="H662026" s="12"/>
    </row>
    <row r="662027" spans="8:8">
      <c r="H662027" s="12"/>
    </row>
    <row r="662028" spans="8:8">
      <c r="H662028" s="12"/>
    </row>
    <row r="662029" spans="8:8">
      <c r="H662029" s="12"/>
    </row>
    <row r="662030" spans="8:8">
      <c r="H662030" s="12"/>
    </row>
    <row r="662031" spans="8:8">
      <c r="H662031" s="12"/>
    </row>
    <row r="662032" spans="8:8">
      <c r="H662032" s="12"/>
    </row>
    <row r="662033" spans="8:8">
      <c r="H662033" s="12"/>
    </row>
    <row r="662034" spans="8:8">
      <c r="H662034" s="12"/>
    </row>
    <row r="662035" spans="8:8">
      <c r="H662035" s="12"/>
    </row>
    <row r="662036" spans="8:8">
      <c r="H662036" s="12"/>
    </row>
    <row r="662037" spans="8:8">
      <c r="H662037" s="12"/>
    </row>
    <row r="662038" spans="8:8">
      <c r="H662038" s="12"/>
    </row>
    <row r="662039" spans="8:8">
      <c r="H662039" s="12"/>
    </row>
    <row r="662040" spans="8:8">
      <c r="H662040" s="12"/>
    </row>
    <row r="662041" spans="8:8">
      <c r="H662041" s="12"/>
    </row>
    <row r="662042" spans="8:8">
      <c r="H662042" s="12"/>
    </row>
    <row r="662043" spans="8:8">
      <c r="H662043" s="12"/>
    </row>
    <row r="662044" spans="8:8">
      <c r="H662044" s="12"/>
    </row>
    <row r="662045" spans="8:8">
      <c r="H662045" s="12"/>
    </row>
    <row r="662046" spans="8:8">
      <c r="H662046" s="12"/>
    </row>
    <row r="662047" spans="8:8">
      <c r="H662047" s="12"/>
    </row>
    <row r="662048" spans="8:8">
      <c r="H662048" s="12"/>
    </row>
    <row r="662049" spans="8:8">
      <c r="H662049" s="12"/>
    </row>
    <row r="662050" spans="8:8">
      <c r="H662050" s="12"/>
    </row>
    <row r="662051" spans="8:8">
      <c r="H662051" s="12"/>
    </row>
    <row r="662052" spans="8:8">
      <c r="H662052" s="12"/>
    </row>
    <row r="662053" spans="8:8">
      <c r="H662053" s="12"/>
    </row>
    <row r="662054" spans="8:8">
      <c r="H662054" s="12"/>
    </row>
    <row r="662055" spans="8:8">
      <c r="H662055" s="12"/>
    </row>
    <row r="662056" spans="8:8">
      <c r="H662056" s="12"/>
    </row>
    <row r="662057" spans="8:8">
      <c r="H662057" s="12"/>
    </row>
    <row r="662058" spans="8:8">
      <c r="H662058" s="12"/>
    </row>
    <row r="662059" spans="8:8">
      <c r="H662059" s="12"/>
    </row>
    <row r="662060" spans="8:8">
      <c r="H662060" s="12"/>
    </row>
    <row r="662061" spans="8:8">
      <c r="H662061" s="12"/>
    </row>
    <row r="662062" spans="8:8">
      <c r="H662062" s="12"/>
    </row>
    <row r="662063" spans="8:8">
      <c r="H662063" s="12"/>
    </row>
    <row r="662064" spans="8:8">
      <c r="H662064" s="12"/>
    </row>
    <row r="662065" spans="8:8">
      <c r="H662065" s="12"/>
    </row>
    <row r="662066" spans="8:8">
      <c r="H662066" s="12"/>
    </row>
    <row r="662067" spans="8:8">
      <c r="H662067" s="12"/>
    </row>
    <row r="662068" spans="8:8">
      <c r="H662068" s="12"/>
    </row>
    <row r="662069" spans="8:8">
      <c r="H662069" s="12"/>
    </row>
    <row r="662070" spans="8:8">
      <c r="H662070" s="12"/>
    </row>
    <row r="662071" spans="8:8">
      <c r="H662071" s="12"/>
    </row>
    <row r="662072" spans="8:8">
      <c r="H662072" s="12"/>
    </row>
    <row r="662073" spans="8:8">
      <c r="H662073" s="12"/>
    </row>
    <row r="662074" spans="8:8">
      <c r="H662074" s="12"/>
    </row>
    <row r="662075" spans="8:8">
      <c r="H662075" s="12"/>
    </row>
    <row r="662076" spans="8:8">
      <c r="H662076" s="12"/>
    </row>
    <row r="662077" spans="8:8">
      <c r="H662077" s="12"/>
    </row>
    <row r="662078" spans="8:8">
      <c r="H662078" s="12"/>
    </row>
    <row r="662079" spans="8:8">
      <c r="H662079" s="12"/>
    </row>
    <row r="662080" spans="8:8">
      <c r="H662080" s="12"/>
    </row>
    <row r="662081" spans="8:8">
      <c r="H662081" s="12"/>
    </row>
    <row r="662082" spans="8:8">
      <c r="H662082" s="12"/>
    </row>
    <row r="662083" spans="8:8">
      <c r="H662083" s="12"/>
    </row>
    <row r="662084" spans="8:8">
      <c r="H662084" s="12"/>
    </row>
    <row r="662085" spans="8:8">
      <c r="H662085" s="12"/>
    </row>
    <row r="662086" spans="8:8">
      <c r="H662086" s="12"/>
    </row>
    <row r="662087" spans="8:8">
      <c r="H662087" s="12"/>
    </row>
    <row r="662088" spans="8:8">
      <c r="H662088" s="12"/>
    </row>
    <row r="662089" spans="8:8">
      <c r="H662089" s="12"/>
    </row>
    <row r="662090" spans="8:8">
      <c r="H662090" s="12"/>
    </row>
    <row r="662091" spans="8:8">
      <c r="H662091" s="12"/>
    </row>
    <row r="662092" spans="8:8">
      <c r="H662092" s="12"/>
    </row>
    <row r="662093" spans="8:8">
      <c r="H662093" s="12"/>
    </row>
    <row r="662094" spans="8:8">
      <c r="H662094" s="12"/>
    </row>
    <row r="662095" spans="8:8">
      <c r="H662095" s="12"/>
    </row>
    <row r="662096" spans="8:8">
      <c r="H662096" s="12"/>
    </row>
    <row r="662097" spans="8:8">
      <c r="H662097" s="12"/>
    </row>
    <row r="662098" spans="8:8">
      <c r="H662098" s="12"/>
    </row>
    <row r="662099" spans="8:8">
      <c r="H662099" s="12"/>
    </row>
    <row r="662100" spans="8:8">
      <c r="H662100" s="12"/>
    </row>
    <row r="662101" spans="8:8">
      <c r="H662101" s="12"/>
    </row>
    <row r="662102" spans="8:8">
      <c r="H662102" s="12"/>
    </row>
    <row r="662103" spans="8:8">
      <c r="H662103" s="12"/>
    </row>
    <row r="662104" spans="8:8">
      <c r="H662104" s="12"/>
    </row>
    <row r="662105" spans="8:8">
      <c r="H662105" s="12"/>
    </row>
    <row r="662106" spans="8:8">
      <c r="H662106" s="12"/>
    </row>
    <row r="662107" spans="8:8">
      <c r="H662107" s="12"/>
    </row>
    <row r="662108" spans="8:8">
      <c r="H662108" s="12"/>
    </row>
    <row r="662109" spans="8:8">
      <c r="H662109" s="12"/>
    </row>
    <row r="662110" spans="8:8">
      <c r="H662110" s="12"/>
    </row>
    <row r="662111" spans="8:8">
      <c r="H662111" s="12"/>
    </row>
    <row r="662112" spans="8:8">
      <c r="H662112" s="12"/>
    </row>
    <row r="662113" spans="8:8">
      <c r="H662113" s="12"/>
    </row>
    <row r="662114" spans="8:8">
      <c r="H662114" s="12"/>
    </row>
    <row r="662115" spans="8:8">
      <c r="H662115" s="12"/>
    </row>
    <row r="662116" spans="8:8">
      <c r="H662116" s="12"/>
    </row>
    <row r="662117" spans="8:8">
      <c r="H662117" s="12"/>
    </row>
    <row r="662118" spans="8:8">
      <c r="H662118" s="12"/>
    </row>
    <row r="662119" spans="8:8">
      <c r="H662119" s="12"/>
    </row>
    <row r="662120" spans="8:8">
      <c r="H662120" s="12"/>
    </row>
    <row r="662121" spans="8:8">
      <c r="H662121" s="12"/>
    </row>
    <row r="662122" spans="8:8">
      <c r="H662122" s="12"/>
    </row>
    <row r="662123" spans="8:8">
      <c r="H662123" s="12"/>
    </row>
    <row r="662124" spans="8:8">
      <c r="H662124" s="12"/>
    </row>
    <row r="662125" spans="8:8">
      <c r="H662125" s="12"/>
    </row>
    <row r="662126" spans="8:8">
      <c r="H662126" s="12"/>
    </row>
    <row r="662127" spans="8:8">
      <c r="H662127" s="12"/>
    </row>
    <row r="662128" spans="8:8">
      <c r="H662128" s="12"/>
    </row>
    <row r="662129" spans="8:8">
      <c r="H662129" s="12"/>
    </row>
    <row r="662130" spans="8:8">
      <c r="H662130" s="12"/>
    </row>
    <row r="662131" spans="8:8">
      <c r="H662131" s="12"/>
    </row>
    <row r="662132" spans="8:8">
      <c r="H662132" s="12"/>
    </row>
    <row r="662133" spans="8:8">
      <c r="H662133" s="12"/>
    </row>
    <row r="662134" spans="8:8">
      <c r="H662134" s="12"/>
    </row>
    <row r="662135" spans="8:8">
      <c r="H662135" s="12"/>
    </row>
    <row r="662136" spans="8:8">
      <c r="H662136" s="12"/>
    </row>
    <row r="662137" spans="8:8">
      <c r="H662137" s="12"/>
    </row>
    <row r="662138" spans="8:8">
      <c r="H662138" s="12"/>
    </row>
    <row r="662139" spans="8:8">
      <c r="H662139" s="12"/>
    </row>
    <row r="662140" spans="8:8">
      <c r="H662140" s="12"/>
    </row>
    <row r="662141" spans="8:8">
      <c r="H662141" s="12"/>
    </row>
    <row r="662142" spans="8:8">
      <c r="H662142" s="12"/>
    </row>
    <row r="662143" spans="8:8">
      <c r="H662143" s="12"/>
    </row>
    <row r="662144" spans="8:8">
      <c r="H662144" s="12"/>
    </row>
    <row r="662145" spans="8:8">
      <c r="H662145" s="12"/>
    </row>
    <row r="662146" spans="8:8">
      <c r="H662146" s="12"/>
    </row>
    <row r="662147" spans="8:8">
      <c r="H662147" s="12"/>
    </row>
    <row r="662148" spans="8:8">
      <c r="H662148" s="12"/>
    </row>
    <row r="662149" spans="8:8">
      <c r="H662149" s="12"/>
    </row>
    <row r="662150" spans="8:8">
      <c r="H662150" s="12"/>
    </row>
    <row r="662151" spans="8:8">
      <c r="H662151" s="12"/>
    </row>
    <row r="662152" spans="8:8">
      <c r="H662152" s="12"/>
    </row>
    <row r="662153" spans="8:8">
      <c r="H662153" s="12"/>
    </row>
    <row r="662154" spans="8:8">
      <c r="H662154" s="12"/>
    </row>
    <row r="662155" spans="8:8">
      <c r="H662155" s="12"/>
    </row>
    <row r="662156" spans="8:8">
      <c r="H662156" s="12"/>
    </row>
    <row r="662157" spans="8:8">
      <c r="H662157" s="12"/>
    </row>
    <row r="662158" spans="8:8">
      <c r="H662158" s="12"/>
    </row>
    <row r="662159" spans="8:8">
      <c r="H662159" s="12"/>
    </row>
    <row r="662160" spans="8:8">
      <c r="H662160" s="12"/>
    </row>
    <row r="662161" spans="8:8">
      <c r="H662161" s="12"/>
    </row>
    <row r="662162" spans="8:8">
      <c r="H662162" s="12"/>
    </row>
    <row r="662163" spans="8:8">
      <c r="H662163" s="12"/>
    </row>
    <row r="662164" spans="8:8">
      <c r="H662164" s="12"/>
    </row>
    <row r="662165" spans="8:8">
      <c r="H662165" s="12"/>
    </row>
    <row r="662166" spans="8:8">
      <c r="H662166" s="12"/>
    </row>
    <row r="662167" spans="8:8">
      <c r="H662167" s="12"/>
    </row>
    <row r="662168" spans="8:8">
      <c r="H662168" s="12"/>
    </row>
    <row r="662169" spans="8:8">
      <c r="H662169" s="12"/>
    </row>
    <row r="662170" spans="8:8">
      <c r="H662170" s="12"/>
    </row>
    <row r="662171" spans="8:8">
      <c r="H662171" s="12"/>
    </row>
    <row r="662172" spans="8:8">
      <c r="H662172" s="12"/>
    </row>
    <row r="662173" spans="8:8">
      <c r="H662173" s="12"/>
    </row>
    <row r="662174" spans="8:8">
      <c r="H662174" s="12"/>
    </row>
    <row r="662175" spans="8:8">
      <c r="H662175" s="12"/>
    </row>
    <row r="662176" spans="8:8">
      <c r="H662176" s="12"/>
    </row>
    <row r="662177" spans="8:8">
      <c r="H662177" s="12"/>
    </row>
    <row r="662178" spans="8:8">
      <c r="H662178" s="12"/>
    </row>
    <row r="662179" spans="8:8">
      <c r="H662179" s="12"/>
    </row>
    <row r="662180" spans="8:8">
      <c r="H662180" s="12"/>
    </row>
    <row r="662181" spans="8:8">
      <c r="H662181" s="12"/>
    </row>
    <row r="662182" spans="8:8">
      <c r="H662182" s="12"/>
    </row>
    <row r="662183" spans="8:8">
      <c r="H662183" s="12"/>
    </row>
    <row r="662184" spans="8:8">
      <c r="H662184" s="12"/>
    </row>
    <row r="662185" spans="8:8">
      <c r="H662185" s="12"/>
    </row>
    <row r="662186" spans="8:8">
      <c r="H662186" s="12"/>
    </row>
    <row r="662187" spans="8:8">
      <c r="H662187" s="12"/>
    </row>
    <row r="662188" spans="8:8">
      <c r="H662188" s="12"/>
    </row>
    <row r="662189" spans="8:8">
      <c r="H662189" s="12"/>
    </row>
    <row r="662190" spans="8:8">
      <c r="H662190" s="12"/>
    </row>
    <row r="662191" spans="8:8">
      <c r="H662191" s="12"/>
    </row>
    <row r="662192" spans="8:8">
      <c r="H662192" s="12"/>
    </row>
    <row r="662193" spans="8:8">
      <c r="H662193" s="12"/>
    </row>
    <row r="662194" spans="8:8">
      <c r="H662194" s="12"/>
    </row>
    <row r="662195" spans="8:8">
      <c r="H662195" s="12"/>
    </row>
    <row r="662196" spans="8:8">
      <c r="H662196" s="12"/>
    </row>
    <row r="662197" spans="8:8">
      <c r="H662197" s="12"/>
    </row>
    <row r="662198" spans="8:8">
      <c r="H662198" s="12"/>
    </row>
    <row r="662199" spans="8:8">
      <c r="H662199" s="12"/>
    </row>
    <row r="662200" spans="8:8">
      <c r="H662200" s="12"/>
    </row>
    <row r="662201" spans="8:8">
      <c r="H662201" s="12"/>
    </row>
    <row r="662202" spans="8:8">
      <c r="H662202" s="12"/>
    </row>
    <row r="662203" spans="8:8">
      <c r="H662203" s="12"/>
    </row>
    <row r="662204" spans="8:8">
      <c r="H662204" s="12"/>
    </row>
    <row r="662205" spans="8:8">
      <c r="H662205" s="12"/>
    </row>
    <row r="662206" spans="8:8">
      <c r="H662206" s="12"/>
    </row>
    <row r="662207" spans="8:8">
      <c r="H662207" s="12"/>
    </row>
    <row r="662208" spans="8:8">
      <c r="H662208" s="12"/>
    </row>
    <row r="662209" spans="8:8">
      <c r="H662209" s="12"/>
    </row>
    <row r="662210" spans="8:8">
      <c r="H662210" s="12"/>
    </row>
    <row r="662211" spans="8:8">
      <c r="H662211" s="12"/>
    </row>
    <row r="662212" spans="8:8">
      <c r="H662212" s="12"/>
    </row>
    <row r="662213" spans="8:8">
      <c r="H662213" s="12"/>
    </row>
    <row r="662214" spans="8:8">
      <c r="H662214" s="12"/>
    </row>
    <row r="662215" spans="8:8">
      <c r="H662215" s="12"/>
    </row>
    <row r="662216" spans="8:8">
      <c r="H662216" s="12"/>
    </row>
    <row r="662217" spans="8:8">
      <c r="H662217" s="12"/>
    </row>
    <row r="662218" spans="8:8">
      <c r="H662218" s="12"/>
    </row>
    <row r="662219" spans="8:8">
      <c r="H662219" s="12"/>
    </row>
    <row r="662220" spans="8:8">
      <c r="H662220" s="12"/>
    </row>
    <row r="662221" spans="8:8">
      <c r="H662221" s="12"/>
    </row>
    <row r="662222" spans="8:8">
      <c r="H662222" s="12"/>
    </row>
    <row r="662223" spans="8:8">
      <c r="H662223" s="12"/>
    </row>
    <row r="662224" spans="8:8">
      <c r="H662224" s="12"/>
    </row>
    <row r="662225" spans="8:8">
      <c r="H662225" s="12"/>
    </row>
    <row r="662226" spans="8:8">
      <c r="H662226" s="12"/>
    </row>
    <row r="662227" spans="8:8">
      <c r="H662227" s="12"/>
    </row>
    <row r="662228" spans="8:8">
      <c r="H662228" s="12"/>
    </row>
    <row r="662229" spans="8:8">
      <c r="H662229" s="12"/>
    </row>
    <row r="662230" spans="8:8">
      <c r="H662230" s="12"/>
    </row>
    <row r="662231" spans="8:8">
      <c r="H662231" s="12"/>
    </row>
    <row r="662232" spans="8:8">
      <c r="H662232" s="12"/>
    </row>
    <row r="662233" spans="8:8">
      <c r="H662233" s="12"/>
    </row>
    <row r="662234" spans="8:8">
      <c r="H662234" s="12"/>
    </row>
    <row r="662235" spans="8:8">
      <c r="H662235" s="12"/>
    </row>
    <row r="662236" spans="8:8">
      <c r="H662236" s="12"/>
    </row>
    <row r="662237" spans="8:8">
      <c r="H662237" s="12"/>
    </row>
    <row r="662238" spans="8:8">
      <c r="H662238" s="12"/>
    </row>
    <row r="662239" spans="8:8">
      <c r="H662239" s="12"/>
    </row>
    <row r="662240" spans="8:8">
      <c r="H662240" s="12"/>
    </row>
    <row r="662241" spans="8:8">
      <c r="H662241" s="12"/>
    </row>
    <row r="662242" spans="8:8">
      <c r="H662242" s="12"/>
    </row>
    <row r="662243" spans="8:8">
      <c r="H662243" s="12"/>
    </row>
    <row r="662244" spans="8:8">
      <c r="H662244" s="12"/>
    </row>
    <row r="662245" spans="8:8">
      <c r="H662245" s="12"/>
    </row>
    <row r="662246" spans="8:8">
      <c r="H662246" s="12"/>
    </row>
    <row r="662247" spans="8:8">
      <c r="H662247" s="12"/>
    </row>
    <row r="662248" spans="8:8">
      <c r="H662248" s="12"/>
    </row>
    <row r="662249" spans="8:8">
      <c r="H662249" s="12"/>
    </row>
    <row r="662250" spans="8:8">
      <c r="H662250" s="12"/>
    </row>
    <row r="662251" spans="8:8">
      <c r="H662251" s="12"/>
    </row>
    <row r="662252" spans="8:8">
      <c r="H662252" s="12"/>
    </row>
    <row r="662253" spans="8:8">
      <c r="H662253" s="12"/>
    </row>
    <row r="662254" spans="8:8">
      <c r="H662254" s="12"/>
    </row>
    <row r="662255" spans="8:8">
      <c r="H662255" s="12"/>
    </row>
    <row r="662256" spans="8:8">
      <c r="H662256" s="12"/>
    </row>
    <row r="662257" spans="8:8">
      <c r="H662257" s="12"/>
    </row>
    <row r="662258" spans="8:8">
      <c r="H662258" s="12"/>
    </row>
    <row r="662259" spans="8:8">
      <c r="H662259" s="12"/>
    </row>
    <row r="662260" spans="8:8">
      <c r="H662260" s="12"/>
    </row>
    <row r="662261" spans="8:8">
      <c r="H662261" s="12"/>
    </row>
    <row r="662262" spans="8:8">
      <c r="H662262" s="12"/>
    </row>
    <row r="662263" spans="8:8">
      <c r="H662263" s="12"/>
    </row>
    <row r="662264" spans="8:8">
      <c r="H662264" s="12"/>
    </row>
    <row r="662265" spans="8:8">
      <c r="H662265" s="12"/>
    </row>
    <row r="662266" spans="8:8">
      <c r="H662266" s="12"/>
    </row>
    <row r="662267" spans="8:8">
      <c r="H662267" s="12"/>
    </row>
    <row r="662268" spans="8:8">
      <c r="H662268" s="12"/>
    </row>
    <row r="662269" spans="8:8">
      <c r="H662269" s="12"/>
    </row>
    <row r="662270" spans="8:8">
      <c r="H662270" s="12"/>
    </row>
    <row r="662271" spans="8:8">
      <c r="H662271" s="12"/>
    </row>
    <row r="662272" spans="8:8">
      <c r="H662272" s="12"/>
    </row>
    <row r="662273" spans="8:8">
      <c r="H662273" s="12"/>
    </row>
    <row r="662274" spans="8:8">
      <c r="H662274" s="12"/>
    </row>
    <row r="662275" spans="8:8">
      <c r="H662275" s="12"/>
    </row>
    <row r="662276" spans="8:8">
      <c r="H662276" s="12"/>
    </row>
    <row r="662277" spans="8:8">
      <c r="H662277" s="12"/>
    </row>
    <row r="662278" spans="8:8">
      <c r="H662278" s="12"/>
    </row>
    <row r="662279" spans="8:8">
      <c r="H662279" s="12"/>
    </row>
    <row r="662280" spans="8:8">
      <c r="H662280" s="12"/>
    </row>
    <row r="662281" spans="8:8">
      <c r="H662281" s="12"/>
    </row>
    <row r="662282" spans="8:8">
      <c r="H662282" s="12"/>
    </row>
    <row r="662283" spans="8:8">
      <c r="H662283" s="12"/>
    </row>
    <row r="662284" spans="8:8">
      <c r="H662284" s="12"/>
    </row>
    <row r="662285" spans="8:8">
      <c r="H662285" s="12"/>
    </row>
    <row r="662286" spans="8:8">
      <c r="H662286" s="12"/>
    </row>
    <row r="662287" spans="8:8">
      <c r="H662287" s="12"/>
    </row>
    <row r="662288" spans="8:8">
      <c r="H662288" s="12"/>
    </row>
    <row r="662289" spans="8:8">
      <c r="H662289" s="12"/>
    </row>
    <row r="662290" spans="8:8">
      <c r="H662290" s="12"/>
    </row>
    <row r="662291" spans="8:8">
      <c r="H662291" s="12"/>
    </row>
    <row r="662292" spans="8:8">
      <c r="H662292" s="12"/>
    </row>
    <row r="662293" spans="8:8">
      <c r="H662293" s="12"/>
    </row>
    <row r="662294" spans="8:8">
      <c r="H662294" s="12"/>
    </row>
    <row r="662295" spans="8:8">
      <c r="H662295" s="12"/>
    </row>
    <row r="662296" spans="8:8">
      <c r="H662296" s="12"/>
    </row>
    <row r="662297" spans="8:8">
      <c r="H662297" s="12"/>
    </row>
    <row r="662298" spans="8:8">
      <c r="H662298" s="12"/>
    </row>
    <row r="662299" spans="8:8">
      <c r="H662299" s="12"/>
    </row>
    <row r="662300" spans="8:8">
      <c r="H662300" s="12"/>
    </row>
    <row r="662301" spans="8:8">
      <c r="H662301" s="12"/>
    </row>
    <row r="662302" spans="8:8">
      <c r="H662302" s="12"/>
    </row>
    <row r="662303" spans="8:8">
      <c r="H662303" s="12"/>
    </row>
    <row r="662304" spans="8:8">
      <c r="H662304" s="12"/>
    </row>
    <row r="662305" spans="8:8">
      <c r="H662305" s="12"/>
    </row>
    <row r="662306" spans="8:8">
      <c r="H662306" s="12"/>
    </row>
    <row r="662307" spans="8:8">
      <c r="H662307" s="12"/>
    </row>
    <row r="662308" spans="8:8">
      <c r="H662308" s="12"/>
    </row>
    <row r="662309" spans="8:8">
      <c r="H662309" s="12"/>
    </row>
    <row r="662310" spans="8:8">
      <c r="H662310" s="12"/>
    </row>
    <row r="662311" spans="8:8">
      <c r="H662311" s="12"/>
    </row>
    <row r="662312" spans="8:8">
      <c r="H662312" s="12"/>
    </row>
    <row r="662313" spans="8:8">
      <c r="H662313" s="12"/>
    </row>
    <row r="662314" spans="8:8">
      <c r="H662314" s="12"/>
    </row>
    <row r="662315" spans="8:8">
      <c r="H662315" s="12"/>
    </row>
    <row r="662316" spans="8:8">
      <c r="H662316" s="12"/>
    </row>
    <row r="662317" spans="8:8">
      <c r="H662317" s="12"/>
    </row>
    <row r="662318" spans="8:8">
      <c r="H662318" s="12"/>
    </row>
    <row r="662319" spans="8:8">
      <c r="H662319" s="12"/>
    </row>
    <row r="662320" spans="8:8">
      <c r="H662320" s="12"/>
    </row>
    <row r="662321" spans="8:8">
      <c r="H662321" s="12"/>
    </row>
    <row r="662322" spans="8:8">
      <c r="H662322" s="12"/>
    </row>
    <row r="662323" spans="8:8">
      <c r="H662323" s="12"/>
    </row>
    <row r="662324" spans="8:8">
      <c r="H662324" s="12"/>
    </row>
    <row r="662325" spans="8:8">
      <c r="H662325" s="12"/>
    </row>
    <row r="662326" spans="8:8">
      <c r="H662326" s="12"/>
    </row>
    <row r="662327" spans="8:8">
      <c r="H662327" s="12"/>
    </row>
    <row r="662328" spans="8:8">
      <c r="H662328" s="12"/>
    </row>
    <row r="662329" spans="8:8">
      <c r="H662329" s="12"/>
    </row>
    <row r="662330" spans="8:8">
      <c r="H662330" s="12"/>
    </row>
    <row r="662331" spans="8:8">
      <c r="H662331" s="12"/>
    </row>
    <row r="662332" spans="8:8">
      <c r="H662332" s="12"/>
    </row>
    <row r="662333" spans="8:8">
      <c r="H662333" s="12"/>
    </row>
    <row r="662334" spans="8:8">
      <c r="H662334" s="12"/>
    </row>
    <row r="662335" spans="8:8">
      <c r="H662335" s="12"/>
    </row>
    <row r="662336" spans="8:8">
      <c r="H662336" s="12"/>
    </row>
    <row r="662337" spans="8:8">
      <c r="H662337" s="12"/>
    </row>
    <row r="662338" spans="8:8">
      <c r="H662338" s="12"/>
    </row>
    <row r="662339" spans="8:8">
      <c r="H662339" s="12"/>
    </row>
    <row r="662340" spans="8:8">
      <c r="H662340" s="12"/>
    </row>
    <row r="662341" spans="8:8">
      <c r="H662341" s="12"/>
    </row>
    <row r="662342" spans="8:8">
      <c r="H662342" s="12"/>
    </row>
    <row r="662343" spans="8:8">
      <c r="H662343" s="12"/>
    </row>
    <row r="662344" spans="8:8">
      <c r="H662344" s="12"/>
    </row>
    <row r="662345" spans="8:8">
      <c r="H662345" s="12"/>
    </row>
    <row r="662346" spans="8:8">
      <c r="H662346" s="12"/>
    </row>
    <row r="662347" spans="8:8">
      <c r="H662347" s="12"/>
    </row>
    <row r="662348" spans="8:8">
      <c r="H662348" s="12"/>
    </row>
    <row r="662349" spans="8:8">
      <c r="H662349" s="12"/>
    </row>
    <row r="662350" spans="8:8">
      <c r="H662350" s="12"/>
    </row>
    <row r="662351" spans="8:8">
      <c r="H662351" s="12"/>
    </row>
    <row r="662352" spans="8:8">
      <c r="H662352" s="12"/>
    </row>
    <row r="662353" spans="8:8">
      <c r="H662353" s="12"/>
    </row>
    <row r="662354" spans="8:8">
      <c r="H662354" s="12"/>
    </row>
    <row r="662355" spans="8:8">
      <c r="H662355" s="12"/>
    </row>
    <row r="662356" spans="8:8">
      <c r="H662356" s="12"/>
    </row>
    <row r="662357" spans="8:8">
      <c r="H662357" s="12"/>
    </row>
    <row r="662358" spans="8:8">
      <c r="H662358" s="12"/>
    </row>
    <row r="662359" spans="8:8">
      <c r="H662359" s="12"/>
    </row>
    <row r="662360" spans="8:8">
      <c r="H662360" s="12"/>
    </row>
    <row r="662361" spans="8:8">
      <c r="H662361" s="12"/>
    </row>
    <row r="662362" spans="8:8">
      <c r="H662362" s="12"/>
    </row>
    <row r="662363" spans="8:8">
      <c r="H662363" s="12"/>
    </row>
    <row r="662364" spans="8:8">
      <c r="H662364" s="12"/>
    </row>
    <row r="662365" spans="8:8">
      <c r="H662365" s="12"/>
    </row>
    <row r="662366" spans="8:8">
      <c r="H662366" s="12"/>
    </row>
    <row r="662367" spans="8:8">
      <c r="H662367" s="12"/>
    </row>
    <row r="662368" spans="8:8">
      <c r="H662368" s="12"/>
    </row>
    <row r="662369" spans="8:8">
      <c r="H662369" s="12"/>
    </row>
    <row r="662370" spans="8:8">
      <c r="H662370" s="12"/>
    </row>
    <row r="662371" spans="8:8">
      <c r="H662371" s="12"/>
    </row>
    <row r="662372" spans="8:8">
      <c r="H662372" s="12"/>
    </row>
    <row r="662373" spans="8:8">
      <c r="H662373" s="12"/>
    </row>
    <row r="662374" spans="8:8">
      <c r="H662374" s="12"/>
    </row>
    <row r="662375" spans="8:8">
      <c r="H662375" s="12"/>
    </row>
    <row r="662376" spans="8:8">
      <c r="H662376" s="12"/>
    </row>
    <row r="662377" spans="8:8">
      <c r="H662377" s="12"/>
    </row>
    <row r="662378" spans="8:8">
      <c r="H662378" s="12"/>
    </row>
    <row r="662379" spans="8:8">
      <c r="H662379" s="12"/>
    </row>
    <row r="662380" spans="8:8">
      <c r="H662380" s="12"/>
    </row>
    <row r="662381" spans="8:8">
      <c r="H662381" s="12"/>
    </row>
    <row r="662382" spans="8:8">
      <c r="H662382" s="12"/>
    </row>
    <row r="662383" spans="8:8">
      <c r="H662383" s="12"/>
    </row>
    <row r="662384" spans="8:8">
      <c r="H662384" s="12"/>
    </row>
    <row r="662385" spans="8:8">
      <c r="H662385" s="12"/>
    </row>
    <row r="662386" spans="8:8">
      <c r="H662386" s="12"/>
    </row>
    <row r="662387" spans="8:8">
      <c r="H662387" s="12"/>
    </row>
    <row r="662388" spans="8:8">
      <c r="H662388" s="12"/>
    </row>
    <row r="662389" spans="8:8">
      <c r="H662389" s="12"/>
    </row>
    <row r="662390" spans="8:8">
      <c r="H662390" s="12"/>
    </row>
    <row r="662391" spans="8:8">
      <c r="H662391" s="12"/>
    </row>
    <row r="662392" spans="8:8">
      <c r="H662392" s="12"/>
    </row>
    <row r="662393" spans="8:8">
      <c r="H662393" s="12"/>
    </row>
    <row r="662394" spans="8:8">
      <c r="H662394" s="12"/>
    </row>
    <row r="662395" spans="8:8">
      <c r="H662395" s="12"/>
    </row>
    <row r="662396" spans="8:8">
      <c r="H662396" s="12"/>
    </row>
    <row r="662397" spans="8:8">
      <c r="H662397" s="12"/>
    </row>
    <row r="662398" spans="8:8">
      <c r="H662398" s="12"/>
    </row>
    <row r="662399" spans="8:8">
      <c r="H662399" s="12"/>
    </row>
    <row r="662400" spans="8:8">
      <c r="H662400" s="12"/>
    </row>
    <row r="662401" spans="8:8">
      <c r="H662401" s="12"/>
    </row>
    <row r="662402" spans="8:8">
      <c r="H662402" s="12"/>
    </row>
    <row r="662403" spans="8:8">
      <c r="H662403" s="12"/>
    </row>
    <row r="662404" spans="8:8">
      <c r="H662404" s="12"/>
    </row>
    <row r="662405" spans="8:8">
      <c r="H662405" s="12"/>
    </row>
    <row r="662406" spans="8:8">
      <c r="H662406" s="12"/>
    </row>
    <row r="662407" spans="8:8">
      <c r="H662407" s="12"/>
    </row>
    <row r="662408" spans="8:8">
      <c r="H662408" s="12"/>
    </row>
    <row r="662409" spans="8:8">
      <c r="H662409" s="12"/>
    </row>
    <row r="662410" spans="8:8">
      <c r="H662410" s="12"/>
    </row>
    <row r="662411" spans="8:8">
      <c r="H662411" s="12"/>
    </row>
    <row r="662412" spans="8:8">
      <c r="H662412" s="12"/>
    </row>
    <row r="662413" spans="8:8">
      <c r="H662413" s="12"/>
    </row>
    <row r="662414" spans="8:8">
      <c r="H662414" s="12"/>
    </row>
    <row r="662415" spans="8:8">
      <c r="H662415" s="12"/>
    </row>
    <row r="662416" spans="8:8">
      <c r="H662416" s="12"/>
    </row>
    <row r="662417" spans="8:8">
      <c r="H662417" s="12"/>
    </row>
    <row r="662418" spans="8:8">
      <c r="H662418" s="12"/>
    </row>
    <row r="662419" spans="8:8">
      <c r="H662419" s="12"/>
    </row>
    <row r="662420" spans="8:8">
      <c r="H662420" s="12"/>
    </row>
    <row r="662421" spans="8:8">
      <c r="H662421" s="12"/>
    </row>
    <row r="662422" spans="8:8">
      <c r="H662422" s="12"/>
    </row>
    <row r="662423" spans="8:8">
      <c r="H662423" s="12"/>
    </row>
    <row r="662424" spans="8:8">
      <c r="H662424" s="12"/>
    </row>
    <row r="662425" spans="8:8">
      <c r="H662425" s="12"/>
    </row>
    <row r="662426" spans="8:8">
      <c r="H662426" s="12"/>
    </row>
    <row r="662427" spans="8:8">
      <c r="H662427" s="12"/>
    </row>
    <row r="662428" spans="8:8">
      <c r="H662428" s="12"/>
    </row>
    <row r="662429" spans="8:8">
      <c r="H662429" s="12"/>
    </row>
    <row r="662430" spans="8:8">
      <c r="H662430" s="12"/>
    </row>
    <row r="662431" spans="8:8">
      <c r="H662431" s="12"/>
    </row>
    <row r="662432" spans="8:8">
      <c r="H662432" s="12"/>
    </row>
    <row r="662433" spans="8:8">
      <c r="H662433" s="12"/>
    </row>
    <row r="662434" spans="8:8">
      <c r="H662434" s="12"/>
    </row>
    <row r="662435" spans="8:8">
      <c r="H662435" s="12"/>
    </row>
    <row r="662436" spans="8:8">
      <c r="H662436" s="12"/>
    </row>
    <row r="662437" spans="8:8">
      <c r="H662437" s="12"/>
    </row>
    <row r="662438" spans="8:8">
      <c r="H662438" s="12"/>
    </row>
    <row r="662439" spans="8:8">
      <c r="H662439" s="12"/>
    </row>
    <row r="662440" spans="8:8">
      <c r="H662440" s="12"/>
    </row>
    <row r="662441" spans="8:8">
      <c r="H662441" s="12"/>
    </row>
    <row r="662442" spans="8:8">
      <c r="H662442" s="12"/>
    </row>
    <row r="662443" spans="8:8">
      <c r="H662443" s="12"/>
    </row>
    <row r="662444" spans="8:8">
      <c r="H662444" s="12"/>
    </row>
    <row r="662445" spans="8:8">
      <c r="H662445" s="12"/>
    </row>
    <row r="662446" spans="8:8">
      <c r="H662446" s="12"/>
    </row>
    <row r="662447" spans="8:8">
      <c r="H662447" s="12"/>
    </row>
    <row r="662448" spans="8:8">
      <c r="H662448" s="12"/>
    </row>
    <row r="662449" spans="8:8">
      <c r="H662449" s="12"/>
    </row>
    <row r="662450" spans="8:8">
      <c r="H662450" s="12"/>
    </row>
    <row r="662451" spans="8:8">
      <c r="H662451" s="12"/>
    </row>
    <row r="662452" spans="8:8">
      <c r="H662452" s="12"/>
    </row>
    <row r="662453" spans="8:8">
      <c r="H662453" s="12"/>
    </row>
    <row r="662454" spans="8:8">
      <c r="H662454" s="12"/>
    </row>
    <row r="662455" spans="8:8">
      <c r="H662455" s="12"/>
    </row>
    <row r="662456" spans="8:8">
      <c r="H662456" s="12"/>
    </row>
    <row r="662457" spans="8:8">
      <c r="H662457" s="12"/>
    </row>
    <row r="662458" spans="8:8">
      <c r="H662458" s="12"/>
    </row>
    <row r="662459" spans="8:8">
      <c r="H662459" s="12"/>
    </row>
    <row r="662460" spans="8:8">
      <c r="H662460" s="12"/>
    </row>
    <row r="662461" spans="8:8">
      <c r="H662461" s="12"/>
    </row>
    <row r="662462" spans="8:8">
      <c r="H662462" s="12"/>
    </row>
    <row r="662463" spans="8:8">
      <c r="H662463" s="12"/>
    </row>
    <row r="662464" spans="8:8">
      <c r="H662464" s="12"/>
    </row>
    <row r="662465" spans="8:8">
      <c r="H662465" s="12"/>
    </row>
    <row r="662466" spans="8:8">
      <c r="H662466" s="12"/>
    </row>
    <row r="662467" spans="8:8">
      <c r="H662467" s="12"/>
    </row>
    <row r="662468" spans="8:8">
      <c r="H662468" s="12"/>
    </row>
    <row r="662469" spans="8:8">
      <c r="H662469" s="12"/>
    </row>
    <row r="662470" spans="8:8">
      <c r="H662470" s="12"/>
    </row>
    <row r="662471" spans="8:8">
      <c r="H662471" s="12"/>
    </row>
    <row r="662472" spans="8:8">
      <c r="H662472" s="12"/>
    </row>
    <row r="662473" spans="8:8">
      <c r="H662473" s="12"/>
    </row>
    <row r="662474" spans="8:8">
      <c r="H662474" s="12"/>
    </row>
    <row r="662475" spans="8:8">
      <c r="H662475" s="12"/>
    </row>
    <row r="662476" spans="8:8">
      <c r="H662476" s="12"/>
    </row>
    <row r="662477" spans="8:8">
      <c r="H662477" s="12"/>
    </row>
    <row r="662478" spans="8:8">
      <c r="H662478" s="12"/>
    </row>
    <row r="662479" spans="8:8">
      <c r="H662479" s="12"/>
    </row>
    <row r="662480" spans="8:8">
      <c r="H662480" s="12"/>
    </row>
    <row r="662481" spans="8:8">
      <c r="H662481" s="12"/>
    </row>
    <row r="662482" spans="8:8">
      <c r="H662482" s="12"/>
    </row>
    <row r="662483" spans="8:8">
      <c r="H662483" s="12"/>
    </row>
    <row r="662484" spans="8:8">
      <c r="H662484" s="12"/>
    </row>
    <row r="662485" spans="8:8">
      <c r="H662485" s="12"/>
    </row>
    <row r="662486" spans="8:8">
      <c r="H662486" s="12"/>
    </row>
    <row r="662487" spans="8:8">
      <c r="H662487" s="12"/>
    </row>
    <row r="662488" spans="8:8">
      <c r="H662488" s="12"/>
    </row>
    <row r="662489" spans="8:8">
      <c r="H662489" s="12"/>
    </row>
    <row r="662490" spans="8:8">
      <c r="H662490" s="12"/>
    </row>
    <row r="662491" spans="8:8">
      <c r="H662491" s="12"/>
    </row>
    <row r="662492" spans="8:8">
      <c r="H662492" s="12"/>
    </row>
    <row r="662493" spans="8:8">
      <c r="H662493" s="12"/>
    </row>
    <row r="662494" spans="8:8">
      <c r="H662494" s="12"/>
    </row>
    <row r="662495" spans="8:8">
      <c r="H662495" s="12"/>
    </row>
    <row r="662496" spans="8:8">
      <c r="H662496" s="12"/>
    </row>
    <row r="662497" spans="8:8">
      <c r="H662497" s="12"/>
    </row>
    <row r="662498" spans="8:8">
      <c r="H662498" s="12"/>
    </row>
    <row r="662499" spans="8:8">
      <c r="H662499" s="12"/>
    </row>
    <row r="662500" spans="8:8">
      <c r="H662500" s="12"/>
    </row>
    <row r="662501" spans="8:8">
      <c r="H662501" s="12"/>
    </row>
    <row r="662502" spans="8:8">
      <c r="H662502" s="12"/>
    </row>
    <row r="662503" spans="8:8">
      <c r="H662503" s="12"/>
    </row>
    <row r="662504" spans="8:8">
      <c r="H662504" s="12"/>
    </row>
    <row r="662505" spans="8:8">
      <c r="H662505" s="12"/>
    </row>
    <row r="662506" spans="8:8">
      <c r="H662506" s="12"/>
    </row>
    <row r="662507" spans="8:8">
      <c r="H662507" s="12"/>
    </row>
    <row r="662508" spans="8:8">
      <c r="H662508" s="12"/>
    </row>
    <row r="662509" spans="8:8">
      <c r="H662509" s="12"/>
    </row>
    <row r="662510" spans="8:8">
      <c r="H662510" s="12"/>
    </row>
    <row r="662511" spans="8:8">
      <c r="H662511" s="12"/>
    </row>
    <row r="662512" spans="8:8">
      <c r="H662512" s="12"/>
    </row>
    <row r="662513" spans="8:8">
      <c r="H662513" s="12"/>
    </row>
    <row r="662514" spans="8:8">
      <c r="H662514" s="12"/>
    </row>
    <row r="662515" spans="8:8">
      <c r="H662515" s="12"/>
    </row>
    <row r="662516" spans="8:8">
      <c r="H662516" s="12"/>
    </row>
    <row r="662517" spans="8:8">
      <c r="H662517" s="12"/>
    </row>
    <row r="662518" spans="8:8">
      <c r="H662518" s="12"/>
    </row>
    <row r="662519" spans="8:8">
      <c r="H662519" s="12"/>
    </row>
    <row r="662520" spans="8:8">
      <c r="H662520" s="12"/>
    </row>
    <row r="662521" spans="8:8">
      <c r="H662521" s="12"/>
    </row>
    <row r="662522" spans="8:8">
      <c r="H662522" s="12"/>
    </row>
    <row r="662523" spans="8:8">
      <c r="H662523" s="12"/>
    </row>
    <row r="662524" spans="8:8">
      <c r="H662524" s="12"/>
    </row>
    <row r="662525" spans="8:8">
      <c r="H662525" s="12"/>
    </row>
    <row r="662526" spans="8:8">
      <c r="H662526" s="12"/>
    </row>
    <row r="662527" spans="8:8">
      <c r="H662527" s="12"/>
    </row>
    <row r="662528" spans="8:8">
      <c r="H662528" s="12"/>
    </row>
    <row r="662529" spans="8:8">
      <c r="H662529" s="12"/>
    </row>
    <row r="662530" spans="8:8">
      <c r="H662530" s="12"/>
    </row>
    <row r="662531" spans="8:8">
      <c r="H662531" s="12"/>
    </row>
    <row r="662532" spans="8:8">
      <c r="H662532" s="12"/>
    </row>
    <row r="662533" spans="8:8">
      <c r="H662533" s="12"/>
    </row>
    <row r="662534" spans="8:8">
      <c r="H662534" s="12"/>
    </row>
    <row r="662535" spans="8:8">
      <c r="H662535" s="12"/>
    </row>
    <row r="662536" spans="8:8">
      <c r="H662536" s="12"/>
    </row>
    <row r="662537" spans="8:8">
      <c r="H662537" s="12"/>
    </row>
    <row r="662538" spans="8:8">
      <c r="H662538" s="12"/>
    </row>
    <row r="662539" spans="8:8">
      <c r="H662539" s="12"/>
    </row>
    <row r="662540" spans="8:8">
      <c r="H662540" s="12"/>
    </row>
    <row r="662541" spans="8:8">
      <c r="H662541" s="12"/>
    </row>
    <row r="662542" spans="8:8">
      <c r="H662542" s="12"/>
    </row>
    <row r="662543" spans="8:8">
      <c r="H662543" s="12"/>
    </row>
    <row r="662544" spans="8:8">
      <c r="H662544" s="12"/>
    </row>
    <row r="662545" spans="8:8">
      <c r="H662545" s="12"/>
    </row>
    <row r="662546" spans="8:8">
      <c r="H662546" s="12"/>
    </row>
    <row r="662547" spans="8:8">
      <c r="H662547" s="12"/>
    </row>
    <row r="662548" spans="8:8">
      <c r="H662548" s="12"/>
    </row>
    <row r="662549" spans="8:8">
      <c r="H662549" s="12"/>
    </row>
    <row r="662550" spans="8:8">
      <c r="H662550" s="12"/>
    </row>
    <row r="662551" spans="8:8">
      <c r="H662551" s="12"/>
    </row>
    <row r="662552" spans="8:8">
      <c r="H662552" s="12"/>
    </row>
    <row r="662553" spans="8:8">
      <c r="H662553" s="12"/>
    </row>
    <row r="662554" spans="8:8">
      <c r="H662554" s="12"/>
    </row>
    <row r="662555" spans="8:8">
      <c r="H662555" s="12"/>
    </row>
    <row r="662556" spans="8:8">
      <c r="H662556" s="12"/>
    </row>
    <row r="662557" spans="8:8">
      <c r="H662557" s="12"/>
    </row>
    <row r="662558" spans="8:8">
      <c r="H662558" s="12"/>
    </row>
    <row r="662559" spans="8:8">
      <c r="H662559" s="12"/>
    </row>
    <row r="662560" spans="8:8">
      <c r="H662560" s="12"/>
    </row>
    <row r="662561" spans="8:8">
      <c r="H662561" s="12"/>
    </row>
    <row r="662562" spans="8:8">
      <c r="H662562" s="12"/>
    </row>
    <row r="662563" spans="8:8">
      <c r="H662563" s="12"/>
    </row>
    <row r="662564" spans="8:8">
      <c r="H662564" s="12"/>
    </row>
    <row r="662565" spans="8:8">
      <c r="H662565" s="12"/>
    </row>
    <row r="662566" spans="8:8">
      <c r="H662566" s="12"/>
    </row>
    <row r="662567" spans="8:8">
      <c r="H662567" s="12"/>
    </row>
    <row r="662568" spans="8:8">
      <c r="H662568" s="12"/>
    </row>
    <row r="662569" spans="8:8">
      <c r="H662569" s="12"/>
    </row>
    <row r="662570" spans="8:8">
      <c r="H662570" s="12"/>
    </row>
    <row r="662571" spans="8:8">
      <c r="H662571" s="12"/>
    </row>
    <row r="662572" spans="8:8">
      <c r="H662572" s="12"/>
    </row>
    <row r="662573" spans="8:8">
      <c r="H662573" s="12"/>
    </row>
    <row r="662574" spans="8:8">
      <c r="H662574" s="12"/>
    </row>
    <row r="662575" spans="8:8">
      <c r="H662575" s="12"/>
    </row>
    <row r="662576" spans="8:8">
      <c r="H662576" s="12"/>
    </row>
    <row r="662577" spans="8:8">
      <c r="H662577" s="12"/>
    </row>
    <row r="662578" spans="8:8">
      <c r="H662578" s="12"/>
    </row>
    <row r="662579" spans="8:8">
      <c r="H662579" s="12"/>
    </row>
    <row r="662580" spans="8:8">
      <c r="H662580" s="12"/>
    </row>
    <row r="662581" spans="8:8">
      <c r="H662581" s="12"/>
    </row>
    <row r="662582" spans="8:8">
      <c r="H662582" s="12"/>
    </row>
    <row r="662583" spans="8:8">
      <c r="H662583" s="12"/>
    </row>
    <row r="662584" spans="8:8">
      <c r="H662584" s="12"/>
    </row>
    <row r="662585" spans="8:8">
      <c r="H662585" s="12"/>
    </row>
    <row r="662586" spans="8:8">
      <c r="H662586" s="12"/>
    </row>
    <row r="662587" spans="8:8">
      <c r="H662587" s="12"/>
    </row>
    <row r="662588" spans="8:8">
      <c r="H662588" s="12"/>
    </row>
    <row r="662589" spans="8:8">
      <c r="H662589" s="12"/>
    </row>
    <row r="662590" spans="8:8">
      <c r="H662590" s="12"/>
    </row>
    <row r="662591" spans="8:8">
      <c r="H662591" s="12"/>
    </row>
    <row r="662592" spans="8:8">
      <c r="H662592" s="12"/>
    </row>
    <row r="662593" spans="8:8">
      <c r="H662593" s="12"/>
    </row>
    <row r="662594" spans="8:8">
      <c r="H662594" s="12"/>
    </row>
    <row r="662595" spans="8:8">
      <c r="H662595" s="12"/>
    </row>
    <row r="662596" spans="8:8">
      <c r="H662596" s="12"/>
    </row>
    <row r="662597" spans="8:8">
      <c r="H662597" s="12"/>
    </row>
    <row r="662598" spans="8:8">
      <c r="H662598" s="12"/>
    </row>
    <row r="662599" spans="8:8">
      <c r="H662599" s="12"/>
    </row>
    <row r="662600" spans="8:8">
      <c r="H662600" s="12"/>
    </row>
    <row r="662601" spans="8:8">
      <c r="H662601" s="12"/>
    </row>
    <row r="662602" spans="8:8">
      <c r="H662602" s="12"/>
    </row>
    <row r="662603" spans="8:8">
      <c r="H662603" s="12"/>
    </row>
    <row r="662604" spans="8:8">
      <c r="H662604" s="12"/>
    </row>
    <row r="662605" spans="8:8">
      <c r="H662605" s="12"/>
    </row>
    <row r="662606" spans="8:8">
      <c r="H662606" s="12"/>
    </row>
    <row r="662607" spans="8:8">
      <c r="H662607" s="12"/>
    </row>
    <row r="662608" spans="8:8">
      <c r="H662608" s="12"/>
    </row>
    <row r="662609" spans="8:8">
      <c r="H662609" s="12"/>
    </row>
    <row r="662610" spans="8:8">
      <c r="H662610" s="12"/>
    </row>
    <row r="662611" spans="8:8">
      <c r="H662611" s="12"/>
    </row>
    <row r="662612" spans="8:8">
      <c r="H662612" s="12"/>
    </row>
    <row r="662613" spans="8:8">
      <c r="H662613" s="12"/>
    </row>
    <row r="662614" spans="8:8">
      <c r="H662614" s="12"/>
    </row>
    <row r="662615" spans="8:8">
      <c r="H662615" s="12"/>
    </row>
    <row r="662616" spans="8:8">
      <c r="H662616" s="12"/>
    </row>
    <row r="662617" spans="8:8">
      <c r="H662617" s="12"/>
    </row>
    <row r="662618" spans="8:8">
      <c r="H662618" s="12"/>
    </row>
    <row r="662619" spans="8:8">
      <c r="H662619" s="12"/>
    </row>
    <row r="662620" spans="8:8">
      <c r="H662620" s="12"/>
    </row>
    <row r="662621" spans="8:8">
      <c r="H662621" s="12"/>
    </row>
    <row r="662622" spans="8:8">
      <c r="H662622" s="12"/>
    </row>
    <row r="662623" spans="8:8">
      <c r="H662623" s="12"/>
    </row>
    <row r="662624" spans="8:8">
      <c r="H662624" s="12"/>
    </row>
    <row r="662625" spans="8:8">
      <c r="H662625" s="12"/>
    </row>
    <row r="662626" spans="8:8">
      <c r="H662626" s="12"/>
    </row>
    <row r="662627" spans="8:8">
      <c r="H662627" s="12"/>
    </row>
    <row r="662628" spans="8:8">
      <c r="H662628" s="12"/>
    </row>
    <row r="662629" spans="8:8">
      <c r="H662629" s="12"/>
    </row>
    <row r="662630" spans="8:8">
      <c r="H662630" s="12"/>
    </row>
    <row r="662631" spans="8:8">
      <c r="H662631" s="12"/>
    </row>
    <row r="662632" spans="8:8">
      <c r="H662632" s="12"/>
    </row>
    <row r="662633" spans="8:8">
      <c r="H662633" s="12"/>
    </row>
    <row r="662634" spans="8:8">
      <c r="H662634" s="12"/>
    </row>
    <row r="662635" spans="8:8">
      <c r="H662635" s="12"/>
    </row>
    <row r="662636" spans="8:8">
      <c r="H662636" s="12"/>
    </row>
    <row r="662637" spans="8:8">
      <c r="H662637" s="12"/>
    </row>
    <row r="662638" spans="8:8">
      <c r="H662638" s="12"/>
    </row>
    <row r="662639" spans="8:8">
      <c r="H662639" s="12"/>
    </row>
    <row r="662640" spans="8:8">
      <c r="H662640" s="12"/>
    </row>
    <row r="662641" spans="8:8">
      <c r="H662641" s="12"/>
    </row>
    <row r="662642" spans="8:8">
      <c r="H662642" s="12"/>
    </row>
    <row r="662643" spans="8:8">
      <c r="H662643" s="12"/>
    </row>
    <row r="662644" spans="8:8">
      <c r="H662644" s="12"/>
    </row>
    <row r="662645" spans="8:8">
      <c r="H662645" s="12"/>
    </row>
    <row r="662646" spans="8:8">
      <c r="H662646" s="12"/>
    </row>
    <row r="662647" spans="8:8">
      <c r="H662647" s="12"/>
    </row>
    <row r="662648" spans="8:8">
      <c r="H662648" s="12"/>
    </row>
    <row r="662649" spans="8:8">
      <c r="H662649" s="12"/>
    </row>
    <row r="662650" spans="8:8">
      <c r="H662650" s="12"/>
    </row>
    <row r="662651" spans="8:8">
      <c r="H662651" s="12"/>
    </row>
    <row r="662652" spans="8:8">
      <c r="H662652" s="12"/>
    </row>
    <row r="662653" spans="8:8">
      <c r="H662653" s="12"/>
    </row>
    <row r="662654" spans="8:8">
      <c r="H662654" s="12"/>
    </row>
    <row r="662655" spans="8:8">
      <c r="H662655" s="12"/>
    </row>
    <row r="662656" spans="8:8">
      <c r="H662656" s="12"/>
    </row>
    <row r="662657" spans="8:8">
      <c r="H662657" s="12"/>
    </row>
    <row r="662658" spans="8:8">
      <c r="H662658" s="12"/>
    </row>
    <row r="662659" spans="8:8">
      <c r="H662659" s="12"/>
    </row>
    <row r="662660" spans="8:8">
      <c r="H662660" s="12"/>
    </row>
    <row r="662661" spans="8:8">
      <c r="H662661" s="12"/>
    </row>
    <row r="662662" spans="8:8">
      <c r="H662662" s="12"/>
    </row>
    <row r="662663" spans="8:8">
      <c r="H662663" s="12"/>
    </row>
    <row r="662664" spans="8:8">
      <c r="H662664" s="12"/>
    </row>
    <row r="662665" spans="8:8">
      <c r="H662665" s="12"/>
    </row>
    <row r="662666" spans="8:8">
      <c r="H662666" s="12"/>
    </row>
    <row r="662667" spans="8:8">
      <c r="H662667" s="12"/>
    </row>
    <row r="662668" spans="8:8">
      <c r="H662668" s="12"/>
    </row>
    <row r="662669" spans="8:8">
      <c r="H662669" s="12"/>
    </row>
    <row r="662670" spans="8:8">
      <c r="H662670" s="12"/>
    </row>
    <row r="662671" spans="8:8">
      <c r="H662671" s="12"/>
    </row>
    <row r="662672" spans="8:8">
      <c r="H662672" s="12"/>
    </row>
    <row r="662673" spans="8:8">
      <c r="H662673" s="12"/>
    </row>
    <row r="662674" spans="8:8">
      <c r="H662674" s="12"/>
    </row>
    <row r="662675" spans="8:8">
      <c r="H662675" s="12"/>
    </row>
    <row r="662676" spans="8:8">
      <c r="H662676" s="12"/>
    </row>
    <row r="662677" spans="8:8">
      <c r="H662677" s="12"/>
    </row>
    <row r="662678" spans="8:8">
      <c r="H662678" s="12"/>
    </row>
    <row r="662679" spans="8:8">
      <c r="H662679" s="12"/>
    </row>
    <row r="662680" spans="8:8">
      <c r="H662680" s="12"/>
    </row>
    <row r="662681" spans="8:8">
      <c r="H662681" s="12"/>
    </row>
    <row r="662682" spans="8:8">
      <c r="H662682" s="12"/>
    </row>
    <row r="662683" spans="8:8">
      <c r="H662683" s="12"/>
    </row>
    <row r="662684" spans="8:8">
      <c r="H662684" s="12"/>
    </row>
    <row r="662685" spans="8:8">
      <c r="H662685" s="12"/>
    </row>
    <row r="662686" spans="8:8">
      <c r="H662686" s="12"/>
    </row>
    <row r="662687" spans="8:8">
      <c r="H662687" s="12"/>
    </row>
    <row r="662688" spans="8:8">
      <c r="H662688" s="12"/>
    </row>
    <row r="662689" spans="8:8">
      <c r="H662689" s="12"/>
    </row>
    <row r="662690" spans="8:8">
      <c r="H662690" s="12"/>
    </row>
    <row r="662691" spans="8:8">
      <c r="H662691" s="12"/>
    </row>
    <row r="662692" spans="8:8">
      <c r="H662692" s="12"/>
    </row>
    <row r="662693" spans="8:8">
      <c r="H662693" s="12"/>
    </row>
    <row r="662694" spans="8:8">
      <c r="H662694" s="12"/>
    </row>
    <row r="662695" spans="8:8">
      <c r="H662695" s="12"/>
    </row>
    <row r="662696" spans="8:8">
      <c r="H662696" s="12"/>
    </row>
    <row r="662697" spans="8:8">
      <c r="H662697" s="12"/>
    </row>
    <row r="662698" spans="8:8">
      <c r="H662698" s="12"/>
    </row>
    <row r="662699" spans="8:8">
      <c r="H662699" s="12"/>
    </row>
    <row r="662700" spans="8:8">
      <c r="H662700" s="12"/>
    </row>
    <row r="662701" spans="8:8">
      <c r="H662701" s="12"/>
    </row>
    <row r="662702" spans="8:8">
      <c r="H662702" s="12"/>
    </row>
    <row r="662703" spans="8:8">
      <c r="H662703" s="12"/>
    </row>
    <row r="662704" spans="8:8">
      <c r="H662704" s="12"/>
    </row>
    <row r="662705" spans="8:8">
      <c r="H662705" s="12"/>
    </row>
    <row r="662706" spans="8:8">
      <c r="H662706" s="12"/>
    </row>
    <row r="662707" spans="8:8">
      <c r="H662707" s="12"/>
    </row>
    <row r="662708" spans="8:8">
      <c r="H662708" s="12"/>
    </row>
    <row r="662709" spans="8:8">
      <c r="H662709" s="12"/>
    </row>
    <row r="662710" spans="8:8">
      <c r="H662710" s="12"/>
    </row>
    <row r="662711" spans="8:8">
      <c r="H662711" s="12"/>
    </row>
    <row r="662712" spans="8:8">
      <c r="H662712" s="12"/>
    </row>
    <row r="662713" spans="8:8">
      <c r="H662713" s="12"/>
    </row>
    <row r="662714" spans="8:8">
      <c r="H662714" s="12"/>
    </row>
    <row r="662715" spans="8:8">
      <c r="H662715" s="12"/>
    </row>
    <row r="662716" spans="8:8">
      <c r="H662716" s="12"/>
    </row>
    <row r="662717" spans="8:8">
      <c r="H662717" s="12"/>
    </row>
    <row r="662718" spans="8:8">
      <c r="H662718" s="12"/>
    </row>
    <row r="662719" spans="8:8">
      <c r="H662719" s="12"/>
    </row>
    <row r="662720" spans="8:8">
      <c r="H662720" s="12"/>
    </row>
    <row r="662721" spans="8:8">
      <c r="H662721" s="12"/>
    </row>
    <row r="662722" spans="8:8">
      <c r="H662722" s="12"/>
    </row>
    <row r="662723" spans="8:8">
      <c r="H662723" s="12"/>
    </row>
    <row r="662724" spans="8:8">
      <c r="H662724" s="12"/>
    </row>
    <row r="662725" spans="8:8">
      <c r="H662725" s="12"/>
    </row>
    <row r="662726" spans="8:8">
      <c r="H662726" s="12"/>
    </row>
    <row r="662727" spans="8:8">
      <c r="H662727" s="12"/>
    </row>
    <row r="662728" spans="8:8">
      <c r="H662728" s="12"/>
    </row>
    <row r="662729" spans="8:8">
      <c r="H662729" s="12"/>
    </row>
    <row r="662730" spans="8:8">
      <c r="H662730" s="12"/>
    </row>
    <row r="662731" spans="8:8">
      <c r="H662731" s="12"/>
    </row>
    <row r="662732" spans="8:8">
      <c r="H662732" s="12"/>
    </row>
    <row r="662733" spans="8:8">
      <c r="H662733" s="12"/>
    </row>
    <row r="662734" spans="8:8">
      <c r="H662734" s="12"/>
    </row>
    <row r="662735" spans="8:8">
      <c r="H662735" s="12"/>
    </row>
    <row r="662736" spans="8:8">
      <c r="H662736" s="12"/>
    </row>
    <row r="662737" spans="8:8">
      <c r="H662737" s="12"/>
    </row>
    <row r="662738" spans="8:8">
      <c r="H662738" s="12"/>
    </row>
    <row r="662739" spans="8:8">
      <c r="H662739" s="12"/>
    </row>
    <row r="662740" spans="8:8">
      <c r="H662740" s="12"/>
    </row>
    <row r="662741" spans="8:8">
      <c r="H662741" s="12"/>
    </row>
    <row r="662742" spans="8:8">
      <c r="H662742" s="12"/>
    </row>
    <row r="662743" spans="8:8">
      <c r="H662743" s="12"/>
    </row>
    <row r="662744" spans="8:8">
      <c r="H662744" s="12"/>
    </row>
    <row r="662745" spans="8:8">
      <c r="H662745" s="12"/>
    </row>
    <row r="662746" spans="8:8">
      <c r="H662746" s="12"/>
    </row>
    <row r="662747" spans="8:8">
      <c r="H662747" s="12"/>
    </row>
    <row r="662748" spans="8:8">
      <c r="H662748" s="12"/>
    </row>
    <row r="662749" spans="8:8">
      <c r="H662749" s="12"/>
    </row>
    <row r="662750" spans="8:8">
      <c r="H662750" s="12"/>
    </row>
    <row r="662751" spans="8:8">
      <c r="H662751" s="12"/>
    </row>
    <row r="662752" spans="8:8">
      <c r="H662752" s="12"/>
    </row>
    <row r="662753" spans="8:8">
      <c r="H662753" s="12"/>
    </row>
    <row r="662754" spans="8:8">
      <c r="H662754" s="12"/>
    </row>
    <row r="662755" spans="8:8">
      <c r="H662755" s="12"/>
    </row>
    <row r="662756" spans="8:8">
      <c r="H662756" s="12"/>
    </row>
    <row r="662757" spans="8:8">
      <c r="H662757" s="12"/>
    </row>
    <row r="662758" spans="8:8">
      <c r="H662758" s="12"/>
    </row>
    <row r="662759" spans="8:8">
      <c r="H662759" s="12"/>
    </row>
    <row r="662760" spans="8:8">
      <c r="H662760" s="12"/>
    </row>
    <row r="662761" spans="8:8">
      <c r="H662761" s="12"/>
    </row>
    <row r="662762" spans="8:8">
      <c r="H662762" s="12"/>
    </row>
    <row r="662763" spans="8:8">
      <c r="H662763" s="12"/>
    </row>
    <row r="662764" spans="8:8">
      <c r="H662764" s="12"/>
    </row>
    <row r="662765" spans="8:8">
      <c r="H662765" s="12"/>
    </row>
    <row r="662766" spans="8:8">
      <c r="H662766" s="12"/>
    </row>
    <row r="662767" spans="8:8">
      <c r="H662767" s="12"/>
    </row>
    <row r="662768" spans="8:8">
      <c r="H662768" s="12"/>
    </row>
    <row r="662769" spans="8:8">
      <c r="H662769" s="12"/>
    </row>
    <row r="662770" spans="8:8">
      <c r="H662770" s="12"/>
    </row>
    <row r="662771" spans="8:8">
      <c r="H662771" s="12"/>
    </row>
    <row r="662772" spans="8:8">
      <c r="H662772" s="12"/>
    </row>
    <row r="662773" spans="8:8">
      <c r="H662773" s="12"/>
    </row>
    <row r="662774" spans="8:8">
      <c r="H662774" s="12"/>
    </row>
    <row r="662775" spans="8:8">
      <c r="H662775" s="12"/>
    </row>
    <row r="662776" spans="8:8">
      <c r="H662776" s="12"/>
    </row>
    <row r="662777" spans="8:8">
      <c r="H662777" s="12"/>
    </row>
    <row r="662778" spans="8:8">
      <c r="H662778" s="12"/>
    </row>
    <row r="662779" spans="8:8">
      <c r="H662779" s="12"/>
    </row>
    <row r="662780" spans="8:8">
      <c r="H662780" s="12"/>
    </row>
    <row r="662781" spans="8:8">
      <c r="H662781" s="12"/>
    </row>
    <row r="662782" spans="8:8">
      <c r="H662782" s="12"/>
    </row>
    <row r="662783" spans="8:8">
      <c r="H662783" s="12"/>
    </row>
    <row r="662784" spans="8:8">
      <c r="H662784" s="12"/>
    </row>
    <row r="662785" spans="8:8">
      <c r="H662785" s="12"/>
    </row>
    <row r="662786" spans="8:8">
      <c r="H662786" s="12"/>
    </row>
    <row r="662787" spans="8:8">
      <c r="H662787" s="12"/>
    </row>
    <row r="662788" spans="8:8">
      <c r="H662788" s="12"/>
    </row>
    <row r="662789" spans="8:8">
      <c r="H662789" s="12"/>
    </row>
    <row r="662790" spans="8:8">
      <c r="H662790" s="12"/>
    </row>
    <row r="662791" spans="8:8">
      <c r="H662791" s="12"/>
    </row>
    <row r="662792" spans="8:8">
      <c r="H662792" s="12"/>
    </row>
    <row r="662793" spans="8:8">
      <c r="H662793" s="12"/>
    </row>
    <row r="662794" spans="8:8">
      <c r="H662794" s="12"/>
    </row>
    <row r="662795" spans="8:8">
      <c r="H662795" s="12"/>
    </row>
    <row r="662796" spans="8:8">
      <c r="H662796" s="12"/>
    </row>
    <row r="662797" spans="8:8">
      <c r="H662797" s="12"/>
    </row>
    <row r="662798" spans="8:8">
      <c r="H662798" s="12"/>
    </row>
    <row r="662799" spans="8:8">
      <c r="H662799" s="12"/>
    </row>
    <row r="662800" spans="8:8">
      <c r="H662800" s="12"/>
    </row>
    <row r="662801" spans="8:8">
      <c r="H662801" s="12"/>
    </row>
    <row r="662802" spans="8:8">
      <c r="H662802" s="12"/>
    </row>
    <row r="662803" spans="8:8">
      <c r="H662803" s="12"/>
    </row>
    <row r="662804" spans="8:8">
      <c r="H662804" s="12"/>
    </row>
    <row r="662805" spans="8:8">
      <c r="H662805" s="12"/>
    </row>
    <row r="662806" spans="8:8">
      <c r="H662806" s="12"/>
    </row>
    <row r="662807" spans="8:8">
      <c r="H662807" s="12"/>
    </row>
    <row r="662808" spans="8:8">
      <c r="H662808" s="12"/>
    </row>
    <row r="662809" spans="8:8">
      <c r="H662809" s="12"/>
    </row>
    <row r="662810" spans="8:8">
      <c r="H662810" s="12"/>
    </row>
    <row r="662811" spans="8:8">
      <c r="H662811" s="12"/>
    </row>
    <row r="662812" spans="8:8">
      <c r="H662812" s="12"/>
    </row>
    <row r="662813" spans="8:8">
      <c r="H662813" s="12"/>
    </row>
    <row r="662814" spans="8:8">
      <c r="H662814" s="12"/>
    </row>
    <row r="662815" spans="8:8">
      <c r="H662815" s="12"/>
    </row>
    <row r="662816" spans="8:8">
      <c r="H662816" s="12"/>
    </row>
    <row r="662817" spans="8:8">
      <c r="H662817" s="12"/>
    </row>
    <row r="662818" spans="8:8">
      <c r="H662818" s="12"/>
    </row>
    <row r="662819" spans="8:8">
      <c r="H662819" s="12"/>
    </row>
    <row r="662820" spans="8:8">
      <c r="H662820" s="12"/>
    </row>
    <row r="662821" spans="8:8">
      <c r="H662821" s="12"/>
    </row>
    <row r="662822" spans="8:8">
      <c r="H662822" s="12"/>
    </row>
    <row r="662823" spans="8:8">
      <c r="H662823" s="12"/>
    </row>
    <row r="662824" spans="8:8">
      <c r="H662824" s="12"/>
    </row>
    <row r="662825" spans="8:8">
      <c r="H662825" s="12"/>
    </row>
    <row r="662826" spans="8:8">
      <c r="H662826" s="12"/>
    </row>
    <row r="662827" spans="8:8">
      <c r="H662827" s="12"/>
    </row>
    <row r="662828" spans="8:8">
      <c r="H662828" s="12"/>
    </row>
    <row r="662829" spans="8:8">
      <c r="H662829" s="12"/>
    </row>
    <row r="662830" spans="8:8">
      <c r="H662830" s="12"/>
    </row>
    <row r="662831" spans="8:8">
      <c r="H662831" s="12"/>
    </row>
    <row r="662832" spans="8:8">
      <c r="H662832" s="12"/>
    </row>
    <row r="662833" spans="8:8">
      <c r="H662833" s="12"/>
    </row>
    <row r="662834" spans="8:8">
      <c r="H662834" s="12"/>
    </row>
    <row r="662835" spans="8:8">
      <c r="H662835" s="12"/>
    </row>
    <row r="662836" spans="8:8">
      <c r="H662836" s="12"/>
    </row>
    <row r="662837" spans="8:8">
      <c r="H662837" s="12"/>
    </row>
    <row r="662838" spans="8:8">
      <c r="H662838" s="12"/>
    </row>
    <row r="662839" spans="8:8">
      <c r="H662839" s="12"/>
    </row>
    <row r="662840" spans="8:8">
      <c r="H662840" s="12"/>
    </row>
    <row r="662841" spans="8:8">
      <c r="H662841" s="12"/>
    </row>
    <row r="662842" spans="8:8">
      <c r="H662842" s="12"/>
    </row>
    <row r="662843" spans="8:8">
      <c r="H662843" s="12"/>
    </row>
    <row r="662844" spans="8:8">
      <c r="H662844" s="12"/>
    </row>
    <row r="662845" spans="8:8">
      <c r="H662845" s="12"/>
    </row>
    <row r="662846" spans="8:8">
      <c r="H662846" s="12"/>
    </row>
    <row r="662847" spans="8:8">
      <c r="H662847" s="12"/>
    </row>
    <row r="662848" spans="8:8">
      <c r="H662848" s="12"/>
    </row>
    <row r="662849" spans="8:8">
      <c r="H662849" s="12"/>
    </row>
    <row r="662850" spans="8:8">
      <c r="H662850" s="12"/>
    </row>
    <row r="662851" spans="8:8">
      <c r="H662851" s="12"/>
    </row>
    <row r="662852" spans="8:8">
      <c r="H662852" s="12"/>
    </row>
    <row r="662853" spans="8:8">
      <c r="H662853" s="12"/>
    </row>
    <row r="662854" spans="8:8">
      <c r="H662854" s="12"/>
    </row>
    <row r="662855" spans="8:8">
      <c r="H662855" s="12"/>
    </row>
    <row r="662856" spans="8:8">
      <c r="H662856" s="12"/>
    </row>
    <row r="662857" spans="8:8">
      <c r="H662857" s="12"/>
    </row>
    <row r="662858" spans="8:8">
      <c r="H662858" s="12"/>
    </row>
    <row r="662859" spans="8:8">
      <c r="H662859" s="12"/>
    </row>
    <row r="662860" spans="8:8">
      <c r="H662860" s="12"/>
    </row>
    <row r="662861" spans="8:8">
      <c r="H662861" s="12"/>
    </row>
    <row r="662862" spans="8:8">
      <c r="H662862" s="12"/>
    </row>
    <row r="662863" spans="8:8">
      <c r="H662863" s="12"/>
    </row>
    <row r="662864" spans="8:8">
      <c r="H662864" s="12"/>
    </row>
    <row r="662865" spans="8:8">
      <c r="H662865" s="12"/>
    </row>
    <row r="662866" spans="8:8">
      <c r="H662866" s="12"/>
    </row>
    <row r="662867" spans="8:8">
      <c r="H662867" s="12"/>
    </row>
    <row r="662868" spans="8:8">
      <c r="H662868" s="12"/>
    </row>
    <row r="662869" spans="8:8">
      <c r="H662869" s="12"/>
    </row>
    <row r="662870" spans="8:8">
      <c r="H662870" s="12"/>
    </row>
    <row r="662871" spans="8:8">
      <c r="H662871" s="12"/>
    </row>
    <row r="662872" spans="8:8">
      <c r="H662872" s="12"/>
    </row>
    <row r="662873" spans="8:8">
      <c r="H662873" s="12"/>
    </row>
    <row r="662874" spans="8:8">
      <c r="H662874" s="12"/>
    </row>
    <row r="662875" spans="8:8">
      <c r="H662875" s="12"/>
    </row>
    <row r="662876" spans="8:8">
      <c r="H662876" s="12"/>
    </row>
    <row r="662877" spans="8:8">
      <c r="H662877" s="12"/>
    </row>
    <row r="662878" spans="8:8">
      <c r="H662878" s="12"/>
    </row>
    <row r="662879" spans="8:8">
      <c r="H662879" s="12"/>
    </row>
    <row r="662880" spans="8:8">
      <c r="H662880" s="12"/>
    </row>
    <row r="662881" spans="8:8">
      <c r="H662881" s="12"/>
    </row>
    <row r="662882" spans="8:8">
      <c r="H662882" s="12"/>
    </row>
    <row r="662883" spans="8:8">
      <c r="H662883" s="12"/>
    </row>
    <row r="662884" spans="8:8">
      <c r="H662884" s="12"/>
    </row>
    <row r="662885" spans="8:8">
      <c r="H662885" s="12"/>
    </row>
    <row r="662886" spans="8:8">
      <c r="H662886" s="12"/>
    </row>
    <row r="662887" spans="8:8">
      <c r="H662887" s="12"/>
    </row>
    <row r="662888" spans="8:8">
      <c r="H662888" s="12"/>
    </row>
    <row r="662889" spans="8:8">
      <c r="H662889" s="12"/>
    </row>
    <row r="662890" spans="8:8">
      <c r="H662890" s="12"/>
    </row>
    <row r="662891" spans="8:8">
      <c r="H662891" s="12"/>
    </row>
    <row r="662892" spans="8:8">
      <c r="H662892" s="12"/>
    </row>
    <row r="662893" spans="8:8">
      <c r="H662893" s="12"/>
    </row>
    <row r="662894" spans="8:8">
      <c r="H662894" s="12"/>
    </row>
    <row r="662895" spans="8:8">
      <c r="H662895" s="12"/>
    </row>
    <row r="662896" spans="8:8">
      <c r="H662896" s="12"/>
    </row>
    <row r="662897" spans="8:8">
      <c r="H662897" s="12"/>
    </row>
    <row r="662898" spans="8:8">
      <c r="H662898" s="12"/>
    </row>
    <row r="662899" spans="8:8">
      <c r="H662899" s="12"/>
    </row>
    <row r="662900" spans="8:8">
      <c r="H662900" s="12"/>
    </row>
    <row r="662901" spans="8:8">
      <c r="H662901" s="12"/>
    </row>
    <row r="662902" spans="8:8">
      <c r="H662902" s="12"/>
    </row>
    <row r="662903" spans="8:8">
      <c r="H662903" s="12"/>
    </row>
    <row r="662904" spans="8:8">
      <c r="H662904" s="12"/>
    </row>
    <row r="662905" spans="8:8">
      <c r="H662905" s="12"/>
    </row>
    <row r="662906" spans="8:8">
      <c r="H662906" s="12"/>
    </row>
    <row r="662907" spans="8:8">
      <c r="H662907" s="12"/>
    </row>
    <row r="662908" spans="8:8">
      <c r="H662908" s="12"/>
    </row>
    <row r="662909" spans="8:8">
      <c r="H662909" s="12"/>
    </row>
    <row r="662910" spans="8:8">
      <c r="H662910" s="12"/>
    </row>
    <row r="662911" spans="8:8">
      <c r="H662911" s="12"/>
    </row>
    <row r="662912" spans="8:8">
      <c r="H662912" s="12"/>
    </row>
    <row r="662913" spans="8:8">
      <c r="H662913" s="12"/>
    </row>
    <row r="662914" spans="8:8">
      <c r="H662914" s="12"/>
    </row>
    <row r="662915" spans="8:8">
      <c r="H662915" s="12"/>
    </row>
    <row r="662916" spans="8:8">
      <c r="H662916" s="12"/>
    </row>
    <row r="662917" spans="8:8">
      <c r="H662917" s="12"/>
    </row>
    <row r="662918" spans="8:8">
      <c r="H662918" s="12"/>
    </row>
    <row r="662919" spans="8:8">
      <c r="H662919" s="12"/>
    </row>
    <row r="662920" spans="8:8">
      <c r="H662920" s="12"/>
    </row>
    <row r="662921" spans="8:8">
      <c r="H662921" s="12"/>
    </row>
    <row r="662922" spans="8:8">
      <c r="H662922" s="12"/>
    </row>
    <row r="662923" spans="8:8">
      <c r="H662923" s="12"/>
    </row>
    <row r="662924" spans="8:8">
      <c r="H662924" s="12"/>
    </row>
    <row r="662925" spans="8:8">
      <c r="H662925" s="12"/>
    </row>
    <row r="662926" spans="8:8">
      <c r="H662926" s="12"/>
    </row>
    <row r="662927" spans="8:8">
      <c r="H662927" s="12"/>
    </row>
    <row r="662928" spans="8:8">
      <c r="H662928" s="12"/>
    </row>
    <row r="662929" spans="8:8">
      <c r="H662929" s="12"/>
    </row>
    <row r="662930" spans="8:8">
      <c r="H662930" s="12"/>
    </row>
    <row r="662931" spans="8:8">
      <c r="H662931" s="12"/>
    </row>
    <row r="662932" spans="8:8">
      <c r="H662932" s="12"/>
    </row>
    <row r="662933" spans="8:8">
      <c r="H662933" s="12"/>
    </row>
    <row r="662934" spans="8:8">
      <c r="H662934" s="12"/>
    </row>
    <row r="662935" spans="8:8">
      <c r="H662935" s="12"/>
    </row>
    <row r="662936" spans="8:8">
      <c r="H662936" s="12"/>
    </row>
    <row r="662937" spans="8:8">
      <c r="H662937" s="12"/>
    </row>
    <row r="662938" spans="8:8">
      <c r="H662938" s="12"/>
    </row>
    <row r="662939" spans="8:8">
      <c r="H662939" s="12"/>
    </row>
    <row r="662940" spans="8:8">
      <c r="H662940" s="12"/>
    </row>
    <row r="662941" spans="8:8">
      <c r="H662941" s="12"/>
    </row>
    <row r="662942" spans="8:8">
      <c r="H662942" s="12"/>
    </row>
    <row r="662943" spans="8:8">
      <c r="H662943" s="12"/>
    </row>
    <row r="662944" spans="8:8">
      <c r="H662944" s="12"/>
    </row>
    <row r="662945" spans="8:8">
      <c r="H662945" s="12"/>
    </row>
    <row r="662946" spans="8:8">
      <c r="H662946" s="12"/>
    </row>
    <row r="662947" spans="8:8">
      <c r="H662947" s="12"/>
    </row>
    <row r="662948" spans="8:8">
      <c r="H662948" s="12"/>
    </row>
    <row r="662949" spans="8:8">
      <c r="H662949" s="12"/>
    </row>
    <row r="662950" spans="8:8">
      <c r="H662950" s="12"/>
    </row>
    <row r="662951" spans="8:8">
      <c r="H662951" s="12"/>
    </row>
    <row r="662952" spans="8:8">
      <c r="H662952" s="12"/>
    </row>
    <row r="662953" spans="8:8">
      <c r="H662953" s="12"/>
    </row>
    <row r="662954" spans="8:8">
      <c r="H662954" s="12"/>
    </row>
    <row r="662955" spans="8:8">
      <c r="H662955" s="12"/>
    </row>
    <row r="662956" spans="8:8">
      <c r="H662956" s="12"/>
    </row>
    <row r="662957" spans="8:8">
      <c r="H662957" s="12"/>
    </row>
    <row r="662958" spans="8:8">
      <c r="H662958" s="12"/>
    </row>
    <row r="662959" spans="8:8">
      <c r="H662959" s="12"/>
    </row>
    <row r="662960" spans="8:8">
      <c r="H662960" s="12"/>
    </row>
    <row r="662961" spans="8:8">
      <c r="H662961" s="12"/>
    </row>
    <row r="662962" spans="8:8">
      <c r="H662962" s="12"/>
    </row>
    <row r="662963" spans="8:8">
      <c r="H662963" s="12"/>
    </row>
    <row r="662964" spans="8:8">
      <c r="H662964" s="12"/>
    </row>
    <row r="662965" spans="8:8">
      <c r="H662965" s="12"/>
    </row>
    <row r="662966" spans="8:8">
      <c r="H662966" s="12"/>
    </row>
    <row r="662967" spans="8:8">
      <c r="H662967" s="12"/>
    </row>
    <row r="662968" spans="8:8">
      <c r="H662968" s="12"/>
    </row>
    <row r="662969" spans="8:8">
      <c r="H662969" s="12"/>
    </row>
    <row r="662970" spans="8:8">
      <c r="H662970" s="12"/>
    </row>
    <row r="662971" spans="8:8">
      <c r="H662971" s="12"/>
    </row>
    <row r="662972" spans="8:8">
      <c r="H662972" s="12"/>
    </row>
    <row r="662973" spans="8:8">
      <c r="H662973" s="12"/>
    </row>
    <row r="662974" spans="8:8">
      <c r="H662974" s="12"/>
    </row>
    <row r="662975" spans="8:8">
      <c r="H662975" s="12"/>
    </row>
    <row r="662976" spans="8:8">
      <c r="H662976" s="12"/>
    </row>
    <row r="662977" spans="8:8">
      <c r="H662977" s="12"/>
    </row>
    <row r="662978" spans="8:8">
      <c r="H662978" s="12"/>
    </row>
    <row r="662979" spans="8:8">
      <c r="H662979" s="12"/>
    </row>
    <row r="662980" spans="8:8">
      <c r="H662980" s="12"/>
    </row>
    <row r="662981" spans="8:8">
      <c r="H662981" s="12"/>
    </row>
    <row r="662982" spans="8:8">
      <c r="H662982" s="12"/>
    </row>
    <row r="662983" spans="8:8">
      <c r="H662983" s="12"/>
    </row>
    <row r="662984" spans="8:8">
      <c r="H662984" s="12"/>
    </row>
    <row r="662985" spans="8:8">
      <c r="H662985" s="12"/>
    </row>
    <row r="662986" spans="8:8">
      <c r="H662986" s="12"/>
    </row>
    <row r="662987" spans="8:8">
      <c r="H662987" s="12"/>
    </row>
    <row r="662988" spans="8:8">
      <c r="H662988" s="12"/>
    </row>
    <row r="662989" spans="8:8">
      <c r="H662989" s="12"/>
    </row>
    <row r="662990" spans="8:8">
      <c r="H662990" s="12"/>
    </row>
    <row r="662991" spans="8:8">
      <c r="H662991" s="12"/>
    </row>
    <row r="662992" spans="8:8">
      <c r="H662992" s="12"/>
    </row>
    <row r="662993" spans="8:8">
      <c r="H662993" s="12"/>
    </row>
    <row r="662994" spans="8:8">
      <c r="H662994" s="12"/>
    </row>
    <row r="662995" spans="8:8">
      <c r="H662995" s="12"/>
    </row>
    <row r="662996" spans="8:8">
      <c r="H662996" s="12"/>
    </row>
    <row r="662997" spans="8:8">
      <c r="H662997" s="12"/>
    </row>
    <row r="662998" spans="8:8">
      <c r="H662998" s="12"/>
    </row>
    <row r="662999" spans="8:8">
      <c r="H662999" s="12"/>
    </row>
    <row r="663000" spans="8:8">
      <c r="H663000" s="12"/>
    </row>
    <row r="663001" spans="8:8">
      <c r="H663001" s="12"/>
    </row>
    <row r="663002" spans="8:8">
      <c r="H663002" s="12"/>
    </row>
    <row r="663003" spans="8:8">
      <c r="H663003" s="12"/>
    </row>
    <row r="663004" spans="8:8">
      <c r="H663004" s="12"/>
    </row>
    <row r="663005" spans="8:8">
      <c r="H663005" s="12"/>
    </row>
    <row r="663006" spans="8:8">
      <c r="H663006" s="12"/>
    </row>
    <row r="663007" spans="8:8">
      <c r="H663007" s="12"/>
    </row>
    <row r="663008" spans="8:8">
      <c r="H663008" s="12"/>
    </row>
    <row r="663009" spans="8:8">
      <c r="H663009" s="12"/>
    </row>
    <row r="663010" spans="8:8">
      <c r="H663010" s="12"/>
    </row>
    <row r="663011" spans="8:8">
      <c r="H663011" s="12"/>
    </row>
    <row r="663012" spans="8:8">
      <c r="H663012" s="12"/>
    </row>
    <row r="663013" spans="8:8">
      <c r="H663013" s="12"/>
    </row>
    <row r="663014" spans="8:8">
      <c r="H663014" s="12"/>
    </row>
    <row r="663015" spans="8:8">
      <c r="H663015" s="12"/>
    </row>
    <row r="663016" spans="8:8">
      <c r="H663016" s="12"/>
    </row>
    <row r="663017" spans="8:8">
      <c r="H663017" s="12"/>
    </row>
    <row r="663018" spans="8:8">
      <c r="H663018" s="12"/>
    </row>
    <row r="663019" spans="8:8">
      <c r="H663019" s="12"/>
    </row>
    <row r="663020" spans="8:8">
      <c r="H663020" s="12"/>
    </row>
    <row r="663021" spans="8:8">
      <c r="H663021" s="12"/>
    </row>
    <row r="663022" spans="8:8">
      <c r="H663022" s="12"/>
    </row>
    <row r="663023" spans="8:8">
      <c r="H663023" s="12"/>
    </row>
    <row r="663024" spans="8:8">
      <c r="H663024" s="12"/>
    </row>
    <row r="663025" spans="8:8">
      <c r="H663025" s="12"/>
    </row>
    <row r="663026" spans="8:8">
      <c r="H663026" s="12"/>
    </row>
    <row r="663027" spans="8:8">
      <c r="H663027" s="12"/>
    </row>
    <row r="663028" spans="8:8">
      <c r="H663028" s="12"/>
    </row>
    <row r="663029" spans="8:8">
      <c r="H663029" s="12"/>
    </row>
    <row r="663030" spans="8:8">
      <c r="H663030" s="12"/>
    </row>
    <row r="663031" spans="8:8">
      <c r="H663031" s="12"/>
    </row>
    <row r="663032" spans="8:8">
      <c r="H663032" s="12"/>
    </row>
    <row r="663033" spans="8:8">
      <c r="H663033" s="12"/>
    </row>
    <row r="663034" spans="8:8">
      <c r="H663034" s="12"/>
    </row>
    <row r="663035" spans="8:8">
      <c r="H663035" s="12"/>
    </row>
    <row r="663036" spans="8:8">
      <c r="H663036" s="12"/>
    </row>
    <row r="663037" spans="8:8">
      <c r="H663037" s="12"/>
    </row>
    <row r="663038" spans="8:8">
      <c r="H663038" s="12"/>
    </row>
    <row r="663039" spans="8:8">
      <c r="H663039" s="12"/>
    </row>
    <row r="663040" spans="8:8">
      <c r="H663040" s="12"/>
    </row>
    <row r="663041" spans="8:8">
      <c r="H663041" s="12"/>
    </row>
    <row r="663042" spans="8:8">
      <c r="H663042" s="12"/>
    </row>
    <row r="663043" spans="8:8">
      <c r="H663043" s="12"/>
    </row>
    <row r="663044" spans="8:8">
      <c r="H663044" s="12"/>
    </row>
    <row r="663045" spans="8:8">
      <c r="H663045" s="12"/>
    </row>
    <row r="663046" spans="8:8">
      <c r="H663046" s="12"/>
    </row>
    <row r="663047" spans="8:8">
      <c r="H663047" s="12"/>
    </row>
    <row r="663048" spans="8:8">
      <c r="H663048" s="12"/>
    </row>
    <row r="663049" spans="8:8">
      <c r="H663049" s="12"/>
    </row>
    <row r="663050" spans="8:8">
      <c r="H663050" s="12"/>
    </row>
    <row r="663051" spans="8:8">
      <c r="H663051" s="12"/>
    </row>
    <row r="663052" spans="8:8">
      <c r="H663052" s="12"/>
    </row>
    <row r="663053" spans="8:8">
      <c r="H663053" s="12"/>
    </row>
    <row r="663054" spans="8:8">
      <c r="H663054" s="12"/>
    </row>
    <row r="663055" spans="8:8">
      <c r="H663055" s="12"/>
    </row>
    <row r="663056" spans="8:8">
      <c r="H663056" s="12"/>
    </row>
    <row r="663057" spans="8:8">
      <c r="H663057" s="12"/>
    </row>
    <row r="663058" spans="8:8">
      <c r="H663058" s="12"/>
    </row>
    <row r="663059" spans="8:8">
      <c r="H663059" s="12"/>
    </row>
    <row r="663060" spans="8:8">
      <c r="H663060" s="12"/>
    </row>
    <row r="663061" spans="8:8">
      <c r="H663061" s="12"/>
    </row>
    <row r="663062" spans="8:8">
      <c r="H663062" s="12"/>
    </row>
    <row r="663063" spans="8:8">
      <c r="H663063" s="12"/>
    </row>
    <row r="663064" spans="8:8">
      <c r="H663064" s="12"/>
    </row>
    <row r="663065" spans="8:8">
      <c r="H663065" s="12"/>
    </row>
    <row r="663066" spans="8:8">
      <c r="H663066" s="12"/>
    </row>
    <row r="663067" spans="8:8">
      <c r="H663067" s="12"/>
    </row>
    <row r="663068" spans="8:8">
      <c r="H663068" s="12"/>
    </row>
    <row r="663069" spans="8:8">
      <c r="H663069" s="12"/>
    </row>
    <row r="663070" spans="8:8">
      <c r="H663070" s="12"/>
    </row>
    <row r="663071" spans="8:8">
      <c r="H663071" s="12"/>
    </row>
    <row r="663072" spans="8:8">
      <c r="H663072" s="12"/>
    </row>
    <row r="663073" spans="8:8">
      <c r="H663073" s="12"/>
    </row>
    <row r="663074" spans="8:8">
      <c r="H663074" s="12"/>
    </row>
    <row r="663075" spans="8:8">
      <c r="H663075" s="12"/>
    </row>
    <row r="663076" spans="8:8">
      <c r="H663076" s="12"/>
    </row>
    <row r="663077" spans="8:8">
      <c r="H663077" s="12"/>
    </row>
    <row r="663078" spans="8:8">
      <c r="H663078" s="12"/>
    </row>
    <row r="663079" spans="8:8">
      <c r="H663079" s="12"/>
    </row>
    <row r="663080" spans="8:8">
      <c r="H663080" s="12"/>
    </row>
    <row r="663081" spans="8:8">
      <c r="H663081" s="12"/>
    </row>
    <row r="663082" spans="8:8">
      <c r="H663082" s="12"/>
    </row>
    <row r="663083" spans="8:8">
      <c r="H663083" s="12"/>
    </row>
    <row r="663084" spans="8:8">
      <c r="H663084" s="12"/>
    </row>
    <row r="663085" spans="8:8">
      <c r="H663085" s="12"/>
    </row>
    <row r="663086" spans="8:8">
      <c r="H663086" s="12"/>
    </row>
    <row r="663087" spans="8:8">
      <c r="H663087" s="12"/>
    </row>
    <row r="663088" spans="8:8">
      <c r="H663088" s="12"/>
    </row>
    <row r="663089" spans="8:8">
      <c r="H663089" s="12"/>
    </row>
    <row r="663090" spans="8:8">
      <c r="H663090" s="12"/>
    </row>
    <row r="663091" spans="8:8">
      <c r="H663091" s="12"/>
    </row>
    <row r="663092" spans="8:8">
      <c r="H663092" s="12"/>
    </row>
    <row r="663093" spans="8:8">
      <c r="H663093" s="12"/>
    </row>
    <row r="663094" spans="8:8">
      <c r="H663094" s="12"/>
    </row>
    <row r="663095" spans="8:8">
      <c r="H663095" s="12"/>
    </row>
    <row r="663096" spans="8:8">
      <c r="H663096" s="12"/>
    </row>
    <row r="663097" spans="8:8">
      <c r="H663097" s="12"/>
    </row>
    <row r="663098" spans="8:8">
      <c r="H663098" s="12"/>
    </row>
    <row r="663099" spans="8:8">
      <c r="H663099" s="12"/>
    </row>
    <row r="663100" spans="8:8">
      <c r="H663100" s="12"/>
    </row>
    <row r="663101" spans="8:8">
      <c r="H663101" s="12"/>
    </row>
    <row r="663102" spans="8:8">
      <c r="H663102" s="12"/>
    </row>
    <row r="663103" spans="8:8">
      <c r="H663103" s="12"/>
    </row>
    <row r="663104" spans="8:8">
      <c r="H663104" s="12"/>
    </row>
    <row r="663105" spans="8:8">
      <c r="H663105" s="12"/>
    </row>
    <row r="663106" spans="8:8">
      <c r="H663106" s="12"/>
    </row>
    <row r="663107" spans="8:8">
      <c r="H663107" s="12"/>
    </row>
    <row r="663108" spans="8:8">
      <c r="H663108" s="12"/>
    </row>
    <row r="663109" spans="8:8">
      <c r="H663109" s="12"/>
    </row>
    <row r="663110" spans="8:8">
      <c r="H663110" s="12"/>
    </row>
    <row r="663111" spans="8:8">
      <c r="H663111" s="12"/>
    </row>
    <row r="663112" spans="8:8">
      <c r="H663112" s="12"/>
    </row>
    <row r="663113" spans="8:8">
      <c r="H663113" s="12"/>
    </row>
    <row r="663114" spans="8:8">
      <c r="H663114" s="12"/>
    </row>
    <row r="663115" spans="8:8">
      <c r="H663115" s="12"/>
    </row>
    <row r="663116" spans="8:8">
      <c r="H663116" s="12"/>
    </row>
    <row r="663117" spans="8:8">
      <c r="H663117" s="12"/>
    </row>
    <row r="663118" spans="8:8">
      <c r="H663118" s="12"/>
    </row>
    <row r="663119" spans="8:8">
      <c r="H663119" s="12"/>
    </row>
    <row r="663120" spans="8:8">
      <c r="H663120" s="12"/>
    </row>
    <row r="663121" spans="8:8">
      <c r="H663121" s="12"/>
    </row>
    <row r="663122" spans="8:8">
      <c r="H663122" s="12"/>
    </row>
    <row r="663123" spans="8:8">
      <c r="H663123" s="12"/>
    </row>
    <row r="663124" spans="8:8">
      <c r="H663124" s="12"/>
    </row>
    <row r="663125" spans="8:8">
      <c r="H663125" s="12"/>
    </row>
    <row r="663126" spans="8:8">
      <c r="H663126" s="12"/>
    </row>
    <row r="663127" spans="8:8">
      <c r="H663127" s="12"/>
    </row>
    <row r="663128" spans="8:8">
      <c r="H663128" s="12"/>
    </row>
    <row r="663129" spans="8:8">
      <c r="H663129" s="12"/>
    </row>
    <row r="663130" spans="8:8">
      <c r="H663130" s="12"/>
    </row>
    <row r="663131" spans="8:8">
      <c r="H663131" s="12"/>
    </row>
    <row r="663132" spans="8:8">
      <c r="H663132" s="12"/>
    </row>
    <row r="663133" spans="8:8">
      <c r="H663133" s="12"/>
    </row>
    <row r="663134" spans="8:8">
      <c r="H663134" s="12"/>
    </row>
    <row r="663135" spans="8:8">
      <c r="H663135" s="12"/>
    </row>
    <row r="663136" spans="8:8">
      <c r="H663136" s="12"/>
    </row>
    <row r="663137" spans="8:8">
      <c r="H663137" s="12"/>
    </row>
    <row r="663138" spans="8:8">
      <c r="H663138" s="12"/>
    </row>
    <row r="663139" spans="8:8">
      <c r="H663139" s="12"/>
    </row>
    <row r="663140" spans="8:8">
      <c r="H663140" s="12"/>
    </row>
    <row r="663141" spans="8:8">
      <c r="H663141" s="12"/>
    </row>
    <row r="663142" spans="8:8">
      <c r="H663142" s="12"/>
    </row>
    <row r="663143" spans="8:8">
      <c r="H663143" s="12"/>
    </row>
    <row r="663144" spans="8:8">
      <c r="H663144" s="12"/>
    </row>
    <row r="663145" spans="8:8">
      <c r="H663145" s="12"/>
    </row>
    <row r="663146" spans="8:8">
      <c r="H663146" s="12"/>
    </row>
    <row r="663147" spans="8:8">
      <c r="H663147" s="12"/>
    </row>
    <row r="663148" spans="8:8">
      <c r="H663148" s="12"/>
    </row>
    <row r="663149" spans="8:8">
      <c r="H663149" s="12"/>
    </row>
    <row r="663150" spans="8:8">
      <c r="H663150" s="12"/>
    </row>
    <row r="663151" spans="8:8">
      <c r="H663151" s="12"/>
    </row>
    <row r="663152" spans="8:8">
      <c r="H663152" s="12"/>
    </row>
    <row r="663153" spans="8:8">
      <c r="H663153" s="12"/>
    </row>
    <row r="663154" spans="8:8">
      <c r="H663154" s="12"/>
    </row>
    <row r="663155" spans="8:8">
      <c r="H663155" s="12"/>
    </row>
    <row r="663156" spans="8:8">
      <c r="H663156" s="12"/>
    </row>
    <row r="663157" spans="8:8">
      <c r="H663157" s="12"/>
    </row>
    <row r="663158" spans="8:8">
      <c r="H663158" s="12"/>
    </row>
    <row r="663159" spans="8:8">
      <c r="H663159" s="12"/>
    </row>
    <row r="663160" spans="8:8">
      <c r="H663160" s="12"/>
    </row>
    <row r="663161" spans="8:8">
      <c r="H663161" s="12"/>
    </row>
    <row r="663162" spans="8:8">
      <c r="H663162" s="12"/>
    </row>
    <row r="663163" spans="8:8">
      <c r="H663163" s="12"/>
    </row>
    <row r="663164" spans="8:8">
      <c r="H663164" s="12"/>
    </row>
    <row r="663165" spans="8:8">
      <c r="H663165" s="12"/>
    </row>
    <row r="663166" spans="8:8">
      <c r="H663166" s="12"/>
    </row>
    <row r="663167" spans="8:8">
      <c r="H663167" s="12"/>
    </row>
    <row r="663168" spans="8:8">
      <c r="H663168" s="12"/>
    </row>
    <row r="663169" spans="8:8">
      <c r="H663169" s="12"/>
    </row>
    <row r="663170" spans="8:8">
      <c r="H663170" s="12"/>
    </row>
    <row r="663171" spans="8:8">
      <c r="H663171" s="12"/>
    </row>
    <row r="663172" spans="8:8">
      <c r="H663172" s="12"/>
    </row>
    <row r="663173" spans="8:8">
      <c r="H663173" s="12"/>
    </row>
    <row r="663174" spans="8:8">
      <c r="H663174" s="12"/>
    </row>
    <row r="663175" spans="8:8">
      <c r="H663175" s="12"/>
    </row>
    <row r="663176" spans="8:8">
      <c r="H663176" s="12"/>
    </row>
    <row r="663177" spans="8:8">
      <c r="H663177" s="12"/>
    </row>
    <row r="663178" spans="8:8">
      <c r="H663178" s="12"/>
    </row>
    <row r="663179" spans="8:8">
      <c r="H663179" s="12"/>
    </row>
    <row r="663180" spans="8:8">
      <c r="H663180" s="12"/>
    </row>
    <row r="663181" spans="8:8">
      <c r="H663181" s="12"/>
    </row>
    <row r="663182" spans="8:8">
      <c r="H663182" s="12"/>
    </row>
    <row r="663183" spans="8:8">
      <c r="H663183" s="12"/>
    </row>
    <row r="663184" spans="8:8">
      <c r="H663184" s="12"/>
    </row>
    <row r="663185" spans="8:8">
      <c r="H663185" s="12"/>
    </row>
    <row r="663186" spans="8:8">
      <c r="H663186" s="12"/>
    </row>
    <row r="663187" spans="8:8">
      <c r="H663187" s="12"/>
    </row>
    <row r="663188" spans="8:8">
      <c r="H663188" s="12"/>
    </row>
    <row r="663189" spans="8:8">
      <c r="H663189" s="12"/>
    </row>
    <row r="663190" spans="8:8">
      <c r="H663190" s="12"/>
    </row>
    <row r="663191" spans="8:8">
      <c r="H663191" s="12"/>
    </row>
    <row r="663192" spans="8:8">
      <c r="H663192" s="12"/>
    </row>
    <row r="663193" spans="8:8">
      <c r="H663193" s="12"/>
    </row>
    <row r="663194" spans="8:8">
      <c r="H663194" s="12"/>
    </row>
    <row r="663195" spans="8:8">
      <c r="H663195" s="12"/>
    </row>
    <row r="663196" spans="8:8">
      <c r="H663196" s="12"/>
    </row>
    <row r="663197" spans="8:8">
      <c r="H663197" s="12"/>
    </row>
    <row r="663198" spans="8:8">
      <c r="H663198" s="12"/>
    </row>
    <row r="663199" spans="8:8">
      <c r="H663199" s="12"/>
    </row>
    <row r="663200" spans="8:8">
      <c r="H663200" s="12"/>
    </row>
    <row r="663201" spans="8:8">
      <c r="H663201" s="12"/>
    </row>
    <row r="663202" spans="8:8">
      <c r="H663202" s="12"/>
    </row>
    <row r="663203" spans="8:8">
      <c r="H663203" s="12"/>
    </row>
    <row r="663204" spans="8:8">
      <c r="H663204" s="12"/>
    </row>
    <row r="663205" spans="8:8">
      <c r="H663205" s="12"/>
    </row>
    <row r="663206" spans="8:8">
      <c r="H663206" s="12"/>
    </row>
    <row r="663207" spans="8:8">
      <c r="H663207" s="12"/>
    </row>
    <row r="663208" spans="8:8">
      <c r="H663208" s="12"/>
    </row>
    <row r="663209" spans="8:8">
      <c r="H663209" s="12"/>
    </row>
    <row r="663210" spans="8:8">
      <c r="H663210" s="12"/>
    </row>
    <row r="663211" spans="8:8">
      <c r="H663211" s="12"/>
    </row>
    <row r="663212" spans="8:8">
      <c r="H663212" s="12"/>
    </row>
    <row r="663213" spans="8:8">
      <c r="H663213" s="12"/>
    </row>
    <row r="663214" spans="8:8">
      <c r="H663214" s="12"/>
    </row>
    <row r="663215" spans="8:8">
      <c r="H663215" s="12"/>
    </row>
    <row r="663216" spans="8:8">
      <c r="H663216" s="12"/>
    </row>
    <row r="663217" spans="8:8">
      <c r="H663217" s="12"/>
    </row>
    <row r="663218" spans="8:8">
      <c r="H663218" s="12"/>
    </row>
    <row r="663219" spans="8:8">
      <c r="H663219" s="12"/>
    </row>
    <row r="663220" spans="8:8">
      <c r="H663220" s="12"/>
    </row>
    <row r="663221" spans="8:8">
      <c r="H663221" s="12"/>
    </row>
    <row r="663222" spans="8:8">
      <c r="H663222" s="12"/>
    </row>
    <row r="663223" spans="8:8">
      <c r="H663223" s="12"/>
    </row>
    <row r="663224" spans="8:8">
      <c r="H663224" s="12"/>
    </row>
    <row r="663225" spans="8:8">
      <c r="H663225" s="12"/>
    </row>
    <row r="663226" spans="8:8">
      <c r="H663226" s="12"/>
    </row>
    <row r="663227" spans="8:8">
      <c r="H663227" s="12"/>
    </row>
    <row r="663228" spans="8:8">
      <c r="H663228" s="12"/>
    </row>
    <row r="663229" spans="8:8">
      <c r="H663229" s="12"/>
    </row>
    <row r="663230" spans="8:8">
      <c r="H663230" s="12"/>
    </row>
    <row r="663231" spans="8:8">
      <c r="H663231" s="12"/>
    </row>
    <row r="663232" spans="8:8">
      <c r="H663232" s="12"/>
    </row>
    <row r="663233" spans="8:8">
      <c r="H663233" s="12"/>
    </row>
    <row r="663234" spans="8:8">
      <c r="H663234" s="12"/>
    </row>
    <row r="663235" spans="8:8">
      <c r="H663235" s="12"/>
    </row>
    <row r="663236" spans="8:8">
      <c r="H663236" s="12"/>
    </row>
    <row r="663237" spans="8:8">
      <c r="H663237" s="12"/>
    </row>
    <row r="663238" spans="8:8">
      <c r="H663238" s="12"/>
    </row>
    <row r="663239" spans="8:8">
      <c r="H663239" s="12"/>
    </row>
    <row r="663240" spans="8:8">
      <c r="H663240" s="12"/>
    </row>
    <row r="663241" spans="8:8">
      <c r="H663241" s="12"/>
    </row>
    <row r="663242" spans="8:8">
      <c r="H663242" s="12"/>
    </row>
    <row r="663243" spans="8:8">
      <c r="H663243" s="12"/>
    </row>
    <row r="663244" spans="8:8">
      <c r="H663244" s="12"/>
    </row>
    <row r="663245" spans="8:8">
      <c r="H663245" s="12"/>
    </row>
    <row r="663246" spans="8:8">
      <c r="H663246" s="12"/>
    </row>
    <row r="663247" spans="8:8">
      <c r="H663247" s="12"/>
    </row>
    <row r="663248" spans="8:8">
      <c r="H663248" s="12"/>
    </row>
    <row r="663249" spans="8:8">
      <c r="H663249" s="12"/>
    </row>
    <row r="663250" spans="8:8">
      <c r="H663250" s="12"/>
    </row>
    <row r="663251" spans="8:8">
      <c r="H663251" s="12"/>
    </row>
    <row r="663252" spans="8:8">
      <c r="H663252" s="12"/>
    </row>
    <row r="663253" spans="8:8">
      <c r="H663253" s="12"/>
    </row>
    <row r="663254" spans="8:8">
      <c r="H663254" s="12"/>
    </row>
    <row r="663255" spans="8:8">
      <c r="H663255" s="12"/>
    </row>
    <row r="663256" spans="8:8">
      <c r="H663256" s="12"/>
    </row>
    <row r="663257" spans="8:8">
      <c r="H663257" s="12"/>
    </row>
    <row r="663258" spans="8:8">
      <c r="H663258" s="12"/>
    </row>
    <row r="663259" spans="8:8">
      <c r="H663259" s="12"/>
    </row>
    <row r="663260" spans="8:8">
      <c r="H663260" s="12"/>
    </row>
    <row r="663261" spans="8:8">
      <c r="H663261" s="12"/>
    </row>
    <row r="663262" spans="8:8">
      <c r="H663262" s="12"/>
    </row>
    <row r="663263" spans="8:8">
      <c r="H663263" s="12"/>
    </row>
    <row r="663264" spans="8:8">
      <c r="H663264" s="12"/>
    </row>
    <row r="663265" spans="8:8">
      <c r="H663265" s="12"/>
    </row>
    <row r="663266" spans="8:8">
      <c r="H663266" s="12"/>
    </row>
    <row r="663267" spans="8:8">
      <c r="H663267" s="12"/>
    </row>
    <row r="663268" spans="8:8">
      <c r="H663268" s="12"/>
    </row>
    <row r="663269" spans="8:8">
      <c r="H663269" s="12"/>
    </row>
    <row r="663270" spans="8:8">
      <c r="H663270" s="12"/>
    </row>
    <row r="663271" spans="8:8">
      <c r="H663271" s="12"/>
    </row>
    <row r="663272" spans="8:8">
      <c r="H663272" s="12"/>
    </row>
    <row r="663273" spans="8:8">
      <c r="H663273" s="12"/>
    </row>
    <row r="663274" spans="8:8">
      <c r="H663274" s="12"/>
    </row>
    <row r="663275" spans="8:8">
      <c r="H663275" s="12"/>
    </row>
    <row r="663276" spans="8:8">
      <c r="H663276" s="12"/>
    </row>
    <row r="663277" spans="8:8">
      <c r="H663277" s="12"/>
    </row>
    <row r="663278" spans="8:8">
      <c r="H663278" s="12"/>
    </row>
    <row r="663279" spans="8:8">
      <c r="H663279" s="12"/>
    </row>
    <row r="663280" spans="8:8">
      <c r="H663280" s="12"/>
    </row>
    <row r="663281" spans="8:8">
      <c r="H663281" s="12"/>
    </row>
    <row r="663282" spans="8:8">
      <c r="H663282" s="12"/>
    </row>
    <row r="663283" spans="8:8">
      <c r="H663283" s="12"/>
    </row>
    <row r="663284" spans="8:8">
      <c r="H663284" s="12"/>
    </row>
    <row r="663285" spans="8:8">
      <c r="H663285" s="12"/>
    </row>
    <row r="663286" spans="8:8">
      <c r="H663286" s="12"/>
    </row>
    <row r="663287" spans="8:8">
      <c r="H663287" s="12"/>
    </row>
    <row r="663288" spans="8:8">
      <c r="H663288" s="12"/>
    </row>
    <row r="663289" spans="8:8">
      <c r="H663289" s="12"/>
    </row>
    <row r="663290" spans="8:8">
      <c r="H663290" s="12"/>
    </row>
    <row r="663291" spans="8:8">
      <c r="H663291" s="12"/>
    </row>
    <row r="663292" spans="8:8">
      <c r="H663292" s="12"/>
    </row>
    <row r="663293" spans="8:8">
      <c r="H663293" s="12"/>
    </row>
    <row r="663294" spans="8:8">
      <c r="H663294" s="12"/>
    </row>
    <row r="663295" spans="8:8">
      <c r="H663295" s="12"/>
    </row>
    <row r="663296" spans="8:8">
      <c r="H663296" s="12"/>
    </row>
    <row r="663297" spans="8:8">
      <c r="H663297" s="12"/>
    </row>
    <row r="663298" spans="8:8">
      <c r="H663298" s="12"/>
    </row>
    <row r="663299" spans="8:8">
      <c r="H663299" s="12"/>
    </row>
    <row r="663300" spans="8:8">
      <c r="H663300" s="12"/>
    </row>
    <row r="663301" spans="8:8">
      <c r="H663301" s="12"/>
    </row>
    <row r="663302" spans="8:8">
      <c r="H663302" s="12"/>
    </row>
    <row r="663303" spans="8:8">
      <c r="H663303" s="12"/>
    </row>
    <row r="663304" spans="8:8">
      <c r="H663304" s="12"/>
    </row>
    <row r="663305" spans="8:8">
      <c r="H663305" s="12"/>
    </row>
    <row r="663306" spans="8:8">
      <c r="H663306" s="12"/>
    </row>
    <row r="663307" spans="8:8">
      <c r="H663307" s="12"/>
    </row>
    <row r="663308" spans="8:8">
      <c r="H663308" s="12"/>
    </row>
    <row r="663309" spans="8:8">
      <c r="H663309" s="12"/>
    </row>
    <row r="663310" spans="8:8">
      <c r="H663310" s="12"/>
    </row>
    <row r="663311" spans="8:8">
      <c r="H663311" s="12"/>
    </row>
    <row r="663312" spans="8:8">
      <c r="H663312" s="12"/>
    </row>
    <row r="663313" spans="8:8">
      <c r="H663313" s="12"/>
    </row>
    <row r="663314" spans="8:8">
      <c r="H663314" s="12"/>
    </row>
    <row r="663315" spans="8:8">
      <c r="H663315" s="12"/>
    </row>
    <row r="663316" spans="8:8">
      <c r="H663316" s="12"/>
    </row>
    <row r="663317" spans="8:8">
      <c r="H663317" s="12"/>
    </row>
    <row r="663318" spans="8:8">
      <c r="H663318" s="12"/>
    </row>
    <row r="663319" spans="8:8">
      <c r="H663319" s="12"/>
    </row>
    <row r="663320" spans="8:8">
      <c r="H663320" s="12"/>
    </row>
    <row r="663321" spans="8:8">
      <c r="H663321" s="12"/>
    </row>
    <row r="663322" spans="8:8">
      <c r="H663322" s="12"/>
    </row>
    <row r="663323" spans="8:8">
      <c r="H663323" s="12"/>
    </row>
    <row r="663324" spans="8:8">
      <c r="H663324" s="12"/>
    </row>
    <row r="663325" spans="8:8">
      <c r="H663325" s="12"/>
    </row>
    <row r="663326" spans="8:8">
      <c r="H663326" s="12"/>
    </row>
    <row r="663327" spans="8:8">
      <c r="H663327" s="12"/>
    </row>
    <row r="663328" spans="8:8">
      <c r="H663328" s="12"/>
    </row>
    <row r="663329" spans="8:8">
      <c r="H663329" s="12"/>
    </row>
    <row r="663330" spans="8:8">
      <c r="H663330" s="12"/>
    </row>
    <row r="663331" spans="8:8">
      <c r="H663331" s="12"/>
    </row>
    <row r="663332" spans="8:8">
      <c r="H663332" s="12"/>
    </row>
    <row r="663333" spans="8:8">
      <c r="H663333" s="12"/>
    </row>
    <row r="663334" spans="8:8">
      <c r="H663334" s="12"/>
    </row>
    <row r="663335" spans="8:8">
      <c r="H663335" s="12"/>
    </row>
    <row r="663336" spans="8:8">
      <c r="H663336" s="12"/>
    </row>
    <row r="663337" spans="8:8">
      <c r="H663337" s="12"/>
    </row>
    <row r="663338" spans="8:8">
      <c r="H663338" s="12"/>
    </row>
    <row r="663339" spans="8:8">
      <c r="H663339" s="12"/>
    </row>
    <row r="663340" spans="8:8">
      <c r="H663340" s="12"/>
    </row>
    <row r="663341" spans="8:8">
      <c r="H663341" s="12"/>
    </row>
    <row r="663342" spans="8:8">
      <c r="H663342" s="12"/>
    </row>
    <row r="663343" spans="8:8">
      <c r="H663343" s="12"/>
    </row>
    <row r="663344" spans="8:8">
      <c r="H663344" s="12"/>
    </row>
    <row r="663345" spans="8:8">
      <c r="H663345" s="12"/>
    </row>
    <row r="663346" spans="8:8">
      <c r="H663346" s="12"/>
    </row>
    <row r="663347" spans="8:8">
      <c r="H663347" s="12"/>
    </row>
    <row r="663348" spans="8:8">
      <c r="H663348" s="12"/>
    </row>
    <row r="663349" spans="8:8">
      <c r="H663349" s="12"/>
    </row>
    <row r="663350" spans="8:8">
      <c r="H663350" s="12"/>
    </row>
    <row r="663351" spans="8:8">
      <c r="H663351" s="12"/>
    </row>
    <row r="663352" spans="8:8">
      <c r="H663352" s="12"/>
    </row>
    <row r="663353" spans="8:8">
      <c r="H663353" s="12"/>
    </row>
    <row r="663354" spans="8:8">
      <c r="H663354" s="12"/>
    </row>
    <row r="663355" spans="8:8">
      <c r="H663355" s="12"/>
    </row>
    <row r="663356" spans="8:8">
      <c r="H663356" s="12"/>
    </row>
    <row r="663357" spans="8:8">
      <c r="H663357" s="12"/>
    </row>
    <row r="663358" spans="8:8">
      <c r="H663358" s="12"/>
    </row>
    <row r="663359" spans="8:8">
      <c r="H663359" s="12"/>
    </row>
    <row r="663360" spans="8:8">
      <c r="H663360" s="12"/>
    </row>
    <row r="663361" spans="8:8">
      <c r="H663361" s="12"/>
    </row>
    <row r="663362" spans="8:8">
      <c r="H663362" s="12"/>
    </row>
    <row r="663363" spans="8:8">
      <c r="H663363" s="12"/>
    </row>
    <row r="663364" spans="8:8">
      <c r="H663364" s="12"/>
    </row>
    <row r="663365" spans="8:8">
      <c r="H663365" s="12"/>
    </row>
    <row r="663366" spans="8:8">
      <c r="H663366" s="12"/>
    </row>
    <row r="663367" spans="8:8">
      <c r="H663367" s="12"/>
    </row>
    <row r="663368" spans="8:8">
      <c r="H663368" s="12"/>
    </row>
    <row r="663369" spans="8:8">
      <c r="H663369" s="12"/>
    </row>
    <row r="663370" spans="8:8">
      <c r="H663370" s="12"/>
    </row>
    <row r="663371" spans="8:8">
      <c r="H663371" s="12"/>
    </row>
    <row r="663372" spans="8:8">
      <c r="H663372" s="12"/>
    </row>
    <row r="663373" spans="8:8">
      <c r="H663373" s="12"/>
    </row>
    <row r="663374" spans="8:8">
      <c r="H663374" s="12"/>
    </row>
    <row r="663375" spans="8:8">
      <c r="H663375" s="12"/>
    </row>
    <row r="663376" spans="8:8">
      <c r="H663376" s="12"/>
    </row>
    <row r="663377" spans="8:8">
      <c r="H663377" s="12"/>
    </row>
    <row r="663378" spans="8:8">
      <c r="H663378" s="12"/>
    </row>
    <row r="663379" spans="8:8">
      <c r="H663379" s="12"/>
    </row>
    <row r="663380" spans="8:8">
      <c r="H663380" s="12"/>
    </row>
    <row r="663381" spans="8:8">
      <c r="H663381" s="12"/>
    </row>
    <row r="663382" spans="8:8">
      <c r="H663382" s="12"/>
    </row>
    <row r="663383" spans="8:8">
      <c r="H663383" s="12"/>
    </row>
    <row r="663384" spans="8:8">
      <c r="H663384" s="12"/>
    </row>
    <row r="663385" spans="8:8">
      <c r="H663385" s="12"/>
    </row>
    <row r="663386" spans="8:8">
      <c r="H663386" s="12"/>
    </row>
    <row r="663387" spans="8:8">
      <c r="H663387" s="12"/>
    </row>
    <row r="663388" spans="8:8">
      <c r="H663388" s="12"/>
    </row>
    <row r="663389" spans="8:8">
      <c r="H663389" s="12"/>
    </row>
    <row r="663390" spans="8:8">
      <c r="H663390" s="12"/>
    </row>
    <row r="663391" spans="8:8">
      <c r="H663391" s="12"/>
    </row>
    <row r="663392" spans="8:8">
      <c r="H663392" s="12"/>
    </row>
    <row r="663393" spans="8:8">
      <c r="H663393" s="12"/>
    </row>
    <row r="663394" spans="8:8">
      <c r="H663394" s="12"/>
    </row>
    <row r="663395" spans="8:8">
      <c r="H663395" s="12"/>
    </row>
    <row r="663396" spans="8:8">
      <c r="H663396" s="12"/>
    </row>
    <row r="663397" spans="8:8">
      <c r="H663397" s="12"/>
    </row>
    <row r="663398" spans="8:8">
      <c r="H663398" s="12"/>
    </row>
    <row r="663399" spans="8:8">
      <c r="H663399" s="12"/>
    </row>
    <row r="663400" spans="8:8">
      <c r="H663400" s="12"/>
    </row>
    <row r="663401" spans="8:8">
      <c r="H663401" s="12"/>
    </row>
    <row r="663402" spans="8:8">
      <c r="H663402" s="12"/>
    </row>
    <row r="663403" spans="8:8">
      <c r="H663403" s="12"/>
    </row>
    <row r="663404" spans="8:8">
      <c r="H663404" s="12"/>
    </row>
    <row r="663405" spans="8:8">
      <c r="H663405" s="12"/>
    </row>
    <row r="663406" spans="8:8">
      <c r="H663406" s="12"/>
    </row>
    <row r="663407" spans="8:8">
      <c r="H663407" s="12"/>
    </row>
    <row r="663408" spans="8:8">
      <c r="H663408" s="12"/>
    </row>
    <row r="663409" spans="8:8">
      <c r="H663409" s="12"/>
    </row>
    <row r="663410" spans="8:8">
      <c r="H663410" s="12"/>
    </row>
    <row r="663411" spans="8:8">
      <c r="H663411" s="12"/>
    </row>
    <row r="663412" spans="8:8">
      <c r="H663412" s="12"/>
    </row>
    <row r="663413" spans="8:8">
      <c r="H663413" s="12"/>
    </row>
    <row r="663414" spans="8:8">
      <c r="H663414" s="12"/>
    </row>
    <row r="663415" spans="8:8">
      <c r="H663415" s="12"/>
    </row>
    <row r="663416" spans="8:8">
      <c r="H663416" s="12"/>
    </row>
    <row r="663417" spans="8:8">
      <c r="H663417" s="12"/>
    </row>
    <row r="663418" spans="8:8">
      <c r="H663418" s="12"/>
    </row>
    <row r="663419" spans="8:8">
      <c r="H663419" s="12"/>
    </row>
    <row r="663420" spans="8:8">
      <c r="H663420" s="12"/>
    </row>
    <row r="663421" spans="8:8">
      <c r="H663421" s="12"/>
    </row>
    <row r="663422" spans="8:8">
      <c r="H663422" s="12"/>
    </row>
    <row r="663423" spans="8:8">
      <c r="H663423" s="12"/>
    </row>
    <row r="663424" spans="8:8">
      <c r="H663424" s="12"/>
    </row>
    <row r="663425" spans="8:8">
      <c r="H663425" s="12"/>
    </row>
    <row r="663426" spans="8:8">
      <c r="H663426" s="12"/>
    </row>
    <row r="663427" spans="8:8">
      <c r="H663427" s="12"/>
    </row>
    <row r="663428" spans="8:8">
      <c r="H663428" s="12"/>
    </row>
    <row r="663429" spans="8:8">
      <c r="H663429" s="12"/>
    </row>
    <row r="663430" spans="8:8">
      <c r="H663430" s="12"/>
    </row>
    <row r="663431" spans="8:8">
      <c r="H663431" s="12"/>
    </row>
    <row r="663432" spans="8:8">
      <c r="H663432" s="12"/>
    </row>
    <row r="663433" spans="8:8">
      <c r="H663433" s="12"/>
    </row>
    <row r="663434" spans="8:8">
      <c r="H663434" s="12"/>
    </row>
    <row r="663435" spans="8:8">
      <c r="H663435" s="12"/>
    </row>
    <row r="663436" spans="8:8">
      <c r="H663436" s="12"/>
    </row>
    <row r="663437" spans="8:8">
      <c r="H663437" s="12"/>
    </row>
    <row r="663438" spans="8:8">
      <c r="H663438" s="12"/>
    </row>
    <row r="663439" spans="8:8">
      <c r="H663439" s="12"/>
    </row>
    <row r="663440" spans="8:8">
      <c r="H663440" s="12"/>
    </row>
    <row r="663441" spans="8:8">
      <c r="H663441" s="12"/>
    </row>
    <row r="663442" spans="8:8">
      <c r="H663442" s="12"/>
    </row>
    <row r="663443" spans="8:8">
      <c r="H663443" s="12"/>
    </row>
    <row r="663444" spans="8:8">
      <c r="H663444" s="12"/>
    </row>
    <row r="663445" spans="8:8">
      <c r="H663445" s="12"/>
    </row>
    <row r="663446" spans="8:8">
      <c r="H663446" s="12"/>
    </row>
    <row r="663447" spans="8:8">
      <c r="H663447" s="12"/>
    </row>
    <row r="663448" spans="8:8">
      <c r="H663448" s="12"/>
    </row>
    <row r="663449" spans="8:8">
      <c r="H663449" s="12"/>
    </row>
    <row r="663450" spans="8:8">
      <c r="H663450" s="12"/>
    </row>
    <row r="663451" spans="8:8">
      <c r="H663451" s="12"/>
    </row>
    <row r="663452" spans="8:8">
      <c r="H663452" s="12"/>
    </row>
    <row r="663453" spans="8:8">
      <c r="H663453" s="12"/>
    </row>
    <row r="663454" spans="8:8">
      <c r="H663454" s="12"/>
    </row>
    <row r="663455" spans="8:8">
      <c r="H663455" s="12"/>
    </row>
    <row r="663456" spans="8:8">
      <c r="H663456" s="12"/>
    </row>
    <row r="663457" spans="8:8">
      <c r="H663457" s="12"/>
    </row>
    <row r="663458" spans="8:8">
      <c r="H663458" s="12"/>
    </row>
    <row r="663459" spans="8:8">
      <c r="H663459" s="12"/>
    </row>
    <row r="663460" spans="8:8">
      <c r="H663460" s="12"/>
    </row>
    <row r="663461" spans="8:8">
      <c r="H663461" s="12"/>
    </row>
    <row r="663462" spans="8:8">
      <c r="H663462" s="12"/>
    </row>
    <row r="663463" spans="8:8">
      <c r="H663463" s="12"/>
    </row>
    <row r="663464" spans="8:8">
      <c r="H663464" s="12"/>
    </row>
    <row r="663465" spans="8:8">
      <c r="H663465" s="12"/>
    </row>
    <row r="663466" spans="8:8">
      <c r="H663466" s="12"/>
    </row>
    <row r="663467" spans="8:8">
      <c r="H663467" s="12"/>
    </row>
    <row r="663468" spans="8:8">
      <c r="H663468" s="12"/>
    </row>
    <row r="663469" spans="8:8">
      <c r="H663469" s="12"/>
    </row>
    <row r="663470" spans="8:8">
      <c r="H663470" s="12"/>
    </row>
    <row r="663471" spans="8:8">
      <c r="H663471" s="12"/>
    </row>
    <row r="663472" spans="8:8">
      <c r="H663472" s="12"/>
    </row>
    <row r="663473" spans="8:8">
      <c r="H663473" s="12"/>
    </row>
    <row r="663474" spans="8:8">
      <c r="H663474" s="12"/>
    </row>
    <row r="663475" spans="8:8">
      <c r="H663475" s="12"/>
    </row>
    <row r="663476" spans="8:8">
      <c r="H663476" s="12"/>
    </row>
    <row r="663477" spans="8:8">
      <c r="H663477" s="12"/>
    </row>
    <row r="663478" spans="8:8">
      <c r="H663478" s="12"/>
    </row>
    <row r="663479" spans="8:8">
      <c r="H663479" s="12"/>
    </row>
    <row r="663480" spans="8:8">
      <c r="H663480" s="12"/>
    </row>
    <row r="663481" spans="8:8">
      <c r="H663481" s="12"/>
    </row>
    <row r="663482" spans="8:8">
      <c r="H663482" s="12"/>
    </row>
    <row r="663483" spans="8:8">
      <c r="H663483" s="12"/>
    </row>
    <row r="663484" spans="8:8">
      <c r="H663484" s="12"/>
    </row>
    <row r="663485" spans="8:8">
      <c r="H663485" s="12"/>
    </row>
    <row r="663486" spans="8:8">
      <c r="H663486" s="12"/>
    </row>
    <row r="663487" spans="8:8">
      <c r="H663487" s="12"/>
    </row>
    <row r="663488" spans="8:8">
      <c r="H663488" s="12"/>
    </row>
    <row r="663489" spans="8:8">
      <c r="H663489" s="12"/>
    </row>
    <row r="663490" spans="8:8">
      <c r="H663490" s="12"/>
    </row>
    <row r="663491" spans="8:8">
      <c r="H663491" s="12"/>
    </row>
    <row r="663492" spans="8:8">
      <c r="H663492" s="12"/>
    </row>
    <row r="663493" spans="8:8">
      <c r="H663493" s="12"/>
    </row>
    <row r="663494" spans="8:8">
      <c r="H663494" s="12"/>
    </row>
    <row r="663495" spans="8:8">
      <c r="H663495" s="12"/>
    </row>
    <row r="663496" spans="8:8">
      <c r="H663496" s="12"/>
    </row>
    <row r="663497" spans="8:8">
      <c r="H663497" s="12"/>
    </row>
    <row r="663498" spans="8:8">
      <c r="H663498" s="12"/>
    </row>
    <row r="663499" spans="8:8">
      <c r="H663499" s="12"/>
    </row>
    <row r="663500" spans="8:8">
      <c r="H663500" s="12"/>
    </row>
    <row r="663501" spans="8:8">
      <c r="H663501" s="12"/>
    </row>
    <row r="663502" spans="8:8">
      <c r="H663502" s="12"/>
    </row>
    <row r="663503" spans="8:8">
      <c r="H663503" s="12"/>
    </row>
    <row r="663504" spans="8:8">
      <c r="H663504" s="12"/>
    </row>
    <row r="663505" spans="8:8">
      <c r="H663505" s="12"/>
    </row>
    <row r="663506" spans="8:8">
      <c r="H663506" s="12"/>
    </row>
    <row r="663507" spans="8:8">
      <c r="H663507" s="12"/>
    </row>
    <row r="663508" spans="8:8">
      <c r="H663508" s="12"/>
    </row>
    <row r="663509" spans="8:8">
      <c r="H663509" s="12"/>
    </row>
    <row r="663510" spans="8:8">
      <c r="H663510" s="12"/>
    </row>
    <row r="663511" spans="8:8">
      <c r="H663511" s="12"/>
    </row>
    <row r="663512" spans="8:8">
      <c r="H663512" s="12"/>
    </row>
    <row r="663513" spans="8:8">
      <c r="H663513" s="12"/>
    </row>
    <row r="663514" spans="8:8">
      <c r="H663514" s="12"/>
    </row>
    <row r="663515" spans="8:8">
      <c r="H663515" s="12"/>
    </row>
    <row r="663516" spans="8:8">
      <c r="H663516" s="12"/>
    </row>
    <row r="663517" spans="8:8">
      <c r="H663517" s="12"/>
    </row>
    <row r="663518" spans="8:8">
      <c r="H663518" s="12"/>
    </row>
    <row r="663519" spans="8:8">
      <c r="H663519" s="12"/>
    </row>
    <row r="663520" spans="8:8">
      <c r="H663520" s="12"/>
    </row>
    <row r="663521" spans="8:8">
      <c r="H663521" s="12"/>
    </row>
    <row r="663522" spans="8:8">
      <c r="H663522" s="12"/>
    </row>
    <row r="663523" spans="8:8">
      <c r="H663523" s="12"/>
    </row>
    <row r="663524" spans="8:8">
      <c r="H663524" s="12"/>
    </row>
    <row r="663525" spans="8:8">
      <c r="H663525" s="12"/>
    </row>
    <row r="663526" spans="8:8">
      <c r="H663526" s="12"/>
    </row>
    <row r="663527" spans="8:8">
      <c r="H663527" s="12"/>
    </row>
    <row r="663528" spans="8:8">
      <c r="H663528" s="12"/>
    </row>
    <row r="663529" spans="8:8">
      <c r="H663529" s="12"/>
    </row>
    <row r="663530" spans="8:8">
      <c r="H663530" s="12"/>
    </row>
    <row r="663531" spans="8:8">
      <c r="H663531" s="12"/>
    </row>
    <row r="663532" spans="8:8">
      <c r="H663532" s="12"/>
    </row>
    <row r="663533" spans="8:8">
      <c r="H663533" s="12"/>
    </row>
    <row r="663534" spans="8:8">
      <c r="H663534" s="12"/>
    </row>
    <row r="663535" spans="8:8">
      <c r="H663535" s="12"/>
    </row>
    <row r="663536" spans="8:8">
      <c r="H663536" s="12"/>
    </row>
    <row r="663537" spans="8:8">
      <c r="H663537" s="12"/>
    </row>
    <row r="663538" spans="8:8">
      <c r="H663538" s="12"/>
    </row>
    <row r="663539" spans="8:8">
      <c r="H663539" s="12"/>
    </row>
    <row r="663540" spans="8:8">
      <c r="H663540" s="12"/>
    </row>
    <row r="663541" spans="8:8">
      <c r="H663541" s="12"/>
    </row>
    <row r="663542" spans="8:8">
      <c r="H663542" s="12"/>
    </row>
    <row r="663543" spans="8:8">
      <c r="H663543" s="12"/>
    </row>
    <row r="663544" spans="8:8">
      <c r="H663544" s="12"/>
    </row>
    <row r="663545" spans="8:8">
      <c r="H663545" s="12"/>
    </row>
    <row r="663546" spans="8:8">
      <c r="H663546" s="12"/>
    </row>
    <row r="663547" spans="8:8">
      <c r="H663547" s="12"/>
    </row>
    <row r="663548" spans="8:8">
      <c r="H663548" s="12"/>
    </row>
    <row r="663549" spans="8:8">
      <c r="H663549" s="12"/>
    </row>
    <row r="663550" spans="8:8">
      <c r="H663550" s="12"/>
    </row>
    <row r="663551" spans="8:8">
      <c r="H663551" s="12"/>
    </row>
    <row r="663552" spans="8:8">
      <c r="H663552" s="12"/>
    </row>
    <row r="663553" spans="8:8">
      <c r="H663553" s="12"/>
    </row>
    <row r="663554" spans="8:8">
      <c r="H663554" s="12"/>
    </row>
    <row r="663555" spans="8:8">
      <c r="H663555" s="12"/>
    </row>
    <row r="663556" spans="8:8">
      <c r="H663556" s="12"/>
    </row>
    <row r="663557" spans="8:8">
      <c r="H663557" s="12"/>
    </row>
    <row r="663558" spans="8:8">
      <c r="H663558" s="12"/>
    </row>
    <row r="663559" spans="8:8">
      <c r="H663559" s="12"/>
    </row>
    <row r="663560" spans="8:8">
      <c r="H663560" s="12"/>
    </row>
    <row r="663561" spans="8:8">
      <c r="H663561" s="12"/>
    </row>
    <row r="663562" spans="8:8">
      <c r="H663562" s="12"/>
    </row>
    <row r="663563" spans="8:8">
      <c r="H663563" s="12"/>
    </row>
    <row r="663564" spans="8:8">
      <c r="H663564" s="12"/>
    </row>
    <row r="663565" spans="8:8">
      <c r="H663565" s="12"/>
    </row>
    <row r="663566" spans="8:8">
      <c r="H663566" s="12"/>
    </row>
    <row r="663567" spans="8:8">
      <c r="H663567" s="12"/>
    </row>
    <row r="663568" spans="8:8">
      <c r="H663568" s="12"/>
    </row>
    <row r="663569" spans="8:8">
      <c r="H663569" s="12"/>
    </row>
    <row r="663570" spans="8:8">
      <c r="H663570" s="12"/>
    </row>
    <row r="663571" spans="8:8">
      <c r="H663571" s="12"/>
    </row>
    <row r="663572" spans="8:8">
      <c r="H663572" s="12"/>
    </row>
    <row r="663573" spans="8:8">
      <c r="H663573" s="12"/>
    </row>
    <row r="663574" spans="8:8">
      <c r="H663574" s="12"/>
    </row>
    <row r="663575" spans="8:8">
      <c r="H663575" s="12"/>
    </row>
    <row r="663576" spans="8:8">
      <c r="H663576" s="12"/>
    </row>
    <row r="663577" spans="8:8">
      <c r="H663577" s="12"/>
    </row>
    <row r="663578" spans="8:8">
      <c r="H663578" s="12"/>
    </row>
    <row r="663579" spans="8:8">
      <c r="H663579" s="12"/>
    </row>
    <row r="663580" spans="8:8">
      <c r="H663580" s="12"/>
    </row>
    <row r="663581" spans="8:8">
      <c r="H663581" s="12"/>
    </row>
    <row r="663582" spans="8:8">
      <c r="H663582" s="12"/>
    </row>
    <row r="663583" spans="8:8">
      <c r="H663583" s="12"/>
    </row>
    <row r="663584" spans="8:8">
      <c r="H663584" s="12"/>
    </row>
    <row r="663585" spans="8:8">
      <c r="H663585" s="12"/>
    </row>
    <row r="663586" spans="8:8">
      <c r="H663586" s="12"/>
    </row>
    <row r="663587" spans="8:8">
      <c r="H663587" s="12"/>
    </row>
    <row r="663588" spans="8:8">
      <c r="H663588" s="12"/>
    </row>
    <row r="663589" spans="8:8">
      <c r="H663589" s="12"/>
    </row>
    <row r="663590" spans="8:8">
      <c r="H663590" s="12"/>
    </row>
    <row r="663591" spans="8:8">
      <c r="H663591" s="12"/>
    </row>
    <row r="663592" spans="8:8">
      <c r="H663592" s="12"/>
    </row>
    <row r="663593" spans="8:8">
      <c r="H663593" s="12"/>
    </row>
    <row r="663594" spans="8:8">
      <c r="H663594" s="12"/>
    </row>
    <row r="663595" spans="8:8">
      <c r="H663595" s="12"/>
    </row>
    <row r="663596" spans="8:8">
      <c r="H663596" s="12"/>
    </row>
    <row r="663597" spans="8:8">
      <c r="H663597" s="12"/>
    </row>
    <row r="663598" spans="8:8">
      <c r="H663598" s="12"/>
    </row>
    <row r="663599" spans="8:8">
      <c r="H663599" s="12"/>
    </row>
    <row r="663600" spans="8:8">
      <c r="H663600" s="12"/>
    </row>
    <row r="663601" spans="8:8">
      <c r="H663601" s="12"/>
    </row>
    <row r="663602" spans="8:8">
      <c r="H663602" s="12"/>
    </row>
    <row r="663603" spans="8:8">
      <c r="H663603" s="12"/>
    </row>
    <row r="663604" spans="8:8">
      <c r="H663604" s="12"/>
    </row>
    <row r="663605" spans="8:8">
      <c r="H663605" s="12"/>
    </row>
    <row r="663606" spans="8:8">
      <c r="H663606" s="12"/>
    </row>
    <row r="663607" spans="8:8">
      <c r="H663607" s="12"/>
    </row>
    <row r="663608" spans="8:8">
      <c r="H663608" s="12"/>
    </row>
    <row r="663609" spans="8:8">
      <c r="H663609" s="12"/>
    </row>
    <row r="663610" spans="8:8">
      <c r="H663610" s="12"/>
    </row>
    <row r="663611" spans="8:8">
      <c r="H663611" s="12"/>
    </row>
    <row r="663612" spans="8:8">
      <c r="H663612" s="12"/>
    </row>
    <row r="663613" spans="8:8">
      <c r="H663613" s="12"/>
    </row>
    <row r="663614" spans="8:8">
      <c r="H663614" s="12"/>
    </row>
    <row r="663615" spans="8:8">
      <c r="H663615" s="12"/>
    </row>
    <row r="663616" spans="8:8">
      <c r="H663616" s="12"/>
    </row>
    <row r="663617" spans="8:8">
      <c r="H663617" s="12"/>
    </row>
    <row r="663618" spans="8:8">
      <c r="H663618" s="12"/>
    </row>
    <row r="663619" spans="8:8">
      <c r="H663619" s="12"/>
    </row>
    <row r="663620" spans="8:8">
      <c r="H663620" s="12"/>
    </row>
    <row r="663621" spans="8:8">
      <c r="H663621" s="12"/>
    </row>
    <row r="663622" spans="8:8">
      <c r="H663622" s="12"/>
    </row>
    <row r="663623" spans="8:8">
      <c r="H663623" s="12"/>
    </row>
    <row r="663624" spans="8:8">
      <c r="H663624" s="12"/>
    </row>
    <row r="663625" spans="8:8">
      <c r="H663625" s="12"/>
    </row>
    <row r="663626" spans="8:8">
      <c r="H663626" s="12"/>
    </row>
    <row r="663627" spans="8:8">
      <c r="H663627" s="12"/>
    </row>
    <row r="663628" spans="8:8">
      <c r="H663628" s="12"/>
    </row>
    <row r="663629" spans="8:8">
      <c r="H663629" s="12"/>
    </row>
    <row r="663630" spans="8:8">
      <c r="H663630" s="12"/>
    </row>
    <row r="663631" spans="8:8">
      <c r="H663631" s="12"/>
    </row>
    <row r="663632" spans="8:8">
      <c r="H663632" s="12"/>
    </row>
    <row r="663633" spans="8:8">
      <c r="H663633" s="12"/>
    </row>
    <row r="663634" spans="8:8">
      <c r="H663634" s="12"/>
    </row>
    <row r="663635" spans="8:8">
      <c r="H663635" s="12"/>
    </row>
    <row r="663636" spans="8:8">
      <c r="H663636" s="12"/>
    </row>
    <row r="663637" spans="8:8">
      <c r="H663637" s="12"/>
    </row>
    <row r="663638" spans="8:8">
      <c r="H663638" s="12"/>
    </row>
    <row r="663639" spans="8:8">
      <c r="H663639" s="12"/>
    </row>
    <row r="663640" spans="8:8">
      <c r="H663640" s="12"/>
    </row>
    <row r="663641" spans="8:8">
      <c r="H663641" s="12"/>
    </row>
    <row r="663642" spans="8:8">
      <c r="H663642" s="12"/>
    </row>
    <row r="663643" spans="8:8">
      <c r="H663643" s="12"/>
    </row>
    <row r="663644" spans="8:8">
      <c r="H663644" s="12"/>
    </row>
    <row r="663645" spans="8:8">
      <c r="H663645" s="12"/>
    </row>
    <row r="663646" spans="8:8">
      <c r="H663646" s="12"/>
    </row>
    <row r="663647" spans="8:8">
      <c r="H663647" s="12"/>
    </row>
    <row r="663648" spans="8:8">
      <c r="H663648" s="12"/>
    </row>
    <row r="663649" spans="8:8">
      <c r="H663649" s="12"/>
    </row>
    <row r="663650" spans="8:8">
      <c r="H663650" s="12"/>
    </row>
    <row r="663651" spans="8:8">
      <c r="H663651" s="12"/>
    </row>
    <row r="663652" spans="8:8">
      <c r="H663652" s="12"/>
    </row>
    <row r="663653" spans="8:8">
      <c r="H663653" s="12"/>
    </row>
    <row r="663654" spans="8:8">
      <c r="H663654" s="12"/>
    </row>
    <row r="663655" spans="8:8">
      <c r="H663655" s="12"/>
    </row>
    <row r="663656" spans="8:8">
      <c r="H663656" s="12"/>
    </row>
    <row r="663657" spans="8:8">
      <c r="H663657" s="12"/>
    </row>
    <row r="663658" spans="8:8">
      <c r="H663658" s="12"/>
    </row>
    <row r="663659" spans="8:8">
      <c r="H663659" s="12"/>
    </row>
    <row r="663660" spans="8:8">
      <c r="H663660" s="12"/>
    </row>
    <row r="663661" spans="8:8">
      <c r="H663661" s="12"/>
    </row>
    <row r="663662" spans="8:8">
      <c r="H663662" s="12"/>
    </row>
    <row r="663663" spans="8:8">
      <c r="H663663" s="12"/>
    </row>
    <row r="663664" spans="8:8">
      <c r="H663664" s="12"/>
    </row>
    <row r="663665" spans="8:8">
      <c r="H663665" s="12"/>
    </row>
    <row r="663666" spans="8:8">
      <c r="H663666" s="12"/>
    </row>
    <row r="663667" spans="8:8">
      <c r="H663667" s="12"/>
    </row>
    <row r="663668" spans="8:8">
      <c r="H663668" s="12"/>
    </row>
    <row r="663669" spans="8:8">
      <c r="H663669" s="12"/>
    </row>
    <row r="663670" spans="8:8">
      <c r="H663670" s="12"/>
    </row>
    <row r="663671" spans="8:8">
      <c r="H663671" s="12"/>
    </row>
    <row r="663672" spans="8:8">
      <c r="H663672" s="12"/>
    </row>
    <row r="663673" spans="8:8">
      <c r="H663673" s="12"/>
    </row>
    <row r="663674" spans="8:8">
      <c r="H663674" s="12"/>
    </row>
    <row r="663675" spans="8:8">
      <c r="H663675" s="12"/>
    </row>
    <row r="663676" spans="8:8">
      <c r="H663676" s="12"/>
    </row>
    <row r="663677" spans="8:8">
      <c r="H663677" s="12"/>
    </row>
    <row r="663678" spans="8:8">
      <c r="H663678" s="12"/>
    </row>
    <row r="663679" spans="8:8">
      <c r="H663679" s="12"/>
    </row>
    <row r="663680" spans="8:8">
      <c r="H663680" s="12"/>
    </row>
    <row r="663681" spans="8:8">
      <c r="H663681" s="12"/>
    </row>
    <row r="663682" spans="8:8">
      <c r="H663682" s="12"/>
    </row>
    <row r="663683" spans="8:8">
      <c r="H663683" s="12"/>
    </row>
    <row r="663684" spans="8:8">
      <c r="H663684" s="12"/>
    </row>
    <row r="663685" spans="8:8">
      <c r="H663685" s="12"/>
    </row>
    <row r="663686" spans="8:8">
      <c r="H663686" s="12"/>
    </row>
    <row r="663687" spans="8:8">
      <c r="H663687" s="12"/>
    </row>
    <row r="663688" spans="8:8">
      <c r="H663688" s="12"/>
    </row>
    <row r="663689" spans="8:8">
      <c r="H663689" s="12"/>
    </row>
    <row r="663690" spans="8:8">
      <c r="H663690" s="12"/>
    </row>
    <row r="663691" spans="8:8">
      <c r="H663691" s="12"/>
    </row>
    <row r="663692" spans="8:8">
      <c r="H663692" s="12"/>
    </row>
    <row r="663693" spans="8:8">
      <c r="H663693" s="12"/>
    </row>
    <row r="663694" spans="8:8">
      <c r="H663694" s="12"/>
    </row>
    <row r="663695" spans="8:8">
      <c r="H663695" s="12"/>
    </row>
    <row r="663696" spans="8:8">
      <c r="H663696" s="12"/>
    </row>
    <row r="663697" spans="8:8">
      <c r="H663697" s="12"/>
    </row>
    <row r="663698" spans="8:8">
      <c r="H663698" s="12"/>
    </row>
    <row r="663699" spans="8:8">
      <c r="H663699" s="12"/>
    </row>
    <row r="663700" spans="8:8">
      <c r="H663700" s="12"/>
    </row>
    <row r="663701" spans="8:8">
      <c r="H663701" s="12"/>
    </row>
    <row r="663702" spans="8:8">
      <c r="H663702" s="12"/>
    </row>
    <row r="663703" spans="8:8">
      <c r="H663703" s="12"/>
    </row>
    <row r="663704" spans="8:8">
      <c r="H663704" s="12"/>
    </row>
    <row r="663705" spans="8:8">
      <c r="H663705" s="12"/>
    </row>
    <row r="663706" spans="8:8">
      <c r="H663706" s="12"/>
    </row>
    <row r="663707" spans="8:8">
      <c r="H663707" s="12"/>
    </row>
    <row r="663708" spans="8:8">
      <c r="H663708" s="12"/>
    </row>
    <row r="663709" spans="8:8">
      <c r="H663709" s="12"/>
    </row>
    <row r="663710" spans="8:8">
      <c r="H663710" s="12"/>
    </row>
    <row r="663711" spans="8:8">
      <c r="H663711" s="12"/>
    </row>
    <row r="663712" spans="8:8">
      <c r="H663712" s="12"/>
    </row>
    <row r="663713" spans="8:8">
      <c r="H663713" s="12"/>
    </row>
    <row r="663714" spans="8:8">
      <c r="H663714" s="12"/>
    </row>
    <row r="663715" spans="8:8">
      <c r="H663715" s="12"/>
    </row>
    <row r="663716" spans="8:8">
      <c r="H663716" s="12"/>
    </row>
    <row r="663717" spans="8:8">
      <c r="H663717" s="12"/>
    </row>
    <row r="663718" spans="8:8">
      <c r="H663718" s="12"/>
    </row>
    <row r="663719" spans="8:8">
      <c r="H663719" s="12"/>
    </row>
    <row r="663720" spans="8:8">
      <c r="H663720" s="12"/>
    </row>
    <row r="663721" spans="8:8">
      <c r="H663721" s="12"/>
    </row>
    <row r="663722" spans="8:8">
      <c r="H663722" s="12"/>
    </row>
    <row r="663723" spans="8:8">
      <c r="H663723" s="12"/>
    </row>
    <row r="663724" spans="8:8">
      <c r="H663724" s="12"/>
    </row>
    <row r="663725" spans="8:8">
      <c r="H663725" s="12"/>
    </row>
    <row r="663726" spans="8:8">
      <c r="H663726" s="12"/>
    </row>
    <row r="663727" spans="8:8">
      <c r="H663727" s="12"/>
    </row>
    <row r="663728" spans="8:8">
      <c r="H663728" s="12"/>
    </row>
    <row r="663729" spans="8:8">
      <c r="H663729" s="12"/>
    </row>
    <row r="663730" spans="8:8">
      <c r="H663730" s="12"/>
    </row>
    <row r="663731" spans="8:8">
      <c r="H663731" s="12"/>
    </row>
    <row r="663732" spans="8:8">
      <c r="H663732" s="12"/>
    </row>
    <row r="663733" spans="8:8">
      <c r="H663733" s="12"/>
    </row>
    <row r="663734" spans="8:8">
      <c r="H663734" s="12"/>
    </row>
    <row r="663735" spans="8:8">
      <c r="H663735" s="12"/>
    </row>
    <row r="663736" spans="8:8">
      <c r="H663736" s="12"/>
    </row>
    <row r="663737" spans="8:8">
      <c r="H663737" s="12"/>
    </row>
    <row r="663738" spans="8:8">
      <c r="H663738" s="12"/>
    </row>
    <row r="663739" spans="8:8">
      <c r="H663739" s="12"/>
    </row>
    <row r="663740" spans="8:8">
      <c r="H663740" s="12"/>
    </row>
    <row r="663741" spans="8:8">
      <c r="H663741" s="12"/>
    </row>
    <row r="663742" spans="8:8">
      <c r="H663742" s="12"/>
    </row>
    <row r="663743" spans="8:8">
      <c r="H663743" s="12"/>
    </row>
    <row r="663744" spans="8:8">
      <c r="H663744" s="12"/>
    </row>
    <row r="663745" spans="8:8">
      <c r="H663745" s="12"/>
    </row>
    <row r="663746" spans="8:8">
      <c r="H663746" s="12"/>
    </row>
    <row r="663747" spans="8:8">
      <c r="H663747" s="12"/>
    </row>
    <row r="663748" spans="8:8">
      <c r="H663748" s="12"/>
    </row>
    <row r="663749" spans="8:8">
      <c r="H663749" s="12"/>
    </row>
    <row r="663750" spans="8:8">
      <c r="H663750" s="12"/>
    </row>
    <row r="663751" spans="8:8">
      <c r="H663751" s="12"/>
    </row>
    <row r="663752" spans="8:8">
      <c r="H663752" s="12"/>
    </row>
    <row r="663753" spans="8:8">
      <c r="H663753" s="12"/>
    </row>
    <row r="663754" spans="8:8">
      <c r="H663754" s="12"/>
    </row>
    <row r="663755" spans="8:8">
      <c r="H663755" s="12"/>
    </row>
    <row r="663756" spans="8:8">
      <c r="H663756" s="12"/>
    </row>
    <row r="663757" spans="8:8">
      <c r="H663757" s="12"/>
    </row>
    <row r="663758" spans="8:8">
      <c r="H663758" s="12"/>
    </row>
    <row r="663759" spans="8:8">
      <c r="H663759" s="12"/>
    </row>
    <row r="663760" spans="8:8">
      <c r="H663760" s="12"/>
    </row>
    <row r="663761" spans="8:8">
      <c r="H663761" s="12"/>
    </row>
    <row r="663762" spans="8:8">
      <c r="H663762" s="12"/>
    </row>
    <row r="663763" spans="8:8">
      <c r="H663763" s="12"/>
    </row>
    <row r="663764" spans="8:8">
      <c r="H663764" s="12"/>
    </row>
    <row r="663765" spans="8:8">
      <c r="H663765" s="12"/>
    </row>
    <row r="663766" spans="8:8">
      <c r="H663766" s="12"/>
    </row>
    <row r="663767" spans="8:8">
      <c r="H663767" s="12"/>
    </row>
    <row r="663768" spans="8:8">
      <c r="H663768" s="12"/>
    </row>
    <row r="663769" spans="8:8">
      <c r="H663769" s="12"/>
    </row>
    <row r="663770" spans="8:8">
      <c r="H663770" s="12"/>
    </row>
    <row r="663771" spans="8:8">
      <c r="H663771" s="12"/>
    </row>
    <row r="663772" spans="8:8">
      <c r="H663772" s="12"/>
    </row>
    <row r="663773" spans="8:8">
      <c r="H663773" s="12"/>
    </row>
    <row r="663774" spans="8:8">
      <c r="H663774" s="12"/>
    </row>
    <row r="663775" spans="8:8">
      <c r="H663775" s="12"/>
    </row>
    <row r="663776" spans="8:8">
      <c r="H663776" s="12"/>
    </row>
    <row r="663777" spans="8:8">
      <c r="H663777" s="12"/>
    </row>
    <row r="663778" spans="8:8">
      <c r="H663778" s="12"/>
    </row>
    <row r="663779" spans="8:8">
      <c r="H663779" s="12"/>
    </row>
    <row r="663780" spans="8:8">
      <c r="H663780" s="12"/>
    </row>
    <row r="663781" spans="8:8">
      <c r="H663781" s="12"/>
    </row>
    <row r="663782" spans="8:8">
      <c r="H663782" s="12"/>
    </row>
    <row r="663783" spans="8:8">
      <c r="H663783" s="12"/>
    </row>
    <row r="663784" spans="8:8">
      <c r="H663784" s="12"/>
    </row>
    <row r="663785" spans="8:8">
      <c r="H663785" s="12"/>
    </row>
    <row r="663786" spans="8:8">
      <c r="H663786" s="12"/>
    </row>
    <row r="663787" spans="8:8">
      <c r="H663787" s="12"/>
    </row>
    <row r="663788" spans="8:8">
      <c r="H663788" s="12"/>
    </row>
    <row r="663789" spans="8:8">
      <c r="H663789" s="12"/>
    </row>
    <row r="663790" spans="8:8">
      <c r="H663790" s="12"/>
    </row>
    <row r="663791" spans="8:8">
      <c r="H663791" s="12"/>
    </row>
    <row r="663792" spans="8:8">
      <c r="H663792" s="12"/>
    </row>
    <row r="663793" spans="8:8">
      <c r="H663793" s="12"/>
    </row>
    <row r="663794" spans="8:8">
      <c r="H663794" s="12"/>
    </row>
    <row r="663795" spans="8:8">
      <c r="H663795" s="12"/>
    </row>
    <row r="663796" spans="8:8">
      <c r="H663796" s="12"/>
    </row>
    <row r="663797" spans="8:8">
      <c r="H663797" s="12"/>
    </row>
    <row r="663798" spans="8:8">
      <c r="H663798" s="12"/>
    </row>
    <row r="663799" spans="8:8">
      <c r="H663799" s="12"/>
    </row>
    <row r="663800" spans="8:8">
      <c r="H663800" s="12"/>
    </row>
    <row r="663801" spans="8:8">
      <c r="H663801" s="12"/>
    </row>
    <row r="663802" spans="8:8">
      <c r="H663802" s="12"/>
    </row>
    <row r="663803" spans="8:8">
      <c r="H663803" s="12"/>
    </row>
    <row r="663804" spans="8:8">
      <c r="H663804" s="12"/>
    </row>
    <row r="663805" spans="8:8">
      <c r="H663805" s="12"/>
    </row>
    <row r="663806" spans="8:8">
      <c r="H663806" s="12"/>
    </row>
    <row r="663807" spans="8:8">
      <c r="H663807" s="12"/>
    </row>
    <row r="663808" spans="8:8">
      <c r="H663808" s="12"/>
    </row>
    <row r="663809" spans="8:8">
      <c r="H663809" s="12"/>
    </row>
    <row r="663810" spans="8:8">
      <c r="H663810" s="12"/>
    </row>
    <row r="663811" spans="8:8">
      <c r="H663811" s="12"/>
    </row>
    <row r="663812" spans="8:8">
      <c r="H663812" s="12"/>
    </row>
    <row r="663813" spans="8:8">
      <c r="H663813" s="12"/>
    </row>
    <row r="663814" spans="8:8">
      <c r="H663814" s="12"/>
    </row>
    <row r="663815" spans="8:8">
      <c r="H663815" s="12"/>
    </row>
    <row r="663816" spans="8:8">
      <c r="H663816" s="12"/>
    </row>
    <row r="663817" spans="8:8">
      <c r="H663817" s="12"/>
    </row>
    <row r="663818" spans="8:8">
      <c r="H663818" s="12"/>
    </row>
    <row r="663819" spans="8:8">
      <c r="H663819" s="12"/>
    </row>
    <row r="663820" spans="8:8">
      <c r="H663820" s="12"/>
    </row>
    <row r="663821" spans="8:8">
      <c r="H663821" s="12"/>
    </row>
    <row r="663822" spans="8:8">
      <c r="H663822" s="12"/>
    </row>
    <row r="663823" spans="8:8">
      <c r="H663823" s="12"/>
    </row>
    <row r="663824" spans="8:8">
      <c r="H663824" s="12"/>
    </row>
    <row r="663825" spans="8:8">
      <c r="H663825" s="12"/>
    </row>
    <row r="663826" spans="8:8">
      <c r="H663826" s="12"/>
    </row>
    <row r="663827" spans="8:8">
      <c r="H663827" s="12"/>
    </row>
    <row r="663828" spans="8:8">
      <c r="H663828" s="12"/>
    </row>
    <row r="663829" spans="8:8">
      <c r="H663829" s="12"/>
    </row>
    <row r="663830" spans="8:8">
      <c r="H663830" s="12"/>
    </row>
    <row r="663831" spans="8:8">
      <c r="H663831" s="12"/>
    </row>
    <row r="663832" spans="8:8">
      <c r="H663832" s="12"/>
    </row>
    <row r="663833" spans="8:8">
      <c r="H663833" s="12"/>
    </row>
    <row r="663834" spans="8:8">
      <c r="H663834" s="12"/>
    </row>
    <row r="663835" spans="8:8">
      <c r="H663835" s="12"/>
    </row>
    <row r="663836" spans="8:8">
      <c r="H663836" s="12"/>
    </row>
    <row r="663837" spans="8:8">
      <c r="H663837" s="12"/>
    </row>
    <row r="663838" spans="8:8">
      <c r="H663838" s="12"/>
    </row>
    <row r="663839" spans="8:8">
      <c r="H663839" s="12"/>
    </row>
    <row r="663840" spans="8:8">
      <c r="H663840" s="12"/>
    </row>
    <row r="663841" spans="8:8">
      <c r="H663841" s="12"/>
    </row>
    <row r="663842" spans="8:8">
      <c r="H663842" s="12"/>
    </row>
    <row r="663843" spans="8:8">
      <c r="H663843" s="12"/>
    </row>
    <row r="663844" spans="8:8">
      <c r="H663844" s="12"/>
    </row>
    <row r="663845" spans="8:8">
      <c r="H663845" s="12"/>
    </row>
    <row r="663846" spans="8:8">
      <c r="H663846" s="12"/>
    </row>
    <row r="663847" spans="8:8">
      <c r="H663847" s="12"/>
    </row>
    <row r="663848" spans="8:8">
      <c r="H663848" s="12"/>
    </row>
    <row r="663849" spans="8:8">
      <c r="H663849" s="12"/>
    </row>
    <row r="663850" spans="8:8">
      <c r="H663850" s="12"/>
    </row>
    <row r="663851" spans="8:8">
      <c r="H663851" s="12"/>
    </row>
    <row r="663852" spans="8:8">
      <c r="H663852" s="12"/>
    </row>
    <row r="663853" spans="8:8">
      <c r="H663853" s="12"/>
    </row>
    <row r="663854" spans="8:8">
      <c r="H663854" s="12"/>
    </row>
    <row r="663855" spans="8:8">
      <c r="H663855" s="12"/>
    </row>
    <row r="663856" spans="8:8">
      <c r="H663856" s="12"/>
    </row>
    <row r="663857" spans="8:8">
      <c r="H663857" s="12"/>
    </row>
    <row r="663858" spans="8:8">
      <c r="H663858" s="12"/>
    </row>
    <row r="663859" spans="8:8">
      <c r="H663859" s="12"/>
    </row>
    <row r="663860" spans="8:8">
      <c r="H663860" s="12"/>
    </row>
    <row r="663861" spans="8:8">
      <c r="H663861" s="12"/>
    </row>
    <row r="663862" spans="8:8">
      <c r="H663862" s="12"/>
    </row>
    <row r="663863" spans="8:8">
      <c r="H663863" s="12"/>
    </row>
    <row r="663864" spans="8:8">
      <c r="H663864" s="12"/>
    </row>
    <row r="663865" spans="8:8">
      <c r="H663865" s="12"/>
    </row>
    <row r="663866" spans="8:8">
      <c r="H663866" s="12"/>
    </row>
    <row r="663867" spans="8:8">
      <c r="H663867" s="12"/>
    </row>
    <row r="663868" spans="8:8">
      <c r="H663868" s="12"/>
    </row>
    <row r="663869" spans="8:8">
      <c r="H663869" s="12"/>
    </row>
    <row r="663870" spans="8:8">
      <c r="H663870" s="12"/>
    </row>
    <row r="663871" spans="8:8">
      <c r="H663871" s="12"/>
    </row>
    <row r="663872" spans="8:8">
      <c r="H663872" s="12"/>
    </row>
    <row r="663873" spans="8:8">
      <c r="H663873" s="12"/>
    </row>
    <row r="663874" spans="8:8">
      <c r="H663874" s="12"/>
    </row>
    <row r="663875" spans="8:8">
      <c r="H663875" s="12"/>
    </row>
    <row r="663876" spans="8:8">
      <c r="H663876" s="12"/>
    </row>
    <row r="663877" spans="8:8">
      <c r="H663877" s="12"/>
    </row>
    <row r="663878" spans="8:8">
      <c r="H663878" s="12"/>
    </row>
    <row r="663879" spans="8:8">
      <c r="H663879" s="12"/>
    </row>
    <row r="663880" spans="8:8">
      <c r="H663880" s="12"/>
    </row>
    <row r="663881" spans="8:8">
      <c r="H663881" s="12"/>
    </row>
    <row r="663882" spans="8:8">
      <c r="H663882" s="12"/>
    </row>
    <row r="663883" spans="8:8">
      <c r="H663883" s="12"/>
    </row>
    <row r="663884" spans="8:8">
      <c r="H663884" s="12"/>
    </row>
    <row r="663885" spans="8:8">
      <c r="H663885" s="12"/>
    </row>
    <row r="663886" spans="8:8">
      <c r="H663886" s="12"/>
    </row>
    <row r="663887" spans="8:8">
      <c r="H663887" s="12"/>
    </row>
    <row r="663888" spans="8:8">
      <c r="H663888" s="12"/>
    </row>
    <row r="663889" spans="8:8">
      <c r="H663889" s="12"/>
    </row>
    <row r="663890" spans="8:8">
      <c r="H663890" s="12"/>
    </row>
    <row r="663891" spans="8:8">
      <c r="H663891" s="12"/>
    </row>
    <row r="663892" spans="8:8">
      <c r="H663892" s="12"/>
    </row>
    <row r="663893" spans="8:8">
      <c r="H663893" s="12"/>
    </row>
    <row r="663894" spans="8:8">
      <c r="H663894" s="12"/>
    </row>
    <row r="663895" spans="8:8">
      <c r="H663895" s="12"/>
    </row>
    <row r="663896" spans="8:8">
      <c r="H663896" s="12"/>
    </row>
    <row r="663897" spans="8:8">
      <c r="H663897" s="12"/>
    </row>
    <row r="663898" spans="8:8">
      <c r="H663898" s="12"/>
    </row>
    <row r="663899" spans="8:8">
      <c r="H663899" s="12"/>
    </row>
    <row r="663900" spans="8:8">
      <c r="H663900" s="12"/>
    </row>
    <row r="663901" spans="8:8">
      <c r="H663901" s="12"/>
    </row>
    <row r="663902" spans="8:8">
      <c r="H663902" s="12"/>
    </row>
    <row r="663903" spans="8:8">
      <c r="H663903" s="12"/>
    </row>
    <row r="663904" spans="8:8">
      <c r="H663904" s="12"/>
    </row>
    <row r="663905" spans="8:8">
      <c r="H663905" s="12"/>
    </row>
    <row r="663906" spans="8:8">
      <c r="H663906" s="12"/>
    </row>
    <row r="663907" spans="8:8">
      <c r="H663907" s="12"/>
    </row>
    <row r="663908" spans="8:8">
      <c r="H663908" s="12"/>
    </row>
    <row r="663909" spans="8:8">
      <c r="H663909" s="12"/>
    </row>
    <row r="663910" spans="8:8">
      <c r="H663910" s="12"/>
    </row>
    <row r="663911" spans="8:8">
      <c r="H663911" s="12"/>
    </row>
    <row r="663912" spans="8:8">
      <c r="H663912" s="12"/>
    </row>
    <row r="663913" spans="8:8">
      <c r="H663913" s="12"/>
    </row>
    <row r="663914" spans="8:8">
      <c r="H663914" s="12"/>
    </row>
    <row r="663915" spans="8:8">
      <c r="H663915" s="12"/>
    </row>
    <row r="663916" spans="8:8">
      <c r="H663916" s="12"/>
    </row>
    <row r="663917" spans="8:8">
      <c r="H663917" s="12"/>
    </row>
    <row r="663918" spans="8:8">
      <c r="H663918" s="12"/>
    </row>
    <row r="663919" spans="8:8">
      <c r="H663919" s="12"/>
    </row>
    <row r="663920" spans="8:8">
      <c r="H663920" s="12"/>
    </row>
    <row r="663921" spans="8:8">
      <c r="H663921" s="12"/>
    </row>
    <row r="663922" spans="8:8">
      <c r="H663922" s="12"/>
    </row>
    <row r="663923" spans="8:8">
      <c r="H663923" s="12"/>
    </row>
    <row r="663924" spans="8:8">
      <c r="H663924" s="12"/>
    </row>
    <row r="663925" spans="8:8">
      <c r="H663925" s="12"/>
    </row>
    <row r="663926" spans="8:8">
      <c r="H663926" s="12"/>
    </row>
    <row r="663927" spans="8:8">
      <c r="H663927" s="12"/>
    </row>
    <row r="663928" spans="8:8">
      <c r="H663928" s="12"/>
    </row>
    <row r="663929" spans="8:8">
      <c r="H663929" s="12"/>
    </row>
    <row r="663930" spans="8:8">
      <c r="H663930" s="12"/>
    </row>
    <row r="663931" spans="8:8">
      <c r="H663931" s="12"/>
    </row>
    <row r="663932" spans="8:8">
      <c r="H663932" s="12"/>
    </row>
    <row r="663933" spans="8:8">
      <c r="H663933" s="12"/>
    </row>
    <row r="663934" spans="8:8">
      <c r="H663934" s="12"/>
    </row>
    <row r="663935" spans="8:8">
      <c r="H663935" s="12"/>
    </row>
    <row r="663936" spans="8:8">
      <c r="H663936" s="12"/>
    </row>
    <row r="663937" spans="8:8">
      <c r="H663937" s="12"/>
    </row>
    <row r="663938" spans="8:8">
      <c r="H663938" s="12"/>
    </row>
    <row r="663939" spans="8:8">
      <c r="H663939" s="12"/>
    </row>
    <row r="663940" spans="8:8">
      <c r="H663940" s="12"/>
    </row>
    <row r="663941" spans="8:8">
      <c r="H663941" s="12"/>
    </row>
    <row r="663942" spans="8:8">
      <c r="H663942" s="12"/>
    </row>
    <row r="663943" spans="8:8">
      <c r="H663943" s="12"/>
    </row>
    <row r="663944" spans="8:8">
      <c r="H663944" s="12"/>
    </row>
    <row r="663945" spans="8:8">
      <c r="H663945" s="12"/>
    </row>
    <row r="663946" spans="8:8">
      <c r="H663946" s="12"/>
    </row>
    <row r="663947" spans="8:8">
      <c r="H663947" s="12"/>
    </row>
    <row r="663948" spans="8:8">
      <c r="H663948" s="12"/>
    </row>
    <row r="663949" spans="8:8">
      <c r="H663949" s="12"/>
    </row>
    <row r="663950" spans="8:8">
      <c r="H663950" s="12"/>
    </row>
    <row r="663951" spans="8:8">
      <c r="H663951" s="12"/>
    </row>
    <row r="663952" spans="8:8">
      <c r="H663952" s="12"/>
    </row>
    <row r="663953" spans="8:8">
      <c r="H663953" s="12"/>
    </row>
    <row r="663954" spans="8:8">
      <c r="H663954" s="12"/>
    </row>
    <row r="663955" spans="8:8">
      <c r="H663955" s="12"/>
    </row>
    <row r="663956" spans="8:8">
      <c r="H663956" s="12"/>
    </row>
    <row r="663957" spans="8:8">
      <c r="H663957" s="12"/>
    </row>
    <row r="663958" spans="8:8">
      <c r="H663958" s="12"/>
    </row>
    <row r="663959" spans="8:8">
      <c r="H663959" s="12"/>
    </row>
    <row r="663960" spans="8:8">
      <c r="H663960" s="12"/>
    </row>
    <row r="663961" spans="8:8">
      <c r="H663961" s="12"/>
    </row>
    <row r="663962" spans="8:8">
      <c r="H663962" s="12"/>
    </row>
    <row r="663963" spans="8:8">
      <c r="H663963" s="12"/>
    </row>
    <row r="663964" spans="8:8">
      <c r="H663964" s="12"/>
    </row>
    <row r="663965" spans="8:8">
      <c r="H663965" s="12"/>
    </row>
    <row r="663966" spans="8:8">
      <c r="H663966" s="12"/>
    </row>
    <row r="663967" spans="8:8">
      <c r="H663967" s="12"/>
    </row>
    <row r="663968" spans="8:8">
      <c r="H663968" s="12"/>
    </row>
    <row r="663969" spans="8:8">
      <c r="H663969" s="12"/>
    </row>
    <row r="663970" spans="8:8">
      <c r="H663970" s="12"/>
    </row>
    <row r="663971" spans="8:8">
      <c r="H663971" s="12"/>
    </row>
    <row r="663972" spans="8:8">
      <c r="H663972" s="12"/>
    </row>
    <row r="663973" spans="8:8">
      <c r="H663973" s="12"/>
    </row>
    <row r="663974" spans="8:8">
      <c r="H663974" s="12"/>
    </row>
    <row r="663975" spans="8:8">
      <c r="H663975" s="12"/>
    </row>
    <row r="663976" spans="8:8">
      <c r="H663976" s="12"/>
    </row>
    <row r="663977" spans="8:8">
      <c r="H663977" s="12"/>
    </row>
    <row r="663978" spans="8:8">
      <c r="H663978" s="12"/>
    </row>
    <row r="663979" spans="8:8">
      <c r="H663979" s="12"/>
    </row>
    <row r="663980" spans="8:8">
      <c r="H663980" s="12"/>
    </row>
    <row r="663981" spans="8:8">
      <c r="H663981" s="12"/>
    </row>
    <row r="663982" spans="8:8">
      <c r="H663982" s="12"/>
    </row>
    <row r="663983" spans="8:8">
      <c r="H663983" s="12"/>
    </row>
    <row r="663984" spans="8:8">
      <c r="H663984" s="12"/>
    </row>
    <row r="663985" spans="8:8">
      <c r="H663985" s="12"/>
    </row>
    <row r="663986" spans="8:8">
      <c r="H663986" s="12"/>
    </row>
    <row r="663987" spans="8:8">
      <c r="H663987" s="12"/>
    </row>
    <row r="663988" spans="8:8">
      <c r="H663988" s="12"/>
    </row>
    <row r="663989" spans="8:8">
      <c r="H663989" s="12"/>
    </row>
    <row r="663990" spans="8:8">
      <c r="H663990" s="12"/>
    </row>
    <row r="663991" spans="8:8">
      <c r="H663991" s="12"/>
    </row>
    <row r="663992" spans="8:8">
      <c r="H663992" s="12"/>
    </row>
    <row r="663993" spans="8:8">
      <c r="H663993" s="12"/>
    </row>
    <row r="663994" spans="8:8">
      <c r="H663994" s="12"/>
    </row>
    <row r="663995" spans="8:8">
      <c r="H663995" s="12"/>
    </row>
    <row r="663996" spans="8:8">
      <c r="H663996" s="12"/>
    </row>
    <row r="663997" spans="8:8">
      <c r="H663997" s="12"/>
    </row>
    <row r="663998" spans="8:8">
      <c r="H663998" s="12"/>
    </row>
    <row r="663999" spans="8:8">
      <c r="H663999" s="12"/>
    </row>
    <row r="664000" spans="8:8">
      <c r="H664000" s="12"/>
    </row>
    <row r="664001" spans="8:8">
      <c r="H664001" s="12"/>
    </row>
    <row r="664002" spans="8:8">
      <c r="H664002" s="12"/>
    </row>
    <row r="664003" spans="8:8">
      <c r="H664003" s="12"/>
    </row>
    <row r="664004" spans="8:8">
      <c r="H664004" s="12"/>
    </row>
    <row r="664005" spans="8:8">
      <c r="H664005" s="12"/>
    </row>
    <row r="664006" spans="8:8">
      <c r="H664006" s="12"/>
    </row>
    <row r="664007" spans="8:8">
      <c r="H664007" s="12"/>
    </row>
    <row r="664008" spans="8:8">
      <c r="H664008" s="12"/>
    </row>
    <row r="664009" spans="8:8">
      <c r="H664009" s="12"/>
    </row>
    <row r="664010" spans="8:8">
      <c r="H664010" s="12"/>
    </row>
    <row r="664011" spans="8:8">
      <c r="H664011" s="12"/>
    </row>
    <row r="664012" spans="8:8">
      <c r="H664012" s="12"/>
    </row>
    <row r="664013" spans="8:8">
      <c r="H664013" s="12"/>
    </row>
    <row r="664014" spans="8:8">
      <c r="H664014" s="12"/>
    </row>
    <row r="664015" spans="8:8">
      <c r="H664015" s="12"/>
    </row>
    <row r="664016" spans="8:8">
      <c r="H664016" s="12"/>
    </row>
    <row r="664017" spans="8:8">
      <c r="H664017" s="12"/>
    </row>
    <row r="664018" spans="8:8">
      <c r="H664018" s="12"/>
    </row>
    <row r="664019" spans="8:8">
      <c r="H664019" s="12"/>
    </row>
    <row r="664020" spans="8:8">
      <c r="H664020" s="12"/>
    </row>
    <row r="664021" spans="8:8">
      <c r="H664021" s="12"/>
    </row>
    <row r="664022" spans="8:8">
      <c r="H664022" s="12"/>
    </row>
    <row r="664023" spans="8:8">
      <c r="H664023" s="12"/>
    </row>
    <row r="664024" spans="8:8">
      <c r="H664024" s="12"/>
    </row>
    <row r="664025" spans="8:8">
      <c r="H664025" s="12"/>
    </row>
    <row r="664026" spans="8:8">
      <c r="H664026" s="12"/>
    </row>
    <row r="664027" spans="8:8">
      <c r="H664027" s="12"/>
    </row>
    <row r="664028" spans="8:8">
      <c r="H664028" s="12"/>
    </row>
    <row r="664029" spans="8:8">
      <c r="H664029" s="12"/>
    </row>
    <row r="664030" spans="8:8">
      <c r="H664030" s="12"/>
    </row>
    <row r="664031" spans="8:8">
      <c r="H664031" s="12"/>
    </row>
    <row r="664032" spans="8:8">
      <c r="H664032" s="12"/>
    </row>
    <row r="664033" spans="8:8">
      <c r="H664033" s="12"/>
    </row>
    <row r="664034" spans="8:8">
      <c r="H664034" s="12"/>
    </row>
    <row r="664035" spans="8:8">
      <c r="H664035" s="12"/>
    </row>
    <row r="664036" spans="8:8">
      <c r="H664036" s="12"/>
    </row>
    <row r="664037" spans="8:8">
      <c r="H664037" s="12"/>
    </row>
    <row r="664038" spans="8:8">
      <c r="H664038" s="12"/>
    </row>
    <row r="664039" spans="8:8">
      <c r="H664039" s="12"/>
    </row>
    <row r="664040" spans="8:8">
      <c r="H664040" s="12"/>
    </row>
    <row r="664041" spans="8:8">
      <c r="H664041" s="12"/>
    </row>
    <row r="664042" spans="8:8">
      <c r="H664042" s="12"/>
    </row>
    <row r="664043" spans="8:8">
      <c r="H664043" s="12"/>
    </row>
    <row r="664044" spans="8:8">
      <c r="H664044" s="12"/>
    </row>
    <row r="664045" spans="8:8">
      <c r="H664045" s="12"/>
    </row>
    <row r="664046" spans="8:8">
      <c r="H664046" s="12"/>
    </row>
    <row r="664047" spans="8:8">
      <c r="H664047" s="12"/>
    </row>
    <row r="664048" spans="8:8">
      <c r="H664048" s="12"/>
    </row>
    <row r="664049" spans="8:8">
      <c r="H664049" s="12"/>
    </row>
    <row r="664050" spans="8:8">
      <c r="H664050" s="12"/>
    </row>
    <row r="664051" spans="8:8">
      <c r="H664051" s="12"/>
    </row>
    <row r="664052" spans="8:8">
      <c r="H664052" s="12"/>
    </row>
    <row r="664053" spans="8:8">
      <c r="H664053" s="12"/>
    </row>
    <row r="664054" spans="8:8">
      <c r="H664054" s="12"/>
    </row>
    <row r="664055" spans="8:8">
      <c r="H664055" s="12"/>
    </row>
    <row r="664056" spans="8:8">
      <c r="H664056" s="12"/>
    </row>
    <row r="664057" spans="8:8">
      <c r="H664057" s="12"/>
    </row>
    <row r="664058" spans="8:8">
      <c r="H664058" s="12"/>
    </row>
    <row r="664059" spans="8:8">
      <c r="H664059" s="12"/>
    </row>
    <row r="664060" spans="8:8">
      <c r="H664060" s="12"/>
    </row>
    <row r="664061" spans="8:8">
      <c r="H664061" s="12"/>
    </row>
    <row r="664062" spans="8:8">
      <c r="H664062" s="12"/>
    </row>
    <row r="664063" spans="8:8">
      <c r="H664063" s="12"/>
    </row>
    <row r="664064" spans="8:8">
      <c r="H664064" s="12"/>
    </row>
    <row r="664065" spans="8:8">
      <c r="H664065" s="12"/>
    </row>
    <row r="664066" spans="8:8">
      <c r="H664066" s="12"/>
    </row>
    <row r="664067" spans="8:8">
      <c r="H664067" s="12"/>
    </row>
    <row r="664068" spans="8:8">
      <c r="H664068" s="12"/>
    </row>
    <row r="664069" spans="8:8">
      <c r="H664069" s="12"/>
    </row>
    <row r="664070" spans="8:8">
      <c r="H664070" s="12"/>
    </row>
    <row r="664071" spans="8:8">
      <c r="H664071" s="12"/>
    </row>
    <row r="664072" spans="8:8">
      <c r="H664072" s="12"/>
    </row>
    <row r="664073" spans="8:8">
      <c r="H664073" s="12"/>
    </row>
    <row r="664074" spans="8:8">
      <c r="H664074" s="12"/>
    </row>
    <row r="664075" spans="8:8">
      <c r="H664075" s="12"/>
    </row>
    <row r="664076" spans="8:8">
      <c r="H664076" s="12"/>
    </row>
    <row r="664077" spans="8:8">
      <c r="H664077" s="12"/>
    </row>
    <row r="664078" spans="8:8">
      <c r="H664078" s="12"/>
    </row>
    <row r="664079" spans="8:8">
      <c r="H664079" s="12"/>
    </row>
    <row r="664080" spans="8:8">
      <c r="H664080" s="12"/>
    </row>
    <row r="664081" spans="8:8">
      <c r="H664081" s="12"/>
    </row>
    <row r="664082" spans="8:8">
      <c r="H664082" s="12"/>
    </row>
    <row r="664083" spans="8:8">
      <c r="H664083" s="12"/>
    </row>
    <row r="664084" spans="8:8">
      <c r="H664084" s="12"/>
    </row>
    <row r="664085" spans="8:8">
      <c r="H664085" s="12"/>
    </row>
    <row r="664086" spans="8:8">
      <c r="H664086" s="12"/>
    </row>
    <row r="664087" spans="8:8">
      <c r="H664087" s="12"/>
    </row>
    <row r="664088" spans="8:8">
      <c r="H664088" s="12"/>
    </row>
    <row r="664089" spans="8:8">
      <c r="H664089" s="12"/>
    </row>
    <row r="664090" spans="8:8">
      <c r="H664090" s="12"/>
    </row>
    <row r="664091" spans="8:8">
      <c r="H664091" s="12"/>
    </row>
    <row r="664092" spans="8:8">
      <c r="H664092" s="12"/>
    </row>
    <row r="664093" spans="8:8">
      <c r="H664093" s="12"/>
    </row>
    <row r="664094" spans="8:8">
      <c r="H664094" s="12"/>
    </row>
    <row r="664095" spans="8:8">
      <c r="H664095" s="12"/>
    </row>
    <row r="664096" spans="8:8">
      <c r="H664096" s="12"/>
    </row>
    <row r="664097" spans="8:8">
      <c r="H664097" s="12"/>
    </row>
    <row r="664098" spans="8:8">
      <c r="H664098" s="12"/>
    </row>
    <row r="664099" spans="8:8">
      <c r="H664099" s="12"/>
    </row>
    <row r="664100" spans="8:8">
      <c r="H664100" s="12"/>
    </row>
    <row r="664101" spans="8:8">
      <c r="H664101" s="12"/>
    </row>
    <row r="664102" spans="8:8">
      <c r="H664102" s="12"/>
    </row>
    <row r="664103" spans="8:8">
      <c r="H664103" s="12"/>
    </row>
    <row r="664104" spans="8:8">
      <c r="H664104" s="12"/>
    </row>
    <row r="664105" spans="8:8">
      <c r="H664105" s="12"/>
    </row>
    <row r="664106" spans="8:8">
      <c r="H664106" s="12"/>
    </row>
    <row r="664107" spans="8:8">
      <c r="H664107" s="12"/>
    </row>
    <row r="664108" spans="8:8">
      <c r="H664108" s="12"/>
    </row>
    <row r="664109" spans="8:8">
      <c r="H664109" s="12"/>
    </row>
    <row r="664110" spans="8:8">
      <c r="H664110" s="12"/>
    </row>
    <row r="664111" spans="8:8">
      <c r="H664111" s="12"/>
    </row>
    <row r="664112" spans="8:8">
      <c r="H664112" s="12"/>
    </row>
    <row r="664113" spans="8:8">
      <c r="H664113" s="12"/>
    </row>
    <row r="664114" spans="8:8">
      <c r="H664114" s="12"/>
    </row>
    <row r="664115" spans="8:8">
      <c r="H664115" s="12"/>
    </row>
    <row r="664116" spans="8:8">
      <c r="H664116" s="12"/>
    </row>
    <row r="664117" spans="8:8">
      <c r="H664117" s="12"/>
    </row>
    <row r="664118" spans="8:8">
      <c r="H664118" s="12"/>
    </row>
    <row r="664119" spans="8:8">
      <c r="H664119" s="12"/>
    </row>
    <row r="664120" spans="8:8">
      <c r="H664120" s="12"/>
    </row>
    <row r="664121" spans="8:8">
      <c r="H664121" s="12"/>
    </row>
    <row r="664122" spans="8:8">
      <c r="H664122" s="12"/>
    </row>
    <row r="664123" spans="8:8">
      <c r="H664123" s="12"/>
    </row>
    <row r="664124" spans="8:8">
      <c r="H664124" s="12"/>
    </row>
    <row r="664125" spans="8:8">
      <c r="H664125" s="12"/>
    </row>
    <row r="664126" spans="8:8">
      <c r="H664126" s="12"/>
    </row>
    <row r="664127" spans="8:8">
      <c r="H664127" s="12"/>
    </row>
    <row r="664128" spans="8:8">
      <c r="H664128" s="12"/>
    </row>
    <row r="664129" spans="8:8">
      <c r="H664129" s="12"/>
    </row>
    <row r="664130" spans="8:8">
      <c r="H664130" s="12"/>
    </row>
    <row r="664131" spans="8:8">
      <c r="H664131" s="12"/>
    </row>
    <row r="664132" spans="8:8">
      <c r="H664132" s="12"/>
    </row>
    <row r="664133" spans="8:8">
      <c r="H664133" s="12"/>
    </row>
    <row r="664134" spans="8:8">
      <c r="H664134" s="12"/>
    </row>
    <row r="664135" spans="8:8">
      <c r="H664135" s="12"/>
    </row>
    <row r="664136" spans="8:8">
      <c r="H664136" s="12"/>
    </row>
    <row r="664137" spans="8:8">
      <c r="H664137" s="12"/>
    </row>
    <row r="664138" spans="8:8">
      <c r="H664138" s="12"/>
    </row>
    <row r="664139" spans="8:8">
      <c r="H664139" s="12"/>
    </row>
    <row r="664140" spans="8:8">
      <c r="H664140" s="12"/>
    </row>
    <row r="664141" spans="8:8">
      <c r="H664141" s="12"/>
    </row>
    <row r="664142" spans="8:8">
      <c r="H664142" s="12"/>
    </row>
    <row r="664143" spans="8:8">
      <c r="H664143" s="12"/>
    </row>
    <row r="664144" spans="8:8">
      <c r="H664144" s="12"/>
    </row>
    <row r="664145" spans="8:8">
      <c r="H664145" s="12"/>
    </row>
    <row r="664146" spans="8:8">
      <c r="H664146" s="12"/>
    </row>
    <row r="664147" spans="8:8">
      <c r="H664147" s="12"/>
    </row>
    <row r="664148" spans="8:8">
      <c r="H664148" s="12"/>
    </row>
    <row r="664149" spans="8:8">
      <c r="H664149" s="12"/>
    </row>
    <row r="664150" spans="8:8">
      <c r="H664150" s="12"/>
    </row>
    <row r="664151" spans="8:8">
      <c r="H664151" s="12"/>
    </row>
    <row r="664152" spans="8:8">
      <c r="H664152" s="12"/>
    </row>
    <row r="664153" spans="8:8">
      <c r="H664153" s="12"/>
    </row>
    <row r="664154" spans="8:8">
      <c r="H664154" s="12"/>
    </row>
    <row r="664155" spans="8:8">
      <c r="H664155" s="12"/>
    </row>
    <row r="664156" spans="8:8">
      <c r="H664156" s="12"/>
    </row>
    <row r="664157" spans="8:8">
      <c r="H664157" s="12"/>
    </row>
    <row r="664158" spans="8:8">
      <c r="H664158" s="12"/>
    </row>
    <row r="664159" spans="8:8">
      <c r="H664159" s="12"/>
    </row>
    <row r="664160" spans="8:8">
      <c r="H664160" s="12"/>
    </row>
    <row r="664161" spans="8:8">
      <c r="H664161" s="12"/>
    </row>
    <row r="664162" spans="8:8">
      <c r="H664162" s="12"/>
    </row>
    <row r="664163" spans="8:8">
      <c r="H664163" s="12"/>
    </row>
    <row r="664164" spans="8:8">
      <c r="H664164" s="12"/>
    </row>
    <row r="664165" spans="8:8">
      <c r="H664165" s="12"/>
    </row>
    <row r="664166" spans="8:8">
      <c r="H664166" s="12"/>
    </row>
    <row r="664167" spans="8:8">
      <c r="H664167" s="12"/>
    </row>
    <row r="664168" spans="8:8">
      <c r="H664168" s="12"/>
    </row>
    <row r="664169" spans="8:8">
      <c r="H664169" s="12"/>
    </row>
    <row r="664170" spans="8:8">
      <c r="H664170" s="12"/>
    </row>
    <row r="664171" spans="8:8">
      <c r="H664171" s="12"/>
    </row>
    <row r="664172" spans="8:8">
      <c r="H664172" s="12"/>
    </row>
    <row r="664173" spans="8:8">
      <c r="H664173" s="12"/>
    </row>
    <row r="664174" spans="8:8">
      <c r="H664174" s="12"/>
    </row>
    <row r="664175" spans="8:8">
      <c r="H664175" s="12"/>
    </row>
    <row r="664176" spans="8:8">
      <c r="H664176" s="12"/>
    </row>
    <row r="664177" spans="8:8">
      <c r="H664177" s="12"/>
    </row>
    <row r="664178" spans="8:8">
      <c r="H664178" s="12"/>
    </row>
    <row r="664179" spans="8:8">
      <c r="H664179" s="12"/>
    </row>
    <row r="664180" spans="8:8">
      <c r="H664180" s="12"/>
    </row>
    <row r="664181" spans="8:8">
      <c r="H664181" s="12"/>
    </row>
    <row r="664182" spans="8:8">
      <c r="H664182" s="12"/>
    </row>
    <row r="664183" spans="8:8">
      <c r="H664183" s="12"/>
    </row>
    <row r="664184" spans="8:8">
      <c r="H664184" s="12"/>
    </row>
    <row r="664185" spans="8:8">
      <c r="H664185" s="12"/>
    </row>
    <row r="664186" spans="8:8">
      <c r="H664186" s="12"/>
    </row>
    <row r="664187" spans="8:8">
      <c r="H664187" s="12"/>
    </row>
    <row r="664188" spans="8:8">
      <c r="H664188" s="12"/>
    </row>
    <row r="664189" spans="8:8">
      <c r="H664189" s="12"/>
    </row>
    <row r="664190" spans="8:8">
      <c r="H664190" s="12"/>
    </row>
    <row r="664191" spans="8:8">
      <c r="H664191" s="12"/>
    </row>
    <row r="664192" spans="8:8">
      <c r="H664192" s="12"/>
    </row>
    <row r="664193" spans="8:8">
      <c r="H664193" s="12"/>
    </row>
    <row r="664194" spans="8:8">
      <c r="H664194" s="12"/>
    </row>
    <row r="664195" spans="8:8">
      <c r="H664195" s="12"/>
    </row>
    <row r="664196" spans="8:8">
      <c r="H664196" s="12"/>
    </row>
    <row r="664197" spans="8:8">
      <c r="H664197" s="12"/>
    </row>
    <row r="664198" spans="8:8">
      <c r="H664198" s="12"/>
    </row>
    <row r="664199" spans="8:8">
      <c r="H664199" s="12"/>
    </row>
    <row r="664200" spans="8:8">
      <c r="H664200" s="12"/>
    </row>
    <row r="664201" spans="8:8">
      <c r="H664201" s="12"/>
    </row>
    <row r="664202" spans="8:8">
      <c r="H664202" s="12"/>
    </row>
    <row r="664203" spans="8:8">
      <c r="H664203" s="12"/>
    </row>
    <row r="664204" spans="8:8">
      <c r="H664204" s="12"/>
    </row>
    <row r="664205" spans="8:8">
      <c r="H664205" s="12"/>
    </row>
    <row r="664206" spans="8:8">
      <c r="H664206" s="12"/>
    </row>
    <row r="664207" spans="8:8">
      <c r="H664207" s="12"/>
    </row>
    <row r="664208" spans="8:8">
      <c r="H664208" s="12"/>
    </row>
    <row r="664209" spans="8:8">
      <c r="H664209" s="12"/>
    </row>
    <row r="664210" spans="8:8">
      <c r="H664210" s="12"/>
    </row>
    <row r="664211" spans="8:8">
      <c r="H664211" s="12"/>
    </row>
    <row r="664212" spans="8:8">
      <c r="H664212" s="12"/>
    </row>
    <row r="664213" spans="8:8">
      <c r="H664213" s="12"/>
    </row>
    <row r="664214" spans="8:8">
      <c r="H664214" s="12"/>
    </row>
    <row r="664215" spans="8:8">
      <c r="H664215" s="12"/>
    </row>
    <row r="664216" spans="8:8">
      <c r="H664216" s="12"/>
    </row>
    <row r="664217" spans="8:8">
      <c r="H664217" s="12"/>
    </row>
    <row r="664218" spans="8:8">
      <c r="H664218" s="12"/>
    </row>
    <row r="664219" spans="8:8">
      <c r="H664219" s="12"/>
    </row>
    <row r="664220" spans="8:8">
      <c r="H664220" s="12"/>
    </row>
    <row r="664221" spans="8:8">
      <c r="H664221" s="12"/>
    </row>
    <row r="664222" spans="8:8">
      <c r="H664222" s="12"/>
    </row>
    <row r="664223" spans="8:8">
      <c r="H664223" s="12"/>
    </row>
    <row r="664224" spans="8:8">
      <c r="H664224" s="12"/>
    </row>
    <row r="664225" spans="8:8">
      <c r="H664225" s="12"/>
    </row>
    <row r="664226" spans="8:8">
      <c r="H664226" s="12"/>
    </row>
    <row r="664227" spans="8:8">
      <c r="H664227" s="12"/>
    </row>
    <row r="664228" spans="8:8">
      <c r="H664228" s="12"/>
    </row>
    <row r="664229" spans="8:8">
      <c r="H664229" s="12"/>
    </row>
    <row r="664230" spans="8:8">
      <c r="H664230" s="12"/>
    </row>
    <row r="664231" spans="8:8">
      <c r="H664231" s="12"/>
    </row>
    <row r="664232" spans="8:8">
      <c r="H664232" s="12"/>
    </row>
    <row r="664233" spans="8:8">
      <c r="H664233" s="12"/>
    </row>
    <row r="664234" spans="8:8">
      <c r="H664234" s="12"/>
    </row>
    <row r="664235" spans="8:8">
      <c r="H664235" s="12"/>
    </row>
    <row r="664236" spans="8:8">
      <c r="H664236" s="12"/>
    </row>
    <row r="664237" spans="8:8">
      <c r="H664237" s="12"/>
    </row>
    <row r="664238" spans="8:8">
      <c r="H664238" s="12"/>
    </row>
    <row r="664239" spans="8:8">
      <c r="H664239" s="12"/>
    </row>
    <row r="664240" spans="8:8">
      <c r="H664240" s="12"/>
    </row>
    <row r="664241" spans="8:8">
      <c r="H664241" s="12"/>
    </row>
    <row r="664242" spans="8:8">
      <c r="H664242" s="12"/>
    </row>
    <row r="664243" spans="8:8">
      <c r="H664243" s="12"/>
    </row>
    <row r="664244" spans="8:8">
      <c r="H664244" s="12"/>
    </row>
    <row r="664245" spans="8:8">
      <c r="H664245" s="12"/>
    </row>
    <row r="664246" spans="8:8">
      <c r="H664246" s="12"/>
    </row>
    <row r="664247" spans="8:8">
      <c r="H664247" s="12"/>
    </row>
    <row r="664248" spans="8:8">
      <c r="H664248" s="12"/>
    </row>
    <row r="664249" spans="8:8">
      <c r="H664249" s="12"/>
    </row>
    <row r="664250" spans="8:8">
      <c r="H664250" s="12"/>
    </row>
    <row r="664251" spans="8:8">
      <c r="H664251" s="12"/>
    </row>
    <row r="664252" spans="8:8">
      <c r="H664252" s="12"/>
    </row>
    <row r="664253" spans="8:8">
      <c r="H664253" s="12"/>
    </row>
    <row r="664254" spans="8:8">
      <c r="H664254" s="12"/>
    </row>
    <row r="664255" spans="8:8">
      <c r="H664255" s="12"/>
    </row>
    <row r="664256" spans="8:8">
      <c r="H664256" s="12"/>
    </row>
    <row r="664257" spans="8:8">
      <c r="H664257" s="12"/>
    </row>
    <row r="664258" spans="8:8">
      <c r="H664258" s="12"/>
    </row>
    <row r="664259" spans="8:8">
      <c r="H664259" s="12"/>
    </row>
    <row r="664260" spans="8:8">
      <c r="H664260" s="12"/>
    </row>
    <row r="664261" spans="8:8">
      <c r="H664261" s="12"/>
    </row>
    <row r="664262" spans="8:8">
      <c r="H664262" s="12"/>
    </row>
    <row r="664263" spans="8:8">
      <c r="H664263" s="12"/>
    </row>
    <row r="664264" spans="8:8">
      <c r="H664264" s="12"/>
    </row>
    <row r="664265" spans="8:8">
      <c r="H664265" s="12"/>
    </row>
    <row r="664266" spans="8:8">
      <c r="H664266" s="12"/>
    </row>
    <row r="664267" spans="8:8">
      <c r="H664267" s="12"/>
    </row>
    <row r="664268" spans="8:8">
      <c r="H664268" s="12"/>
    </row>
    <row r="664269" spans="8:8">
      <c r="H664269" s="12"/>
    </row>
    <row r="664270" spans="8:8">
      <c r="H664270" s="12"/>
    </row>
    <row r="664271" spans="8:8">
      <c r="H664271" s="12"/>
    </row>
    <row r="664272" spans="8:8">
      <c r="H664272" s="12"/>
    </row>
    <row r="664273" spans="8:8">
      <c r="H664273" s="12"/>
    </row>
    <row r="664274" spans="8:8">
      <c r="H664274" s="12"/>
    </row>
    <row r="664275" spans="8:8">
      <c r="H664275" s="12"/>
    </row>
    <row r="664276" spans="8:8">
      <c r="H664276" s="12"/>
    </row>
    <row r="664277" spans="8:8">
      <c r="H664277" s="12"/>
    </row>
    <row r="664278" spans="8:8">
      <c r="H664278" s="12"/>
    </row>
    <row r="664279" spans="8:8">
      <c r="H664279" s="12"/>
    </row>
    <row r="664280" spans="8:8">
      <c r="H664280" s="12"/>
    </row>
    <row r="664281" spans="8:8">
      <c r="H664281" s="12"/>
    </row>
    <row r="664282" spans="8:8">
      <c r="H664282" s="12"/>
    </row>
    <row r="664283" spans="8:8">
      <c r="H664283" s="12"/>
    </row>
    <row r="664284" spans="8:8">
      <c r="H664284" s="12"/>
    </row>
    <row r="664285" spans="8:8">
      <c r="H664285" s="12"/>
    </row>
    <row r="664286" spans="8:8">
      <c r="H664286" s="12"/>
    </row>
    <row r="664287" spans="8:8">
      <c r="H664287" s="12"/>
    </row>
    <row r="664288" spans="8:8">
      <c r="H664288" s="12"/>
    </row>
    <row r="664289" spans="8:8">
      <c r="H664289" s="12"/>
    </row>
    <row r="664290" spans="8:8">
      <c r="H664290" s="12"/>
    </row>
    <row r="664291" spans="8:8">
      <c r="H664291" s="12"/>
    </row>
    <row r="664292" spans="8:8">
      <c r="H664292" s="12"/>
    </row>
    <row r="664293" spans="8:8">
      <c r="H664293" s="12"/>
    </row>
    <row r="664294" spans="8:8">
      <c r="H664294" s="12"/>
    </row>
    <row r="664295" spans="8:8">
      <c r="H664295" s="12"/>
    </row>
    <row r="664296" spans="8:8">
      <c r="H664296" s="12"/>
    </row>
    <row r="664297" spans="8:8">
      <c r="H664297" s="12"/>
    </row>
    <row r="664298" spans="8:8">
      <c r="H664298" s="12"/>
    </row>
    <row r="664299" spans="8:8">
      <c r="H664299" s="12"/>
    </row>
    <row r="664300" spans="8:8">
      <c r="H664300" s="12"/>
    </row>
    <row r="664301" spans="8:8">
      <c r="H664301" s="12"/>
    </row>
    <row r="664302" spans="8:8">
      <c r="H664302" s="12"/>
    </row>
    <row r="664303" spans="8:8">
      <c r="H664303" s="12"/>
    </row>
    <row r="664304" spans="8:8">
      <c r="H664304" s="12"/>
    </row>
    <row r="664305" spans="8:8">
      <c r="H664305" s="12"/>
    </row>
    <row r="664306" spans="8:8">
      <c r="H664306" s="12"/>
    </row>
    <row r="664307" spans="8:8">
      <c r="H664307" s="12"/>
    </row>
    <row r="664308" spans="8:8">
      <c r="H664308" s="12"/>
    </row>
    <row r="664309" spans="8:8">
      <c r="H664309" s="12"/>
    </row>
    <row r="664310" spans="8:8">
      <c r="H664310" s="12"/>
    </row>
    <row r="664311" spans="8:8">
      <c r="H664311" s="12"/>
    </row>
    <row r="664312" spans="8:8">
      <c r="H664312" s="12"/>
    </row>
    <row r="664313" spans="8:8">
      <c r="H664313" s="12"/>
    </row>
    <row r="664314" spans="8:8">
      <c r="H664314" s="12"/>
    </row>
    <row r="664315" spans="8:8">
      <c r="H664315" s="12"/>
    </row>
    <row r="664316" spans="8:8">
      <c r="H664316" s="12"/>
    </row>
    <row r="664317" spans="8:8">
      <c r="H664317" s="12"/>
    </row>
    <row r="664318" spans="8:8">
      <c r="H664318" s="12"/>
    </row>
    <row r="664319" spans="8:8">
      <c r="H664319" s="12"/>
    </row>
    <row r="664320" spans="8:8">
      <c r="H664320" s="12"/>
    </row>
    <row r="664321" spans="8:8">
      <c r="H664321" s="12"/>
    </row>
    <row r="664322" spans="8:8">
      <c r="H664322" s="12"/>
    </row>
    <row r="664323" spans="8:8">
      <c r="H664323" s="12"/>
    </row>
    <row r="664324" spans="8:8">
      <c r="H664324" s="12"/>
    </row>
    <row r="664325" spans="8:8">
      <c r="H664325" s="12"/>
    </row>
    <row r="664326" spans="8:8">
      <c r="H664326" s="12"/>
    </row>
    <row r="664327" spans="8:8">
      <c r="H664327" s="12"/>
    </row>
    <row r="664328" spans="8:8">
      <c r="H664328" s="12"/>
    </row>
    <row r="664329" spans="8:8">
      <c r="H664329" s="12"/>
    </row>
    <row r="664330" spans="8:8">
      <c r="H664330" s="12"/>
    </row>
    <row r="664331" spans="8:8">
      <c r="H664331" s="12"/>
    </row>
    <row r="664332" spans="8:8">
      <c r="H664332" s="12"/>
    </row>
    <row r="664333" spans="8:8">
      <c r="H664333" s="12"/>
    </row>
    <row r="664334" spans="8:8">
      <c r="H664334" s="12"/>
    </row>
    <row r="664335" spans="8:8">
      <c r="H664335" s="12"/>
    </row>
    <row r="664336" spans="8:8">
      <c r="H664336" s="12"/>
    </row>
    <row r="664337" spans="8:8">
      <c r="H664337" s="12"/>
    </row>
    <row r="664338" spans="8:8">
      <c r="H664338" s="12"/>
    </row>
    <row r="664339" spans="8:8">
      <c r="H664339" s="12"/>
    </row>
    <row r="664340" spans="8:8">
      <c r="H664340" s="12"/>
    </row>
    <row r="664341" spans="8:8">
      <c r="H664341" s="12"/>
    </row>
    <row r="664342" spans="8:8">
      <c r="H664342" s="12"/>
    </row>
    <row r="664343" spans="8:8">
      <c r="H664343" s="12"/>
    </row>
    <row r="664344" spans="8:8">
      <c r="H664344" s="12"/>
    </row>
    <row r="664345" spans="8:8">
      <c r="H664345" s="12"/>
    </row>
    <row r="664346" spans="8:8">
      <c r="H664346" s="12"/>
    </row>
    <row r="664347" spans="8:8">
      <c r="H664347" s="12"/>
    </row>
    <row r="664348" spans="8:8">
      <c r="H664348" s="12"/>
    </row>
    <row r="664349" spans="8:8">
      <c r="H664349" s="12"/>
    </row>
    <row r="664350" spans="8:8">
      <c r="H664350" s="12"/>
    </row>
    <row r="664351" spans="8:8">
      <c r="H664351" s="12"/>
    </row>
    <row r="664352" spans="8:8">
      <c r="H664352" s="12"/>
    </row>
    <row r="664353" spans="8:8">
      <c r="H664353" s="12"/>
    </row>
    <row r="664354" spans="8:8">
      <c r="H664354" s="12"/>
    </row>
    <row r="664355" spans="8:8">
      <c r="H664355" s="12"/>
    </row>
    <row r="664356" spans="8:8">
      <c r="H664356" s="12"/>
    </row>
    <row r="664357" spans="8:8">
      <c r="H664357" s="12"/>
    </row>
    <row r="664358" spans="8:8">
      <c r="H664358" s="12"/>
    </row>
    <row r="664359" spans="8:8">
      <c r="H664359" s="12"/>
    </row>
    <row r="664360" spans="8:8">
      <c r="H664360" s="12"/>
    </row>
    <row r="664361" spans="8:8">
      <c r="H664361" s="12"/>
    </row>
    <row r="664362" spans="8:8">
      <c r="H664362" s="12"/>
    </row>
    <row r="664363" spans="8:8">
      <c r="H664363" s="12"/>
    </row>
    <row r="664364" spans="8:8">
      <c r="H664364" s="12"/>
    </row>
    <row r="664365" spans="8:8">
      <c r="H664365" s="12"/>
    </row>
    <row r="664366" spans="8:8">
      <c r="H664366" s="12"/>
    </row>
    <row r="664367" spans="8:8">
      <c r="H664367" s="12"/>
    </row>
    <row r="664368" spans="8:8">
      <c r="H664368" s="12"/>
    </row>
    <row r="664369" spans="8:8">
      <c r="H664369" s="12"/>
    </row>
    <row r="664370" spans="8:8">
      <c r="H664370" s="12"/>
    </row>
    <row r="664371" spans="8:8">
      <c r="H664371" s="12"/>
    </row>
    <row r="664372" spans="8:8">
      <c r="H664372" s="12"/>
    </row>
    <row r="664373" spans="8:8">
      <c r="H664373" s="12"/>
    </row>
    <row r="664374" spans="8:8">
      <c r="H664374" s="12"/>
    </row>
    <row r="664375" spans="8:8">
      <c r="H664375" s="12"/>
    </row>
    <row r="664376" spans="8:8">
      <c r="H664376" s="12"/>
    </row>
    <row r="664377" spans="8:8">
      <c r="H664377" s="12"/>
    </row>
    <row r="664378" spans="8:8">
      <c r="H664378" s="12"/>
    </row>
    <row r="664379" spans="8:8">
      <c r="H664379" s="12"/>
    </row>
    <row r="664380" spans="8:8">
      <c r="H664380" s="12"/>
    </row>
    <row r="664381" spans="8:8">
      <c r="H664381" s="12"/>
    </row>
    <row r="664382" spans="8:8">
      <c r="H664382" s="12"/>
    </row>
    <row r="664383" spans="8:8">
      <c r="H664383" s="12"/>
    </row>
    <row r="664384" spans="8:8">
      <c r="H664384" s="12"/>
    </row>
    <row r="664385" spans="8:8">
      <c r="H664385" s="12"/>
    </row>
    <row r="664386" spans="8:8">
      <c r="H664386" s="12"/>
    </row>
    <row r="664387" spans="8:8">
      <c r="H664387" s="12"/>
    </row>
    <row r="664388" spans="8:8">
      <c r="H664388" s="12"/>
    </row>
    <row r="664389" spans="8:8">
      <c r="H664389" s="12"/>
    </row>
    <row r="664390" spans="8:8">
      <c r="H664390" s="12"/>
    </row>
    <row r="664391" spans="8:8">
      <c r="H664391" s="12"/>
    </row>
    <row r="664392" spans="8:8">
      <c r="H664392" s="12"/>
    </row>
    <row r="664393" spans="8:8">
      <c r="H664393" s="12"/>
    </row>
    <row r="664394" spans="8:8">
      <c r="H664394" s="12"/>
    </row>
    <row r="664395" spans="8:8">
      <c r="H664395" s="12"/>
    </row>
    <row r="664396" spans="8:8">
      <c r="H664396" s="12"/>
    </row>
    <row r="664397" spans="8:8">
      <c r="H664397" s="12"/>
    </row>
    <row r="664398" spans="8:8">
      <c r="H664398" s="12"/>
    </row>
    <row r="664399" spans="8:8">
      <c r="H664399" s="12"/>
    </row>
    <row r="664400" spans="8:8">
      <c r="H664400" s="12"/>
    </row>
    <row r="664401" spans="8:8">
      <c r="H664401" s="12"/>
    </row>
    <row r="664402" spans="8:8">
      <c r="H664402" s="12"/>
    </row>
    <row r="664403" spans="8:8">
      <c r="H664403" s="12"/>
    </row>
    <row r="664404" spans="8:8">
      <c r="H664404" s="12"/>
    </row>
    <row r="664405" spans="8:8">
      <c r="H664405" s="12"/>
    </row>
    <row r="664406" spans="8:8">
      <c r="H664406" s="12"/>
    </row>
    <row r="664407" spans="8:8">
      <c r="H664407" s="12"/>
    </row>
    <row r="664408" spans="8:8">
      <c r="H664408" s="12"/>
    </row>
    <row r="664409" spans="8:8">
      <c r="H664409" s="12"/>
    </row>
    <row r="664410" spans="8:8">
      <c r="H664410" s="12"/>
    </row>
    <row r="664411" spans="8:8">
      <c r="H664411" s="12"/>
    </row>
    <row r="664412" spans="8:8">
      <c r="H664412" s="12"/>
    </row>
    <row r="664413" spans="8:8">
      <c r="H664413" s="12"/>
    </row>
    <row r="664414" spans="8:8">
      <c r="H664414" s="12"/>
    </row>
    <row r="664415" spans="8:8">
      <c r="H664415" s="12"/>
    </row>
    <row r="664416" spans="8:8">
      <c r="H664416" s="12"/>
    </row>
    <row r="664417" spans="8:8">
      <c r="H664417" s="12"/>
    </row>
    <row r="664418" spans="8:8">
      <c r="H664418" s="12"/>
    </row>
    <row r="664419" spans="8:8">
      <c r="H664419" s="12"/>
    </row>
    <row r="664420" spans="8:8">
      <c r="H664420" s="12"/>
    </row>
    <row r="664421" spans="8:8">
      <c r="H664421" s="12"/>
    </row>
    <row r="664422" spans="8:8">
      <c r="H664422" s="12"/>
    </row>
    <row r="664423" spans="8:8">
      <c r="H664423" s="12"/>
    </row>
    <row r="664424" spans="8:8">
      <c r="H664424" s="12"/>
    </row>
    <row r="664425" spans="8:8">
      <c r="H664425" s="12"/>
    </row>
    <row r="664426" spans="8:8">
      <c r="H664426" s="12"/>
    </row>
    <row r="664427" spans="8:8">
      <c r="H664427" s="12"/>
    </row>
    <row r="664428" spans="8:8">
      <c r="H664428" s="12"/>
    </row>
    <row r="664429" spans="8:8">
      <c r="H664429" s="12"/>
    </row>
    <row r="664430" spans="8:8">
      <c r="H664430" s="12"/>
    </row>
    <row r="664431" spans="8:8">
      <c r="H664431" s="12"/>
    </row>
    <row r="664432" spans="8:8">
      <c r="H664432" s="12"/>
    </row>
    <row r="664433" spans="8:8">
      <c r="H664433" s="12"/>
    </row>
    <row r="664434" spans="8:8">
      <c r="H664434" s="12"/>
    </row>
    <row r="664435" spans="8:8">
      <c r="H664435" s="12"/>
    </row>
    <row r="664436" spans="8:8">
      <c r="H664436" s="12"/>
    </row>
    <row r="664437" spans="8:8">
      <c r="H664437" s="12"/>
    </row>
    <row r="664438" spans="8:8">
      <c r="H664438" s="12"/>
    </row>
    <row r="664439" spans="8:8">
      <c r="H664439" s="12"/>
    </row>
    <row r="664440" spans="8:8">
      <c r="H664440" s="12"/>
    </row>
    <row r="664441" spans="8:8">
      <c r="H664441" s="12"/>
    </row>
    <row r="664442" spans="8:8">
      <c r="H664442" s="12"/>
    </row>
    <row r="664443" spans="8:8">
      <c r="H664443" s="12"/>
    </row>
    <row r="664444" spans="8:8">
      <c r="H664444" s="12"/>
    </row>
    <row r="664445" spans="8:8">
      <c r="H664445" s="12"/>
    </row>
    <row r="664446" spans="8:8">
      <c r="H664446" s="12"/>
    </row>
    <row r="664447" spans="8:8">
      <c r="H664447" s="12"/>
    </row>
    <row r="664448" spans="8:8">
      <c r="H664448" s="12"/>
    </row>
    <row r="664449" spans="8:8">
      <c r="H664449" s="12"/>
    </row>
    <row r="664450" spans="8:8">
      <c r="H664450" s="12"/>
    </row>
    <row r="664451" spans="8:8">
      <c r="H664451" s="12"/>
    </row>
    <row r="664452" spans="8:8">
      <c r="H664452" s="12"/>
    </row>
    <row r="664453" spans="8:8">
      <c r="H664453" s="12"/>
    </row>
    <row r="664454" spans="8:8">
      <c r="H664454" s="12"/>
    </row>
    <row r="664455" spans="8:8">
      <c r="H664455" s="12"/>
    </row>
    <row r="664456" spans="8:8">
      <c r="H664456" s="12"/>
    </row>
    <row r="664457" spans="8:8">
      <c r="H664457" s="12"/>
    </row>
    <row r="664458" spans="8:8">
      <c r="H664458" s="12"/>
    </row>
    <row r="664459" spans="8:8">
      <c r="H664459" s="12"/>
    </row>
    <row r="664460" spans="8:8">
      <c r="H664460" s="12"/>
    </row>
    <row r="664461" spans="8:8">
      <c r="H664461" s="12"/>
    </row>
    <row r="664462" spans="8:8">
      <c r="H664462" s="12"/>
    </row>
    <row r="664463" spans="8:8">
      <c r="H664463" s="12"/>
    </row>
    <row r="664464" spans="8:8">
      <c r="H664464" s="12"/>
    </row>
    <row r="664465" spans="8:8">
      <c r="H664465" s="12"/>
    </row>
    <row r="664466" spans="8:8">
      <c r="H664466" s="12"/>
    </row>
    <row r="664467" spans="8:8">
      <c r="H664467" s="12"/>
    </row>
    <row r="664468" spans="8:8">
      <c r="H664468" s="12"/>
    </row>
    <row r="664469" spans="8:8">
      <c r="H664469" s="12"/>
    </row>
    <row r="664470" spans="8:8">
      <c r="H664470" s="12"/>
    </row>
    <row r="664471" spans="8:8">
      <c r="H664471" s="12"/>
    </row>
    <row r="664472" spans="8:8">
      <c r="H664472" s="12"/>
    </row>
    <row r="664473" spans="8:8">
      <c r="H664473" s="12"/>
    </row>
    <row r="664474" spans="8:8">
      <c r="H664474" s="12"/>
    </row>
    <row r="664475" spans="8:8">
      <c r="H664475" s="12"/>
    </row>
    <row r="664476" spans="8:8">
      <c r="H664476" s="12"/>
    </row>
    <row r="664477" spans="8:8">
      <c r="H664477" s="12"/>
    </row>
    <row r="664478" spans="8:8">
      <c r="H664478" s="12"/>
    </row>
    <row r="664479" spans="8:8">
      <c r="H664479" s="12"/>
    </row>
    <row r="664480" spans="8:8">
      <c r="H664480" s="12"/>
    </row>
    <row r="664481" spans="8:8">
      <c r="H664481" s="12"/>
    </row>
    <row r="664482" spans="8:8">
      <c r="H664482" s="12"/>
    </row>
    <row r="664483" spans="8:8">
      <c r="H664483" s="12"/>
    </row>
    <row r="664484" spans="8:8">
      <c r="H664484" s="12"/>
    </row>
    <row r="664485" spans="8:8">
      <c r="H664485" s="12"/>
    </row>
    <row r="664486" spans="8:8">
      <c r="H664486" s="12"/>
    </row>
    <row r="664487" spans="8:8">
      <c r="H664487" s="12"/>
    </row>
    <row r="664488" spans="8:8">
      <c r="H664488" s="12"/>
    </row>
    <row r="664489" spans="8:8">
      <c r="H664489" s="12"/>
    </row>
    <row r="664490" spans="8:8">
      <c r="H664490" s="12"/>
    </row>
    <row r="664491" spans="8:8">
      <c r="H664491" s="12"/>
    </row>
    <row r="664492" spans="8:8">
      <c r="H664492" s="12"/>
    </row>
    <row r="664493" spans="8:8">
      <c r="H664493" s="12"/>
    </row>
    <row r="664494" spans="8:8">
      <c r="H664494" s="12"/>
    </row>
    <row r="664495" spans="8:8">
      <c r="H664495" s="12"/>
    </row>
    <row r="664496" spans="8:8">
      <c r="H664496" s="12"/>
    </row>
    <row r="664497" spans="8:8">
      <c r="H664497" s="12"/>
    </row>
    <row r="664498" spans="8:8">
      <c r="H664498" s="12"/>
    </row>
    <row r="664499" spans="8:8">
      <c r="H664499" s="12"/>
    </row>
    <row r="664500" spans="8:8">
      <c r="H664500" s="12"/>
    </row>
    <row r="664501" spans="8:8">
      <c r="H664501" s="12"/>
    </row>
    <row r="664502" spans="8:8">
      <c r="H664502" s="12"/>
    </row>
    <row r="664503" spans="8:8">
      <c r="H664503" s="12"/>
    </row>
    <row r="664504" spans="8:8">
      <c r="H664504" s="12"/>
    </row>
    <row r="664505" spans="8:8">
      <c r="H664505" s="12"/>
    </row>
    <row r="664506" spans="8:8">
      <c r="H664506" s="12"/>
    </row>
    <row r="664507" spans="8:8">
      <c r="H664507" s="12"/>
    </row>
    <row r="664508" spans="8:8">
      <c r="H664508" s="12"/>
    </row>
    <row r="664509" spans="8:8">
      <c r="H664509" s="12"/>
    </row>
    <row r="664510" spans="8:8">
      <c r="H664510" s="12"/>
    </row>
    <row r="664511" spans="8:8">
      <c r="H664511" s="12"/>
    </row>
    <row r="664512" spans="8:8">
      <c r="H664512" s="12"/>
    </row>
    <row r="664513" spans="8:8">
      <c r="H664513" s="12"/>
    </row>
    <row r="664514" spans="8:8">
      <c r="H664514" s="12"/>
    </row>
    <row r="664515" spans="8:8">
      <c r="H664515" s="12"/>
    </row>
    <row r="664516" spans="8:8">
      <c r="H664516" s="12"/>
    </row>
    <row r="664517" spans="8:8">
      <c r="H664517" s="12"/>
    </row>
    <row r="664518" spans="8:8">
      <c r="H664518" s="12"/>
    </row>
    <row r="664519" spans="8:8">
      <c r="H664519" s="12"/>
    </row>
    <row r="664520" spans="8:8">
      <c r="H664520" s="12"/>
    </row>
    <row r="664521" spans="8:8">
      <c r="H664521" s="12"/>
    </row>
    <row r="664522" spans="8:8">
      <c r="H664522" s="12"/>
    </row>
    <row r="664523" spans="8:8">
      <c r="H664523" s="12"/>
    </row>
    <row r="664524" spans="8:8">
      <c r="H664524" s="12"/>
    </row>
    <row r="664525" spans="8:8">
      <c r="H664525" s="12"/>
    </row>
    <row r="664526" spans="8:8">
      <c r="H664526" s="12"/>
    </row>
    <row r="664527" spans="8:8">
      <c r="H664527" s="12"/>
    </row>
    <row r="664528" spans="8:8">
      <c r="H664528" s="12"/>
    </row>
    <row r="664529" spans="8:8">
      <c r="H664529" s="12"/>
    </row>
    <row r="664530" spans="8:8">
      <c r="H664530" s="12"/>
    </row>
    <row r="664531" spans="8:8">
      <c r="H664531" s="12"/>
    </row>
    <row r="664532" spans="8:8">
      <c r="H664532" s="12"/>
    </row>
    <row r="664533" spans="8:8">
      <c r="H664533" s="12"/>
    </row>
    <row r="664534" spans="8:8">
      <c r="H664534" s="12"/>
    </row>
    <row r="664535" spans="8:8">
      <c r="H664535" s="12"/>
    </row>
    <row r="664536" spans="8:8">
      <c r="H664536" s="12"/>
    </row>
    <row r="664537" spans="8:8">
      <c r="H664537" s="12"/>
    </row>
    <row r="664538" spans="8:8">
      <c r="H664538" s="12"/>
    </row>
    <row r="664539" spans="8:8">
      <c r="H664539" s="12"/>
    </row>
    <row r="664540" spans="8:8">
      <c r="H664540" s="12"/>
    </row>
    <row r="664541" spans="8:8">
      <c r="H664541" s="12"/>
    </row>
    <row r="664542" spans="8:8">
      <c r="H664542" s="12"/>
    </row>
    <row r="664543" spans="8:8">
      <c r="H664543" s="12"/>
    </row>
    <row r="664544" spans="8:8">
      <c r="H664544" s="12"/>
    </row>
    <row r="664545" spans="8:8">
      <c r="H664545" s="12"/>
    </row>
    <row r="664546" spans="8:8">
      <c r="H664546" s="12"/>
    </row>
    <row r="664547" spans="8:8">
      <c r="H664547" s="12"/>
    </row>
    <row r="664548" spans="8:8">
      <c r="H664548" s="12"/>
    </row>
    <row r="664549" spans="8:8">
      <c r="H664549" s="12"/>
    </row>
    <row r="664550" spans="8:8">
      <c r="H664550" s="12"/>
    </row>
    <row r="664551" spans="8:8">
      <c r="H664551" s="12"/>
    </row>
    <row r="664552" spans="8:8">
      <c r="H664552" s="12"/>
    </row>
    <row r="664553" spans="8:8">
      <c r="H664553" s="12"/>
    </row>
    <row r="664554" spans="8:8">
      <c r="H664554" s="12"/>
    </row>
    <row r="664555" spans="8:8">
      <c r="H664555" s="12"/>
    </row>
    <row r="664556" spans="8:8">
      <c r="H664556" s="12"/>
    </row>
    <row r="664557" spans="8:8">
      <c r="H664557" s="12"/>
    </row>
    <row r="664558" spans="8:8">
      <c r="H664558" s="12"/>
    </row>
    <row r="664559" spans="8:8">
      <c r="H664559" s="12"/>
    </row>
    <row r="664560" spans="8:8">
      <c r="H664560" s="12"/>
    </row>
    <row r="664561" spans="8:8">
      <c r="H664561" s="12"/>
    </row>
    <row r="664562" spans="8:8">
      <c r="H664562" s="12"/>
    </row>
    <row r="664563" spans="8:8">
      <c r="H664563" s="12"/>
    </row>
    <row r="664564" spans="8:8">
      <c r="H664564" s="12"/>
    </row>
    <row r="664565" spans="8:8">
      <c r="H664565" s="12"/>
    </row>
    <row r="664566" spans="8:8">
      <c r="H664566" s="12"/>
    </row>
    <row r="664567" spans="8:8">
      <c r="H664567" s="12"/>
    </row>
    <row r="664568" spans="8:8">
      <c r="H664568" s="12"/>
    </row>
    <row r="664569" spans="8:8">
      <c r="H664569" s="12"/>
    </row>
    <row r="664570" spans="8:8">
      <c r="H664570" s="12"/>
    </row>
    <row r="664571" spans="8:8">
      <c r="H664571" s="12"/>
    </row>
    <row r="664572" spans="8:8">
      <c r="H664572" s="12"/>
    </row>
    <row r="664573" spans="8:8">
      <c r="H664573" s="12"/>
    </row>
    <row r="664574" spans="8:8">
      <c r="H664574" s="12"/>
    </row>
    <row r="664575" spans="8:8">
      <c r="H664575" s="12"/>
    </row>
    <row r="664576" spans="8:8">
      <c r="H664576" s="12"/>
    </row>
    <row r="664577" spans="8:8">
      <c r="H664577" s="12"/>
    </row>
    <row r="664578" spans="8:8">
      <c r="H664578" s="12"/>
    </row>
    <row r="664579" spans="8:8">
      <c r="H664579" s="12"/>
    </row>
    <row r="664580" spans="8:8">
      <c r="H664580" s="12"/>
    </row>
    <row r="664581" spans="8:8">
      <c r="H664581" s="12"/>
    </row>
    <row r="664582" spans="8:8">
      <c r="H664582" s="12"/>
    </row>
    <row r="664583" spans="8:8">
      <c r="H664583" s="12"/>
    </row>
    <row r="664584" spans="8:8">
      <c r="H664584" s="12"/>
    </row>
    <row r="664585" spans="8:8">
      <c r="H664585" s="12"/>
    </row>
    <row r="664586" spans="8:8">
      <c r="H664586" s="12"/>
    </row>
    <row r="664587" spans="8:8">
      <c r="H664587" s="12"/>
    </row>
    <row r="664588" spans="8:8">
      <c r="H664588" s="12"/>
    </row>
    <row r="664589" spans="8:8">
      <c r="H664589" s="12"/>
    </row>
    <row r="664590" spans="8:8">
      <c r="H664590" s="12"/>
    </row>
    <row r="664591" spans="8:8">
      <c r="H664591" s="12"/>
    </row>
    <row r="664592" spans="8:8">
      <c r="H664592" s="12"/>
    </row>
    <row r="664593" spans="8:8">
      <c r="H664593" s="12"/>
    </row>
    <row r="664594" spans="8:8">
      <c r="H664594" s="12"/>
    </row>
    <row r="664595" spans="8:8">
      <c r="H664595" s="12"/>
    </row>
    <row r="664596" spans="8:8">
      <c r="H664596" s="12"/>
    </row>
    <row r="664597" spans="8:8">
      <c r="H664597" s="12"/>
    </row>
    <row r="664598" spans="8:8">
      <c r="H664598" s="12"/>
    </row>
    <row r="664599" spans="8:8">
      <c r="H664599" s="12"/>
    </row>
    <row r="664600" spans="8:8">
      <c r="H664600" s="12"/>
    </row>
    <row r="664601" spans="8:8">
      <c r="H664601" s="12"/>
    </row>
    <row r="664602" spans="8:8">
      <c r="H664602" s="12"/>
    </row>
    <row r="664603" spans="8:8">
      <c r="H664603" s="12"/>
    </row>
    <row r="664604" spans="8:8">
      <c r="H664604" s="12"/>
    </row>
    <row r="664605" spans="8:8">
      <c r="H664605" s="12"/>
    </row>
    <row r="664606" spans="8:8">
      <c r="H664606" s="12"/>
    </row>
    <row r="664607" spans="8:8">
      <c r="H664607" s="12"/>
    </row>
    <row r="664608" spans="8:8">
      <c r="H664608" s="12"/>
    </row>
    <row r="664609" spans="8:8">
      <c r="H664609" s="12"/>
    </row>
    <row r="664610" spans="8:8">
      <c r="H664610" s="12"/>
    </row>
    <row r="664611" spans="8:8">
      <c r="H664611" s="12"/>
    </row>
    <row r="664612" spans="8:8">
      <c r="H664612" s="12"/>
    </row>
    <row r="664613" spans="8:8">
      <c r="H664613" s="12"/>
    </row>
    <row r="664614" spans="8:8">
      <c r="H664614" s="12"/>
    </row>
    <row r="664615" spans="8:8">
      <c r="H664615" s="12"/>
    </row>
    <row r="664616" spans="8:8">
      <c r="H664616" s="12"/>
    </row>
    <row r="664617" spans="8:8">
      <c r="H664617" s="12"/>
    </row>
    <row r="664618" spans="8:8">
      <c r="H664618" s="12"/>
    </row>
    <row r="664619" spans="8:8">
      <c r="H664619" s="12"/>
    </row>
    <row r="664620" spans="8:8">
      <c r="H664620" s="12"/>
    </row>
    <row r="664621" spans="8:8">
      <c r="H664621" s="12"/>
    </row>
    <row r="664622" spans="8:8">
      <c r="H664622" s="12"/>
    </row>
    <row r="664623" spans="8:8">
      <c r="H664623" s="12"/>
    </row>
    <row r="664624" spans="8:8">
      <c r="H664624" s="12"/>
    </row>
    <row r="664625" spans="8:8">
      <c r="H664625" s="12"/>
    </row>
    <row r="664626" spans="8:8">
      <c r="H664626" s="12"/>
    </row>
    <row r="664627" spans="8:8">
      <c r="H664627" s="12"/>
    </row>
    <row r="664628" spans="8:8">
      <c r="H664628" s="12"/>
    </row>
    <row r="664629" spans="8:8">
      <c r="H664629" s="12"/>
    </row>
    <row r="664630" spans="8:8">
      <c r="H664630" s="12"/>
    </row>
    <row r="664631" spans="8:8">
      <c r="H664631" s="12"/>
    </row>
    <row r="664632" spans="8:8">
      <c r="H664632" s="12"/>
    </row>
    <row r="664633" spans="8:8">
      <c r="H664633" s="12"/>
    </row>
    <row r="664634" spans="8:8">
      <c r="H664634" s="12"/>
    </row>
    <row r="664635" spans="8:8">
      <c r="H664635" s="12"/>
    </row>
    <row r="664636" spans="8:8">
      <c r="H664636" s="12"/>
    </row>
    <row r="664637" spans="8:8">
      <c r="H664637" s="12"/>
    </row>
    <row r="664638" spans="8:8">
      <c r="H664638" s="12"/>
    </row>
    <row r="664639" spans="8:8">
      <c r="H664639" s="12"/>
    </row>
    <row r="664640" spans="8:8">
      <c r="H664640" s="12"/>
    </row>
    <row r="664641" spans="8:8">
      <c r="H664641" s="12"/>
    </row>
    <row r="664642" spans="8:8">
      <c r="H664642" s="12"/>
    </row>
    <row r="664643" spans="8:8">
      <c r="H664643" s="12"/>
    </row>
    <row r="664644" spans="8:8">
      <c r="H664644" s="12"/>
    </row>
    <row r="664645" spans="8:8">
      <c r="H664645" s="12"/>
    </row>
    <row r="664646" spans="8:8">
      <c r="H664646" s="12"/>
    </row>
    <row r="664647" spans="8:8">
      <c r="H664647" s="12"/>
    </row>
    <row r="664648" spans="8:8">
      <c r="H664648" s="12"/>
    </row>
    <row r="664649" spans="8:8">
      <c r="H664649" s="12"/>
    </row>
    <row r="664650" spans="8:8">
      <c r="H664650" s="12"/>
    </row>
    <row r="664651" spans="8:8">
      <c r="H664651" s="12"/>
    </row>
    <row r="664652" spans="8:8">
      <c r="H664652" s="12"/>
    </row>
    <row r="664653" spans="8:8">
      <c r="H664653" s="12"/>
    </row>
    <row r="664654" spans="8:8">
      <c r="H664654" s="12"/>
    </row>
    <row r="664655" spans="8:8">
      <c r="H664655" s="12"/>
    </row>
    <row r="664656" spans="8:8">
      <c r="H664656" s="12"/>
    </row>
    <row r="664657" spans="8:8">
      <c r="H664657" s="12"/>
    </row>
    <row r="664658" spans="8:8">
      <c r="H664658" s="12"/>
    </row>
    <row r="664659" spans="8:8">
      <c r="H664659" s="12"/>
    </row>
    <row r="664660" spans="8:8">
      <c r="H664660" s="12"/>
    </row>
    <row r="664661" spans="8:8">
      <c r="H664661" s="12"/>
    </row>
    <row r="664662" spans="8:8">
      <c r="H664662" s="12"/>
    </row>
    <row r="664663" spans="8:8">
      <c r="H664663" s="12"/>
    </row>
    <row r="664664" spans="8:8">
      <c r="H664664" s="12"/>
    </row>
    <row r="664665" spans="8:8">
      <c r="H664665" s="12"/>
    </row>
    <row r="664666" spans="8:8">
      <c r="H664666" s="12"/>
    </row>
    <row r="664667" spans="8:8">
      <c r="H664667" s="12"/>
    </row>
    <row r="664668" spans="8:8">
      <c r="H664668" s="12"/>
    </row>
    <row r="664669" spans="8:8">
      <c r="H664669" s="12"/>
    </row>
    <row r="664670" spans="8:8">
      <c r="H664670" s="12"/>
    </row>
    <row r="664671" spans="8:8">
      <c r="H664671" s="12"/>
    </row>
    <row r="664672" spans="8:8">
      <c r="H664672" s="12"/>
    </row>
    <row r="664673" spans="8:8">
      <c r="H664673" s="12"/>
    </row>
    <row r="664674" spans="8:8">
      <c r="H664674" s="12"/>
    </row>
    <row r="664675" spans="8:8">
      <c r="H664675" s="12"/>
    </row>
    <row r="664676" spans="8:8">
      <c r="H664676" s="12"/>
    </row>
    <row r="664677" spans="8:8">
      <c r="H664677" s="12"/>
    </row>
    <row r="664678" spans="8:8">
      <c r="H664678" s="12"/>
    </row>
    <row r="664679" spans="8:8">
      <c r="H664679" s="12"/>
    </row>
    <row r="664680" spans="8:8">
      <c r="H664680" s="12"/>
    </row>
    <row r="664681" spans="8:8">
      <c r="H664681" s="12"/>
    </row>
    <row r="664682" spans="8:8">
      <c r="H664682" s="12"/>
    </row>
    <row r="664683" spans="8:8">
      <c r="H664683" s="12"/>
    </row>
    <row r="664684" spans="8:8">
      <c r="H664684" s="12"/>
    </row>
    <row r="664685" spans="8:8">
      <c r="H664685" s="12"/>
    </row>
    <row r="664686" spans="8:8">
      <c r="H664686" s="12"/>
    </row>
    <row r="664687" spans="8:8">
      <c r="H664687" s="12"/>
    </row>
    <row r="664688" spans="8:8">
      <c r="H664688" s="12"/>
    </row>
    <row r="664689" spans="8:8">
      <c r="H664689" s="12"/>
    </row>
    <row r="664690" spans="8:8">
      <c r="H664690" s="12"/>
    </row>
    <row r="664691" spans="8:8">
      <c r="H664691" s="12"/>
    </row>
    <row r="664692" spans="8:8">
      <c r="H664692" s="12"/>
    </row>
    <row r="664693" spans="8:8">
      <c r="H664693" s="12"/>
    </row>
    <row r="664694" spans="8:8">
      <c r="H664694" s="12"/>
    </row>
    <row r="664695" spans="8:8">
      <c r="H664695" s="12"/>
    </row>
    <row r="664696" spans="8:8">
      <c r="H664696" s="12"/>
    </row>
    <row r="664697" spans="8:8">
      <c r="H664697" s="12"/>
    </row>
    <row r="664698" spans="8:8">
      <c r="H664698" s="12"/>
    </row>
    <row r="664699" spans="8:8">
      <c r="H664699" s="12"/>
    </row>
    <row r="664700" spans="8:8">
      <c r="H664700" s="12"/>
    </row>
    <row r="664701" spans="8:8">
      <c r="H664701" s="12"/>
    </row>
    <row r="664702" spans="8:8">
      <c r="H664702" s="12"/>
    </row>
    <row r="664703" spans="8:8">
      <c r="H664703" s="12"/>
    </row>
    <row r="664704" spans="8:8">
      <c r="H664704" s="12"/>
    </row>
    <row r="664705" spans="8:8">
      <c r="H664705" s="12"/>
    </row>
    <row r="664706" spans="8:8">
      <c r="H664706" s="12"/>
    </row>
    <row r="664707" spans="8:8">
      <c r="H664707" s="12"/>
    </row>
    <row r="664708" spans="8:8">
      <c r="H664708" s="12"/>
    </row>
    <row r="664709" spans="8:8">
      <c r="H664709" s="12"/>
    </row>
    <row r="664710" spans="8:8">
      <c r="H664710" s="12"/>
    </row>
    <row r="664711" spans="8:8">
      <c r="H664711" s="12"/>
    </row>
    <row r="664712" spans="8:8">
      <c r="H664712" s="12"/>
    </row>
    <row r="664713" spans="8:8">
      <c r="H664713" s="12"/>
    </row>
    <row r="664714" spans="8:8">
      <c r="H664714" s="12"/>
    </row>
    <row r="664715" spans="8:8">
      <c r="H664715" s="12"/>
    </row>
    <row r="664716" spans="8:8">
      <c r="H664716" s="12"/>
    </row>
    <row r="664717" spans="8:8">
      <c r="H664717" s="12"/>
    </row>
    <row r="664718" spans="8:8">
      <c r="H664718" s="12"/>
    </row>
    <row r="664719" spans="8:8">
      <c r="H664719" s="12"/>
    </row>
    <row r="664720" spans="8:8">
      <c r="H664720" s="12"/>
    </row>
    <row r="664721" spans="8:8">
      <c r="H664721" s="12"/>
    </row>
    <row r="664722" spans="8:8">
      <c r="H664722" s="12"/>
    </row>
    <row r="664723" spans="8:8">
      <c r="H664723" s="12"/>
    </row>
    <row r="664724" spans="8:8">
      <c r="H664724" s="12"/>
    </row>
    <row r="664725" spans="8:8">
      <c r="H664725" s="12"/>
    </row>
    <row r="664726" spans="8:8">
      <c r="H664726" s="12"/>
    </row>
    <row r="664727" spans="8:8">
      <c r="H664727" s="12"/>
    </row>
    <row r="664728" spans="8:8">
      <c r="H664728" s="12"/>
    </row>
    <row r="664729" spans="8:8">
      <c r="H664729" s="12"/>
    </row>
    <row r="664730" spans="8:8">
      <c r="H664730" s="12"/>
    </row>
    <row r="664731" spans="8:8">
      <c r="H664731" s="12"/>
    </row>
    <row r="664732" spans="8:8">
      <c r="H664732" s="12"/>
    </row>
    <row r="664733" spans="8:8">
      <c r="H664733" s="12"/>
    </row>
    <row r="664734" spans="8:8">
      <c r="H664734" s="12"/>
    </row>
    <row r="664735" spans="8:8">
      <c r="H664735" s="12"/>
    </row>
    <row r="664736" spans="8:8">
      <c r="H664736" s="12"/>
    </row>
    <row r="664737" spans="8:8">
      <c r="H664737" s="12"/>
    </row>
    <row r="664738" spans="8:8">
      <c r="H664738" s="12"/>
    </row>
    <row r="664739" spans="8:8">
      <c r="H664739" s="12"/>
    </row>
    <row r="664740" spans="8:8">
      <c r="H664740" s="12"/>
    </row>
    <row r="664741" spans="8:8">
      <c r="H664741" s="12"/>
    </row>
    <row r="664742" spans="8:8">
      <c r="H664742" s="12"/>
    </row>
    <row r="664743" spans="8:8">
      <c r="H664743" s="12"/>
    </row>
    <row r="664744" spans="8:8">
      <c r="H664744" s="12"/>
    </row>
    <row r="664745" spans="8:8">
      <c r="H664745" s="12"/>
    </row>
    <row r="664746" spans="8:8">
      <c r="H664746" s="12"/>
    </row>
    <row r="664747" spans="8:8">
      <c r="H664747" s="12"/>
    </row>
    <row r="664748" spans="8:8">
      <c r="H664748" s="12"/>
    </row>
    <row r="664749" spans="8:8">
      <c r="H664749" s="12"/>
    </row>
    <row r="664750" spans="8:8">
      <c r="H664750" s="12"/>
    </row>
    <row r="664751" spans="8:8">
      <c r="H664751" s="12"/>
    </row>
    <row r="664752" spans="8:8">
      <c r="H664752" s="12"/>
    </row>
    <row r="664753" spans="8:8">
      <c r="H664753" s="12"/>
    </row>
    <row r="664754" spans="8:8">
      <c r="H664754" s="12"/>
    </row>
    <row r="664755" spans="8:8">
      <c r="H664755" s="12"/>
    </row>
    <row r="664756" spans="8:8">
      <c r="H664756" s="12"/>
    </row>
    <row r="664757" spans="8:8">
      <c r="H664757" s="12"/>
    </row>
    <row r="664758" spans="8:8">
      <c r="H664758" s="12"/>
    </row>
    <row r="664759" spans="8:8">
      <c r="H664759" s="12"/>
    </row>
    <row r="664760" spans="8:8">
      <c r="H664760" s="12"/>
    </row>
    <row r="664761" spans="8:8">
      <c r="H664761" s="12"/>
    </row>
    <row r="664762" spans="8:8">
      <c r="H664762" s="12"/>
    </row>
    <row r="664763" spans="8:8">
      <c r="H664763" s="12"/>
    </row>
    <row r="664764" spans="8:8">
      <c r="H664764" s="12"/>
    </row>
    <row r="664765" spans="8:8">
      <c r="H664765" s="12"/>
    </row>
    <row r="664766" spans="8:8">
      <c r="H664766" s="12"/>
    </row>
    <row r="664767" spans="8:8">
      <c r="H664767" s="12"/>
    </row>
    <row r="664768" spans="8:8">
      <c r="H664768" s="12"/>
    </row>
    <row r="664769" spans="8:8">
      <c r="H664769" s="12"/>
    </row>
    <row r="664770" spans="8:8">
      <c r="H664770" s="12"/>
    </row>
    <row r="664771" spans="8:8">
      <c r="H664771" s="12"/>
    </row>
    <row r="664772" spans="8:8">
      <c r="H664772" s="12"/>
    </row>
    <row r="664773" spans="8:8">
      <c r="H664773" s="12"/>
    </row>
    <row r="664774" spans="8:8">
      <c r="H664774" s="12"/>
    </row>
    <row r="664775" spans="8:8">
      <c r="H664775" s="12"/>
    </row>
    <row r="664776" spans="8:8">
      <c r="H664776" s="12"/>
    </row>
    <row r="664777" spans="8:8">
      <c r="H664777" s="12"/>
    </row>
    <row r="664778" spans="8:8">
      <c r="H664778" s="12"/>
    </row>
    <row r="664779" spans="8:8">
      <c r="H664779" s="12"/>
    </row>
    <row r="664780" spans="8:8">
      <c r="H664780" s="12"/>
    </row>
    <row r="664781" spans="8:8">
      <c r="H664781" s="12"/>
    </row>
    <row r="664782" spans="8:8">
      <c r="H664782" s="12"/>
    </row>
    <row r="664783" spans="8:8">
      <c r="H664783" s="12"/>
    </row>
    <row r="664784" spans="8:8">
      <c r="H664784" s="12"/>
    </row>
    <row r="664785" spans="8:8">
      <c r="H664785" s="12"/>
    </row>
    <row r="664786" spans="8:8">
      <c r="H664786" s="12"/>
    </row>
    <row r="664787" spans="8:8">
      <c r="H664787" s="12"/>
    </row>
    <row r="664788" spans="8:8">
      <c r="H664788" s="12"/>
    </row>
    <row r="664789" spans="8:8">
      <c r="H664789" s="12"/>
    </row>
    <row r="664790" spans="8:8">
      <c r="H664790" s="12"/>
    </row>
    <row r="664791" spans="8:8">
      <c r="H664791" s="12"/>
    </row>
    <row r="664792" spans="8:8">
      <c r="H664792" s="12"/>
    </row>
    <row r="664793" spans="8:8">
      <c r="H664793" s="12"/>
    </row>
    <row r="664794" spans="8:8">
      <c r="H664794" s="12"/>
    </row>
    <row r="664795" spans="8:8">
      <c r="H664795" s="12"/>
    </row>
    <row r="664796" spans="8:8">
      <c r="H664796" s="12"/>
    </row>
    <row r="664797" spans="8:8">
      <c r="H664797" s="12"/>
    </row>
    <row r="664798" spans="8:8">
      <c r="H664798" s="12"/>
    </row>
    <row r="664799" spans="8:8">
      <c r="H664799" s="12"/>
    </row>
    <row r="664800" spans="8:8">
      <c r="H664800" s="12"/>
    </row>
    <row r="664801" spans="8:8">
      <c r="H664801" s="12"/>
    </row>
    <row r="664802" spans="8:8">
      <c r="H664802" s="12"/>
    </row>
    <row r="664803" spans="8:8">
      <c r="H664803" s="12"/>
    </row>
    <row r="664804" spans="8:8">
      <c r="H664804" s="12"/>
    </row>
    <row r="664805" spans="8:8">
      <c r="H664805" s="12"/>
    </row>
    <row r="664806" spans="8:8">
      <c r="H664806" s="12"/>
    </row>
    <row r="664807" spans="8:8">
      <c r="H664807" s="12"/>
    </row>
    <row r="664808" spans="8:8">
      <c r="H664808" s="12"/>
    </row>
    <row r="664809" spans="8:8">
      <c r="H664809" s="12"/>
    </row>
    <row r="664810" spans="8:8">
      <c r="H664810" s="12"/>
    </row>
    <row r="664811" spans="8:8">
      <c r="H664811" s="12"/>
    </row>
    <row r="664812" spans="8:8">
      <c r="H664812" s="12"/>
    </row>
    <row r="664813" spans="8:8">
      <c r="H664813" s="12"/>
    </row>
    <row r="664814" spans="8:8">
      <c r="H664814" s="12"/>
    </row>
    <row r="664815" spans="8:8">
      <c r="H664815" s="12"/>
    </row>
    <row r="664816" spans="8:8">
      <c r="H664816" s="12"/>
    </row>
    <row r="664817" spans="8:8">
      <c r="H664817" s="12"/>
    </row>
    <row r="664818" spans="8:8">
      <c r="H664818" s="12"/>
    </row>
    <row r="664819" spans="8:8">
      <c r="H664819" s="12"/>
    </row>
    <row r="664820" spans="8:8">
      <c r="H664820" s="12"/>
    </row>
    <row r="664821" spans="8:8">
      <c r="H664821" s="12"/>
    </row>
    <row r="664822" spans="8:8">
      <c r="H664822" s="12"/>
    </row>
    <row r="664823" spans="8:8">
      <c r="H664823" s="12"/>
    </row>
    <row r="664824" spans="8:8">
      <c r="H664824" s="12"/>
    </row>
    <row r="664825" spans="8:8">
      <c r="H664825" s="12"/>
    </row>
    <row r="664826" spans="8:8">
      <c r="H664826" s="12"/>
    </row>
    <row r="664827" spans="8:8">
      <c r="H664827" s="12"/>
    </row>
    <row r="664828" spans="8:8">
      <c r="H664828" s="12"/>
    </row>
    <row r="664829" spans="8:8">
      <c r="H664829" s="12"/>
    </row>
    <row r="664830" spans="8:8">
      <c r="H664830" s="12"/>
    </row>
    <row r="664831" spans="8:8">
      <c r="H664831" s="12"/>
    </row>
    <row r="664832" spans="8:8">
      <c r="H664832" s="12"/>
    </row>
    <row r="664833" spans="8:8">
      <c r="H664833" s="12"/>
    </row>
    <row r="664834" spans="8:8">
      <c r="H664834" s="12"/>
    </row>
    <row r="664835" spans="8:8">
      <c r="H664835" s="12"/>
    </row>
    <row r="664836" spans="8:8">
      <c r="H664836" s="12"/>
    </row>
    <row r="664837" spans="8:8">
      <c r="H664837" s="12"/>
    </row>
    <row r="664838" spans="8:8">
      <c r="H664838" s="12"/>
    </row>
    <row r="664839" spans="8:8">
      <c r="H664839" s="12"/>
    </row>
    <row r="664840" spans="8:8">
      <c r="H664840" s="12"/>
    </row>
    <row r="664841" spans="8:8">
      <c r="H664841" s="12"/>
    </row>
    <row r="664842" spans="8:8">
      <c r="H664842" s="12"/>
    </row>
    <row r="664843" spans="8:8">
      <c r="H664843" s="12"/>
    </row>
    <row r="664844" spans="8:8">
      <c r="H664844" s="12"/>
    </row>
    <row r="664845" spans="8:8">
      <c r="H664845" s="12"/>
    </row>
    <row r="664846" spans="8:8">
      <c r="H664846" s="12"/>
    </row>
    <row r="664847" spans="8:8">
      <c r="H664847" s="12"/>
    </row>
    <row r="664848" spans="8:8">
      <c r="H664848" s="12"/>
    </row>
    <row r="664849" spans="8:8">
      <c r="H664849" s="12"/>
    </row>
    <row r="664850" spans="8:8">
      <c r="H664850" s="12"/>
    </row>
    <row r="664851" spans="8:8">
      <c r="H664851" s="12"/>
    </row>
    <row r="664852" spans="8:8">
      <c r="H664852" s="12"/>
    </row>
    <row r="664853" spans="8:8">
      <c r="H664853" s="12"/>
    </row>
    <row r="664854" spans="8:8">
      <c r="H664854" s="12"/>
    </row>
    <row r="664855" spans="8:8">
      <c r="H664855" s="12"/>
    </row>
    <row r="664856" spans="8:8">
      <c r="H664856" s="12"/>
    </row>
    <row r="664857" spans="8:8">
      <c r="H664857" s="12"/>
    </row>
    <row r="664858" spans="8:8">
      <c r="H664858" s="12"/>
    </row>
    <row r="664859" spans="8:8">
      <c r="H664859" s="12"/>
    </row>
    <row r="664860" spans="8:8">
      <c r="H664860" s="12"/>
    </row>
    <row r="664861" spans="8:8">
      <c r="H664861" s="12"/>
    </row>
    <row r="664862" spans="8:8">
      <c r="H664862" s="12"/>
    </row>
    <row r="664863" spans="8:8">
      <c r="H664863" s="12"/>
    </row>
    <row r="664864" spans="8:8">
      <c r="H664864" s="12"/>
    </row>
    <row r="664865" spans="8:8">
      <c r="H664865" s="12"/>
    </row>
    <row r="664866" spans="8:8">
      <c r="H664866" s="12"/>
    </row>
    <row r="664867" spans="8:8">
      <c r="H664867" s="12"/>
    </row>
    <row r="664868" spans="8:8">
      <c r="H664868" s="12"/>
    </row>
    <row r="664869" spans="8:8">
      <c r="H664869" s="12"/>
    </row>
    <row r="664870" spans="8:8">
      <c r="H664870" s="12"/>
    </row>
    <row r="664871" spans="8:8">
      <c r="H664871" s="12"/>
    </row>
    <row r="664872" spans="8:8">
      <c r="H664872" s="12"/>
    </row>
    <row r="664873" spans="8:8">
      <c r="H664873" s="12"/>
    </row>
    <row r="664874" spans="8:8">
      <c r="H664874" s="12"/>
    </row>
    <row r="664875" spans="8:8">
      <c r="H664875" s="12"/>
    </row>
    <row r="664876" spans="8:8">
      <c r="H664876" s="12"/>
    </row>
    <row r="664877" spans="8:8">
      <c r="H664877" s="12"/>
    </row>
    <row r="664878" spans="8:8">
      <c r="H664878" s="12"/>
    </row>
    <row r="664879" spans="8:8">
      <c r="H664879" s="12"/>
    </row>
    <row r="664880" spans="8:8">
      <c r="H664880" s="12"/>
    </row>
    <row r="664881" spans="8:8">
      <c r="H664881" s="12"/>
    </row>
    <row r="664882" spans="8:8">
      <c r="H664882" s="12"/>
    </row>
    <row r="664883" spans="8:8">
      <c r="H664883" s="12"/>
    </row>
    <row r="664884" spans="8:8">
      <c r="H664884" s="12"/>
    </row>
    <row r="664885" spans="8:8">
      <c r="H664885" s="12"/>
    </row>
    <row r="664886" spans="8:8">
      <c r="H664886" s="12"/>
    </row>
    <row r="664887" spans="8:8">
      <c r="H664887" s="12"/>
    </row>
    <row r="664888" spans="8:8">
      <c r="H664888" s="12"/>
    </row>
    <row r="664889" spans="8:8">
      <c r="H664889" s="12"/>
    </row>
    <row r="664890" spans="8:8">
      <c r="H664890" s="12"/>
    </row>
    <row r="664891" spans="8:8">
      <c r="H664891" s="12"/>
    </row>
    <row r="664892" spans="8:8">
      <c r="H664892" s="12"/>
    </row>
    <row r="664893" spans="8:8">
      <c r="H664893" s="12"/>
    </row>
    <row r="664894" spans="8:8">
      <c r="H664894" s="12"/>
    </row>
    <row r="664895" spans="8:8">
      <c r="H664895" s="12"/>
    </row>
    <row r="664896" spans="8:8">
      <c r="H664896" s="12"/>
    </row>
    <row r="664897" spans="8:8">
      <c r="H664897" s="12"/>
    </row>
    <row r="664898" spans="8:8">
      <c r="H664898" s="12"/>
    </row>
    <row r="664899" spans="8:8">
      <c r="H664899" s="12"/>
    </row>
    <row r="664900" spans="8:8">
      <c r="H664900" s="12"/>
    </row>
    <row r="664901" spans="8:8">
      <c r="H664901" s="12"/>
    </row>
    <row r="664902" spans="8:8">
      <c r="H664902" s="12"/>
    </row>
    <row r="664903" spans="8:8">
      <c r="H664903" s="12"/>
    </row>
    <row r="664904" spans="8:8">
      <c r="H664904" s="12"/>
    </row>
    <row r="664905" spans="8:8">
      <c r="H664905" s="12"/>
    </row>
    <row r="664906" spans="8:8">
      <c r="H664906" s="12"/>
    </row>
    <row r="664907" spans="8:8">
      <c r="H664907" s="12"/>
    </row>
    <row r="664908" spans="8:8">
      <c r="H664908" s="12"/>
    </row>
    <row r="664909" spans="8:8">
      <c r="H664909" s="12"/>
    </row>
    <row r="664910" spans="8:8">
      <c r="H664910" s="12"/>
    </row>
    <row r="664911" spans="8:8">
      <c r="H664911" s="12"/>
    </row>
    <row r="664912" spans="8:8">
      <c r="H664912" s="12"/>
    </row>
    <row r="664913" spans="8:8">
      <c r="H664913" s="12"/>
    </row>
    <row r="664914" spans="8:8">
      <c r="H664914" s="12"/>
    </row>
    <row r="664915" spans="8:8">
      <c r="H664915" s="12"/>
    </row>
    <row r="664916" spans="8:8">
      <c r="H664916" s="12"/>
    </row>
    <row r="664917" spans="8:8">
      <c r="H664917" s="12"/>
    </row>
    <row r="664918" spans="8:8">
      <c r="H664918" s="12"/>
    </row>
    <row r="664919" spans="8:8">
      <c r="H664919" s="12"/>
    </row>
    <row r="664920" spans="8:8">
      <c r="H664920" s="12"/>
    </row>
    <row r="664921" spans="8:8">
      <c r="H664921" s="12"/>
    </row>
    <row r="664922" spans="8:8">
      <c r="H664922" s="12"/>
    </row>
    <row r="664923" spans="8:8">
      <c r="H664923" s="12"/>
    </row>
    <row r="664924" spans="8:8">
      <c r="H664924" s="12"/>
    </row>
    <row r="664925" spans="8:8">
      <c r="H664925" s="12"/>
    </row>
    <row r="664926" spans="8:8">
      <c r="H664926" s="12"/>
    </row>
    <row r="664927" spans="8:8">
      <c r="H664927" s="12"/>
    </row>
    <row r="664928" spans="8:8">
      <c r="H664928" s="12"/>
    </row>
    <row r="664929" spans="8:8">
      <c r="H664929" s="12"/>
    </row>
    <row r="664930" spans="8:8">
      <c r="H664930" s="12"/>
    </row>
    <row r="664931" spans="8:8">
      <c r="H664931" s="12"/>
    </row>
    <row r="664932" spans="8:8">
      <c r="H664932" s="12"/>
    </row>
    <row r="664933" spans="8:8">
      <c r="H664933" s="12"/>
    </row>
    <row r="664934" spans="8:8">
      <c r="H664934" s="12"/>
    </row>
    <row r="664935" spans="8:8">
      <c r="H664935" s="12"/>
    </row>
    <row r="664936" spans="8:8">
      <c r="H664936" s="12"/>
    </row>
    <row r="664937" spans="8:8">
      <c r="H664937" s="12"/>
    </row>
    <row r="664938" spans="8:8">
      <c r="H664938" s="12"/>
    </row>
    <row r="664939" spans="8:8">
      <c r="H664939" s="12"/>
    </row>
    <row r="664940" spans="8:8">
      <c r="H664940" s="12"/>
    </row>
    <row r="664941" spans="8:8">
      <c r="H664941" s="12"/>
    </row>
    <row r="664942" spans="8:8">
      <c r="H664942" s="12"/>
    </row>
    <row r="664943" spans="8:8">
      <c r="H664943" s="12"/>
    </row>
    <row r="664944" spans="8:8">
      <c r="H664944" s="12"/>
    </row>
    <row r="664945" spans="8:8">
      <c r="H664945" s="12"/>
    </row>
    <row r="664946" spans="8:8">
      <c r="H664946" s="12"/>
    </row>
    <row r="664947" spans="8:8">
      <c r="H664947" s="12"/>
    </row>
    <row r="664948" spans="8:8">
      <c r="H664948" s="12"/>
    </row>
    <row r="664949" spans="8:8">
      <c r="H664949" s="12"/>
    </row>
    <row r="664950" spans="8:8">
      <c r="H664950" s="12"/>
    </row>
    <row r="664951" spans="8:8">
      <c r="H664951" s="12"/>
    </row>
    <row r="664952" spans="8:8">
      <c r="H664952" s="12"/>
    </row>
    <row r="664953" spans="8:8">
      <c r="H664953" s="12"/>
    </row>
    <row r="664954" spans="8:8">
      <c r="H664954" s="12"/>
    </row>
    <row r="664955" spans="8:8">
      <c r="H664955" s="12"/>
    </row>
    <row r="664956" spans="8:8">
      <c r="H664956" s="12"/>
    </row>
    <row r="664957" spans="8:8">
      <c r="H664957" s="12"/>
    </row>
    <row r="664958" spans="8:8">
      <c r="H664958" s="12"/>
    </row>
    <row r="664959" spans="8:8">
      <c r="H664959" s="12"/>
    </row>
    <row r="664960" spans="8:8">
      <c r="H664960" s="12"/>
    </row>
    <row r="664961" spans="8:8">
      <c r="H664961" s="12"/>
    </row>
    <row r="664962" spans="8:8">
      <c r="H664962" s="12"/>
    </row>
    <row r="664963" spans="8:8">
      <c r="H664963" s="12"/>
    </row>
    <row r="664964" spans="8:8">
      <c r="H664964" s="12"/>
    </row>
    <row r="664965" spans="8:8">
      <c r="H664965" s="12"/>
    </row>
    <row r="664966" spans="8:8">
      <c r="H664966" s="12"/>
    </row>
    <row r="664967" spans="8:8">
      <c r="H664967" s="12"/>
    </row>
    <row r="664968" spans="8:8">
      <c r="H664968" s="12"/>
    </row>
    <row r="664969" spans="8:8">
      <c r="H664969" s="12"/>
    </row>
    <row r="664970" spans="8:8">
      <c r="H664970" s="12"/>
    </row>
    <row r="664971" spans="8:8">
      <c r="H664971" s="12"/>
    </row>
    <row r="664972" spans="8:8">
      <c r="H664972" s="12"/>
    </row>
    <row r="664973" spans="8:8">
      <c r="H664973" s="12"/>
    </row>
    <row r="664974" spans="8:8">
      <c r="H664974" s="12"/>
    </row>
    <row r="664975" spans="8:8">
      <c r="H664975" s="12"/>
    </row>
    <row r="664976" spans="8:8">
      <c r="H664976" s="12"/>
    </row>
    <row r="664977" spans="8:8">
      <c r="H664977" s="12"/>
    </row>
    <row r="664978" spans="8:8">
      <c r="H664978" s="12"/>
    </row>
    <row r="664979" spans="8:8">
      <c r="H664979" s="12"/>
    </row>
    <row r="664980" spans="8:8">
      <c r="H664980" s="12"/>
    </row>
    <row r="664981" spans="8:8">
      <c r="H664981" s="12"/>
    </row>
    <row r="664982" spans="8:8">
      <c r="H664982" s="12"/>
    </row>
    <row r="664983" spans="8:8">
      <c r="H664983" s="12"/>
    </row>
    <row r="664984" spans="8:8">
      <c r="H664984" s="12"/>
    </row>
    <row r="664985" spans="8:8">
      <c r="H664985" s="12"/>
    </row>
    <row r="664986" spans="8:8">
      <c r="H664986" s="12"/>
    </row>
    <row r="664987" spans="8:8">
      <c r="H664987" s="12"/>
    </row>
    <row r="664988" spans="8:8">
      <c r="H664988" s="12"/>
    </row>
    <row r="664989" spans="8:8">
      <c r="H664989" s="12"/>
    </row>
    <row r="664990" spans="8:8">
      <c r="H664990" s="12"/>
    </row>
    <row r="664991" spans="8:8">
      <c r="H664991" s="12"/>
    </row>
    <row r="664992" spans="8:8">
      <c r="H664992" s="12"/>
    </row>
    <row r="664993" spans="8:8">
      <c r="H664993" s="12"/>
    </row>
    <row r="664994" spans="8:8">
      <c r="H664994" s="12"/>
    </row>
    <row r="664995" spans="8:8">
      <c r="H664995" s="12"/>
    </row>
    <row r="664996" spans="8:8">
      <c r="H664996" s="12"/>
    </row>
    <row r="664997" spans="8:8">
      <c r="H664997" s="12"/>
    </row>
    <row r="664998" spans="8:8">
      <c r="H664998" s="12"/>
    </row>
    <row r="664999" spans="8:8">
      <c r="H664999" s="12"/>
    </row>
    <row r="665000" spans="8:8">
      <c r="H665000" s="12"/>
    </row>
    <row r="665001" spans="8:8">
      <c r="H665001" s="12"/>
    </row>
    <row r="665002" spans="8:8">
      <c r="H665002" s="12"/>
    </row>
    <row r="665003" spans="8:8">
      <c r="H665003" s="12"/>
    </row>
    <row r="665004" spans="8:8">
      <c r="H665004" s="12"/>
    </row>
    <row r="665005" spans="8:8">
      <c r="H665005" s="12"/>
    </row>
    <row r="665006" spans="8:8">
      <c r="H665006" s="12"/>
    </row>
    <row r="665007" spans="8:8">
      <c r="H665007" s="12"/>
    </row>
    <row r="665008" spans="8:8">
      <c r="H665008" s="12"/>
    </row>
    <row r="665009" spans="8:8">
      <c r="H665009" s="12"/>
    </row>
    <row r="665010" spans="8:8">
      <c r="H665010" s="12"/>
    </row>
    <row r="665011" spans="8:8">
      <c r="H665011" s="12"/>
    </row>
    <row r="665012" spans="8:8">
      <c r="H665012" s="12"/>
    </row>
    <row r="665013" spans="8:8">
      <c r="H665013" s="12"/>
    </row>
    <row r="665014" spans="8:8">
      <c r="H665014" s="12"/>
    </row>
    <row r="665015" spans="8:8">
      <c r="H665015" s="12"/>
    </row>
    <row r="665016" spans="8:8">
      <c r="H665016" s="12"/>
    </row>
    <row r="665017" spans="8:8">
      <c r="H665017" s="12"/>
    </row>
    <row r="665018" spans="8:8">
      <c r="H665018" s="12"/>
    </row>
    <row r="665019" spans="8:8">
      <c r="H665019" s="12"/>
    </row>
    <row r="665020" spans="8:8">
      <c r="H665020" s="12"/>
    </row>
    <row r="665021" spans="8:8">
      <c r="H665021" s="12"/>
    </row>
    <row r="665022" spans="8:8">
      <c r="H665022" s="12"/>
    </row>
    <row r="665023" spans="8:8">
      <c r="H665023" s="12"/>
    </row>
    <row r="665024" spans="8:8">
      <c r="H665024" s="12"/>
    </row>
    <row r="665025" spans="8:8">
      <c r="H665025" s="12"/>
    </row>
    <row r="665026" spans="8:8">
      <c r="H665026" s="12"/>
    </row>
    <row r="665027" spans="8:8">
      <c r="H665027" s="12"/>
    </row>
    <row r="665028" spans="8:8">
      <c r="H665028" s="12"/>
    </row>
    <row r="665029" spans="8:8">
      <c r="H665029" s="12"/>
    </row>
    <row r="665030" spans="8:8">
      <c r="H665030" s="12"/>
    </row>
    <row r="665031" spans="8:8">
      <c r="H665031" s="12"/>
    </row>
    <row r="665032" spans="8:8">
      <c r="H665032" s="12"/>
    </row>
    <row r="665033" spans="8:8">
      <c r="H665033" s="12"/>
    </row>
    <row r="665034" spans="8:8">
      <c r="H665034" s="12"/>
    </row>
    <row r="665035" spans="8:8">
      <c r="H665035" s="12"/>
    </row>
    <row r="665036" spans="8:8">
      <c r="H665036" s="12"/>
    </row>
    <row r="665037" spans="8:8">
      <c r="H665037" s="12"/>
    </row>
    <row r="665038" spans="8:8">
      <c r="H665038" s="12"/>
    </row>
    <row r="665039" spans="8:8">
      <c r="H665039" s="12"/>
    </row>
    <row r="665040" spans="8:8">
      <c r="H665040" s="12"/>
    </row>
    <row r="665041" spans="8:8">
      <c r="H665041" s="12"/>
    </row>
    <row r="665042" spans="8:8">
      <c r="H665042" s="12"/>
    </row>
    <row r="665043" spans="8:8">
      <c r="H665043" s="12"/>
    </row>
    <row r="665044" spans="8:8">
      <c r="H665044" s="12"/>
    </row>
    <row r="665045" spans="8:8">
      <c r="H665045" s="12"/>
    </row>
    <row r="665046" spans="8:8">
      <c r="H665046" s="12"/>
    </row>
    <row r="665047" spans="8:8">
      <c r="H665047" s="12"/>
    </row>
    <row r="665048" spans="8:8">
      <c r="H665048" s="12"/>
    </row>
    <row r="665049" spans="8:8">
      <c r="H665049" s="12"/>
    </row>
    <row r="665050" spans="8:8">
      <c r="H665050" s="12"/>
    </row>
    <row r="665051" spans="8:8">
      <c r="H665051" s="12"/>
    </row>
    <row r="665052" spans="8:8">
      <c r="H665052" s="12"/>
    </row>
    <row r="665053" spans="8:8">
      <c r="H665053" s="12"/>
    </row>
    <row r="665054" spans="8:8">
      <c r="H665054" s="12"/>
    </row>
    <row r="665055" spans="8:8">
      <c r="H665055" s="12"/>
    </row>
    <row r="665056" spans="8:8">
      <c r="H665056" s="12"/>
    </row>
    <row r="665057" spans="8:8">
      <c r="H665057" s="12"/>
    </row>
    <row r="665058" spans="8:8">
      <c r="H665058" s="12"/>
    </row>
    <row r="665059" spans="8:8">
      <c r="H665059" s="12"/>
    </row>
    <row r="665060" spans="8:8">
      <c r="H665060" s="12"/>
    </row>
    <row r="665061" spans="8:8">
      <c r="H665061" s="12"/>
    </row>
    <row r="665062" spans="8:8">
      <c r="H665062" s="12"/>
    </row>
    <row r="665063" spans="8:8">
      <c r="H665063" s="12"/>
    </row>
    <row r="665064" spans="8:8">
      <c r="H665064" s="12"/>
    </row>
    <row r="665065" spans="8:8">
      <c r="H665065" s="12"/>
    </row>
    <row r="665066" spans="8:8">
      <c r="H665066" s="12"/>
    </row>
    <row r="665067" spans="8:8">
      <c r="H665067" s="12"/>
    </row>
    <row r="665068" spans="8:8">
      <c r="H665068" s="12"/>
    </row>
    <row r="665069" spans="8:8">
      <c r="H665069" s="12"/>
    </row>
    <row r="665070" spans="8:8">
      <c r="H665070" s="12"/>
    </row>
    <row r="665071" spans="8:8">
      <c r="H665071" s="12"/>
    </row>
    <row r="665072" spans="8:8">
      <c r="H665072" s="12"/>
    </row>
    <row r="665073" spans="8:8">
      <c r="H665073" s="12"/>
    </row>
    <row r="665074" spans="8:8">
      <c r="H665074" s="12"/>
    </row>
    <row r="665075" spans="8:8">
      <c r="H665075" s="12"/>
    </row>
    <row r="665076" spans="8:8">
      <c r="H665076" s="12"/>
    </row>
    <row r="665077" spans="8:8">
      <c r="H665077" s="12"/>
    </row>
    <row r="665078" spans="8:8">
      <c r="H665078" s="12"/>
    </row>
    <row r="665079" spans="8:8">
      <c r="H665079" s="12"/>
    </row>
    <row r="665080" spans="8:8">
      <c r="H665080" s="12"/>
    </row>
    <row r="665081" spans="8:8">
      <c r="H665081" s="12"/>
    </row>
    <row r="665082" spans="8:8">
      <c r="H665082" s="12"/>
    </row>
    <row r="665083" spans="8:8">
      <c r="H665083" s="12"/>
    </row>
    <row r="665084" spans="8:8">
      <c r="H665084" s="12"/>
    </row>
    <row r="665085" spans="8:8">
      <c r="H665085" s="12"/>
    </row>
    <row r="665086" spans="8:8">
      <c r="H665086" s="12"/>
    </row>
    <row r="665087" spans="8:8">
      <c r="H665087" s="12"/>
    </row>
    <row r="665088" spans="8:8">
      <c r="H665088" s="12"/>
    </row>
    <row r="665089" spans="8:8">
      <c r="H665089" s="12"/>
    </row>
    <row r="665090" spans="8:8">
      <c r="H665090" s="12"/>
    </row>
    <row r="665091" spans="8:8">
      <c r="H665091" s="12"/>
    </row>
    <row r="665092" spans="8:8">
      <c r="H665092" s="12"/>
    </row>
    <row r="665093" spans="8:8">
      <c r="H665093" s="12"/>
    </row>
    <row r="665094" spans="8:8">
      <c r="H665094" s="12"/>
    </row>
    <row r="665095" spans="8:8">
      <c r="H665095" s="12"/>
    </row>
    <row r="665096" spans="8:8">
      <c r="H665096" s="12"/>
    </row>
    <row r="665097" spans="8:8">
      <c r="H665097" s="12"/>
    </row>
    <row r="665098" spans="8:8">
      <c r="H665098" s="12"/>
    </row>
    <row r="665099" spans="8:8">
      <c r="H665099" s="12"/>
    </row>
    <row r="665100" spans="8:8">
      <c r="H665100" s="12"/>
    </row>
    <row r="665101" spans="8:8">
      <c r="H665101" s="12"/>
    </row>
    <row r="665102" spans="8:8">
      <c r="H665102" s="12"/>
    </row>
    <row r="665103" spans="8:8">
      <c r="H665103" s="12"/>
    </row>
    <row r="665104" spans="8:8">
      <c r="H665104" s="12"/>
    </row>
    <row r="665105" spans="8:8">
      <c r="H665105" s="12"/>
    </row>
    <row r="665106" spans="8:8">
      <c r="H665106" s="12"/>
    </row>
    <row r="665107" spans="8:8">
      <c r="H665107" s="12"/>
    </row>
    <row r="665108" spans="8:8">
      <c r="H665108" s="12"/>
    </row>
    <row r="665109" spans="8:8">
      <c r="H665109" s="12"/>
    </row>
    <row r="665110" spans="8:8">
      <c r="H665110" s="12"/>
    </row>
    <row r="665111" spans="8:8">
      <c r="H665111" s="12"/>
    </row>
    <row r="665112" spans="8:8">
      <c r="H665112" s="12"/>
    </row>
    <row r="665113" spans="8:8">
      <c r="H665113" s="12"/>
    </row>
    <row r="665114" spans="8:8">
      <c r="H665114" s="12"/>
    </row>
    <row r="665115" spans="8:8">
      <c r="H665115" s="12"/>
    </row>
    <row r="665116" spans="8:8">
      <c r="H665116" s="12"/>
    </row>
    <row r="665117" spans="8:8">
      <c r="H665117" s="12"/>
    </row>
    <row r="665118" spans="8:8">
      <c r="H665118" s="12"/>
    </row>
    <row r="665119" spans="8:8">
      <c r="H665119" s="12"/>
    </row>
    <row r="665120" spans="8:8">
      <c r="H665120" s="12"/>
    </row>
    <row r="665121" spans="8:8">
      <c r="H665121" s="12"/>
    </row>
    <row r="665122" spans="8:8">
      <c r="H665122" s="12"/>
    </row>
    <row r="665123" spans="8:8">
      <c r="H665123" s="12"/>
    </row>
    <row r="665124" spans="8:8">
      <c r="H665124" s="12"/>
    </row>
    <row r="665125" spans="8:8">
      <c r="H665125" s="12"/>
    </row>
    <row r="665126" spans="8:8">
      <c r="H665126" s="12"/>
    </row>
    <row r="665127" spans="8:8">
      <c r="H665127" s="12"/>
    </row>
    <row r="665128" spans="8:8">
      <c r="H665128" s="12"/>
    </row>
    <row r="665129" spans="8:8">
      <c r="H665129" s="12"/>
    </row>
    <row r="665130" spans="8:8">
      <c r="H665130" s="12"/>
    </row>
    <row r="665131" spans="8:8">
      <c r="H665131" s="12"/>
    </row>
    <row r="665132" spans="8:8">
      <c r="H665132" s="12"/>
    </row>
    <row r="665133" spans="8:8">
      <c r="H665133" s="12"/>
    </row>
    <row r="665134" spans="8:8">
      <c r="H665134" s="12"/>
    </row>
    <row r="665135" spans="8:8">
      <c r="H665135" s="12"/>
    </row>
    <row r="665136" spans="8:8">
      <c r="H665136" s="12"/>
    </row>
    <row r="665137" spans="8:8">
      <c r="H665137" s="12"/>
    </row>
    <row r="665138" spans="8:8">
      <c r="H665138" s="12"/>
    </row>
    <row r="665139" spans="8:8">
      <c r="H665139" s="12"/>
    </row>
    <row r="665140" spans="8:8">
      <c r="H665140" s="12"/>
    </row>
    <row r="665141" spans="8:8">
      <c r="H665141" s="12"/>
    </row>
    <row r="665142" spans="8:8">
      <c r="H665142" s="12"/>
    </row>
    <row r="665143" spans="8:8">
      <c r="H665143" s="12"/>
    </row>
    <row r="665144" spans="8:8">
      <c r="H665144" s="12"/>
    </row>
    <row r="665145" spans="8:8">
      <c r="H665145" s="12"/>
    </row>
    <row r="665146" spans="8:8">
      <c r="H665146" s="12"/>
    </row>
    <row r="665147" spans="8:8">
      <c r="H665147" s="12"/>
    </row>
    <row r="665148" spans="8:8">
      <c r="H665148" s="12"/>
    </row>
    <row r="665149" spans="8:8">
      <c r="H665149" s="12"/>
    </row>
    <row r="665150" spans="8:8">
      <c r="H665150" s="12"/>
    </row>
    <row r="665151" spans="8:8">
      <c r="H665151" s="12"/>
    </row>
    <row r="665152" spans="8:8">
      <c r="H665152" s="12"/>
    </row>
    <row r="665153" spans="8:8">
      <c r="H665153" s="12"/>
    </row>
    <row r="665154" spans="8:8">
      <c r="H665154" s="12"/>
    </row>
    <row r="665155" spans="8:8">
      <c r="H665155" s="12"/>
    </row>
    <row r="665156" spans="8:8">
      <c r="H665156" s="12"/>
    </row>
    <row r="665157" spans="8:8">
      <c r="H665157" s="12"/>
    </row>
    <row r="665158" spans="8:8">
      <c r="H665158" s="12"/>
    </row>
    <row r="665159" spans="8:8">
      <c r="H665159" s="12"/>
    </row>
    <row r="665160" spans="8:8">
      <c r="H665160" s="12"/>
    </row>
    <row r="665161" spans="8:8">
      <c r="H665161" s="12"/>
    </row>
    <row r="665162" spans="8:8">
      <c r="H665162" s="12"/>
    </row>
    <row r="665163" spans="8:8">
      <c r="H665163" s="12"/>
    </row>
    <row r="665164" spans="8:8">
      <c r="H665164" s="12"/>
    </row>
    <row r="665165" spans="8:8">
      <c r="H665165" s="12"/>
    </row>
    <row r="665166" spans="8:8">
      <c r="H665166" s="12"/>
    </row>
    <row r="665167" spans="8:8">
      <c r="H665167" s="12"/>
    </row>
    <row r="665168" spans="8:8">
      <c r="H665168" s="12"/>
    </row>
    <row r="665169" spans="8:8">
      <c r="H665169" s="12"/>
    </row>
    <row r="665170" spans="8:8">
      <c r="H665170" s="12"/>
    </row>
    <row r="665171" spans="8:8">
      <c r="H665171" s="12"/>
    </row>
    <row r="665172" spans="8:8">
      <c r="H665172" s="12"/>
    </row>
    <row r="665173" spans="8:8">
      <c r="H665173" s="12"/>
    </row>
    <row r="665174" spans="8:8">
      <c r="H665174" s="12"/>
    </row>
    <row r="665175" spans="8:8">
      <c r="H665175" s="12"/>
    </row>
    <row r="665176" spans="8:8">
      <c r="H665176" s="12"/>
    </row>
    <row r="665177" spans="8:8">
      <c r="H665177" s="12"/>
    </row>
    <row r="665178" spans="8:8">
      <c r="H665178" s="12"/>
    </row>
    <row r="665179" spans="8:8">
      <c r="H665179" s="12"/>
    </row>
    <row r="665180" spans="8:8">
      <c r="H665180" s="12"/>
    </row>
    <row r="665181" spans="8:8">
      <c r="H665181" s="12"/>
    </row>
    <row r="665182" spans="8:8">
      <c r="H665182" s="12"/>
    </row>
    <row r="665183" spans="8:8">
      <c r="H665183" s="12"/>
    </row>
    <row r="665184" spans="8:8">
      <c r="H665184" s="12"/>
    </row>
    <row r="665185" spans="8:8">
      <c r="H665185" s="12"/>
    </row>
    <row r="665186" spans="8:8">
      <c r="H665186" s="12"/>
    </row>
    <row r="665187" spans="8:8">
      <c r="H665187" s="12"/>
    </row>
    <row r="665188" spans="8:8">
      <c r="H665188" s="12"/>
    </row>
    <row r="665189" spans="8:8">
      <c r="H665189" s="12"/>
    </row>
    <row r="665190" spans="8:8">
      <c r="H665190" s="12"/>
    </row>
    <row r="665191" spans="8:8">
      <c r="H665191" s="12"/>
    </row>
    <row r="665192" spans="8:8">
      <c r="H665192" s="12"/>
    </row>
    <row r="665193" spans="8:8">
      <c r="H665193" s="12"/>
    </row>
    <row r="665194" spans="8:8">
      <c r="H665194" s="12"/>
    </row>
    <row r="665195" spans="8:8">
      <c r="H665195" s="12"/>
    </row>
    <row r="665196" spans="8:8">
      <c r="H665196" s="12"/>
    </row>
    <row r="665197" spans="8:8">
      <c r="H665197" s="12"/>
    </row>
    <row r="665198" spans="8:8">
      <c r="H665198" s="12"/>
    </row>
    <row r="665199" spans="8:8">
      <c r="H665199" s="12"/>
    </row>
    <row r="665200" spans="8:8">
      <c r="H665200" s="12"/>
    </row>
    <row r="665201" spans="8:8">
      <c r="H665201" s="12"/>
    </row>
    <row r="665202" spans="8:8">
      <c r="H665202" s="12"/>
    </row>
    <row r="665203" spans="8:8">
      <c r="H665203" s="12"/>
    </row>
    <row r="665204" spans="8:8">
      <c r="H665204" s="12"/>
    </row>
    <row r="665205" spans="8:8">
      <c r="H665205" s="12"/>
    </row>
    <row r="665206" spans="8:8">
      <c r="H665206" s="12"/>
    </row>
    <row r="665207" spans="8:8">
      <c r="H665207" s="12"/>
    </row>
    <row r="665208" spans="8:8">
      <c r="H665208" s="12"/>
    </row>
    <row r="665209" spans="8:8">
      <c r="H665209" s="12"/>
    </row>
    <row r="665210" spans="8:8">
      <c r="H665210" s="12"/>
    </row>
    <row r="665211" spans="8:8">
      <c r="H665211" s="12"/>
    </row>
    <row r="665212" spans="8:8">
      <c r="H665212" s="12"/>
    </row>
    <row r="665213" spans="8:8">
      <c r="H665213" s="12"/>
    </row>
    <row r="665214" spans="8:8">
      <c r="H665214" s="12"/>
    </row>
    <row r="665215" spans="8:8">
      <c r="H665215" s="12"/>
    </row>
    <row r="665216" spans="8:8">
      <c r="H665216" s="12"/>
    </row>
    <row r="665217" spans="8:8">
      <c r="H665217" s="12"/>
    </row>
    <row r="665218" spans="8:8">
      <c r="H665218" s="12"/>
    </row>
    <row r="665219" spans="8:8">
      <c r="H665219" s="12"/>
    </row>
    <row r="665220" spans="8:8">
      <c r="H665220" s="12"/>
    </row>
    <row r="665221" spans="8:8">
      <c r="H665221" s="12"/>
    </row>
    <row r="665222" spans="8:8">
      <c r="H665222" s="12"/>
    </row>
    <row r="665223" spans="8:8">
      <c r="H665223" s="12"/>
    </row>
    <row r="665224" spans="8:8">
      <c r="H665224" s="12"/>
    </row>
    <row r="665225" spans="8:8">
      <c r="H665225" s="12"/>
    </row>
    <row r="665226" spans="8:8">
      <c r="H665226" s="12"/>
    </row>
    <row r="665227" spans="8:8">
      <c r="H665227" s="12"/>
    </row>
    <row r="665228" spans="8:8">
      <c r="H665228" s="12"/>
    </row>
    <row r="665229" spans="8:8">
      <c r="H665229" s="12"/>
    </row>
    <row r="665230" spans="8:8">
      <c r="H665230" s="12"/>
    </row>
    <row r="665231" spans="8:8">
      <c r="H665231" s="12"/>
    </row>
    <row r="665232" spans="8:8">
      <c r="H665232" s="12"/>
    </row>
    <row r="665233" spans="8:8">
      <c r="H665233" s="12"/>
    </row>
    <row r="665234" spans="8:8">
      <c r="H665234" s="12"/>
    </row>
    <row r="665235" spans="8:8">
      <c r="H665235" s="12"/>
    </row>
    <row r="665236" spans="8:8">
      <c r="H665236" s="12"/>
    </row>
    <row r="665237" spans="8:8">
      <c r="H665237" s="12"/>
    </row>
    <row r="665238" spans="8:8">
      <c r="H665238" s="12"/>
    </row>
    <row r="665239" spans="8:8">
      <c r="H665239" s="12"/>
    </row>
    <row r="665240" spans="8:8">
      <c r="H665240" s="12"/>
    </row>
    <row r="665241" spans="8:8">
      <c r="H665241" s="12"/>
    </row>
    <row r="665242" spans="8:8">
      <c r="H665242" s="12"/>
    </row>
    <row r="665243" spans="8:8">
      <c r="H665243" s="12"/>
    </row>
    <row r="665244" spans="8:8">
      <c r="H665244" s="12"/>
    </row>
    <row r="665245" spans="8:8">
      <c r="H665245" s="12"/>
    </row>
    <row r="665246" spans="8:8">
      <c r="H665246" s="12"/>
    </row>
    <row r="665247" spans="8:8">
      <c r="H665247" s="12"/>
    </row>
    <row r="665248" spans="8:8">
      <c r="H665248" s="12"/>
    </row>
    <row r="665249" spans="8:8">
      <c r="H665249" s="12"/>
    </row>
    <row r="665250" spans="8:8">
      <c r="H665250" s="12"/>
    </row>
    <row r="665251" spans="8:8">
      <c r="H665251" s="12"/>
    </row>
    <row r="665252" spans="8:8">
      <c r="H665252" s="12"/>
    </row>
    <row r="665253" spans="8:8">
      <c r="H665253" s="12"/>
    </row>
    <row r="665254" spans="8:8">
      <c r="H665254" s="12"/>
    </row>
    <row r="665255" spans="8:8">
      <c r="H665255" s="12"/>
    </row>
    <row r="665256" spans="8:8">
      <c r="H665256" s="12"/>
    </row>
    <row r="665257" spans="8:8">
      <c r="H665257" s="12"/>
    </row>
    <row r="665258" spans="8:8">
      <c r="H665258" s="12"/>
    </row>
    <row r="665259" spans="8:8">
      <c r="H665259" s="12"/>
    </row>
    <row r="665260" spans="8:8">
      <c r="H665260" s="12"/>
    </row>
    <row r="665261" spans="8:8">
      <c r="H665261" s="12"/>
    </row>
    <row r="665262" spans="8:8">
      <c r="H665262" s="12"/>
    </row>
    <row r="665263" spans="8:8">
      <c r="H665263" s="12"/>
    </row>
    <row r="665264" spans="8:8">
      <c r="H665264" s="12"/>
    </row>
    <row r="665265" spans="8:8">
      <c r="H665265" s="12"/>
    </row>
    <row r="665266" spans="8:8">
      <c r="H665266" s="12"/>
    </row>
    <row r="665267" spans="8:8">
      <c r="H665267" s="12"/>
    </row>
    <row r="665268" spans="8:8">
      <c r="H665268" s="12"/>
    </row>
    <row r="665269" spans="8:8">
      <c r="H665269" s="12"/>
    </row>
    <row r="665270" spans="8:8">
      <c r="H665270" s="12"/>
    </row>
    <row r="665271" spans="8:8">
      <c r="H665271" s="12"/>
    </row>
    <row r="665272" spans="8:8">
      <c r="H665272" s="12"/>
    </row>
    <row r="665273" spans="8:8">
      <c r="H665273" s="12"/>
    </row>
    <row r="665274" spans="8:8">
      <c r="H665274" s="12"/>
    </row>
    <row r="665275" spans="8:8">
      <c r="H665275" s="12"/>
    </row>
    <row r="665276" spans="8:8">
      <c r="H665276" s="12"/>
    </row>
    <row r="665277" spans="8:8">
      <c r="H665277" s="12"/>
    </row>
    <row r="665278" spans="8:8">
      <c r="H665278" s="12"/>
    </row>
    <row r="665279" spans="8:8">
      <c r="H665279" s="12"/>
    </row>
    <row r="665280" spans="8:8">
      <c r="H665280" s="12"/>
    </row>
    <row r="665281" spans="8:8">
      <c r="H665281" s="12"/>
    </row>
    <row r="665282" spans="8:8">
      <c r="H665282" s="12"/>
    </row>
    <row r="665283" spans="8:8">
      <c r="H665283" s="12"/>
    </row>
    <row r="665284" spans="8:8">
      <c r="H665284" s="12"/>
    </row>
    <row r="665285" spans="8:8">
      <c r="H665285" s="12"/>
    </row>
    <row r="665286" spans="8:8">
      <c r="H665286" s="12"/>
    </row>
    <row r="665287" spans="8:8">
      <c r="H665287" s="12"/>
    </row>
    <row r="665288" spans="8:8">
      <c r="H665288" s="12"/>
    </row>
    <row r="665289" spans="8:8">
      <c r="H665289" s="12"/>
    </row>
    <row r="665290" spans="8:8">
      <c r="H665290" s="12"/>
    </row>
    <row r="665291" spans="8:8">
      <c r="H665291" s="12"/>
    </row>
    <row r="665292" spans="8:8">
      <c r="H665292" s="12"/>
    </row>
    <row r="665293" spans="8:8">
      <c r="H665293" s="12"/>
    </row>
    <row r="665294" spans="8:8">
      <c r="H665294" s="12"/>
    </row>
    <row r="665295" spans="8:8">
      <c r="H665295" s="12"/>
    </row>
    <row r="665296" spans="8:8">
      <c r="H665296" s="12"/>
    </row>
    <row r="665297" spans="8:8">
      <c r="H665297" s="12"/>
    </row>
    <row r="665298" spans="8:8">
      <c r="H665298" s="12"/>
    </row>
    <row r="665299" spans="8:8">
      <c r="H665299" s="12"/>
    </row>
    <row r="665300" spans="8:8">
      <c r="H665300" s="12"/>
    </row>
    <row r="665301" spans="8:8">
      <c r="H665301" s="12"/>
    </row>
    <row r="665302" spans="8:8">
      <c r="H665302" s="12"/>
    </row>
    <row r="665303" spans="8:8">
      <c r="H665303" s="12"/>
    </row>
    <row r="665304" spans="8:8">
      <c r="H665304" s="12"/>
    </row>
    <row r="665305" spans="8:8">
      <c r="H665305" s="12"/>
    </row>
    <row r="665306" spans="8:8">
      <c r="H665306" s="12"/>
    </row>
    <row r="665307" spans="8:8">
      <c r="H665307" s="12"/>
    </row>
    <row r="665308" spans="8:8">
      <c r="H665308" s="12"/>
    </row>
    <row r="665309" spans="8:8">
      <c r="H665309" s="12"/>
    </row>
    <row r="665310" spans="8:8">
      <c r="H665310" s="12"/>
    </row>
    <row r="665311" spans="8:8">
      <c r="H665311" s="12"/>
    </row>
    <row r="665312" spans="8:8">
      <c r="H665312" s="12"/>
    </row>
    <row r="665313" spans="8:8">
      <c r="H665313" s="12"/>
    </row>
    <row r="665314" spans="8:8">
      <c r="H665314" s="12"/>
    </row>
    <row r="665315" spans="8:8">
      <c r="H665315" s="12"/>
    </row>
    <row r="665316" spans="8:8">
      <c r="H665316" s="12"/>
    </row>
    <row r="665317" spans="8:8">
      <c r="H665317" s="12"/>
    </row>
    <row r="665318" spans="8:8">
      <c r="H665318" s="12"/>
    </row>
    <row r="665319" spans="8:8">
      <c r="H665319" s="12"/>
    </row>
    <row r="665320" spans="8:8">
      <c r="H665320" s="12"/>
    </row>
    <row r="665321" spans="8:8">
      <c r="H665321" s="12"/>
    </row>
    <row r="665322" spans="8:8">
      <c r="H665322" s="12"/>
    </row>
    <row r="665323" spans="8:8">
      <c r="H665323" s="12"/>
    </row>
    <row r="665324" spans="8:8">
      <c r="H665324" s="12"/>
    </row>
    <row r="665325" spans="8:8">
      <c r="H665325" s="12"/>
    </row>
    <row r="665326" spans="8:8">
      <c r="H665326" s="12"/>
    </row>
    <row r="665327" spans="8:8">
      <c r="H665327" s="12"/>
    </row>
    <row r="665328" spans="8:8">
      <c r="H665328" s="12"/>
    </row>
    <row r="665329" spans="8:8">
      <c r="H665329" s="12"/>
    </row>
    <row r="665330" spans="8:8">
      <c r="H665330" s="12"/>
    </row>
    <row r="665331" spans="8:8">
      <c r="H665331" s="12"/>
    </row>
    <row r="665332" spans="8:8">
      <c r="H665332" s="12"/>
    </row>
    <row r="665333" spans="8:8">
      <c r="H665333" s="12"/>
    </row>
    <row r="665334" spans="8:8">
      <c r="H665334" s="12"/>
    </row>
    <row r="665335" spans="8:8">
      <c r="H665335" s="12"/>
    </row>
    <row r="665336" spans="8:8">
      <c r="H665336" s="12"/>
    </row>
    <row r="665337" spans="8:8">
      <c r="H665337" s="12"/>
    </row>
    <row r="665338" spans="8:8">
      <c r="H665338" s="12"/>
    </row>
    <row r="665339" spans="8:8">
      <c r="H665339" s="12"/>
    </row>
    <row r="665340" spans="8:8">
      <c r="H665340" s="12"/>
    </row>
    <row r="665341" spans="8:8">
      <c r="H665341" s="12"/>
    </row>
    <row r="665342" spans="8:8">
      <c r="H665342" s="12"/>
    </row>
    <row r="665343" spans="8:8">
      <c r="H665343" s="12"/>
    </row>
    <row r="665344" spans="8:8">
      <c r="H665344" s="12"/>
    </row>
    <row r="665345" spans="8:8">
      <c r="H665345" s="12"/>
    </row>
    <row r="665346" spans="8:8">
      <c r="H665346" s="12"/>
    </row>
    <row r="665347" spans="8:8">
      <c r="H665347" s="12"/>
    </row>
    <row r="665348" spans="8:8">
      <c r="H665348" s="12"/>
    </row>
    <row r="665349" spans="8:8">
      <c r="H665349" s="12"/>
    </row>
    <row r="665350" spans="8:8">
      <c r="H665350" s="12"/>
    </row>
    <row r="665351" spans="8:8">
      <c r="H665351" s="12"/>
    </row>
    <row r="665352" spans="8:8">
      <c r="H665352" s="12"/>
    </row>
    <row r="665353" spans="8:8">
      <c r="H665353" s="12"/>
    </row>
    <row r="665354" spans="8:8">
      <c r="H665354" s="12"/>
    </row>
    <row r="665355" spans="8:8">
      <c r="H665355" s="12"/>
    </row>
    <row r="665356" spans="8:8">
      <c r="H665356" s="12"/>
    </row>
    <row r="665357" spans="8:8">
      <c r="H665357" s="12"/>
    </row>
    <row r="665358" spans="8:8">
      <c r="H665358" s="12"/>
    </row>
    <row r="665359" spans="8:8">
      <c r="H665359" s="12"/>
    </row>
    <row r="665360" spans="8:8">
      <c r="H665360" s="12"/>
    </row>
    <row r="665361" spans="8:8">
      <c r="H665361" s="12"/>
    </row>
    <row r="665362" spans="8:8">
      <c r="H665362" s="12"/>
    </row>
    <row r="665363" spans="8:8">
      <c r="H665363" s="12"/>
    </row>
    <row r="665364" spans="8:8">
      <c r="H665364" s="12"/>
    </row>
    <row r="665365" spans="8:8">
      <c r="H665365" s="12"/>
    </row>
    <row r="665366" spans="8:8">
      <c r="H665366" s="12"/>
    </row>
    <row r="665367" spans="8:8">
      <c r="H665367" s="12"/>
    </row>
    <row r="665368" spans="8:8">
      <c r="H665368" s="12"/>
    </row>
    <row r="665369" spans="8:8">
      <c r="H665369" s="12"/>
    </row>
    <row r="665370" spans="8:8">
      <c r="H665370" s="12"/>
    </row>
    <row r="665371" spans="8:8">
      <c r="H665371" s="12"/>
    </row>
    <row r="665372" spans="8:8">
      <c r="H665372" s="12"/>
    </row>
    <row r="665373" spans="8:8">
      <c r="H665373" s="12"/>
    </row>
    <row r="665374" spans="8:8">
      <c r="H665374" s="12"/>
    </row>
    <row r="665375" spans="8:8">
      <c r="H665375" s="12"/>
    </row>
    <row r="665376" spans="8:8">
      <c r="H665376" s="12"/>
    </row>
    <row r="665377" spans="8:8">
      <c r="H665377" s="12"/>
    </row>
    <row r="665378" spans="8:8">
      <c r="H665378" s="12"/>
    </row>
    <row r="665379" spans="8:8">
      <c r="H665379" s="12"/>
    </row>
    <row r="665380" spans="8:8">
      <c r="H665380" s="12"/>
    </row>
    <row r="665381" spans="8:8">
      <c r="H665381" s="12"/>
    </row>
    <row r="665382" spans="8:8">
      <c r="H665382" s="12"/>
    </row>
    <row r="665383" spans="8:8">
      <c r="H665383" s="12"/>
    </row>
    <row r="665384" spans="8:8">
      <c r="H665384" s="12"/>
    </row>
    <row r="665385" spans="8:8">
      <c r="H665385" s="12"/>
    </row>
    <row r="665386" spans="8:8">
      <c r="H665386" s="12"/>
    </row>
    <row r="665387" spans="8:8">
      <c r="H665387" s="12"/>
    </row>
    <row r="665388" spans="8:8">
      <c r="H665388" s="12"/>
    </row>
    <row r="665389" spans="8:8">
      <c r="H665389" s="12"/>
    </row>
    <row r="665390" spans="8:8">
      <c r="H665390" s="12"/>
    </row>
    <row r="665391" spans="8:8">
      <c r="H665391" s="12"/>
    </row>
    <row r="665392" spans="8:8">
      <c r="H665392" s="12"/>
    </row>
    <row r="665393" spans="8:8">
      <c r="H665393" s="12"/>
    </row>
    <row r="665394" spans="8:8">
      <c r="H665394" s="12"/>
    </row>
    <row r="665395" spans="8:8">
      <c r="H665395" s="12"/>
    </row>
    <row r="665396" spans="8:8">
      <c r="H665396" s="12"/>
    </row>
    <row r="665397" spans="8:8">
      <c r="H665397" s="12"/>
    </row>
    <row r="665398" spans="8:8">
      <c r="H665398" s="12"/>
    </row>
    <row r="665399" spans="8:8">
      <c r="H665399" s="12"/>
    </row>
    <row r="665400" spans="8:8">
      <c r="H665400" s="12"/>
    </row>
    <row r="665401" spans="8:8">
      <c r="H665401" s="12"/>
    </row>
    <row r="665402" spans="8:8">
      <c r="H665402" s="12"/>
    </row>
    <row r="665403" spans="8:8">
      <c r="H665403" s="12"/>
    </row>
    <row r="665404" spans="8:8">
      <c r="H665404" s="12"/>
    </row>
    <row r="665405" spans="8:8">
      <c r="H665405" s="12"/>
    </row>
    <row r="665406" spans="8:8">
      <c r="H665406" s="12"/>
    </row>
    <row r="665407" spans="8:8">
      <c r="H665407" s="12"/>
    </row>
    <row r="665408" spans="8:8">
      <c r="H665408" s="12"/>
    </row>
    <row r="665409" spans="8:8">
      <c r="H665409" s="12"/>
    </row>
    <row r="665410" spans="8:8">
      <c r="H665410" s="12"/>
    </row>
    <row r="665411" spans="8:8">
      <c r="H665411" s="12"/>
    </row>
    <row r="665412" spans="8:8">
      <c r="H665412" s="12"/>
    </row>
    <row r="665413" spans="8:8">
      <c r="H665413" s="12"/>
    </row>
    <row r="665414" spans="8:8">
      <c r="H665414" s="12"/>
    </row>
    <row r="665415" spans="8:8">
      <c r="H665415" s="12"/>
    </row>
    <row r="665416" spans="8:8">
      <c r="H665416" s="12"/>
    </row>
    <row r="665417" spans="8:8">
      <c r="H665417" s="12"/>
    </row>
    <row r="665418" spans="8:8">
      <c r="H665418" s="12"/>
    </row>
    <row r="665419" spans="8:8">
      <c r="H665419" s="12"/>
    </row>
    <row r="665420" spans="8:8">
      <c r="H665420" s="12"/>
    </row>
    <row r="665421" spans="8:8">
      <c r="H665421" s="12"/>
    </row>
    <row r="665422" spans="8:8">
      <c r="H665422" s="12"/>
    </row>
    <row r="665423" spans="8:8">
      <c r="H665423" s="12"/>
    </row>
    <row r="665424" spans="8:8">
      <c r="H665424" s="12"/>
    </row>
    <row r="665425" spans="8:8">
      <c r="H665425" s="12"/>
    </row>
    <row r="665426" spans="8:8">
      <c r="H665426" s="12"/>
    </row>
    <row r="665427" spans="8:8">
      <c r="H665427" s="12"/>
    </row>
    <row r="665428" spans="8:8">
      <c r="H665428" s="12"/>
    </row>
    <row r="665429" spans="8:8">
      <c r="H665429" s="12"/>
    </row>
    <row r="665430" spans="8:8">
      <c r="H665430" s="12"/>
    </row>
    <row r="665431" spans="8:8">
      <c r="H665431" s="12"/>
    </row>
    <row r="665432" spans="8:8">
      <c r="H665432" s="12"/>
    </row>
    <row r="665433" spans="8:8">
      <c r="H665433" s="12"/>
    </row>
    <row r="665434" spans="8:8">
      <c r="H665434" s="12"/>
    </row>
    <row r="665435" spans="8:8">
      <c r="H665435" s="12"/>
    </row>
    <row r="665436" spans="8:8">
      <c r="H665436" s="12"/>
    </row>
    <row r="665437" spans="8:8">
      <c r="H665437" s="12"/>
    </row>
    <row r="665438" spans="8:8">
      <c r="H665438" s="12"/>
    </row>
    <row r="665439" spans="8:8">
      <c r="H665439" s="12"/>
    </row>
    <row r="665440" spans="8:8">
      <c r="H665440" s="12"/>
    </row>
    <row r="665441" spans="8:8">
      <c r="H665441" s="12"/>
    </row>
    <row r="665442" spans="8:8">
      <c r="H665442" s="12"/>
    </row>
    <row r="665443" spans="8:8">
      <c r="H665443" s="12"/>
    </row>
    <row r="665444" spans="8:8">
      <c r="H665444" s="12"/>
    </row>
    <row r="665445" spans="8:8">
      <c r="H665445" s="12"/>
    </row>
    <row r="665446" spans="8:8">
      <c r="H665446" s="12"/>
    </row>
    <row r="665447" spans="8:8">
      <c r="H665447" s="12"/>
    </row>
    <row r="665448" spans="8:8">
      <c r="H665448" s="12"/>
    </row>
    <row r="665449" spans="8:8">
      <c r="H665449" s="12"/>
    </row>
    <row r="665450" spans="8:8">
      <c r="H665450" s="12"/>
    </row>
    <row r="665451" spans="8:8">
      <c r="H665451" s="12"/>
    </row>
    <row r="665452" spans="8:8">
      <c r="H665452" s="12"/>
    </row>
    <row r="665453" spans="8:8">
      <c r="H665453" s="12"/>
    </row>
    <row r="665454" spans="8:8">
      <c r="H665454" s="12"/>
    </row>
    <row r="665455" spans="8:8">
      <c r="H665455" s="12"/>
    </row>
    <row r="665456" spans="8:8">
      <c r="H665456" s="12"/>
    </row>
    <row r="665457" spans="8:8">
      <c r="H665457" s="12"/>
    </row>
    <row r="665458" spans="8:8">
      <c r="H665458" s="12"/>
    </row>
    <row r="665459" spans="8:8">
      <c r="H665459" s="12"/>
    </row>
    <row r="665460" spans="8:8">
      <c r="H665460" s="12"/>
    </row>
    <row r="665461" spans="8:8">
      <c r="H665461" s="12"/>
    </row>
    <row r="665462" spans="8:8">
      <c r="H665462" s="12"/>
    </row>
    <row r="665463" spans="8:8">
      <c r="H665463" s="12"/>
    </row>
    <row r="665464" spans="8:8">
      <c r="H665464" s="12"/>
    </row>
    <row r="665465" spans="8:8">
      <c r="H665465" s="12"/>
    </row>
    <row r="665466" spans="8:8">
      <c r="H665466" s="12"/>
    </row>
    <row r="665467" spans="8:8">
      <c r="H665467" s="12"/>
    </row>
    <row r="665468" spans="8:8">
      <c r="H665468" s="12"/>
    </row>
    <row r="665469" spans="8:8">
      <c r="H665469" s="12"/>
    </row>
    <row r="665470" spans="8:8">
      <c r="H665470" s="12"/>
    </row>
    <row r="665471" spans="8:8">
      <c r="H665471" s="12"/>
    </row>
    <row r="665472" spans="8:8">
      <c r="H665472" s="12"/>
    </row>
    <row r="665473" spans="8:8">
      <c r="H665473" s="12"/>
    </row>
    <row r="665474" spans="8:8">
      <c r="H665474" s="12"/>
    </row>
    <row r="665475" spans="8:8">
      <c r="H665475" s="12"/>
    </row>
    <row r="665476" spans="8:8">
      <c r="H665476" s="12"/>
    </row>
    <row r="665477" spans="8:8">
      <c r="H665477" s="12"/>
    </row>
    <row r="665478" spans="8:8">
      <c r="H665478" s="12"/>
    </row>
    <row r="665479" spans="8:8">
      <c r="H665479" s="12"/>
    </row>
    <row r="665480" spans="8:8">
      <c r="H665480" s="12"/>
    </row>
    <row r="665481" spans="8:8">
      <c r="H665481" s="12"/>
    </row>
    <row r="665482" spans="8:8">
      <c r="H665482" s="12"/>
    </row>
    <row r="665483" spans="8:8">
      <c r="H665483" s="12"/>
    </row>
    <row r="665484" spans="8:8">
      <c r="H665484" s="12"/>
    </row>
    <row r="665485" spans="8:8">
      <c r="H665485" s="12"/>
    </row>
    <row r="665486" spans="8:8">
      <c r="H665486" s="12"/>
    </row>
    <row r="665487" spans="8:8">
      <c r="H665487" s="12"/>
    </row>
    <row r="665488" spans="8:8">
      <c r="H665488" s="12"/>
    </row>
    <row r="665489" spans="8:8">
      <c r="H665489" s="12"/>
    </row>
    <row r="665490" spans="8:8">
      <c r="H665490" s="12"/>
    </row>
    <row r="665491" spans="8:8">
      <c r="H665491" s="12"/>
    </row>
    <row r="665492" spans="8:8">
      <c r="H665492" s="12"/>
    </row>
    <row r="665493" spans="8:8">
      <c r="H665493" s="12"/>
    </row>
    <row r="665494" spans="8:8">
      <c r="H665494" s="12"/>
    </row>
    <row r="665495" spans="8:8">
      <c r="H665495" s="12"/>
    </row>
    <row r="665496" spans="8:8">
      <c r="H665496" s="12"/>
    </row>
    <row r="665497" spans="8:8">
      <c r="H665497" s="12"/>
    </row>
    <row r="665498" spans="8:8">
      <c r="H665498" s="12"/>
    </row>
    <row r="665499" spans="8:8">
      <c r="H665499" s="12"/>
    </row>
    <row r="665500" spans="8:8">
      <c r="H665500" s="12"/>
    </row>
    <row r="665501" spans="8:8">
      <c r="H665501" s="12"/>
    </row>
    <row r="665502" spans="8:8">
      <c r="H665502" s="12"/>
    </row>
    <row r="665503" spans="8:8">
      <c r="H665503" s="12"/>
    </row>
    <row r="665504" spans="8:8">
      <c r="H665504" s="12"/>
    </row>
    <row r="665505" spans="8:8">
      <c r="H665505" s="12"/>
    </row>
    <row r="665506" spans="8:8">
      <c r="H665506" s="12"/>
    </row>
    <row r="665507" spans="8:8">
      <c r="H665507" s="12"/>
    </row>
    <row r="665508" spans="8:8">
      <c r="H665508" s="12"/>
    </row>
    <row r="665509" spans="8:8">
      <c r="H665509" s="12"/>
    </row>
    <row r="665510" spans="8:8">
      <c r="H665510" s="12"/>
    </row>
    <row r="665511" spans="8:8">
      <c r="H665511" s="12"/>
    </row>
    <row r="665512" spans="8:8">
      <c r="H665512" s="12"/>
    </row>
    <row r="665513" spans="8:8">
      <c r="H665513" s="12"/>
    </row>
    <row r="665514" spans="8:8">
      <c r="H665514" s="12"/>
    </row>
    <row r="665515" spans="8:8">
      <c r="H665515" s="12"/>
    </row>
    <row r="665516" spans="8:8">
      <c r="H665516" s="12"/>
    </row>
    <row r="665517" spans="8:8">
      <c r="H665517" s="12"/>
    </row>
    <row r="665518" spans="8:8">
      <c r="H665518" s="12"/>
    </row>
    <row r="665519" spans="8:8">
      <c r="H665519" s="12"/>
    </row>
    <row r="665520" spans="8:8">
      <c r="H665520" s="12"/>
    </row>
    <row r="665521" spans="8:8">
      <c r="H665521" s="12"/>
    </row>
    <row r="665522" spans="8:8">
      <c r="H665522" s="12"/>
    </row>
    <row r="665523" spans="8:8">
      <c r="H665523" s="12"/>
    </row>
    <row r="665524" spans="8:8">
      <c r="H665524" s="12"/>
    </row>
    <row r="665525" spans="8:8">
      <c r="H665525" s="12"/>
    </row>
    <row r="665526" spans="8:8">
      <c r="H665526" s="12"/>
    </row>
    <row r="665527" spans="8:8">
      <c r="H665527" s="12"/>
    </row>
    <row r="665528" spans="8:8">
      <c r="H665528" s="12"/>
    </row>
    <row r="665529" spans="8:8">
      <c r="H665529" s="12"/>
    </row>
    <row r="665530" spans="8:8">
      <c r="H665530" s="12"/>
    </row>
    <row r="665531" spans="8:8">
      <c r="H665531" s="12"/>
    </row>
    <row r="665532" spans="8:8">
      <c r="H665532" s="12"/>
    </row>
    <row r="665533" spans="8:8">
      <c r="H665533" s="12"/>
    </row>
    <row r="665534" spans="8:8">
      <c r="H665534" s="12"/>
    </row>
    <row r="665535" spans="8:8">
      <c r="H665535" s="12"/>
    </row>
    <row r="665536" spans="8:8">
      <c r="H665536" s="12"/>
    </row>
    <row r="665537" spans="8:8">
      <c r="H665537" s="12"/>
    </row>
    <row r="665538" spans="8:8">
      <c r="H665538" s="12"/>
    </row>
    <row r="665539" spans="8:8">
      <c r="H665539" s="12"/>
    </row>
    <row r="665540" spans="8:8">
      <c r="H665540" s="12"/>
    </row>
    <row r="665541" spans="8:8">
      <c r="H665541" s="12"/>
    </row>
    <row r="665542" spans="8:8">
      <c r="H665542" s="12"/>
    </row>
    <row r="665543" spans="8:8">
      <c r="H665543" s="12"/>
    </row>
    <row r="665544" spans="8:8">
      <c r="H665544" s="12"/>
    </row>
    <row r="665545" spans="8:8">
      <c r="H665545" s="12"/>
    </row>
    <row r="665546" spans="8:8">
      <c r="H665546" s="12"/>
    </row>
    <row r="665547" spans="8:8">
      <c r="H665547" s="12"/>
    </row>
    <row r="665548" spans="8:8">
      <c r="H665548" s="12"/>
    </row>
    <row r="665549" spans="8:8">
      <c r="H665549" s="12"/>
    </row>
    <row r="665550" spans="8:8">
      <c r="H665550" s="12"/>
    </row>
    <row r="665551" spans="8:8">
      <c r="H665551" s="12"/>
    </row>
    <row r="665552" spans="8:8">
      <c r="H665552" s="12"/>
    </row>
    <row r="665553" spans="8:8">
      <c r="H665553" s="12"/>
    </row>
    <row r="665554" spans="8:8">
      <c r="H665554" s="12"/>
    </row>
    <row r="665555" spans="8:8">
      <c r="H665555" s="12"/>
    </row>
    <row r="665556" spans="8:8">
      <c r="H665556" s="12"/>
    </row>
    <row r="665557" spans="8:8">
      <c r="H665557" s="12"/>
    </row>
    <row r="665558" spans="8:8">
      <c r="H665558" s="12"/>
    </row>
    <row r="665559" spans="8:8">
      <c r="H665559" s="12"/>
    </row>
    <row r="665560" spans="8:8">
      <c r="H665560" s="12"/>
    </row>
    <row r="665561" spans="8:8">
      <c r="H665561" s="12"/>
    </row>
    <row r="665562" spans="8:8">
      <c r="H665562" s="12"/>
    </row>
    <row r="665563" spans="8:8">
      <c r="H665563" s="12"/>
    </row>
    <row r="665564" spans="8:8">
      <c r="H665564" s="12"/>
    </row>
    <row r="665565" spans="8:8">
      <c r="H665565" s="12"/>
    </row>
    <row r="665566" spans="8:8">
      <c r="H665566" s="12"/>
    </row>
    <row r="665567" spans="8:8">
      <c r="H665567" s="12"/>
    </row>
    <row r="665568" spans="8:8">
      <c r="H665568" s="12"/>
    </row>
    <row r="665569" spans="8:8">
      <c r="H665569" s="12"/>
    </row>
    <row r="665570" spans="8:8">
      <c r="H665570" s="12"/>
    </row>
    <row r="665571" spans="8:8">
      <c r="H665571" s="12"/>
    </row>
    <row r="665572" spans="8:8">
      <c r="H665572" s="12"/>
    </row>
    <row r="665573" spans="8:8">
      <c r="H665573" s="12"/>
    </row>
    <row r="665574" spans="8:8">
      <c r="H665574" s="12"/>
    </row>
    <row r="665575" spans="8:8">
      <c r="H665575" s="12"/>
    </row>
    <row r="665576" spans="8:8">
      <c r="H665576" s="12"/>
    </row>
    <row r="665577" spans="8:8">
      <c r="H665577" s="12"/>
    </row>
    <row r="665578" spans="8:8">
      <c r="H665578" s="12"/>
    </row>
    <row r="665579" spans="8:8">
      <c r="H665579" s="12"/>
    </row>
    <row r="665580" spans="8:8">
      <c r="H665580" s="12"/>
    </row>
    <row r="665581" spans="8:8">
      <c r="H665581" s="12"/>
    </row>
    <row r="665582" spans="8:8">
      <c r="H665582" s="12"/>
    </row>
    <row r="665583" spans="8:8">
      <c r="H665583" s="12"/>
    </row>
    <row r="665584" spans="8:8">
      <c r="H665584" s="12"/>
    </row>
    <row r="665585" spans="8:8">
      <c r="H665585" s="12"/>
    </row>
    <row r="665586" spans="8:8">
      <c r="H665586" s="12"/>
    </row>
    <row r="665587" spans="8:8">
      <c r="H665587" s="12"/>
    </row>
    <row r="665588" spans="8:8">
      <c r="H665588" s="12"/>
    </row>
    <row r="665589" spans="8:8">
      <c r="H665589" s="12"/>
    </row>
    <row r="665590" spans="8:8">
      <c r="H665590" s="12"/>
    </row>
    <row r="665591" spans="8:8">
      <c r="H665591" s="12"/>
    </row>
    <row r="665592" spans="8:8">
      <c r="H665592" s="12"/>
    </row>
    <row r="665593" spans="8:8">
      <c r="H665593" s="12"/>
    </row>
    <row r="665594" spans="8:8">
      <c r="H665594" s="12"/>
    </row>
    <row r="665595" spans="8:8">
      <c r="H665595" s="12"/>
    </row>
    <row r="665596" spans="8:8">
      <c r="H665596" s="12"/>
    </row>
    <row r="665597" spans="8:8">
      <c r="H665597" s="12"/>
    </row>
    <row r="665598" spans="8:8">
      <c r="H665598" s="12"/>
    </row>
    <row r="665599" spans="8:8">
      <c r="H665599" s="12"/>
    </row>
    <row r="665600" spans="8:8">
      <c r="H665600" s="12"/>
    </row>
    <row r="665601" spans="8:8">
      <c r="H665601" s="12"/>
    </row>
    <row r="665602" spans="8:8">
      <c r="H665602" s="12"/>
    </row>
    <row r="665603" spans="8:8">
      <c r="H665603" s="12"/>
    </row>
    <row r="665604" spans="8:8">
      <c r="H665604" s="12"/>
    </row>
    <row r="665605" spans="8:8">
      <c r="H665605" s="12"/>
    </row>
    <row r="665606" spans="8:8">
      <c r="H665606" s="12"/>
    </row>
    <row r="665607" spans="8:8">
      <c r="H665607" s="12"/>
    </row>
    <row r="665608" spans="8:8">
      <c r="H665608" s="12"/>
    </row>
    <row r="665609" spans="8:8">
      <c r="H665609" s="12"/>
    </row>
    <row r="665610" spans="8:8">
      <c r="H665610" s="12"/>
    </row>
    <row r="665611" spans="8:8">
      <c r="H665611" s="12"/>
    </row>
    <row r="665612" spans="8:8">
      <c r="H665612" s="12"/>
    </row>
    <row r="665613" spans="8:8">
      <c r="H665613" s="12"/>
    </row>
    <row r="665614" spans="8:8">
      <c r="H665614" s="12"/>
    </row>
    <row r="665615" spans="8:8">
      <c r="H665615" s="12"/>
    </row>
    <row r="665616" spans="8:8">
      <c r="H665616" s="12"/>
    </row>
    <row r="665617" spans="8:8">
      <c r="H665617" s="12"/>
    </row>
    <row r="665618" spans="8:8">
      <c r="H665618" s="12"/>
    </row>
    <row r="665619" spans="8:8">
      <c r="H665619" s="12"/>
    </row>
    <row r="665620" spans="8:8">
      <c r="H665620" s="12"/>
    </row>
    <row r="665621" spans="8:8">
      <c r="H665621" s="12"/>
    </row>
    <row r="665622" spans="8:8">
      <c r="H665622" s="12"/>
    </row>
    <row r="665623" spans="8:8">
      <c r="H665623" s="12"/>
    </row>
    <row r="665624" spans="8:8">
      <c r="H665624" s="12"/>
    </row>
    <row r="665625" spans="8:8">
      <c r="H665625" s="12"/>
    </row>
    <row r="665626" spans="8:8">
      <c r="H665626" s="12"/>
    </row>
    <row r="665627" spans="8:8">
      <c r="H665627" s="12"/>
    </row>
    <row r="665628" spans="8:8">
      <c r="H665628" s="12"/>
    </row>
    <row r="665629" spans="8:8">
      <c r="H665629" s="12"/>
    </row>
    <row r="665630" spans="8:8">
      <c r="H665630" s="12"/>
    </row>
    <row r="665631" spans="8:8">
      <c r="H665631" s="12"/>
    </row>
    <row r="665632" spans="8:8">
      <c r="H665632" s="12"/>
    </row>
    <row r="665633" spans="8:8">
      <c r="H665633" s="12"/>
    </row>
    <row r="665634" spans="8:8">
      <c r="H665634" s="12"/>
    </row>
    <row r="665635" spans="8:8">
      <c r="H665635" s="12"/>
    </row>
    <row r="665636" spans="8:8">
      <c r="H665636" s="12"/>
    </row>
    <row r="665637" spans="8:8">
      <c r="H665637" s="12"/>
    </row>
    <row r="665638" spans="8:8">
      <c r="H665638" s="12"/>
    </row>
    <row r="665639" spans="8:8">
      <c r="H665639" s="12"/>
    </row>
    <row r="665640" spans="8:8">
      <c r="H665640" s="12"/>
    </row>
    <row r="665641" spans="8:8">
      <c r="H665641" s="12"/>
    </row>
    <row r="665642" spans="8:8">
      <c r="H665642" s="12"/>
    </row>
    <row r="665643" spans="8:8">
      <c r="H665643" s="12"/>
    </row>
    <row r="665644" spans="8:8">
      <c r="H665644" s="12"/>
    </row>
    <row r="665645" spans="8:8">
      <c r="H665645" s="12"/>
    </row>
    <row r="665646" spans="8:8">
      <c r="H665646" s="12"/>
    </row>
    <row r="665647" spans="8:8">
      <c r="H665647" s="12"/>
    </row>
    <row r="665648" spans="8:8">
      <c r="H665648" s="12"/>
    </row>
    <row r="665649" spans="8:8">
      <c r="H665649" s="12"/>
    </row>
    <row r="665650" spans="8:8">
      <c r="H665650" s="12"/>
    </row>
    <row r="665651" spans="8:8">
      <c r="H665651" s="12"/>
    </row>
    <row r="665652" spans="8:8">
      <c r="H665652" s="12"/>
    </row>
    <row r="665653" spans="8:8">
      <c r="H665653" s="12"/>
    </row>
    <row r="665654" spans="8:8">
      <c r="H665654" s="12"/>
    </row>
    <row r="665655" spans="8:8">
      <c r="H665655" s="12"/>
    </row>
    <row r="665656" spans="8:8">
      <c r="H665656" s="12"/>
    </row>
    <row r="665657" spans="8:8">
      <c r="H665657" s="12"/>
    </row>
    <row r="665658" spans="8:8">
      <c r="H665658" s="12"/>
    </row>
    <row r="665659" spans="8:8">
      <c r="H665659" s="12"/>
    </row>
    <row r="665660" spans="8:8">
      <c r="H665660" s="12"/>
    </row>
    <row r="665661" spans="8:8">
      <c r="H665661" s="12"/>
    </row>
    <row r="665662" spans="8:8">
      <c r="H665662" s="12"/>
    </row>
    <row r="665663" spans="8:8">
      <c r="H665663" s="12"/>
    </row>
    <row r="665664" spans="8:8">
      <c r="H665664" s="12"/>
    </row>
    <row r="665665" spans="8:8">
      <c r="H665665" s="12"/>
    </row>
    <row r="665666" spans="8:8">
      <c r="H665666" s="12"/>
    </row>
    <row r="665667" spans="8:8">
      <c r="H665667" s="12"/>
    </row>
    <row r="665668" spans="8:8">
      <c r="H665668" s="12"/>
    </row>
    <row r="665669" spans="8:8">
      <c r="H665669" s="12"/>
    </row>
    <row r="665670" spans="8:8">
      <c r="H665670" s="12"/>
    </row>
    <row r="665671" spans="8:8">
      <c r="H665671" s="12"/>
    </row>
    <row r="665672" spans="8:8">
      <c r="H665672" s="12"/>
    </row>
    <row r="665673" spans="8:8">
      <c r="H665673" s="12"/>
    </row>
    <row r="665674" spans="8:8">
      <c r="H665674" s="12"/>
    </row>
    <row r="665675" spans="8:8">
      <c r="H665675" s="12"/>
    </row>
    <row r="665676" spans="8:8">
      <c r="H665676" s="12"/>
    </row>
    <row r="665677" spans="8:8">
      <c r="H665677" s="12"/>
    </row>
    <row r="665678" spans="8:8">
      <c r="H665678" s="12"/>
    </row>
    <row r="665679" spans="8:8">
      <c r="H665679" s="12"/>
    </row>
    <row r="665680" spans="8:8">
      <c r="H665680" s="12"/>
    </row>
    <row r="665681" spans="8:8">
      <c r="H665681" s="12"/>
    </row>
    <row r="665682" spans="8:8">
      <c r="H665682" s="12"/>
    </row>
    <row r="665683" spans="8:8">
      <c r="H665683" s="12"/>
    </row>
    <row r="665684" spans="8:8">
      <c r="H665684" s="12"/>
    </row>
    <row r="665685" spans="8:8">
      <c r="H665685" s="12"/>
    </row>
    <row r="665686" spans="8:8">
      <c r="H665686" s="12"/>
    </row>
    <row r="665687" spans="8:8">
      <c r="H665687" s="12"/>
    </row>
    <row r="665688" spans="8:8">
      <c r="H665688" s="12"/>
    </row>
    <row r="665689" spans="8:8">
      <c r="H665689" s="12"/>
    </row>
    <row r="665690" spans="8:8">
      <c r="H665690" s="12"/>
    </row>
    <row r="665691" spans="8:8">
      <c r="H665691" s="12"/>
    </row>
    <row r="665692" spans="8:8">
      <c r="H665692" s="12"/>
    </row>
    <row r="665693" spans="8:8">
      <c r="H665693" s="12"/>
    </row>
    <row r="665694" spans="8:8">
      <c r="H665694" s="12"/>
    </row>
    <row r="665695" spans="8:8">
      <c r="H665695" s="12"/>
    </row>
    <row r="665696" spans="8:8">
      <c r="H665696" s="12"/>
    </row>
    <row r="665697" spans="8:8">
      <c r="H665697" s="12"/>
    </row>
    <row r="665698" spans="8:8">
      <c r="H665698" s="12"/>
    </row>
    <row r="665699" spans="8:8">
      <c r="H665699" s="12"/>
    </row>
    <row r="665700" spans="8:8">
      <c r="H665700" s="12"/>
    </row>
    <row r="665701" spans="8:8">
      <c r="H665701" s="12"/>
    </row>
    <row r="665702" spans="8:8">
      <c r="H665702" s="12"/>
    </row>
    <row r="665703" spans="8:8">
      <c r="H665703" s="12"/>
    </row>
    <row r="665704" spans="8:8">
      <c r="H665704" s="12"/>
    </row>
    <row r="665705" spans="8:8">
      <c r="H665705" s="12"/>
    </row>
    <row r="665706" spans="8:8">
      <c r="H665706" s="12"/>
    </row>
    <row r="665707" spans="8:8">
      <c r="H665707" s="12"/>
    </row>
    <row r="665708" spans="8:8">
      <c r="H665708" s="12"/>
    </row>
    <row r="665709" spans="8:8">
      <c r="H665709" s="12"/>
    </row>
    <row r="665710" spans="8:8">
      <c r="H665710" s="12"/>
    </row>
    <row r="665711" spans="8:8">
      <c r="H665711" s="12"/>
    </row>
    <row r="665712" spans="8:8">
      <c r="H665712" s="12"/>
    </row>
    <row r="665713" spans="8:8">
      <c r="H665713" s="12"/>
    </row>
    <row r="665714" spans="8:8">
      <c r="H665714" s="12"/>
    </row>
    <row r="665715" spans="8:8">
      <c r="H665715" s="12"/>
    </row>
    <row r="665716" spans="8:8">
      <c r="H665716" s="12"/>
    </row>
    <row r="665717" spans="8:8">
      <c r="H665717" s="12"/>
    </row>
    <row r="665718" spans="8:8">
      <c r="H665718" s="12"/>
    </row>
    <row r="665719" spans="8:8">
      <c r="H665719" s="12"/>
    </row>
    <row r="665720" spans="8:8">
      <c r="H665720" s="12"/>
    </row>
    <row r="665721" spans="8:8">
      <c r="H665721" s="12"/>
    </row>
    <row r="665722" spans="8:8">
      <c r="H665722" s="12"/>
    </row>
    <row r="665723" spans="8:8">
      <c r="H665723" s="12"/>
    </row>
    <row r="665724" spans="8:8">
      <c r="H665724" s="12"/>
    </row>
    <row r="665725" spans="8:8">
      <c r="H665725" s="12"/>
    </row>
    <row r="665726" spans="8:8">
      <c r="H665726" s="12"/>
    </row>
    <row r="665727" spans="8:8">
      <c r="H665727" s="12"/>
    </row>
    <row r="665728" spans="8:8">
      <c r="H665728" s="12"/>
    </row>
    <row r="665729" spans="8:8">
      <c r="H665729" s="12"/>
    </row>
    <row r="665730" spans="8:8">
      <c r="H665730" s="12"/>
    </row>
    <row r="665731" spans="8:8">
      <c r="H665731" s="12"/>
    </row>
    <row r="665732" spans="8:8">
      <c r="H665732" s="12"/>
    </row>
    <row r="665733" spans="8:8">
      <c r="H665733" s="12"/>
    </row>
    <row r="665734" spans="8:8">
      <c r="H665734" s="12"/>
    </row>
    <row r="665735" spans="8:8">
      <c r="H665735" s="12"/>
    </row>
    <row r="665736" spans="8:8">
      <c r="H665736" s="12"/>
    </row>
    <row r="665737" spans="8:8">
      <c r="H665737" s="12"/>
    </row>
    <row r="665738" spans="8:8">
      <c r="H665738" s="12"/>
    </row>
    <row r="665739" spans="8:8">
      <c r="H665739" s="12"/>
    </row>
    <row r="665740" spans="8:8">
      <c r="H665740" s="12"/>
    </row>
    <row r="665741" spans="8:8">
      <c r="H665741" s="12"/>
    </row>
    <row r="665742" spans="8:8">
      <c r="H665742" s="12"/>
    </row>
    <row r="665743" spans="8:8">
      <c r="H665743" s="12"/>
    </row>
    <row r="665744" spans="8:8">
      <c r="H665744" s="12"/>
    </row>
    <row r="665745" spans="8:8">
      <c r="H665745" s="12"/>
    </row>
    <row r="665746" spans="8:8">
      <c r="H665746" s="12"/>
    </row>
    <row r="665747" spans="8:8">
      <c r="H665747" s="12"/>
    </row>
    <row r="665748" spans="8:8">
      <c r="H665748" s="12"/>
    </row>
    <row r="665749" spans="8:8">
      <c r="H665749" s="12"/>
    </row>
    <row r="665750" spans="8:8">
      <c r="H665750" s="12"/>
    </row>
    <row r="665751" spans="8:8">
      <c r="H665751" s="12"/>
    </row>
    <row r="665752" spans="8:8">
      <c r="H665752" s="12"/>
    </row>
    <row r="665753" spans="8:8">
      <c r="H665753" s="12"/>
    </row>
    <row r="665754" spans="8:8">
      <c r="H665754" s="12"/>
    </row>
    <row r="665755" spans="8:8">
      <c r="H665755" s="12"/>
    </row>
    <row r="665756" spans="8:8">
      <c r="H665756" s="12"/>
    </row>
    <row r="665757" spans="8:8">
      <c r="H665757" s="12"/>
    </row>
    <row r="665758" spans="8:8">
      <c r="H665758" s="12"/>
    </row>
    <row r="665759" spans="8:8">
      <c r="H665759" s="12"/>
    </row>
    <row r="665760" spans="8:8">
      <c r="H665760" s="12"/>
    </row>
    <row r="665761" spans="8:8">
      <c r="H665761" s="12"/>
    </row>
    <row r="665762" spans="8:8">
      <c r="H665762" s="12"/>
    </row>
    <row r="665763" spans="8:8">
      <c r="H665763" s="12"/>
    </row>
    <row r="665764" spans="8:8">
      <c r="H665764" s="12"/>
    </row>
    <row r="665765" spans="8:8">
      <c r="H665765" s="12"/>
    </row>
    <row r="665766" spans="8:8">
      <c r="H665766" s="12"/>
    </row>
    <row r="665767" spans="8:8">
      <c r="H665767" s="12"/>
    </row>
    <row r="665768" spans="8:8">
      <c r="H665768" s="12"/>
    </row>
    <row r="665769" spans="8:8">
      <c r="H665769" s="12"/>
    </row>
    <row r="665770" spans="8:8">
      <c r="H665770" s="12"/>
    </row>
    <row r="665771" spans="8:8">
      <c r="H665771" s="12"/>
    </row>
    <row r="665772" spans="8:8">
      <c r="H665772" s="12"/>
    </row>
    <row r="665773" spans="8:8">
      <c r="H665773" s="12"/>
    </row>
    <row r="665774" spans="8:8">
      <c r="H665774" s="12"/>
    </row>
    <row r="665775" spans="8:8">
      <c r="H665775" s="12"/>
    </row>
    <row r="665776" spans="8:8">
      <c r="H665776" s="12"/>
    </row>
    <row r="665777" spans="8:8">
      <c r="H665777" s="12"/>
    </row>
    <row r="665778" spans="8:8">
      <c r="H665778" s="12"/>
    </row>
    <row r="665779" spans="8:8">
      <c r="H665779" s="12"/>
    </row>
    <row r="665780" spans="8:8">
      <c r="H665780" s="12"/>
    </row>
    <row r="665781" spans="8:8">
      <c r="H665781" s="12"/>
    </row>
    <row r="665782" spans="8:8">
      <c r="H665782" s="12"/>
    </row>
    <row r="665783" spans="8:8">
      <c r="H665783" s="12"/>
    </row>
    <row r="665784" spans="8:8">
      <c r="H665784" s="12"/>
    </row>
    <row r="665785" spans="8:8">
      <c r="H665785" s="12"/>
    </row>
    <row r="665786" spans="8:8">
      <c r="H665786" s="12"/>
    </row>
    <row r="665787" spans="8:8">
      <c r="H665787" s="12"/>
    </row>
    <row r="665788" spans="8:8">
      <c r="H665788" s="12"/>
    </row>
    <row r="665789" spans="8:8">
      <c r="H665789" s="12"/>
    </row>
    <row r="665790" spans="8:8">
      <c r="H665790" s="12"/>
    </row>
    <row r="665791" spans="8:8">
      <c r="H665791" s="12"/>
    </row>
    <row r="665792" spans="8:8">
      <c r="H665792" s="12"/>
    </row>
    <row r="665793" spans="8:8">
      <c r="H665793" s="12"/>
    </row>
    <row r="665794" spans="8:8">
      <c r="H665794" s="12"/>
    </row>
    <row r="665795" spans="8:8">
      <c r="H665795" s="12"/>
    </row>
    <row r="665796" spans="8:8">
      <c r="H665796" s="12"/>
    </row>
    <row r="665797" spans="8:8">
      <c r="H665797" s="12"/>
    </row>
    <row r="665798" spans="8:8">
      <c r="H665798" s="12"/>
    </row>
    <row r="665799" spans="8:8">
      <c r="H665799" s="12"/>
    </row>
    <row r="665800" spans="8:8">
      <c r="H665800" s="12"/>
    </row>
    <row r="665801" spans="8:8">
      <c r="H665801" s="12"/>
    </row>
    <row r="665802" spans="8:8">
      <c r="H665802" s="12"/>
    </row>
    <row r="665803" spans="8:8">
      <c r="H665803" s="12"/>
    </row>
    <row r="665804" spans="8:8">
      <c r="H665804" s="12"/>
    </row>
    <row r="665805" spans="8:8">
      <c r="H665805" s="12"/>
    </row>
    <row r="665806" spans="8:8">
      <c r="H665806" s="12"/>
    </row>
    <row r="665807" spans="8:8">
      <c r="H665807" s="12"/>
    </row>
    <row r="665808" spans="8:8">
      <c r="H665808" s="12"/>
    </row>
    <row r="665809" spans="8:8">
      <c r="H665809" s="12"/>
    </row>
    <row r="665810" spans="8:8">
      <c r="H665810" s="12"/>
    </row>
    <row r="665811" spans="8:8">
      <c r="H665811" s="12"/>
    </row>
    <row r="665812" spans="8:8">
      <c r="H665812" s="12"/>
    </row>
    <row r="665813" spans="8:8">
      <c r="H665813" s="12"/>
    </row>
    <row r="665814" spans="8:8">
      <c r="H665814" s="12"/>
    </row>
    <row r="665815" spans="8:8">
      <c r="H665815" s="12"/>
    </row>
    <row r="665816" spans="8:8">
      <c r="H665816" s="12"/>
    </row>
    <row r="665817" spans="8:8">
      <c r="H665817" s="12"/>
    </row>
    <row r="665818" spans="8:8">
      <c r="H665818" s="12"/>
    </row>
    <row r="665819" spans="8:8">
      <c r="H665819" s="12"/>
    </row>
    <row r="665820" spans="8:8">
      <c r="H665820" s="12"/>
    </row>
    <row r="665821" spans="8:8">
      <c r="H665821" s="12"/>
    </row>
    <row r="665822" spans="8:8">
      <c r="H665822" s="12"/>
    </row>
    <row r="665823" spans="8:8">
      <c r="H665823" s="12"/>
    </row>
    <row r="665824" spans="8:8">
      <c r="H665824" s="12"/>
    </row>
    <row r="665825" spans="8:8">
      <c r="H665825" s="12"/>
    </row>
    <row r="665826" spans="8:8">
      <c r="H665826" s="12"/>
    </row>
    <row r="665827" spans="8:8">
      <c r="H665827" s="12"/>
    </row>
    <row r="665828" spans="8:8">
      <c r="H665828" s="12"/>
    </row>
    <row r="665829" spans="8:8">
      <c r="H665829" s="12"/>
    </row>
    <row r="665830" spans="8:8">
      <c r="H665830" s="12"/>
    </row>
    <row r="665831" spans="8:8">
      <c r="H665831" s="12"/>
    </row>
    <row r="665832" spans="8:8">
      <c r="H665832" s="12"/>
    </row>
    <row r="665833" spans="8:8">
      <c r="H665833" s="12"/>
    </row>
    <row r="665834" spans="8:8">
      <c r="H665834" s="12"/>
    </row>
    <row r="665835" spans="8:8">
      <c r="H665835" s="12"/>
    </row>
    <row r="665836" spans="8:8">
      <c r="H665836" s="12"/>
    </row>
    <row r="665837" spans="8:8">
      <c r="H665837" s="12"/>
    </row>
    <row r="665838" spans="8:8">
      <c r="H665838" s="12"/>
    </row>
    <row r="665839" spans="8:8">
      <c r="H665839" s="12"/>
    </row>
    <row r="665840" spans="8:8">
      <c r="H665840" s="12"/>
    </row>
    <row r="665841" spans="8:8">
      <c r="H665841" s="12"/>
    </row>
    <row r="665842" spans="8:8">
      <c r="H665842" s="12"/>
    </row>
    <row r="665843" spans="8:8">
      <c r="H665843" s="12"/>
    </row>
    <row r="665844" spans="8:8">
      <c r="H665844" s="12"/>
    </row>
    <row r="665845" spans="8:8">
      <c r="H665845" s="12"/>
    </row>
    <row r="665846" spans="8:8">
      <c r="H665846" s="12"/>
    </row>
    <row r="665847" spans="8:8">
      <c r="H665847" s="12"/>
    </row>
    <row r="665848" spans="8:8">
      <c r="H665848" s="12"/>
    </row>
    <row r="665849" spans="8:8">
      <c r="H665849" s="12"/>
    </row>
    <row r="665850" spans="8:8">
      <c r="H665850" s="12"/>
    </row>
    <row r="665851" spans="8:8">
      <c r="H665851" s="12"/>
    </row>
    <row r="665852" spans="8:8">
      <c r="H665852" s="12"/>
    </row>
    <row r="665853" spans="8:8">
      <c r="H665853" s="12"/>
    </row>
    <row r="665854" spans="8:8">
      <c r="H665854" s="12"/>
    </row>
    <row r="665855" spans="8:8">
      <c r="H665855" s="12"/>
    </row>
    <row r="665856" spans="8:8">
      <c r="H665856" s="12"/>
    </row>
    <row r="665857" spans="8:8">
      <c r="H665857" s="12"/>
    </row>
    <row r="665858" spans="8:8">
      <c r="H665858" s="12"/>
    </row>
    <row r="665859" spans="8:8">
      <c r="H665859" s="12"/>
    </row>
    <row r="665860" spans="8:8">
      <c r="H665860" s="12"/>
    </row>
    <row r="665861" spans="8:8">
      <c r="H665861" s="12"/>
    </row>
    <row r="665862" spans="8:8">
      <c r="H665862" s="12"/>
    </row>
    <row r="665863" spans="8:8">
      <c r="H665863" s="12"/>
    </row>
    <row r="665864" spans="8:8">
      <c r="H665864" s="12"/>
    </row>
    <row r="665865" spans="8:8">
      <c r="H665865" s="12"/>
    </row>
    <row r="665866" spans="8:8">
      <c r="H665866" s="12"/>
    </row>
    <row r="665867" spans="8:8">
      <c r="H665867" s="12"/>
    </row>
    <row r="665868" spans="8:8">
      <c r="H665868" s="12"/>
    </row>
    <row r="665869" spans="8:8">
      <c r="H665869" s="12"/>
    </row>
    <row r="665870" spans="8:8">
      <c r="H665870" s="12"/>
    </row>
    <row r="665871" spans="8:8">
      <c r="H665871" s="12"/>
    </row>
    <row r="665872" spans="8:8">
      <c r="H665872" s="12"/>
    </row>
    <row r="665873" spans="8:8">
      <c r="H665873" s="12"/>
    </row>
    <row r="665874" spans="8:8">
      <c r="H665874" s="12"/>
    </row>
    <row r="665875" spans="8:8">
      <c r="H665875" s="12"/>
    </row>
    <row r="665876" spans="8:8">
      <c r="H665876" s="12"/>
    </row>
    <row r="665877" spans="8:8">
      <c r="H665877" s="12"/>
    </row>
    <row r="665878" spans="8:8">
      <c r="H665878" s="12"/>
    </row>
    <row r="665879" spans="8:8">
      <c r="H665879" s="12"/>
    </row>
    <row r="665880" spans="8:8">
      <c r="H665880" s="12"/>
    </row>
    <row r="665881" spans="8:8">
      <c r="H665881" s="12"/>
    </row>
    <row r="665882" spans="8:8">
      <c r="H665882" s="12"/>
    </row>
    <row r="665883" spans="8:8">
      <c r="H665883" s="12"/>
    </row>
    <row r="665884" spans="8:8">
      <c r="H665884" s="12"/>
    </row>
    <row r="665885" spans="8:8">
      <c r="H665885" s="12"/>
    </row>
    <row r="665886" spans="8:8">
      <c r="H665886" s="12"/>
    </row>
    <row r="665887" spans="8:8">
      <c r="H665887" s="12"/>
    </row>
    <row r="665888" spans="8:8">
      <c r="H665888" s="12"/>
    </row>
    <row r="665889" spans="8:8">
      <c r="H665889" s="12"/>
    </row>
    <row r="665890" spans="8:8">
      <c r="H665890" s="12"/>
    </row>
    <row r="665891" spans="8:8">
      <c r="H665891" s="12"/>
    </row>
    <row r="665892" spans="8:8">
      <c r="H665892" s="12"/>
    </row>
    <row r="665893" spans="8:8">
      <c r="H665893" s="12"/>
    </row>
    <row r="665894" spans="8:8">
      <c r="H665894" s="12"/>
    </row>
    <row r="665895" spans="8:8">
      <c r="H665895" s="12"/>
    </row>
    <row r="665896" spans="8:8">
      <c r="H665896" s="12"/>
    </row>
    <row r="665897" spans="8:8">
      <c r="H665897" s="12"/>
    </row>
    <row r="665898" spans="8:8">
      <c r="H665898" s="12"/>
    </row>
    <row r="665899" spans="8:8">
      <c r="H665899" s="12"/>
    </row>
    <row r="665900" spans="8:8">
      <c r="H665900" s="12"/>
    </row>
    <row r="665901" spans="8:8">
      <c r="H665901" s="12"/>
    </row>
    <row r="665902" spans="8:8">
      <c r="H665902" s="12"/>
    </row>
    <row r="665903" spans="8:8">
      <c r="H665903" s="12"/>
    </row>
    <row r="665904" spans="8:8">
      <c r="H665904" s="12"/>
    </row>
    <row r="665905" spans="8:8">
      <c r="H665905" s="12"/>
    </row>
    <row r="665906" spans="8:8">
      <c r="H665906" s="12"/>
    </row>
    <row r="665907" spans="8:8">
      <c r="H665907" s="12"/>
    </row>
    <row r="665908" spans="8:8">
      <c r="H665908" s="12"/>
    </row>
    <row r="665909" spans="8:8">
      <c r="H665909" s="12"/>
    </row>
    <row r="665910" spans="8:8">
      <c r="H665910" s="12"/>
    </row>
    <row r="665911" spans="8:8">
      <c r="H665911" s="12"/>
    </row>
    <row r="665912" spans="8:8">
      <c r="H665912" s="12"/>
    </row>
    <row r="665913" spans="8:8">
      <c r="H665913" s="12"/>
    </row>
    <row r="665914" spans="8:8">
      <c r="H665914" s="12"/>
    </row>
    <row r="665915" spans="8:8">
      <c r="H665915" s="12"/>
    </row>
    <row r="665916" spans="8:8">
      <c r="H665916" s="12"/>
    </row>
    <row r="665917" spans="8:8">
      <c r="H665917" s="12"/>
    </row>
    <row r="665918" spans="8:8">
      <c r="H665918" s="12"/>
    </row>
    <row r="665919" spans="8:8">
      <c r="H665919" s="12"/>
    </row>
    <row r="665920" spans="8:8">
      <c r="H665920" s="12"/>
    </row>
    <row r="665921" spans="8:8">
      <c r="H665921" s="12"/>
    </row>
    <row r="665922" spans="8:8">
      <c r="H665922" s="12"/>
    </row>
    <row r="665923" spans="8:8">
      <c r="H665923" s="12"/>
    </row>
    <row r="665924" spans="8:8">
      <c r="H665924" s="12"/>
    </row>
    <row r="665925" spans="8:8">
      <c r="H665925" s="12"/>
    </row>
    <row r="665926" spans="8:8">
      <c r="H665926" s="12"/>
    </row>
    <row r="665927" spans="8:8">
      <c r="H665927" s="12"/>
    </row>
    <row r="665928" spans="8:8">
      <c r="H665928" s="12"/>
    </row>
    <row r="665929" spans="8:8">
      <c r="H665929" s="12"/>
    </row>
    <row r="665930" spans="8:8">
      <c r="H665930" s="12"/>
    </row>
    <row r="665931" spans="8:8">
      <c r="H665931" s="12"/>
    </row>
    <row r="665932" spans="8:8">
      <c r="H665932" s="12"/>
    </row>
    <row r="665933" spans="8:8">
      <c r="H665933" s="12"/>
    </row>
    <row r="665934" spans="8:8">
      <c r="H665934" s="12"/>
    </row>
    <row r="665935" spans="8:8">
      <c r="H665935" s="12"/>
    </row>
    <row r="665936" spans="8:8">
      <c r="H665936" s="12"/>
    </row>
    <row r="665937" spans="8:8">
      <c r="H665937" s="12"/>
    </row>
    <row r="665938" spans="8:8">
      <c r="H665938" s="12"/>
    </row>
    <row r="665939" spans="8:8">
      <c r="H665939" s="12"/>
    </row>
    <row r="665940" spans="8:8">
      <c r="H665940" s="12"/>
    </row>
    <row r="665941" spans="8:8">
      <c r="H665941" s="12"/>
    </row>
    <row r="665942" spans="8:8">
      <c r="H665942" s="12"/>
    </row>
    <row r="665943" spans="8:8">
      <c r="H665943" s="12"/>
    </row>
    <row r="665944" spans="8:8">
      <c r="H665944" s="12"/>
    </row>
    <row r="665945" spans="8:8">
      <c r="H665945" s="12"/>
    </row>
    <row r="665946" spans="8:8">
      <c r="H665946" s="12"/>
    </row>
    <row r="665947" spans="8:8">
      <c r="H665947" s="12"/>
    </row>
    <row r="665948" spans="8:8">
      <c r="H665948" s="12"/>
    </row>
    <row r="665949" spans="8:8">
      <c r="H665949" s="12"/>
    </row>
    <row r="665950" spans="8:8">
      <c r="H665950" s="12"/>
    </row>
    <row r="665951" spans="8:8">
      <c r="H665951" s="12"/>
    </row>
    <row r="665952" spans="8:8">
      <c r="H665952" s="12"/>
    </row>
    <row r="665953" spans="8:8">
      <c r="H665953" s="12"/>
    </row>
    <row r="665954" spans="8:8">
      <c r="H665954" s="12"/>
    </row>
    <row r="665955" spans="8:8">
      <c r="H665955" s="12"/>
    </row>
    <row r="665956" spans="8:8">
      <c r="H665956" s="12"/>
    </row>
    <row r="665957" spans="8:8">
      <c r="H665957" s="12"/>
    </row>
    <row r="665958" spans="8:8">
      <c r="H665958" s="12"/>
    </row>
    <row r="665959" spans="8:8">
      <c r="H665959" s="12"/>
    </row>
    <row r="665960" spans="8:8">
      <c r="H665960" s="12"/>
    </row>
    <row r="665961" spans="8:8">
      <c r="H665961" s="12"/>
    </row>
    <row r="665962" spans="8:8">
      <c r="H665962" s="12"/>
    </row>
    <row r="665963" spans="8:8">
      <c r="H665963" s="12"/>
    </row>
    <row r="665964" spans="8:8">
      <c r="H665964" s="12"/>
    </row>
    <row r="665965" spans="8:8">
      <c r="H665965" s="12"/>
    </row>
    <row r="665966" spans="8:8">
      <c r="H665966" s="12"/>
    </row>
    <row r="665967" spans="8:8">
      <c r="H665967" s="12"/>
    </row>
    <row r="665968" spans="8:8">
      <c r="H665968" s="12"/>
    </row>
    <row r="665969" spans="8:8">
      <c r="H665969" s="12"/>
    </row>
    <row r="665970" spans="8:8">
      <c r="H665970" s="12"/>
    </row>
    <row r="665971" spans="8:8">
      <c r="H665971" s="12"/>
    </row>
    <row r="665972" spans="8:8">
      <c r="H665972" s="12"/>
    </row>
    <row r="665973" spans="8:8">
      <c r="H665973" s="12"/>
    </row>
    <row r="665974" spans="8:8">
      <c r="H665974" s="12"/>
    </row>
    <row r="665975" spans="8:8">
      <c r="H665975" s="12"/>
    </row>
    <row r="665976" spans="8:8">
      <c r="H665976" s="12"/>
    </row>
    <row r="665977" spans="8:8">
      <c r="H665977" s="12"/>
    </row>
    <row r="665978" spans="8:8">
      <c r="H665978" s="12"/>
    </row>
    <row r="665979" spans="8:8">
      <c r="H665979" s="12"/>
    </row>
    <row r="665980" spans="8:8">
      <c r="H665980" s="12"/>
    </row>
    <row r="665981" spans="8:8">
      <c r="H665981" s="12"/>
    </row>
    <row r="665982" spans="8:8">
      <c r="H665982" s="12"/>
    </row>
    <row r="665983" spans="8:8">
      <c r="H665983" s="12"/>
    </row>
    <row r="665984" spans="8:8">
      <c r="H665984" s="12"/>
    </row>
    <row r="665985" spans="8:8">
      <c r="H665985" s="12"/>
    </row>
    <row r="665986" spans="8:8">
      <c r="H665986" s="12"/>
    </row>
    <row r="665987" spans="8:8">
      <c r="H665987" s="12"/>
    </row>
    <row r="665988" spans="8:8">
      <c r="H665988" s="12"/>
    </row>
    <row r="665989" spans="8:8">
      <c r="H665989" s="12"/>
    </row>
    <row r="665990" spans="8:8">
      <c r="H665990" s="12"/>
    </row>
    <row r="665991" spans="8:8">
      <c r="H665991" s="12"/>
    </row>
    <row r="665992" spans="8:8">
      <c r="H665992" s="12"/>
    </row>
    <row r="665993" spans="8:8">
      <c r="H665993" s="12"/>
    </row>
    <row r="665994" spans="8:8">
      <c r="H665994" s="12"/>
    </row>
    <row r="665995" spans="8:8">
      <c r="H665995" s="12"/>
    </row>
    <row r="665996" spans="8:8">
      <c r="H665996" s="12"/>
    </row>
    <row r="665997" spans="8:8">
      <c r="H665997" s="12"/>
    </row>
    <row r="665998" spans="8:8">
      <c r="H665998" s="12"/>
    </row>
    <row r="665999" spans="8:8">
      <c r="H665999" s="12"/>
    </row>
    <row r="666000" spans="8:8">
      <c r="H666000" s="12"/>
    </row>
    <row r="666001" spans="8:8">
      <c r="H666001" s="12"/>
    </row>
    <row r="666002" spans="8:8">
      <c r="H666002" s="12"/>
    </row>
    <row r="666003" spans="8:8">
      <c r="H666003" s="12"/>
    </row>
    <row r="666004" spans="8:8">
      <c r="H666004" s="12"/>
    </row>
    <row r="666005" spans="8:8">
      <c r="H666005" s="12"/>
    </row>
    <row r="666006" spans="8:8">
      <c r="H666006" s="12"/>
    </row>
    <row r="666007" spans="8:8">
      <c r="H666007" s="12"/>
    </row>
    <row r="666008" spans="8:8">
      <c r="H666008" s="12"/>
    </row>
    <row r="666009" spans="8:8">
      <c r="H666009" s="12"/>
    </row>
    <row r="666010" spans="8:8">
      <c r="H666010" s="12"/>
    </row>
    <row r="666011" spans="8:8">
      <c r="H666011" s="12"/>
    </row>
    <row r="666012" spans="8:8">
      <c r="H666012" s="12"/>
    </row>
    <row r="666013" spans="8:8">
      <c r="H666013" s="12"/>
    </row>
    <row r="666014" spans="8:8">
      <c r="H666014" s="12"/>
    </row>
    <row r="666015" spans="8:8">
      <c r="H666015" s="12"/>
    </row>
    <row r="666016" spans="8:8">
      <c r="H666016" s="12"/>
    </row>
    <row r="666017" spans="8:8">
      <c r="H666017" s="12"/>
    </row>
    <row r="666018" spans="8:8">
      <c r="H666018" s="12"/>
    </row>
    <row r="666019" spans="8:8">
      <c r="H666019" s="12"/>
    </row>
    <row r="666020" spans="8:8">
      <c r="H666020" s="12"/>
    </row>
    <row r="666021" spans="8:8">
      <c r="H666021" s="12"/>
    </row>
    <row r="666022" spans="8:8">
      <c r="H666022" s="12"/>
    </row>
    <row r="666023" spans="8:8">
      <c r="H666023" s="12"/>
    </row>
    <row r="666024" spans="8:8">
      <c r="H666024" s="12"/>
    </row>
    <row r="666025" spans="8:8">
      <c r="H666025" s="12"/>
    </row>
    <row r="666026" spans="8:8">
      <c r="H666026" s="12"/>
    </row>
    <row r="666027" spans="8:8">
      <c r="H666027" s="12"/>
    </row>
    <row r="666028" spans="8:8">
      <c r="H666028" s="12"/>
    </row>
    <row r="666029" spans="8:8">
      <c r="H666029" s="12"/>
    </row>
    <row r="666030" spans="8:8">
      <c r="H666030" s="12"/>
    </row>
    <row r="666031" spans="8:8">
      <c r="H666031" s="12"/>
    </row>
    <row r="666032" spans="8:8">
      <c r="H666032" s="12"/>
    </row>
    <row r="666033" spans="8:8">
      <c r="H666033" s="12"/>
    </row>
    <row r="666034" spans="8:8">
      <c r="H666034" s="12"/>
    </row>
    <row r="666035" spans="8:8">
      <c r="H666035" s="12"/>
    </row>
    <row r="666036" spans="8:8">
      <c r="H666036" s="12"/>
    </row>
    <row r="666037" spans="8:8">
      <c r="H666037" s="12"/>
    </row>
    <row r="666038" spans="8:8">
      <c r="H666038" s="12"/>
    </row>
    <row r="666039" spans="8:8">
      <c r="H666039" s="12"/>
    </row>
    <row r="666040" spans="8:8">
      <c r="H666040" s="12"/>
    </row>
    <row r="666041" spans="8:8">
      <c r="H666041" s="12"/>
    </row>
    <row r="666042" spans="8:8">
      <c r="H666042" s="12"/>
    </row>
    <row r="666043" spans="8:8">
      <c r="H666043" s="12"/>
    </row>
    <row r="666044" spans="8:8">
      <c r="H666044" s="12"/>
    </row>
    <row r="666045" spans="8:8">
      <c r="H666045" s="12"/>
    </row>
    <row r="666046" spans="8:8">
      <c r="H666046" s="12"/>
    </row>
    <row r="666047" spans="8:8">
      <c r="H666047" s="12"/>
    </row>
    <row r="666048" spans="8:8">
      <c r="H666048" s="12"/>
    </row>
    <row r="666049" spans="8:8">
      <c r="H666049" s="12"/>
    </row>
    <row r="666050" spans="8:8">
      <c r="H666050" s="12"/>
    </row>
    <row r="666051" spans="8:8">
      <c r="H666051" s="12"/>
    </row>
    <row r="666052" spans="8:8">
      <c r="H666052" s="12"/>
    </row>
    <row r="666053" spans="8:8">
      <c r="H666053" s="12"/>
    </row>
    <row r="666054" spans="8:8">
      <c r="H666054" s="12"/>
    </row>
    <row r="666055" spans="8:8">
      <c r="H666055" s="12"/>
    </row>
    <row r="666056" spans="8:8">
      <c r="H666056" s="12"/>
    </row>
    <row r="666057" spans="8:8">
      <c r="H666057" s="12"/>
    </row>
    <row r="666058" spans="8:8">
      <c r="H666058" s="12"/>
    </row>
    <row r="666059" spans="8:8">
      <c r="H666059" s="12"/>
    </row>
    <row r="666060" spans="8:8">
      <c r="H666060" s="12"/>
    </row>
    <row r="666061" spans="8:8">
      <c r="H666061" s="12"/>
    </row>
    <row r="666062" spans="8:8">
      <c r="H666062" s="12"/>
    </row>
    <row r="666063" spans="8:8">
      <c r="H666063" s="12"/>
    </row>
    <row r="666064" spans="8:8">
      <c r="H666064" s="12"/>
    </row>
    <row r="666065" spans="8:8">
      <c r="H666065" s="12"/>
    </row>
    <row r="666066" spans="8:8">
      <c r="H666066" s="12"/>
    </row>
    <row r="666067" spans="8:8">
      <c r="H666067" s="12"/>
    </row>
    <row r="666068" spans="8:8">
      <c r="H666068" s="12"/>
    </row>
    <row r="666069" spans="8:8">
      <c r="H666069" s="12"/>
    </row>
    <row r="666070" spans="8:8">
      <c r="H666070" s="12"/>
    </row>
    <row r="666071" spans="8:8">
      <c r="H666071" s="12"/>
    </row>
    <row r="666072" spans="8:8">
      <c r="H666072" s="12"/>
    </row>
    <row r="666073" spans="8:8">
      <c r="H666073" s="12"/>
    </row>
    <row r="666074" spans="8:8">
      <c r="H666074" s="12"/>
    </row>
    <row r="666075" spans="8:8">
      <c r="H666075" s="12"/>
    </row>
    <row r="666076" spans="8:8">
      <c r="H666076" s="12"/>
    </row>
    <row r="666077" spans="8:8">
      <c r="H666077" s="12"/>
    </row>
    <row r="666078" spans="8:8">
      <c r="H666078" s="12"/>
    </row>
    <row r="666079" spans="8:8">
      <c r="H666079" s="12"/>
    </row>
    <row r="666080" spans="8:8">
      <c r="H666080" s="12"/>
    </row>
    <row r="666081" spans="8:8">
      <c r="H666081" s="12"/>
    </row>
    <row r="666082" spans="8:8">
      <c r="H666082" s="12"/>
    </row>
    <row r="666083" spans="8:8">
      <c r="H666083" s="12"/>
    </row>
    <row r="666084" spans="8:8">
      <c r="H666084" s="12"/>
    </row>
    <row r="666085" spans="8:8">
      <c r="H666085" s="12"/>
    </row>
    <row r="666086" spans="8:8">
      <c r="H666086" s="12"/>
    </row>
    <row r="666087" spans="8:8">
      <c r="H666087" s="12"/>
    </row>
    <row r="666088" spans="8:8">
      <c r="H666088" s="12"/>
    </row>
    <row r="666089" spans="8:8">
      <c r="H666089" s="12"/>
    </row>
    <row r="666090" spans="8:8">
      <c r="H666090" s="12"/>
    </row>
    <row r="666091" spans="8:8">
      <c r="H666091" s="12"/>
    </row>
    <row r="666092" spans="8:8">
      <c r="H666092" s="12"/>
    </row>
    <row r="666093" spans="8:8">
      <c r="H666093" s="12"/>
    </row>
    <row r="666094" spans="8:8">
      <c r="H666094" s="12"/>
    </row>
    <row r="666095" spans="8:8">
      <c r="H666095" s="12"/>
    </row>
    <row r="666096" spans="8:8">
      <c r="H666096" s="12"/>
    </row>
    <row r="666097" spans="8:8">
      <c r="H666097" s="12"/>
    </row>
    <row r="666098" spans="8:8">
      <c r="H666098" s="12"/>
    </row>
    <row r="666099" spans="8:8">
      <c r="H666099" s="12"/>
    </row>
    <row r="666100" spans="8:8">
      <c r="H666100" s="12"/>
    </row>
    <row r="666101" spans="8:8">
      <c r="H666101" s="12"/>
    </row>
    <row r="666102" spans="8:8">
      <c r="H666102" s="12"/>
    </row>
    <row r="666103" spans="8:8">
      <c r="H666103" s="12"/>
    </row>
    <row r="666104" spans="8:8">
      <c r="H666104" s="12"/>
    </row>
    <row r="666105" spans="8:8">
      <c r="H666105" s="12"/>
    </row>
    <row r="666106" spans="8:8">
      <c r="H666106" s="12"/>
    </row>
    <row r="666107" spans="8:8">
      <c r="H666107" s="12"/>
    </row>
    <row r="666108" spans="8:8">
      <c r="H666108" s="12"/>
    </row>
    <row r="666109" spans="8:8">
      <c r="H666109" s="12"/>
    </row>
    <row r="666110" spans="8:8">
      <c r="H666110" s="12"/>
    </row>
    <row r="666111" spans="8:8">
      <c r="H666111" s="12"/>
    </row>
    <row r="666112" spans="8:8">
      <c r="H666112" s="12"/>
    </row>
    <row r="666113" spans="8:8">
      <c r="H666113" s="12"/>
    </row>
    <row r="666114" spans="8:8">
      <c r="H666114" s="12"/>
    </row>
    <row r="666115" spans="8:8">
      <c r="H666115" s="12"/>
    </row>
    <row r="666116" spans="8:8">
      <c r="H666116" s="12"/>
    </row>
    <row r="666117" spans="8:8">
      <c r="H666117" s="12"/>
    </row>
    <row r="666118" spans="8:8">
      <c r="H666118" s="12"/>
    </row>
    <row r="666119" spans="8:8">
      <c r="H666119" s="12"/>
    </row>
    <row r="666120" spans="8:8">
      <c r="H666120" s="12"/>
    </row>
    <row r="666121" spans="8:8">
      <c r="H666121" s="12"/>
    </row>
    <row r="666122" spans="8:8">
      <c r="H666122" s="12"/>
    </row>
    <row r="666123" spans="8:8">
      <c r="H666123" s="12"/>
    </row>
    <row r="666124" spans="8:8">
      <c r="H666124" s="12"/>
    </row>
    <row r="666125" spans="8:8">
      <c r="H666125" s="12"/>
    </row>
    <row r="666126" spans="8:8">
      <c r="H666126" s="12"/>
    </row>
    <row r="666127" spans="8:8">
      <c r="H666127" s="12"/>
    </row>
    <row r="666128" spans="8:8">
      <c r="H666128" s="12"/>
    </row>
    <row r="666129" spans="8:8">
      <c r="H666129" s="12"/>
    </row>
    <row r="666130" spans="8:8">
      <c r="H666130" s="12"/>
    </row>
    <row r="666131" spans="8:8">
      <c r="H666131" s="12"/>
    </row>
    <row r="666132" spans="8:8">
      <c r="H666132" s="12"/>
    </row>
    <row r="666133" spans="8:8">
      <c r="H666133" s="12"/>
    </row>
    <row r="666134" spans="8:8">
      <c r="H666134" s="12"/>
    </row>
    <row r="666135" spans="8:8">
      <c r="H666135" s="12"/>
    </row>
    <row r="666136" spans="8:8">
      <c r="H666136" s="12"/>
    </row>
    <row r="666137" spans="8:8">
      <c r="H666137" s="12"/>
    </row>
    <row r="666138" spans="8:8">
      <c r="H666138" s="12"/>
    </row>
    <row r="666139" spans="8:8">
      <c r="H666139" s="12"/>
    </row>
    <row r="666140" spans="8:8">
      <c r="H666140" s="12"/>
    </row>
    <row r="666141" spans="8:8">
      <c r="H666141" s="12"/>
    </row>
    <row r="666142" spans="8:8">
      <c r="H666142" s="12"/>
    </row>
    <row r="666143" spans="8:8">
      <c r="H666143" s="12"/>
    </row>
    <row r="666144" spans="8:8">
      <c r="H666144" s="12"/>
    </row>
    <row r="666145" spans="8:8">
      <c r="H666145" s="12"/>
    </row>
    <row r="666146" spans="8:8">
      <c r="H666146" s="12"/>
    </row>
    <row r="666147" spans="8:8">
      <c r="H666147" s="12"/>
    </row>
    <row r="666148" spans="8:8">
      <c r="H666148" s="12"/>
    </row>
    <row r="666149" spans="8:8">
      <c r="H666149" s="12"/>
    </row>
    <row r="666150" spans="8:8">
      <c r="H666150" s="12"/>
    </row>
    <row r="666151" spans="8:8">
      <c r="H666151" s="12"/>
    </row>
    <row r="666152" spans="8:8">
      <c r="H666152" s="12"/>
    </row>
    <row r="666153" spans="8:8">
      <c r="H666153" s="12"/>
    </row>
    <row r="666154" spans="8:8">
      <c r="H666154" s="12"/>
    </row>
    <row r="666155" spans="8:8">
      <c r="H666155" s="12"/>
    </row>
    <row r="666156" spans="8:8">
      <c r="H666156" s="12"/>
    </row>
    <row r="666157" spans="8:8">
      <c r="H666157" s="12"/>
    </row>
    <row r="666158" spans="8:8">
      <c r="H666158" s="12"/>
    </row>
    <row r="666159" spans="8:8">
      <c r="H666159" s="12"/>
    </row>
    <row r="666160" spans="8:8">
      <c r="H666160" s="12"/>
    </row>
    <row r="666161" spans="8:8">
      <c r="H666161" s="12"/>
    </row>
    <row r="666162" spans="8:8">
      <c r="H666162" s="12"/>
    </row>
    <row r="666163" spans="8:8">
      <c r="H666163" s="12"/>
    </row>
    <row r="666164" spans="8:8">
      <c r="H666164" s="12"/>
    </row>
    <row r="666165" spans="8:8">
      <c r="H666165" s="12"/>
    </row>
    <row r="666166" spans="8:8">
      <c r="H666166" s="12"/>
    </row>
    <row r="666167" spans="8:8">
      <c r="H666167" s="12"/>
    </row>
    <row r="666168" spans="8:8">
      <c r="H666168" s="12"/>
    </row>
    <row r="666169" spans="8:8">
      <c r="H666169" s="12"/>
    </row>
    <row r="666170" spans="8:8">
      <c r="H666170" s="12"/>
    </row>
    <row r="666171" spans="8:8">
      <c r="H666171" s="12"/>
    </row>
    <row r="666172" spans="8:8">
      <c r="H666172" s="12"/>
    </row>
    <row r="666173" spans="8:8">
      <c r="H666173" s="12"/>
    </row>
    <row r="666174" spans="8:8">
      <c r="H666174" s="12"/>
    </row>
    <row r="666175" spans="8:8">
      <c r="H666175" s="12"/>
    </row>
    <row r="666176" spans="8:8">
      <c r="H666176" s="12"/>
    </row>
    <row r="666177" spans="8:8">
      <c r="H666177" s="12"/>
    </row>
    <row r="666178" spans="8:8">
      <c r="H666178" s="12"/>
    </row>
    <row r="666179" spans="8:8">
      <c r="H666179" s="12"/>
    </row>
    <row r="666180" spans="8:8">
      <c r="H666180" s="12"/>
    </row>
    <row r="666181" spans="8:8">
      <c r="H666181" s="12"/>
    </row>
    <row r="666182" spans="8:8">
      <c r="H666182" s="12"/>
    </row>
    <row r="666183" spans="8:8">
      <c r="H666183" s="12"/>
    </row>
    <row r="666184" spans="8:8">
      <c r="H666184" s="12"/>
    </row>
    <row r="666185" spans="8:8">
      <c r="H666185" s="12"/>
    </row>
    <row r="666186" spans="8:8">
      <c r="H666186" s="12"/>
    </row>
    <row r="666187" spans="8:8">
      <c r="H666187" s="12"/>
    </row>
    <row r="666188" spans="8:8">
      <c r="H666188" s="12"/>
    </row>
    <row r="666189" spans="8:8">
      <c r="H666189" s="12"/>
    </row>
    <row r="666190" spans="8:8">
      <c r="H666190" s="12"/>
    </row>
    <row r="666191" spans="8:8">
      <c r="H666191" s="12"/>
    </row>
    <row r="666192" spans="8:8">
      <c r="H666192" s="12"/>
    </row>
    <row r="666193" spans="8:8">
      <c r="H666193" s="12"/>
    </row>
    <row r="666194" spans="8:8">
      <c r="H666194" s="12"/>
    </row>
    <row r="666195" spans="8:8">
      <c r="H666195" s="12"/>
    </row>
    <row r="666196" spans="8:8">
      <c r="H666196" s="12"/>
    </row>
    <row r="666197" spans="8:8">
      <c r="H666197" s="12"/>
    </row>
    <row r="666198" spans="8:8">
      <c r="H666198" s="12"/>
    </row>
    <row r="666199" spans="8:8">
      <c r="H666199" s="12"/>
    </row>
    <row r="666200" spans="8:8">
      <c r="H666200" s="12"/>
    </row>
    <row r="666201" spans="8:8">
      <c r="H666201" s="12"/>
    </row>
    <row r="666202" spans="8:8">
      <c r="H666202" s="12"/>
    </row>
    <row r="666203" spans="8:8">
      <c r="H666203" s="12"/>
    </row>
    <row r="666204" spans="8:8">
      <c r="H666204" s="12"/>
    </row>
    <row r="666205" spans="8:8">
      <c r="H666205" s="12"/>
    </row>
    <row r="666206" spans="8:8">
      <c r="H666206" s="12"/>
    </row>
    <row r="666207" spans="8:8">
      <c r="H666207" s="12"/>
    </row>
    <row r="666208" spans="8:8">
      <c r="H666208" s="12"/>
    </row>
    <row r="666209" spans="8:8">
      <c r="H666209" s="12"/>
    </row>
    <row r="666210" spans="8:8">
      <c r="H666210" s="12"/>
    </row>
    <row r="666211" spans="8:8">
      <c r="H666211" s="12"/>
    </row>
    <row r="666212" spans="8:8">
      <c r="H666212" s="12"/>
    </row>
    <row r="666213" spans="8:8">
      <c r="H666213" s="12"/>
    </row>
    <row r="666214" spans="8:8">
      <c r="H666214" s="12"/>
    </row>
    <row r="666215" spans="8:8">
      <c r="H666215" s="12"/>
    </row>
    <row r="666216" spans="8:8">
      <c r="H666216" s="12"/>
    </row>
    <row r="666217" spans="8:8">
      <c r="H666217" s="12"/>
    </row>
    <row r="666218" spans="8:8">
      <c r="H666218" s="12"/>
    </row>
    <row r="666219" spans="8:8">
      <c r="H666219" s="12"/>
    </row>
    <row r="666220" spans="8:8">
      <c r="H666220" s="12"/>
    </row>
    <row r="666221" spans="8:8">
      <c r="H666221" s="12"/>
    </row>
    <row r="666222" spans="8:8">
      <c r="H666222" s="12"/>
    </row>
    <row r="666223" spans="8:8">
      <c r="H666223" s="12"/>
    </row>
    <row r="666224" spans="8:8">
      <c r="H666224" s="12"/>
    </row>
    <row r="666225" spans="8:8">
      <c r="H666225" s="12"/>
    </row>
    <row r="666226" spans="8:8">
      <c r="H666226" s="12"/>
    </row>
    <row r="666227" spans="8:8">
      <c r="H666227" s="12"/>
    </row>
    <row r="666228" spans="8:8">
      <c r="H666228" s="12"/>
    </row>
    <row r="666229" spans="8:8">
      <c r="H666229" s="12"/>
    </row>
    <row r="666230" spans="8:8">
      <c r="H666230" s="12"/>
    </row>
    <row r="666231" spans="8:8">
      <c r="H666231" s="12"/>
    </row>
    <row r="666232" spans="8:8">
      <c r="H666232" s="12"/>
    </row>
    <row r="666233" spans="8:8">
      <c r="H666233" s="12"/>
    </row>
    <row r="666234" spans="8:8">
      <c r="H666234" s="12"/>
    </row>
    <row r="666235" spans="8:8">
      <c r="H666235" s="12"/>
    </row>
    <row r="666236" spans="8:8">
      <c r="H666236" s="12"/>
    </row>
    <row r="666237" spans="8:8">
      <c r="H666237" s="12"/>
    </row>
    <row r="666238" spans="8:8">
      <c r="H666238" s="12"/>
    </row>
    <row r="666239" spans="8:8">
      <c r="H666239" s="12"/>
    </row>
    <row r="666240" spans="8:8">
      <c r="H666240" s="12"/>
    </row>
    <row r="666241" spans="8:8">
      <c r="H666241" s="12"/>
    </row>
    <row r="666242" spans="8:8">
      <c r="H666242" s="12"/>
    </row>
    <row r="666243" spans="8:8">
      <c r="H666243" s="12"/>
    </row>
    <row r="666244" spans="8:8">
      <c r="H666244" s="12"/>
    </row>
    <row r="666245" spans="8:8">
      <c r="H666245" s="12"/>
    </row>
    <row r="666246" spans="8:8">
      <c r="H666246" s="12"/>
    </row>
    <row r="666247" spans="8:8">
      <c r="H666247" s="12"/>
    </row>
    <row r="666248" spans="8:8">
      <c r="H666248" s="12"/>
    </row>
    <row r="666249" spans="8:8">
      <c r="H666249" s="12"/>
    </row>
    <row r="666250" spans="8:8">
      <c r="H666250" s="12"/>
    </row>
    <row r="666251" spans="8:8">
      <c r="H666251" s="12"/>
    </row>
    <row r="666252" spans="8:8">
      <c r="H666252" s="12"/>
    </row>
    <row r="666253" spans="8:8">
      <c r="H666253" s="12"/>
    </row>
    <row r="666254" spans="8:8">
      <c r="H666254" s="12"/>
    </row>
    <row r="666255" spans="8:8">
      <c r="H666255" s="12"/>
    </row>
    <row r="666256" spans="8:8">
      <c r="H666256" s="12"/>
    </row>
    <row r="666257" spans="8:8">
      <c r="H666257" s="12"/>
    </row>
    <row r="666258" spans="8:8">
      <c r="H666258" s="12"/>
    </row>
    <row r="666259" spans="8:8">
      <c r="H666259" s="12"/>
    </row>
    <row r="666260" spans="8:8">
      <c r="H666260" s="12"/>
    </row>
    <row r="666261" spans="8:8">
      <c r="H666261" s="12"/>
    </row>
    <row r="666262" spans="8:8">
      <c r="H666262" s="12"/>
    </row>
    <row r="666263" spans="8:8">
      <c r="H666263" s="12"/>
    </row>
    <row r="666264" spans="8:8">
      <c r="H666264" s="12"/>
    </row>
    <row r="666265" spans="8:8">
      <c r="H666265" s="12"/>
    </row>
    <row r="666266" spans="8:8">
      <c r="H666266" s="12"/>
    </row>
    <row r="666267" spans="8:8">
      <c r="H666267" s="12"/>
    </row>
    <row r="666268" spans="8:8">
      <c r="H666268" s="12"/>
    </row>
    <row r="666269" spans="8:8">
      <c r="H666269" s="12"/>
    </row>
    <row r="666270" spans="8:8">
      <c r="H666270" s="12"/>
    </row>
    <row r="666271" spans="8:8">
      <c r="H666271" s="12"/>
    </row>
    <row r="666272" spans="8:8">
      <c r="H666272" s="12"/>
    </row>
    <row r="666273" spans="8:8">
      <c r="H666273" s="12"/>
    </row>
    <row r="666274" spans="8:8">
      <c r="H666274" s="12"/>
    </row>
    <row r="666275" spans="8:8">
      <c r="H666275" s="12"/>
    </row>
    <row r="666276" spans="8:8">
      <c r="H666276" s="12"/>
    </row>
    <row r="666277" spans="8:8">
      <c r="H666277" s="12"/>
    </row>
    <row r="666278" spans="8:8">
      <c r="H666278" s="12"/>
    </row>
    <row r="666279" spans="8:8">
      <c r="H666279" s="12"/>
    </row>
    <row r="666280" spans="8:8">
      <c r="H666280" s="12"/>
    </row>
    <row r="666281" spans="8:8">
      <c r="H666281" s="12"/>
    </row>
    <row r="666282" spans="8:8">
      <c r="H666282" s="12"/>
    </row>
    <row r="666283" spans="8:8">
      <c r="H666283" s="12"/>
    </row>
    <row r="666284" spans="8:8">
      <c r="H666284" s="12"/>
    </row>
    <row r="666285" spans="8:8">
      <c r="H666285" s="12"/>
    </row>
    <row r="666286" spans="8:8">
      <c r="H666286" s="12"/>
    </row>
    <row r="666287" spans="8:8">
      <c r="H666287" s="12"/>
    </row>
    <row r="666288" spans="8:8">
      <c r="H666288" s="12"/>
    </row>
    <row r="666289" spans="8:8">
      <c r="H666289" s="12"/>
    </row>
    <row r="666290" spans="8:8">
      <c r="H666290" s="12"/>
    </row>
    <row r="666291" spans="8:8">
      <c r="H666291" s="12"/>
    </row>
    <row r="666292" spans="8:8">
      <c r="H666292" s="12"/>
    </row>
    <row r="666293" spans="8:8">
      <c r="H666293" s="12"/>
    </row>
    <row r="666294" spans="8:8">
      <c r="H666294" s="12"/>
    </row>
    <row r="666295" spans="8:8">
      <c r="H666295" s="12"/>
    </row>
    <row r="666296" spans="8:8">
      <c r="H666296" s="12"/>
    </row>
    <row r="666297" spans="8:8">
      <c r="H666297" s="12"/>
    </row>
    <row r="666298" spans="8:8">
      <c r="H666298" s="12"/>
    </row>
    <row r="666299" spans="8:8">
      <c r="H666299" s="12"/>
    </row>
    <row r="666300" spans="8:8">
      <c r="H666300" s="12"/>
    </row>
    <row r="666301" spans="8:8">
      <c r="H666301" s="12"/>
    </row>
    <row r="666302" spans="8:8">
      <c r="H666302" s="12"/>
    </row>
    <row r="666303" spans="8:8">
      <c r="H666303" s="12"/>
    </row>
    <row r="666304" spans="8:8">
      <c r="H666304" s="12"/>
    </row>
    <row r="666305" spans="8:8">
      <c r="H666305" s="12"/>
    </row>
    <row r="666306" spans="8:8">
      <c r="H666306" s="12"/>
    </row>
    <row r="666307" spans="8:8">
      <c r="H666307" s="12"/>
    </row>
    <row r="666308" spans="8:8">
      <c r="H666308" s="12"/>
    </row>
    <row r="666309" spans="8:8">
      <c r="H666309" s="12"/>
    </row>
    <row r="666310" spans="8:8">
      <c r="H666310" s="12"/>
    </row>
    <row r="666311" spans="8:8">
      <c r="H666311" s="12"/>
    </row>
    <row r="666312" spans="8:8">
      <c r="H666312" s="12"/>
    </row>
    <row r="666313" spans="8:8">
      <c r="H666313" s="12"/>
    </row>
    <row r="666314" spans="8:8">
      <c r="H666314" s="12"/>
    </row>
    <row r="666315" spans="8:8">
      <c r="H666315" s="12"/>
    </row>
    <row r="666316" spans="8:8">
      <c r="H666316" s="12"/>
    </row>
    <row r="666317" spans="8:8">
      <c r="H666317" s="12"/>
    </row>
    <row r="666318" spans="8:8">
      <c r="H666318" s="12"/>
    </row>
    <row r="666319" spans="8:8">
      <c r="H666319" s="12"/>
    </row>
    <row r="666320" spans="8:8">
      <c r="H666320" s="12"/>
    </row>
    <row r="666321" spans="8:8">
      <c r="H666321" s="12"/>
    </row>
    <row r="666322" spans="8:8">
      <c r="H666322" s="12"/>
    </row>
    <row r="666323" spans="8:8">
      <c r="H666323" s="12"/>
    </row>
    <row r="666324" spans="8:8">
      <c r="H666324" s="12"/>
    </row>
    <row r="666325" spans="8:8">
      <c r="H666325" s="12"/>
    </row>
    <row r="666326" spans="8:8">
      <c r="H666326" s="12"/>
    </row>
    <row r="666327" spans="8:8">
      <c r="H666327" s="12"/>
    </row>
    <row r="666328" spans="8:8">
      <c r="H666328" s="12"/>
    </row>
    <row r="666329" spans="8:8">
      <c r="H666329" s="12"/>
    </row>
    <row r="666330" spans="8:8">
      <c r="H666330" s="12"/>
    </row>
    <row r="666331" spans="8:8">
      <c r="H666331" s="12"/>
    </row>
    <row r="666332" spans="8:8">
      <c r="H666332" s="12"/>
    </row>
    <row r="666333" spans="8:8">
      <c r="H666333" s="12"/>
    </row>
    <row r="666334" spans="8:8">
      <c r="H666334" s="12"/>
    </row>
    <row r="666335" spans="8:8">
      <c r="H666335" s="12"/>
    </row>
    <row r="666336" spans="8:8">
      <c r="H666336" s="12"/>
    </row>
    <row r="666337" spans="8:8">
      <c r="H666337" s="12"/>
    </row>
    <row r="666338" spans="8:8">
      <c r="H666338" s="12"/>
    </row>
    <row r="666339" spans="8:8">
      <c r="H666339" s="12"/>
    </row>
    <row r="666340" spans="8:8">
      <c r="H666340" s="12"/>
    </row>
    <row r="666341" spans="8:8">
      <c r="H666341" s="12"/>
    </row>
    <row r="666342" spans="8:8">
      <c r="H666342" s="12"/>
    </row>
    <row r="666343" spans="8:8">
      <c r="H666343" s="12"/>
    </row>
    <row r="666344" spans="8:8">
      <c r="H666344" s="12"/>
    </row>
    <row r="666345" spans="8:8">
      <c r="H666345" s="12"/>
    </row>
    <row r="666346" spans="8:8">
      <c r="H666346" s="12"/>
    </row>
    <row r="666347" spans="8:8">
      <c r="H666347" s="12"/>
    </row>
    <row r="666348" spans="8:8">
      <c r="H666348" s="12"/>
    </row>
    <row r="666349" spans="8:8">
      <c r="H666349" s="12"/>
    </row>
    <row r="666350" spans="8:8">
      <c r="H666350" s="12"/>
    </row>
    <row r="666351" spans="8:8">
      <c r="H666351" s="12"/>
    </row>
    <row r="666352" spans="8:8">
      <c r="H666352" s="12"/>
    </row>
    <row r="666353" spans="8:8">
      <c r="H666353" s="12"/>
    </row>
    <row r="666354" spans="8:8">
      <c r="H666354" s="12"/>
    </row>
    <row r="666355" spans="8:8">
      <c r="H666355" s="12"/>
    </row>
    <row r="666356" spans="8:8">
      <c r="H666356" s="12"/>
    </row>
    <row r="666357" spans="8:8">
      <c r="H666357" s="12"/>
    </row>
    <row r="666358" spans="8:8">
      <c r="H666358" s="12"/>
    </row>
    <row r="666359" spans="8:8">
      <c r="H666359" s="12"/>
    </row>
    <row r="666360" spans="8:8">
      <c r="H666360" s="12"/>
    </row>
    <row r="666361" spans="8:8">
      <c r="H666361" s="12"/>
    </row>
    <row r="666362" spans="8:8">
      <c r="H666362" s="12"/>
    </row>
    <row r="666363" spans="8:8">
      <c r="H666363" s="12"/>
    </row>
    <row r="666364" spans="8:8">
      <c r="H666364" s="12"/>
    </row>
    <row r="666365" spans="8:8">
      <c r="H666365" s="12"/>
    </row>
    <row r="666366" spans="8:8">
      <c r="H666366" s="12"/>
    </row>
    <row r="666367" spans="8:8">
      <c r="H666367" s="12"/>
    </row>
    <row r="666368" spans="8:8">
      <c r="H666368" s="12"/>
    </row>
    <row r="666369" spans="8:8">
      <c r="H666369" s="12"/>
    </row>
    <row r="666370" spans="8:8">
      <c r="H666370" s="12"/>
    </row>
    <row r="666371" spans="8:8">
      <c r="H666371" s="12"/>
    </row>
    <row r="666372" spans="8:8">
      <c r="H666372" s="12"/>
    </row>
    <row r="666373" spans="8:8">
      <c r="H666373" s="12"/>
    </row>
    <row r="666374" spans="8:8">
      <c r="H666374" s="12"/>
    </row>
    <row r="666375" spans="8:8">
      <c r="H666375" s="12"/>
    </row>
    <row r="666376" spans="8:8">
      <c r="H666376" s="12"/>
    </row>
    <row r="666377" spans="8:8">
      <c r="H666377" s="12"/>
    </row>
    <row r="666378" spans="8:8">
      <c r="H666378" s="12"/>
    </row>
    <row r="666379" spans="8:8">
      <c r="H666379" s="12"/>
    </row>
    <row r="666380" spans="8:8">
      <c r="H666380" s="12"/>
    </row>
    <row r="666381" spans="8:8">
      <c r="H666381" s="12"/>
    </row>
    <row r="666382" spans="8:8">
      <c r="H666382" s="12"/>
    </row>
    <row r="666383" spans="8:8">
      <c r="H666383" s="12"/>
    </row>
    <row r="666384" spans="8:8">
      <c r="H666384" s="12"/>
    </row>
    <row r="666385" spans="8:8">
      <c r="H666385" s="12"/>
    </row>
    <row r="666386" spans="8:8">
      <c r="H666386" s="12"/>
    </row>
    <row r="666387" spans="8:8">
      <c r="H666387" s="12"/>
    </row>
    <row r="666388" spans="8:8">
      <c r="H666388" s="12"/>
    </row>
    <row r="666389" spans="8:8">
      <c r="H666389" s="12"/>
    </row>
    <row r="666390" spans="8:8">
      <c r="H666390" s="12"/>
    </row>
    <row r="666391" spans="8:8">
      <c r="H666391" s="12"/>
    </row>
    <row r="666392" spans="8:8">
      <c r="H666392" s="12"/>
    </row>
    <row r="666393" spans="8:8">
      <c r="H666393" s="12"/>
    </row>
    <row r="666394" spans="8:8">
      <c r="H666394" s="12"/>
    </row>
    <row r="666395" spans="8:8">
      <c r="H666395" s="12"/>
    </row>
    <row r="666396" spans="8:8">
      <c r="H666396" s="12"/>
    </row>
    <row r="666397" spans="8:8">
      <c r="H666397" s="12"/>
    </row>
    <row r="666398" spans="8:8">
      <c r="H666398" s="12"/>
    </row>
    <row r="666399" spans="8:8">
      <c r="H666399" s="12"/>
    </row>
    <row r="666400" spans="8:8">
      <c r="H666400" s="12"/>
    </row>
    <row r="666401" spans="8:8">
      <c r="H666401" s="12"/>
    </row>
    <row r="666402" spans="8:8">
      <c r="H666402" s="12"/>
    </row>
    <row r="666403" spans="8:8">
      <c r="H666403" s="12"/>
    </row>
    <row r="666404" spans="8:8">
      <c r="H666404" s="12"/>
    </row>
    <row r="666405" spans="8:8">
      <c r="H666405" s="12"/>
    </row>
    <row r="666406" spans="8:8">
      <c r="H666406" s="12"/>
    </row>
    <row r="666407" spans="8:8">
      <c r="H666407" s="12"/>
    </row>
    <row r="666408" spans="8:8">
      <c r="H666408" s="12"/>
    </row>
    <row r="666409" spans="8:8">
      <c r="H666409" s="12"/>
    </row>
    <row r="666410" spans="8:8">
      <c r="H666410" s="12"/>
    </row>
    <row r="666411" spans="8:8">
      <c r="H666411" s="12"/>
    </row>
    <row r="666412" spans="8:8">
      <c r="H666412" s="12"/>
    </row>
    <row r="666413" spans="8:8">
      <c r="H666413" s="12"/>
    </row>
    <row r="666414" spans="8:8">
      <c r="H666414" s="12"/>
    </row>
    <row r="666415" spans="8:8">
      <c r="H666415" s="12"/>
    </row>
    <row r="666416" spans="8:8">
      <c r="H666416" s="12"/>
    </row>
    <row r="666417" spans="8:8">
      <c r="H666417" s="12"/>
    </row>
    <row r="666418" spans="8:8">
      <c r="H666418" s="12"/>
    </row>
    <row r="666419" spans="8:8">
      <c r="H666419" s="12"/>
    </row>
    <row r="666420" spans="8:8">
      <c r="H666420" s="12"/>
    </row>
    <row r="666421" spans="8:8">
      <c r="H666421" s="12"/>
    </row>
    <row r="666422" spans="8:8">
      <c r="H666422" s="12"/>
    </row>
    <row r="666423" spans="8:8">
      <c r="H666423" s="12"/>
    </row>
    <row r="666424" spans="8:8">
      <c r="H666424" s="12"/>
    </row>
    <row r="666425" spans="8:8">
      <c r="H666425" s="12"/>
    </row>
    <row r="666426" spans="8:8">
      <c r="H666426" s="12"/>
    </row>
    <row r="666427" spans="8:8">
      <c r="H666427" s="12"/>
    </row>
    <row r="666428" spans="8:8">
      <c r="H666428" s="12"/>
    </row>
    <row r="666429" spans="8:8">
      <c r="H666429" s="12"/>
    </row>
    <row r="666430" spans="8:8">
      <c r="H666430" s="12"/>
    </row>
    <row r="666431" spans="8:8">
      <c r="H666431" s="12"/>
    </row>
    <row r="666432" spans="8:8">
      <c r="H666432" s="12"/>
    </row>
    <row r="666433" spans="8:8">
      <c r="H666433" s="12"/>
    </row>
    <row r="666434" spans="8:8">
      <c r="H666434" s="12"/>
    </row>
    <row r="666435" spans="8:8">
      <c r="H666435" s="12"/>
    </row>
    <row r="666436" spans="8:8">
      <c r="H666436" s="12"/>
    </row>
    <row r="666437" spans="8:8">
      <c r="H666437" s="12"/>
    </row>
    <row r="666438" spans="8:8">
      <c r="H666438" s="12"/>
    </row>
    <row r="666439" spans="8:8">
      <c r="H666439" s="12"/>
    </row>
    <row r="666440" spans="8:8">
      <c r="H666440" s="12"/>
    </row>
    <row r="666441" spans="8:8">
      <c r="H666441" s="12"/>
    </row>
    <row r="666442" spans="8:8">
      <c r="H666442" s="12"/>
    </row>
    <row r="666443" spans="8:8">
      <c r="H666443" s="12"/>
    </row>
    <row r="666444" spans="8:8">
      <c r="H666444" s="12"/>
    </row>
    <row r="666445" spans="8:8">
      <c r="H666445" s="12"/>
    </row>
    <row r="666446" spans="8:8">
      <c r="H666446" s="12"/>
    </row>
    <row r="666447" spans="8:8">
      <c r="H666447" s="12"/>
    </row>
    <row r="666448" spans="8:8">
      <c r="H666448" s="12"/>
    </row>
    <row r="666449" spans="8:8">
      <c r="H666449" s="12"/>
    </row>
    <row r="666450" spans="8:8">
      <c r="H666450" s="12"/>
    </row>
    <row r="666451" spans="8:8">
      <c r="H666451" s="12"/>
    </row>
    <row r="666452" spans="8:8">
      <c r="H666452" s="12"/>
    </row>
    <row r="666453" spans="8:8">
      <c r="H666453" s="12"/>
    </row>
    <row r="666454" spans="8:8">
      <c r="H666454" s="12"/>
    </row>
    <row r="666455" spans="8:8">
      <c r="H666455" s="12"/>
    </row>
    <row r="666456" spans="8:8">
      <c r="H666456" s="12"/>
    </row>
    <row r="666457" spans="8:8">
      <c r="H666457" s="12"/>
    </row>
    <row r="666458" spans="8:8">
      <c r="H666458" s="12"/>
    </row>
    <row r="666459" spans="8:8">
      <c r="H666459" s="12"/>
    </row>
    <row r="666460" spans="8:8">
      <c r="H666460" s="12"/>
    </row>
    <row r="666461" spans="8:8">
      <c r="H666461" s="12"/>
    </row>
    <row r="666462" spans="8:8">
      <c r="H666462" s="12"/>
    </row>
    <row r="666463" spans="8:8">
      <c r="H666463" s="12"/>
    </row>
    <row r="666464" spans="8:8">
      <c r="H666464" s="12"/>
    </row>
    <row r="666465" spans="8:8">
      <c r="H666465" s="12"/>
    </row>
    <row r="666466" spans="8:8">
      <c r="H666466" s="12"/>
    </row>
    <row r="666467" spans="8:8">
      <c r="H666467" s="12"/>
    </row>
    <row r="666468" spans="8:8">
      <c r="H666468" s="12"/>
    </row>
    <row r="666469" spans="8:8">
      <c r="H666469" s="12"/>
    </row>
    <row r="666470" spans="8:8">
      <c r="H666470" s="12"/>
    </row>
    <row r="666471" spans="8:8">
      <c r="H666471" s="12"/>
    </row>
    <row r="666472" spans="8:8">
      <c r="H666472" s="12"/>
    </row>
    <row r="666473" spans="8:8">
      <c r="H666473" s="12"/>
    </row>
    <row r="666474" spans="8:8">
      <c r="H666474" s="12"/>
    </row>
    <row r="666475" spans="8:8">
      <c r="H666475" s="12"/>
    </row>
    <row r="666476" spans="8:8">
      <c r="H666476" s="12"/>
    </row>
    <row r="666477" spans="8:8">
      <c r="H666477" s="12"/>
    </row>
    <row r="666478" spans="8:8">
      <c r="H666478" s="12"/>
    </row>
    <row r="666479" spans="8:8">
      <c r="H666479" s="12"/>
    </row>
    <row r="666480" spans="8:8">
      <c r="H666480" s="12"/>
    </row>
    <row r="666481" spans="8:8">
      <c r="H666481" s="12"/>
    </row>
    <row r="666482" spans="8:8">
      <c r="H666482" s="12"/>
    </row>
    <row r="666483" spans="8:8">
      <c r="H666483" s="12"/>
    </row>
    <row r="666484" spans="8:8">
      <c r="H666484" s="12"/>
    </row>
    <row r="666485" spans="8:8">
      <c r="H666485" s="12"/>
    </row>
    <row r="666486" spans="8:8">
      <c r="H666486" s="12"/>
    </row>
    <row r="666487" spans="8:8">
      <c r="H666487" s="12"/>
    </row>
    <row r="666488" spans="8:8">
      <c r="H666488" s="12"/>
    </row>
    <row r="666489" spans="8:8">
      <c r="H666489" s="12"/>
    </row>
    <row r="666490" spans="8:8">
      <c r="H666490" s="12"/>
    </row>
    <row r="666491" spans="8:8">
      <c r="H666491" s="12"/>
    </row>
    <row r="666492" spans="8:8">
      <c r="H666492" s="12"/>
    </row>
    <row r="666493" spans="8:8">
      <c r="H666493" s="12"/>
    </row>
    <row r="666494" spans="8:8">
      <c r="H666494" s="12"/>
    </row>
    <row r="666495" spans="8:8">
      <c r="H666495" s="12"/>
    </row>
    <row r="666496" spans="8:8">
      <c r="H666496" s="12"/>
    </row>
    <row r="666497" spans="8:8">
      <c r="H666497" s="12"/>
    </row>
    <row r="666498" spans="8:8">
      <c r="H666498" s="12"/>
    </row>
    <row r="666499" spans="8:8">
      <c r="H666499" s="12"/>
    </row>
    <row r="666500" spans="8:8">
      <c r="H666500" s="12"/>
    </row>
    <row r="666501" spans="8:8">
      <c r="H666501" s="12"/>
    </row>
    <row r="666502" spans="8:8">
      <c r="H666502" s="12"/>
    </row>
    <row r="666503" spans="8:8">
      <c r="H666503" s="12"/>
    </row>
    <row r="666504" spans="8:8">
      <c r="H666504" s="12"/>
    </row>
    <row r="666505" spans="8:8">
      <c r="H666505" s="12"/>
    </row>
    <row r="666506" spans="8:8">
      <c r="H666506" s="12"/>
    </row>
    <row r="666507" spans="8:8">
      <c r="H666507" s="12"/>
    </row>
    <row r="666508" spans="8:8">
      <c r="H666508" s="12"/>
    </row>
    <row r="666509" spans="8:8">
      <c r="H666509" s="12"/>
    </row>
    <row r="666510" spans="8:8">
      <c r="H666510" s="12"/>
    </row>
    <row r="666511" spans="8:8">
      <c r="H666511" s="12"/>
    </row>
    <row r="666512" spans="8:8">
      <c r="H666512" s="12"/>
    </row>
    <row r="666513" spans="8:8">
      <c r="H666513" s="12"/>
    </row>
    <row r="666514" spans="8:8">
      <c r="H666514" s="12"/>
    </row>
    <row r="666515" spans="8:8">
      <c r="H666515" s="12"/>
    </row>
    <row r="666516" spans="8:8">
      <c r="H666516" s="12"/>
    </row>
    <row r="666517" spans="8:8">
      <c r="H666517" s="12"/>
    </row>
    <row r="666518" spans="8:8">
      <c r="H666518" s="12"/>
    </row>
    <row r="666519" spans="8:8">
      <c r="H666519" s="12"/>
    </row>
    <row r="666520" spans="8:8">
      <c r="H666520" s="12"/>
    </row>
    <row r="666521" spans="8:8">
      <c r="H666521" s="12"/>
    </row>
    <row r="666522" spans="8:8">
      <c r="H666522" s="12"/>
    </row>
    <row r="666523" spans="8:8">
      <c r="H666523" s="12"/>
    </row>
    <row r="666524" spans="8:8">
      <c r="H666524" s="12"/>
    </row>
    <row r="666525" spans="8:8">
      <c r="H666525" s="12"/>
    </row>
    <row r="666526" spans="8:8">
      <c r="H666526" s="12"/>
    </row>
    <row r="666527" spans="8:8">
      <c r="H666527" s="12"/>
    </row>
    <row r="666528" spans="8:8">
      <c r="H666528" s="12"/>
    </row>
    <row r="666529" spans="8:8">
      <c r="H666529" s="12"/>
    </row>
    <row r="666530" spans="8:8">
      <c r="H666530" s="12"/>
    </row>
    <row r="666531" spans="8:8">
      <c r="H666531" s="12"/>
    </row>
    <row r="666532" spans="8:8">
      <c r="H666532" s="12"/>
    </row>
    <row r="666533" spans="8:8">
      <c r="H666533" s="12"/>
    </row>
    <row r="666534" spans="8:8">
      <c r="H666534" s="12"/>
    </row>
    <row r="666535" spans="8:8">
      <c r="H666535" s="12"/>
    </row>
    <row r="666536" spans="8:8">
      <c r="H666536" s="12"/>
    </row>
    <row r="666537" spans="8:8">
      <c r="H666537" s="12"/>
    </row>
    <row r="666538" spans="8:8">
      <c r="H666538" s="12"/>
    </row>
    <row r="666539" spans="8:8">
      <c r="H666539" s="12"/>
    </row>
    <row r="666540" spans="8:8">
      <c r="H666540" s="12"/>
    </row>
    <row r="666541" spans="8:8">
      <c r="H666541" s="12"/>
    </row>
    <row r="666542" spans="8:8">
      <c r="H666542" s="12"/>
    </row>
    <row r="666543" spans="8:8">
      <c r="H666543" s="12"/>
    </row>
    <row r="666544" spans="8:8">
      <c r="H666544" s="12"/>
    </row>
    <row r="666545" spans="8:8">
      <c r="H666545" s="12"/>
    </row>
    <row r="666546" spans="8:8">
      <c r="H666546" s="12"/>
    </row>
    <row r="666547" spans="8:8">
      <c r="H666547" s="12"/>
    </row>
    <row r="666548" spans="8:8">
      <c r="H666548" s="12"/>
    </row>
    <row r="666549" spans="8:8">
      <c r="H666549" s="12"/>
    </row>
    <row r="666550" spans="8:8">
      <c r="H666550" s="12"/>
    </row>
    <row r="666551" spans="8:8">
      <c r="H666551" s="12"/>
    </row>
    <row r="666552" spans="8:8">
      <c r="H666552" s="12"/>
    </row>
    <row r="666553" spans="8:8">
      <c r="H666553" s="12"/>
    </row>
    <row r="666554" spans="8:8">
      <c r="H666554" s="12"/>
    </row>
    <row r="666555" spans="8:8">
      <c r="H666555" s="12"/>
    </row>
    <row r="666556" spans="8:8">
      <c r="H666556" s="12"/>
    </row>
    <row r="666557" spans="8:8">
      <c r="H666557" s="12"/>
    </row>
    <row r="666558" spans="8:8">
      <c r="H666558" s="12"/>
    </row>
    <row r="666559" spans="8:8">
      <c r="H666559" s="12"/>
    </row>
    <row r="666560" spans="8:8">
      <c r="H666560" s="12"/>
    </row>
    <row r="666561" spans="8:8">
      <c r="H666561" s="12"/>
    </row>
    <row r="666562" spans="8:8">
      <c r="H666562" s="12"/>
    </row>
    <row r="666563" spans="8:8">
      <c r="H666563" s="12"/>
    </row>
    <row r="666564" spans="8:8">
      <c r="H666564" s="12"/>
    </row>
    <row r="666565" spans="8:8">
      <c r="H666565" s="12"/>
    </row>
    <row r="666566" spans="8:8">
      <c r="H666566" s="12"/>
    </row>
    <row r="666567" spans="8:8">
      <c r="H666567" s="12"/>
    </row>
    <row r="666568" spans="8:8">
      <c r="H666568" s="12"/>
    </row>
    <row r="666569" spans="8:8">
      <c r="H666569" s="12"/>
    </row>
    <row r="666570" spans="8:8">
      <c r="H666570" s="12"/>
    </row>
    <row r="666571" spans="8:8">
      <c r="H666571" s="12"/>
    </row>
    <row r="666572" spans="8:8">
      <c r="H666572" s="12"/>
    </row>
    <row r="666573" spans="8:8">
      <c r="H666573" s="12"/>
    </row>
    <row r="666574" spans="8:8">
      <c r="H666574" s="12"/>
    </row>
    <row r="666575" spans="8:8">
      <c r="H666575" s="12"/>
    </row>
    <row r="666576" spans="8:8">
      <c r="H666576" s="12"/>
    </row>
    <row r="666577" spans="8:8">
      <c r="H666577" s="12"/>
    </row>
    <row r="666578" spans="8:8">
      <c r="H666578" s="12"/>
    </row>
    <row r="666579" spans="8:8">
      <c r="H666579" s="12"/>
    </row>
    <row r="666580" spans="8:8">
      <c r="H666580" s="12"/>
    </row>
    <row r="666581" spans="8:8">
      <c r="H666581" s="12"/>
    </row>
    <row r="666582" spans="8:8">
      <c r="H666582" s="12"/>
    </row>
    <row r="666583" spans="8:8">
      <c r="H666583" s="12"/>
    </row>
    <row r="666584" spans="8:8">
      <c r="H666584" s="12"/>
    </row>
    <row r="666585" spans="8:8">
      <c r="H666585" s="12"/>
    </row>
    <row r="666586" spans="8:8">
      <c r="H666586" s="12"/>
    </row>
    <row r="666587" spans="8:8">
      <c r="H666587" s="12"/>
    </row>
    <row r="666588" spans="8:8">
      <c r="H666588" s="12"/>
    </row>
    <row r="666589" spans="8:8">
      <c r="H666589" s="12"/>
    </row>
    <row r="666590" spans="8:8">
      <c r="H666590" s="12"/>
    </row>
    <row r="666591" spans="8:8">
      <c r="H666591" s="12"/>
    </row>
    <row r="666592" spans="8:8">
      <c r="H666592" s="12"/>
    </row>
    <row r="666593" spans="8:8">
      <c r="H666593" s="12"/>
    </row>
    <row r="666594" spans="8:8">
      <c r="H666594" s="12"/>
    </row>
    <row r="666595" spans="8:8">
      <c r="H666595" s="12"/>
    </row>
    <row r="666596" spans="8:8">
      <c r="H666596" s="12"/>
    </row>
    <row r="666597" spans="8:8">
      <c r="H666597" s="12"/>
    </row>
    <row r="666598" spans="8:8">
      <c r="H666598" s="12"/>
    </row>
    <row r="666599" spans="8:8">
      <c r="H666599" s="12"/>
    </row>
    <row r="666600" spans="8:8">
      <c r="H666600" s="12"/>
    </row>
    <row r="666601" spans="8:8">
      <c r="H666601" s="12"/>
    </row>
    <row r="666602" spans="8:8">
      <c r="H666602" s="12"/>
    </row>
    <row r="666603" spans="8:8">
      <c r="H666603" s="12"/>
    </row>
    <row r="666604" spans="8:8">
      <c r="H666604" s="12"/>
    </row>
    <row r="666605" spans="8:8">
      <c r="H666605" s="12"/>
    </row>
    <row r="666606" spans="8:8">
      <c r="H666606" s="12"/>
    </row>
    <row r="666607" spans="8:8">
      <c r="H666607" s="12"/>
    </row>
    <row r="666608" spans="8:8">
      <c r="H666608" s="12"/>
    </row>
    <row r="666609" spans="8:8">
      <c r="H666609" s="12"/>
    </row>
    <row r="666610" spans="8:8">
      <c r="H666610" s="12"/>
    </row>
    <row r="666611" spans="8:8">
      <c r="H666611" s="12"/>
    </row>
    <row r="666612" spans="8:8">
      <c r="H666612" s="12"/>
    </row>
    <row r="666613" spans="8:8">
      <c r="H666613" s="12"/>
    </row>
    <row r="666614" spans="8:8">
      <c r="H666614" s="12"/>
    </row>
    <row r="666615" spans="8:8">
      <c r="H666615" s="12"/>
    </row>
    <row r="666616" spans="8:8">
      <c r="H666616" s="12"/>
    </row>
    <row r="666617" spans="8:8">
      <c r="H666617" s="12"/>
    </row>
    <row r="666618" spans="8:8">
      <c r="H666618" s="12"/>
    </row>
    <row r="666619" spans="8:8">
      <c r="H666619" s="12"/>
    </row>
    <row r="666620" spans="8:8">
      <c r="H666620" s="12"/>
    </row>
    <row r="666621" spans="8:8">
      <c r="H666621" s="12"/>
    </row>
    <row r="666622" spans="8:8">
      <c r="H666622" s="12"/>
    </row>
    <row r="666623" spans="8:8">
      <c r="H666623" s="12"/>
    </row>
    <row r="666624" spans="8:8">
      <c r="H666624" s="12"/>
    </row>
    <row r="666625" spans="8:8">
      <c r="H666625" s="12"/>
    </row>
    <row r="666626" spans="8:8">
      <c r="H666626" s="12"/>
    </row>
    <row r="666627" spans="8:8">
      <c r="H666627" s="12"/>
    </row>
    <row r="666628" spans="8:8">
      <c r="H666628" s="12"/>
    </row>
    <row r="666629" spans="8:8">
      <c r="H666629" s="12"/>
    </row>
    <row r="666630" spans="8:8">
      <c r="H666630" s="12"/>
    </row>
    <row r="666631" spans="8:8">
      <c r="H666631" s="12"/>
    </row>
    <row r="666632" spans="8:8">
      <c r="H666632" s="12"/>
    </row>
    <row r="666633" spans="8:8">
      <c r="H666633" s="12"/>
    </row>
    <row r="666634" spans="8:8">
      <c r="H666634" s="12"/>
    </row>
    <row r="666635" spans="8:8">
      <c r="H666635" s="12"/>
    </row>
    <row r="666636" spans="8:8">
      <c r="H666636" s="12"/>
    </row>
    <row r="666637" spans="8:8">
      <c r="H666637" s="12"/>
    </row>
    <row r="666638" spans="8:8">
      <c r="H666638" s="12"/>
    </row>
    <row r="666639" spans="8:8">
      <c r="H666639" s="12"/>
    </row>
    <row r="666640" spans="8:8">
      <c r="H666640" s="12"/>
    </row>
    <row r="666641" spans="8:8">
      <c r="H666641" s="12"/>
    </row>
    <row r="666642" spans="8:8">
      <c r="H666642" s="12"/>
    </row>
    <row r="666643" spans="8:8">
      <c r="H666643" s="12"/>
    </row>
    <row r="666644" spans="8:8">
      <c r="H666644" s="12"/>
    </row>
    <row r="666645" spans="8:8">
      <c r="H666645" s="12"/>
    </row>
    <row r="666646" spans="8:8">
      <c r="H666646" s="12"/>
    </row>
    <row r="666647" spans="8:8">
      <c r="H666647" s="12"/>
    </row>
    <row r="666648" spans="8:8">
      <c r="H666648" s="12"/>
    </row>
    <row r="666649" spans="8:8">
      <c r="H666649" s="12"/>
    </row>
    <row r="666650" spans="8:8">
      <c r="H666650" s="12"/>
    </row>
    <row r="666651" spans="8:8">
      <c r="H666651" s="12"/>
    </row>
    <row r="666652" spans="8:8">
      <c r="H666652" s="12"/>
    </row>
    <row r="666653" spans="8:8">
      <c r="H666653" s="12"/>
    </row>
    <row r="666654" spans="8:8">
      <c r="H666654" s="12"/>
    </row>
    <row r="666655" spans="8:8">
      <c r="H666655" s="12"/>
    </row>
    <row r="666656" spans="8:8">
      <c r="H666656" s="12"/>
    </row>
    <row r="666657" spans="8:8">
      <c r="H666657" s="12"/>
    </row>
    <row r="666658" spans="8:8">
      <c r="H666658" s="12"/>
    </row>
    <row r="666659" spans="8:8">
      <c r="H666659" s="12"/>
    </row>
    <row r="666660" spans="8:8">
      <c r="H666660" s="12"/>
    </row>
    <row r="666661" spans="8:8">
      <c r="H666661" s="12"/>
    </row>
    <row r="666662" spans="8:8">
      <c r="H666662" s="12"/>
    </row>
    <row r="666663" spans="8:8">
      <c r="H666663" s="12"/>
    </row>
    <row r="666664" spans="8:8">
      <c r="H666664" s="12"/>
    </row>
    <row r="666665" spans="8:8">
      <c r="H666665" s="12"/>
    </row>
    <row r="666666" spans="8:8">
      <c r="H666666" s="12"/>
    </row>
    <row r="666667" spans="8:8">
      <c r="H666667" s="12"/>
    </row>
    <row r="666668" spans="8:8">
      <c r="H666668" s="12"/>
    </row>
    <row r="666669" spans="8:8">
      <c r="H666669" s="12"/>
    </row>
    <row r="666670" spans="8:8">
      <c r="H666670" s="12"/>
    </row>
    <row r="666671" spans="8:8">
      <c r="H666671" s="12"/>
    </row>
    <row r="666672" spans="8:8">
      <c r="H666672" s="12"/>
    </row>
    <row r="666673" spans="8:8">
      <c r="H666673" s="12"/>
    </row>
    <row r="666674" spans="8:8">
      <c r="H666674" s="12"/>
    </row>
    <row r="666675" spans="8:8">
      <c r="H666675" s="12"/>
    </row>
    <row r="666676" spans="8:8">
      <c r="H666676" s="12"/>
    </row>
    <row r="666677" spans="8:8">
      <c r="H666677" s="12"/>
    </row>
    <row r="666678" spans="8:8">
      <c r="H666678" s="12"/>
    </row>
    <row r="666679" spans="8:8">
      <c r="H666679" s="12"/>
    </row>
    <row r="666680" spans="8:8">
      <c r="H666680" s="12"/>
    </row>
    <row r="666681" spans="8:8">
      <c r="H666681" s="12"/>
    </row>
    <row r="666682" spans="8:8">
      <c r="H666682" s="12"/>
    </row>
    <row r="666683" spans="8:8">
      <c r="H666683" s="12"/>
    </row>
    <row r="666684" spans="8:8">
      <c r="H666684" s="12"/>
    </row>
    <row r="666685" spans="8:8">
      <c r="H666685" s="12"/>
    </row>
    <row r="666686" spans="8:8">
      <c r="H666686" s="12"/>
    </row>
    <row r="666687" spans="8:8">
      <c r="H666687" s="12"/>
    </row>
    <row r="666688" spans="8:8">
      <c r="H666688" s="12"/>
    </row>
    <row r="666689" spans="8:8">
      <c r="H666689" s="12"/>
    </row>
    <row r="666690" spans="8:8">
      <c r="H666690" s="12"/>
    </row>
    <row r="666691" spans="8:8">
      <c r="H666691" s="12"/>
    </row>
    <row r="666692" spans="8:8">
      <c r="H666692" s="12"/>
    </row>
    <row r="666693" spans="8:8">
      <c r="H666693" s="12"/>
    </row>
    <row r="666694" spans="8:8">
      <c r="H666694" s="12"/>
    </row>
    <row r="666695" spans="8:8">
      <c r="H666695" s="12"/>
    </row>
    <row r="666696" spans="8:8">
      <c r="H666696" s="12"/>
    </row>
    <row r="666697" spans="8:8">
      <c r="H666697" s="12"/>
    </row>
    <row r="666698" spans="8:8">
      <c r="H666698" s="12"/>
    </row>
    <row r="666699" spans="8:8">
      <c r="H666699" s="12"/>
    </row>
    <row r="666700" spans="8:8">
      <c r="H666700" s="12"/>
    </row>
    <row r="666701" spans="8:8">
      <c r="H666701" s="12"/>
    </row>
    <row r="666702" spans="8:8">
      <c r="H666702" s="12"/>
    </row>
    <row r="666703" spans="8:8">
      <c r="H666703" s="12"/>
    </row>
    <row r="666704" spans="8:8">
      <c r="H666704" s="12"/>
    </row>
    <row r="666705" spans="8:8">
      <c r="H666705" s="12"/>
    </row>
    <row r="666706" spans="8:8">
      <c r="H666706" s="12"/>
    </row>
    <row r="666707" spans="8:8">
      <c r="H666707" s="12"/>
    </row>
    <row r="666708" spans="8:8">
      <c r="H666708" s="12"/>
    </row>
    <row r="666709" spans="8:8">
      <c r="H666709" s="12"/>
    </row>
    <row r="666710" spans="8:8">
      <c r="H666710" s="12"/>
    </row>
    <row r="666711" spans="8:8">
      <c r="H666711" s="12"/>
    </row>
    <row r="666712" spans="8:8">
      <c r="H666712" s="12"/>
    </row>
    <row r="666713" spans="8:8">
      <c r="H666713" s="12"/>
    </row>
    <row r="666714" spans="8:8">
      <c r="H666714" s="12"/>
    </row>
    <row r="666715" spans="8:8">
      <c r="H666715" s="12"/>
    </row>
    <row r="666716" spans="8:8">
      <c r="H666716" s="12"/>
    </row>
    <row r="666717" spans="8:8">
      <c r="H666717" s="12"/>
    </row>
    <row r="666718" spans="8:8">
      <c r="H666718" s="12"/>
    </row>
    <row r="666719" spans="8:8">
      <c r="H666719" s="12"/>
    </row>
    <row r="666720" spans="8:8">
      <c r="H666720" s="12"/>
    </row>
    <row r="666721" spans="8:8">
      <c r="H666721" s="12"/>
    </row>
    <row r="666722" spans="8:8">
      <c r="H666722" s="12"/>
    </row>
    <row r="666723" spans="8:8">
      <c r="H666723" s="12"/>
    </row>
    <row r="666724" spans="8:8">
      <c r="H666724" s="12"/>
    </row>
    <row r="666725" spans="8:8">
      <c r="H666725" s="12"/>
    </row>
    <row r="666726" spans="8:8">
      <c r="H666726" s="12"/>
    </row>
    <row r="666727" spans="8:8">
      <c r="H666727" s="12"/>
    </row>
    <row r="666728" spans="8:8">
      <c r="H666728" s="12"/>
    </row>
    <row r="666729" spans="8:8">
      <c r="H666729" s="12"/>
    </row>
    <row r="666730" spans="8:8">
      <c r="H666730" s="12"/>
    </row>
    <row r="666731" spans="8:8">
      <c r="H666731" s="12"/>
    </row>
    <row r="666732" spans="8:8">
      <c r="H666732" s="12"/>
    </row>
    <row r="666733" spans="8:8">
      <c r="H666733" s="12"/>
    </row>
    <row r="666734" spans="8:8">
      <c r="H666734" s="12"/>
    </row>
    <row r="666735" spans="8:8">
      <c r="H666735" s="12"/>
    </row>
    <row r="666736" spans="8:8">
      <c r="H666736" s="12"/>
    </row>
    <row r="666737" spans="8:8">
      <c r="H666737" s="12"/>
    </row>
    <row r="666738" spans="8:8">
      <c r="H666738" s="12"/>
    </row>
    <row r="666739" spans="8:8">
      <c r="H666739" s="12"/>
    </row>
    <row r="666740" spans="8:8">
      <c r="H666740" s="12"/>
    </row>
    <row r="666741" spans="8:8">
      <c r="H666741" s="12"/>
    </row>
    <row r="666742" spans="8:8">
      <c r="H666742" s="12"/>
    </row>
    <row r="666743" spans="8:8">
      <c r="H666743" s="12"/>
    </row>
    <row r="666744" spans="8:8">
      <c r="H666744" s="12"/>
    </row>
    <row r="666745" spans="8:8">
      <c r="H666745" s="12"/>
    </row>
    <row r="666746" spans="8:8">
      <c r="H666746" s="12"/>
    </row>
    <row r="666747" spans="8:8">
      <c r="H666747" s="12"/>
    </row>
    <row r="666748" spans="8:8">
      <c r="H666748" s="12"/>
    </row>
    <row r="666749" spans="8:8">
      <c r="H666749" s="12"/>
    </row>
    <row r="666750" spans="8:8">
      <c r="H666750" s="12"/>
    </row>
    <row r="666751" spans="8:8">
      <c r="H666751" s="12"/>
    </row>
    <row r="666752" spans="8:8">
      <c r="H666752" s="12"/>
    </row>
    <row r="666753" spans="8:8">
      <c r="H666753" s="12"/>
    </row>
    <row r="666754" spans="8:8">
      <c r="H666754" s="12"/>
    </row>
    <row r="666755" spans="8:8">
      <c r="H666755" s="12"/>
    </row>
    <row r="666756" spans="8:8">
      <c r="H666756" s="12"/>
    </row>
    <row r="666757" spans="8:8">
      <c r="H666757" s="12"/>
    </row>
    <row r="666758" spans="8:8">
      <c r="H666758" s="12"/>
    </row>
    <row r="666759" spans="8:8">
      <c r="H666759" s="12"/>
    </row>
    <row r="666760" spans="8:8">
      <c r="H666760" s="12"/>
    </row>
    <row r="666761" spans="8:8">
      <c r="H666761" s="12"/>
    </row>
    <row r="666762" spans="8:8">
      <c r="H666762" s="12"/>
    </row>
    <row r="666763" spans="8:8">
      <c r="H666763" s="12"/>
    </row>
    <row r="666764" spans="8:8">
      <c r="H666764" s="12"/>
    </row>
    <row r="666765" spans="8:8">
      <c r="H666765" s="12"/>
    </row>
    <row r="666766" spans="8:8">
      <c r="H666766" s="12"/>
    </row>
    <row r="666767" spans="8:8">
      <c r="H666767" s="12"/>
    </row>
    <row r="666768" spans="8:8">
      <c r="H666768" s="12"/>
    </row>
    <row r="666769" spans="8:8">
      <c r="H666769" s="12"/>
    </row>
    <row r="666770" spans="8:8">
      <c r="H666770" s="12"/>
    </row>
    <row r="666771" spans="8:8">
      <c r="H666771" s="12"/>
    </row>
    <row r="666772" spans="8:8">
      <c r="H666772" s="12"/>
    </row>
    <row r="666773" spans="8:8">
      <c r="H666773" s="12"/>
    </row>
    <row r="666774" spans="8:8">
      <c r="H666774" s="12"/>
    </row>
    <row r="666775" spans="8:8">
      <c r="H666775" s="12"/>
    </row>
    <row r="666776" spans="8:8">
      <c r="H666776" s="12"/>
    </row>
    <row r="666777" spans="8:8">
      <c r="H666777" s="12"/>
    </row>
    <row r="666778" spans="8:8">
      <c r="H666778" s="12"/>
    </row>
    <row r="666779" spans="8:8">
      <c r="H666779" s="12"/>
    </row>
    <row r="666780" spans="8:8">
      <c r="H666780" s="12"/>
    </row>
    <row r="666781" spans="8:8">
      <c r="H666781" s="12"/>
    </row>
    <row r="666782" spans="8:8">
      <c r="H666782" s="12"/>
    </row>
    <row r="666783" spans="8:8">
      <c r="H666783" s="12"/>
    </row>
    <row r="666784" spans="8:8">
      <c r="H666784" s="12"/>
    </row>
    <row r="666785" spans="8:8">
      <c r="H666785" s="12"/>
    </row>
    <row r="666786" spans="8:8">
      <c r="H666786" s="12"/>
    </row>
    <row r="666787" spans="8:8">
      <c r="H666787" s="12"/>
    </row>
    <row r="666788" spans="8:8">
      <c r="H666788" s="12"/>
    </row>
    <row r="666789" spans="8:8">
      <c r="H666789" s="12"/>
    </row>
    <row r="666790" spans="8:8">
      <c r="H666790" s="12"/>
    </row>
    <row r="666791" spans="8:8">
      <c r="H666791" s="12"/>
    </row>
    <row r="666792" spans="8:8">
      <c r="H666792" s="12"/>
    </row>
    <row r="666793" spans="8:8">
      <c r="H666793" s="12"/>
    </row>
    <row r="666794" spans="8:8">
      <c r="H666794" s="12"/>
    </row>
    <row r="666795" spans="8:8">
      <c r="H666795" s="12"/>
    </row>
    <row r="666796" spans="8:8">
      <c r="H666796" s="12"/>
    </row>
    <row r="666797" spans="8:8">
      <c r="H666797" s="12"/>
    </row>
    <row r="666798" spans="8:8">
      <c r="H666798" s="12"/>
    </row>
    <row r="666799" spans="8:8">
      <c r="H666799" s="12"/>
    </row>
    <row r="666800" spans="8:8">
      <c r="H666800" s="12"/>
    </row>
    <row r="666801" spans="8:8">
      <c r="H666801" s="12"/>
    </row>
    <row r="666802" spans="8:8">
      <c r="H666802" s="12"/>
    </row>
    <row r="666803" spans="8:8">
      <c r="H666803" s="12"/>
    </row>
    <row r="666804" spans="8:8">
      <c r="H666804" s="12"/>
    </row>
    <row r="666805" spans="8:8">
      <c r="H666805" s="12"/>
    </row>
    <row r="666806" spans="8:8">
      <c r="H666806" s="12"/>
    </row>
    <row r="666807" spans="8:8">
      <c r="H666807" s="12"/>
    </row>
    <row r="666808" spans="8:8">
      <c r="H666808" s="12"/>
    </row>
    <row r="666809" spans="8:8">
      <c r="H666809" s="12"/>
    </row>
    <row r="666810" spans="8:8">
      <c r="H666810" s="12"/>
    </row>
    <row r="666811" spans="8:8">
      <c r="H666811" s="12"/>
    </row>
    <row r="666812" spans="8:8">
      <c r="H666812" s="12"/>
    </row>
    <row r="666813" spans="8:8">
      <c r="H666813" s="12"/>
    </row>
    <row r="666814" spans="8:8">
      <c r="H666814" s="12"/>
    </row>
    <row r="666815" spans="8:8">
      <c r="H666815" s="12"/>
    </row>
    <row r="666816" spans="8:8">
      <c r="H666816" s="12"/>
    </row>
    <row r="666817" spans="8:8">
      <c r="H666817" s="12"/>
    </row>
    <row r="666818" spans="8:8">
      <c r="H666818" s="12"/>
    </row>
    <row r="666819" spans="8:8">
      <c r="H666819" s="12"/>
    </row>
    <row r="666820" spans="8:8">
      <c r="H666820" s="12"/>
    </row>
    <row r="666821" spans="8:8">
      <c r="H666821" s="12"/>
    </row>
    <row r="666822" spans="8:8">
      <c r="H666822" s="12"/>
    </row>
    <row r="666823" spans="8:8">
      <c r="H666823" s="12"/>
    </row>
    <row r="666824" spans="8:8">
      <c r="H666824" s="12"/>
    </row>
    <row r="666825" spans="8:8">
      <c r="H666825" s="12"/>
    </row>
    <row r="666826" spans="8:8">
      <c r="H666826" s="12"/>
    </row>
    <row r="666827" spans="8:8">
      <c r="H666827" s="12"/>
    </row>
    <row r="666828" spans="8:8">
      <c r="H666828" s="12"/>
    </row>
    <row r="666829" spans="8:8">
      <c r="H666829" s="12"/>
    </row>
    <row r="666830" spans="8:8">
      <c r="H666830" s="12"/>
    </row>
    <row r="666831" spans="8:8">
      <c r="H666831" s="12"/>
    </row>
    <row r="666832" spans="8:8">
      <c r="H666832" s="12"/>
    </row>
    <row r="666833" spans="8:8">
      <c r="H666833" s="12"/>
    </row>
    <row r="666834" spans="8:8">
      <c r="H666834" s="12"/>
    </row>
    <row r="666835" spans="8:8">
      <c r="H666835" s="12"/>
    </row>
    <row r="666836" spans="8:8">
      <c r="H666836" s="12"/>
    </row>
    <row r="666837" spans="8:8">
      <c r="H666837" s="12"/>
    </row>
    <row r="666838" spans="8:8">
      <c r="H666838" s="12"/>
    </row>
    <row r="666839" spans="8:8">
      <c r="H666839" s="12"/>
    </row>
    <row r="666840" spans="8:8">
      <c r="H666840" s="12"/>
    </row>
    <row r="666841" spans="8:8">
      <c r="H666841" s="12"/>
    </row>
    <row r="666842" spans="8:8">
      <c r="H666842" s="12"/>
    </row>
    <row r="666843" spans="8:8">
      <c r="H666843" s="12"/>
    </row>
    <row r="666844" spans="8:8">
      <c r="H666844" s="12"/>
    </row>
    <row r="666845" spans="8:8">
      <c r="H666845" s="12"/>
    </row>
    <row r="666846" spans="8:8">
      <c r="H666846" s="12"/>
    </row>
    <row r="666847" spans="8:8">
      <c r="H666847" s="12"/>
    </row>
    <row r="666848" spans="8:8">
      <c r="H666848" s="12"/>
    </row>
    <row r="666849" spans="8:8">
      <c r="H666849" s="12"/>
    </row>
    <row r="666850" spans="8:8">
      <c r="H666850" s="12"/>
    </row>
    <row r="666851" spans="8:8">
      <c r="H666851" s="12"/>
    </row>
    <row r="666852" spans="8:8">
      <c r="H666852" s="12"/>
    </row>
    <row r="666853" spans="8:8">
      <c r="H666853" s="12"/>
    </row>
    <row r="666854" spans="8:8">
      <c r="H666854" s="12"/>
    </row>
    <row r="666855" spans="8:8">
      <c r="H666855" s="12"/>
    </row>
    <row r="666856" spans="8:8">
      <c r="H666856" s="12"/>
    </row>
    <row r="666857" spans="8:8">
      <c r="H666857" s="12"/>
    </row>
    <row r="666858" spans="8:8">
      <c r="H666858" s="12"/>
    </row>
    <row r="666859" spans="8:8">
      <c r="H666859" s="12"/>
    </row>
    <row r="666860" spans="8:8">
      <c r="H666860" s="12"/>
    </row>
    <row r="666861" spans="8:8">
      <c r="H666861" s="12"/>
    </row>
    <row r="666862" spans="8:8">
      <c r="H666862" s="12"/>
    </row>
    <row r="666863" spans="8:8">
      <c r="H666863" s="12"/>
    </row>
    <row r="666864" spans="8:8">
      <c r="H666864" s="12"/>
    </row>
    <row r="666865" spans="8:8">
      <c r="H666865" s="12"/>
    </row>
    <row r="666866" spans="8:8">
      <c r="H666866" s="12"/>
    </row>
    <row r="666867" spans="8:8">
      <c r="H666867" s="12"/>
    </row>
    <row r="666868" spans="8:8">
      <c r="H666868" s="12"/>
    </row>
    <row r="666869" spans="8:8">
      <c r="H666869" s="12"/>
    </row>
    <row r="666870" spans="8:8">
      <c r="H666870" s="12"/>
    </row>
    <row r="666871" spans="8:8">
      <c r="H666871" s="12"/>
    </row>
    <row r="666872" spans="8:8">
      <c r="H666872" s="12"/>
    </row>
    <row r="666873" spans="8:8">
      <c r="H666873" s="12"/>
    </row>
    <row r="666874" spans="8:8">
      <c r="H666874" s="12"/>
    </row>
    <row r="666875" spans="8:8">
      <c r="H666875" s="12"/>
    </row>
    <row r="666876" spans="8:8">
      <c r="H666876" s="12"/>
    </row>
    <row r="666877" spans="8:8">
      <c r="H666877" s="12"/>
    </row>
    <row r="666878" spans="8:8">
      <c r="H666878" s="12"/>
    </row>
    <row r="666879" spans="8:8">
      <c r="H666879" s="12"/>
    </row>
    <row r="666880" spans="8:8">
      <c r="H666880" s="12"/>
    </row>
    <row r="666881" spans="8:8">
      <c r="H666881" s="12"/>
    </row>
    <row r="666882" spans="8:8">
      <c r="H666882" s="12"/>
    </row>
    <row r="666883" spans="8:8">
      <c r="H666883" s="12"/>
    </row>
    <row r="666884" spans="8:8">
      <c r="H666884" s="12"/>
    </row>
    <row r="666885" spans="8:8">
      <c r="H666885" s="12"/>
    </row>
    <row r="666886" spans="8:8">
      <c r="H666886" s="12"/>
    </row>
    <row r="666887" spans="8:8">
      <c r="H666887" s="12"/>
    </row>
    <row r="666888" spans="8:8">
      <c r="H666888" s="12"/>
    </row>
    <row r="666889" spans="8:8">
      <c r="H666889" s="12"/>
    </row>
    <row r="666890" spans="8:8">
      <c r="H666890" s="12"/>
    </row>
    <row r="666891" spans="8:8">
      <c r="H666891" s="12"/>
    </row>
    <row r="666892" spans="8:8">
      <c r="H666892" s="12"/>
    </row>
    <row r="666893" spans="8:8">
      <c r="H666893" s="12"/>
    </row>
    <row r="666894" spans="8:8">
      <c r="H666894" s="12"/>
    </row>
    <row r="666895" spans="8:8">
      <c r="H666895" s="12"/>
    </row>
    <row r="666896" spans="8:8">
      <c r="H666896" s="12"/>
    </row>
    <row r="666897" spans="8:8">
      <c r="H666897" s="12"/>
    </row>
    <row r="666898" spans="8:8">
      <c r="H666898" s="12"/>
    </row>
    <row r="666899" spans="8:8">
      <c r="H666899" s="12"/>
    </row>
    <row r="666900" spans="8:8">
      <c r="H666900" s="12"/>
    </row>
    <row r="666901" spans="8:8">
      <c r="H666901" s="12"/>
    </row>
    <row r="666902" spans="8:8">
      <c r="H666902" s="12"/>
    </row>
    <row r="666903" spans="8:8">
      <c r="H666903" s="12"/>
    </row>
    <row r="666904" spans="8:8">
      <c r="H666904" s="12"/>
    </row>
    <row r="666905" spans="8:8">
      <c r="H666905" s="12"/>
    </row>
    <row r="666906" spans="8:8">
      <c r="H666906" s="12"/>
    </row>
    <row r="666907" spans="8:8">
      <c r="H666907" s="12"/>
    </row>
    <row r="666908" spans="8:8">
      <c r="H666908" s="12"/>
    </row>
    <row r="666909" spans="8:8">
      <c r="H666909" s="12"/>
    </row>
    <row r="666910" spans="8:8">
      <c r="H666910" s="12"/>
    </row>
    <row r="666911" spans="8:8">
      <c r="H666911" s="12"/>
    </row>
    <row r="666912" spans="8:8">
      <c r="H666912" s="12"/>
    </row>
    <row r="666913" spans="8:8">
      <c r="H666913" s="12"/>
    </row>
    <row r="666914" spans="8:8">
      <c r="H666914" s="12"/>
    </row>
    <row r="666915" spans="8:8">
      <c r="H666915" s="12"/>
    </row>
    <row r="666916" spans="8:8">
      <c r="H666916" s="12"/>
    </row>
    <row r="666917" spans="8:8">
      <c r="H666917" s="12"/>
    </row>
    <row r="666918" spans="8:8">
      <c r="H666918" s="12"/>
    </row>
    <row r="666919" spans="8:8">
      <c r="H666919" s="12"/>
    </row>
    <row r="666920" spans="8:8">
      <c r="H666920" s="12"/>
    </row>
    <row r="666921" spans="8:8">
      <c r="H666921" s="12"/>
    </row>
    <row r="666922" spans="8:8">
      <c r="H666922" s="12"/>
    </row>
    <row r="666923" spans="8:8">
      <c r="H666923" s="12"/>
    </row>
    <row r="666924" spans="8:8">
      <c r="H666924" s="12"/>
    </row>
    <row r="666925" spans="8:8">
      <c r="H666925" s="12"/>
    </row>
    <row r="666926" spans="8:8">
      <c r="H666926" s="12"/>
    </row>
    <row r="666927" spans="8:8">
      <c r="H666927" s="12"/>
    </row>
    <row r="666928" spans="8:8">
      <c r="H666928" s="12"/>
    </row>
    <row r="666929" spans="8:8">
      <c r="H666929" s="12"/>
    </row>
    <row r="666930" spans="8:8">
      <c r="H666930" s="12"/>
    </row>
    <row r="666931" spans="8:8">
      <c r="H666931" s="12"/>
    </row>
    <row r="666932" spans="8:8">
      <c r="H666932" s="12"/>
    </row>
    <row r="666933" spans="8:8">
      <c r="H666933" s="12"/>
    </row>
    <row r="666934" spans="8:8">
      <c r="H666934" s="12"/>
    </row>
    <row r="666935" spans="8:8">
      <c r="H666935" s="12"/>
    </row>
    <row r="666936" spans="8:8">
      <c r="H666936" s="12"/>
    </row>
    <row r="666937" spans="8:8">
      <c r="H666937" s="12"/>
    </row>
    <row r="666938" spans="8:8">
      <c r="H666938" s="12"/>
    </row>
    <row r="666939" spans="8:8">
      <c r="H666939" s="12"/>
    </row>
    <row r="666940" spans="8:8">
      <c r="H666940" s="12"/>
    </row>
    <row r="666941" spans="8:8">
      <c r="H666941" s="12"/>
    </row>
    <row r="666942" spans="8:8">
      <c r="H666942" s="12"/>
    </row>
    <row r="666943" spans="8:8">
      <c r="H666943" s="12"/>
    </row>
    <row r="666944" spans="8:8">
      <c r="H666944" s="12"/>
    </row>
    <row r="666945" spans="8:8">
      <c r="H666945" s="12"/>
    </row>
    <row r="666946" spans="8:8">
      <c r="H666946" s="12"/>
    </row>
    <row r="666947" spans="8:8">
      <c r="H666947" s="12"/>
    </row>
    <row r="666948" spans="8:8">
      <c r="H666948" s="12"/>
    </row>
    <row r="666949" spans="8:8">
      <c r="H666949" s="12"/>
    </row>
    <row r="666950" spans="8:8">
      <c r="H666950" s="12"/>
    </row>
    <row r="666951" spans="8:8">
      <c r="H666951" s="12"/>
    </row>
    <row r="666952" spans="8:8">
      <c r="H666952" s="12"/>
    </row>
    <row r="666953" spans="8:8">
      <c r="H666953" s="12"/>
    </row>
    <row r="666954" spans="8:8">
      <c r="H666954" s="12"/>
    </row>
    <row r="666955" spans="8:8">
      <c r="H666955" s="12"/>
    </row>
    <row r="666956" spans="8:8">
      <c r="H666956" s="12"/>
    </row>
    <row r="666957" spans="8:8">
      <c r="H666957" s="12"/>
    </row>
    <row r="666958" spans="8:8">
      <c r="H666958" s="12"/>
    </row>
    <row r="666959" spans="8:8">
      <c r="H666959" s="12"/>
    </row>
    <row r="666960" spans="8:8">
      <c r="H666960" s="12"/>
    </row>
    <row r="666961" spans="8:8">
      <c r="H666961" s="12"/>
    </row>
    <row r="666962" spans="8:8">
      <c r="H666962" s="12"/>
    </row>
    <row r="666963" spans="8:8">
      <c r="H666963" s="12"/>
    </row>
    <row r="666964" spans="8:8">
      <c r="H666964" s="12"/>
    </row>
    <row r="666965" spans="8:8">
      <c r="H666965" s="12"/>
    </row>
    <row r="666966" spans="8:8">
      <c r="H666966" s="12"/>
    </row>
    <row r="666967" spans="8:8">
      <c r="H666967" s="12"/>
    </row>
    <row r="666968" spans="8:8">
      <c r="H666968" s="12"/>
    </row>
    <row r="666969" spans="8:8">
      <c r="H666969" s="12"/>
    </row>
    <row r="666970" spans="8:8">
      <c r="H666970" s="12"/>
    </row>
    <row r="666971" spans="8:8">
      <c r="H666971" s="12"/>
    </row>
    <row r="666972" spans="8:8">
      <c r="H666972" s="12"/>
    </row>
    <row r="666973" spans="8:8">
      <c r="H666973" s="12"/>
    </row>
    <row r="666974" spans="8:8">
      <c r="H666974" s="12"/>
    </row>
    <row r="666975" spans="8:8">
      <c r="H666975" s="12"/>
    </row>
    <row r="666976" spans="8:8">
      <c r="H666976" s="12"/>
    </row>
    <row r="666977" spans="8:8">
      <c r="H666977" s="12"/>
    </row>
    <row r="666978" spans="8:8">
      <c r="H666978" s="12"/>
    </row>
    <row r="666979" spans="8:8">
      <c r="H666979" s="12"/>
    </row>
    <row r="666980" spans="8:8">
      <c r="H666980" s="12"/>
    </row>
    <row r="666981" spans="8:8">
      <c r="H666981" s="12"/>
    </row>
    <row r="666982" spans="8:8">
      <c r="H666982" s="12"/>
    </row>
    <row r="666983" spans="8:8">
      <c r="H666983" s="12"/>
    </row>
    <row r="666984" spans="8:8">
      <c r="H666984" s="12"/>
    </row>
    <row r="666985" spans="8:8">
      <c r="H666985" s="12"/>
    </row>
    <row r="666986" spans="8:8">
      <c r="H666986" s="12"/>
    </row>
    <row r="666987" spans="8:8">
      <c r="H666987" s="12"/>
    </row>
    <row r="666988" spans="8:8">
      <c r="H666988" s="12"/>
    </row>
    <row r="666989" spans="8:8">
      <c r="H666989" s="12"/>
    </row>
    <row r="666990" spans="8:8">
      <c r="H666990" s="12"/>
    </row>
    <row r="666991" spans="8:8">
      <c r="H666991" s="12"/>
    </row>
    <row r="666992" spans="8:8">
      <c r="H666992" s="12"/>
    </row>
    <row r="666993" spans="8:8">
      <c r="H666993" s="12"/>
    </row>
    <row r="666994" spans="8:8">
      <c r="H666994" s="12"/>
    </row>
    <row r="666995" spans="8:8">
      <c r="H666995" s="12"/>
    </row>
    <row r="666996" spans="8:8">
      <c r="H666996" s="12"/>
    </row>
    <row r="666997" spans="8:8">
      <c r="H666997" s="12"/>
    </row>
    <row r="666998" spans="8:8">
      <c r="H666998" s="12"/>
    </row>
    <row r="666999" spans="8:8">
      <c r="H666999" s="12"/>
    </row>
    <row r="667000" spans="8:8">
      <c r="H667000" s="12"/>
    </row>
    <row r="667001" spans="8:8">
      <c r="H667001" s="12"/>
    </row>
    <row r="667002" spans="8:8">
      <c r="H667002" s="12"/>
    </row>
    <row r="667003" spans="8:8">
      <c r="H667003" s="12"/>
    </row>
    <row r="667004" spans="8:8">
      <c r="H667004" s="12"/>
    </row>
    <row r="667005" spans="8:8">
      <c r="H667005" s="12"/>
    </row>
    <row r="667006" spans="8:8">
      <c r="H667006" s="12"/>
    </row>
    <row r="667007" spans="8:8">
      <c r="H667007" s="12"/>
    </row>
    <row r="667008" spans="8:8">
      <c r="H667008" s="12"/>
    </row>
    <row r="667009" spans="8:8">
      <c r="H667009" s="12"/>
    </row>
    <row r="667010" spans="8:8">
      <c r="H667010" s="12"/>
    </row>
    <row r="667011" spans="8:8">
      <c r="H667011" s="12"/>
    </row>
    <row r="667012" spans="8:8">
      <c r="H667012" s="12"/>
    </row>
    <row r="667013" spans="8:8">
      <c r="H667013" s="12"/>
    </row>
    <row r="667014" spans="8:8">
      <c r="H667014" s="12"/>
    </row>
    <row r="667015" spans="8:8">
      <c r="H667015" s="12"/>
    </row>
    <row r="667016" spans="8:8">
      <c r="H667016" s="12"/>
    </row>
    <row r="667017" spans="8:8">
      <c r="H667017" s="12"/>
    </row>
    <row r="667018" spans="8:8">
      <c r="H667018" s="12"/>
    </row>
    <row r="667019" spans="8:8">
      <c r="H667019" s="12"/>
    </row>
    <row r="667020" spans="8:8">
      <c r="H667020" s="12"/>
    </row>
    <row r="667021" spans="8:8">
      <c r="H667021" s="12"/>
    </row>
    <row r="667022" spans="8:8">
      <c r="H667022" s="12"/>
    </row>
    <row r="667023" spans="8:8">
      <c r="H667023" s="12"/>
    </row>
    <row r="667024" spans="8:8">
      <c r="H667024" s="12"/>
    </row>
    <row r="667025" spans="8:8">
      <c r="H667025" s="12"/>
    </row>
    <row r="667026" spans="8:8">
      <c r="H667026" s="12"/>
    </row>
    <row r="667027" spans="8:8">
      <c r="H667027" s="12"/>
    </row>
    <row r="667028" spans="8:8">
      <c r="H667028" s="12"/>
    </row>
    <row r="667029" spans="8:8">
      <c r="H667029" s="12"/>
    </row>
    <row r="667030" spans="8:8">
      <c r="H667030" s="12"/>
    </row>
    <row r="667031" spans="8:8">
      <c r="H667031" s="12"/>
    </row>
    <row r="667032" spans="8:8">
      <c r="H667032" s="12"/>
    </row>
    <row r="667033" spans="8:8">
      <c r="H667033" s="12"/>
    </row>
    <row r="667034" spans="8:8">
      <c r="H667034" s="12"/>
    </row>
    <row r="667035" spans="8:8">
      <c r="H667035" s="12"/>
    </row>
    <row r="667036" spans="8:8">
      <c r="H667036" s="12"/>
    </row>
    <row r="667037" spans="8:8">
      <c r="H667037" s="12"/>
    </row>
    <row r="667038" spans="8:8">
      <c r="H667038" s="12"/>
    </row>
    <row r="667039" spans="8:8">
      <c r="H667039" s="12"/>
    </row>
    <row r="667040" spans="8:8">
      <c r="H667040" s="12"/>
    </row>
    <row r="667041" spans="8:8">
      <c r="H667041" s="12"/>
    </row>
    <row r="667042" spans="8:8">
      <c r="H667042" s="12"/>
    </row>
    <row r="667043" spans="8:8">
      <c r="H667043" s="12"/>
    </row>
    <row r="667044" spans="8:8">
      <c r="H667044" s="12"/>
    </row>
    <row r="667045" spans="8:8">
      <c r="H667045" s="12"/>
    </row>
    <row r="667046" spans="8:8">
      <c r="H667046" s="12"/>
    </row>
    <row r="667047" spans="8:8">
      <c r="H667047" s="12"/>
    </row>
    <row r="667048" spans="8:8">
      <c r="H667048" s="12"/>
    </row>
    <row r="667049" spans="8:8">
      <c r="H667049" s="12"/>
    </row>
    <row r="667050" spans="8:8">
      <c r="H667050" s="12"/>
    </row>
    <row r="667051" spans="8:8">
      <c r="H667051" s="12"/>
    </row>
    <row r="667052" spans="8:8">
      <c r="H667052" s="12"/>
    </row>
    <row r="667053" spans="8:8">
      <c r="H667053" s="12"/>
    </row>
    <row r="667054" spans="8:8">
      <c r="H667054" s="12"/>
    </row>
    <row r="667055" spans="8:8">
      <c r="H667055" s="12"/>
    </row>
    <row r="667056" spans="8:8">
      <c r="H667056" s="12"/>
    </row>
    <row r="667057" spans="8:8">
      <c r="H667057" s="12"/>
    </row>
    <row r="667058" spans="8:8">
      <c r="H667058" s="12"/>
    </row>
    <row r="667059" spans="8:8">
      <c r="H667059" s="12"/>
    </row>
    <row r="667060" spans="8:8">
      <c r="H667060" s="12"/>
    </row>
    <row r="667061" spans="8:8">
      <c r="H667061" s="12"/>
    </row>
    <row r="667062" spans="8:8">
      <c r="H667062" s="12"/>
    </row>
    <row r="667063" spans="8:8">
      <c r="H667063" s="12"/>
    </row>
    <row r="667064" spans="8:8">
      <c r="H667064" s="12"/>
    </row>
    <row r="667065" spans="8:8">
      <c r="H667065" s="12"/>
    </row>
    <row r="667066" spans="8:8">
      <c r="H667066" s="12"/>
    </row>
    <row r="667067" spans="8:8">
      <c r="H667067" s="12"/>
    </row>
    <row r="667068" spans="8:8">
      <c r="H667068" s="12"/>
    </row>
    <row r="667069" spans="8:8">
      <c r="H667069" s="12"/>
    </row>
    <row r="667070" spans="8:8">
      <c r="H667070" s="12"/>
    </row>
    <row r="667071" spans="8:8">
      <c r="H667071" s="12"/>
    </row>
    <row r="667072" spans="8:8">
      <c r="H667072" s="12"/>
    </row>
    <row r="667073" spans="8:8">
      <c r="H667073" s="12"/>
    </row>
    <row r="667074" spans="8:8">
      <c r="H667074" s="12"/>
    </row>
    <row r="667075" spans="8:8">
      <c r="H667075" s="12"/>
    </row>
    <row r="667076" spans="8:8">
      <c r="H667076" s="12"/>
    </row>
    <row r="667077" spans="8:8">
      <c r="H667077" s="12"/>
    </row>
    <row r="667078" spans="8:8">
      <c r="H667078" s="12"/>
    </row>
    <row r="667079" spans="8:8">
      <c r="H667079" s="12"/>
    </row>
    <row r="667080" spans="8:8">
      <c r="H667080" s="12"/>
    </row>
    <row r="667081" spans="8:8">
      <c r="H667081" s="12"/>
    </row>
    <row r="667082" spans="8:8">
      <c r="H667082" s="12"/>
    </row>
    <row r="667083" spans="8:8">
      <c r="H667083" s="12"/>
    </row>
    <row r="667084" spans="8:8">
      <c r="H667084" s="12"/>
    </row>
    <row r="667085" spans="8:8">
      <c r="H667085" s="12"/>
    </row>
    <row r="667086" spans="8:8">
      <c r="H667086" s="12"/>
    </row>
    <row r="667087" spans="8:8">
      <c r="H667087" s="12"/>
    </row>
    <row r="667088" spans="8:8">
      <c r="H667088" s="12"/>
    </row>
    <row r="667089" spans="8:8">
      <c r="H667089" s="12"/>
    </row>
    <row r="667090" spans="8:8">
      <c r="H667090" s="12"/>
    </row>
    <row r="667091" spans="8:8">
      <c r="H667091" s="12"/>
    </row>
    <row r="667092" spans="8:8">
      <c r="H667092" s="12"/>
    </row>
    <row r="667093" spans="8:8">
      <c r="H667093" s="12"/>
    </row>
    <row r="667094" spans="8:8">
      <c r="H667094" s="12"/>
    </row>
    <row r="667095" spans="8:8">
      <c r="H667095" s="12"/>
    </row>
    <row r="667096" spans="8:8">
      <c r="H667096" s="12"/>
    </row>
    <row r="667097" spans="8:8">
      <c r="H667097" s="12"/>
    </row>
    <row r="667098" spans="8:8">
      <c r="H667098" s="12"/>
    </row>
    <row r="667099" spans="8:8">
      <c r="H667099" s="12"/>
    </row>
    <row r="667100" spans="8:8">
      <c r="H667100" s="12"/>
    </row>
    <row r="667101" spans="8:8">
      <c r="H667101" s="12"/>
    </row>
    <row r="667102" spans="8:8">
      <c r="H667102" s="12"/>
    </row>
    <row r="667103" spans="8:8">
      <c r="H667103" s="12"/>
    </row>
    <row r="667104" spans="8:8">
      <c r="H667104" s="12"/>
    </row>
    <row r="667105" spans="8:8">
      <c r="H667105" s="12"/>
    </row>
    <row r="667106" spans="8:8">
      <c r="H667106" s="12"/>
    </row>
    <row r="667107" spans="8:8">
      <c r="H667107" s="12"/>
    </row>
    <row r="667108" spans="8:8">
      <c r="H667108" s="12"/>
    </row>
    <row r="667109" spans="8:8">
      <c r="H667109" s="12"/>
    </row>
    <row r="667110" spans="8:8">
      <c r="H667110" s="12"/>
    </row>
    <row r="667111" spans="8:8">
      <c r="H667111" s="12"/>
    </row>
    <row r="667112" spans="8:8">
      <c r="H667112" s="12"/>
    </row>
    <row r="667113" spans="8:8">
      <c r="H667113" s="12"/>
    </row>
    <row r="667114" spans="8:8">
      <c r="H667114" s="12"/>
    </row>
    <row r="667115" spans="8:8">
      <c r="H667115" s="12"/>
    </row>
    <row r="667116" spans="8:8">
      <c r="H667116" s="12"/>
    </row>
    <row r="667117" spans="8:8">
      <c r="H667117" s="12"/>
    </row>
    <row r="667118" spans="8:8">
      <c r="H667118" s="12"/>
    </row>
    <row r="667119" spans="8:8">
      <c r="H667119" s="12"/>
    </row>
    <row r="667120" spans="8:8">
      <c r="H667120" s="12"/>
    </row>
    <row r="667121" spans="8:8">
      <c r="H667121" s="12"/>
    </row>
    <row r="667122" spans="8:8">
      <c r="H667122" s="12"/>
    </row>
    <row r="667123" spans="8:8">
      <c r="H667123" s="12"/>
    </row>
    <row r="667124" spans="8:8">
      <c r="H667124" s="12"/>
    </row>
    <row r="667125" spans="8:8">
      <c r="H667125" s="12"/>
    </row>
    <row r="667126" spans="8:8">
      <c r="H667126" s="12"/>
    </row>
    <row r="667127" spans="8:8">
      <c r="H667127" s="12"/>
    </row>
    <row r="667128" spans="8:8">
      <c r="H667128" s="12"/>
    </row>
    <row r="667129" spans="8:8">
      <c r="H667129" s="12"/>
    </row>
    <row r="667130" spans="8:8">
      <c r="H667130" s="12"/>
    </row>
    <row r="667131" spans="8:8">
      <c r="H667131" s="12"/>
    </row>
    <row r="667132" spans="8:8">
      <c r="H667132" s="12"/>
    </row>
    <row r="667133" spans="8:8">
      <c r="H667133" s="12"/>
    </row>
    <row r="667134" spans="8:8">
      <c r="H667134" s="12"/>
    </row>
    <row r="667135" spans="8:8">
      <c r="H667135" s="12"/>
    </row>
    <row r="667136" spans="8:8">
      <c r="H667136" s="12"/>
    </row>
    <row r="667137" spans="8:8">
      <c r="H667137" s="12"/>
    </row>
    <row r="667138" spans="8:8">
      <c r="H667138" s="12"/>
    </row>
    <row r="667139" spans="8:8">
      <c r="H667139" s="12"/>
    </row>
    <row r="667140" spans="8:8">
      <c r="H667140" s="12"/>
    </row>
    <row r="667141" spans="8:8">
      <c r="H667141" s="12"/>
    </row>
    <row r="667142" spans="8:8">
      <c r="H667142" s="12"/>
    </row>
    <row r="667143" spans="8:8">
      <c r="H667143" s="12"/>
    </row>
    <row r="667144" spans="8:8">
      <c r="H667144" s="12"/>
    </row>
    <row r="667145" spans="8:8">
      <c r="H667145" s="12"/>
    </row>
    <row r="667146" spans="8:8">
      <c r="H667146" s="12"/>
    </row>
    <row r="667147" spans="8:8">
      <c r="H667147" s="12"/>
    </row>
    <row r="667148" spans="8:8">
      <c r="H667148" s="12"/>
    </row>
    <row r="667149" spans="8:8">
      <c r="H667149" s="12"/>
    </row>
    <row r="667150" spans="8:8">
      <c r="H667150" s="12"/>
    </row>
    <row r="667151" spans="8:8">
      <c r="H667151" s="12"/>
    </row>
    <row r="667152" spans="8:8">
      <c r="H667152" s="12"/>
    </row>
    <row r="667153" spans="8:8">
      <c r="H667153" s="12"/>
    </row>
    <row r="667154" spans="8:8">
      <c r="H667154" s="12"/>
    </row>
    <row r="667155" spans="8:8">
      <c r="H667155" s="12"/>
    </row>
    <row r="667156" spans="8:8">
      <c r="H667156" s="12"/>
    </row>
    <row r="667157" spans="8:8">
      <c r="H667157" s="12"/>
    </row>
    <row r="667158" spans="8:8">
      <c r="H667158" s="12"/>
    </row>
    <row r="667159" spans="8:8">
      <c r="H667159" s="12"/>
    </row>
    <row r="667160" spans="8:8">
      <c r="H667160" s="12"/>
    </row>
    <row r="667161" spans="8:8">
      <c r="H667161" s="12"/>
    </row>
    <row r="667162" spans="8:8">
      <c r="H667162" s="12"/>
    </row>
    <row r="667163" spans="8:8">
      <c r="H667163" s="12"/>
    </row>
    <row r="667164" spans="8:8">
      <c r="H667164" s="12"/>
    </row>
    <row r="667165" spans="8:8">
      <c r="H667165" s="12"/>
    </row>
    <row r="667166" spans="8:8">
      <c r="H667166" s="12"/>
    </row>
    <row r="667167" spans="8:8">
      <c r="H667167" s="12"/>
    </row>
    <row r="667168" spans="8:8">
      <c r="H667168" s="12"/>
    </row>
    <row r="667169" spans="8:8">
      <c r="H667169" s="12"/>
    </row>
    <row r="667170" spans="8:8">
      <c r="H667170" s="12"/>
    </row>
    <row r="667171" spans="8:8">
      <c r="H667171" s="12"/>
    </row>
    <row r="667172" spans="8:8">
      <c r="H667172" s="12"/>
    </row>
    <row r="667173" spans="8:8">
      <c r="H667173" s="12"/>
    </row>
    <row r="667174" spans="8:8">
      <c r="H667174" s="12"/>
    </row>
    <row r="667175" spans="8:8">
      <c r="H667175" s="12"/>
    </row>
    <row r="667176" spans="8:8">
      <c r="H667176" s="12"/>
    </row>
    <row r="667177" spans="8:8">
      <c r="H667177" s="12"/>
    </row>
    <row r="667178" spans="8:8">
      <c r="H667178" s="12"/>
    </row>
    <row r="667179" spans="8:8">
      <c r="H667179" s="12"/>
    </row>
    <row r="667180" spans="8:8">
      <c r="H667180" s="12"/>
    </row>
    <row r="667181" spans="8:8">
      <c r="H667181" s="12"/>
    </row>
    <row r="667182" spans="8:8">
      <c r="H667182" s="12"/>
    </row>
    <row r="667183" spans="8:8">
      <c r="H667183" s="12"/>
    </row>
    <row r="667184" spans="8:8">
      <c r="H667184" s="12"/>
    </row>
    <row r="667185" spans="8:8">
      <c r="H667185" s="12"/>
    </row>
    <row r="667186" spans="8:8">
      <c r="H667186" s="12"/>
    </row>
    <row r="667187" spans="8:8">
      <c r="H667187" s="12"/>
    </row>
    <row r="667188" spans="8:8">
      <c r="H667188" s="12"/>
    </row>
    <row r="667189" spans="8:8">
      <c r="H667189" s="12"/>
    </row>
    <row r="667190" spans="8:8">
      <c r="H667190" s="12"/>
    </row>
    <row r="667191" spans="8:8">
      <c r="H667191" s="12"/>
    </row>
    <row r="667192" spans="8:8">
      <c r="H667192" s="12"/>
    </row>
    <row r="667193" spans="8:8">
      <c r="H667193" s="12"/>
    </row>
    <row r="667194" spans="8:8">
      <c r="H667194" s="12"/>
    </row>
    <row r="667195" spans="8:8">
      <c r="H667195" s="12"/>
    </row>
    <row r="667196" spans="8:8">
      <c r="H667196" s="12"/>
    </row>
    <row r="667197" spans="8:8">
      <c r="H667197" s="12"/>
    </row>
    <row r="667198" spans="8:8">
      <c r="H667198" s="12"/>
    </row>
    <row r="667199" spans="8:8">
      <c r="H667199" s="12"/>
    </row>
    <row r="667200" spans="8:8">
      <c r="H667200" s="12"/>
    </row>
    <row r="667201" spans="8:8">
      <c r="H667201" s="12"/>
    </row>
    <row r="667202" spans="8:8">
      <c r="H667202" s="12"/>
    </row>
    <row r="667203" spans="8:8">
      <c r="H667203" s="12"/>
    </row>
    <row r="667204" spans="8:8">
      <c r="H667204" s="12"/>
    </row>
    <row r="667205" spans="8:8">
      <c r="H667205" s="12"/>
    </row>
    <row r="667206" spans="8:8">
      <c r="H667206" s="12"/>
    </row>
    <row r="667207" spans="8:8">
      <c r="H667207" s="12"/>
    </row>
    <row r="667208" spans="8:8">
      <c r="H667208" s="12"/>
    </row>
    <row r="667209" spans="8:8">
      <c r="H667209" s="12"/>
    </row>
    <row r="667210" spans="8:8">
      <c r="H667210" s="12"/>
    </row>
    <row r="667211" spans="8:8">
      <c r="H667211" s="12"/>
    </row>
    <row r="667212" spans="8:8">
      <c r="H667212" s="12"/>
    </row>
    <row r="667213" spans="8:8">
      <c r="H667213" s="12"/>
    </row>
    <row r="667214" spans="8:8">
      <c r="H667214" s="12"/>
    </row>
    <row r="667215" spans="8:8">
      <c r="H667215" s="12"/>
    </row>
    <row r="667216" spans="8:8">
      <c r="H667216" s="12"/>
    </row>
    <row r="667217" spans="8:8">
      <c r="H667217" s="12"/>
    </row>
    <row r="667218" spans="8:8">
      <c r="H667218" s="12"/>
    </row>
    <row r="667219" spans="8:8">
      <c r="H667219" s="12"/>
    </row>
    <row r="667220" spans="8:8">
      <c r="H667220" s="12"/>
    </row>
    <row r="667221" spans="8:8">
      <c r="H667221" s="12"/>
    </row>
    <row r="667222" spans="8:8">
      <c r="H667222" s="12"/>
    </row>
    <row r="667223" spans="8:8">
      <c r="H667223" s="12"/>
    </row>
    <row r="667224" spans="8:8">
      <c r="H667224" s="12"/>
    </row>
    <row r="667225" spans="8:8">
      <c r="H667225" s="12"/>
    </row>
    <row r="667226" spans="8:8">
      <c r="H667226" s="12"/>
    </row>
    <row r="667227" spans="8:8">
      <c r="H667227" s="12"/>
    </row>
    <row r="667228" spans="8:8">
      <c r="H667228" s="12"/>
    </row>
    <row r="667229" spans="8:8">
      <c r="H667229" s="12"/>
    </row>
    <row r="667230" spans="8:8">
      <c r="H667230" s="12"/>
    </row>
    <row r="667231" spans="8:8">
      <c r="H667231" s="12"/>
    </row>
    <row r="667232" spans="8:8">
      <c r="H667232" s="12"/>
    </row>
    <row r="667233" spans="8:8">
      <c r="H667233" s="12"/>
    </row>
    <row r="667234" spans="8:8">
      <c r="H667234" s="12"/>
    </row>
    <row r="667235" spans="8:8">
      <c r="H667235" s="12"/>
    </row>
    <row r="667236" spans="8:8">
      <c r="H667236" s="12"/>
    </row>
    <row r="667237" spans="8:8">
      <c r="H667237" s="12"/>
    </row>
    <row r="667238" spans="8:8">
      <c r="H667238" s="12"/>
    </row>
    <row r="667239" spans="8:8">
      <c r="H667239" s="12"/>
    </row>
    <row r="667240" spans="8:8">
      <c r="H667240" s="12"/>
    </row>
    <row r="667241" spans="8:8">
      <c r="H667241" s="12"/>
    </row>
    <row r="667242" spans="8:8">
      <c r="H667242" s="12"/>
    </row>
    <row r="667243" spans="8:8">
      <c r="H667243" s="12"/>
    </row>
    <row r="667244" spans="8:8">
      <c r="H667244" s="12"/>
    </row>
    <row r="667245" spans="8:8">
      <c r="H667245" s="12"/>
    </row>
    <row r="667246" spans="8:8">
      <c r="H667246" s="12"/>
    </row>
    <row r="667247" spans="8:8">
      <c r="H667247" s="12"/>
    </row>
    <row r="667248" spans="8:8">
      <c r="H667248" s="12"/>
    </row>
    <row r="667249" spans="8:8">
      <c r="H667249" s="12"/>
    </row>
    <row r="667250" spans="8:8">
      <c r="H667250" s="12"/>
    </row>
    <row r="667251" spans="8:8">
      <c r="H667251" s="12"/>
    </row>
    <row r="667252" spans="8:8">
      <c r="H667252" s="12"/>
    </row>
    <row r="667253" spans="8:8">
      <c r="H667253" s="12"/>
    </row>
    <row r="667254" spans="8:8">
      <c r="H667254" s="12"/>
    </row>
    <row r="667255" spans="8:8">
      <c r="H667255" s="12"/>
    </row>
    <row r="667256" spans="8:8">
      <c r="H667256" s="12"/>
    </row>
    <row r="667257" spans="8:8">
      <c r="H667257" s="12"/>
    </row>
    <row r="667258" spans="8:8">
      <c r="H667258" s="12"/>
    </row>
    <row r="667259" spans="8:8">
      <c r="H667259" s="12"/>
    </row>
    <row r="667260" spans="8:8">
      <c r="H667260" s="12"/>
    </row>
    <row r="667261" spans="8:8">
      <c r="H667261" s="12"/>
    </row>
    <row r="667262" spans="8:8">
      <c r="H667262" s="12"/>
    </row>
    <row r="667263" spans="8:8">
      <c r="H667263" s="12"/>
    </row>
    <row r="667264" spans="8:8">
      <c r="H667264" s="12"/>
    </row>
    <row r="667265" spans="8:8">
      <c r="H667265" s="12"/>
    </row>
    <row r="667266" spans="8:8">
      <c r="H667266" s="12"/>
    </row>
    <row r="667267" spans="8:8">
      <c r="H667267" s="12"/>
    </row>
    <row r="667268" spans="8:8">
      <c r="H667268" s="12"/>
    </row>
    <row r="667269" spans="8:8">
      <c r="H667269" s="12"/>
    </row>
    <row r="667270" spans="8:8">
      <c r="H667270" s="12"/>
    </row>
    <row r="667271" spans="8:8">
      <c r="H667271" s="12"/>
    </row>
    <row r="667272" spans="8:8">
      <c r="H667272" s="12"/>
    </row>
    <row r="667273" spans="8:8">
      <c r="H667273" s="12"/>
    </row>
    <row r="667274" spans="8:8">
      <c r="H667274" s="12"/>
    </row>
    <row r="667275" spans="8:8">
      <c r="H667275" s="12"/>
    </row>
    <row r="667276" spans="8:8">
      <c r="H667276" s="12"/>
    </row>
    <row r="667277" spans="8:8">
      <c r="H667277" s="12"/>
    </row>
    <row r="667278" spans="8:8">
      <c r="H667278" s="12"/>
    </row>
    <row r="667279" spans="8:8">
      <c r="H667279" s="12"/>
    </row>
    <row r="667280" spans="8:8">
      <c r="H667280" s="12"/>
    </row>
    <row r="667281" spans="8:8">
      <c r="H667281" s="12"/>
    </row>
    <row r="667282" spans="8:8">
      <c r="H667282" s="12"/>
    </row>
    <row r="667283" spans="8:8">
      <c r="H667283" s="12"/>
    </row>
    <row r="667284" spans="8:8">
      <c r="H667284" s="12"/>
    </row>
    <row r="667285" spans="8:8">
      <c r="H667285" s="12"/>
    </row>
    <row r="667286" spans="8:8">
      <c r="H667286" s="12"/>
    </row>
    <row r="667287" spans="8:8">
      <c r="H667287" s="12"/>
    </row>
    <row r="667288" spans="8:8">
      <c r="H667288" s="12"/>
    </row>
    <row r="667289" spans="8:8">
      <c r="H667289" s="12"/>
    </row>
    <row r="667290" spans="8:8">
      <c r="H667290" s="12"/>
    </row>
    <row r="667291" spans="8:8">
      <c r="H667291" s="12"/>
    </row>
    <row r="667292" spans="8:8">
      <c r="H667292" s="12"/>
    </row>
    <row r="667293" spans="8:8">
      <c r="H667293" s="12"/>
    </row>
    <row r="667294" spans="8:8">
      <c r="H667294" s="12"/>
    </row>
    <row r="667295" spans="8:8">
      <c r="H667295" s="12"/>
    </row>
    <row r="667296" spans="8:8">
      <c r="H667296" s="12"/>
    </row>
    <row r="667297" spans="8:8">
      <c r="H667297" s="12"/>
    </row>
    <row r="667298" spans="8:8">
      <c r="H667298" s="12"/>
    </row>
    <row r="667299" spans="8:8">
      <c r="H667299" s="12"/>
    </row>
    <row r="667300" spans="8:8">
      <c r="H667300" s="12"/>
    </row>
    <row r="667301" spans="8:8">
      <c r="H667301" s="12"/>
    </row>
    <row r="667302" spans="8:8">
      <c r="H667302" s="12"/>
    </row>
    <row r="667303" spans="8:8">
      <c r="H667303" s="12"/>
    </row>
    <row r="667304" spans="8:8">
      <c r="H667304" s="12"/>
    </row>
    <row r="667305" spans="8:8">
      <c r="H667305" s="12"/>
    </row>
    <row r="667306" spans="8:8">
      <c r="H667306" s="12"/>
    </row>
    <row r="667307" spans="8:8">
      <c r="H667307" s="12"/>
    </row>
    <row r="667308" spans="8:8">
      <c r="H667308" s="12"/>
    </row>
    <row r="667309" spans="8:8">
      <c r="H667309" s="12"/>
    </row>
    <row r="667310" spans="8:8">
      <c r="H667310" s="12"/>
    </row>
    <row r="667311" spans="8:8">
      <c r="H667311" s="12"/>
    </row>
    <row r="667312" spans="8:8">
      <c r="H667312" s="12"/>
    </row>
    <row r="667313" spans="8:8">
      <c r="H667313" s="12"/>
    </row>
    <row r="667314" spans="8:8">
      <c r="H667314" s="12"/>
    </row>
    <row r="667315" spans="8:8">
      <c r="H667315" s="12"/>
    </row>
    <row r="667316" spans="8:8">
      <c r="H667316" s="12"/>
    </row>
    <row r="667317" spans="8:8">
      <c r="H667317" s="12"/>
    </row>
    <row r="667318" spans="8:8">
      <c r="H667318" s="12"/>
    </row>
    <row r="667319" spans="8:8">
      <c r="H667319" s="12"/>
    </row>
    <row r="667320" spans="8:8">
      <c r="H667320" s="12"/>
    </row>
    <row r="667321" spans="8:8">
      <c r="H667321" s="12"/>
    </row>
    <row r="667322" spans="8:8">
      <c r="H667322" s="12"/>
    </row>
    <row r="667323" spans="8:8">
      <c r="H667323" s="12"/>
    </row>
    <row r="667324" spans="8:8">
      <c r="H667324" s="12"/>
    </row>
    <row r="667325" spans="8:8">
      <c r="H667325" s="12"/>
    </row>
    <row r="667326" spans="8:8">
      <c r="H667326" s="12"/>
    </row>
    <row r="667327" spans="8:8">
      <c r="H667327" s="12"/>
    </row>
    <row r="667328" spans="8:8">
      <c r="H667328" s="12"/>
    </row>
    <row r="667329" spans="8:8">
      <c r="H667329" s="12"/>
    </row>
    <row r="667330" spans="8:8">
      <c r="H667330" s="12"/>
    </row>
    <row r="667331" spans="8:8">
      <c r="H667331" s="12"/>
    </row>
    <row r="667332" spans="8:8">
      <c r="H667332" s="12"/>
    </row>
    <row r="667333" spans="8:8">
      <c r="H667333" s="12"/>
    </row>
    <row r="667334" spans="8:8">
      <c r="H667334" s="12"/>
    </row>
    <row r="667335" spans="8:8">
      <c r="H667335" s="12"/>
    </row>
    <row r="667336" spans="8:8">
      <c r="H667336" s="12"/>
    </row>
    <row r="667337" spans="8:8">
      <c r="H667337" s="12"/>
    </row>
    <row r="667338" spans="8:8">
      <c r="H667338" s="12"/>
    </row>
    <row r="667339" spans="8:8">
      <c r="H667339" s="12"/>
    </row>
    <row r="667340" spans="8:8">
      <c r="H667340" s="12"/>
    </row>
    <row r="667341" spans="8:8">
      <c r="H667341" s="12"/>
    </row>
    <row r="667342" spans="8:8">
      <c r="H667342" s="12"/>
    </row>
    <row r="667343" spans="8:8">
      <c r="H667343" s="12"/>
    </row>
    <row r="667344" spans="8:8">
      <c r="H667344" s="12"/>
    </row>
    <row r="667345" spans="8:8">
      <c r="H667345" s="12"/>
    </row>
    <row r="667346" spans="8:8">
      <c r="H667346" s="12"/>
    </row>
    <row r="667347" spans="8:8">
      <c r="H667347" s="12"/>
    </row>
    <row r="667348" spans="8:8">
      <c r="H667348" s="12"/>
    </row>
    <row r="667349" spans="8:8">
      <c r="H667349" s="12"/>
    </row>
    <row r="667350" spans="8:8">
      <c r="H667350" s="12"/>
    </row>
    <row r="667351" spans="8:8">
      <c r="H667351" s="12"/>
    </row>
    <row r="667352" spans="8:8">
      <c r="H667352" s="12"/>
    </row>
    <row r="667353" spans="8:8">
      <c r="H667353" s="12"/>
    </row>
    <row r="667354" spans="8:8">
      <c r="H667354" s="12"/>
    </row>
    <row r="667355" spans="8:8">
      <c r="H667355" s="12"/>
    </row>
    <row r="667356" spans="8:8">
      <c r="H667356" s="12"/>
    </row>
    <row r="667357" spans="8:8">
      <c r="H667357" s="12"/>
    </row>
    <row r="667358" spans="8:8">
      <c r="H667358" s="12"/>
    </row>
    <row r="667359" spans="8:8">
      <c r="H667359" s="12"/>
    </row>
    <row r="667360" spans="8:8">
      <c r="H667360" s="12"/>
    </row>
    <row r="667361" spans="8:8">
      <c r="H667361" s="12"/>
    </row>
    <row r="667362" spans="8:8">
      <c r="H667362" s="12"/>
    </row>
    <row r="667363" spans="8:8">
      <c r="H667363" s="12"/>
    </row>
    <row r="667364" spans="8:8">
      <c r="H667364" s="12"/>
    </row>
    <row r="667365" spans="8:8">
      <c r="H667365" s="12"/>
    </row>
    <row r="667366" spans="8:8">
      <c r="H667366" s="12"/>
    </row>
    <row r="667367" spans="8:8">
      <c r="H667367" s="12"/>
    </row>
    <row r="667368" spans="8:8">
      <c r="H667368" s="12"/>
    </row>
    <row r="667369" spans="8:8">
      <c r="H667369" s="12"/>
    </row>
    <row r="667370" spans="8:8">
      <c r="H667370" s="12"/>
    </row>
    <row r="667371" spans="8:8">
      <c r="H667371" s="12"/>
    </row>
    <row r="667372" spans="8:8">
      <c r="H667372" s="12"/>
    </row>
    <row r="667373" spans="8:8">
      <c r="H667373" s="12"/>
    </row>
    <row r="667374" spans="8:8">
      <c r="H667374" s="12"/>
    </row>
    <row r="667375" spans="8:8">
      <c r="H667375" s="12"/>
    </row>
    <row r="667376" spans="8:8">
      <c r="H667376" s="12"/>
    </row>
    <row r="667377" spans="8:8">
      <c r="H667377" s="12"/>
    </row>
    <row r="667378" spans="8:8">
      <c r="H667378" s="12"/>
    </row>
    <row r="667379" spans="8:8">
      <c r="H667379" s="12"/>
    </row>
    <row r="667380" spans="8:8">
      <c r="H667380" s="12"/>
    </row>
    <row r="667381" spans="8:8">
      <c r="H667381" s="12"/>
    </row>
    <row r="667382" spans="8:8">
      <c r="H667382" s="12"/>
    </row>
    <row r="667383" spans="8:8">
      <c r="H667383" s="12"/>
    </row>
    <row r="667384" spans="8:8">
      <c r="H667384" s="12"/>
    </row>
    <row r="667385" spans="8:8">
      <c r="H667385" s="12"/>
    </row>
    <row r="667386" spans="8:8">
      <c r="H667386" s="12"/>
    </row>
    <row r="667387" spans="8:8">
      <c r="H667387" s="12"/>
    </row>
    <row r="667388" spans="8:8">
      <c r="H667388" s="12"/>
    </row>
    <row r="667389" spans="8:8">
      <c r="H667389" s="12"/>
    </row>
    <row r="667390" spans="8:8">
      <c r="H667390" s="12"/>
    </row>
    <row r="667391" spans="8:8">
      <c r="H667391" s="12"/>
    </row>
    <row r="667392" spans="8:8">
      <c r="H667392" s="12"/>
    </row>
    <row r="667393" spans="8:8">
      <c r="H667393" s="12"/>
    </row>
    <row r="667394" spans="8:8">
      <c r="H667394" s="12"/>
    </row>
    <row r="667395" spans="8:8">
      <c r="H667395" s="12"/>
    </row>
    <row r="667396" spans="8:8">
      <c r="H667396" s="12"/>
    </row>
    <row r="667397" spans="8:8">
      <c r="H667397" s="12"/>
    </row>
    <row r="667398" spans="8:8">
      <c r="H667398" s="12"/>
    </row>
    <row r="667399" spans="8:8">
      <c r="H667399" s="12"/>
    </row>
    <row r="667400" spans="8:8">
      <c r="H667400" s="12"/>
    </row>
    <row r="667401" spans="8:8">
      <c r="H667401" s="12"/>
    </row>
    <row r="667402" spans="8:8">
      <c r="H667402" s="12"/>
    </row>
    <row r="667403" spans="8:8">
      <c r="H667403" s="12"/>
    </row>
    <row r="667404" spans="8:8">
      <c r="H667404" s="12"/>
    </row>
    <row r="667405" spans="8:8">
      <c r="H667405" s="12"/>
    </row>
    <row r="667406" spans="8:8">
      <c r="H667406" s="12"/>
    </row>
    <row r="667407" spans="8:8">
      <c r="H667407" s="12"/>
    </row>
    <row r="667408" spans="8:8">
      <c r="H667408" s="12"/>
    </row>
    <row r="667409" spans="8:8">
      <c r="H667409" s="12"/>
    </row>
    <row r="667410" spans="8:8">
      <c r="H667410" s="12"/>
    </row>
    <row r="667411" spans="8:8">
      <c r="H667411" s="12"/>
    </row>
    <row r="667412" spans="8:8">
      <c r="H667412" s="12"/>
    </row>
    <row r="667413" spans="8:8">
      <c r="H667413" s="12"/>
    </row>
    <row r="667414" spans="8:8">
      <c r="H667414" s="12"/>
    </row>
    <row r="667415" spans="8:8">
      <c r="H667415" s="12"/>
    </row>
    <row r="667416" spans="8:8">
      <c r="H667416" s="12"/>
    </row>
    <row r="667417" spans="8:8">
      <c r="H667417" s="12"/>
    </row>
    <row r="667418" spans="8:8">
      <c r="H667418" s="12"/>
    </row>
    <row r="667419" spans="8:8">
      <c r="H667419" s="12"/>
    </row>
    <row r="667420" spans="8:8">
      <c r="H667420" s="12"/>
    </row>
    <row r="667421" spans="8:8">
      <c r="H667421" s="12"/>
    </row>
    <row r="667422" spans="8:8">
      <c r="H667422" s="12"/>
    </row>
    <row r="667423" spans="8:8">
      <c r="H667423" s="12"/>
    </row>
    <row r="667424" spans="8:8">
      <c r="H667424" s="12"/>
    </row>
    <row r="667425" spans="8:8">
      <c r="H667425" s="12"/>
    </row>
    <row r="667426" spans="8:8">
      <c r="H667426" s="12"/>
    </row>
    <row r="667427" spans="8:8">
      <c r="H667427" s="12"/>
    </row>
    <row r="667428" spans="8:8">
      <c r="H667428" s="12"/>
    </row>
    <row r="667429" spans="8:8">
      <c r="H667429" s="12"/>
    </row>
    <row r="667430" spans="8:8">
      <c r="H667430" s="12"/>
    </row>
    <row r="667431" spans="8:8">
      <c r="H667431" s="12"/>
    </row>
    <row r="667432" spans="8:8">
      <c r="H667432" s="12"/>
    </row>
    <row r="667433" spans="8:8">
      <c r="H667433" s="12"/>
    </row>
    <row r="667434" spans="8:8">
      <c r="H667434" s="12"/>
    </row>
    <row r="667435" spans="8:8">
      <c r="H667435" s="12"/>
    </row>
    <row r="667436" spans="8:8">
      <c r="H667436" s="12"/>
    </row>
    <row r="667437" spans="8:8">
      <c r="H667437" s="12"/>
    </row>
    <row r="667438" spans="8:8">
      <c r="H667438" s="12"/>
    </row>
    <row r="667439" spans="8:8">
      <c r="H667439" s="12"/>
    </row>
    <row r="667440" spans="8:8">
      <c r="H667440" s="12"/>
    </row>
    <row r="667441" spans="8:8">
      <c r="H667441" s="12"/>
    </row>
    <row r="667442" spans="8:8">
      <c r="H667442" s="12"/>
    </row>
    <row r="667443" spans="8:8">
      <c r="H667443" s="12"/>
    </row>
    <row r="667444" spans="8:8">
      <c r="H667444" s="12"/>
    </row>
    <row r="667445" spans="8:8">
      <c r="H667445" s="12"/>
    </row>
    <row r="667446" spans="8:8">
      <c r="H667446" s="12"/>
    </row>
    <row r="667447" spans="8:8">
      <c r="H667447" s="12"/>
    </row>
    <row r="667448" spans="8:8">
      <c r="H667448" s="12"/>
    </row>
    <row r="667449" spans="8:8">
      <c r="H667449" s="12"/>
    </row>
    <row r="667450" spans="8:8">
      <c r="H667450" s="12"/>
    </row>
    <row r="667451" spans="8:8">
      <c r="H667451" s="12"/>
    </row>
    <row r="667452" spans="8:8">
      <c r="H667452" s="12"/>
    </row>
    <row r="667453" spans="8:8">
      <c r="H667453" s="12"/>
    </row>
    <row r="667454" spans="8:8">
      <c r="H667454" s="12"/>
    </row>
    <row r="667455" spans="8:8">
      <c r="H667455" s="12"/>
    </row>
    <row r="667456" spans="8:8">
      <c r="H667456" s="12"/>
    </row>
    <row r="667457" spans="8:8">
      <c r="H667457" s="12"/>
    </row>
    <row r="667458" spans="8:8">
      <c r="H667458" s="12"/>
    </row>
    <row r="667459" spans="8:8">
      <c r="H667459" s="12"/>
    </row>
    <row r="667460" spans="8:8">
      <c r="H667460" s="12"/>
    </row>
    <row r="667461" spans="8:8">
      <c r="H667461" s="12"/>
    </row>
    <row r="667462" spans="8:8">
      <c r="H667462" s="12"/>
    </row>
    <row r="667463" spans="8:8">
      <c r="H667463" s="12"/>
    </row>
    <row r="667464" spans="8:8">
      <c r="H667464" s="12"/>
    </row>
    <row r="667465" spans="8:8">
      <c r="H667465" s="12"/>
    </row>
    <row r="667466" spans="8:8">
      <c r="H667466" s="12"/>
    </row>
    <row r="667467" spans="8:8">
      <c r="H667467" s="12"/>
    </row>
    <row r="667468" spans="8:8">
      <c r="H667468" s="12"/>
    </row>
    <row r="667469" spans="8:8">
      <c r="H667469" s="12"/>
    </row>
    <row r="667470" spans="8:8">
      <c r="H667470" s="12"/>
    </row>
    <row r="667471" spans="8:8">
      <c r="H667471" s="12"/>
    </row>
    <row r="667472" spans="8:8">
      <c r="H667472" s="12"/>
    </row>
    <row r="667473" spans="8:8">
      <c r="H667473" s="12"/>
    </row>
    <row r="667474" spans="8:8">
      <c r="H667474" s="12"/>
    </row>
    <row r="667475" spans="8:8">
      <c r="H667475" s="12"/>
    </row>
    <row r="667476" spans="8:8">
      <c r="H667476" s="12"/>
    </row>
    <row r="667477" spans="8:8">
      <c r="H667477" s="12"/>
    </row>
    <row r="667478" spans="8:8">
      <c r="H667478" s="12"/>
    </row>
    <row r="667479" spans="8:8">
      <c r="H667479" s="12"/>
    </row>
    <row r="667480" spans="8:8">
      <c r="H667480" s="12"/>
    </row>
    <row r="667481" spans="8:8">
      <c r="H667481" s="12"/>
    </row>
    <row r="667482" spans="8:8">
      <c r="H667482" s="12"/>
    </row>
    <row r="667483" spans="8:8">
      <c r="H667483" s="12"/>
    </row>
    <row r="667484" spans="8:8">
      <c r="H667484" s="12"/>
    </row>
    <row r="667485" spans="8:8">
      <c r="H667485" s="12"/>
    </row>
    <row r="667486" spans="8:8">
      <c r="H667486" s="12"/>
    </row>
    <row r="667487" spans="8:8">
      <c r="H667487" s="12"/>
    </row>
    <row r="667488" spans="8:8">
      <c r="H667488" s="12"/>
    </row>
    <row r="667489" spans="8:8">
      <c r="H667489" s="12"/>
    </row>
    <row r="667490" spans="8:8">
      <c r="H667490" s="12"/>
    </row>
    <row r="667491" spans="8:8">
      <c r="H667491" s="12"/>
    </row>
    <row r="667492" spans="8:8">
      <c r="H667492" s="12"/>
    </row>
    <row r="667493" spans="8:8">
      <c r="H667493" s="12"/>
    </row>
    <row r="667494" spans="8:8">
      <c r="H667494" s="12"/>
    </row>
    <row r="667495" spans="8:8">
      <c r="H667495" s="12"/>
    </row>
    <row r="667496" spans="8:8">
      <c r="H667496" s="12"/>
    </row>
    <row r="667497" spans="8:8">
      <c r="H667497" s="12"/>
    </row>
    <row r="667498" spans="8:8">
      <c r="H667498" s="12"/>
    </row>
    <row r="667499" spans="8:8">
      <c r="H667499" s="12"/>
    </row>
    <row r="667500" spans="8:8">
      <c r="H667500" s="12"/>
    </row>
    <row r="667501" spans="8:8">
      <c r="H667501" s="12"/>
    </row>
    <row r="667502" spans="8:8">
      <c r="H667502" s="12"/>
    </row>
    <row r="667503" spans="8:8">
      <c r="H667503" s="12"/>
    </row>
    <row r="667504" spans="8:8">
      <c r="H667504" s="12"/>
    </row>
    <row r="667505" spans="8:8">
      <c r="H667505" s="12"/>
    </row>
    <row r="667506" spans="8:8">
      <c r="H667506" s="12"/>
    </row>
    <row r="667507" spans="8:8">
      <c r="H667507" s="12"/>
    </row>
    <row r="667508" spans="8:8">
      <c r="H667508" s="12"/>
    </row>
    <row r="667509" spans="8:8">
      <c r="H667509" s="12"/>
    </row>
    <row r="667510" spans="8:8">
      <c r="H667510" s="12"/>
    </row>
    <row r="667511" spans="8:8">
      <c r="H667511" s="12"/>
    </row>
    <row r="667512" spans="8:8">
      <c r="H667512" s="12"/>
    </row>
    <row r="667513" spans="8:8">
      <c r="H667513" s="12"/>
    </row>
    <row r="667514" spans="8:8">
      <c r="H667514" s="12"/>
    </row>
    <row r="667515" spans="8:8">
      <c r="H667515" s="12"/>
    </row>
    <row r="667516" spans="8:8">
      <c r="H667516" s="12"/>
    </row>
    <row r="667517" spans="8:8">
      <c r="H667517" s="12"/>
    </row>
    <row r="667518" spans="8:8">
      <c r="H667518" s="12"/>
    </row>
    <row r="667519" spans="8:8">
      <c r="H667519" s="12"/>
    </row>
    <row r="667520" spans="8:8">
      <c r="H667520" s="12"/>
    </row>
    <row r="667521" spans="8:8">
      <c r="H667521" s="12"/>
    </row>
    <row r="667522" spans="8:8">
      <c r="H667522" s="12"/>
    </row>
    <row r="667523" spans="8:8">
      <c r="H667523" s="12"/>
    </row>
    <row r="667524" spans="8:8">
      <c r="H667524" s="12"/>
    </row>
    <row r="667525" spans="8:8">
      <c r="H667525" s="12"/>
    </row>
    <row r="667526" spans="8:8">
      <c r="H667526" s="12"/>
    </row>
    <row r="667527" spans="8:8">
      <c r="H667527" s="12"/>
    </row>
    <row r="667528" spans="8:8">
      <c r="H667528" s="12"/>
    </row>
    <row r="667529" spans="8:8">
      <c r="H667529" s="12"/>
    </row>
    <row r="667530" spans="8:8">
      <c r="H667530" s="12"/>
    </row>
    <row r="667531" spans="8:8">
      <c r="H667531" s="12"/>
    </row>
    <row r="667532" spans="8:8">
      <c r="H667532" s="12"/>
    </row>
    <row r="667533" spans="8:8">
      <c r="H667533" s="12"/>
    </row>
    <row r="667534" spans="8:8">
      <c r="H667534" s="12"/>
    </row>
    <row r="667535" spans="8:8">
      <c r="H667535" s="12"/>
    </row>
    <row r="667536" spans="8:8">
      <c r="H667536" s="12"/>
    </row>
    <row r="667537" spans="8:8">
      <c r="H667537" s="12"/>
    </row>
    <row r="667538" spans="8:8">
      <c r="H667538" s="12"/>
    </row>
    <row r="667539" spans="8:8">
      <c r="H667539" s="12"/>
    </row>
    <row r="667540" spans="8:8">
      <c r="H667540" s="12"/>
    </row>
    <row r="667541" spans="8:8">
      <c r="H667541" s="12"/>
    </row>
    <row r="667542" spans="8:8">
      <c r="H667542" s="12"/>
    </row>
    <row r="667543" spans="8:8">
      <c r="H667543" s="12"/>
    </row>
    <row r="667544" spans="8:8">
      <c r="H667544" s="12"/>
    </row>
    <row r="667545" spans="8:8">
      <c r="H667545" s="12"/>
    </row>
    <row r="667546" spans="8:8">
      <c r="H667546" s="12"/>
    </row>
    <row r="667547" spans="8:8">
      <c r="H667547" s="12"/>
    </row>
    <row r="667548" spans="8:8">
      <c r="H667548" s="12"/>
    </row>
    <row r="667549" spans="8:8">
      <c r="H667549" s="12"/>
    </row>
    <row r="667550" spans="8:8">
      <c r="H667550" s="12"/>
    </row>
    <row r="667551" spans="8:8">
      <c r="H667551" s="12"/>
    </row>
    <row r="667552" spans="8:8">
      <c r="H667552" s="12"/>
    </row>
    <row r="667553" spans="8:8">
      <c r="H667553" s="12"/>
    </row>
    <row r="667554" spans="8:8">
      <c r="H667554" s="12"/>
    </row>
    <row r="667555" spans="8:8">
      <c r="H667555" s="12"/>
    </row>
    <row r="667556" spans="8:8">
      <c r="H667556" s="12"/>
    </row>
    <row r="667557" spans="8:8">
      <c r="H667557" s="12"/>
    </row>
    <row r="667558" spans="8:8">
      <c r="H667558" s="12"/>
    </row>
    <row r="667559" spans="8:8">
      <c r="H667559" s="12"/>
    </row>
    <row r="667560" spans="8:8">
      <c r="H667560" s="12"/>
    </row>
    <row r="667561" spans="8:8">
      <c r="H667561" s="12"/>
    </row>
    <row r="667562" spans="8:8">
      <c r="H667562" s="12"/>
    </row>
    <row r="667563" spans="8:8">
      <c r="H667563" s="12"/>
    </row>
    <row r="667564" spans="8:8">
      <c r="H667564" s="12"/>
    </row>
    <row r="667565" spans="8:8">
      <c r="H667565" s="12"/>
    </row>
    <row r="667566" spans="8:8">
      <c r="H667566" s="12"/>
    </row>
    <row r="667567" spans="8:8">
      <c r="H667567" s="12"/>
    </row>
    <row r="667568" spans="8:8">
      <c r="H667568" s="12"/>
    </row>
    <row r="667569" spans="8:8">
      <c r="H667569" s="12"/>
    </row>
    <row r="667570" spans="8:8">
      <c r="H667570" s="12"/>
    </row>
    <row r="667571" spans="8:8">
      <c r="H667571" s="12"/>
    </row>
    <row r="667572" spans="8:8">
      <c r="H667572" s="12"/>
    </row>
    <row r="667573" spans="8:8">
      <c r="H667573" s="12"/>
    </row>
    <row r="667574" spans="8:8">
      <c r="H667574" s="12"/>
    </row>
    <row r="667575" spans="8:8">
      <c r="H667575" s="12"/>
    </row>
    <row r="667576" spans="8:8">
      <c r="H667576" s="12"/>
    </row>
    <row r="667577" spans="8:8">
      <c r="H667577" s="12"/>
    </row>
    <row r="667578" spans="8:8">
      <c r="H667578" s="12"/>
    </row>
    <row r="667579" spans="8:8">
      <c r="H667579" s="12"/>
    </row>
    <row r="667580" spans="8:8">
      <c r="H667580" s="12"/>
    </row>
    <row r="667581" spans="8:8">
      <c r="H667581" s="12"/>
    </row>
    <row r="667582" spans="8:8">
      <c r="H667582" s="12"/>
    </row>
    <row r="667583" spans="8:8">
      <c r="H667583" s="12"/>
    </row>
    <row r="667584" spans="8:8">
      <c r="H667584" s="12"/>
    </row>
    <row r="667585" spans="8:8">
      <c r="H667585" s="12"/>
    </row>
    <row r="667586" spans="8:8">
      <c r="H667586" s="12"/>
    </row>
    <row r="667587" spans="8:8">
      <c r="H667587" s="12"/>
    </row>
    <row r="667588" spans="8:8">
      <c r="H667588" s="12"/>
    </row>
    <row r="667589" spans="8:8">
      <c r="H667589" s="12"/>
    </row>
    <row r="667590" spans="8:8">
      <c r="H667590" s="12"/>
    </row>
    <row r="667591" spans="8:8">
      <c r="H667591" s="12"/>
    </row>
    <row r="667592" spans="8:8">
      <c r="H667592" s="12"/>
    </row>
    <row r="667593" spans="8:8">
      <c r="H667593" s="12"/>
    </row>
    <row r="667594" spans="8:8">
      <c r="H667594" s="12"/>
    </row>
    <row r="667595" spans="8:8">
      <c r="H667595" s="12"/>
    </row>
    <row r="667596" spans="8:8">
      <c r="H667596" s="12"/>
    </row>
    <row r="667597" spans="8:8">
      <c r="H667597" s="12"/>
    </row>
    <row r="667598" spans="8:8">
      <c r="H667598" s="12"/>
    </row>
    <row r="667599" spans="8:8">
      <c r="H667599" s="12"/>
    </row>
    <row r="667600" spans="8:8">
      <c r="H667600" s="12"/>
    </row>
    <row r="667601" spans="8:8">
      <c r="H667601" s="12"/>
    </row>
    <row r="667602" spans="8:8">
      <c r="H667602" s="12"/>
    </row>
    <row r="667603" spans="8:8">
      <c r="H667603" s="12"/>
    </row>
    <row r="667604" spans="8:8">
      <c r="H667604" s="12"/>
    </row>
    <row r="667605" spans="8:8">
      <c r="H667605" s="12"/>
    </row>
    <row r="667606" spans="8:8">
      <c r="H667606" s="12"/>
    </row>
    <row r="667607" spans="8:8">
      <c r="H667607" s="12"/>
    </row>
    <row r="667608" spans="8:8">
      <c r="H667608" s="12"/>
    </row>
    <row r="667609" spans="8:8">
      <c r="H667609" s="12"/>
    </row>
    <row r="667610" spans="8:8">
      <c r="H667610" s="12"/>
    </row>
    <row r="667611" spans="8:8">
      <c r="H667611" s="12"/>
    </row>
    <row r="667612" spans="8:8">
      <c r="H667612" s="12"/>
    </row>
    <row r="667613" spans="8:8">
      <c r="H667613" s="12"/>
    </row>
    <row r="667614" spans="8:8">
      <c r="H667614" s="12"/>
    </row>
    <row r="667615" spans="8:8">
      <c r="H667615" s="12"/>
    </row>
    <row r="667616" spans="8:8">
      <c r="H667616" s="12"/>
    </row>
    <row r="667617" spans="8:8">
      <c r="H667617" s="12"/>
    </row>
    <row r="667618" spans="8:8">
      <c r="H667618" s="12"/>
    </row>
    <row r="667619" spans="8:8">
      <c r="H667619" s="12"/>
    </row>
    <row r="667620" spans="8:8">
      <c r="H667620" s="12"/>
    </row>
    <row r="667621" spans="8:8">
      <c r="H667621" s="12"/>
    </row>
    <row r="667622" spans="8:8">
      <c r="H667622" s="12"/>
    </row>
    <row r="667623" spans="8:8">
      <c r="H667623" s="12"/>
    </row>
    <row r="667624" spans="8:8">
      <c r="H667624" s="12"/>
    </row>
    <row r="667625" spans="8:8">
      <c r="H667625" s="12"/>
    </row>
    <row r="667626" spans="8:8">
      <c r="H667626" s="12"/>
    </row>
    <row r="667627" spans="8:8">
      <c r="H667627" s="12"/>
    </row>
    <row r="667628" spans="8:8">
      <c r="H667628" s="12"/>
    </row>
    <row r="667629" spans="8:8">
      <c r="H667629" s="12"/>
    </row>
    <row r="667630" spans="8:8">
      <c r="H667630" s="12"/>
    </row>
    <row r="667631" spans="8:8">
      <c r="H667631" s="12"/>
    </row>
    <row r="667632" spans="8:8">
      <c r="H667632" s="12"/>
    </row>
    <row r="667633" spans="8:8">
      <c r="H667633" s="12"/>
    </row>
    <row r="667634" spans="8:8">
      <c r="H667634" s="12"/>
    </row>
    <row r="667635" spans="8:8">
      <c r="H667635" s="12"/>
    </row>
    <row r="667636" spans="8:8">
      <c r="H667636" s="12"/>
    </row>
    <row r="667637" spans="8:8">
      <c r="H667637" s="12"/>
    </row>
    <row r="667638" spans="8:8">
      <c r="H667638" s="12"/>
    </row>
    <row r="667639" spans="8:8">
      <c r="H667639" s="12"/>
    </row>
    <row r="667640" spans="8:8">
      <c r="H667640" s="12"/>
    </row>
    <row r="667641" spans="8:8">
      <c r="H667641" s="12"/>
    </row>
    <row r="667642" spans="8:8">
      <c r="H667642" s="12"/>
    </row>
    <row r="667643" spans="8:8">
      <c r="H667643" s="12"/>
    </row>
    <row r="667644" spans="8:8">
      <c r="H667644" s="12"/>
    </row>
    <row r="667645" spans="8:8">
      <c r="H667645" s="12"/>
    </row>
    <row r="667646" spans="8:8">
      <c r="H667646" s="12"/>
    </row>
    <row r="667647" spans="8:8">
      <c r="H667647" s="12"/>
    </row>
    <row r="667648" spans="8:8">
      <c r="H667648" s="12"/>
    </row>
    <row r="667649" spans="8:8">
      <c r="H667649" s="12"/>
    </row>
    <row r="667650" spans="8:8">
      <c r="H667650" s="12"/>
    </row>
    <row r="667651" spans="8:8">
      <c r="H667651" s="12"/>
    </row>
    <row r="667652" spans="8:8">
      <c r="H667652" s="12"/>
    </row>
    <row r="667653" spans="8:8">
      <c r="H667653" s="12"/>
    </row>
    <row r="667654" spans="8:8">
      <c r="H667654" s="12"/>
    </row>
    <row r="667655" spans="8:8">
      <c r="H667655" s="12"/>
    </row>
    <row r="667656" spans="8:8">
      <c r="H667656" s="12"/>
    </row>
    <row r="667657" spans="8:8">
      <c r="H667657" s="12"/>
    </row>
    <row r="667658" spans="8:8">
      <c r="H667658" s="12"/>
    </row>
    <row r="667659" spans="8:8">
      <c r="H667659" s="12"/>
    </row>
    <row r="667660" spans="8:8">
      <c r="H667660" s="12"/>
    </row>
    <row r="667661" spans="8:8">
      <c r="H667661" s="12"/>
    </row>
    <row r="667662" spans="8:8">
      <c r="H667662" s="12"/>
    </row>
    <row r="667663" spans="8:8">
      <c r="H667663" s="12"/>
    </row>
    <row r="667664" spans="8:8">
      <c r="H667664" s="12"/>
    </row>
    <row r="667665" spans="8:8">
      <c r="H667665" s="12"/>
    </row>
    <row r="667666" spans="8:8">
      <c r="H667666" s="12"/>
    </row>
    <row r="667667" spans="8:8">
      <c r="H667667" s="12"/>
    </row>
    <row r="667668" spans="8:8">
      <c r="H667668" s="12"/>
    </row>
    <row r="667669" spans="8:8">
      <c r="H667669" s="12"/>
    </row>
    <row r="667670" spans="8:8">
      <c r="H667670" s="12"/>
    </row>
    <row r="667671" spans="8:8">
      <c r="H667671" s="12"/>
    </row>
    <row r="667672" spans="8:8">
      <c r="H667672" s="12"/>
    </row>
    <row r="667673" spans="8:8">
      <c r="H667673" s="12"/>
    </row>
    <row r="667674" spans="8:8">
      <c r="H667674" s="12"/>
    </row>
    <row r="667675" spans="8:8">
      <c r="H667675" s="12"/>
    </row>
    <row r="667676" spans="8:8">
      <c r="H667676" s="12"/>
    </row>
    <row r="667677" spans="8:8">
      <c r="H667677" s="12"/>
    </row>
    <row r="667678" spans="8:8">
      <c r="H667678" s="12"/>
    </row>
    <row r="667679" spans="8:8">
      <c r="H667679" s="12"/>
    </row>
    <row r="667680" spans="8:8">
      <c r="H667680" s="12"/>
    </row>
    <row r="667681" spans="8:8">
      <c r="H667681" s="12"/>
    </row>
    <row r="667682" spans="8:8">
      <c r="H667682" s="12"/>
    </row>
    <row r="667683" spans="8:8">
      <c r="H667683" s="12"/>
    </row>
    <row r="667684" spans="8:8">
      <c r="H667684" s="12"/>
    </row>
    <row r="667685" spans="8:8">
      <c r="H667685" s="12"/>
    </row>
    <row r="667686" spans="8:8">
      <c r="H667686" s="12"/>
    </row>
    <row r="667687" spans="8:8">
      <c r="H667687" s="12"/>
    </row>
    <row r="667688" spans="8:8">
      <c r="H667688" s="12"/>
    </row>
    <row r="667689" spans="8:8">
      <c r="H667689" s="12"/>
    </row>
    <row r="667690" spans="8:8">
      <c r="H667690" s="12"/>
    </row>
    <row r="667691" spans="8:8">
      <c r="H667691" s="12"/>
    </row>
    <row r="667692" spans="8:8">
      <c r="H667692" s="12"/>
    </row>
    <row r="667693" spans="8:8">
      <c r="H667693" s="12"/>
    </row>
    <row r="667694" spans="8:8">
      <c r="H667694" s="12"/>
    </row>
    <row r="667695" spans="8:8">
      <c r="H667695" s="12"/>
    </row>
    <row r="667696" spans="8:8">
      <c r="H667696" s="12"/>
    </row>
    <row r="667697" spans="8:8">
      <c r="H667697" s="12"/>
    </row>
    <row r="667698" spans="8:8">
      <c r="H667698" s="12"/>
    </row>
    <row r="667699" spans="8:8">
      <c r="H667699" s="12"/>
    </row>
    <row r="667700" spans="8:8">
      <c r="H667700" s="12"/>
    </row>
    <row r="667701" spans="8:8">
      <c r="H667701" s="12"/>
    </row>
    <row r="667702" spans="8:8">
      <c r="H667702" s="12"/>
    </row>
    <row r="667703" spans="8:8">
      <c r="H667703" s="12"/>
    </row>
    <row r="667704" spans="8:8">
      <c r="H667704" s="12"/>
    </row>
    <row r="667705" spans="8:8">
      <c r="H667705" s="12"/>
    </row>
    <row r="667706" spans="8:8">
      <c r="H667706" s="12"/>
    </row>
    <row r="667707" spans="8:8">
      <c r="H667707" s="12"/>
    </row>
    <row r="667708" spans="8:8">
      <c r="H667708" s="12"/>
    </row>
    <row r="667709" spans="8:8">
      <c r="H667709" s="12"/>
    </row>
    <row r="667710" spans="8:8">
      <c r="H667710" s="12"/>
    </row>
    <row r="667711" spans="8:8">
      <c r="H667711" s="12"/>
    </row>
    <row r="667712" spans="8:8">
      <c r="H667712" s="12"/>
    </row>
    <row r="667713" spans="8:8">
      <c r="H667713" s="12"/>
    </row>
    <row r="667714" spans="8:8">
      <c r="H667714" s="12"/>
    </row>
    <row r="667715" spans="8:8">
      <c r="H667715" s="12"/>
    </row>
    <row r="667716" spans="8:8">
      <c r="H667716" s="12"/>
    </row>
    <row r="667717" spans="8:8">
      <c r="H667717" s="12"/>
    </row>
    <row r="667718" spans="8:8">
      <c r="H667718" s="12"/>
    </row>
    <row r="667719" spans="8:8">
      <c r="H667719" s="12"/>
    </row>
    <row r="667720" spans="8:8">
      <c r="H667720" s="12"/>
    </row>
    <row r="667721" spans="8:8">
      <c r="H667721" s="12"/>
    </row>
    <row r="667722" spans="8:8">
      <c r="H667722" s="12"/>
    </row>
    <row r="667723" spans="8:8">
      <c r="H667723" s="12"/>
    </row>
    <row r="667724" spans="8:8">
      <c r="H667724" s="12"/>
    </row>
    <row r="667725" spans="8:8">
      <c r="H667725" s="12"/>
    </row>
    <row r="667726" spans="8:8">
      <c r="H667726" s="12"/>
    </row>
    <row r="667727" spans="8:8">
      <c r="H667727" s="12"/>
    </row>
    <row r="667728" spans="8:8">
      <c r="H667728" s="12"/>
    </row>
    <row r="667729" spans="8:8">
      <c r="H667729" s="12"/>
    </row>
    <row r="667730" spans="8:8">
      <c r="H667730" s="12"/>
    </row>
    <row r="667731" spans="8:8">
      <c r="H667731" s="12"/>
    </row>
    <row r="667732" spans="8:8">
      <c r="H667732" s="12"/>
    </row>
    <row r="667733" spans="8:8">
      <c r="H667733" s="12"/>
    </row>
    <row r="667734" spans="8:8">
      <c r="H667734" s="12"/>
    </row>
    <row r="667735" spans="8:8">
      <c r="H667735" s="12"/>
    </row>
    <row r="667736" spans="8:8">
      <c r="H667736" s="12"/>
    </row>
    <row r="667737" spans="8:8">
      <c r="H667737" s="12"/>
    </row>
    <row r="667738" spans="8:8">
      <c r="H667738" s="12"/>
    </row>
    <row r="667739" spans="8:8">
      <c r="H667739" s="12"/>
    </row>
    <row r="667740" spans="8:8">
      <c r="H667740" s="12"/>
    </row>
    <row r="667741" spans="8:8">
      <c r="H667741" s="12"/>
    </row>
    <row r="667742" spans="8:8">
      <c r="H667742" s="12"/>
    </row>
    <row r="667743" spans="8:8">
      <c r="H667743" s="12"/>
    </row>
    <row r="667744" spans="8:8">
      <c r="H667744" s="12"/>
    </row>
    <row r="667745" spans="8:8">
      <c r="H667745" s="12"/>
    </row>
    <row r="667746" spans="8:8">
      <c r="H667746" s="12"/>
    </row>
    <row r="667747" spans="8:8">
      <c r="H667747" s="12"/>
    </row>
    <row r="667748" spans="8:8">
      <c r="H667748" s="12"/>
    </row>
    <row r="667749" spans="8:8">
      <c r="H667749" s="12"/>
    </row>
    <row r="667750" spans="8:8">
      <c r="H667750" s="12"/>
    </row>
    <row r="667751" spans="8:8">
      <c r="H667751" s="12"/>
    </row>
    <row r="667752" spans="8:8">
      <c r="H667752" s="12"/>
    </row>
    <row r="667753" spans="8:8">
      <c r="H667753" s="12"/>
    </row>
    <row r="667754" spans="8:8">
      <c r="H667754" s="12"/>
    </row>
    <row r="667755" spans="8:8">
      <c r="H667755" s="12"/>
    </row>
    <row r="667756" spans="8:8">
      <c r="H667756" s="12"/>
    </row>
    <row r="667757" spans="8:8">
      <c r="H667757" s="12"/>
    </row>
    <row r="667758" spans="8:8">
      <c r="H667758" s="12"/>
    </row>
    <row r="667759" spans="8:8">
      <c r="H667759" s="12"/>
    </row>
    <row r="667760" spans="8:8">
      <c r="H667760" s="12"/>
    </row>
    <row r="667761" spans="8:8">
      <c r="H667761" s="12"/>
    </row>
    <row r="667762" spans="8:8">
      <c r="H667762" s="12"/>
    </row>
    <row r="667763" spans="8:8">
      <c r="H667763" s="12"/>
    </row>
    <row r="667764" spans="8:8">
      <c r="H667764" s="12"/>
    </row>
    <row r="667765" spans="8:8">
      <c r="H667765" s="12"/>
    </row>
    <row r="667766" spans="8:8">
      <c r="H667766" s="12"/>
    </row>
    <row r="667767" spans="8:8">
      <c r="H667767" s="12"/>
    </row>
    <row r="667768" spans="8:8">
      <c r="H667768" s="12"/>
    </row>
    <row r="667769" spans="8:8">
      <c r="H667769" s="12"/>
    </row>
    <row r="667770" spans="8:8">
      <c r="H667770" s="12"/>
    </row>
    <row r="667771" spans="8:8">
      <c r="H667771" s="12"/>
    </row>
    <row r="667772" spans="8:8">
      <c r="H667772" s="12"/>
    </row>
    <row r="667773" spans="8:8">
      <c r="H667773" s="12"/>
    </row>
    <row r="667774" spans="8:8">
      <c r="H667774" s="12"/>
    </row>
    <row r="667775" spans="8:8">
      <c r="H667775" s="12"/>
    </row>
    <row r="667776" spans="8:8">
      <c r="H667776" s="12"/>
    </row>
    <row r="667777" spans="8:8">
      <c r="H667777" s="12"/>
    </row>
    <row r="667778" spans="8:8">
      <c r="H667778" s="12"/>
    </row>
    <row r="667779" spans="8:8">
      <c r="H667779" s="12"/>
    </row>
    <row r="667780" spans="8:8">
      <c r="H667780" s="12"/>
    </row>
    <row r="667781" spans="8:8">
      <c r="H667781" s="12"/>
    </row>
    <row r="667782" spans="8:8">
      <c r="H667782" s="12"/>
    </row>
    <row r="667783" spans="8:8">
      <c r="H667783" s="12"/>
    </row>
    <row r="667784" spans="8:8">
      <c r="H667784" s="12"/>
    </row>
    <row r="667785" spans="8:8">
      <c r="H667785" s="12"/>
    </row>
    <row r="667786" spans="8:8">
      <c r="H667786" s="12"/>
    </row>
    <row r="667787" spans="8:8">
      <c r="H667787" s="12"/>
    </row>
    <row r="667788" spans="8:8">
      <c r="H667788" s="12"/>
    </row>
    <row r="667789" spans="8:8">
      <c r="H667789" s="12"/>
    </row>
    <row r="667790" spans="8:8">
      <c r="H667790" s="12"/>
    </row>
    <row r="667791" spans="8:8">
      <c r="H667791" s="12"/>
    </row>
    <row r="667792" spans="8:8">
      <c r="H667792" s="12"/>
    </row>
    <row r="667793" spans="8:8">
      <c r="H667793" s="12"/>
    </row>
    <row r="667794" spans="8:8">
      <c r="H667794" s="12"/>
    </row>
    <row r="667795" spans="8:8">
      <c r="H667795" s="12"/>
    </row>
    <row r="667796" spans="8:8">
      <c r="H667796" s="12"/>
    </row>
    <row r="667797" spans="8:8">
      <c r="H667797" s="12"/>
    </row>
    <row r="667798" spans="8:8">
      <c r="H667798" s="12"/>
    </row>
    <row r="667799" spans="8:8">
      <c r="H667799" s="12"/>
    </row>
    <row r="667800" spans="8:8">
      <c r="H667800" s="12"/>
    </row>
    <row r="667801" spans="8:8">
      <c r="H667801" s="12"/>
    </row>
    <row r="667802" spans="8:8">
      <c r="H667802" s="12"/>
    </row>
    <row r="667803" spans="8:8">
      <c r="H667803" s="12"/>
    </row>
    <row r="667804" spans="8:8">
      <c r="H667804" s="12"/>
    </row>
    <row r="667805" spans="8:8">
      <c r="H667805" s="12"/>
    </row>
    <row r="667806" spans="8:8">
      <c r="H667806" s="12"/>
    </row>
    <row r="667807" spans="8:8">
      <c r="H667807" s="12"/>
    </row>
    <row r="667808" spans="8:8">
      <c r="H667808" s="12"/>
    </row>
    <row r="667809" spans="8:8">
      <c r="H667809" s="12"/>
    </row>
    <row r="667810" spans="8:8">
      <c r="H667810" s="12"/>
    </row>
    <row r="667811" spans="8:8">
      <c r="H667811" s="12"/>
    </row>
    <row r="667812" spans="8:8">
      <c r="H667812" s="12"/>
    </row>
    <row r="667813" spans="8:8">
      <c r="H667813" s="12"/>
    </row>
    <row r="667814" spans="8:8">
      <c r="H667814" s="12"/>
    </row>
    <row r="667815" spans="8:8">
      <c r="H667815" s="12"/>
    </row>
    <row r="667816" spans="8:8">
      <c r="H667816" s="12"/>
    </row>
    <row r="667817" spans="8:8">
      <c r="H667817" s="12"/>
    </row>
    <row r="667818" spans="8:8">
      <c r="H667818" s="12"/>
    </row>
    <row r="667819" spans="8:8">
      <c r="H667819" s="12"/>
    </row>
    <row r="667820" spans="8:8">
      <c r="H667820" s="12"/>
    </row>
    <row r="667821" spans="8:8">
      <c r="H667821" s="12"/>
    </row>
    <row r="667822" spans="8:8">
      <c r="H667822" s="12"/>
    </row>
    <row r="667823" spans="8:8">
      <c r="H667823" s="12"/>
    </row>
    <row r="667824" spans="8:8">
      <c r="H667824" s="12"/>
    </row>
    <row r="667825" spans="8:8">
      <c r="H667825" s="12"/>
    </row>
    <row r="667826" spans="8:8">
      <c r="H667826" s="12"/>
    </row>
    <row r="667827" spans="8:8">
      <c r="H667827" s="12"/>
    </row>
    <row r="667828" spans="8:8">
      <c r="H667828" s="12"/>
    </row>
    <row r="667829" spans="8:8">
      <c r="H667829" s="12"/>
    </row>
    <row r="667830" spans="8:8">
      <c r="H667830" s="12"/>
    </row>
    <row r="667831" spans="8:8">
      <c r="H667831" s="12"/>
    </row>
    <row r="667832" spans="8:8">
      <c r="H667832" s="12"/>
    </row>
    <row r="667833" spans="8:8">
      <c r="H667833" s="12"/>
    </row>
    <row r="667834" spans="8:8">
      <c r="H667834" s="12"/>
    </row>
    <row r="667835" spans="8:8">
      <c r="H667835" s="12"/>
    </row>
    <row r="667836" spans="8:8">
      <c r="H667836" s="12"/>
    </row>
    <row r="667837" spans="8:8">
      <c r="H667837" s="12"/>
    </row>
    <row r="667838" spans="8:8">
      <c r="H667838" s="12"/>
    </row>
    <row r="667839" spans="8:8">
      <c r="H667839" s="12"/>
    </row>
    <row r="667840" spans="8:8">
      <c r="H667840" s="12"/>
    </row>
    <row r="667841" spans="8:8">
      <c r="H667841" s="12"/>
    </row>
    <row r="667842" spans="8:8">
      <c r="H667842" s="12"/>
    </row>
    <row r="667843" spans="8:8">
      <c r="H667843" s="12"/>
    </row>
    <row r="667844" spans="8:8">
      <c r="H667844" s="12"/>
    </row>
    <row r="667845" spans="8:8">
      <c r="H667845" s="12"/>
    </row>
    <row r="667846" spans="8:8">
      <c r="H667846" s="12"/>
    </row>
    <row r="667847" spans="8:8">
      <c r="H667847" s="12"/>
    </row>
    <row r="667848" spans="8:8">
      <c r="H667848" s="12"/>
    </row>
    <row r="667849" spans="8:8">
      <c r="H667849" s="12"/>
    </row>
    <row r="667850" spans="8:8">
      <c r="H667850" s="12"/>
    </row>
    <row r="667851" spans="8:8">
      <c r="H667851" s="12"/>
    </row>
    <row r="667852" spans="8:8">
      <c r="H667852" s="12"/>
    </row>
    <row r="667853" spans="8:8">
      <c r="H667853" s="12"/>
    </row>
    <row r="667854" spans="8:8">
      <c r="H667854" s="12"/>
    </row>
    <row r="667855" spans="8:8">
      <c r="H667855" s="12"/>
    </row>
    <row r="667856" spans="8:8">
      <c r="H667856" s="12"/>
    </row>
    <row r="667857" spans="8:8">
      <c r="H667857" s="12"/>
    </row>
    <row r="667858" spans="8:8">
      <c r="H667858" s="12"/>
    </row>
    <row r="667859" spans="8:8">
      <c r="H667859" s="12"/>
    </row>
    <row r="667860" spans="8:8">
      <c r="H667860" s="12"/>
    </row>
    <row r="667861" spans="8:8">
      <c r="H667861" s="12"/>
    </row>
    <row r="667862" spans="8:8">
      <c r="H667862" s="12"/>
    </row>
    <row r="667863" spans="8:8">
      <c r="H667863" s="12"/>
    </row>
    <row r="667864" spans="8:8">
      <c r="H667864" s="12"/>
    </row>
    <row r="667865" spans="8:8">
      <c r="H667865" s="12"/>
    </row>
    <row r="667866" spans="8:8">
      <c r="H667866" s="12"/>
    </row>
    <row r="667867" spans="8:8">
      <c r="H667867" s="12"/>
    </row>
    <row r="667868" spans="8:8">
      <c r="H667868" s="12"/>
    </row>
    <row r="667869" spans="8:8">
      <c r="H667869" s="12"/>
    </row>
    <row r="667870" spans="8:8">
      <c r="H667870" s="12"/>
    </row>
    <row r="667871" spans="8:8">
      <c r="H667871" s="12"/>
    </row>
    <row r="667872" spans="8:8">
      <c r="H667872" s="12"/>
    </row>
    <row r="667873" spans="8:8">
      <c r="H667873" s="12"/>
    </row>
    <row r="667874" spans="8:8">
      <c r="H667874" s="12"/>
    </row>
    <row r="667875" spans="8:8">
      <c r="H667875" s="12"/>
    </row>
    <row r="667876" spans="8:8">
      <c r="H667876" s="12"/>
    </row>
    <row r="667877" spans="8:8">
      <c r="H667877" s="12"/>
    </row>
    <row r="667878" spans="8:8">
      <c r="H667878" s="12"/>
    </row>
    <row r="667879" spans="8:8">
      <c r="H667879" s="12"/>
    </row>
    <row r="667880" spans="8:8">
      <c r="H667880" s="12"/>
    </row>
    <row r="667881" spans="8:8">
      <c r="H667881" s="12"/>
    </row>
    <row r="667882" spans="8:8">
      <c r="H667882" s="12"/>
    </row>
    <row r="667883" spans="8:8">
      <c r="H667883" s="12"/>
    </row>
    <row r="667884" spans="8:8">
      <c r="H667884" s="12"/>
    </row>
    <row r="667885" spans="8:8">
      <c r="H667885" s="12"/>
    </row>
    <row r="667886" spans="8:8">
      <c r="H667886" s="12"/>
    </row>
    <row r="667887" spans="8:8">
      <c r="H667887" s="12"/>
    </row>
    <row r="667888" spans="8:8">
      <c r="H667888" s="12"/>
    </row>
    <row r="667889" spans="8:8">
      <c r="H667889" s="12"/>
    </row>
    <row r="667890" spans="8:8">
      <c r="H667890" s="12"/>
    </row>
    <row r="667891" spans="8:8">
      <c r="H667891" s="12"/>
    </row>
    <row r="667892" spans="8:8">
      <c r="H667892" s="12"/>
    </row>
    <row r="667893" spans="8:8">
      <c r="H667893" s="12"/>
    </row>
    <row r="667894" spans="8:8">
      <c r="H667894" s="12"/>
    </row>
    <row r="667895" spans="8:8">
      <c r="H667895" s="12"/>
    </row>
    <row r="667896" spans="8:8">
      <c r="H667896" s="12"/>
    </row>
    <row r="667897" spans="8:8">
      <c r="H667897" s="12"/>
    </row>
    <row r="667898" spans="8:8">
      <c r="H667898" s="12"/>
    </row>
    <row r="667899" spans="8:8">
      <c r="H667899" s="12"/>
    </row>
    <row r="667900" spans="8:8">
      <c r="H667900" s="12"/>
    </row>
    <row r="667901" spans="8:8">
      <c r="H667901" s="12"/>
    </row>
    <row r="667902" spans="8:8">
      <c r="H667902" s="12"/>
    </row>
    <row r="667903" spans="8:8">
      <c r="H667903" s="12"/>
    </row>
    <row r="667904" spans="8:8">
      <c r="H667904" s="12"/>
    </row>
    <row r="667905" spans="8:8">
      <c r="H667905" s="12"/>
    </row>
    <row r="667906" spans="8:8">
      <c r="H667906" s="12"/>
    </row>
    <row r="667907" spans="8:8">
      <c r="H667907" s="12"/>
    </row>
    <row r="667908" spans="8:8">
      <c r="H667908" s="12"/>
    </row>
    <row r="667909" spans="8:8">
      <c r="H667909" s="12"/>
    </row>
    <row r="667910" spans="8:8">
      <c r="H667910" s="12"/>
    </row>
    <row r="667911" spans="8:8">
      <c r="H667911" s="12"/>
    </row>
    <row r="667912" spans="8:8">
      <c r="H667912" s="12"/>
    </row>
    <row r="667913" spans="8:8">
      <c r="H667913" s="12"/>
    </row>
    <row r="667914" spans="8:8">
      <c r="H667914" s="12"/>
    </row>
    <row r="667915" spans="8:8">
      <c r="H667915" s="12"/>
    </row>
    <row r="667916" spans="8:8">
      <c r="H667916" s="12"/>
    </row>
    <row r="667917" spans="8:8">
      <c r="H667917" s="12"/>
    </row>
    <row r="667918" spans="8:8">
      <c r="H667918" s="12"/>
    </row>
    <row r="667919" spans="8:8">
      <c r="H667919" s="12"/>
    </row>
    <row r="667920" spans="8:8">
      <c r="H667920" s="12"/>
    </row>
    <row r="667921" spans="8:8">
      <c r="H667921" s="12"/>
    </row>
    <row r="667922" spans="8:8">
      <c r="H667922" s="12"/>
    </row>
    <row r="667923" spans="8:8">
      <c r="H667923" s="12"/>
    </row>
    <row r="667924" spans="8:8">
      <c r="H667924" s="12"/>
    </row>
    <row r="667925" spans="8:8">
      <c r="H667925" s="12"/>
    </row>
    <row r="667926" spans="8:8">
      <c r="H667926" s="12"/>
    </row>
    <row r="667927" spans="8:8">
      <c r="H667927" s="12"/>
    </row>
    <row r="667928" spans="8:8">
      <c r="H667928" s="12"/>
    </row>
    <row r="667929" spans="8:8">
      <c r="H667929" s="12"/>
    </row>
    <row r="667930" spans="8:8">
      <c r="H667930" s="12"/>
    </row>
    <row r="667931" spans="8:8">
      <c r="H667931" s="12"/>
    </row>
    <row r="667932" spans="8:8">
      <c r="H667932" s="12"/>
    </row>
    <row r="667933" spans="8:8">
      <c r="H667933" s="12"/>
    </row>
    <row r="667934" spans="8:8">
      <c r="H667934" s="12"/>
    </row>
    <row r="667935" spans="8:8">
      <c r="H667935" s="12"/>
    </row>
    <row r="667936" spans="8:8">
      <c r="H667936" s="12"/>
    </row>
    <row r="667937" spans="8:8">
      <c r="H667937" s="12"/>
    </row>
    <row r="667938" spans="8:8">
      <c r="H667938" s="12"/>
    </row>
    <row r="667939" spans="8:8">
      <c r="H667939" s="12"/>
    </row>
    <row r="667940" spans="8:8">
      <c r="H667940" s="12"/>
    </row>
    <row r="667941" spans="8:8">
      <c r="H667941" s="12"/>
    </row>
    <row r="667942" spans="8:8">
      <c r="H667942" s="12"/>
    </row>
    <row r="667943" spans="8:8">
      <c r="H667943" s="12"/>
    </row>
    <row r="667944" spans="8:8">
      <c r="H667944" s="12"/>
    </row>
    <row r="667945" spans="8:8">
      <c r="H667945" s="12"/>
    </row>
    <row r="667946" spans="8:8">
      <c r="H667946" s="12"/>
    </row>
    <row r="667947" spans="8:8">
      <c r="H667947" s="12"/>
    </row>
    <row r="667948" spans="8:8">
      <c r="H667948" s="12"/>
    </row>
    <row r="667949" spans="8:8">
      <c r="H667949" s="12"/>
    </row>
    <row r="667950" spans="8:8">
      <c r="H667950" s="12"/>
    </row>
    <row r="667951" spans="8:8">
      <c r="H667951" s="12"/>
    </row>
    <row r="667952" spans="8:8">
      <c r="H667952" s="12"/>
    </row>
    <row r="667953" spans="8:8">
      <c r="H667953" s="12"/>
    </row>
    <row r="667954" spans="8:8">
      <c r="H667954" s="12"/>
    </row>
    <row r="667955" spans="8:8">
      <c r="H667955" s="12"/>
    </row>
    <row r="667956" spans="8:8">
      <c r="H667956" s="12"/>
    </row>
    <row r="667957" spans="8:8">
      <c r="H667957" s="12"/>
    </row>
    <row r="667958" spans="8:8">
      <c r="H667958" s="12"/>
    </row>
    <row r="667959" spans="8:8">
      <c r="H667959" s="12"/>
    </row>
    <row r="667960" spans="8:8">
      <c r="H667960" s="12"/>
    </row>
    <row r="667961" spans="8:8">
      <c r="H667961" s="12"/>
    </row>
    <row r="667962" spans="8:8">
      <c r="H667962" s="12"/>
    </row>
    <row r="667963" spans="8:8">
      <c r="H667963" s="12"/>
    </row>
    <row r="667964" spans="8:8">
      <c r="H667964" s="12"/>
    </row>
    <row r="667965" spans="8:8">
      <c r="H667965" s="12"/>
    </row>
    <row r="667966" spans="8:8">
      <c r="H667966" s="12"/>
    </row>
    <row r="667967" spans="8:8">
      <c r="H667967" s="12"/>
    </row>
    <row r="667968" spans="8:8">
      <c r="H667968" s="12"/>
    </row>
    <row r="667969" spans="8:8">
      <c r="H667969" s="12"/>
    </row>
    <row r="667970" spans="8:8">
      <c r="H667970" s="12"/>
    </row>
    <row r="667971" spans="8:8">
      <c r="H667971" s="12"/>
    </row>
    <row r="667972" spans="8:8">
      <c r="H667972" s="12"/>
    </row>
    <row r="667973" spans="8:8">
      <c r="H667973" s="12"/>
    </row>
    <row r="667974" spans="8:8">
      <c r="H667974" s="12"/>
    </row>
    <row r="667975" spans="8:8">
      <c r="H667975" s="12"/>
    </row>
    <row r="667976" spans="8:8">
      <c r="H667976" s="12"/>
    </row>
    <row r="667977" spans="8:8">
      <c r="H667977" s="12"/>
    </row>
    <row r="667978" spans="8:8">
      <c r="H667978" s="12"/>
    </row>
    <row r="667979" spans="8:8">
      <c r="H667979" s="12"/>
    </row>
    <row r="667980" spans="8:8">
      <c r="H667980" s="12"/>
    </row>
    <row r="667981" spans="8:8">
      <c r="H667981" s="12"/>
    </row>
    <row r="667982" spans="8:8">
      <c r="H667982" s="12"/>
    </row>
    <row r="667983" spans="8:8">
      <c r="H667983" s="12"/>
    </row>
    <row r="667984" spans="8:8">
      <c r="H667984" s="12"/>
    </row>
    <row r="667985" spans="8:8">
      <c r="H667985" s="12"/>
    </row>
    <row r="667986" spans="8:8">
      <c r="H667986" s="12"/>
    </row>
    <row r="667987" spans="8:8">
      <c r="H667987" s="12"/>
    </row>
    <row r="667988" spans="8:8">
      <c r="H667988" s="12"/>
    </row>
    <row r="667989" spans="8:8">
      <c r="H667989" s="12"/>
    </row>
    <row r="667990" spans="8:8">
      <c r="H667990" s="12"/>
    </row>
    <row r="667991" spans="8:8">
      <c r="H667991" s="12"/>
    </row>
    <row r="667992" spans="8:8">
      <c r="H667992" s="12"/>
    </row>
    <row r="667993" spans="8:8">
      <c r="H667993" s="12"/>
    </row>
    <row r="667994" spans="8:8">
      <c r="H667994" s="12"/>
    </row>
    <row r="667995" spans="8:8">
      <c r="H667995" s="12"/>
    </row>
    <row r="667996" spans="8:8">
      <c r="H667996" s="12"/>
    </row>
    <row r="667997" spans="8:8">
      <c r="H667997" s="12"/>
    </row>
    <row r="667998" spans="8:8">
      <c r="H667998" s="12"/>
    </row>
    <row r="667999" spans="8:8">
      <c r="H667999" s="12"/>
    </row>
    <row r="668000" spans="8:8">
      <c r="H668000" s="12"/>
    </row>
    <row r="668001" spans="8:8">
      <c r="H668001" s="12"/>
    </row>
    <row r="668002" spans="8:8">
      <c r="H668002" s="12"/>
    </row>
    <row r="668003" spans="8:8">
      <c r="H668003" s="12"/>
    </row>
    <row r="668004" spans="8:8">
      <c r="H668004" s="12"/>
    </row>
    <row r="668005" spans="8:8">
      <c r="H668005" s="12"/>
    </row>
    <row r="668006" spans="8:8">
      <c r="H668006" s="12"/>
    </row>
    <row r="668007" spans="8:8">
      <c r="H668007" s="12"/>
    </row>
    <row r="668008" spans="8:8">
      <c r="H668008" s="12"/>
    </row>
    <row r="668009" spans="8:8">
      <c r="H668009" s="12"/>
    </row>
    <row r="668010" spans="8:8">
      <c r="H668010" s="12"/>
    </row>
    <row r="668011" spans="8:8">
      <c r="H668011" s="12"/>
    </row>
    <row r="668012" spans="8:8">
      <c r="H668012" s="12"/>
    </row>
    <row r="668013" spans="8:8">
      <c r="H668013" s="12"/>
    </row>
    <row r="668014" spans="8:8">
      <c r="H668014" s="12"/>
    </row>
    <row r="668015" spans="8:8">
      <c r="H668015" s="12"/>
    </row>
    <row r="668016" spans="8:8">
      <c r="H668016" s="12"/>
    </row>
    <row r="668017" spans="8:8">
      <c r="H668017" s="12"/>
    </row>
    <row r="668018" spans="8:8">
      <c r="H668018" s="12"/>
    </row>
    <row r="668019" spans="8:8">
      <c r="H668019" s="12"/>
    </row>
    <row r="668020" spans="8:8">
      <c r="H668020" s="12"/>
    </row>
    <row r="668021" spans="8:8">
      <c r="H668021" s="12"/>
    </row>
    <row r="668022" spans="8:8">
      <c r="H668022" s="12"/>
    </row>
    <row r="668023" spans="8:8">
      <c r="H668023" s="12"/>
    </row>
    <row r="668024" spans="8:8">
      <c r="H668024" s="12"/>
    </row>
    <row r="668025" spans="8:8">
      <c r="H668025" s="12"/>
    </row>
    <row r="668026" spans="8:8">
      <c r="H668026" s="12"/>
    </row>
    <row r="668027" spans="8:8">
      <c r="H668027" s="12"/>
    </row>
    <row r="668028" spans="8:8">
      <c r="H668028" s="12"/>
    </row>
    <row r="668029" spans="8:8">
      <c r="H668029" s="12"/>
    </row>
    <row r="668030" spans="8:8">
      <c r="H668030" s="12"/>
    </row>
    <row r="668031" spans="8:8">
      <c r="H668031" s="12"/>
    </row>
    <row r="668032" spans="8:8">
      <c r="H668032" s="12"/>
    </row>
    <row r="668033" spans="8:8">
      <c r="H668033" s="12"/>
    </row>
    <row r="668034" spans="8:8">
      <c r="H668034" s="12"/>
    </row>
    <row r="668035" spans="8:8">
      <c r="H668035" s="12"/>
    </row>
    <row r="668036" spans="8:8">
      <c r="H668036" s="12"/>
    </row>
    <row r="668037" spans="8:8">
      <c r="H668037" s="12"/>
    </row>
    <row r="668038" spans="8:8">
      <c r="H668038" s="12"/>
    </row>
    <row r="668039" spans="8:8">
      <c r="H668039" s="12"/>
    </row>
    <row r="668040" spans="8:8">
      <c r="H668040" s="12"/>
    </row>
    <row r="668041" spans="8:8">
      <c r="H668041" s="12"/>
    </row>
    <row r="668042" spans="8:8">
      <c r="H668042" s="12"/>
    </row>
    <row r="668043" spans="8:8">
      <c r="H668043" s="12"/>
    </row>
    <row r="668044" spans="8:8">
      <c r="H668044" s="12"/>
    </row>
    <row r="668045" spans="8:8">
      <c r="H668045" s="12"/>
    </row>
    <row r="668046" spans="8:8">
      <c r="H668046" s="12"/>
    </row>
    <row r="668047" spans="8:8">
      <c r="H668047" s="12"/>
    </row>
    <row r="668048" spans="8:8">
      <c r="H668048" s="12"/>
    </row>
    <row r="668049" spans="8:8">
      <c r="H668049" s="12"/>
    </row>
    <row r="668050" spans="8:8">
      <c r="H668050" s="12"/>
    </row>
    <row r="668051" spans="8:8">
      <c r="H668051" s="12"/>
    </row>
    <row r="668052" spans="8:8">
      <c r="H668052" s="12"/>
    </row>
    <row r="668053" spans="8:8">
      <c r="H668053" s="12"/>
    </row>
    <row r="668054" spans="8:8">
      <c r="H668054" s="12"/>
    </row>
    <row r="668055" spans="8:8">
      <c r="H668055" s="12"/>
    </row>
    <row r="668056" spans="8:8">
      <c r="H668056" s="12"/>
    </row>
    <row r="668057" spans="8:8">
      <c r="H668057" s="12"/>
    </row>
    <row r="668058" spans="8:8">
      <c r="H668058" s="12"/>
    </row>
    <row r="668059" spans="8:8">
      <c r="H668059" s="12"/>
    </row>
    <row r="668060" spans="8:8">
      <c r="H668060" s="12"/>
    </row>
    <row r="668061" spans="8:8">
      <c r="H668061" s="12"/>
    </row>
    <row r="668062" spans="8:8">
      <c r="H668062" s="12"/>
    </row>
    <row r="668063" spans="8:8">
      <c r="H668063" s="12"/>
    </row>
    <row r="668064" spans="8:8">
      <c r="H668064" s="12"/>
    </row>
    <row r="668065" spans="8:8">
      <c r="H668065" s="12"/>
    </row>
    <row r="668066" spans="8:8">
      <c r="H668066" s="12"/>
    </row>
    <row r="668067" spans="8:8">
      <c r="H668067" s="12"/>
    </row>
    <row r="668068" spans="8:8">
      <c r="H668068" s="12"/>
    </row>
    <row r="668069" spans="8:8">
      <c r="H668069" s="12"/>
    </row>
    <row r="668070" spans="8:8">
      <c r="H668070" s="12"/>
    </row>
    <row r="668071" spans="8:8">
      <c r="H668071" s="12"/>
    </row>
    <row r="668072" spans="8:8">
      <c r="H668072" s="12"/>
    </row>
    <row r="668073" spans="8:8">
      <c r="H668073" s="12"/>
    </row>
    <row r="668074" spans="8:8">
      <c r="H668074" s="12"/>
    </row>
    <row r="668075" spans="8:8">
      <c r="H668075" s="12"/>
    </row>
    <row r="668076" spans="8:8">
      <c r="H668076" s="12"/>
    </row>
    <row r="668077" spans="8:8">
      <c r="H668077" s="12"/>
    </row>
    <row r="668078" spans="8:8">
      <c r="H668078" s="12"/>
    </row>
    <row r="668079" spans="8:8">
      <c r="H668079" s="12"/>
    </row>
    <row r="668080" spans="8:8">
      <c r="H668080" s="12"/>
    </row>
    <row r="668081" spans="8:8">
      <c r="H668081" s="12"/>
    </row>
    <row r="668082" spans="8:8">
      <c r="H668082" s="12"/>
    </row>
    <row r="668083" spans="8:8">
      <c r="H668083" s="12"/>
    </row>
    <row r="668084" spans="8:8">
      <c r="H668084" s="12"/>
    </row>
    <row r="668085" spans="8:8">
      <c r="H668085" s="12"/>
    </row>
    <row r="668086" spans="8:8">
      <c r="H668086" s="12"/>
    </row>
    <row r="668087" spans="8:8">
      <c r="H668087" s="12"/>
    </row>
    <row r="668088" spans="8:8">
      <c r="H668088" s="12"/>
    </row>
    <row r="668089" spans="8:8">
      <c r="H668089" s="12"/>
    </row>
    <row r="668090" spans="8:8">
      <c r="H668090" s="12"/>
    </row>
    <row r="668091" spans="8:8">
      <c r="H668091" s="12"/>
    </row>
    <row r="668092" spans="8:8">
      <c r="H668092" s="12"/>
    </row>
    <row r="668093" spans="8:8">
      <c r="H668093" s="12"/>
    </row>
    <row r="668094" spans="8:8">
      <c r="H668094" s="12"/>
    </row>
    <row r="668095" spans="8:8">
      <c r="H668095" s="12"/>
    </row>
    <row r="668096" spans="8:8">
      <c r="H668096" s="12"/>
    </row>
    <row r="668097" spans="8:8">
      <c r="H668097" s="12"/>
    </row>
    <row r="668098" spans="8:8">
      <c r="H668098" s="12"/>
    </row>
    <row r="668099" spans="8:8">
      <c r="H668099" s="12"/>
    </row>
    <row r="668100" spans="8:8">
      <c r="H668100" s="12"/>
    </row>
    <row r="668101" spans="8:8">
      <c r="H668101" s="12"/>
    </row>
    <row r="668102" spans="8:8">
      <c r="H668102" s="12"/>
    </row>
    <row r="668103" spans="8:8">
      <c r="H668103" s="12"/>
    </row>
    <row r="668104" spans="8:8">
      <c r="H668104" s="12"/>
    </row>
    <row r="668105" spans="8:8">
      <c r="H668105" s="12"/>
    </row>
    <row r="668106" spans="8:8">
      <c r="H668106" s="12"/>
    </row>
    <row r="668107" spans="8:8">
      <c r="H668107" s="12"/>
    </row>
    <row r="668108" spans="8:8">
      <c r="H668108" s="12"/>
    </row>
    <row r="668109" spans="8:8">
      <c r="H668109" s="12"/>
    </row>
    <row r="668110" spans="8:8">
      <c r="H668110" s="12"/>
    </row>
    <row r="668111" spans="8:8">
      <c r="H668111" s="12"/>
    </row>
    <row r="668112" spans="8:8">
      <c r="H668112" s="12"/>
    </row>
    <row r="668113" spans="8:8">
      <c r="H668113" s="12"/>
    </row>
    <row r="668114" spans="8:8">
      <c r="H668114" s="12"/>
    </row>
    <row r="668115" spans="8:8">
      <c r="H668115" s="12"/>
    </row>
    <row r="668116" spans="8:8">
      <c r="H668116" s="12"/>
    </row>
    <row r="668117" spans="8:8">
      <c r="H668117" s="12"/>
    </row>
    <row r="668118" spans="8:8">
      <c r="H668118" s="12"/>
    </row>
    <row r="668119" spans="8:8">
      <c r="H668119" s="12"/>
    </row>
    <row r="668120" spans="8:8">
      <c r="H668120" s="12"/>
    </row>
    <row r="668121" spans="8:8">
      <c r="H668121" s="12"/>
    </row>
    <row r="668122" spans="8:8">
      <c r="H668122" s="12"/>
    </row>
    <row r="668123" spans="8:8">
      <c r="H668123" s="12"/>
    </row>
    <row r="668124" spans="8:8">
      <c r="H668124" s="12"/>
    </row>
    <row r="668125" spans="8:8">
      <c r="H668125" s="12"/>
    </row>
    <row r="668126" spans="8:8">
      <c r="H668126" s="12"/>
    </row>
    <row r="668127" spans="8:8">
      <c r="H668127" s="12"/>
    </row>
    <row r="668128" spans="8:8">
      <c r="H668128" s="12"/>
    </row>
    <row r="668129" spans="8:8">
      <c r="H668129" s="12"/>
    </row>
    <row r="668130" spans="8:8">
      <c r="H668130" s="12"/>
    </row>
    <row r="668131" spans="8:8">
      <c r="H668131" s="12"/>
    </row>
    <row r="668132" spans="8:8">
      <c r="H668132" s="12"/>
    </row>
    <row r="668133" spans="8:8">
      <c r="H668133" s="12"/>
    </row>
    <row r="668134" spans="8:8">
      <c r="H668134" s="12"/>
    </row>
    <row r="668135" spans="8:8">
      <c r="H668135" s="12"/>
    </row>
    <row r="668136" spans="8:8">
      <c r="H668136" s="12"/>
    </row>
    <row r="668137" spans="8:8">
      <c r="H668137" s="12"/>
    </row>
    <row r="668138" spans="8:8">
      <c r="H668138" s="12"/>
    </row>
    <row r="668139" spans="8:8">
      <c r="H668139" s="12"/>
    </row>
    <row r="668140" spans="8:8">
      <c r="H668140" s="12"/>
    </row>
    <row r="668141" spans="8:8">
      <c r="H668141" s="12"/>
    </row>
    <row r="668142" spans="8:8">
      <c r="H668142" s="12"/>
    </row>
    <row r="668143" spans="8:8">
      <c r="H668143" s="12"/>
    </row>
    <row r="668144" spans="8:8">
      <c r="H668144" s="12"/>
    </row>
    <row r="668145" spans="8:8">
      <c r="H668145" s="12"/>
    </row>
    <row r="668146" spans="8:8">
      <c r="H668146" s="12"/>
    </row>
    <row r="668147" spans="8:8">
      <c r="H668147" s="12"/>
    </row>
    <row r="668148" spans="8:8">
      <c r="H668148" s="12"/>
    </row>
    <row r="668149" spans="8:8">
      <c r="H668149" s="12"/>
    </row>
    <row r="668150" spans="8:8">
      <c r="H668150" s="12"/>
    </row>
    <row r="668151" spans="8:8">
      <c r="H668151" s="12"/>
    </row>
    <row r="668152" spans="8:8">
      <c r="H668152" s="12"/>
    </row>
    <row r="668153" spans="8:8">
      <c r="H668153" s="12"/>
    </row>
    <row r="668154" spans="8:8">
      <c r="H668154" s="12"/>
    </row>
    <row r="668155" spans="8:8">
      <c r="H668155" s="12"/>
    </row>
    <row r="668156" spans="8:8">
      <c r="H668156" s="12"/>
    </row>
    <row r="668157" spans="8:8">
      <c r="H668157" s="12"/>
    </row>
    <row r="668158" spans="8:8">
      <c r="H668158" s="12"/>
    </row>
    <row r="668159" spans="8:8">
      <c r="H668159" s="12"/>
    </row>
    <row r="668160" spans="8:8">
      <c r="H668160" s="12"/>
    </row>
    <row r="668161" spans="8:8">
      <c r="H668161" s="12"/>
    </row>
    <row r="668162" spans="8:8">
      <c r="H668162" s="12"/>
    </row>
    <row r="668163" spans="8:8">
      <c r="H668163" s="12"/>
    </row>
    <row r="668164" spans="8:8">
      <c r="H668164" s="12"/>
    </row>
    <row r="668165" spans="8:8">
      <c r="H668165" s="12"/>
    </row>
    <row r="668166" spans="8:8">
      <c r="H668166" s="12"/>
    </row>
    <row r="668167" spans="8:8">
      <c r="H668167" s="12"/>
    </row>
    <row r="668168" spans="8:8">
      <c r="H668168" s="12"/>
    </row>
    <row r="668169" spans="8:8">
      <c r="H668169" s="12"/>
    </row>
    <row r="668170" spans="8:8">
      <c r="H668170" s="12"/>
    </row>
    <row r="668171" spans="8:8">
      <c r="H668171" s="12"/>
    </row>
    <row r="668172" spans="8:8">
      <c r="H668172" s="12"/>
    </row>
    <row r="668173" spans="8:8">
      <c r="H668173" s="12"/>
    </row>
    <row r="668174" spans="8:8">
      <c r="H668174" s="12"/>
    </row>
    <row r="668175" spans="8:8">
      <c r="H668175" s="12"/>
    </row>
    <row r="668176" spans="8:8">
      <c r="H668176" s="12"/>
    </row>
    <row r="668177" spans="8:8">
      <c r="H668177" s="12"/>
    </row>
    <row r="668178" spans="8:8">
      <c r="H668178" s="12"/>
    </row>
    <row r="668179" spans="8:8">
      <c r="H668179" s="12"/>
    </row>
    <row r="668180" spans="8:8">
      <c r="H668180" s="12"/>
    </row>
    <row r="668181" spans="8:8">
      <c r="H668181" s="12"/>
    </row>
    <row r="668182" spans="8:8">
      <c r="H668182" s="12"/>
    </row>
    <row r="668183" spans="8:8">
      <c r="H668183" s="12"/>
    </row>
    <row r="668184" spans="8:8">
      <c r="H668184" s="12"/>
    </row>
    <row r="668185" spans="8:8">
      <c r="H668185" s="12"/>
    </row>
    <row r="668186" spans="8:8">
      <c r="H668186" s="12"/>
    </row>
    <row r="668187" spans="8:8">
      <c r="H668187" s="12"/>
    </row>
    <row r="668188" spans="8:8">
      <c r="H668188" s="12"/>
    </row>
    <row r="668189" spans="8:8">
      <c r="H668189" s="12"/>
    </row>
    <row r="668190" spans="8:8">
      <c r="H668190" s="12"/>
    </row>
    <row r="668191" spans="8:8">
      <c r="H668191" s="12"/>
    </row>
    <row r="668192" spans="8:8">
      <c r="H668192" s="12"/>
    </row>
    <row r="668193" spans="8:8">
      <c r="H668193" s="12"/>
    </row>
    <row r="668194" spans="8:8">
      <c r="H668194" s="12"/>
    </row>
    <row r="668195" spans="8:8">
      <c r="H668195" s="12"/>
    </row>
    <row r="668196" spans="8:8">
      <c r="H668196" s="12"/>
    </row>
    <row r="668197" spans="8:8">
      <c r="H668197" s="12"/>
    </row>
    <row r="668198" spans="8:8">
      <c r="H668198" s="12"/>
    </row>
    <row r="668199" spans="8:8">
      <c r="H668199" s="12"/>
    </row>
    <row r="668200" spans="8:8">
      <c r="H668200" s="12"/>
    </row>
    <row r="668201" spans="8:8">
      <c r="H668201" s="12"/>
    </row>
    <row r="668202" spans="8:8">
      <c r="H668202" s="12"/>
    </row>
    <row r="668203" spans="8:8">
      <c r="H668203" s="12"/>
    </row>
    <row r="668204" spans="8:8">
      <c r="H668204" s="12"/>
    </row>
    <row r="668205" spans="8:8">
      <c r="H668205" s="12"/>
    </row>
    <row r="668206" spans="8:8">
      <c r="H668206" s="12"/>
    </row>
    <row r="668207" spans="8:8">
      <c r="H668207" s="12"/>
    </row>
    <row r="668208" spans="8:8">
      <c r="H668208" s="12"/>
    </row>
    <row r="668209" spans="8:8">
      <c r="H668209" s="12"/>
    </row>
    <row r="668210" spans="8:8">
      <c r="H668210" s="12"/>
    </row>
    <row r="668211" spans="8:8">
      <c r="H668211" s="12"/>
    </row>
    <row r="668212" spans="8:8">
      <c r="H668212" s="12"/>
    </row>
    <row r="668213" spans="8:8">
      <c r="H668213" s="12"/>
    </row>
    <row r="668214" spans="8:8">
      <c r="H668214" s="12"/>
    </row>
    <row r="668215" spans="8:8">
      <c r="H668215" s="12"/>
    </row>
    <row r="668216" spans="8:8">
      <c r="H668216" s="12"/>
    </row>
    <row r="668217" spans="8:8">
      <c r="H668217" s="12"/>
    </row>
    <row r="668218" spans="8:8">
      <c r="H668218" s="12"/>
    </row>
    <row r="668219" spans="8:8">
      <c r="H668219" s="12"/>
    </row>
    <row r="668220" spans="8:8">
      <c r="H668220" s="12"/>
    </row>
    <row r="668221" spans="8:8">
      <c r="H668221" s="12"/>
    </row>
    <row r="668222" spans="8:8">
      <c r="H668222" s="12"/>
    </row>
    <row r="668223" spans="8:8">
      <c r="H668223" s="12"/>
    </row>
    <row r="668224" spans="8:8">
      <c r="H668224" s="12"/>
    </row>
    <row r="668225" spans="8:8">
      <c r="H668225" s="12"/>
    </row>
    <row r="668226" spans="8:8">
      <c r="H668226" s="12"/>
    </row>
    <row r="668227" spans="8:8">
      <c r="H668227" s="12"/>
    </row>
    <row r="668228" spans="8:8">
      <c r="H668228" s="12"/>
    </row>
    <row r="668229" spans="8:8">
      <c r="H668229" s="12"/>
    </row>
    <row r="668230" spans="8:8">
      <c r="H668230" s="12"/>
    </row>
    <row r="668231" spans="8:8">
      <c r="H668231" s="12"/>
    </row>
    <row r="668232" spans="8:8">
      <c r="H668232" s="12"/>
    </row>
    <row r="668233" spans="8:8">
      <c r="H668233" s="12"/>
    </row>
    <row r="668234" spans="8:8">
      <c r="H668234" s="12"/>
    </row>
    <row r="668235" spans="8:8">
      <c r="H668235" s="12"/>
    </row>
    <row r="668236" spans="8:8">
      <c r="H668236" s="12"/>
    </row>
    <row r="668237" spans="8:8">
      <c r="H668237" s="12"/>
    </row>
    <row r="668238" spans="8:8">
      <c r="H668238" s="12"/>
    </row>
    <row r="668239" spans="8:8">
      <c r="H668239" s="12"/>
    </row>
    <row r="668240" spans="8:8">
      <c r="H668240" s="12"/>
    </row>
    <row r="668241" spans="8:8">
      <c r="H668241" s="12"/>
    </row>
    <row r="668242" spans="8:8">
      <c r="H668242" s="12"/>
    </row>
    <row r="668243" spans="8:8">
      <c r="H668243" s="12"/>
    </row>
    <row r="668244" spans="8:8">
      <c r="H668244" s="12"/>
    </row>
    <row r="668245" spans="8:8">
      <c r="H668245" s="12"/>
    </row>
    <row r="668246" spans="8:8">
      <c r="H668246" s="12"/>
    </row>
    <row r="668247" spans="8:8">
      <c r="H668247" s="12"/>
    </row>
    <row r="668248" spans="8:8">
      <c r="H668248" s="12"/>
    </row>
    <row r="668249" spans="8:8">
      <c r="H668249" s="12"/>
    </row>
    <row r="668250" spans="8:8">
      <c r="H668250" s="12"/>
    </row>
    <row r="668251" spans="8:8">
      <c r="H668251" s="12"/>
    </row>
    <row r="668252" spans="8:8">
      <c r="H668252" s="12"/>
    </row>
    <row r="668253" spans="8:8">
      <c r="H668253" s="12"/>
    </row>
    <row r="668254" spans="8:8">
      <c r="H668254" s="12"/>
    </row>
    <row r="668255" spans="8:8">
      <c r="H668255" s="12"/>
    </row>
    <row r="668256" spans="8:8">
      <c r="H668256" s="12"/>
    </row>
    <row r="668257" spans="8:8">
      <c r="H668257" s="12"/>
    </row>
    <row r="668258" spans="8:8">
      <c r="H668258" s="12"/>
    </row>
    <row r="668259" spans="8:8">
      <c r="H668259" s="12"/>
    </row>
    <row r="668260" spans="8:8">
      <c r="H668260" s="12"/>
    </row>
    <row r="668261" spans="8:8">
      <c r="H668261" s="12"/>
    </row>
    <row r="668262" spans="8:8">
      <c r="H668262" s="12"/>
    </row>
    <row r="668263" spans="8:8">
      <c r="H668263" s="12"/>
    </row>
    <row r="668264" spans="8:8">
      <c r="H668264" s="12"/>
    </row>
    <row r="668265" spans="8:8">
      <c r="H668265" s="12"/>
    </row>
    <row r="668266" spans="8:8">
      <c r="H668266" s="12"/>
    </row>
    <row r="668267" spans="8:8">
      <c r="H668267" s="12"/>
    </row>
    <row r="668268" spans="8:8">
      <c r="H668268" s="12"/>
    </row>
    <row r="668269" spans="8:8">
      <c r="H668269" s="12"/>
    </row>
    <row r="668270" spans="8:8">
      <c r="H668270" s="12"/>
    </row>
    <row r="668271" spans="8:8">
      <c r="H668271" s="12"/>
    </row>
    <row r="668272" spans="8:8">
      <c r="H668272" s="12"/>
    </row>
    <row r="668273" spans="8:8">
      <c r="H668273" s="12"/>
    </row>
    <row r="668274" spans="8:8">
      <c r="H668274" s="12"/>
    </row>
    <row r="668275" spans="8:8">
      <c r="H668275" s="12"/>
    </row>
    <row r="668276" spans="8:8">
      <c r="H668276" s="12"/>
    </row>
    <row r="668277" spans="8:8">
      <c r="H668277" s="12"/>
    </row>
    <row r="668278" spans="8:8">
      <c r="H668278" s="12"/>
    </row>
    <row r="668279" spans="8:8">
      <c r="H668279" s="12"/>
    </row>
    <row r="668280" spans="8:8">
      <c r="H668280" s="12"/>
    </row>
    <row r="668281" spans="8:8">
      <c r="H668281" s="12"/>
    </row>
    <row r="668282" spans="8:8">
      <c r="H668282" s="12"/>
    </row>
    <row r="668283" spans="8:8">
      <c r="H668283" s="12"/>
    </row>
    <row r="668284" spans="8:8">
      <c r="H668284" s="12"/>
    </row>
    <row r="668285" spans="8:8">
      <c r="H668285" s="12"/>
    </row>
    <row r="668286" spans="8:8">
      <c r="H668286" s="12"/>
    </row>
    <row r="668287" spans="8:8">
      <c r="H668287" s="12"/>
    </row>
    <row r="668288" spans="8:8">
      <c r="H668288" s="12"/>
    </row>
    <row r="668289" spans="8:8">
      <c r="H668289" s="12"/>
    </row>
    <row r="668290" spans="8:8">
      <c r="H668290" s="12"/>
    </row>
    <row r="668291" spans="8:8">
      <c r="H668291" s="12"/>
    </row>
    <row r="668292" spans="8:8">
      <c r="H668292" s="12"/>
    </row>
    <row r="668293" spans="8:8">
      <c r="H668293" s="12"/>
    </row>
    <row r="668294" spans="8:8">
      <c r="H668294" s="12"/>
    </row>
    <row r="668295" spans="8:8">
      <c r="H668295" s="12"/>
    </row>
    <row r="668296" spans="8:8">
      <c r="H668296" s="12"/>
    </row>
    <row r="668297" spans="8:8">
      <c r="H668297" s="12"/>
    </row>
    <row r="668298" spans="8:8">
      <c r="H668298" s="12"/>
    </row>
    <row r="668299" spans="8:8">
      <c r="H668299" s="12"/>
    </row>
    <row r="668300" spans="8:8">
      <c r="H668300" s="12"/>
    </row>
    <row r="668301" spans="8:8">
      <c r="H668301" s="12"/>
    </row>
    <row r="668302" spans="8:8">
      <c r="H668302" s="12"/>
    </row>
    <row r="668303" spans="8:8">
      <c r="H668303" s="12"/>
    </row>
    <row r="668304" spans="8:8">
      <c r="H668304" s="12"/>
    </row>
    <row r="668305" spans="8:8">
      <c r="H668305" s="12"/>
    </row>
    <row r="668306" spans="8:8">
      <c r="H668306" s="12"/>
    </row>
    <row r="668307" spans="8:8">
      <c r="H668307" s="12"/>
    </row>
    <row r="668308" spans="8:8">
      <c r="H668308" s="12"/>
    </row>
    <row r="668309" spans="8:8">
      <c r="H668309" s="12"/>
    </row>
    <row r="668310" spans="8:8">
      <c r="H668310" s="12"/>
    </row>
    <row r="668311" spans="8:8">
      <c r="H668311" s="12"/>
    </row>
    <row r="668312" spans="8:8">
      <c r="H668312" s="12"/>
    </row>
    <row r="668313" spans="8:8">
      <c r="H668313" s="12"/>
    </row>
    <row r="668314" spans="8:8">
      <c r="H668314" s="12"/>
    </row>
    <row r="668315" spans="8:8">
      <c r="H668315" s="12"/>
    </row>
    <row r="668316" spans="8:8">
      <c r="H668316" s="12"/>
    </row>
    <row r="668317" spans="8:8">
      <c r="H668317" s="12"/>
    </row>
    <row r="668318" spans="8:8">
      <c r="H668318" s="12"/>
    </row>
    <row r="668319" spans="8:8">
      <c r="H668319" s="12"/>
    </row>
    <row r="668320" spans="8:8">
      <c r="H668320" s="12"/>
    </row>
    <row r="668321" spans="8:8">
      <c r="H668321" s="12"/>
    </row>
    <row r="668322" spans="8:8">
      <c r="H668322" s="12"/>
    </row>
    <row r="668323" spans="8:8">
      <c r="H668323" s="12"/>
    </row>
    <row r="668324" spans="8:8">
      <c r="H668324" s="12"/>
    </row>
    <row r="668325" spans="8:8">
      <c r="H668325" s="12"/>
    </row>
    <row r="668326" spans="8:8">
      <c r="H668326" s="12"/>
    </row>
    <row r="668327" spans="8:8">
      <c r="H668327" s="12"/>
    </row>
    <row r="668328" spans="8:8">
      <c r="H668328" s="12"/>
    </row>
    <row r="668329" spans="8:8">
      <c r="H668329" s="12"/>
    </row>
    <row r="668330" spans="8:8">
      <c r="H668330" s="12"/>
    </row>
    <row r="668331" spans="8:8">
      <c r="H668331" s="12"/>
    </row>
    <row r="668332" spans="8:8">
      <c r="H668332" s="12"/>
    </row>
    <row r="668333" spans="8:8">
      <c r="H668333" s="12"/>
    </row>
    <row r="668334" spans="8:8">
      <c r="H668334" s="12"/>
    </row>
    <row r="668335" spans="8:8">
      <c r="H668335" s="12"/>
    </row>
    <row r="668336" spans="8:8">
      <c r="H668336" s="12"/>
    </row>
    <row r="668337" spans="8:8">
      <c r="H668337" s="12"/>
    </row>
    <row r="668338" spans="8:8">
      <c r="H668338" s="12"/>
    </row>
    <row r="668339" spans="8:8">
      <c r="H668339" s="12"/>
    </row>
    <row r="668340" spans="8:8">
      <c r="H668340" s="12"/>
    </row>
    <row r="668341" spans="8:8">
      <c r="H668341" s="12"/>
    </row>
    <row r="668342" spans="8:8">
      <c r="H668342" s="12"/>
    </row>
    <row r="668343" spans="8:8">
      <c r="H668343" s="12"/>
    </row>
    <row r="668344" spans="8:8">
      <c r="H668344" s="12"/>
    </row>
    <row r="668345" spans="8:8">
      <c r="H668345" s="12"/>
    </row>
    <row r="668346" spans="8:8">
      <c r="H668346" s="12"/>
    </row>
    <row r="668347" spans="8:8">
      <c r="H668347" s="12"/>
    </row>
    <row r="668348" spans="8:8">
      <c r="H668348" s="12"/>
    </row>
    <row r="668349" spans="8:8">
      <c r="H668349" s="12"/>
    </row>
    <row r="668350" spans="8:8">
      <c r="H668350" s="12"/>
    </row>
    <row r="668351" spans="8:8">
      <c r="H668351" s="12"/>
    </row>
    <row r="668352" spans="8:8">
      <c r="H668352" s="12"/>
    </row>
    <row r="668353" spans="8:8">
      <c r="H668353" s="12"/>
    </row>
    <row r="668354" spans="8:8">
      <c r="H668354" s="12"/>
    </row>
    <row r="668355" spans="8:8">
      <c r="H668355" s="12"/>
    </row>
    <row r="668356" spans="8:8">
      <c r="H668356" s="12"/>
    </row>
    <row r="668357" spans="8:8">
      <c r="H668357" s="12"/>
    </row>
    <row r="668358" spans="8:8">
      <c r="H668358" s="12"/>
    </row>
    <row r="668359" spans="8:8">
      <c r="H668359" s="12"/>
    </row>
    <row r="668360" spans="8:8">
      <c r="H668360" s="12"/>
    </row>
    <row r="668361" spans="8:8">
      <c r="H668361" s="12"/>
    </row>
    <row r="668362" spans="8:8">
      <c r="H668362" s="12"/>
    </row>
    <row r="668363" spans="8:8">
      <c r="H668363" s="12"/>
    </row>
    <row r="668364" spans="8:8">
      <c r="H668364" s="12"/>
    </row>
    <row r="668365" spans="8:8">
      <c r="H668365" s="12"/>
    </row>
    <row r="668366" spans="8:8">
      <c r="H668366" s="12"/>
    </row>
    <row r="668367" spans="8:8">
      <c r="H668367" s="12"/>
    </row>
    <row r="668368" spans="8:8">
      <c r="H668368" s="12"/>
    </row>
    <row r="668369" spans="8:8">
      <c r="H668369" s="12"/>
    </row>
    <row r="668370" spans="8:8">
      <c r="H668370" s="12"/>
    </row>
    <row r="668371" spans="8:8">
      <c r="H668371" s="12"/>
    </row>
    <row r="668372" spans="8:8">
      <c r="H668372" s="12"/>
    </row>
    <row r="668373" spans="8:8">
      <c r="H668373" s="12"/>
    </row>
    <row r="668374" spans="8:8">
      <c r="H668374" s="12"/>
    </row>
    <row r="668375" spans="8:8">
      <c r="H668375" s="12"/>
    </row>
    <row r="668376" spans="8:8">
      <c r="H668376" s="12"/>
    </row>
    <row r="668377" spans="8:8">
      <c r="H668377" s="12"/>
    </row>
    <row r="668378" spans="8:8">
      <c r="H668378" s="12"/>
    </row>
    <row r="668379" spans="8:8">
      <c r="H668379" s="12"/>
    </row>
    <row r="668380" spans="8:8">
      <c r="H668380" s="12"/>
    </row>
    <row r="668381" spans="8:8">
      <c r="H668381" s="12"/>
    </row>
    <row r="668382" spans="8:8">
      <c r="H668382" s="12"/>
    </row>
    <row r="668383" spans="8:8">
      <c r="H668383" s="12"/>
    </row>
    <row r="668384" spans="8:8">
      <c r="H668384" s="12"/>
    </row>
    <row r="668385" spans="8:8">
      <c r="H668385" s="12"/>
    </row>
    <row r="668386" spans="8:8">
      <c r="H668386" s="12"/>
    </row>
    <row r="668387" spans="8:8">
      <c r="H668387" s="12"/>
    </row>
    <row r="668388" spans="8:8">
      <c r="H668388" s="12"/>
    </row>
    <row r="668389" spans="8:8">
      <c r="H668389" s="12"/>
    </row>
    <row r="668390" spans="8:8">
      <c r="H668390" s="12"/>
    </row>
    <row r="668391" spans="8:8">
      <c r="H668391" s="12"/>
    </row>
    <row r="668392" spans="8:8">
      <c r="H668392" s="12"/>
    </row>
    <row r="668393" spans="8:8">
      <c r="H668393" s="12"/>
    </row>
    <row r="668394" spans="8:8">
      <c r="H668394" s="12"/>
    </row>
    <row r="668395" spans="8:8">
      <c r="H668395" s="12"/>
    </row>
    <row r="668396" spans="8:8">
      <c r="H668396" s="12"/>
    </row>
    <row r="668397" spans="8:8">
      <c r="H668397" s="12"/>
    </row>
    <row r="668398" spans="8:8">
      <c r="H668398" s="12"/>
    </row>
    <row r="668399" spans="8:8">
      <c r="H668399" s="12"/>
    </row>
    <row r="668400" spans="8:8">
      <c r="H668400" s="12"/>
    </row>
    <row r="668401" spans="8:8">
      <c r="H668401" s="12"/>
    </row>
    <row r="668402" spans="8:8">
      <c r="H668402" s="12"/>
    </row>
    <row r="668403" spans="8:8">
      <c r="H668403" s="12"/>
    </row>
    <row r="668404" spans="8:8">
      <c r="H668404" s="12"/>
    </row>
    <row r="668405" spans="8:8">
      <c r="H668405" s="12"/>
    </row>
    <row r="668406" spans="8:8">
      <c r="H668406" s="12"/>
    </row>
    <row r="668407" spans="8:8">
      <c r="H668407" s="12"/>
    </row>
    <row r="668408" spans="8:8">
      <c r="H668408" s="12"/>
    </row>
    <row r="668409" spans="8:8">
      <c r="H668409" s="12"/>
    </row>
    <row r="668410" spans="8:8">
      <c r="H668410" s="12"/>
    </row>
    <row r="668411" spans="8:8">
      <c r="H668411" s="12"/>
    </row>
    <row r="668412" spans="8:8">
      <c r="H668412" s="12"/>
    </row>
    <row r="668413" spans="8:8">
      <c r="H668413" s="12"/>
    </row>
    <row r="668414" spans="8:8">
      <c r="H668414" s="12"/>
    </row>
    <row r="668415" spans="8:8">
      <c r="H668415" s="12"/>
    </row>
    <row r="668416" spans="8:8">
      <c r="H668416" s="12"/>
    </row>
    <row r="668417" spans="8:8">
      <c r="H668417" s="12"/>
    </row>
    <row r="668418" spans="8:8">
      <c r="H668418" s="12"/>
    </row>
    <row r="668419" spans="8:8">
      <c r="H668419" s="12"/>
    </row>
    <row r="668420" spans="8:8">
      <c r="H668420" s="12"/>
    </row>
    <row r="668421" spans="8:8">
      <c r="H668421" s="12"/>
    </row>
    <row r="668422" spans="8:8">
      <c r="H668422" s="12"/>
    </row>
    <row r="668423" spans="8:8">
      <c r="H668423" s="12"/>
    </row>
    <row r="668424" spans="8:8">
      <c r="H668424" s="12"/>
    </row>
    <row r="668425" spans="8:8">
      <c r="H668425" s="12"/>
    </row>
    <row r="668426" spans="8:8">
      <c r="H668426" s="12"/>
    </row>
    <row r="668427" spans="8:8">
      <c r="H668427" s="12"/>
    </row>
    <row r="668428" spans="8:8">
      <c r="H668428" s="12"/>
    </row>
    <row r="668429" spans="8:8">
      <c r="H668429" s="12"/>
    </row>
    <row r="668430" spans="8:8">
      <c r="H668430" s="12"/>
    </row>
    <row r="668431" spans="8:8">
      <c r="H668431" s="12"/>
    </row>
    <row r="668432" spans="8:8">
      <c r="H668432" s="12"/>
    </row>
    <row r="668433" spans="8:8">
      <c r="H668433" s="12"/>
    </row>
    <row r="668434" spans="8:8">
      <c r="H668434" s="12"/>
    </row>
    <row r="668435" spans="8:8">
      <c r="H668435" s="12"/>
    </row>
    <row r="668436" spans="8:8">
      <c r="H668436" s="12"/>
    </row>
    <row r="668437" spans="8:8">
      <c r="H668437" s="12"/>
    </row>
    <row r="668438" spans="8:8">
      <c r="H668438" s="12"/>
    </row>
    <row r="668439" spans="8:8">
      <c r="H668439" s="12"/>
    </row>
    <row r="668440" spans="8:8">
      <c r="H668440" s="12"/>
    </row>
    <row r="668441" spans="8:8">
      <c r="H668441" s="12"/>
    </row>
    <row r="668442" spans="8:8">
      <c r="H668442" s="12"/>
    </row>
    <row r="668443" spans="8:8">
      <c r="H668443" s="12"/>
    </row>
    <row r="668444" spans="8:8">
      <c r="H668444" s="12"/>
    </row>
    <row r="668445" spans="8:8">
      <c r="H668445" s="12"/>
    </row>
    <row r="668446" spans="8:8">
      <c r="H668446" s="12"/>
    </row>
    <row r="668447" spans="8:8">
      <c r="H668447" s="12"/>
    </row>
    <row r="668448" spans="8:8">
      <c r="H668448" s="12"/>
    </row>
    <row r="668449" spans="8:8">
      <c r="H668449" s="12"/>
    </row>
    <row r="668450" spans="8:8">
      <c r="H668450" s="12"/>
    </row>
    <row r="668451" spans="8:8">
      <c r="H668451" s="12"/>
    </row>
    <row r="668452" spans="8:8">
      <c r="H668452" s="12"/>
    </row>
    <row r="668453" spans="8:8">
      <c r="H668453" s="12"/>
    </row>
    <row r="668454" spans="8:8">
      <c r="H668454" s="12"/>
    </row>
    <row r="668455" spans="8:8">
      <c r="H668455" s="12"/>
    </row>
    <row r="668456" spans="8:8">
      <c r="H668456" s="12"/>
    </row>
    <row r="668457" spans="8:8">
      <c r="H668457" s="12"/>
    </row>
    <row r="668458" spans="8:8">
      <c r="H668458" s="12"/>
    </row>
    <row r="668459" spans="8:8">
      <c r="H668459" s="12"/>
    </row>
    <row r="668460" spans="8:8">
      <c r="H668460" s="12"/>
    </row>
    <row r="668461" spans="8:8">
      <c r="H668461" s="12"/>
    </row>
    <row r="668462" spans="8:8">
      <c r="H668462" s="12"/>
    </row>
    <row r="668463" spans="8:8">
      <c r="H668463" s="12"/>
    </row>
    <row r="668464" spans="8:8">
      <c r="H668464" s="12"/>
    </row>
    <row r="668465" spans="8:8">
      <c r="H668465" s="12"/>
    </row>
    <row r="668466" spans="8:8">
      <c r="H668466" s="12"/>
    </row>
    <row r="668467" spans="8:8">
      <c r="H668467" s="12"/>
    </row>
    <row r="668468" spans="8:8">
      <c r="H668468" s="12"/>
    </row>
    <row r="668469" spans="8:8">
      <c r="H668469" s="12"/>
    </row>
    <row r="668470" spans="8:8">
      <c r="H668470" s="12"/>
    </row>
    <row r="668471" spans="8:8">
      <c r="H668471" s="12"/>
    </row>
    <row r="668472" spans="8:8">
      <c r="H668472" s="12"/>
    </row>
    <row r="668473" spans="8:8">
      <c r="H668473" s="12"/>
    </row>
    <row r="668474" spans="8:8">
      <c r="H668474" s="12"/>
    </row>
    <row r="668475" spans="8:8">
      <c r="H668475" s="12"/>
    </row>
    <row r="668476" spans="8:8">
      <c r="H668476" s="12"/>
    </row>
    <row r="668477" spans="8:8">
      <c r="H668477" s="12"/>
    </row>
    <row r="668478" spans="8:8">
      <c r="H668478" s="12"/>
    </row>
    <row r="668479" spans="8:8">
      <c r="H668479" s="12"/>
    </row>
    <row r="668480" spans="8:8">
      <c r="H668480" s="12"/>
    </row>
    <row r="668481" spans="8:8">
      <c r="H668481" s="12"/>
    </row>
    <row r="668482" spans="8:8">
      <c r="H668482" s="12"/>
    </row>
    <row r="668483" spans="8:8">
      <c r="H668483" s="12"/>
    </row>
    <row r="668484" spans="8:8">
      <c r="H668484" s="12"/>
    </row>
    <row r="668485" spans="8:8">
      <c r="H668485" s="12"/>
    </row>
    <row r="668486" spans="8:8">
      <c r="H668486" s="12"/>
    </row>
    <row r="668487" spans="8:8">
      <c r="H668487" s="12"/>
    </row>
    <row r="668488" spans="8:8">
      <c r="H668488" s="12"/>
    </row>
    <row r="668489" spans="8:8">
      <c r="H668489" s="12"/>
    </row>
    <row r="668490" spans="8:8">
      <c r="H668490" s="12"/>
    </row>
    <row r="668491" spans="8:8">
      <c r="H668491" s="12"/>
    </row>
    <row r="668492" spans="8:8">
      <c r="H668492" s="12"/>
    </row>
    <row r="668493" spans="8:8">
      <c r="H668493" s="12"/>
    </row>
    <row r="668494" spans="8:8">
      <c r="H668494" s="12"/>
    </row>
    <row r="668495" spans="8:8">
      <c r="H668495" s="12"/>
    </row>
    <row r="668496" spans="8:8">
      <c r="H668496" s="12"/>
    </row>
    <row r="668497" spans="8:8">
      <c r="H668497" s="12"/>
    </row>
    <row r="668498" spans="8:8">
      <c r="H668498" s="12"/>
    </row>
    <row r="668499" spans="8:8">
      <c r="H668499" s="12"/>
    </row>
    <row r="668500" spans="8:8">
      <c r="H668500" s="12"/>
    </row>
    <row r="668501" spans="8:8">
      <c r="H668501" s="12"/>
    </row>
    <row r="668502" spans="8:8">
      <c r="H668502" s="12"/>
    </row>
    <row r="668503" spans="8:8">
      <c r="H668503" s="12"/>
    </row>
    <row r="668504" spans="8:8">
      <c r="H668504" s="12"/>
    </row>
    <row r="668505" spans="8:8">
      <c r="H668505" s="12"/>
    </row>
    <row r="668506" spans="8:8">
      <c r="H668506" s="12"/>
    </row>
    <row r="668507" spans="8:8">
      <c r="H668507" s="12"/>
    </row>
    <row r="668508" spans="8:8">
      <c r="H668508" s="12"/>
    </row>
    <row r="668509" spans="8:8">
      <c r="H668509" s="12"/>
    </row>
    <row r="668510" spans="8:8">
      <c r="H668510" s="12"/>
    </row>
    <row r="668511" spans="8:8">
      <c r="H668511" s="12"/>
    </row>
    <row r="668512" spans="8:8">
      <c r="H668512" s="12"/>
    </row>
    <row r="668513" spans="8:8">
      <c r="H668513" s="12"/>
    </row>
    <row r="668514" spans="8:8">
      <c r="H668514" s="12"/>
    </row>
    <row r="668515" spans="8:8">
      <c r="H668515" s="12"/>
    </row>
    <row r="668516" spans="8:8">
      <c r="H668516" s="12"/>
    </row>
    <row r="668517" spans="8:8">
      <c r="H668517" s="12"/>
    </row>
    <row r="668518" spans="8:8">
      <c r="H668518" s="12"/>
    </row>
    <row r="668519" spans="8:8">
      <c r="H668519" s="12"/>
    </row>
    <row r="668520" spans="8:8">
      <c r="H668520" s="12"/>
    </row>
    <row r="668521" spans="8:8">
      <c r="H668521" s="12"/>
    </row>
    <row r="668522" spans="8:8">
      <c r="H668522" s="12"/>
    </row>
    <row r="668523" spans="8:8">
      <c r="H668523" s="12"/>
    </row>
    <row r="668524" spans="8:8">
      <c r="H668524" s="12"/>
    </row>
    <row r="668525" spans="8:8">
      <c r="H668525" s="12"/>
    </row>
    <row r="668526" spans="8:8">
      <c r="H668526" s="12"/>
    </row>
    <row r="668527" spans="8:8">
      <c r="H668527" s="12"/>
    </row>
    <row r="668528" spans="8:8">
      <c r="H668528" s="12"/>
    </row>
    <row r="668529" spans="8:8">
      <c r="H668529" s="12"/>
    </row>
    <row r="668530" spans="8:8">
      <c r="H668530" s="12"/>
    </row>
    <row r="668531" spans="8:8">
      <c r="H668531" s="12"/>
    </row>
    <row r="668532" spans="8:8">
      <c r="H668532" s="12"/>
    </row>
    <row r="668533" spans="8:8">
      <c r="H668533" s="12"/>
    </row>
    <row r="668534" spans="8:8">
      <c r="H668534" s="12"/>
    </row>
    <row r="668535" spans="8:8">
      <c r="H668535" s="12"/>
    </row>
    <row r="668536" spans="8:8">
      <c r="H668536" s="12"/>
    </row>
    <row r="668537" spans="8:8">
      <c r="H668537" s="12"/>
    </row>
    <row r="668538" spans="8:8">
      <c r="H668538" s="12"/>
    </row>
    <row r="668539" spans="8:8">
      <c r="H668539" s="12"/>
    </row>
    <row r="668540" spans="8:8">
      <c r="H668540" s="12"/>
    </row>
    <row r="668541" spans="8:8">
      <c r="H668541" s="12"/>
    </row>
    <row r="668542" spans="8:8">
      <c r="H668542" s="12"/>
    </row>
    <row r="668543" spans="8:8">
      <c r="H668543" s="12"/>
    </row>
    <row r="668544" spans="8:8">
      <c r="H668544" s="12"/>
    </row>
    <row r="668545" spans="8:8">
      <c r="H668545" s="12"/>
    </row>
    <row r="668546" spans="8:8">
      <c r="H668546" s="12"/>
    </row>
    <row r="668547" spans="8:8">
      <c r="H668547" s="12"/>
    </row>
    <row r="668548" spans="8:8">
      <c r="H668548" s="12"/>
    </row>
    <row r="668549" spans="8:8">
      <c r="H668549" s="12"/>
    </row>
    <row r="668550" spans="8:8">
      <c r="H668550" s="12"/>
    </row>
    <row r="668551" spans="8:8">
      <c r="H668551" s="12"/>
    </row>
    <row r="668552" spans="8:8">
      <c r="H668552" s="12"/>
    </row>
    <row r="668553" spans="8:8">
      <c r="H668553" s="12"/>
    </row>
    <row r="668554" spans="8:8">
      <c r="H668554" s="12"/>
    </row>
    <row r="668555" spans="8:8">
      <c r="H668555" s="12"/>
    </row>
    <row r="668556" spans="8:8">
      <c r="H668556" s="12"/>
    </row>
    <row r="668557" spans="8:8">
      <c r="H668557" s="12"/>
    </row>
    <row r="668558" spans="8:8">
      <c r="H668558" s="12"/>
    </row>
    <row r="668559" spans="8:8">
      <c r="H668559" s="12"/>
    </row>
    <row r="668560" spans="8:8">
      <c r="H668560" s="12"/>
    </row>
    <row r="668561" spans="8:8">
      <c r="H668561" s="12"/>
    </row>
    <row r="668562" spans="8:8">
      <c r="H668562" s="12"/>
    </row>
    <row r="668563" spans="8:8">
      <c r="H668563" s="12"/>
    </row>
    <row r="668564" spans="8:8">
      <c r="H668564" s="12"/>
    </row>
    <row r="668565" spans="8:8">
      <c r="H668565" s="12"/>
    </row>
    <row r="668566" spans="8:8">
      <c r="H668566" s="12"/>
    </row>
    <row r="668567" spans="8:8">
      <c r="H668567" s="12"/>
    </row>
    <row r="668568" spans="8:8">
      <c r="H668568" s="12"/>
    </row>
    <row r="668569" spans="8:8">
      <c r="H668569" s="12"/>
    </row>
    <row r="668570" spans="8:8">
      <c r="H668570" s="12"/>
    </row>
    <row r="668571" spans="8:8">
      <c r="H668571" s="12"/>
    </row>
    <row r="668572" spans="8:8">
      <c r="H668572" s="12"/>
    </row>
    <row r="668573" spans="8:8">
      <c r="H668573" s="12"/>
    </row>
    <row r="668574" spans="8:8">
      <c r="H668574" s="12"/>
    </row>
    <row r="668575" spans="8:8">
      <c r="H668575" s="12"/>
    </row>
    <row r="668576" spans="8:8">
      <c r="H668576" s="12"/>
    </row>
    <row r="668577" spans="8:8">
      <c r="H668577" s="12"/>
    </row>
    <row r="668578" spans="8:8">
      <c r="H668578" s="12"/>
    </row>
    <row r="668579" spans="8:8">
      <c r="H668579" s="12"/>
    </row>
    <row r="668580" spans="8:8">
      <c r="H668580" s="12"/>
    </row>
    <row r="668581" spans="8:8">
      <c r="H668581" s="12"/>
    </row>
    <row r="668582" spans="8:8">
      <c r="H668582" s="12"/>
    </row>
    <row r="668583" spans="8:8">
      <c r="H668583" s="12"/>
    </row>
    <row r="668584" spans="8:8">
      <c r="H668584" s="12"/>
    </row>
    <row r="668585" spans="8:8">
      <c r="H668585" s="12"/>
    </row>
    <row r="668586" spans="8:8">
      <c r="H668586" s="12"/>
    </row>
    <row r="668587" spans="8:8">
      <c r="H668587" s="12"/>
    </row>
    <row r="668588" spans="8:8">
      <c r="H668588" s="12"/>
    </row>
    <row r="668589" spans="8:8">
      <c r="H668589" s="12"/>
    </row>
    <row r="668590" spans="8:8">
      <c r="H668590" s="12"/>
    </row>
    <row r="668591" spans="8:8">
      <c r="H668591" s="12"/>
    </row>
    <row r="668592" spans="8:8">
      <c r="H668592" s="12"/>
    </row>
    <row r="668593" spans="8:8">
      <c r="H668593" s="12"/>
    </row>
    <row r="668594" spans="8:8">
      <c r="H668594" s="12"/>
    </row>
    <row r="668595" spans="8:8">
      <c r="H668595" s="12"/>
    </row>
    <row r="668596" spans="8:8">
      <c r="H668596" s="12"/>
    </row>
    <row r="668597" spans="8:8">
      <c r="H668597" s="12"/>
    </row>
    <row r="668598" spans="8:8">
      <c r="H668598" s="12"/>
    </row>
    <row r="668599" spans="8:8">
      <c r="H668599" s="12"/>
    </row>
    <row r="668600" spans="8:8">
      <c r="H668600" s="12"/>
    </row>
    <row r="668601" spans="8:8">
      <c r="H668601" s="12"/>
    </row>
    <row r="668602" spans="8:8">
      <c r="H668602" s="12"/>
    </row>
    <row r="668603" spans="8:8">
      <c r="H668603" s="12"/>
    </row>
    <row r="668604" spans="8:8">
      <c r="H668604" s="12"/>
    </row>
    <row r="668605" spans="8:8">
      <c r="H668605" s="12"/>
    </row>
    <row r="668606" spans="8:8">
      <c r="H668606" s="12"/>
    </row>
    <row r="668607" spans="8:8">
      <c r="H668607" s="12"/>
    </row>
    <row r="668608" spans="8:8">
      <c r="H668608" s="12"/>
    </row>
    <row r="668609" spans="8:8">
      <c r="H668609" s="12"/>
    </row>
    <row r="668610" spans="8:8">
      <c r="H668610" s="12"/>
    </row>
    <row r="668611" spans="8:8">
      <c r="H668611" s="12"/>
    </row>
    <row r="668612" spans="8:8">
      <c r="H668612" s="12"/>
    </row>
    <row r="668613" spans="8:8">
      <c r="H668613" s="12"/>
    </row>
    <row r="668614" spans="8:8">
      <c r="H668614" s="12"/>
    </row>
    <row r="668615" spans="8:8">
      <c r="H668615" s="12"/>
    </row>
    <row r="668616" spans="8:8">
      <c r="H668616" s="12"/>
    </row>
    <row r="668617" spans="8:8">
      <c r="H668617" s="12"/>
    </row>
    <row r="668618" spans="8:8">
      <c r="H668618" s="12"/>
    </row>
    <row r="668619" spans="8:8">
      <c r="H668619" s="12"/>
    </row>
    <row r="668620" spans="8:8">
      <c r="H668620" s="12"/>
    </row>
    <row r="668621" spans="8:8">
      <c r="H668621" s="12"/>
    </row>
    <row r="668622" spans="8:8">
      <c r="H668622" s="12"/>
    </row>
    <row r="668623" spans="8:8">
      <c r="H668623" s="12"/>
    </row>
    <row r="668624" spans="8:8">
      <c r="H668624" s="12"/>
    </row>
    <row r="668625" spans="8:8">
      <c r="H668625" s="12"/>
    </row>
    <row r="668626" spans="8:8">
      <c r="H668626" s="12"/>
    </row>
    <row r="668627" spans="8:8">
      <c r="H668627" s="12"/>
    </row>
    <row r="668628" spans="8:8">
      <c r="H668628" s="12"/>
    </row>
    <row r="668629" spans="8:8">
      <c r="H668629" s="12"/>
    </row>
    <row r="668630" spans="8:8">
      <c r="H668630" s="12"/>
    </row>
    <row r="668631" spans="8:8">
      <c r="H668631" s="12"/>
    </row>
    <row r="668632" spans="8:8">
      <c r="H668632" s="12"/>
    </row>
    <row r="668633" spans="8:8">
      <c r="H668633" s="12"/>
    </row>
    <row r="668634" spans="8:8">
      <c r="H668634" s="12"/>
    </row>
    <row r="668635" spans="8:8">
      <c r="H668635" s="12"/>
    </row>
    <row r="668636" spans="8:8">
      <c r="H668636" s="12"/>
    </row>
    <row r="668637" spans="8:8">
      <c r="H668637" s="12"/>
    </row>
    <row r="668638" spans="8:8">
      <c r="H668638" s="12"/>
    </row>
    <row r="668639" spans="8:8">
      <c r="H668639" s="12"/>
    </row>
    <row r="668640" spans="8:8">
      <c r="H668640" s="12"/>
    </row>
    <row r="668641" spans="8:8">
      <c r="H668641" s="12"/>
    </row>
    <row r="668642" spans="8:8">
      <c r="H668642" s="12"/>
    </row>
    <row r="668643" spans="8:8">
      <c r="H668643" s="12"/>
    </row>
    <row r="668644" spans="8:8">
      <c r="H668644" s="12"/>
    </row>
    <row r="668645" spans="8:8">
      <c r="H668645" s="12"/>
    </row>
    <row r="668646" spans="8:8">
      <c r="H668646" s="12"/>
    </row>
    <row r="668647" spans="8:8">
      <c r="H668647" s="12"/>
    </row>
    <row r="668648" spans="8:8">
      <c r="H668648" s="12"/>
    </row>
    <row r="668649" spans="8:8">
      <c r="H668649" s="12"/>
    </row>
    <row r="668650" spans="8:8">
      <c r="H668650" s="12"/>
    </row>
    <row r="668651" spans="8:8">
      <c r="H668651" s="12"/>
    </row>
    <row r="668652" spans="8:8">
      <c r="H668652" s="12"/>
    </row>
    <row r="668653" spans="8:8">
      <c r="H668653" s="12"/>
    </row>
    <row r="668654" spans="8:8">
      <c r="H668654" s="12"/>
    </row>
    <row r="668655" spans="8:8">
      <c r="H668655" s="12"/>
    </row>
    <row r="668656" spans="8:8">
      <c r="H668656" s="12"/>
    </row>
    <row r="668657" spans="8:8">
      <c r="H668657" s="12"/>
    </row>
    <row r="668658" spans="8:8">
      <c r="H668658" s="12"/>
    </row>
    <row r="668659" spans="8:8">
      <c r="H668659" s="12"/>
    </row>
    <row r="668660" spans="8:8">
      <c r="H668660" s="12"/>
    </row>
    <row r="668661" spans="8:8">
      <c r="H668661" s="12"/>
    </row>
    <row r="668662" spans="8:8">
      <c r="H668662" s="12"/>
    </row>
    <row r="668663" spans="8:8">
      <c r="H668663" s="12"/>
    </row>
    <row r="668664" spans="8:8">
      <c r="H668664" s="12"/>
    </row>
    <row r="668665" spans="8:8">
      <c r="H668665" s="12"/>
    </row>
    <row r="668666" spans="8:8">
      <c r="H668666" s="12"/>
    </row>
    <row r="668667" spans="8:8">
      <c r="H668667" s="12"/>
    </row>
    <row r="668668" spans="8:8">
      <c r="H668668" s="12"/>
    </row>
    <row r="668669" spans="8:8">
      <c r="H668669" s="12"/>
    </row>
    <row r="668670" spans="8:8">
      <c r="H668670" s="12"/>
    </row>
    <row r="668671" spans="8:8">
      <c r="H668671" s="12"/>
    </row>
    <row r="668672" spans="8:8">
      <c r="H668672" s="12"/>
    </row>
    <row r="668673" spans="8:8">
      <c r="H668673" s="12"/>
    </row>
    <row r="668674" spans="8:8">
      <c r="H668674" s="12"/>
    </row>
    <row r="668675" spans="8:8">
      <c r="H668675" s="12"/>
    </row>
    <row r="668676" spans="8:8">
      <c r="H668676" s="12"/>
    </row>
    <row r="668677" spans="8:8">
      <c r="H668677" s="12"/>
    </row>
    <row r="668678" spans="8:8">
      <c r="H668678" s="12"/>
    </row>
    <row r="668679" spans="8:8">
      <c r="H668679" s="12"/>
    </row>
    <row r="668680" spans="8:8">
      <c r="H668680" s="12"/>
    </row>
    <row r="668681" spans="8:8">
      <c r="H668681" s="12"/>
    </row>
    <row r="668682" spans="8:8">
      <c r="H668682" s="12"/>
    </row>
    <row r="668683" spans="8:8">
      <c r="H668683" s="12"/>
    </row>
    <row r="668684" spans="8:8">
      <c r="H668684" s="12"/>
    </row>
    <row r="668685" spans="8:8">
      <c r="H668685" s="12"/>
    </row>
    <row r="668686" spans="8:8">
      <c r="H668686" s="12"/>
    </row>
    <row r="668687" spans="8:8">
      <c r="H668687" s="12"/>
    </row>
    <row r="668688" spans="8:8">
      <c r="H668688" s="12"/>
    </row>
    <row r="668689" spans="8:8">
      <c r="H668689" s="12"/>
    </row>
    <row r="668690" spans="8:8">
      <c r="H668690" s="12"/>
    </row>
    <row r="668691" spans="8:8">
      <c r="H668691" s="12"/>
    </row>
    <row r="668692" spans="8:8">
      <c r="H668692" s="12"/>
    </row>
    <row r="668693" spans="8:8">
      <c r="H668693" s="12"/>
    </row>
    <row r="668694" spans="8:8">
      <c r="H668694" s="12"/>
    </row>
    <row r="668695" spans="8:8">
      <c r="H668695" s="12"/>
    </row>
    <row r="668696" spans="8:8">
      <c r="H668696" s="12"/>
    </row>
    <row r="668697" spans="8:8">
      <c r="H668697" s="12"/>
    </row>
    <row r="668698" spans="8:8">
      <c r="H668698" s="12"/>
    </row>
    <row r="668699" spans="8:8">
      <c r="H668699" s="12"/>
    </row>
    <row r="668700" spans="8:8">
      <c r="H668700" s="12"/>
    </row>
    <row r="668701" spans="8:8">
      <c r="H668701" s="12"/>
    </row>
    <row r="668702" spans="8:8">
      <c r="H668702" s="12"/>
    </row>
    <row r="668703" spans="8:8">
      <c r="H668703" s="12"/>
    </row>
    <row r="668704" spans="8:8">
      <c r="H668704" s="12"/>
    </row>
    <row r="668705" spans="8:8">
      <c r="H668705" s="12"/>
    </row>
    <row r="668706" spans="8:8">
      <c r="H668706" s="12"/>
    </row>
    <row r="668707" spans="8:8">
      <c r="H668707" s="12"/>
    </row>
    <row r="668708" spans="8:8">
      <c r="H668708" s="12"/>
    </row>
    <row r="668709" spans="8:8">
      <c r="H668709" s="12"/>
    </row>
    <row r="668710" spans="8:8">
      <c r="H668710" s="12"/>
    </row>
    <row r="668711" spans="8:8">
      <c r="H668711" s="12"/>
    </row>
    <row r="668712" spans="8:8">
      <c r="H668712" s="12"/>
    </row>
    <row r="668713" spans="8:8">
      <c r="H668713" s="12"/>
    </row>
    <row r="668714" spans="8:8">
      <c r="H668714" s="12"/>
    </row>
    <row r="668715" spans="8:8">
      <c r="H668715" s="12"/>
    </row>
    <row r="668716" spans="8:8">
      <c r="H668716" s="12"/>
    </row>
    <row r="668717" spans="8:8">
      <c r="H668717" s="12"/>
    </row>
    <row r="668718" spans="8:8">
      <c r="H668718" s="12"/>
    </row>
    <row r="668719" spans="8:8">
      <c r="H668719" s="12"/>
    </row>
    <row r="668720" spans="8:8">
      <c r="H668720" s="12"/>
    </row>
    <row r="668721" spans="8:8">
      <c r="H668721" s="12"/>
    </row>
    <row r="668722" spans="8:8">
      <c r="H668722" s="12"/>
    </row>
    <row r="668723" spans="8:8">
      <c r="H668723" s="12"/>
    </row>
    <row r="668724" spans="8:8">
      <c r="H668724" s="12"/>
    </row>
    <row r="668725" spans="8:8">
      <c r="H668725" s="12"/>
    </row>
    <row r="668726" spans="8:8">
      <c r="H668726" s="12"/>
    </row>
    <row r="668727" spans="8:8">
      <c r="H668727" s="12"/>
    </row>
    <row r="668728" spans="8:8">
      <c r="H668728" s="12"/>
    </row>
    <row r="668729" spans="8:8">
      <c r="H668729" s="12"/>
    </row>
    <row r="668730" spans="8:8">
      <c r="H668730" s="12"/>
    </row>
    <row r="668731" spans="8:8">
      <c r="H668731" s="12"/>
    </row>
    <row r="668732" spans="8:8">
      <c r="H668732" s="12"/>
    </row>
    <row r="668733" spans="8:8">
      <c r="H668733" s="12"/>
    </row>
    <row r="668734" spans="8:8">
      <c r="H668734" s="12"/>
    </row>
    <row r="668735" spans="8:8">
      <c r="H668735" s="12"/>
    </row>
    <row r="668736" spans="8:8">
      <c r="H668736" s="12"/>
    </row>
    <row r="668737" spans="8:8">
      <c r="H668737" s="12"/>
    </row>
    <row r="668738" spans="8:8">
      <c r="H668738" s="12"/>
    </row>
    <row r="668739" spans="8:8">
      <c r="H668739" s="12"/>
    </row>
    <row r="668740" spans="8:8">
      <c r="H668740" s="12"/>
    </row>
    <row r="668741" spans="8:8">
      <c r="H668741" s="12"/>
    </row>
    <row r="668742" spans="8:8">
      <c r="H668742" s="12"/>
    </row>
    <row r="668743" spans="8:8">
      <c r="H668743" s="12"/>
    </row>
    <row r="668744" spans="8:8">
      <c r="H668744" s="12"/>
    </row>
    <row r="668745" spans="8:8">
      <c r="H668745" s="12"/>
    </row>
    <row r="668746" spans="8:8">
      <c r="H668746" s="12"/>
    </row>
    <row r="668747" spans="8:8">
      <c r="H668747" s="12"/>
    </row>
    <row r="668748" spans="8:8">
      <c r="H668748" s="12"/>
    </row>
    <row r="668749" spans="8:8">
      <c r="H668749" s="12"/>
    </row>
    <row r="668750" spans="8:8">
      <c r="H668750" s="12"/>
    </row>
    <row r="668751" spans="8:8">
      <c r="H668751" s="12"/>
    </row>
    <row r="668752" spans="8:8">
      <c r="H668752" s="12"/>
    </row>
    <row r="668753" spans="8:8">
      <c r="H668753" s="12"/>
    </row>
    <row r="668754" spans="8:8">
      <c r="H668754" s="12"/>
    </row>
    <row r="668755" spans="8:8">
      <c r="H668755" s="12"/>
    </row>
    <row r="668756" spans="8:8">
      <c r="H668756" s="12"/>
    </row>
    <row r="668757" spans="8:8">
      <c r="H668757" s="12"/>
    </row>
    <row r="668758" spans="8:8">
      <c r="H668758" s="12"/>
    </row>
    <row r="668759" spans="8:8">
      <c r="H668759" s="12"/>
    </row>
    <row r="668760" spans="8:8">
      <c r="H668760" s="12"/>
    </row>
    <row r="668761" spans="8:8">
      <c r="H668761" s="12"/>
    </row>
    <row r="668762" spans="8:8">
      <c r="H668762" s="12"/>
    </row>
    <row r="668763" spans="8:8">
      <c r="H668763" s="12"/>
    </row>
    <row r="668764" spans="8:8">
      <c r="H668764" s="12"/>
    </row>
    <row r="668765" spans="8:8">
      <c r="H668765" s="12"/>
    </row>
    <row r="668766" spans="8:8">
      <c r="H668766" s="12"/>
    </row>
    <row r="668767" spans="8:8">
      <c r="H668767" s="12"/>
    </row>
    <row r="668768" spans="8:8">
      <c r="H668768" s="12"/>
    </row>
    <row r="668769" spans="8:8">
      <c r="H668769" s="12"/>
    </row>
    <row r="668770" spans="8:8">
      <c r="H668770" s="12"/>
    </row>
    <row r="668771" spans="8:8">
      <c r="H668771" s="12"/>
    </row>
    <row r="668772" spans="8:8">
      <c r="H668772" s="12"/>
    </row>
    <row r="668773" spans="8:8">
      <c r="H668773" s="12"/>
    </row>
    <row r="668774" spans="8:8">
      <c r="H668774" s="12"/>
    </row>
    <row r="668775" spans="8:8">
      <c r="H668775" s="12"/>
    </row>
    <row r="668776" spans="8:8">
      <c r="H668776" s="12"/>
    </row>
    <row r="668777" spans="8:8">
      <c r="H668777" s="12"/>
    </row>
    <row r="668778" spans="8:8">
      <c r="H668778" s="12"/>
    </row>
    <row r="668779" spans="8:8">
      <c r="H668779" s="12"/>
    </row>
    <row r="668780" spans="8:8">
      <c r="H668780" s="12"/>
    </row>
    <row r="668781" spans="8:8">
      <c r="H668781" s="12"/>
    </row>
    <row r="668782" spans="8:8">
      <c r="H668782" s="12"/>
    </row>
    <row r="668783" spans="8:8">
      <c r="H668783" s="12"/>
    </row>
    <row r="668784" spans="8:8">
      <c r="H668784" s="12"/>
    </row>
    <row r="668785" spans="8:8">
      <c r="H668785" s="12"/>
    </row>
    <row r="668786" spans="8:8">
      <c r="H668786" s="12"/>
    </row>
    <row r="668787" spans="8:8">
      <c r="H668787" s="12"/>
    </row>
    <row r="668788" spans="8:8">
      <c r="H668788" s="12"/>
    </row>
    <row r="668789" spans="8:8">
      <c r="H668789" s="12"/>
    </row>
    <row r="668790" spans="8:8">
      <c r="H668790" s="12"/>
    </row>
    <row r="668791" spans="8:8">
      <c r="H668791" s="12"/>
    </row>
    <row r="668792" spans="8:8">
      <c r="H668792" s="12"/>
    </row>
    <row r="668793" spans="8:8">
      <c r="H668793" s="12"/>
    </row>
    <row r="668794" spans="8:8">
      <c r="H668794" s="12"/>
    </row>
    <row r="668795" spans="8:8">
      <c r="H668795" s="12"/>
    </row>
    <row r="668796" spans="8:8">
      <c r="H668796" s="12"/>
    </row>
    <row r="668797" spans="8:8">
      <c r="H668797" s="12"/>
    </row>
    <row r="668798" spans="8:8">
      <c r="H668798" s="12"/>
    </row>
    <row r="668799" spans="8:8">
      <c r="H668799" s="12"/>
    </row>
    <row r="668800" spans="8:8">
      <c r="H668800" s="12"/>
    </row>
    <row r="668801" spans="8:8">
      <c r="H668801" s="12"/>
    </row>
    <row r="668802" spans="8:8">
      <c r="H668802" s="12"/>
    </row>
    <row r="668803" spans="8:8">
      <c r="H668803" s="12"/>
    </row>
    <row r="668804" spans="8:8">
      <c r="H668804" s="12"/>
    </row>
    <row r="668805" spans="8:8">
      <c r="H668805" s="12"/>
    </row>
    <row r="668806" spans="8:8">
      <c r="H668806" s="12"/>
    </row>
    <row r="668807" spans="8:8">
      <c r="H668807" s="12"/>
    </row>
    <row r="668808" spans="8:8">
      <c r="H668808" s="12"/>
    </row>
    <row r="668809" spans="8:8">
      <c r="H668809" s="12"/>
    </row>
    <row r="668810" spans="8:8">
      <c r="H668810" s="12"/>
    </row>
    <row r="668811" spans="8:8">
      <c r="H668811" s="12"/>
    </row>
    <row r="668812" spans="8:8">
      <c r="H668812" s="12"/>
    </row>
    <row r="668813" spans="8:8">
      <c r="H668813" s="12"/>
    </row>
    <row r="668814" spans="8:8">
      <c r="H668814" s="12"/>
    </row>
    <row r="668815" spans="8:8">
      <c r="H668815" s="12"/>
    </row>
    <row r="668816" spans="8:8">
      <c r="H668816" s="12"/>
    </row>
    <row r="668817" spans="8:8">
      <c r="H668817" s="12"/>
    </row>
    <row r="668818" spans="8:8">
      <c r="H668818" s="12"/>
    </row>
    <row r="668819" spans="8:8">
      <c r="H668819" s="12"/>
    </row>
    <row r="668820" spans="8:8">
      <c r="H668820" s="12"/>
    </row>
    <row r="668821" spans="8:8">
      <c r="H668821" s="12"/>
    </row>
    <row r="668822" spans="8:8">
      <c r="H668822" s="12"/>
    </row>
    <row r="668823" spans="8:8">
      <c r="H668823" s="12"/>
    </row>
    <row r="668824" spans="8:8">
      <c r="H668824" s="12"/>
    </row>
    <row r="668825" spans="8:8">
      <c r="H668825" s="12"/>
    </row>
    <row r="668826" spans="8:8">
      <c r="H668826" s="12"/>
    </row>
    <row r="668827" spans="8:8">
      <c r="H668827" s="12"/>
    </row>
    <row r="668828" spans="8:8">
      <c r="H668828" s="12"/>
    </row>
    <row r="668829" spans="8:8">
      <c r="H668829" s="12"/>
    </row>
    <row r="668830" spans="8:8">
      <c r="H668830" s="12"/>
    </row>
    <row r="668831" spans="8:8">
      <c r="H668831" s="12"/>
    </row>
    <row r="668832" spans="8:8">
      <c r="H668832" s="12"/>
    </row>
    <row r="668833" spans="8:8">
      <c r="H668833" s="12"/>
    </row>
    <row r="668834" spans="8:8">
      <c r="H668834" s="12"/>
    </row>
    <row r="668835" spans="8:8">
      <c r="H668835" s="12"/>
    </row>
    <row r="668836" spans="8:8">
      <c r="H668836" s="12"/>
    </row>
    <row r="668837" spans="8:8">
      <c r="H668837" s="12"/>
    </row>
    <row r="668838" spans="8:8">
      <c r="H668838" s="12"/>
    </row>
    <row r="668839" spans="8:8">
      <c r="H668839" s="12"/>
    </row>
    <row r="668840" spans="8:8">
      <c r="H668840" s="12"/>
    </row>
    <row r="668841" spans="8:8">
      <c r="H668841" s="12"/>
    </row>
    <row r="668842" spans="8:8">
      <c r="H668842" s="12"/>
    </row>
    <row r="668843" spans="8:8">
      <c r="H668843" s="12"/>
    </row>
    <row r="668844" spans="8:8">
      <c r="H668844" s="12"/>
    </row>
    <row r="668845" spans="8:8">
      <c r="H668845" s="12"/>
    </row>
    <row r="668846" spans="8:8">
      <c r="H668846" s="12"/>
    </row>
    <row r="668847" spans="8:8">
      <c r="H668847" s="12"/>
    </row>
    <row r="668848" spans="8:8">
      <c r="H668848" s="12"/>
    </row>
    <row r="668849" spans="8:8">
      <c r="H668849" s="12"/>
    </row>
    <row r="668850" spans="8:8">
      <c r="H668850" s="12"/>
    </row>
    <row r="668851" spans="8:8">
      <c r="H668851" s="12"/>
    </row>
    <row r="668852" spans="8:8">
      <c r="H668852" s="12"/>
    </row>
    <row r="668853" spans="8:8">
      <c r="H668853" s="12"/>
    </row>
    <row r="668854" spans="8:8">
      <c r="H668854" s="12"/>
    </row>
    <row r="668855" spans="8:8">
      <c r="H668855" s="12"/>
    </row>
    <row r="668856" spans="8:8">
      <c r="H668856" s="12"/>
    </row>
    <row r="668857" spans="8:8">
      <c r="H668857" s="12"/>
    </row>
    <row r="668858" spans="8:8">
      <c r="H668858" s="12"/>
    </row>
    <row r="668859" spans="8:8">
      <c r="H668859" s="12"/>
    </row>
    <row r="668860" spans="8:8">
      <c r="H668860" s="12"/>
    </row>
    <row r="668861" spans="8:8">
      <c r="H668861" s="12"/>
    </row>
    <row r="668862" spans="8:8">
      <c r="H668862" s="12"/>
    </row>
    <row r="668863" spans="8:8">
      <c r="H668863" s="12"/>
    </row>
    <row r="668864" spans="8:8">
      <c r="H668864" s="12"/>
    </row>
    <row r="668865" spans="8:8">
      <c r="H668865" s="12"/>
    </row>
    <row r="668866" spans="8:8">
      <c r="H668866" s="12"/>
    </row>
    <row r="668867" spans="8:8">
      <c r="H668867" s="12"/>
    </row>
    <row r="668868" spans="8:8">
      <c r="H668868" s="12"/>
    </row>
    <row r="668869" spans="8:8">
      <c r="H668869" s="12"/>
    </row>
    <row r="668870" spans="8:8">
      <c r="H668870" s="12"/>
    </row>
    <row r="668871" spans="8:8">
      <c r="H668871" s="12"/>
    </row>
    <row r="668872" spans="8:8">
      <c r="H668872" s="12"/>
    </row>
    <row r="668873" spans="8:8">
      <c r="H668873" s="12"/>
    </row>
    <row r="668874" spans="8:8">
      <c r="H668874" s="12"/>
    </row>
    <row r="668875" spans="8:8">
      <c r="H668875" s="12"/>
    </row>
    <row r="668876" spans="8:8">
      <c r="H668876" s="12"/>
    </row>
    <row r="668877" spans="8:8">
      <c r="H668877" s="12"/>
    </row>
    <row r="668878" spans="8:8">
      <c r="H668878" s="12"/>
    </row>
    <row r="668879" spans="8:8">
      <c r="H668879" s="12"/>
    </row>
    <row r="668880" spans="8:8">
      <c r="H668880" s="12"/>
    </row>
    <row r="668881" spans="8:8">
      <c r="H668881" s="12"/>
    </row>
    <row r="668882" spans="8:8">
      <c r="H668882" s="12"/>
    </row>
    <row r="668883" spans="8:8">
      <c r="H668883" s="12"/>
    </row>
    <row r="668884" spans="8:8">
      <c r="H668884" s="12"/>
    </row>
    <row r="668885" spans="8:8">
      <c r="H668885" s="12"/>
    </row>
    <row r="668886" spans="8:8">
      <c r="H668886" s="12"/>
    </row>
    <row r="668887" spans="8:8">
      <c r="H668887" s="12"/>
    </row>
    <row r="668888" spans="8:8">
      <c r="H668888" s="12"/>
    </row>
    <row r="668889" spans="8:8">
      <c r="H668889" s="12"/>
    </row>
    <row r="668890" spans="8:8">
      <c r="H668890" s="12"/>
    </row>
    <row r="668891" spans="8:8">
      <c r="H668891" s="12"/>
    </row>
    <row r="668892" spans="8:8">
      <c r="H668892" s="12"/>
    </row>
    <row r="668893" spans="8:8">
      <c r="H668893" s="12"/>
    </row>
    <row r="668894" spans="8:8">
      <c r="H668894" s="12"/>
    </row>
    <row r="668895" spans="8:8">
      <c r="H668895" s="12"/>
    </row>
    <row r="668896" spans="8:8">
      <c r="H668896" s="12"/>
    </row>
    <row r="668897" spans="8:8">
      <c r="H668897" s="12"/>
    </row>
    <row r="668898" spans="8:8">
      <c r="H668898" s="12"/>
    </row>
    <row r="668899" spans="8:8">
      <c r="H668899" s="12"/>
    </row>
    <row r="668900" spans="8:8">
      <c r="H668900" s="12"/>
    </row>
    <row r="668901" spans="8:8">
      <c r="H668901" s="12"/>
    </row>
    <row r="668902" spans="8:8">
      <c r="H668902" s="12"/>
    </row>
    <row r="668903" spans="8:8">
      <c r="H668903" s="12"/>
    </row>
    <row r="668904" spans="8:8">
      <c r="H668904" s="12"/>
    </row>
    <row r="668905" spans="8:8">
      <c r="H668905" s="12"/>
    </row>
    <row r="668906" spans="8:8">
      <c r="H668906" s="12"/>
    </row>
    <row r="668907" spans="8:8">
      <c r="H668907" s="12"/>
    </row>
    <row r="668908" spans="8:8">
      <c r="H668908" s="12"/>
    </row>
    <row r="668909" spans="8:8">
      <c r="H668909" s="12"/>
    </row>
    <row r="668910" spans="8:8">
      <c r="H668910" s="12"/>
    </row>
    <row r="668911" spans="8:8">
      <c r="H668911" s="12"/>
    </row>
    <row r="668912" spans="8:8">
      <c r="H668912" s="12"/>
    </row>
    <row r="668913" spans="8:8">
      <c r="H668913" s="12"/>
    </row>
    <row r="668914" spans="8:8">
      <c r="H668914" s="12"/>
    </row>
    <row r="668915" spans="8:8">
      <c r="H668915" s="12"/>
    </row>
    <row r="668916" spans="8:8">
      <c r="H668916" s="12"/>
    </row>
    <row r="668917" spans="8:8">
      <c r="H668917" s="12"/>
    </row>
    <row r="668918" spans="8:8">
      <c r="H668918" s="12"/>
    </row>
    <row r="668919" spans="8:8">
      <c r="H668919" s="12"/>
    </row>
    <row r="668920" spans="8:8">
      <c r="H668920" s="12"/>
    </row>
    <row r="668921" spans="8:8">
      <c r="H668921" s="12"/>
    </row>
    <row r="668922" spans="8:8">
      <c r="H668922" s="12"/>
    </row>
    <row r="668923" spans="8:8">
      <c r="H668923" s="12"/>
    </row>
    <row r="668924" spans="8:8">
      <c r="H668924" s="12"/>
    </row>
    <row r="668925" spans="8:8">
      <c r="H668925" s="12"/>
    </row>
    <row r="668926" spans="8:8">
      <c r="H668926" s="12"/>
    </row>
    <row r="668927" spans="8:8">
      <c r="H668927" s="12"/>
    </row>
    <row r="668928" spans="8:8">
      <c r="H668928" s="12"/>
    </row>
    <row r="668929" spans="8:8">
      <c r="H668929" s="12"/>
    </row>
    <row r="668930" spans="8:8">
      <c r="H668930" s="12"/>
    </row>
    <row r="668931" spans="8:8">
      <c r="H668931" s="12"/>
    </row>
    <row r="668932" spans="8:8">
      <c r="H668932" s="12"/>
    </row>
    <row r="668933" spans="8:8">
      <c r="H668933" s="12"/>
    </row>
    <row r="668934" spans="8:8">
      <c r="H668934" s="12"/>
    </row>
    <row r="668935" spans="8:8">
      <c r="H668935" s="12"/>
    </row>
    <row r="668936" spans="8:8">
      <c r="H668936" s="12"/>
    </row>
    <row r="668937" spans="8:8">
      <c r="H668937" s="12"/>
    </row>
    <row r="668938" spans="8:8">
      <c r="H668938" s="12"/>
    </row>
    <row r="668939" spans="8:8">
      <c r="H668939" s="12"/>
    </row>
    <row r="668940" spans="8:8">
      <c r="H668940" s="12"/>
    </row>
    <row r="668941" spans="8:8">
      <c r="H668941" s="12"/>
    </row>
    <row r="668942" spans="8:8">
      <c r="H668942" s="12"/>
    </row>
    <row r="668943" spans="8:8">
      <c r="H668943" s="12"/>
    </row>
    <row r="668944" spans="8:8">
      <c r="H668944" s="12"/>
    </row>
    <row r="668945" spans="8:8">
      <c r="H668945" s="12"/>
    </row>
    <row r="668946" spans="8:8">
      <c r="H668946" s="12"/>
    </row>
    <row r="668947" spans="8:8">
      <c r="H668947" s="12"/>
    </row>
    <row r="668948" spans="8:8">
      <c r="H668948" s="12"/>
    </row>
    <row r="668949" spans="8:8">
      <c r="H668949" s="12"/>
    </row>
    <row r="668950" spans="8:8">
      <c r="H668950" s="12"/>
    </row>
    <row r="668951" spans="8:8">
      <c r="H668951" s="12"/>
    </row>
    <row r="668952" spans="8:8">
      <c r="H668952" s="12"/>
    </row>
    <row r="668953" spans="8:8">
      <c r="H668953" s="12"/>
    </row>
    <row r="668954" spans="8:8">
      <c r="H668954" s="12"/>
    </row>
    <row r="668955" spans="8:8">
      <c r="H668955" s="12"/>
    </row>
    <row r="668956" spans="8:8">
      <c r="H668956" s="12"/>
    </row>
    <row r="668957" spans="8:8">
      <c r="H668957" s="12"/>
    </row>
    <row r="668958" spans="8:8">
      <c r="H668958" s="12"/>
    </row>
    <row r="668959" spans="8:8">
      <c r="H668959" s="12"/>
    </row>
    <row r="668960" spans="8:8">
      <c r="H668960" s="12"/>
    </row>
    <row r="668961" spans="8:8">
      <c r="H668961" s="12"/>
    </row>
    <row r="668962" spans="8:8">
      <c r="H668962" s="12"/>
    </row>
    <row r="668963" spans="8:8">
      <c r="H668963" s="12"/>
    </row>
    <row r="668964" spans="8:8">
      <c r="H668964" s="12"/>
    </row>
    <row r="668965" spans="8:8">
      <c r="H668965" s="12"/>
    </row>
    <row r="668966" spans="8:8">
      <c r="H668966" s="12"/>
    </row>
    <row r="668967" spans="8:8">
      <c r="H668967" s="12"/>
    </row>
    <row r="668968" spans="8:8">
      <c r="H668968" s="12"/>
    </row>
    <row r="668969" spans="8:8">
      <c r="H668969" s="12"/>
    </row>
    <row r="668970" spans="8:8">
      <c r="H668970" s="12"/>
    </row>
    <row r="668971" spans="8:8">
      <c r="H668971" s="12"/>
    </row>
    <row r="668972" spans="8:8">
      <c r="H668972" s="12"/>
    </row>
    <row r="668973" spans="8:8">
      <c r="H668973" s="12"/>
    </row>
    <row r="668974" spans="8:8">
      <c r="H668974" s="12"/>
    </row>
    <row r="668975" spans="8:8">
      <c r="H668975" s="12"/>
    </row>
    <row r="668976" spans="8:8">
      <c r="H668976" s="12"/>
    </row>
    <row r="668977" spans="8:8">
      <c r="H668977" s="12"/>
    </row>
    <row r="668978" spans="8:8">
      <c r="H668978" s="12"/>
    </row>
    <row r="668979" spans="8:8">
      <c r="H668979" s="12"/>
    </row>
    <row r="668980" spans="8:8">
      <c r="H668980" s="12"/>
    </row>
    <row r="668981" spans="8:8">
      <c r="H668981" s="12"/>
    </row>
    <row r="668982" spans="8:8">
      <c r="H668982" s="12"/>
    </row>
    <row r="668983" spans="8:8">
      <c r="H668983" s="12"/>
    </row>
    <row r="668984" spans="8:8">
      <c r="H668984" s="12"/>
    </row>
    <row r="668985" spans="8:8">
      <c r="H668985" s="12"/>
    </row>
    <row r="668986" spans="8:8">
      <c r="H668986" s="12"/>
    </row>
    <row r="668987" spans="8:8">
      <c r="H668987" s="12"/>
    </row>
    <row r="668988" spans="8:8">
      <c r="H668988" s="12"/>
    </row>
    <row r="668989" spans="8:8">
      <c r="H668989" s="12"/>
    </row>
    <row r="668990" spans="8:8">
      <c r="H668990" s="12"/>
    </row>
    <row r="668991" spans="8:8">
      <c r="H668991" s="12"/>
    </row>
    <row r="668992" spans="8:8">
      <c r="H668992" s="12"/>
    </row>
    <row r="668993" spans="8:8">
      <c r="H668993" s="12"/>
    </row>
    <row r="668994" spans="8:8">
      <c r="H668994" s="12"/>
    </row>
    <row r="668995" spans="8:8">
      <c r="H668995" s="12"/>
    </row>
    <row r="668996" spans="8:8">
      <c r="H668996" s="12"/>
    </row>
    <row r="668997" spans="8:8">
      <c r="H668997" s="12"/>
    </row>
    <row r="668998" spans="8:8">
      <c r="H668998" s="12"/>
    </row>
    <row r="668999" spans="8:8">
      <c r="H668999" s="12"/>
    </row>
    <row r="669000" spans="8:8">
      <c r="H669000" s="12"/>
    </row>
    <row r="669001" spans="8:8">
      <c r="H669001" s="12"/>
    </row>
    <row r="669002" spans="8:8">
      <c r="H669002" s="12"/>
    </row>
    <row r="669003" spans="8:8">
      <c r="H669003" s="12"/>
    </row>
    <row r="669004" spans="8:8">
      <c r="H669004" s="12"/>
    </row>
    <row r="669005" spans="8:8">
      <c r="H669005" s="12"/>
    </row>
    <row r="669006" spans="8:8">
      <c r="H669006" s="12"/>
    </row>
    <row r="669007" spans="8:8">
      <c r="H669007" s="12"/>
    </row>
    <row r="669008" spans="8:8">
      <c r="H669008" s="12"/>
    </row>
    <row r="669009" spans="8:8">
      <c r="H669009" s="12"/>
    </row>
    <row r="669010" spans="8:8">
      <c r="H669010" s="12"/>
    </row>
    <row r="669011" spans="8:8">
      <c r="H669011" s="12"/>
    </row>
    <row r="669012" spans="8:8">
      <c r="H669012" s="12"/>
    </row>
    <row r="669013" spans="8:8">
      <c r="H669013" s="12"/>
    </row>
    <row r="669014" spans="8:8">
      <c r="H669014" s="12"/>
    </row>
    <row r="669015" spans="8:8">
      <c r="H669015" s="12"/>
    </row>
    <row r="669016" spans="8:8">
      <c r="H669016" s="12"/>
    </row>
    <row r="669017" spans="8:8">
      <c r="H669017" s="12"/>
    </row>
    <row r="669018" spans="8:8">
      <c r="H669018" s="12"/>
    </row>
    <row r="669019" spans="8:8">
      <c r="H669019" s="12"/>
    </row>
    <row r="669020" spans="8:8">
      <c r="H669020" s="12"/>
    </row>
    <row r="669021" spans="8:8">
      <c r="H669021" s="12"/>
    </row>
    <row r="669022" spans="8:8">
      <c r="H669022" s="12"/>
    </row>
    <row r="669023" spans="8:8">
      <c r="H669023" s="12"/>
    </row>
    <row r="669024" spans="8:8">
      <c r="H669024" s="12"/>
    </row>
    <row r="669025" spans="8:8">
      <c r="H669025" s="12"/>
    </row>
    <row r="669026" spans="8:8">
      <c r="H669026" s="12"/>
    </row>
    <row r="669027" spans="8:8">
      <c r="H669027" s="12"/>
    </row>
    <row r="669028" spans="8:8">
      <c r="H669028" s="12"/>
    </row>
    <row r="669029" spans="8:8">
      <c r="H669029" s="12"/>
    </row>
    <row r="669030" spans="8:8">
      <c r="H669030" s="12"/>
    </row>
    <row r="669031" spans="8:8">
      <c r="H669031" s="12"/>
    </row>
    <row r="669032" spans="8:8">
      <c r="H669032" s="12"/>
    </row>
    <row r="669033" spans="8:8">
      <c r="H669033" s="12"/>
    </row>
    <row r="669034" spans="8:8">
      <c r="H669034" s="12"/>
    </row>
    <row r="669035" spans="8:8">
      <c r="H669035" s="12"/>
    </row>
    <row r="669036" spans="8:8">
      <c r="H669036" s="12"/>
    </row>
    <row r="669037" spans="8:8">
      <c r="H669037" s="12"/>
    </row>
    <row r="669038" spans="8:8">
      <c r="H669038" s="12"/>
    </row>
    <row r="669039" spans="8:8">
      <c r="H669039" s="12"/>
    </row>
    <row r="669040" spans="8:8">
      <c r="H669040" s="12"/>
    </row>
    <row r="669041" spans="8:8">
      <c r="H669041" s="12"/>
    </row>
    <row r="669042" spans="8:8">
      <c r="H669042" s="12"/>
    </row>
    <row r="669043" spans="8:8">
      <c r="H669043" s="12"/>
    </row>
    <row r="669044" spans="8:8">
      <c r="H669044" s="12"/>
    </row>
    <row r="669045" spans="8:8">
      <c r="H669045" s="12"/>
    </row>
    <row r="669046" spans="8:8">
      <c r="H669046" s="12"/>
    </row>
    <row r="669047" spans="8:8">
      <c r="H669047" s="12"/>
    </row>
    <row r="669048" spans="8:8">
      <c r="H669048" s="12"/>
    </row>
    <row r="669049" spans="8:8">
      <c r="H669049" s="12"/>
    </row>
    <row r="669050" spans="8:8">
      <c r="H669050" s="12"/>
    </row>
    <row r="669051" spans="8:8">
      <c r="H669051" s="12"/>
    </row>
    <row r="669052" spans="8:8">
      <c r="H669052" s="12"/>
    </row>
    <row r="669053" spans="8:8">
      <c r="H669053" s="12"/>
    </row>
    <row r="669054" spans="8:8">
      <c r="H669054" s="12"/>
    </row>
    <row r="669055" spans="8:8">
      <c r="H669055" s="12"/>
    </row>
    <row r="669056" spans="8:8">
      <c r="H669056" s="12"/>
    </row>
    <row r="669057" spans="8:8">
      <c r="H669057" s="12"/>
    </row>
    <row r="669058" spans="8:8">
      <c r="H669058" s="12"/>
    </row>
    <row r="669059" spans="8:8">
      <c r="H669059" s="12"/>
    </row>
    <row r="669060" spans="8:8">
      <c r="H669060" s="12"/>
    </row>
    <row r="669061" spans="8:8">
      <c r="H669061" s="12"/>
    </row>
    <row r="669062" spans="8:8">
      <c r="H669062" s="12"/>
    </row>
    <row r="669063" spans="8:8">
      <c r="H669063" s="12"/>
    </row>
    <row r="669064" spans="8:8">
      <c r="H669064" s="12"/>
    </row>
    <row r="669065" spans="8:8">
      <c r="H669065" s="12"/>
    </row>
    <row r="669066" spans="8:8">
      <c r="H669066" s="12"/>
    </row>
    <row r="669067" spans="8:8">
      <c r="H669067" s="12"/>
    </row>
    <row r="669068" spans="8:8">
      <c r="H669068" s="12"/>
    </row>
    <row r="669069" spans="8:8">
      <c r="H669069" s="12"/>
    </row>
    <row r="669070" spans="8:8">
      <c r="H669070" s="12"/>
    </row>
    <row r="669071" spans="8:8">
      <c r="H669071" s="12"/>
    </row>
    <row r="669072" spans="8:8">
      <c r="H669072" s="12"/>
    </row>
    <row r="669073" spans="8:8">
      <c r="H669073" s="12"/>
    </row>
    <row r="669074" spans="8:8">
      <c r="H669074" s="12"/>
    </row>
    <row r="669075" spans="8:8">
      <c r="H669075" s="12"/>
    </row>
    <row r="669076" spans="8:8">
      <c r="H669076" s="12"/>
    </row>
    <row r="669077" spans="8:8">
      <c r="H669077" s="12"/>
    </row>
    <row r="669078" spans="8:8">
      <c r="H669078" s="12"/>
    </row>
    <row r="669079" spans="8:8">
      <c r="H669079" s="12"/>
    </row>
    <row r="669080" spans="8:8">
      <c r="H669080" s="12"/>
    </row>
    <row r="669081" spans="8:8">
      <c r="H669081" s="12"/>
    </row>
    <row r="669082" spans="8:8">
      <c r="H669082" s="12"/>
    </row>
    <row r="669083" spans="8:8">
      <c r="H669083" s="12"/>
    </row>
    <row r="669084" spans="8:8">
      <c r="H669084" s="12"/>
    </row>
    <row r="669085" spans="8:8">
      <c r="H669085" s="12"/>
    </row>
    <row r="669086" spans="8:8">
      <c r="H669086" s="12"/>
    </row>
    <row r="669087" spans="8:8">
      <c r="H669087" s="12"/>
    </row>
    <row r="669088" spans="8:8">
      <c r="H669088" s="12"/>
    </row>
    <row r="669089" spans="8:8">
      <c r="H669089" s="12"/>
    </row>
    <row r="669090" spans="8:8">
      <c r="H669090" s="12"/>
    </row>
    <row r="669091" spans="8:8">
      <c r="H669091" s="12"/>
    </row>
    <row r="669092" spans="8:8">
      <c r="H669092" s="12"/>
    </row>
    <row r="669093" spans="8:8">
      <c r="H669093" s="12"/>
    </row>
    <row r="669094" spans="8:8">
      <c r="H669094" s="12"/>
    </row>
    <row r="669095" spans="8:8">
      <c r="H669095" s="12"/>
    </row>
    <row r="669096" spans="8:8">
      <c r="H669096" s="12"/>
    </row>
    <row r="669097" spans="8:8">
      <c r="H669097" s="12"/>
    </row>
    <row r="669098" spans="8:8">
      <c r="H669098" s="12"/>
    </row>
    <row r="669099" spans="8:8">
      <c r="H669099" s="12"/>
    </row>
    <row r="669100" spans="8:8">
      <c r="H669100" s="12"/>
    </row>
    <row r="669101" spans="8:8">
      <c r="H669101" s="12"/>
    </row>
    <row r="669102" spans="8:8">
      <c r="H669102" s="12"/>
    </row>
    <row r="669103" spans="8:8">
      <c r="H669103" s="12"/>
    </row>
    <row r="669104" spans="8:8">
      <c r="H669104" s="12"/>
    </row>
    <row r="669105" spans="8:8">
      <c r="H669105" s="12"/>
    </row>
    <row r="669106" spans="8:8">
      <c r="H669106" s="12"/>
    </row>
    <row r="669107" spans="8:8">
      <c r="H669107" s="12"/>
    </row>
    <row r="669108" spans="8:8">
      <c r="H669108" s="12"/>
    </row>
    <row r="669109" spans="8:8">
      <c r="H669109" s="12"/>
    </row>
    <row r="669110" spans="8:8">
      <c r="H669110" s="12"/>
    </row>
    <row r="669111" spans="8:8">
      <c r="H669111" s="12"/>
    </row>
    <row r="669112" spans="8:8">
      <c r="H669112" s="12"/>
    </row>
    <row r="669113" spans="8:8">
      <c r="H669113" s="12"/>
    </row>
    <row r="669114" spans="8:8">
      <c r="H669114" s="12"/>
    </row>
    <row r="669115" spans="8:8">
      <c r="H669115" s="12"/>
    </row>
    <row r="669116" spans="8:8">
      <c r="H669116" s="12"/>
    </row>
    <row r="669117" spans="8:8">
      <c r="H669117" s="12"/>
    </row>
    <row r="669118" spans="8:8">
      <c r="H669118" s="12"/>
    </row>
    <row r="669119" spans="8:8">
      <c r="H669119" s="12"/>
    </row>
    <row r="669120" spans="8:8">
      <c r="H669120" s="12"/>
    </row>
    <row r="669121" spans="8:8">
      <c r="H669121" s="12"/>
    </row>
    <row r="669122" spans="8:8">
      <c r="H669122" s="12"/>
    </row>
    <row r="669123" spans="8:8">
      <c r="H669123" s="12"/>
    </row>
    <row r="669124" spans="8:8">
      <c r="H669124" s="12"/>
    </row>
    <row r="669125" spans="8:8">
      <c r="H669125" s="12"/>
    </row>
    <row r="669126" spans="8:8">
      <c r="H669126" s="12"/>
    </row>
    <row r="669127" spans="8:8">
      <c r="H669127" s="12"/>
    </row>
    <row r="669128" spans="8:8">
      <c r="H669128" s="12"/>
    </row>
    <row r="669129" spans="8:8">
      <c r="H669129" s="12"/>
    </row>
    <row r="669130" spans="8:8">
      <c r="H669130" s="12"/>
    </row>
    <row r="669131" spans="8:8">
      <c r="H669131" s="12"/>
    </row>
    <row r="669132" spans="8:8">
      <c r="H669132" s="12"/>
    </row>
    <row r="669133" spans="8:8">
      <c r="H669133" s="12"/>
    </row>
    <row r="669134" spans="8:8">
      <c r="H669134" s="12"/>
    </row>
    <row r="669135" spans="8:8">
      <c r="H669135" s="12"/>
    </row>
    <row r="669136" spans="8:8">
      <c r="H669136" s="12"/>
    </row>
    <row r="669137" spans="8:8">
      <c r="H669137" s="12"/>
    </row>
    <row r="669138" spans="8:8">
      <c r="H669138" s="12"/>
    </row>
    <row r="669139" spans="8:8">
      <c r="H669139" s="12"/>
    </row>
    <row r="669140" spans="8:8">
      <c r="H669140" s="12"/>
    </row>
    <row r="669141" spans="8:8">
      <c r="H669141" s="12"/>
    </row>
    <row r="669142" spans="8:8">
      <c r="H669142" s="12"/>
    </row>
    <row r="669143" spans="8:8">
      <c r="H669143" s="12"/>
    </row>
    <row r="669144" spans="8:8">
      <c r="H669144" s="12"/>
    </row>
    <row r="669145" spans="8:8">
      <c r="H669145" s="12"/>
    </row>
    <row r="669146" spans="8:8">
      <c r="H669146" s="12"/>
    </row>
    <row r="669147" spans="8:8">
      <c r="H669147" s="12"/>
    </row>
    <row r="669148" spans="8:8">
      <c r="H669148" s="12"/>
    </row>
    <row r="669149" spans="8:8">
      <c r="H669149" s="12"/>
    </row>
    <row r="669150" spans="8:8">
      <c r="H669150" s="12"/>
    </row>
    <row r="669151" spans="8:8">
      <c r="H669151" s="12"/>
    </row>
    <row r="669152" spans="8:8">
      <c r="H669152" s="12"/>
    </row>
    <row r="669153" spans="8:8">
      <c r="H669153" s="12"/>
    </row>
    <row r="669154" spans="8:8">
      <c r="H669154" s="12"/>
    </row>
    <row r="669155" spans="8:8">
      <c r="H669155" s="12"/>
    </row>
    <row r="669156" spans="8:8">
      <c r="H669156" s="12"/>
    </row>
    <row r="669157" spans="8:8">
      <c r="H669157" s="12"/>
    </row>
    <row r="669158" spans="8:8">
      <c r="H669158" s="12"/>
    </row>
    <row r="669159" spans="8:8">
      <c r="H669159" s="12"/>
    </row>
    <row r="669160" spans="8:8">
      <c r="H669160" s="12"/>
    </row>
    <row r="669161" spans="8:8">
      <c r="H669161" s="12"/>
    </row>
    <row r="669162" spans="8:8">
      <c r="H669162" s="12"/>
    </row>
    <row r="669163" spans="8:8">
      <c r="H669163" s="12"/>
    </row>
    <row r="669164" spans="8:8">
      <c r="H669164" s="12"/>
    </row>
    <row r="669165" spans="8:8">
      <c r="H669165" s="12"/>
    </row>
    <row r="669166" spans="8:8">
      <c r="H669166" s="12"/>
    </row>
    <row r="669167" spans="8:8">
      <c r="H669167" s="12"/>
    </row>
    <row r="669168" spans="8:8">
      <c r="H669168" s="12"/>
    </row>
    <row r="669169" spans="8:8">
      <c r="H669169" s="12"/>
    </row>
    <row r="669170" spans="8:8">
      <c r="H669170" s="12"/>
    </row>
    <row r="669171" spans="8:8">
      <c r="H669171" s="12"/>
    </row>
    <row r="669172" spans="8:8">
      <c r="H669172" s="12"/>
    </row>
    <row r="669173" spans="8:8">
      <c r="H669173" s="12"/>
    </row>
    <row r="669174" spans="8:8">
      <c r="H669174" s="12"/>
    </row>
    <row r="669175" spans="8:8">
      <c r="H669175" s="12"/>
    </row>
    <row r="669176" spans="8:8">
      <c r="H669176" s="12"/>
    </row>
    <row r="669177" spans="8:8">
      <c r="H669177" s="12"/>
    </row>
    <row r="669178" spans="8:8">
      <c r="H669178" s="12"/>
    </row>
    <row r="669179" spans="8:8">
      <c r="H669179" s="12"/>
    </row>
    <row r="669180" spans="8:8">
      <c r="H669180" s="12"/>
    </row>
    <row r="669181" spans="8:8">
      <c r="H669181" s="12"/>
    </row>
    <row r="669182" spans="8:8">
      <c r="H669182" s="12"/>
    </row>
    <row r="669183" spans="8:8">
      <c r="H669183" s="12"/>
    </row>
    <row r="669184" spans="8:8">
      <c r="H669184" s="12"/>
    </row>
    <row r="669185" spans="8:8">
      <c r="H669185" s="12"/>
    </row>
    <row r="669186" spans="8:8">
      <c r="H669186" s="12"/>
    </row>
    <row r="669187" spans="8:8">
      <c r="H669187" s="12"/>
    </row>
    <row r="669188" spans="8:8">
      <c r="H669188" s="12"/>
    </row>
    <row r="669189" spans="8:8">
      <c r="H669189" s="12"/>
    </row>
    <row r="669190" spans="8:8">
      <c r="H669190" s="12"/>
    </row>
    <row r="669191" spans="8:8">
      <c r="H669191" s="12"/>
    </row>
    <row r="669192" spans="8:8">
      <c r="H669192" s="12"/>
    </row>
    <row r="669193" spans="8:8">
      <c r="H669193" s="12"/>
    </row>
    <row r="669194" spans="8:8">
      <c r="H669194" s="12"/>
    </row>
    <row r="669195" spans="8:8">
      <c r="H669195" s="12"/>
    </row>
    <row r="669196" spans="8:8">
      <c r="H669196" s="12"/>
    </row>
    <row r="669197" spans="8:8">
      <c r="H669197" s="12"/>
    </row>
    <row r="669198" spans="8:8">
      <c r="H669198" s="12"/>
    </row>
    <row r="669199" spans="8:8">
      <c r="H669199" s="12"/>
    </row>
    <row r="669200" spans="8:8">
      <c r="H669200" s="12"/>
    </row>
    <row r="669201" spans="8:8">
      <c r="H669201" s="12"/>
    </row>
    <row r="669202" spans="8:8">
      <c r="H669202" s="12"/>
    </row>
    <row r="669203" spans="8:8">
      <c r="H669203" s="12"/>
    </row>
    <row r="669204" spans="8:8">
      <c r="H669204" s="12"/>
    </row>
    <row r="669205" spans="8:8">
      <c r="H669205" s="12"/>
    </row>
    <row r="669206" spans="8:8">
      <c r="H669206" s="12"/>
    </row>
    <row r="669207" spans="8:8">
      <c r="H669207" s="12"/>
    </row>
    <row r="669208" spans="8:8">
      <c r="H669208" s="12"/>
    </row>
    <row r="669209" spans="8:8">
      <c r="H669209" s="12"/>
    </row>
    <row r="669210" spans="8:8">
      <c r="H669210" s="12"/>
    </row>
    <row r="669211" spans="8:8">
      <c r="H669211" s="12"/>
    </row>
    <row r="669212" spans="8:8">
      <c r="H669212" s="12"/>
    </row>
    <row r="669213" spans="8:8">
      <c r="H669213" s="12"/>
    </row>
    <row r="669214" spans="8:8">
      <c r="H669214" s="12"/>
    </row>
    <row r="669215" spans="8:8">
      <c r="H669215" s="12"/>
    </row>
    <row r="669216" spans="8:8">
      <c r="H669216" s="12"/>
    </row>
    <row r="669217" spans="8:8">
      <c r="H669217" s="12"/>
    </row>
    <row r="669218" spans="8:8">
      <c r="H669218" s="12"/>
    </row>
    <row r="669219" spans="8:8">
      <c r="H669219" s="12"/>
    </row>
    <row r="669220" spans="8:8">
      <c r="H669220" s="12"/>
    </row>
    <row r="669221" spans="8:8">
      <c r="H669221" s="12"/>
    </row>
    <row r="669222" spans="8:8">
      <c r="H669222" s="12"/>
    </row>
    <row r="669223" spans="8:8">
      <c r="H669223" s="12"/>
    </row>
    <row r="669224" spans="8:8">
      <c r="H669224" s="12"/>
    </row>
    <row r="669225" spans="8:8">
      <c r="H669225" s="12"/>
    </row>
    <row r="669226" spans="8:8">
      <c r="H669226" s="12"/>
    </row>
    <row r="669227" spans="8:8">
      <c r="H669227" s="12"/>
    </row>
    <row r="669228" spans="8:8">
      <c r="H669228" s="12"/>
    </row>
    <row r="669229" spans="8:8">
      <c r="H669229" s="12"/>
    </row>
    <row r="669230" spans="8:8">
      <c r="H669230" s="12"/>
    </row>
    <row r="669231" spans="8:8">
      <c r="H669231" s="12"/>
    </row>
    <row r="669232" spans="8:8">
      <c r="H669232" s="12"/>
    </row>
    <row r="669233" spans="8:8">
      <c r="H669233" s="12"/>
    </row>
    <row r="669234" spans="8:8">
      <c r="H669234" s="12"/>
    </row>
    <row r="669235" spans="8:8">
      <c r="H669235" s="12"/>
    </row>
    <row r="669236" spans="8:8">
      <c r="H669236" s="12"/>
    </row>
    <row r="669237" spans="8:8">
      <c r="H669237" s="12"/>
    </row>
    <row r="669238" spans="8:8">
      <c r="H669238" s="12"/>
    </row>
    <row r="669239" spans="8:8">
      <c r="H669239" s="12"/>
    </row>
    <row r="669240" spans="8:8">
      <c r="H669240" s="12"/>
    </row>
    <row r="669241" spans="8:8">
      <c r="H669241" s="12"/>
    </row>
    <row r="669242" spans="8:8">
      <c r="H669242" s="12"/>
    </row>
    <row r="669243" spans="8:8">
      <c r="H669243" s="12"/>
    </row>
    <row r="669244" spans="8:8">
      <c r="H669244" s="12"/>
    </row>
    <row r="669245" spans="8:8">
      <c r="H669245" s="12"/>
    </row>
    <row r="669246" spans="8:8">
      <c r="H669246" s="12"/>
    </row>
    <row r="669247" spans="8:8">
      <c r="H669247" s="12"/>
    </row>
    <row r="669248" spans="8:8">
      <c r="H669248" s="12"/>
    </row>
    <row r="669249" spans="8:8">
      <c r="H669249" s="12"/>
    </row>
    <row r="669250" spans="8:8">
      <c r="H669250" s="12"/>
    </row>
    <row r="669251" spans="8:8">
      <c r="H669251" s="12"/>
    </row>
    <row r="669252" spans="8:8">
      <c r="H669252" s="12"/>
    </row>
    <row r="669253" spans="8:8">
      <c r="H669253" s="12"/>
    </row>
    <row r="669254" spans="8:8">
      <c r="H669254" s="12"/>
    </row>
    <row r="669255" spans="8:8">
      <c r="H669255" s="12"/>
    </row>
    <row r="669256" spans="8:8">
      <c r="H669256" s="12"/>
    </row>
    <row r="669257" spans="8:8">
      <c r="H669257" s="12"/>
    </row>
    <row r="669258" spans="8:8">
      <c r="H669258" s="12"/>
    </row>
    <row r="669259" spans="8:8">
      <c r="H669259" s="12"/>
    </row>
    <row r="669260" spans="8:8">
      <c r="H669260" s="12"/>
    </row>
    <row r="669261" spans="8:8">
      <c r="H669261" s="12"/>
    </row>
    <row r="669262" spans="8:8">
      <c r="H669262" s="12"/>
    </row>
    <row r="669263" spans="8:8">
      <c r="H669263" s="12"/>
    </row>
    <row r="669264" spans="8:8">
      <c r="H669264" s="12"/>
    </row>
    <row r="669265" spans="8:8">
      <c r="H669265" s="12"/>
    </row>
    <row r="669266" spans="8:8">
      <c r="H669266" s="12"/>
    </row>
    <row r="669267" spans="8:8">
      <c r="H669267" s="12"/>
    </row>
    <row r="669268" spans="8:8">
      <c r="H669268" s="12"/>
    </row>
    <row r="669269" spans="8:8">
      <c r="H669269" s="12"/>
    </row>
    <row r="669270" spans="8:8">
      <c r="H669270" s="12"/>
    </row>
    <row r="669271" spans="8:8">
      <c r="H669271" s="12"/>
    </row>
    <row r="669272" spans="8:8">
      <c r="H669272" s="12"/>
    </row>
    <row r="669273" spans="8:8">
      <c r="H669273" s="12"/>
    </row>
    <row r="669274" spans="8:8">
      <c r="H669274" s="12"/>
    </row>
    <row r="669275" spans="8:8">
      <c r="H669275" s="12"/>
    </row>
    <row r="669276" spans="8:8">
      <c r="H669276" s="12"/>
    </row>
    <row r="669277" spans="8:8">
      <c r="H669277" s="12"/>
    </row>
    <row r="669278" spans="8:8">
      <c r="H669278" s="12"/>
    </row>
    <row r="669279" spans="8:8">
      <c r="H669279" s="12"/>
    </row>
    <row r="669280" spans="8:8">
      <c r="H669280" s="12"/>
    </row>
    <row r="669281" spans="8:8">
      <c r="H669281" s="12"/>
    </row>
    <row r="669282" spans="8:8">
      <c r="H669282" s="12"/>
    </row>
    <row r="669283" spans="8:8">
      <c r="H669283" s="12"/>
    </row>
    <row r="669284" spans="8:8">
      <c r="H669284" s="12"/>
    </row>
    <row r="669285" spans="8:8">
      <c r="H669285" s="12"/>
    </row>
    <row r="669286" spans="8:8">
      <c r="H669286" s="12"/>
    </row>
    <row r="669287" spans="8:8">
      <c r="H669287" s="12"/>
    </row>
    <row r="669288" spans="8:8">
      <c r="H669288" s="12"/>
    </row>
    <row r="669289" spans="8:8">
      <c r="H669289" s="12"/>
    </row>
    <row r="669290" spans="8:8">
      <c r="H669290" s="12"/>
    </row>
    <row r="669291" spans="8:8">
      <c r="H669291" s="12"/>
    </row>
    <row r="669292" spans="8:8">
      <c r="H669292" s="12"/>
    </row>
    <row r="669293" spans="8:8">
      <c r="H669293" s="12"/>
    </row>
    <row r="669294" spans="8:8">
      <c r="H669294" s="12"/>
    </row>
    <row r="669295" spans="8:8">
      <c r="H669295" s="12"/>
    </row>
    <row r="669296" spans="8:8">
      <c r="H669296" s="12"/>
    </row>
    <row r="669297" spans="8:8">
      <c r="H669297" s="12"/>
    </row>
    <row r="669298" spans="8:8">
      <c r="H669298" s="12"/>
    </row>
    <row r="669299" spans="8:8">
      <c r="H669299" s="12"/>
    </row>
    <row r="669300" spans="8:8">
      <c r="H669300" s="12"/>
    </row>
    <row r="669301" spans="8:8">
      <c r="H669301" s="12"/>
    </row>
    <row r="669302" spans="8:8">
      <c r="H669302" s="12"/>
    </row>
    <row r="669303" spans="8:8">
      <c r="H669303" s="12"/>
    </row>
    <row r="669304" spans="8:8">
      <c r="H669304" s="12"/>
    </row>
    <row r="669305" spans="8:8">
      <c r="H669305" s="12"/>
    </row>
    <row r="669306" spans="8:8">
      <c r="H669306" s="12"/>
    </row>
    <row r="669307" spans="8:8">
      <c r="H669307" s="12"/>
    </row>
    <row r="669308" spans="8:8">
      <c r="H669308" s="12"/>
    </row>
    <row r="669309" spans="8:8">
      <c r="H669309" s="12"/>
    </row>
    <row r="669310" spans="8:8">
      <c r="H669310" s="12"/>
    </row>
    <row r="669311" spans="8:8">
      <c r="H669311" s="12"/>
    </row>
    <row r="669312" spans="8:8">
      <c r="H669312" s="12"/>
    </row>
    <row r="669313" spans="8:8">
      <c r="H669313" s="12"/>
    </row>
    <row r="669314" spans="8:8">
      <c r="H669314" s="12"/>
    </row>
    <row r="669315" spans="8:8">
      <c r="H669315" s="12"/>
    </row>
    <row r="669316" spans="8:8">
      <c r="H669316" s="12"/>
    </row>
    <row r="669317" spans="8:8">
      <c r="H669317" s="12"/>
    </row>
    <row r="669318" spans="8:8">
      <c r="H669318" s="12"/>
    </row>
    <row r="669319" spans="8:8">
      <c r="H669319" s="12"/>
    </row>
    <row r="669320" spans="8:8">
      <c r="H669320" s="12"/>
    </row>
    <row r="669321" spans="8:8">
      <c r="H669321" s="12"/>
    </row>
    <row r="669322" spans="8:8">
      <c r="H669322" s="12"/>
    </row>
    <row r="669323" spans="8:8">
      <c r="H669323" s="12"/>
    </row>
    <row r="669324" spans="8:8">
      <c r="H669324" s="12"/>
    </row>
    <row r="669325" spans="8:8">
      <c r="H669325" s="12"/>
    </row>
    <row r="669326" spans="8:8">
      <c r="H669326" s="12"/>
    </row>
    <row r="669327" spans="8:8">
      <c r="H669327" s="12"/>
    </row>
    <row r="669328" spans="8:8">
      <c r="H669328" s="12"/>
    </row>
    <row r="669329" spans="8:8">
      <c r="H669329" s="12"/>
    </row>
    <row r="669330" spans="8:8">
      <c r="H669330" s="12"/>
    </row>
    <row r="669331" spans="8:8">
      <c r="H669331" s="12"/>
    </row>
    <row r="669332" spans="8:8">
      <c r="H669332" s="12"/>
    </row>
    <row r="669333" spans="8:8">
      <c r="H669333" s="12"/>
    </row>
    <row r="669334" spans="8:8">
      <c r="H669334" s="12"/>
    </row>
    <row r="669335" spans="8:8">
      <c r="H669335" s="12"/>
    </row>
    <row r="669336" spans="8:8">
      <c r="H669336" s="12"/>
    </row>
    <row r="669337" spans="8:8">
      <c r="H669337" s="12"/>
    </row>
    <row r="669338" spans="8:8">
      <c r="H669338" s="12"/>
    </row>
    <row r="669339" spans="8:8">
      <c r="H669339" s="12"/>
    </row>
    <row r="669340" spans="8:8">
      <c r="H669340" s="12"/>
    </row>
    <row r="669341" spans="8:8">
      <c r="H669341" s="12"/>
    </row>
    <row r="669342" spans="8:8">
      <c r="H669342" s="12"/>
    </row>
    <row r="669343" spans="8:8">
      <c r="H669343" s="12"/>
    </row>
    <row r="669344" spans="8:8">
      <c r="H669344" s="12"/>
    </row>
    <row r="669345" spans="8:8">
      <c r="H669345" s="12"/>
    </row>
    <row r="669346" spans="8:8">
      <c r="H669346" s="12"/>
    </row>
    <row r="669347" spans="8:8">
      <c r="H669347" s="12"/>
    </row>
    <row r="669348" spans="8:8">
      <c r="H669348" s="12"/>
    </row>
    <row r="669349" spans="8:8">
      <c r="H669349" s="12"/>
    </row>
    <row r="669350" spans="8:8">
      <c r="H669350" s="12"/>
    </row>
    <row r="669351" spans="8:8">
      <c r="H669351" s="12"/>
    </row>
    <row r="669352" spans="8:8">
      <c r="H669352" s="12"/>
    </row>
    <row r="669353" spans="8:8">
      <c r="H669353" s="12"/>
    </row>
    <row r="669354" spans="8:8">
      <c r="H669354" s="12"/>
    </row>
    <row r="669355" spans="8:8">
      <c r="H669355" s="12"/>
    </row>
    <row r="669356" spans="8:8">
      <c r="H669356" s="12"/>
    </row>
    <row r="669357" spans="8:8">
      <c r="H669357" s="12"/>
    </row>
    <row r="669358" spans="8:8">
      <c r="H669358" s="12"/>
    </row>
    <row r="669359" spans="8:8">
      <c r="H669359" s="12"/>
    </row>
    <row r="669360" spans="8:8">
      <c r="H669360" s="12"/>
    </row>
    <row r="669361" spans="8:8">
      <c r="H669361" s="12"/>
    </row>
    <row r="669362" spans="8:8">
      <c r="H669362" s="12"/>
    </row>
    <row r="669363" spans="8:8">
      <c r="H669363" s="12"/>
    </row>
    <row r="669364" spans="8:8">
      <c r="H669364" s="12"/>
    </row>
    <row r="669365" spans="8:8">
      <c r="H669365" s="12"/>
    </row>
    <row r="669366" spans="8:8">
      <c r="H669366" s="12"/>
    </row>
    <row r="669367" spans="8:8">
      <c r="H669367" s="12"/>
    </row>
    <row r="669368" spans="8:8">
      <c r="H669368" s="12"/>
    </row>
    <row r="669369" spans="8:8">
      <c r="H669369" s="12"/>
    </row>
    <row r="669370" spans="8:8">
      <c r="H669370" s="12"/>
    </row>
    <row r="669371" spans="8:8">
      <c r="H669371" s="12"/>
    </row>
    <row r="669372" spans="8:8">
      <c r="H669372" s="12"/>
    </row>
    <row r="669373" spans="8:8">
      <c r="H669373" s="12"/>
    </row>
    <row r="669374" spans="8:8">
      <c r="H669374" s="12"/>
    </row>
    <row r="669375" spans="8:8">
      <c r="H669375" s="12"/>
    </row>
    <row r="669376" spans="8:8">
      <c r="H669376" s="12"/>
    </row>
    <row r="669377" spans="8:8">
      <c r="H669377" s="12"/>
    </row>
    <row r="669378" spans="8:8">
      <c r="H669378" s="12"/>
    </row>
    <row r="669379" spans="8:8">
      <c r="H669379" s="12"/>
    </row>
    <row r="669380" spans="8:8">
      <c r="H669380" s="12"/>
    </row>
    <row r="669381" spans="8:8">
      <c r="H669381" s="12"/>
    </row>
    <row r="669382" spans="8:8">
      <c r="H669382" s="12"/>
    </row>
    <row r="669383" spans="8:8">
      <c r="H669383" s="12"/>
    </row>
    <row r="669384" spans="8:8">
      <c r="H669384" s="12"/>
    </row>
    <row r="669385" spans="8:8">
      <c r="H669385" s="12"/>
    </row>
    <row r="669386" spans="8:8">
      <c r="H669386" s="12"/>
    </row>
    <row r="669387" spans="8:8">
      <c r="H669387" s="12"/>
    </row>
    <row r="669388" spans="8:8">
      <c r="H669388" s="12"/>
    </row>
    <row r="669389" spans="8:8">
      <c r="H669389" s="12"/>
    </row>
    <row r="669390" spans="8:8">
      <c r="H669390" s="12"/>
    </row>
    <row r="669391" spans="8:8">
      <c r="H669391" s="12"/>
    </row>
    <row r="669392" spans="8:8">
      <c r="H669392" s="12"/>
    </row>
    <row r="669393" spans="8:8">
      <c r="H669393" s="12"/>
    </row>
    <row r="669394" spans="8:8">
      <c r="H669394" s="12"/>
    </row>
    <row r="669395" spans="8:8">
      <c r="H669395" s="12"/>
    </row>
    <row r="669396" spans="8:8">
      <c r="H669396" s="12"/>
    </row>
    <row r="669397" spans="8:8">
      <c r="H669397" s="12"/>
    </row>
    <row r="669398" spans="8:8">
      <c r="H669398" s="12"/>
    </row>
    <row r="669399" spans="8:8">
      <c r="H669399" s="12"/>
    </row>
    <row r="669400" spans="8:8">
      <c r="H669400" s="12"/>
    </row>
    <row r="669401" spans="8:8">
      <c r="H669401" s="12"/>
    </row>
    <row r="669402" spans="8:8">
      <c r="H669402" s="12"/>
    </row>
    <row r="669403" spans="8:8">
      <c r="H669403" s="12"/>
    </row>
    <row r="669404" spans="8:8">
      <c r="H669404" s="12"/>
    </row>
    <row r="669405" spans="8:8">
      <c r="H669405" s="12"/>
    </row>
    <row r="669406" spans="8:8">
      <c r="H669406" s="12"/>
    </row>
    <row r="669407" spans="8:8">
      <c r="H669407" s="12"/>
    </row>
    <row r="669408" spans="8:8">
      <c r="H669408" s="12"/>
    </row>
    <row r="669409" spans="8:8">
      <c r="H669409" s="12"/>
    </row>
    <row r="669410" spans="8:8">
      <c r="H669410" s="12"/>
    </row>
    <row r="669411" spans="8:8">
      <c r="H669411" s="12"/>
    </row>
    <row r="669412" spans="8:8">
      <c r="H669412" s="12"/>
    </row>
    <row r="669413" spans="8:8">
      <c r="H669413" s="12"/>
    </row>
    <row r="669414" spans="8:8">
      <c r="H669414" s="12"/>
    </row>
    <row r="669415" spans="8:8">
      <c r="H669415" s="12"/>
    </row>
    <row r="669416" spans="8:8">
      <c r="H669416" s="12"/>
    </row>
    <row r="669417" spans="8:8">
      <c r="H669417" s="12"/>
    </row>
    <row r="669418" spans="8:8">
      <c r="H669418" s="12"/>
    </row>
    <row r="669419" spans="8:8">
      <c r="H669419" s="12"/>
    </row>
    <row r="669420" spans="8:8">
      <c r="H669420" s="12"/>
    </row>
    <row r="669421" spans="8:8">
      <c r="H669421" s="12"/>
    </row>
    <row r="669422" spans="8:8">
      <c r="H669422" s="12"/>
    </row>
    <row r="669423" spans="8:8">
      <c r="H669423" s="12"/>
    </row>
    <row r="669424" spans="8:8">
      <c r="H669424" s="12"/>
    </row>
    <row r="669425" spans="8:8">
      <c r="H669425" s="12"/>
    </row>
    <row r="669426" spans="8:8">
      <c r="H669426" s="12"/>
    </row>
    <row r="669427" spans="8:8">
      <c r="H669427" s="12"/>
    </row>
    <row r="669428" spans="8:8">
      <c r="H669428" s="12"/>
    </row>
    <row r="669429" spans="8:8">
      <c r="H669429" s="12"/>
    </row>
    <row r="669430" spans="8:8">
      <c r="H669430" s="12"/>
    </row>
    <row r="669431" spans="8:8">
      <c r="H669431" s="12"/>
    </row>
    <row r="669432" spans="8:8">
      <c r="H669432" s="12"/>
    </row>
    <row r="669433" spans="8:8">
      <c r="H669433" s="12"/>
    </row>
    <row r="669434" spans="8:8">
      <c r="H669434" s="12"/>
    </row>
    <row r="669435" spans="8:8">
      <c r="H669435" s="12"/>
    </row>
    <row r="669436" spans="8:8">
      <c r="H669436" s="12"/>
    </row>
    <row r="669437" spans="8:8">
      <c r="H669437" s="12"/>
    </row>
    <row r="669438" spans="8:8">
      <c r="H669438" s="12"/>
    </row>
    <row r="669439" spans="8:8">
      <c r="H669439" s="12"/>
    </row>
    <row r="669440" spans="8:8">
      <c r="H669440" s="12"/>
    </row>
    <row r="669441" spans="8:8">
      <c r="H669441" s="12"/>
    </row>
    <row r="669442" spans="8:8">
      <c r="H669442" s="12"/>
    </row>
    <row r="669443" spans="8:8">
      <c r="H669443" s="12"/>
    </row>
    <row r="669444" spans="8:8">
      <c r="H669444" s="12"/>
    </row>
    <row r="669445" spans="8:8">
      <c r="H669445" s="12"/>
    </row>
    <row r="669446" spans="8:8">
      <c r="H669446" s="12"/>
    </row>
    <row r="669447" spans="8:8">
      <c r="H669447" s="12"/>
    </row>
    <row r="669448" spans="8:8">
      <c r="H669448" s="12"/>
    </row>
    <row r="669449" spans="8:8">
      <c r="H669449" s="12"/>
    </row>
    <row r="669450" spans="8:8">
      <c r="H669450" s="12"/>
    </row>
    <row r="669451" spans="8:8">
      <c r="H669451" s="12"/>
    </row>
    <row r="669452" spans="8:8">
      <c r="H669452" s="12"/>
    </row>
    <row r="669453" spans="8:8">
      <c r="H669453" s="12"/>
    </row>
    <row r="669454" spans="8:8">
      <c r="H669454" s="12"/>
    </row>
    <row r="669455" spans="8:8">
      <c r="H669455" s="12"/>
    </row>
    <row r="669456" spans="8:8">
      <c r="H669456" s="12"/>
    </row>
    <row r="669457" spans="8:8">
      <c r="H669457" s="12"/>
    </row>
    <row r="669458" spans="8:8">
      <c r="H669458" s="12"/>
    </row>
    <row r="669459" spans="8:8">
      <c r="H669459" s="12"/>
    </row>
    <row r="669460" spans="8:8">
      <c r="H669460" s="12"/>
    </row>
    <row r="669461" spans="8:8">
      <c r="H669461" s="12"/>
    </row>
    <row r="669462" spans="8:8">
      <c r="H669462" s="12"/>
    </row>
    <row r="669463" spans="8:8">
      <c r="H669463" s="12"/>
    </row>
    <row r="669464" spans="8:8">
      <c r="H669464" s="12"/>
    </row>
    <row r="669465" spans="8:8">
      <c r="H669465" s="12"/>
    </row>
    <row r="669466" spans="8:8">
      <c r="H669466" s="12"/>
    </row>
    <row r="669467" spans="8:8">
      <c r="H669467" s="12"/>
    </row>
    <row r="669468" spans="8:8">
      <c r="H669468" s="12"/>
    </row>
    <row r="669469" spans="8:8">
      <c r="H669469" s="12"/>
    </row>
    <row r="669470" spans="8:8">
      <c r="H669470" s="12"/>
    </row>
    <row r="669471" spans="8:8">
      <c r="H669471" s="12"/>
    </row>
    <row r="669472" spans="8:8">
      <c r="H669472" s="12"/>
    </row>
    <row r="669473" spans="8:8">
      <c r="H669473" s="12"/>
    </row>
    <row r="669474" spans="8:8">
      <c r="H669474" s="12"/>
    </row>
    <row r="669475" spans="8:8">
      <c r="H669475" s="12"/>
    </row>
    <row r="669476" spans="8:8">
      <c r="H669476" s="12"/>
    </row>
    <row r="669477" spans="8:8">
      <c r="H669477" s="12"/>
    </row>
    <row r="669478" spans="8:8">
      <c r="H669478" s="12"/>
    </row>
    <row r="669479" spans="8:8">
      <c r="H669479" s="12"/>
    </row>
    <row r="669480" spans="8:8">
      <c r="H669480" s="12"/>
    </row>
    <row r="669481" spans="8:8">
      <c r="H669481" s="12"/>
    </row>
    <row r="669482" spans="8:8">
      <c r="H669482" s="12"/>
    </row>
    <row r="669483" spans="8:8">
      <c r="H669483" s="12"/>
    </row>
    <row r="669484" spans="8:8">
      <c r="H669484" s="12"/>
    </row>
    <row r="669485" spans="8:8">
      <c r="H669485" s="12"/>
    </row>
    <row r="669486" spans="8:8">
      <c r="H669486" s="12"/>
    </row>
    <row r="669487" spans="8:8">
      <c r="H669487" s="12"/>
    </row>
    <row r="669488" spans="8:8">
      <c r="H669488" s="12"/>
    </row>
    <row r="669489" spans="8:8">
      <c r="H669489" s="12"/>
    </row>
    <row r="669490" spans="8:8">
      <c r="H669490" s="12"/>
    </row>
    <row r="669491" spans="8:8">
      <c r="H669491" s="12"/>
    </row>
    <row r="669492" spans="8:8">
      <c r="H669492" s="12"/>
    </row>
    <row r="669493" spans="8:8">
      <c r="H669493" s="12"/>
    </row>
    <row r="669494" spans="8:8">
      <c r="H669494" s="12"/>
    </row>
    <row r="669495" spans="8:8">
      <c r="H669495" s="12"/>
    </row>
    <row r="669496" spans="8:8">
      <c r="H669496" s="12"/>
    </row>
    <row r="669497" spans="8:8">
      <c r="H669497" s="12"/>
    </row>
    <row r="669498" spans="8:8">
      <c r="H669498" s="12"/>
    </row>
    <row r="669499" spans="8:8">
      <c r="H669499" s="12"/>
    </row>
    <row r="669500" spans="8:8">
      <c r="H669500" s="12"/>
    </row>
    <row r="669501" spans="8:8">
      <c r="H669501" s="12"/>
    </row>
    <row r="669502" spans="8:8">
      <c r="H669502" s="12"/>
    </row>
    <row r="669503" spans="8:8">
      <c r="H669503" s="12"/>
    </row>
    <row r="669504" spans="8:8">
      <c r="H669504" s="12"/>
    </row>
    <row r="669505" spans="8:8">
      <c r="H669505" s="12"/>
    </row>
    <row r="669506" spans="8:8">
      <c r="H669506" s="12"/>
    </row>
    <row r="669507" spans="8:8">
      <c r="H669507" s="12"/>
    </row>
    <row r="669508" spans="8:8">
      <c r="H669508" s="12"/>
    </row>
    <row r="669509" spans="8:8">
      <c r="H669509" s="12"/>
    </row>
    <row r="669510" spans="8:8">
      <c r="H669510" s="12"/>
    </row>
    <row r="669511" spans="8:8">
      <c r="H669511" s="12"/>
    </row>
    <row r="669512" spans="8:8">
      <c r="H669512" s="12"/>
    </row>
    <row r="669513" spans="8:8">
      <c r="H669513" s="12"/>
    </row>
    <row r="669514" spans="8:8">
      <c r="H669514" s="12"/>
    </row>
    <row r="669515" spans="8:8">
      <c r="H669515" s="12"/>
    </row>
    <row r="669516" spans="8:8">
      <c r="H669516" s="12"/>
    </row>
    <row r="669517" spans="8:8">
      <c r="H669517" s="12"/>
    </row>
    <row r="669518" spans="8:8">
      <c r="H669518" s="12"/>
    </row>
    <row r="669519" spans="8:8">
      <c r="H669519" s="12"/>
    </row>
    <row r="669520" spans="8:8">
      <c r="H669520" s="12"/>
    </row>
    <row r="669521" spans="8:8">
      <c r="H669521" s="12"/>
    </row>
    <row r="669522" spans="8:8">
      <c r="H669522" s="12"/>
    </row>
    <row r="669523" spans="8:8">
      <c r="H669523" s="12"/>
    </row>
    <row r="669524" spans="8:8">
      <c r="H669524" s="12"/>
    </row>
    <row r="669525" spans="8:8">
      <c r="H669525" s="12"/>
    </row>
    <row r="669526" spans="8:8">
      <c r="H669526" s="12"/>
    </row>
    <row r="669527" spans="8:8">
      <c r="H669527" s="12"/>
    </row>
    <row r="669528" spans="8:8">
      <c r="H669528" s="12"/>
    </row>
    <row r="669529" spans="8:8">
      <c r="H669529" s="12"/>
    </row>
    <row r="669530" spans="8:8">
      <c r="H669530" s="12"/>
    </row>
    <row r="669531" spans="8:8">
      <c r="H669531" s="12"/>
    </row>
    <row r="669532" spans="8:8">
      <c r="H669532" s="12"/>
    </row>
    <row r="669533" spans="8:8">
      <c r="H669533" s="12"/>
    </row>
    <row r="669534" spans="8:8">
      <c r="H669534" s="12"/>
    </row>
    <row r="669535" spans="8:8">
      <c r="H669535" s="12"/>
    </row>
    <row r="669536" spans="8:8">
      <c r="H669536" s="12"/>
    </row>
    <row r="669537" spans="8:8">
      <c r="H669537" s="12"/>
    </row>
    <row r="669538" spans="8:8">
      <c r="H669538" s="12"/>
    </row>
    <row r="669539" spans="8:8">
      <c r="H669539" s="12"/>
    </row>
    <row r="669540" spans="8:8">
      <c r="H669540" s="12"/>
    </row>
    <row r="669541" spans="8:8">
      <c r="H669541" s="12"/>
    </row>
    <row r="669542" spans="8:8">
      <c r="H669542" s="12"/>
    </row>
    <row r="669543" spans="8:8">
      <c r="H669543" s="12"/>
    </row>
    <row r="669544" spans="8:8">
      <c r="H669544" s="12"/>
    </row>
    <row r="669545" spans="8:8">
      <c r="H669545" s="12"/>
    </row>
    <row r="669546" spans="8:8">
      <c r="H669546" s="12"/>
    </row>
    <row r="669547" spans="8:8">
      <c r="H669547" s="12"/>
    </row>
    <row r="669548" spans="8:8">
      <c r="H669548" s="12"/>
    </row>
    <row r="669549" spans="8:8">
      <c r="H669549" s="12"/>
    </row>
    <row r="669550" spans="8:8">
      <c r="H669550" s="12"/>
    </row>
    <row r="669551" spans="8:8">
      <c r="H669551" s="12"/>
    </row>
    <row r="669552" spans="8:8">
      <c r="H669552" s="12"/>
    </row>
    <row r="669553" spans="8:8">
      <c r="H669553" s="12"/>
    </row>
    <row r="669554" spans="8:8">
      <c r="H669554" s="12"/>
    </row>
    <row r="669555" spans="8:8">
      <c r="H669555" s="12"/>
    </row>
    <row r="669556" spans="8:8">
      <c r="H669556" s="12"/>
    </row>
    <row r="669557" spans="8:8">
      <c r="H669557" s="12"/>
    </row>
    <row r="669558" spans="8:8">
      <c r="H669558" s="12"/>
    </row>
    <row r="669559" spans="8:8">
      <c r="H669559" s="12"/>
    </row>
    <row r="669560" spans="8:8">
      <c r="H669560" s="12"/>
    </row>
    <row r="669561" spans="8:8">
      <c r="H669561" s="12"/>
    </row>
    <row r="669562" spans="8:8">
      <c r="H669562" s="12"/>
    </row>
    <row r="669563" spans="8:8">
      <c r="H669563" s="12"/>
    </row>
    <row r="669564" spans="8:8">
      <c r="H669564" s="12"/>
    </row>
    <row r="669565" spans="8:8">
      <c r="H669565" s="12"/>
    </row>
    <row r="669566" spans="8:8">
      <c r="H669566" s="12"/>
    </row>
    <row r="669567" spans="8:8">
      <c r="H669567" s="12"/>
    </row>
    <row r="669568" spans="8:8">
      <c r="H669568" s="12"/>
    </row>
    <row r="669569" spans="8:8">
      <c r="H669569" s="12"/>
    </row>
    <row r="669570" spans="8:8">
      <c r="H669570" s="12"/>
    </row>
    <row r="669571" spans="8:8">
      <c r="H669571" s="12"/>
    </row>
    <row r="669572" spans="8:8">
      <c r="H669572" s="12"/>
    </row>
    <row r="669573" spans="8:8">
      <c r="H669573" s="12"/>
    </row>
    <row r="669574" spans="8:8">
      <c r="H669574" s="12"/>
    </row>
    <row r="669575" spans="8:8">
      <c r="H669575" s="12"/>
    </row>
    <row r="669576" spans="8:8">
      <c r="H669576" s="12"/>
    </row>
    <row r="669577" spans="8:8">
      <c r="H669577" s="12"/>
    </row>
    <row r="669578" spans="8:8">
      <c r="H669578" s="12"/>
    </row>
    <row r="669579" spans="8:8">
      <c r="H669579" s="12"/>
    </row>
    <row r="669580" spans="8:8">
      <c r="H669580" s="12"/>
    </row>
    <row r="669581" spans="8:8">
      <c r="H669581" s="12"/>
    </row>
    <row r="669582" spans="8:8">
      <c r="H669582" s="12"/>
    </row>
    <row r="669583" spans="8:8">
      <c r="H669583" s="12"/>
    </row>
    <row r="669584" spans="8:8">
      <c r="H669584" s="12"/>
    </row>
    <row r="669585" spans="8:8">
      <c r="H669585" s="12"/>
    </row>
    <row r="669586" spans="8:8">
      <c r="H669586" s="12"/>
    </row>
    <row r="669587" spans="8:8">
      <c r="H669587" s="12"/>
    </row>
    <row r="669588" spans="8:8">
      <c r="H669588" s="12"/>
    </row>
    <row r="669589" spans="8:8">
      <c r="H669589" s="12"/>
    </row>
    <row r="669590" spans="8:8">
      <c r="H669590" s="12"/>
    </row>
    <row r="669591" spans="8:8">
      <c r="H669591" s="12"/>
    </row>
    <row r="669592" spans="8:8">
      <c r="H669592" s="12"/>
    </row>
    <row r="669593" spans="8:8">
      <c r="H669593" s="12"/>
    </row>
    <row r="669594" spans="8:8">
      <c r="H669594" s="12"/>
    </row>
    <row r="669595" spans="8:8">
      <c r="H669595" s="12"/>
    </row>
    <row r="669596" spans="8:8">
      <c r="H669596" s="12"/>
    </row>
    <row r="669597" spans="8:8">
      <c r="H669597" s="12"/>
    </row>
    <row r="669598" spans="8:8">
      <c r="H669598" s="12"/>
    </row>
    <row r="669599" spans="8:8">
      <c r="H669599" s="12"/>
    </row>
    <row r="669600" spans="8:8">
      <c r="H669600" s="12"/>
    </row>
    <row r="669601" spans="8:8">
      <c r="H669601" s="12"/>
    </row>
    <row r="669602" spans="8:8">
      <c r="H669602" s="12"/>
    </row>
    <row r="669603" spans="8:8">
      <c r="H669603" s="12"/>
    </row>
    <row r="669604" spans="8:8">
      <c r="H669604" s="12"/>
    </row>
    <row r="669605" spans="8:8">
      <c r="H669605" s="12"/>
    </row>
    <row r="669606" spans="8:8">
      <c r="H669606" s="12"/>
    </row>
    <row r="669607" spans="8:8">
      <c r="H669607" s="12"/>
    </row>
    <row r="669608" spans="8:8">
      <c r="H669608" s="12"/>
    </row>
    <row r="669609" spans="8:8">
      <c r="H669609" s="12"/>
    </row>
    <row r="669610" spans="8:8">
      <c r="H669610" s="12"/>
    </row>
    <row r="669611" spans="8:8">
      <c r="H669611" s="12"/>
    </row>
    <row r="669612" spans="8:8">
      <c r="H669612" s="12"/>
    </row>
    <row r="669613" spans="8:8">
      <c r="H669613" s="12"/>
    </row>
    <row r="669614" spans="8:8">
      <c r="H669614" s="12"/>
    </row>
    <row r="669615" spans="8:8">
      <c r="H669615" s="12"/>
    </row>
    <row r="669616" spans="8:8">
      <c r="H669616" s="12"/>
    </row>
    <row r="669617" spans="8:8">
      <c r="H669617" s="12"/>
    </row>
    <row r="669618" spans="8:8">
      <c r="H669618" s="12"/>
    </row>
    <row r="669619" spans="8:8">
      <c r="H669619" s="12"/>
    </row>
    <row r="669620" spans="8:8">
      <c r="H669620" s="12"/>
    </row>
    <row r="669621" spans="8:8">
      <c r="H669621" s="12"/>
    </row>
    <row r="669622" spans="8:8">
      <c r="H669622" s="12"/>
    </row>
    <row r="669623" spans="8:8">
      <c r="H669623" s="12"/>
    </row>
    <row r="669624" spans="8:8">
      <c r="H669624" s="12"/>
    </row>
    <row r="669625" spans="8:8">
      <c r="H669625" s="12"/>
    </row>
    <row r="669626" spans="8:8">
      <c r="H669626" s="12"/>
    </row>
    <row r="669627" spans="8:8">
      <c r="H669627" s="12"/>
    </row>
    <row r="669628" spans="8:8">
      <c r="H669628" s="12"/>
    </row>
    <row r="669629" spans="8:8">
      <c r="H669629" s="12"/>
    </row>
    <row r="669630" spans="8:8">
      <c r="H669630" s="12"/>
    </row>
    <row r="669631" spans="8:8">
      <c r="H669631" s="12"/>
    </row>
    <row r="669632" spans="8:8">
      <c r="H669632" s="12"/>
    </row>
    <row r="669633" spans="8:8">
      <c r="H669633" s="12"/>
    </row>
    <row r="669634" spans="8:8">
      <c r="H669634" s="12"/>
    </row>
    <row r="669635" spans="8:8">
      <c r="H669635" s="12"/>
    </row>
    <row r="669636" spans="8:8">
      <c r="H669636" s="12"/>
    </row>
    <row r="669637" spans="8:8">
      <c r="H669637" s="12"/>
    </row>
    <row r="669638" spans="8:8">
      <c r="H669638" s="12"/>
    </row>
    <row r="669639" spans="8:8">
      <c r="H669639" s="12"/>
    </row>
    <row r="669640" spans="8:8">
      <c r="H669640" s="12"/>
    </row>
    <row r="669641" spans="8:8">
      <c r="H669641" s="12"/>
    </row>
    <row r="669642" spans="8:8">
      <c r="H669642" s="12"/>
    </row>
    <row r="669643" spans="8:8">
      <c r="H669643" s="12"/>
    </row>
    <row r="669644" spans="8:8">
      <c r="H669644" s="12"/>
    </row>
    <row r="669645" spans="8:8">
      <c r="H669645" s="12"/>
    </row>
    <row r="669646" spans="8:8">
      <c r="H669646" s="12"/>
    </row>
    <row r="669647" spans="8:8">
      <c r="H669647" s="12"/>
    </row>
    <row r="669648" spans="8:8">
      <c r="H669648" s="12"/>
    </row>
    <row r="669649" spans="8:8">
      <c r="H669649" s="12"/>
    </row>
    <row r="669650" spans="8:8">
      <c r="H669650" s="12"/>
    </row>
    <row r="669651" spans="8:8">
      <c r="H669651" s="12"/>
    </row>
    <row r="669652" spans="8:8">
      <c r="H669652" s="12"/>
    </row>
    <row r="669653" spans="8:8">
      <c r="H669653" s="12"/>
    </row>
    <row r="669654" spans="8:8">
      <c r="H669654" s="12"/>
    </row>
    <row r="669655" spans="8:8">
      <c r="H669655" s="12"/>
    </row>
    <row r="669656" spans="8:8">
      <c r="H669656" s="12"/>
    </row>
    <row r="669657" spans="8:8">
      <c r="H669657" s="12"/>
    </row>
    <row r="669658" spans="8:8">
      <c r="H669658" s="12"/>
    </row>
    <row r="669659" spans="8:8">
      <c r="H669659" s="12"/>
    </row>
    <row r="669660" spans="8:8">
      <c r="H669660" s="12"/>
    </row>
    <row r="669661" spans="8:8">
      <c r="H669661" s="12"/>
    </row>
    <row r="669662" spans="8:8">
      <c r="H669662" s="12"/>
    </row>
    <row r="669663" spans="8:8">
      <c r="H669663" s="12"/>
    </row>
    <row r="669664" spans="8:8">
      <c r="H669664" s="12"/>
    </row>
    <row r="669665" spans="8:8">
      <c r="H669665" s="12"/>
    </row>
    <row r="669666" spans="8:8">
      <c r="H669666" s="12"/>
    </row>
    <row r="669667" spans="8:8">
      <c r="H669667" s="12"/>
    </row>
    <row r="669668" spans="8:8">
      <c r="H669668" s="12"/>
    </row>
    <row r="669669" spans="8:8">
      <c r="H669669" s="12"/>
    </row>
    <row r="669670" spans="8:8">
      <c r="H669670" s="12"/>
    </row>
    <row r="669671" spans="8:8">
      <c r="H669671" s="12"/>
    </row>
    <row r="669672" spans="8:8">
      <c r="H669672" s="12"/>
    </row>
    <row r="669673" spans="8:8">
      <c r="H669673" s="12"/>
    </row>
    <row r="669674" spans="8:8">
      <c r="H669674" s="12"/>
    </row>
    <row r="669675" spans="8:8">
      <c r="H669675" s="12"/>
    </row>
    <row r="669676" spans="8:8">
      <c r="H669676" s="12"/>
    </row>
    <row r="669677" spans="8:8">
      <c r="H669677" s="12"/>
    </row>
    <row r="669678" spans="8:8">
      <c r="H669678" s="12"/>
    </row>
    <row r="669679" spans="8:8">
      <c r="H669679" s="12"/>
    </row>
    <row r="669680" spans="8:8">
      <c r="H669680" s="12"/>
    </row>
    <row r="669681" spans="8:8">
      <c r="H669681" s="12"/>
    </row>
    <row r="669682" spans="8:8">
      <c r="H669682" s="12"/>
    </row>
    <row r="669683" spans="8:8">
      <c r="H669683" s="12"/>
    </row>
    <row r="669684" spans="8:8">
      <c r="H669684" s="12"/>
    </row>
    <row r="669685" spans="8:8">
      <c r="H669685" s="12"/>
    </row>
    <row r="669686" spans="8:8">
      <c r="H669686" s="12"/>
    </row>
    <row r="669687" spans="8:8">
      <c r="H669687" s="12"/>
    </row>
    <row r="669688" spans="8:8">
      <c r="H669688" s="12"/>
    </row>
    <row r="669689" spans="8:8">
      <c r="H669689" s="12"/>
    </row>
    <row r="669690" spans="8:8">
      <c r="H669690" s="12"/>
    </row>
    <row r="669691" spans="8:8">
      <c r="H669691" s="12"/>
    </row>
    <row r="669692" spans="8:8">
      <c r="H669692" s="12"/>
    </row>
    <row r="669693" spans="8:8">
      <c r="H669693" s="12"/>
    </row>
    <row r="669694" spans="8:8">
      <c r="H669694" s="12"/>
    </row>
    <row r="669695" spans="8:8">
      <c r="H669695" s="12"/>
    </row>
    <row r="669696" spans="8:8">
      <c r="H669696" s="12"/>
    </row>
    <row r="669697" spans="8:8">
      <c r="H669697" s="12"/>
    </row>
    <row r="669698" spans="8:8">
      <c r="H669698" s="12"/>
    </row>
    <row r="669699" spans="8:8">
      <c r="H669699" s="12"/>
    </row>
    <row r="669700" spans="8:8">
      <c r="H669700" s="12"/>
    </row>
    <row r="669701" spans="8:8">
      <c r="H669701" s="12"/>
    </row>
    <row r="669702" spans="8:8">
      <c r="H669702" s="12"/>
    </row>
    <row r="669703" spans="8:8">
      <c r="H669703" s="12"/>
    </row>
    <row r="669704" spans="8:8">
      <c r="H669704" s="12"/>
    </row>
    <row r="669705" spans="8:8">
      <c r="H669705" s="12"/>
    </row>
    <row r="669706" spans="8:8">
      <c r="H669706" s="12"/>
    </row>
    <row r="669707" spans="8:8">
      <c r="H669707" s="12"/>
    </row>
    <row r="669708" spans="8:8">
      <c r="H669708" s="12"/>
    </row>
    <row r="669709" spans="8:8">
      <c r="H669709" s="12"/>
    </row>
    <row r="669710" spans="8:8">
      <c r="H669710" s="12"/>
    </row>
    <row r="669711" spans="8:8">
      <c r="H669711" s="12"/>
    </row>
    <row r="669712" spans="8:8">
      <c r="H669712" s="12"/>
    </row>
    <row r="669713" spans="8:8">
      <c r="H669713" s="12"/>
    </row>
    <row r="669714" spans="8:8">
      <c r="H669714" s="12"/>
    </row>
    <row r="669715" spans="8:8">
      <c r="H669715" s="12"/>
    </row>
    <row r="669716" spans="8:8">
      <c r="H669716" s="12"/>
    </row>
    <row r="669717" spans="8:8">
      <c r="H669717" s="12"/>
    </row>
    <row r="669718" spans="8:8">
      <c r="H669718" s="12"/>
    </row>
    <row r="669719" spans="8:8">
      <c r="H669719" s="12"/>
    </row>
    <row r="669720" spans="8:8">
      <c r="H669720" s="12"/>
    </row>
    <row r="669721" spans="8:8">
      <c r="H669721" s="12"/>
    </row>
    <row r="669722" spans="8:8">
      <c r="H669722" s="12"/>
    </row>
    <row r="669723" spans="8:8">
      <c r="H669723" s="12"/>
    </row>
    <row r="669724" spans="8:8">
      <c r="H669724" s="12"/>
    </row>
    <row r="669725" spans="8:8">
      <c r="H669725" s="12"/>
    </row>
    <row r="669726" spans="8:8">
      <c r="H669726" s="12"/>
    </row>
    <row r="669727" spans="8:8">
      <c r="H669727" s="12"/>
    </row>
    <row r="669728" spans="8:8">
      <c r="H669728" s="12"/>
    </row>
    <row r="669729" spans="8:8">
      <c r="H669729" s="12"/>
    </row>
    <row r="669730" spans="8:8">
      <c r="H669730" s="12"/>
    </row>
    <row r="669731" spans="8:8">
      <c r="H669731" s="12"/>
    </row>
    <row r="669732" spans="8:8">
      <c r="H669732" s="12"/>
    </row>
    <row r="669733" spans="8:8">
      <c r="H669733" s="12"/>
    </row>
    <row r="669734" spans="8:8">
      <c r="H669734" s="12"/>
    </row>
    <row r="669735" spans="8:8">
      <c r="H669735" s="12"/>
    </row>
    <row r="669736" spans="8:8">
      <c r="H669736" s="12"/>
    </row>
    <row r="669737" spans="8:8">
      <c r="H669737" s="12"/>
    </row>
    <row r="669738" spans="8:8">
      <c r="H669738" s="12"/>
    </row>
    <row r="669739" spans="8:8">
      <c r="H669739" s="12"/>
    </row>
    <row r="669740" spans="8:8">
      <c r="H669740" s="12"/>
    </row>
    <row r="669741" spans="8:8">
      <c r="H669741" s="12"/>
    </row>
    <row r="669742" spans="8:8">
      <c r="H669742" s="12"/>
    </row>
    <row r="669743" spans="8:8">
      <c r="H669743" s="12"/>
    </row>
    <row r="669744" spans="8:8">
      <c r="H669744" s="12"/>
    </row>
    <row r="669745" spans="8:8">
      <c r="H669745" s="12"/>
    </row>
    <row r="669746" spans="8:8">
      <c r="H669746" s="12"/>
    </row>
    <row r="669747" spans="8:8">
      <c r="H669747" s="12"/>
    </row>
    <row r="669748" spans="8:8">
      <c r="H669748" s="12"/>
    </row>
    <row r="669749" spans="8:8">
      <c r="H669749" s="12"/>
    </row>
    <row r="669750" spans="8:8">
      <c r="H669750" s="12"/>
    </row>
    <row r="669751" spans="8:8">
      <c r="H669751" s="12"/>
    </row>
    <row r="669752" spans="8:8">
      <c r="H669752" s="12"/>
    </row>
    <row r="669753" spans="8:8">
      <c r="H669753" s="12"/>
    </row>
    <row r="669754" spans="8:8">
      <c r="H669754" s="12"/>
    </row>
    <row r="669755" spans="8:8">
      <c r="H669755" s="12"/>
    </row>
    <row r="669756" spans="8:8">
      <c r="H669756" s="12"/>
    </row>
    <row r="669757" spans="8:8">
      <c r="H669757" s="12"/>
    </row>
    <row r="669758" spans="8:8">
      <c r="H669758" s="12"/>
    </row>
    <row r="669759" spans="8:8">
      <c r="H669759" s="12"/>
    </row>
    <row r="669760" spans="8:8">
      <c r="H669760" s="12"/>
    </row>
    <row r="669761" spans="8:8">
      <c r="H669761" s="12"/>
    </row>
    <row r="669762" spans="8:8">
      <c r="H669762" s="12"/>
    </row>
    <row r="669763" spans="8:8">
      <c r="H669763" s="12"/>
    </row>
    <row r="669764" spans="8:8">
      <c r="H669764" s="12"/>
    </row>
    <row r="669765" spans="8:8">
      <c r="H669765" s="12"/>
    </row>
    <row r="669766" spans="8:8">
      <c r="H669766" s="12"/>
    </row>
    <row r="669767" spans="8:8">
      <c r="H669767" s="12"/>
    </row>
    <row r="669768" spans="8:8">
      <c r="H669768" s="12"/>
    </row>
    <row r="669769" spans="8:8">
      <c r="H669769" s="12"/>
    </row>
    <row r="669770" spans="8:8">
      <c r="H669770" s="12"/>
    </row>
    <row r="669771" spans="8:8">
      <c r="H669771" s="12"/>
    </row>
    <row r="669772" spans="8:8">
      <c r="H669772" s="12"/>
    </row>
    <row r="669773" spans="8:8">
      <c r="H669773" s="12"/>
    </row>
    <row r="669774" spans="8:8">
      <c r="H669774" s="12"/>
    </row>
    <row r="669775" spans="8:8">
      <c r="H669775" s="12"/>
    </row>
    <row r="669776" spans="8:8">
      <c r="H669776" s="12"/>
    </row>
    <row r="669777" spans="8:8">
      <c r="H669777" s="12"/>
    </row>
    <row r="669778" spans="8:8">
      <c r="H669778" s="12"/>
    </row>
    <row r="669779" spans="8:8">
      <c r="H669779" s="12"/>
    </row>
    <row r="669780" spans="8:8">
      <c r="H669780" s="12"/>
    </row>
    <row r="669781" spans="8:8">
      <c r="H669781" s="12"/>
    </row>
    <row r="669782" spans="8:8">
      <c r="H669782" s="12"/>
    </row>
    <row r="669783" spans="8:8">
      <c r="H669783" s="12"/>
    </row>
    <row r="669784" spans="8:8">
      <c r="H669784" s="12"/>
    </row>
    <row r="669785" spans="8:8">
      <c r="H669785" s="12"/>
    </row>
    <row r="669786" spans="8:8">
      <c r="H669786" s="12"/>
    </row>
    <row r="669787" spans="8:8">
      <c r="H669787" s="12"/>
    </row>
    <row r="669788" spans="8:8">
      <c r="H669788" s="12"/>
    </row>
    <row r="669789" spans="8:8">
      <c r="H669789" s="12"/>
    </row>
    <row r="669790" spans="8:8">
      <c r="H669790" s="12"/>
    </row>
    <row r="669791" spans="8:8">
      <c r="H669791" s="12"/>
    </row>
    <row r="669792" spans="8:8">
      <c r="H669792" s="12"/>
    </row>
    <row r="669793" spans="8:8">
      <c r="H669793" s="12"/>
    </row>
    <row r="669794" spans="8:8">
      <c r="H669794" s="12"/>
    </row>
    <row r="669795" spans="8:8">
      <c r="H669795" s="12"/>
    </row>
    <row r="669796" spans="8:8">
      <c r="H669796" s="12"/>
    </row>
    <row r="669797" spans="8:8">
      <c r="H669797" s="12"/>
    </row>
    <row r="669798" spans="8:8">
      <c r="H669798" s="12"/>
    </row>
    <row r="669799" spans="8:8">
      <c r="H669799" s="12"/>
    </row>
    <row r="669800" spans="8:8">
      <c r="H669800" s="12"/>
    </row>
    <row r="669801" spans="8:8">
      <c r="H669801" s="12"/>
    </row>
    <row r="669802" spans="8:8">
      <c r="H669802" s="12"/>
    </row>
    <row r="669803" spans="8:8">
      <c r="H669803" s="12"/>
    </row>
    <row r="669804" spans="8:8">
      <c r="H669804" s="12"/>
    </row>
    <row r="669805" spans="8:8">
      <c r="H669805" s="12"/>
    </row>
    <row r="669806" spans="8:8">
      <c r="H669806" s="12"/>
    </row>
    <row r="669807" spans="8:8">
      <c r="H669807" s="12"/>
    </row>
    <row r="669808" spans="8:8">
      <c r="H669808" s="12"/>
    </row>
    <row r="669809" spans="8:8">
      <c r="H669809" s="12"/>
    </row>
    <row r="669810" spans="8:8">
      <c r="H669810" s="12"/>
    </row>
    <row r="669811" spans="8:8">
      <c r="H669811" s="12"/>
    </row>
    <row r="669812" spans="8:8">
      <c r="H669812" s="12"/>
    </row>
    <row r="669813" spans="8:8">
      <c r="H669813" s="12"/>
    </row>
    <row r="669814" spans="8:8">
      <c r="H669814" s="12"/>
    </row>
    <row r="669815" spans="8:8">
      <c r="H669815" s="12"/>
    </row>
    <row r="669816" spans="8:8">
      <c r="H669816" s="12"/>
    </row>
    <row r="669817" spans="8:8">
      <c r="H669817" s="12"/>
    </row>
    <row r="669818" spans="8:8">
      <c r="H669818" s="12"/>
    </row>
    <row r="669819" spans="8:8">
      <c r="H669819" s="12"/>
    </row>
    <row r="669820" spans="8:8">
      <c r="H669820" s="12"/>
    </row>
    <row r="669821" spans="8:8">
      <c r="H669821" s="12"/>
    </row>
    <row r="669822" spans="8:8">
      <c r="H669822" s="12"/>
    </row>
    <row r="669823" spans="8:8">
      <c r="H669823" s="12"/>
    </row>
    <row r="669824" spans="8:8">
      <c r="H669824" s="12"/>
    </row>
    <row r="669825" spans="8:8">
      <c r="H669825" s="12"/>
    </row>
    <row r="669826" spans="8:8">
      <c r="H669826" s="12"/>
    </row>
    <row r="669827" spans="8:8">
      <c r="H669827" s="12"/>
    </row>
    <row r="669828" spans="8:8">
      <c r="H669828" s="12"/>
    </row>
    <row r="669829" spans="8:8">
      <c r="H669829" s="12"/>
    </row>
    <row r="669830" spans="8:8">
      <c r="H669830" s="12"/>
    </row>
    <row r="669831" spans="8:8">
      <c r="H669831" s="12"/>
    </row>
    <row r="669832" spans="8:8">
      <c r="H669832" s="12"/>
    </row>
    <row r="669833" spans="8:8">
      <c r="H669833" s="12"/>
    </row>
    <row r="669834" spans="8:8">
      <c r="H669834" s="12"/>
    </row>
    <row r="669835" spans="8:8">
      <c r="H669835" s="12"/>
    </row>
    <row r="669836" spans="8:8">
      <c r="H669836" s="12"/>
    </row>
    <row r="669837" spans="8:8">
      <c r="H669837" s="12"/>
    </row>
    <row r="669838" spans="8:8">
      <c r="H669838" s="12"/>
    </row>
    <row r="669839" spans="8:8">
      <c r="H669839" s="12"/>
    </row>
    <row r="669840" spans="8:8">
      <c r="H669840" s="12"/>
    </row>
    <row r="669841" spans="8:8">
      <c r="H669841" s="12"/>
    </row>
    <row r="669842" spans="8:8">
      <c r="H669842" s="12"/>
    </row>
    <row r="669843" spans="8:8">
      <c r="H669843" s="12"/>
    </row>
    <row r="669844" spans="8:8">
      <c r="H669844" s="12"/>
    </row>
    <row r="669845" spans="8:8">
      <c r="H669845" s="12"/>
    </row>
    <row r="669846" spans="8:8">
      <c r="H669846" s="12"/>
    </row>
    <row r="669847" spans="8:8">
      <c r="H669847" s="12"/>
    </row>
    <row r="669848" spans="8:8">
      <c r="H669848" s="12"/>
    </row>
    <row r="669849" spans="8:8">
      <c r="H669849" s="12"/>
    </row>
    <row r="669850" spans="8:8">
      <c r="H669850" s="12"/>
    </row>
    <row r="669851" spans="8:8">
      <c r="H669851" s="12"/>
    </row>
    <row r="669852" spans="8:8">
      <c r="H669852" s="12"/>
    </row>
    <row r="669853" spans="8:8">
      <c r="H669853" s="12"/>
    </row>
    <row r="669854" spans="8:8">
      <c r="H669854" s="12"/>
    </row>
    <row r="669855" spans="8:8">
      <c r="H669855" s="12"/>
    </row>
    <row r="669856" spans="8:8">
      <c r="H669856" s="12"/>
    </row>
    <row r="669857" spans="8:8">
      <c r="H669857" s="12"/>
    </row>
    <row r="669858" spans="8:8">
      <c r="H669858" s="12"/>
    </row>
    <row r="669859" spans="8:8">
      <c r="H669859" s="12"/>
    </row>
    <row r="669860" spans="8:8">
      <c r="H669860" s="12"/>
    </row>
    <row r="669861" spans="8:8">
      <c r="H669861" s="12"/>
    </row>
    <row r="669862" spans="8:8">
      <c r="H669862" s="12"/>
    </row>
    <row r="669863" spans="8:8">
      <c r="H669863" s="12"/>
    </row>
    <row r="669864" spans="8:8">
      <c r="H669864" s="12"/>
    </row>
    <row r="669865" spans="8:8">
      <c r="H669865" s="12"/>
    </row>
    <row r="669866" spans="8:8">
      <c r="H669866" s="12"/>
    </row>
    <row r="669867" spans="8:8">
      <c r="H669867" s="12"/>
    </row>
    <row r="669868" spans="8:8">
      <c r="H669868" s="12"/>
    </row>
    <row r="669869" spans="8:8">
      <c r="H669869" s="12"/>
    </row>
    <row r="669870" spans="8:8">
      <c r="H669870" s="12"/>
    </row>
    <row r="669871" spans="8:8">
      <c r="H669871" s="12"/>
    </row>
    <row r="669872" spans="8:8">
      <c r="H669872" s="12"/>
    </row>
    <row r="669873" spans="8:8">
      <c r="H669873" s="12"/>
    </row>
    <row r="669874" spans="8:8">
      <c r="H669874" s="12"/>
    </row>
    <row r="669875" spans="8:8">
      <c r="H669875" s="12"/>
    </row>
    <row r="669876" spans="8:8">
      <c r="H669876" s="12"/>
    </row>
    <row r="669877" spans="8:8">
      <c r="H669877" s="12"/>
    </row>
    <row r="669878" spans="8:8">
      <c r="H669878" s="12"/>
    </row>
    <row r="669879" spans="8:8">
      <c r="H669879" s="12"/>
    </row>
    <row r="669880" spans="8:8">
      <c r="H669880" s="12"/>
    </row>
    <row r="669881" spans="8:8">
      <c r="H669881" s="12"/>
    </row>
    <row r="669882" spans="8:8">
      <c r="H669882" s="12"/>
    </row>
    <row r="669883" spans="8:8">
      <c r="H669883" s="12"/>
    </row>
    <row r="669884" spans="8:8">
      <c r="H669884" s="12"/>
    </row>
    <row r="669885" spans="8:8">
      <c r="H669885" s="12"/>
    </row>
    <row r="669886" spans="8:8">
      <c r="H669886" s="12"/>
    </row>
    <row r="669887" spans="8:8">
      <c r="H669887" s="12"/>
    </row>
    <row r="669888" spans="8:8">
      <c r="H669888" s="12"/>
    </row>
    <row r="669889" spans="8:8">
      <c r="H669889" s="12"/>
    </row>
    <row r="669890" spans="8:8">
      <c r="H669890" s="12"/>
    </row>
    <row r="669891" spans="8:8">
      <c r="H669891" s="12"/>
    </row>
    <row r="669892" spans="8:8">
      <c r="H669892" s="12"/>
    </row>
    <row r="669893" spans="8:8">
      <c r="H669893" s="12"/>
    </row>
    <row r="669894" spans="8:8">
      <c r="H669894" s="12"/>
    </row>
    <row r="669895" spans="8:8">
      <c r="H669895" s="12"/>
    </row>
    <row r="669896" spans="8:8">
      <c r="H669896" s="12"/>
    </row>
    <row r="669897" spans="8:8">
      <c r="H669897" s="12"/>
    </row>
    <row r="669898" spans="8:8">
      <c r="H669898" s="12"/>
    </row>
    <row r="669899" spans="8:8">
      <c r="H669899" s="12"/>
    </row>
    <row r="669900" spans="8:8">
      <c r="H669900" s="12"/>
    </row>
    <row r="669901" spans="8:8">
      <c r="H669901" s="12"/>
    </row>
    <row r="669902" spans="8:8">
      <c r="H669902" s="12"/>
    </row>
    <row r="669903" spans="8:8">
      <c r="H669903" s="12"/>
    </row>
    <row r="669904" spans="8:8">
      <c r="H669904" s="12"/>
    </row>
    <row r="669905" spans="8:8">
      <c r="H669905" s="12"/>
    </row>
    <row r="669906" spans="8:8">
      <c r="H669906" s="12"/>
    </row>
    <row r="669907" spans="8:8">
      <c r="H669907" s="12"/>
    </row>
    <row r="669908" spans="8:8">
      <c r="H669908" s="12"/>
    </row>
    <row r="669909" spans="8:8">
      <c r="H669909" s="12"/>
    </row>
    <row r="669910" spans="8:8">
      <c r="H669910" s="12"/>
    </row>
    <row r="669911" spans="8:8">
      <c r="H669911" s="12"/>
    </row>
    <row r="669912" spans="8:8">
      <c r="H669912" s="12"/>
    </row>
    <row r="669913" spans="8:8">
      <c r="H669913" s="12"/>
    </row>
    <row r="669914" spans="8:8">
      <c r="H669914" s="12"/>
    </row>
    <row r="669915" spans="8:8">
      <c r="H669915" s="12"/>
    </row>
    <row r="669916" spans="8:8">
      <c r="H669916" s="12"/>
    </row>
    <row r="669917" spans="8:8">
      <c r="H669917" s="12"/>
    </row>
    <row r="669918" spans="8:8">
      <c r="H669918" s="12"/>
    </row>
    <row r="669919" spans="8:8">
      <c r="H669919" s="12"/>
    </row>
    <row r="669920" spans="8:8">
      <c r="H669920" s="12"/>
    </row>
    <row r="669921" spans="8:8">
      <c r="H669921" s="12"/>
    </row>
    <row r="669922" spans="8:8">
      <c r="H669922" s="12"/>
    </row>
    <row r="669923" spans="8:8">
      <c r="H669923" s="12"/>
    </row>
    <row r="669924" spans="8:8">
      <c r="H669924" s="12"/>
    </row>
    <row r="669925" spans="8:8">
      <c r="H669925" s="12"/>
    </row>
    <row r="669926" spans="8:8">
      <c r="H669926" s="12"/>
    </row>
    <row r="669927" spans="8:8">
      <c r="H669927" s="12"/>
    </row>
    <row r="669928" spans="8:8">
      <c r="H669928" s="12"/>
    </row>
    <row r="669929" spans="8:8">
      <c r="H669929" s="12"/>
    </row>
    <row r="669930" spans="8:8">
      <c r="H669930" s="12"/>
    </row>
    <row r="669931" spans="8:8">
      <c r="H669931" s="12"/>
    </row>
    <row r="669932" spans="8:8">
      <c r="H669932" s="12"/>
    </row>
    <row r="669933" spans="8:8">
      <c r="H669933" s="12"/>
    </row>
    <row r="669934" spans="8:8">
      <c r="H669934" s="12"/>
    </row>
    <row r="669935" spans="8:8">
      <c r="H669935" s="12"/>
    </row>
    <row r="669936" spans="8:8">
      <c r="H669936" s="12"/>
    </row>
    <row r="669937" spans="8:8">
      <c r="H669937" s="12"/>
    </row>
    <row r="669938" spans="8:8">
      <c r="H669938" s="12"/>
    </row>
    <row r="669939" spans="8:8">
      <c r="H669939" s="12"/>
    </row>
    <row r="669940" spans="8:8">
      <c r="H669940" s="12"/>
    </row>
    <row r="669941" spans="8:8">
      <c r="H669941" s="12"/>
    </row>
    <row r="669942" spans="8:8">
      <c r="H669942" s="12"/>
    </row>
    <row r="669943" spans="8:8">
      <c r="H669943" s="12"/>
    </row>
    <row r="669944" spans="8:8">
      <c r="H669944" s="12"/>
    </row>
    <row r="669945" spans="8:8">
      <c r="H669945" s="12"/>
    </row>
    <row r="669946" spans="8:8">
      <c r="H669946" s="12"/>
    </row>
    <row r="669947" spans="8:8">
      <c r="H669947" s="12"/>
    </row>
    <row r="669948" spans="8:8">
      <c r="H669948" s="12"/>
    </row>
    <row r="669949" spans="8:8">
      <c r="H669949" s="12"/>
    </row>
    <row r="669950" spans="8:8">
      <c r="H669950" s="12"/>
    </row>
    <row r="669951" spans="8:8">
      <c r="H669951" s="12"/>
    </row>
    <row r="669952" spans="8:8">
      <c r="H669952" s="12"/>
    </row>
    <row r="669953" spans="8:8">
      <c r="H669953" s="12"/>
    </row>
    <row r="669954" spans="8:8">
      <c r="H669954" s="12"/>
    </row>
    <row r="669955" spans="8:8">
      <c r="H669955" s="12"/>
    </row>
    <row r="669956" spans="8:8">
      <c r="H669956" s="12"/>
    </row>
    <row r="669957" spans="8:8">
      <c r="H669957" s="12"/>
    </row>
    <row r="669958" spans="8:8">
      <c r="H669958" s="12"/>
    </row>
    <row r="669959" spans="8:8">
      <c r="H669959" s="12"/>
    </row>
    <row r="669960" spans="8:8">
      <c r="H669960" s="12"/>
    </row>
    <row r="669961" spans="8:8">
      <c r="H669961" s="12"/>
    </row>
    <row r="669962" spans="8:8">
      <c r="H669962" s="12"/>
    </row>
    <row r="669963" spans="8:8">
      <c r="H669963" s="12"/>
    </row>
    <row r="669964" spans="8:8">
      <c r="H669964" s="12"/>
    </row>
    <row r="669965" spans="8:8">
      <c r="H669965" s="12"/>
    </row>
    <row r="669966" spans="8:8">
      <c r="H669966" s="12"/>
    </row>
    <row r="669967" spans="8:8">
      <c r="H669967" s="12"/>
    </row>
    <row r="669968" spans="8:8">
      <c r="H669968" s="12"/>
    </row>
    <row r="669969" spans="8:8">
      <c r="H669969" s="12"/>
    </row>
    <row r="669970" spans="8:8">
      <c r="H669970" s="12"/>
    </row>
    <row r="669971" spans="8:8">
      <c r="H669971" s="12"/>
    </row>
    <row r="669972" spans="8:8">
      <c r="H669972" s="12"/>
    </row>
    <row r="669973" spans="8:8">
      <c r="H669973" s="12"/>
    </row>
    <row r="669974" spans="8:8">
      <c r="H669974" s="12"/>
    </row>
    <row r="669975" spans="8:8">
      <c r="H669975" s="12"/>
    </row>
    <row r="669976" spans="8:8">
      <c r="H669976" s="12"/>
    </row>
    <row r="669977" spans="8:8">
      <c r="H669977" s="12"/>
    </row>
    <row r="669978" spans="8:8">
      <c r="H669978" s="12"/>
    </row>
    <row r="669979" spans="8:8">
      <c r="H669979" s="12"/>
    </row>
    <row r="669980" spans="8:8">
      <c r="H669980" s="12"/>
    </row>
    <row r="669981" spans="8:8">
      <c r="H669981" s="12"/>
    </row>
    <row r="669982" spans="8:8">
      <c r="H669982" s="12"/>
    </row>
    <row r="669983" spans="8:8">
      <c r="H669983" s="12"/>
    </row>
    <row r="669984" spans="8:8">
      <c r="H669984" s="12"/>
    </row>
    <row r="669985" spans="8:8">
      <c r="H669985" s="12"/>
    </row>
    <row r="669986" spans="8:8">
      <c r="H669986" s="12"/>
    </row>
    <row r="669987" spans="8:8">
      <c r="H669987" s="12"/>
    </row>
    <row r="669988" spans="8:8">
      <c r="H669988" s="12"/>
    </row>
    <row r="669989" spans="8:8">
      <c r="H669989" s="12"/>
    </row>
    <row r="669990" spans="8:8">
      <c r="H669990" s="12"/>
    </row>
    <row r="669991" spans="8:8">
      <c r="H669991" s="12"/>
    </row>
    <row r="669992" spans="8:8">
      <c r="H669992" s="12"/>
    </row>
    <row r="669993" spans="8:8">
      <c r="H669993" s="12"/>
    </row>
    <row r="669994" spans="8:8">
      <c r="H669994" s="12"/>
    </row>
    <row r="669995" spans="8:8">
      <c r="H669995" s="12"/>
    </row>
    <row r="669996" spans="8:8">
      <c r="H669996" s="12"/>
    </row>
    <row r="669997" spans="8:8">
      <c r="H669997" s="12"/>
    </row>
    <row r="669998" spans="8:8">
      <c r="H669998" s="12"/>
    </row>
    <row r="669999" spans="8:8">
      <c r="H669999" s="12"/>
    </row>
    <row r="670000" spans="8:8">
      <c r="H670000" s="12"/>
    </row>
    <row r="670001" spans="8:8">
      <c r="H670001" s="12"/>
    </row>
    <row r="670002" spans="8:8">
      <c r="H670002" s="12"/>
    </row>
    <row r="670003" spans="8:8">
      <c r="H670003" s="12"/>
    </row>
    <row r="670004" spans="8:8">
      <c r="H670004" s="12"/>
    </row>
    <row r="670005" spans="8:8">
      <c r="H670005" s="12"/>
    </row>
    <row r="670006" spans="8:8">
      <c r="H670006" s="12"/>
    </row>
    <row r="670007" spans="8:8">
      <c r="H670007" s="12"/>
    </row>
    <row r="670008" spans="8:8">
      <c r="H670008" s="12"/>
    </row>
    <row r="670009" spans="8:8">
      <c r="H670009" s="12"/>
    </row>
    <row r="670010" spans="8:8">
      <c r="H670010" s="12"/>
    </row>
    <row r="670011" spans="8:8">
      <c r="H670011" s="12"/>
    </row>
    <row r="670012" spans="8:8">
      <c r="H670012" s="12"/>
    </row>
    <row r="670013" spans="8:8">
      <c r="H670013" s="12"/>
    </row>
    <row r="670014" spans="8:8">
      <c r="H670014" s="12"/>
    </row>
    <row r="670015" spans="8:8">
      <c r="H670015" s="12"/>
    </row>
    <row r="670016" spans="8:8">
      <c r="H670016" s="12"/>
    </row>
    <row r="670017" spans="8:8">
      <c r="H670017" s="12"/>
    </row>
    <row r="670018" spans="8:8">
      <c r="H670018" s="12"/>
    </row>
    <row r="670019" spans="8:8">
      <c r="H670019" s="12"/>
    </row>
    <row r="670020" spans="8:8">
      <c r="H670020" s="12"/>
    </row>
    <row r="670021" spans="8:8">
      <c r="H670021" s="12"/>
    </row>
    <row r="670022" spans="8:8">
      <c r="H670022" s="12"/>
    </row>
    <row r="670023" spans="8:8">
      <c r="H670023" s="12"/>
    </row>
    <row r="670024" spans="8:8">
      <c r="H670024" s="12"/>
    </row>
    <row r="670025" spans="8:8">
      <c r="H670025" s="12"/>
    </row>
    <row r="670026" spans="8:8">
      <c r="H670026" s="12"/>
    </row>
    <row r="670027" spans="8:8">
      <c r="H670027" s="12"/>
    </row>
    <row r="670028" spans="8:8">
      <c r="H670028" s="12"/>
    </row>
    <row r="670029" spans="8:8">
      <c r="H670029" s="12"/>
    </row>
    <row r="670030" spans="8:8">
      <c r="H670030" s="12"/>
    </row>
    <row r="670031" spans="8:8">
      <c r="H670031" s="12"/>
    </row>
    <row r="670032" spans="8:8">
      <c r="H670032" s="12"/>
    </row>
    <row r="670033" spans="8:8">
      <c r="H670033" s="12"/>
    </row>
    <row r="670034" spans="8:8">
      <c r="H670034" s="12"/>
    </row>
    <row r="670035" spans="8:8">
      <c r="H670035" s="12"/>
    </row>
    <row r="670036" spans="8:8">
      <c r="H670036" s="12"/>
    </row>
    <row r="670037" spans="8:8">
      <c r="H670037" s="12"/>
    </row>
    <row r="670038" spans="8:8">
      <c r="H670038" s="12"/>
    </row>
    <row r="670039" spans="8:8">
      <c r="H670039" s="12"/>
    </row>
    <row r="670040" spans="8:8">
      <c r="H670040" s="12"/>
    </row>
    <row r="670041" spans="8:8">
      <c r="H670041" s="12"/>
    </row>
    <row r="670042" spans="8:8">
      <c r="H670042" s="12"/>
    </row>
    <row r="670043" spans="8:8">
      <c r="H670043" s="12"/>
    </row>
    <row r="670044" spans="8:8">
      <c r="H670044" s="12"/>
    </row>
    <row r="670045" spans="8:8">
      <c r="H670045" s="12"/>
    </row>
    <row r="670046" spans="8:8">
      <c r="H670046" s="12"/>
    </row>
    <row r="670047" spans="8:8">
      <c r="H670047" s="12"/>
    </row>
    <row r="670048" spans="8:8">
      <c r="H670048" s="12"/>
    </row>
    <row r="670049" spans="8:8">
      <c r="H670049" s="12"/>
    </row>
    <row r="670050" spans="8:8">
      <c r="H670050" s="12"/>
    </row>
    <row r="670051" spans="8:8">
      <c r="H670051" s="12"/>
    </row>
    <row r="670052" spans="8:8">
      <c r="H670052" s="12"/>
    </row>
    <row r="670053" spans="8:8">
      <c r="H670053" s="12"/>
    </row>
    <row r="670054" spans="8:8">
      <c r="H670054" s="12"/>
    </row>
    <row r="670055" spans="8:8">
      <c r="H670055" s="12"/>
    </row>
    <row r="670056" spans="8:8">
      <c r="H670056" s="12"/>
    </row>
    <row r="670057" spans="8:8">
      <c r="H670057" s="12"/>
    </row>
    <row r="670058" spans="8:8">
      <c r="H670058" s="12"/>
    </row>
    <row r="670059" spans="8:8">
      <c r="H670059" s="12"/>
    </row>
    <row r="670060" spans="8:8">
      <c r="H670060" s="12"/>
    </row>
    <row r="670061" spans="8:8">
      <c r="H670061" s="12"/>
    </row>
    <row r="670062" spans="8:8">
      <c r="H670062" s="12"/>
    </row>
    <row r="670063" spans="8:8">
      <c r="H670063" s="12"/>
    </row>
    <row r="670064" spans="8:8">
      <c r="H670064" s="12"/>
    </row>
    <row r="670065" spans="8:8">
      <c r="H670065" s="12"/>
    </row>
    <row r="670066" spans="8:8">
      <c r="H670066" s="12"/>
    </row>
    <row r="670067" spans="8:8">
      <c r="H670067" s="12"/>
    </row>
    <row r="670068" spans="8:8">
      <c r="H670068" s="12"/>
    </row>
    <row r="670069" spans="8:8">
      <c r="H670069" s="12"/>
    </row>
    <row r="670070" spans="8:8">
      <c r="H670070" s="12"/>
    </row>
    <row r="670071" spans="8:8">
      <c r="H670071" s="12"/>
    </row>
    <row r="670072" spans="8:8">
      <c r="H670072" s="12"/>
    </row>
    <row r="670073" spans="8:8">
      <c r="H670073" s="12"/>
    </row>
    <row r="670074" spans="8:8">
      <c r="H670074" s="12"/>
    </row>
    <row r="670075" spans="8:8">
      <c r="H670075" s="12"/>
    </row>
    <row r="670076" spans="8:8">
      <c r="H670076" s="12"/>
    </row>
    <row r="670077" spans="8:8">
      <c r="H670077" s="12"/>
    </row>
    <row r="670078" spans="8:8">
      <c r="H670078" s="12"/>
    </row>
    <row r="670079" spans="8:8">
      <c r="H670079" s="12"/>
    </row>
    <row r="670080" spans="8:8">
      <c r="H670080" s="12"/>
    </row>
    <row r="670081" spans="8:8">
      <c r="H670081" s="12"/>
    </row>
    <row r="670082" spans="8:8">
      <c r="H670082" s="12"/>
    </row>
    <row r="670083" spans="8:8">
      <c r="H670083" s="12"/>
    </row>
    <row r="670084" spans="8:8">
      <c r="H670084" s="12"/>
    </row>
    <row r="670085" spans="8:8">
      <c r="H670085" s="12"/>
    </row>
    <row r="670086" spans="8:8">
      <c r="H670086" s="12"/>
    </row>
    <row r="670087" spans="8:8">
      <c r="H670087" s="12"/>
    </row>
    <row r="670088" spans="8:8">
      <c r="H670088" s="12"/>
    </row>
    <row r="670089" spans="8:8">
      <c r="H670089" s="12"/>
    </row>
    <row r="670090" spans="8:8">
      <c r="H670090" s="12"/>
    </row>
    <row r="670091" spans="8:8">
      <c r="H670091" s="12"/>
    </row>
    <row r="670092" spans="8:8">
      <c r="H670092" s="12"/>
    </row>
    <row r="670093" spans="8:8">
      <c r="H670093" s="12"/>
    </row>
    <row r="670094" spans="8:8">
      <c r="H670094" s="12"/>
    </row>
    <row r="670095" spans="8:8">
      <c r="H670095" s="12"/>
    </row>
    <row r="670096" spans="8:8">
      <c r="H670096" s="12"/>
    </row>
    <row r="670097" spans="8:8">
      <c r="H670097" s="12"/>
    </row>
    <row r="670098" spans="8:8">
      <c r="H670098" s="12"/>
    </row>
    <row r="670099" spans="8:8">
      <c r="H670099" s="12"/>
    </row>
    <row r="670100" spans="8:8">
      <c r="H670100" s="12"/>
    </row>
    <row r="670101" spans="8:8">
      <c r="H670101" s="12"/>
    </row>
    <row r="670102" spans="8:8">
      <c r="H670102" s="12"/>
    </row>
    <row r="670103" spans="8:8">
      <c r="H670103" s="12"/>
    </row>
    <row r="670104" spans="8:8">
      <c r="H670104" s="12"/>
    </row>
    <row r="670105" spans="8:8">
      <c r="H670105" s="12"/>
    </row>
    <row r="670106" spans="8:8">
      <c r="H670106" s="12"/>
    </row>
    <row r="670107" spans="8:8">
      <c r="H670107" s="12"/>
    </row>
    <row r="670108" spans="8:8">
      <c r="H670108" s="12"/>
    </row>
    <row r="670109" spans="8:8">
      <c r="H670109" s="12"/>
    </row>
    <row r="670110" spans="8:8">
      <c r="H670110" s="12"/>
    </row>
    <row r="670111" spans="8:8">
      <c r="H670111" s="12"/>
    </row>
    <row r="670112" spans="8:8">
      <c r="H670112" s="12"/>
    </row>
    <row r="670113" spans="8:8">
      <c r="H670113" s="12"/>
    </row>
    <row r="670114" spans="8:8">
      <c r="H670114" s="12"/>
    </row>
    <row r="670115" spans="8:8">
      <c r="H670115" s="12"/>
    </row>
    <row r="670116" spans="8:8">
      <c r="H670116" s="12"/>
    </row>
    <row r="670117" spans="8:8">
      <c r="H670117" s="12"/>
    </row>
    <row r="670118" spans="8:8">
      <c r="H670118" s="12"/>
    </row>
    <row r="670119" spans="8:8">
      <c r="H670119" s="12"/>
    </row>
    <row r="670120" spans="8:8">
      <c r="H670120" s="12"/>
    </row>
    <row r="670121" spans="8:8">
      <c r="H670121" s="12"/>
    </row>
    <row r="670122" spans="8:8">
      <c r="H670122" s="12"/>
    </row>
    <row r="670123" spans="8:8">
      <c r="H670123" s="12"/>
    </row>
    <row r="670124" spans="8:8">
      <c r="H670124" s="12"/>
    </row>
    <row r="670125" spans="8:8">
      <c r="H670125" s="12"/>
    </row>
    <row r="670126" spans="8:8">
      <c r="H670126" s="12"/>
    </row>
    <row r="670127" spans="8:8">
      <c r="H670127" s="12"/>
    </row>
    <row r="670128" spans="8:8">
      <c r="H670128" s="12"/>
    </row>
    <row r="670129" spans="8:8">
      <c r="H670129" s="12"/>
    </row>
    <row r="670130" spans="8:8">
      <c r="H670130" s="12"/>
    </row>
    <row r="670131" spans="8:8">
      <c r="H670131" s="12"/>
    </row>
    <row r="670132" spans="8:8">
      <c r="H670132" s="12"/>
    </row>
    <row r="670133" spans="8:8">
      <c r="H670133" s="12"/>
    </row>
    <row r="670134" spans="8:8">
      <c r="H670134" s="12"/>
    </row>
    <row r="670135" spans="8:8">
      <c r="H670135" s="12"/>
    </row>
    <row r="670136" spans="8:8">
      <c r="H670136" s="12"/>
    </row>
    <row r="670137" spans="8:8">
      <c r="H670137" s="12"/>
    </row>
    <row r="670138" spans="8:8">
      <c r="H670138" s="12"/>
    </row>
    <row r="670139" spans="8:8">
      <c r="H670139" s="12"/>
    </row>
    <row r="670140" spans="8:8">
      <c r="H670140" s="12"/>
    </row>
    <row r="670141" spans="8:8">
      <c r="H670141" s="12"/>
    </row>
    <row r="670142" spans="8:8">
      <c r="H670142" s="12"/>
    </row>
    <row r="670143" spans="8:8">
      <c r="H670143" s="12"/>
    </row>
    <row r="670144" spans="8:8">
      <c r="H670144" s="12"/>
    </row>
    <row r="670145" spans="8:8">
      <c r="H670145" s="12"/>
    </row>
    <row r="670146" spans="8:8">
      <c r="H670146" s="12"/>
    </row>
    <row r="670147" spans="8:8">
      <c r="H670147" s="12"/>
    </row>
    <row r="670148" spans="8:8">
      <c r="H670148" s="12"/>
    </row>
    <row r="670149" spans="8:8">
      <c r="H670149" s="12"/>
    </row>
    <row r="670150" spans="8:8">
      <c r="H670150" s="12"/>
    </row>
    <row r="670151" spans="8:8">
      <c r="H670151" s="12"/>
    </row>
    <row r="670152" spans="8:8">
      <c r="H670152" s="12"/>
    </row>
    <row r="670153" spans="8:8">
      <c r="H670153" s="12"/>
    </row>
    <row r="670154" spans="8:8">
      <c r="H670154" s="12"/>
    </row>
    <row r="670155" spans="8:8">
      <c r="H670155" s="12"/>
    </row>
    <row r="670156" spans="8:8">
      <c r="H670156" s="12"/>
    </row>
    <row r="670157" spans="8:8">
      <c r="H670157" s="12"/>
    </row>
    <row r="670158" spans="8:8">
      <c r="H670158" s="12"/>
    </row>
    <row r="670159" spans="8:8">
      <c r="H670159" s="12"/>
    </row>
    <row r="670160" spans="8:8">
      <c r="H670160" s="12"/>
    </row>
    <row r="670161" spans="8:8">
      <c r="H670161" s="12"/>
    </row>
    <row r="670162" spans="8:8">
      <c r="H670162" s="12"/>
    </row>
    <row r="670163" spans="8:8">
      <c r="H670163" s="12"/>
    </row>
    <row r="670164" spans="8:8">
      <c r="H670164" s="12"/>
    </row>
    <row r="670165" spans="8:8">
      <c r="H670165" s="12"/>
    </row>
    <row r="670166" spans="8:8">
      <c r="H670166" s="12"/>
    </row>
    <row r="670167" spans="8:8">
      <c r="H670167" s="12"/>
    </row>
    <row r="670168" spans="8:8">
      <c r="H670168" s="12"/>
    </row>
    <row r="670169" spans="8:8">
      <c r="H670169" s="12"/>
    </row>
    <row r="670170" spans="8:8">
      <c r="H670170" s="12"/>
    </row>
    <row r="670171" spans="8:8">
      <c r="H670171" s="12"/>
    </row>
    <row r="670172" spans="8:8">
      <c r="H670172" s="12"/>
    </row>
    <row r="670173" spans="8:8">
      <c r="H670173" s="12"/>
    </row>
    <row r="670174" spans="8:8">
      <c r="H670174" s="12"/>
    </row>
    <row r="670175" spans="8:8">
      <c r="H670175" s="12"/>
    </row>
    <row r="670176" spans="8:8">
      <c r="H670176" s="12"/>
    </row>
    <row r="670177" spans="8:8">
      <c r="H670177" s="12"/>
    </row>
    <row r="670178" spans="8:8">
      <c r="H670178" s="12"/>
    </row>
    <row r="670179" spans="8:8">
      <c r="H670179" s="12"/>
    </row>
    <row r="670180" spans="8:8">
      <c r="H670180" s="12"/>
    </row>
    <row r="670181" spans="8:8">
      <c r="H670181" s="12"/>
    </row>
    <row r="670182" spans="8:8">
      <c r="H670182" s="12"/>
    </row>
    <row r="670183" spans="8:8">
      <c r="H670183" s="12"/>
    </row>
    <row r="670184" spans="8:8">
      <c r="H670184" s="12"/>
    </row>
    <row r="670185" spans="8:8">
      <c r="H670185" s="12"/>
    </row>
    <row r="670186" spans="8:8">
      <c r="H670186" s="12"/>
    </row>
    <row r="670187" spans="8:8">
      <c r="H670187" s="12"/>
    </row>
    <row r="670188" spans="8:8">
      <c r="H670188" s="12"/>
    </row>
    <row r="670189" spans="8:8">
      <c r="H670189" s="12"/>
    </row>
    <row r="670190" spans="8:8">
      <c r="H670190" s="12"/>
    </row>
    <row r="670191" spans="8:8">
      <c r="H670191" s="12"/>
    </row>
    <row r="670192" spans="8:8">
      <c r="H670192" s="12"/>
    </row>
    <row r="670193" spans="8:8">
      <c r="H670193" s="12"/>
    </row>
    <row r="670194" spans="8:8">
      <c r="H670194" s="12"/>
    </row>
    <row r="670195" spans="8:8">
      <c r="H670195" s="12"/>
    </row>
    <row r="670196" spans="8:8">
      <c r="H670196" s="12"/>
    </row>
    <row r="670197" spans="8:8">
      <c r="H670197" s="12"/>
    </row>
    <row r="670198" spans="8:8">
      <c r="H670198" s="12"/>
    </row>
    <row r="670199" spans="8:8">
      <c r="H670199" s="12"/>
    </row>
    <row r="670200" spans="8:8">
      <c r="H670200" s="12"/>
    </row>
    <row r="670201" spans="8:8">
      <c r="H670201" s="12"/>
    </row>
    <row r="670202" spans="8:8">
      <c r="H670202" s="12"/>
    </row>
    <row r="670203" spans="8:8">
      <c r="H670203" s="12"/>
    </row>
    <row r="670204" spans="8:8">
      <c r="H670204" s="12"/>
    </row>
    <row r="670205" spans="8:8">
      <c r="H670205" s="12"/>
    </row>
    <row r="670206" spans="8:8">
      <c r="H670206" s="12"/>
    </row>
    <row r="670207" spans="8:8">
      <c r="H670207" s="12"/>
    </row>
    <row r="670208" spans="8:8">
      <c r="H670208" s="12"/>
    </row>
    <row r="670209" spans="8:8">
      <c r="H670209" s="12"/>
    </row>
    <row r="670210" spans="8:8">
      <c r="H670210" s="12"/>
    </row>
    <row r="670211" spans="8:8">
      <c r="H670211" s="12"/>
    </row>
    <row r="670212" spans="8:8">
      <c r="H670212" s="12"/>
    </row>
    <row r="670213" spans="8:8">
      <c r="H670213" s="12"/>
    </row>
    <row r="670214" spans="8:8">
      <c r="H670214" s="12"/>
    </row>
    <row r="670215" spans="8:8">
      <c r="H670215" s="12"/>
    </row>
    <row r="670216" spans="8:8">
      <c r="H670216" s="12"/>
    </row>
    <row r="670217" spans="8:8">
      <c r="H670217" s="12"/>
    </row>
    <row r="670218" spans="8:8">
      <c r="H670218" s="12"/>
    </row>
    <row r="670219" spans="8:8">
      <c r="H670219" s="12"/>
    </row>
    <row r="670220" spans="8:8">
      <c r="H670220" s="12"/>
    </row>
    <row r="670221" spans="8:8">
      <c r="H670221" s="12"/>
    </row>
    <row r="670222" spans="8:8">
      <c r="H670222" s="12"/>
    </row>
    <row r="670223" spans="8:8">
      <c r="H670223" s="12"/>
    </row>
    <row r="670224" spans="8:8">
      <c r="H670224" s="12"/>
    </row>
    <row r="670225" spans="8:8">
      <c r="H670225" s="12"/>
    </row>
    <row r="670226" spans="8:8">
      <c r="H670226" s="12"/>
    </row>
    <row r="670227" spans="8:8">
      <c r="H670227" s="12"/>
    </row>
    <row r="670228" spans="8:8">
      <c r="H670228" s="12"/>
    </row>
    <row r="670229" spans="8:8">
      <c r="H670229" s="12"/>
    </row>
    <row r="670230" spans="8:8">
      <c r="H670230" s="12"/>
    </row>
    <row r="670231" spans="8:8">
      <c r="H670231" s="12"/>
    </row>
    <row r="670232" spans="8:8">
      <c r="H670232" s="12"/>
    </row>
    <row r="670233" spans="8:8">
      <c r="H670233" s="12"/>
    </row>
    <row r="670234" spans="8:8">
      <c r="H670234" s="12"/>
    </row>
    <row r="670235" spans="8:8">
      <c r="H670235" s="12"/>
    </row>
    <row r="670236" spans="8:8">
      <c r="H670236" s="12"/>
    </row>
    <row r="670237" spans="8:8">
      <c r="H670237" s="12"/>
    </row>
    <row r="670238" spans="8:8">
      <c r="H670238" s="12"/>
    </row>
    <row r="670239" spans="8:8">
      <c r="H670239" s="12"/>
    </row>
    <row r="670240" spans="8:8">
      <c r="H670240" s="12"/>
    </row>
    <row r="670241" spans="8:8">
      <c r="H670241" s="12"/>
    </row>
    <row r="670242" spans="8:8">
      <c r="H670242" s="12"/>
    </row>
    <row r="670243" spans="8:8">
      <c r="H670243" s="12"/>
    </row>
    <row r="670244" spans="8:8">
      <c r="H670244" s="12"/>
    </row>
    <row r="670245" spans="8:8">
      <c r="H670245" s="12"/>
    </row>
    <row r="670246" spans="8:8">
      <c r="H670246" s="12"/>
    </row>
    <row r="670247" spans="8:8">
      <c r="H670247" s="12"/>
    </row>
    <row r="670248" spans="8:8">
      <c r="H670248" s="12"/>
    </row>
    <row r="670249" spans="8:8">
      <c r="H670249" s="12"/>
    </row>
    <row r="670250" spans="8:8">
      <c r="H670250" s="12"/>
    </row>
    <row r="670251" spans="8:8">
      <c r="H670251" s="12"/>
    </row>
    <row r="670252" spans="8:8">
      <c r="H670252" s="12"/>
    </row>
    <row r="670253" spans="8:8">
      <c r="H670253" s="12"/>
    </row>
    <row r="670254" spans="8:8">
      <c r="H670254" s="12"/>
    </row>
    <row r="670255" spans="8:8">
      <c r="H670255" s="12"/>
    </row>
    <row r="670256" spans="8:8">
      <c r="H670256" s="12"/>
    </row>
    <row r="670257" spans="8:8">
      <c r="H670257" s="12"/>
    </row>
    <row r="670258" spans="8:8">
      <c r="H670258" s="12"/>
    </row>
    <row r="670259" spans="8:8">
      <c r="H670259" s="12"/>
    </row>
    <row r="670260" spans="8:8">
      <c r="H670260" s="12"/>
    </row>
    <row r="670261" spans="8:8">
      <c r="H670261" s="12"/>
    </row>
    <row r="670262" spans="8:8">
      <c r="H670262" s="12"/>
    </row>
    <row r="670263" spans="8:8">
      <c r="H670263" s="12"/>
    </row>
    <row r="670264" spans="8:8">
      <c r="H670264" s="12"/>
    </row>
    <row r="670265" spans="8:8">
      <c r="H670265" s="12"/>
    </row>
    <row r="670266" spans="8:8">
      <c r="H670266" s="12"/>
    </row>
    <row r="670267" spans="8:8">
      <c r="H670267" s="12"/>
    </row>
    <row r="670268" spans="8:8">
      <c r="H670268" s="12"/>
    </row>
    <row r="670269" spans="8:8">
      <c r="H670269" s="12"/>
    </row>
    <row r="670270" spans="8:8">
      <c r="H670270" s="12"/>
    </row>
    <row r="670271" spans="8:8">
      <c r="H670271" s="12"/>
    </row>
    <row r="670272" spans="8:8">
      <c r="H670272" s="12"/>
    </row>
    <row r="670273" spans="8:8">
      <c r="H670273" s="12"/>
    </row>
    <row r="670274" spans="8:8">
      <c r="H670274" s="12"/>
    </row>
    <row r="670275" spans="8:8">
      <c r="H670275" s="12"/>
    </row>
    <row r="670276" spans="8:8">
      <c r="H670276" s="12"/>
    </row>
    <row r="670277" spans="8:8">
      <c r="H670277" s="12"/>
    </row>
    <row r="670278" spans="8:8">
      <c r="H670278" s="12"/>
    </row>
    <row r="670279" spans="8:8">
      <c r="H670279" s="12"/>
    </row>
    <row r="670280" spans="8:8">
      <c r="H670280" s="12"/>
    </row>
    <row r="670281" spans="8:8">
      <c r="H670281" s="12"/>
    </row>
    <row r="670282" spans="8:8">
      <c r="H670282" s="12"/>
    </row>
    <row r="670283" spans="8:8">
      <c r="H670283" s="12"/>
    </row>
    <row r="670284" spans="8:8">
      <c r="H670284" s="12"/>
    </row>
    <row r="670285" spans="8:8">
      <c r="H670285" s="12"/>
    </row>
    <row r="670286" spans="8:8">
      <c r="H670286" s="12"/>
    </row>
    <row r="670287" spans="8:8">
      <c r="H670287" s="12"/>
    </row>
    <row r="670288" spans="8:8">
      <c r="H670288" s="12"/>
    </row>
    <row r="670289" spans="8:8">
      <c r="H670289" s="12"/>
    </row>
    <row r="670290" spans="8:8">
      <c r="H670290" s="12"/>
    </row>
    <row r="670291" spans="8:8">
      <c r="H670291" s="12"/>
    </row>
    <row r="670292" spans="8:8">
      <c r="H670292" s="12"/>
    </row>
    <row r="670293" spans="8:8">
      <c r="H670293" s="12"/>
    </row>
    <row r="670294" spans="8:8">
      <c r="H670294" s="12"/>
    </row>
    <row r="670295" spans="8:8">
      <c r="H670295" s="12"/>
    </row>
    <row r="670296" spans="8:8">
      <c r="H670296" s="12"/>
    </row>
    <row r="670297" spans="8:8">
      <c r="H670297" s="12"/>
    </row>
    <row r="670298" spans="8:8">
      <c r="H670298" s="12"/>
    </row>
    <row r="670299" spans="8:8">
      <c r="H670299" s="12"/>
    </row>
    <row r="670300" spans="8:8">
      <c r="H670300" s="12"/>
    </row>
    <row r="670301" spans="8:8">
      <c r="H670301" s="12"/>
    </row>
    <row r="670302" spans="8:8">
      <c r="H670302" s="12"/>
    </row>
    <row r="670303" spans="8:8">
      <c r="H670303" s="12"/>
    </row>
    <row r="670304" spans="8:8">
      <c r="H670304" s="12"/>
    </row>
    <row r="670305" spans="8:8">
      <c r="H670305" s="12"/>
    </row>
    <row r="670306" spans="8:8">
      <c r="H670306" s="12"/>
    </row>
    <row r="670307" spans="8:8">
      <c r="H670307" s="12"/>
    </row>
    <row r="670308" spans="8:8">
      <c r="H670308" s="12"/>
    </row>
    <row r="670309" spans="8:8">
      <c r="H670309" s="12"/>
    </row>
    <row r="670310" spans="8:8">
      <c r="H670310" s="12"/>
    </row>
    <row r="670311" spans="8:8">
      <c r="H670311" s="12"/>
    </row>
    <row r="670312" spans="8:8">
      <c r="H670312" s="12"/>
    </row>
    <row r="670313" spans="8:8">
      <c r="H670313" s="12"/>
    </row>
    <row r="670314" spans="8:8">
      <c r="H670314" s="12"/>
    </row>
    <row r="670315" spans="8:8">
      <c r="H670315" s="12"/>
    </row>
    <row r="670316" spans="8:8">
      <c r="H670316" s="12"/>
    </row>
    <row r="670317" spans="8:8">
      <c r="H670317" s="12"/>
    </row>
    <row r="670318" spans="8:8">
      <c r="H670318" s="12"/>
    </row>
    <row r="670319" spans="8:8">
      <c r="H670319" s="12"/>
    </row>
    <row r="670320" spans="8:8">
      <c r="H670320" s="12"/>
    </row>
    <row r="670321" spans="8:8">
      <c r="H670321" s="12"/>
    </row>
    <row r="670322" spans="8:8">
      <c r="H670322" s="12"/>
    </row>
    <row r="670323" spans="8:8">
      <c r="H670323" s="12"/>
    </row>
    <row r="670324" spans="8:8">
      <c r="H670324" s="12"/>
    </row>
    <row r="670325" spans="8:8">
      <c r="H670325" s="12"/>
    </row>
    <row r="670326" spans="8:8">
      <c r="H670326" s="12"/>
    </row>
    <row r="670327" spans="8:8">
      <c r="H670327" s="12"/>
    </row>
    <row r="670328" spans="8:8">
      <c r="H670328" s="12"/>
    </row>
    <row r="670329" spans="8:8">
      <c r="H670329" s="12"/>
    </row>
    <row r="670330" spans="8:8">
      <c r="H670330" s="12"/>
    </row>
    <row r="670331" spans="8:8">
      <c r="H670331" s="12"/>
    </row>
    <row r="670332" spans="8:8">
      <c r="H670332" s="12"/>
    </row>
    <row r="670333" spans="8:8">
      <c r="H670333" s="12"/>
    </row>
    <row r="670334" spans="8:8">
      <c r="H670334" s="12"/>
    </row>
    <row r="670335" spans="8:8">
      <c r="H670335" s="12"/>
    </row>
    <row r="670336" spans="8:8">
      <c r="H670336" s="12"/>
    </row>
    <row r="670337" spans="8:8">
      <c r="H670337" s="12"/>
    </row>
    <row r="670338" spans="8:8">
      <c r="H670338" s="12"/>
    </row>
    <row r="670339" spans="8:8">
      <c r="H670339" s="12"/>
    </row>
    <row r="670340" spans="8:8">
      <c r="H670340" s="12"/>
    </row>
    <row r="670341" spans="8:8">
      <c r="H670341" s="12"/>
    </row>
    <row r="670342" spans="8:8">
      <c r="H670342" s="12"/>
    </row>
    <row r="670343" spans="8:8">
      <c r="H670343" s="12"/>
    </row>
    <row r="670344" spans="8:8">
      <c r="H670344" s="12"/>
    </row>
    <row r="670345" spans="8:8">
      <c r="H670345" s="12"/>
    </row>
    <row r="670346" spans="8:8">
      <c r="H670346" s="12"/>
    </row>
    <row r="670347" spans="8:8">
      <c r="H670347" s="12"/>
    </row>
    <row r="670348" spans="8:8">
      <c r="H670348" s="12"/>
    </row>
    <row r="670349" spans="8:8">
      <c r="H670349" s="12"/>
    </row>
    <row r="670350" spans="8:8">
      <c r="H670350" s="12"/>
    </row>
    <row r="670351" spans="8:8">
      <c r="H670351" s="12"/>
    </row>
    <row r="670352" spans="8:8">
      <c r="H670352" s="12"/>
    </row>
    <row r="670353" spans="8:8">
      <c r="H670353" s="12"/>
    </row>
    <row r="670354" spans="8:8">
      <c r="H670354" s="12"/>
    </row>
    <row r="670355" spans="8:8">
      <c r="H670355" s="12"/>
    </row>
    <row r="670356" spans="8:8">
      <c r="H670356" s="12"/>
    </row>
    <row r="670357" spans="8:8">
      <c r="H670357" s="12"/>
    </row>
    <row r="670358" spans="8:8">
      <c r="H670358" s="12"/>
    </row>
    <row r="670359" spans="8:8">
      <c r="H670359" s="12"/>
    </row>
    <row r="670360" spans="8:8">
      <c r="H670360" s="12"/>
    </row>
    <row r="670361" spans="8:8">
      <c r="H670361" s="12"/>
    </row>
    <row r="670362" spans="8:8">
      <c r="H670362" s="12"/>
    </row>
    <row r="670363" spans="8:8">
      <c r="H670363" s="12"/>
    </row>
    <row r="670364" spans="8:8">
      <c r="H670364" s="12"/>
    </row>
    <row r="670365" spans="8:8">
      <c r="H670365" s="12"/>
    </row>
    <row r="670366" spans="8:8">
      <c r="H670366" s="12"/>
    </row>
    <row r="670367" spans="8:8">
      <c r="H670367" s="12"/>
    </row>
    <row r="670368" spans="8:8">
      <c r="H670368" s="12"/>
    </row>
    <row r="670369" spans="8:8">
      <c r="H670369" s="12"/>
    </row>
    <row r="670370" spans="8:8">
      <c r="H670370" s="12"/>
    </row>
    <row r="670371" spans="8:8">
      <c r="H670371" s="12"/>
    </row>
    <row r="670372" spans="8:8">
      <c r="H670372" s="12"/>
    </row>
    <row r="670373" spans="8:8">
      <c r="H670373" s="12"/>
    </row>
    <row r="670374" spans="8:8">
      <c r="H670374" s="12"/>
    </row>
    <row r="670375" spans="8:8">
      <c r="H670375" s="12"/>
    </row>
    <row r="670376" spans="8:8">
      <c r="H670376" s="12"/>
    </row>
    <row r="670377" spans="8:8">
      <c r="H670377" s="12"/>
    </row>
    <row r="670378" spans="8:8">
      <c r="H670378" s="12"/>
    </row>
    <row r="670379" spans="8:8">
      <c r="H670379" s="12"/>
    </row>
    <row r="670380" spans="8:8">
      <c r="H670380" s="12"/>
    </row>
    <row r="670381" spans="8:8">
      <c r="H670381" s="12"/>
    </row>
    <row r="670382" spans="8:8">
      <c r="H670382" s="12"/>
    </row>
    <row r="670383" spans="8:8">
      <c r="H670383" s="12"/>
    </row>
    <row r="670384" spans="8:8">
      <c r="H670384" s="12"/>
    </row>
    <row r="670385" spans="8:8">
      <c r="H670385" s="12"/>
    </row>
    <row r="670386" spans="8:8">
      <c r="H670386" s="12"/>
    </row>
    <row r="670387" spans="8:8">
      <c r="H670387" s="12"/>
    </row>
    <row r="670388" spans="8:8">
      <c r="H670388" s="12"/>
    </row>
    <row r="670389" spans="8:8">
      <c r="H670389" s="12"/>
    </row>
    <row r="670390" spans="8:8">
      <c r="H670390" s="12"/>
    </row>
    <row r="670391" spans="8:8">
      <c r="H670391" s="12"/>
    </row>
    <row r="670392" spans="8:8">
      <c r="H670392" s="12"/>
    </row>
    <row r="670393" spans="8:8">
      <c r="H670393" s="12"/>
    </row>
    <row r="670394" spans="8:8">
      <c r="H670394" s="12"/>
    </row>
    <row r="670395" spans="8:8">
      <c r="H670395" s="12"/>
    </row>
    <row r="670396" spans="8:8">
      <c r="H670396" s="12"/>
    </row>
    <row r="670397" spans="8:8">
      <c r="H670397" s="12"/>
    </row>
    <row r="670398" spans="8:8">
      <c r="H670398" s="12"/>
    </row>
    <row r="670399" spans="8:8">
      <c r="H670399" s="12"/>
    </row>
    <row r="670400" spans="8:8">
      <c r="H670400" s="12"/>
    </row>
    <row r="670401" spans="8:8">
      <c r="H670401" s="12"/>
    </row>
    <row r="670402" spans="8:8">
      <c r="H670402" s="12"/>
    </row>
    <row r="670403" spans="8:8">
      <c r="H670403" s="12"/>
    </row>
    <row r="670404" spans="8:8">
      <c r="H670404" s="12"/>
    </row>
    <row r="670405" spans="8:8">
      <c r="H670405" s="12"/>
    </row>
    <row r="670406" spans="8:8">
      <c r="H670406" s="12"/>
    </row>
    <row r="670407" spans="8:8">
      <c r="H670407" s="12"/>
    </row>
    <row r="670408" spans="8:8">
      <c r="H670408" s="12"/>
    </row>
    <row r="670409" spans="8:8">
      <c r="H670409" s="12"/>
    </row>
    <row r="670410" spans="8:8">
      <c r="H670410" s="12"/>
    </row>
    <row r="670411" spans="8:8">
      <c r="H670411" s="12"/>
    </row>
    <row r="670412" spans="8:8">
      <c r="H670412" s="12"/>
    </row>
    <row r="670413" spans="8:8">
      <c r="H670413" s="12"/>
    </row>
    <row r="670414" spans="8:8">
      <c r="H670414" s="12"/>
    </row>
    <row r="670415" spans="8:8">
      <c r="H670415" s="12"/>
    </row>
    <row r="670416" spans="8:8">
      <c r="H670416" s="12"/>
    </row>
    <row r="670417" spans="8:8">
      <c r="H670417" s="12"/>
    </row>
    <row r="670418" spans="8:8">
      <c r="H670418" s="12"/>
    </row>
    <row r="670419" spans="8:8">
      <c r="H670419" s="12"/>
    </row>
    <row r="670420" spans="8:8">
      <c r="H670420" s="12"/>
    </row>
    <row r="670421" spans="8:8">
      <c r="H670421" s="12"/>
    </row>
    <row r="670422" spans="8:8">
      <c r="H670422" s="12"/>
    </row>
    <row r="670423" spans="8:8">
      <c r="H670423" s="12"/>
    </row>
    <row r="670424" spans="8:8">
      <c r="H670424" s="12"/>
    </row>
    <row r="670425" spans="8:8">
      <c r="H670425" s="12"/>
    </row>
    <row r="670426" spans="8:8">
      <c r="H670426" s="12"/>
    </row>
    <row r="670427" spans="8:8">
      <c r="H670427" s="12"/>
    </row>
    <row r="670428" spans="8:8">
      <c r="H670428" s="12"/>
    </row>
    <row r="670429" spans="8:8">
      <c r="H670429" s="12"/>
    </row>
    <row r="670430" spans="8:8">
      <c r="H670430" s="12"/>
    </row>
    <row r="670431" spans="8:8">
      <c r="H670431" s="12"/>
    </row>
    <row r="670432" spans="8:8">
      <c r="H670432" s="12"/>
    </row>
    <row r="670433" spans="8:8">
      <c r="H670433" s="12"/>
    </row>
    <row r="670434" spans="8:8">
      <c r="H670434" s="12"/>
    </row>
    <row r="670435" spans="8:8">
      <c r="H670435" s="12"/>
    </row>
    <row r="670436" spans="8:8">
      <c r="H670436" s="12"/>
    </row>
    <row r="670437" spans="8:8">
      <c r="H670437" s="12"/>
    </row>
    <row r="670438" spans="8:8">
      <c r="H670438" s="12"/>
    </row>
    <row r="670439" spans="8:8">
      <c r="H670439" s="12"/>
    </row>
    <row r="670440" spans="8:8">
      <c r="H670440" s="12"/>
    </row>
    <row r="670441" spans="8:8">
      <c r="H670441" s="12"/>
    </row>
    <row r="670442" spans="8:8">
      <c r="H670442" s="12"/>
    </row>
    <row r="670443" spans="8:8">
      <c r="H670443" s="12"/>
    </row>
    <row r="670444" spans="8:8">
      <c r="H670444" s="12"/>
    </row>
    <row r="670445" spans="8:8">
      <c r="H670445" s="12"/>
    </row>
    <row r="670446" spans="8:8">
      <c r="H670446" s="12"/>
    </row>
    <row r="670447" spans="8:8">
      <c r="H670447" s="12"/>
    </row>
    <row r="670448" spans="8:8">
      <c r="H670448" s="12"/>
    </row>
    <row r="670449" spans="8:8">
      <c r="H670449" s="12"/>
    </row>
    <row r="670450" spans="8:8">
      <c r="H670450" s="12"/>
    </row>
    <row r="670451" spans="8:8">
      <c r="H670451" s="12"/>
    </row>
    <row r="670452" spans="8:8">
      <c r="H670452" s="12"/>
    </row>
    <row r="670453" spans="8:8">
      <c r="H670453" s="12"/>
    </row>
    <row r="670454" spans="8:8">
      <c r="H670454" s="12"/>
    </row>
    <row r="670455" spans="8:8">
      <c r="H670455" s="12"/>
    </row>
    <row r="670456" spans="8:8">
      <c r="H670456" s="12"/>
    </row>
    <row r="670457" spans="8:8">
      <c r="H670457" s="12"/>
    </row>
    <row r="670458" spans="8:8">
      <c r="H670458" s="12"/>
    </row>
    <row r="670459" spans="8:8">
      <c r="H670459" s="12"/>
    </row>
    <row r="670460" spans="8:8">
      <c r="H670460" s="12"/>
    </row>
    <row r="670461" spans="8:8">
      <c r="H670461" s="12"/>
    </row>
    <row r="670462" spans="8:8">
      <c r="H670462" s="12"/>
    </row>
    <row r="670463" spans="8:8">
      <c r="H670463" s="12"/>
    </row>
    <row r="670464" spans="8:8">
      <c r="H670464" s="12"/>
    </row>
    <row r="670465" spans="8:8">
      <c r="H670465" s="12"/>
    </row>
    <row r="670466" spans="8:8">
      <c r="H670466" s="12"/>
    </row>
    <row r="670467" spans="8:8">
      <c r="H670467" s="12"/>
    </row>
    <row r="670468" spans="8:8">
      <c r="H670468" s="12"/>
    </row>
    <row r="670469" spans="8:8">
      <c r="H670469" s="12"/>
    </row>
    <row r="670470" spans="8:8">
      <c r="H670470" s="12"/>
    </row>
    <row r="670471" spans="8:8">
      <c r="H670471" s="12"/>
    </row>
    <row r="670472" spans="8:8">
      <c r="H670472" s="12"/>
    </row>
    <row r="670473" spans="8:8">
      <c r="H670473" s="12"/>
    </row>
    <row r="670474" spans="8:8">
      <c r="H670474" s="12"/>
    </row>
    <row r="670475" spans="8:8">
      <c r="H670475" s="12"/>
    </row>
    <row r="670476" spans="8:8">
      <c r="H670476" s="12"/>
    </row>
    <row r="670477" spans="8:8">
      <c r="H670477" s="12"/>
    </row>
    <row r="670478" spans="8:8">
      <c r="H670478" s="12"/>
    </row>
    <row r="670479" spans="8:8">
      <c r="H670479" s="12"/>
    </row>
    <row r="670480" spans="8:8">
      <c r="H670480" s="12"/>
    </row>
    <row r="670481" spans="8:8">
      <c r="H670481" s="12"/>
    </row>
    <row r="670482" spans="8:8">
      <c r="H670482" s="12"/>
    </row>
    <row r="670483" spans="8:8">
      <c r="H670483" s="12"/>
    </row>
    <row r="670484" spans="8:8">
      <c r="H670484" s="12"/>
    </row>
    <row r="670485" spans="8:8">
      <c r="H670485" s="12"/>
    </row>
    <row r="670486" spans="8:8">
      <c r="H670486" s="12"/>
    </row>
    <row r="670487" spans="8:8">
      <c r="H670487" s="12"/>
    </row>
    <row r="670488" spans="8:8">
      <c r="H670488" s="12"/>
    </row>
    <row r="670489" spans="8:8">
      <c r="H670489" s="12"/>
    </row>
    <row r="670490" spans="8:8">
      <c r="H670490" s="12"/>
    </row>
    <row r="670491" spans="8:8">
      <c r="H670491" s="12"/>
    </row>
    <row r="670492" spans="8:8">
      <c r="H670492" s="12"/>
    </row>
    <row r="670493" spans="8:8">
      <c r="H670493" s="12"/>
    </row>
    <row r="670494" spans="8:8">
      <c r="H670494" s="12"/>
    </row>
    <row r="670495" spans="8:8">
      <c r="H670495" s="12"/>
    </row>
    <row r="670496" spans="8:8">
      <c r="H670496" s="12"/>
    </row>
    <row r="670497" spans="8:8">
      <c r="H670497" s="12"/>
    </row>
    <row r="670498" spans="8:8">
      <c r="H670498" s="12"/>
    </row>
    <row r="670499" spans="8:8">
      <c r="H670499" s="12"/>
    </row>
    <row r="670500" spans="8:8">
      <c r="H670500" s="12"/>
    </row>
    <row r="670501" spans="8:8">
      <c r="H670501" s="12"/>
    </row>
    <row r="670502" spans="8:8">
      <c r="H670502" s="12"/>
    </row>
    <row r="670503" spans="8:8">
      <c r="H670503" s="12"/>
    </row>
    <row r="670504" spans="8:8">
      <c r="H670504" s="12"/>
    </row>
    <row r="670505" spans="8:8">
      <c r="H670505" s="12"/>
    </row>
    <row r="670506" spans="8:8">
      <c r="H670506" s="12"/>
    </row>
    <row r="670507" spans="8:8">
      <c r="H670507" s="12"/>
    </row>
    <row r="670508" spans="8:8">
      <c r="H670508" s="12"/>
    </row>
    <row r="670509" spans="8:8">
      <c r="H670509" s="12"/>
    </row>
    <row r="670510" spans="8:8">
      <c r="H670510" s="12"/>
    </row>
    <row r="670511" spans="8:8">
      <c r="H670511" s="12"/>
    </row>
    <row r="670512" spans="8:8">
      <c r="H670512" s="12"/>
    </row>
    <row r="670513" spans="8:8">
      <c r="H670513" s="12"/>
    </row>
    <row r="670514" spans="8:8">
      <c r="H670514" s="12"/>
    </row>
    <row r="670515" spans="8:8">
      <c r="H670515" s="12"/>
    </row>
    <row r="670516" spans="8:8">
      <c r="H670516" s="12"/>
    </row>
    <row r="670517" spans="8:8">
      <c r="H670517" s="12"/>
    </row>
    <row r="670518" spans="8:8">
      <c r="H670518" s="12"/>
    </row>
    <row r="670519" spans="8:8">
      <c r="H670519" s="12"/>
    </row>
    <row r="670520" spans="8:8">
      <c r="H670520" s="12"/>
    </row>
    <row r="670521" spans="8:8">
      <c r="H670521" s="12"/>
    </row>
    <row r="670522" spans="8:8">
      <c r="H670522" s="12"/>
    </row>
    <row r="670523" spans="8:8">
      <c r="H670523" s="12"/>
    </row>
    <row r="670524" spans="8:8">
      <c r="H670524" s="12"/>
    </row>
    <row r="670525" spans="8:8">
      <c r="H670525" s="12"/>
    </row>
    <row r="670526" spans="8:8">
      <c r="H670526" s="12"/>
    </row>
    <row r="670527" spans="8:8">
      <c r="H670527" s="12"/>
    </row>
    <row r="670528" spans="8:8">
      <c r="H670528" s="12"/>
    </row>
    <row r="670529" spans="8:8">
      <c r="H670529" s="12"/>
    </row>
    <row r="670530" spans="8:8">
      <c r="H670530" s="12"/>
    </row>
    <row r="670531" spans="8:8">
      <c r="H670531" s="12"/>
    </row>
    <row r="670532" spans="8:8">
      <c r="H670532" s="12"/>
    </row>
    <row r="670533" spans="8:8">
      <c r="H670533" s="12"/>
    </row>
    <row r="670534" spans="8:8">
      <c r="H670534" s="12"/>
    </row>
    <row r="670535" spans="8:8">
      <c r="H670535" s="12"/>
    </row>
    <row r="670536" spans="8:8">
      <c r="H670536" s="12"/>
    </row>
    <row r="670537" spans="8:8">
      <c r="H670537" s="12"/>
    </row>
    <row r="670538" spans="8:8">
      <c r="H670538" s="12"/>
    </row>
    <row r="670539" spans="8:8">
      <c r="H670539" s="12"/>
    </row>
    <row r="670540" spans="8:8">
      <c r="H670540" s="12"/>
    </row>
    <row r="670541" spans="8:8">
      <c r="H670541" s="12"/>
    </row>
    <row r="670542" spans="8:8">
      <c r="H670542" s="12"/>
    </row>
    <row r="670543" spans="8:8">
      <c r="H670543" s="12"/>
    </row>
    <row r="670544" spans="8:8">
      <c r="H670544" s="12"/>
    </row>
    <row r="670545" spans="8:8">
      <c r="H670545" s="12"/>
    </row>
    <row r="670546" spans="8:8">
      <c r="H670546" s="12"/>
    </row>
    <row r="670547" spans="8:8">
      <c r="H670547" s="12"/>
    </row>
    <row r="670548" spans="8:8">
      <c r="H670548" s="12"/>
    </row>
    <row r="670549" spans="8:8">
      <c r="H670549" s="12"/>
    </row>
    <row r="670550" spans="8:8">
      <c r="H670550" s="12"/>
    </row>
    <row r="670551" spans="8:8">
      <c r="H670551" s="12"/>
    </row>
    <row r="670552" spans="8:8">
      <c r="H670552" s="12"/>
    </row>
    <row r="670553" spans="8:8">
      <c r="H670553" s="12"/>
    </row>
    <row r="670554" spans="8:8">
      <c r="H670554" s="12"/>
    </row>
    <row r="670555" spans="8:8">
      <c r="H670555" s="12"/>
    </row>
    <row r="670556" spans="8:8">
      <c r="H670556" s="12"/>
    </row>
    <row r="670557" spans="8:8">
      <c r="H670557" s="12"/>
    </row>
    <row r="670558" spans="8:8">
      <c r="H670558" s="12"/>
    </row>
    <row r="670559" spans="8:8">
      <c r="H670559" s="12"/>
    </row>
    <row r="670560" spans="8:8">
      <c r="H670560" s="12"/>
    </row>
    <row r="670561" spans="8:8">
      <c r="H670561" s="12"/>
    </row>
    <row r="670562" spans="8:8">
      <c r="H670562" s="12"/>
    </row>
    <row r="670563" spans="8:8">
      <c r="H670563" s="12"/>
    </row>
    <row r="670564" spans="8:8">
      <c r="H670564" s="12"/>
    </row>
    <row r="670565" spans="8:8">
      <c r="H670565" s="12"/>
    </row>
    <row r="670566" spans="8:8">
      <c r="H670566" s="12"/>
    </row>
    <row r="670567" spans="8:8">
      <c r="H670567" s="12"/>
    </row>
    <row r="670568" spans="8:8">
      <c r="H670568" s="12"/>
    </row>
    <row r="670569" spans="8:8">
      <c r="H670569" s="12"/>
    </row>
    <row r="670570" spans="8:8">
      <c r="H670570" s="12"/>
    </row>
    <row r="670571" spans="8:8">
      <c r="H670571" s="12"/>
    </row>
    <row r="670572" spans="8:8">
      <c r="H670572" s="12"/>
    </row>
    <row r="670573" spans="8:8">
      <c r="H670573" s="12"/>
    </row>
    <row r="670574" spans="8:8">
      <c r="H670574" s="12"/>
    </row>
    <row r="670575" spans="8:8">
      <c r="H670575" s="12"/>
    </row>
    <row r="670576" spans="8:8">
      <c r="H670576" s="12"/>
    </row>
    <row r="670577" spans="8:8">
      <c r="H670577" s="12"/>
    </row>
    <row r="670578" spans="8:8">
      <c r="H670578" s="12"/>
    </row>
    <row r="670579" spans="8:8">
      <c r="H670579" s="12"/>
    </row>
    <row r="670580" spans="8:8">
      <c r="H670580" s="12"/>
    </row>
    <row r="670581" spans="8:8">
      <c r="H670581" s="12"/>
    </row>
    <row r="670582" spans="8:8">
      <c r="H670582" s="12"/>
    </row>
    <row r="670583" spans="8:8">
      <c r="H670583" s="12"/>
    </row>
    <row r="670584" spans="8:8">
      <c r="H670584" s="12"/>
    </row>
    <row r="670585" spans="8:8">
      <c r="H670585" s="12"/>
    </row>
    <row r="670586" spans="8:8">
      <c r="H670586" s="12"/>
    </row>
    <row r="670587" spans="8:8">
      <c r="H670587" s="12"/>
    </row>
    <row r="670588" spans="8:8">
      <c r="H670588" s="12"/>
    </row>
    <row r="670589" spans="8:8">
      <c r="H670589" s="12"/>
    </row>
    <row r="670590" spans="8:8">
      <c r="H670590" s="12"/>
    </row>
    <row r="670591" spans="8:8">
      <c r="H670591" s="12"/>
    </row>
    <row r="670592" spans="8:8">
      <c r="H670592" s="12"/>
    </row>
    <row r="670593" spans="8:8">
      <c r="H670593" s="12"/>
    </row>
    <row r="670594" spans="8:8">
      <c r="H670594" s="12"/>
    </row>
    <row r="670595" spans="8:8">
      <c r="H670595" s="12"/>
    </row>
    <row r="670596" spans="8:8">
      <c r="H670596" s="12"/>
    </row>
    <row r="670597" spans="8:8">
      <c r="H670597" s="12"/>
    </row>
    <row r="670598" spans="8:8">
      <c r="H670598" s="12"/>
    </row>
    <row r="670599" spans="8:8">
      <c r="H670599" s="12"/>
    </row>
    <row r="670600" spans="8:8">
      <c r="H670600" s="12"/>
    </row>
    <row r="670601" spans="8:8">
      <c r="H670601" s="12"/>
    </row>
    <row r="670602" spans="8:8">
      <c r="H670602" s="12"/>
    </row>
    <row r="670603" spans="8:8">
      <c r="H670603" s="12"/>
    </row>
    <row r="670604" spans="8:8">
      <c r="H670604" s="12"/>
    </row>
    <row r="670605" spans="8:8">
      <c r="H670605" s="12"/>
    </row>
    <row r="670606" spans="8:8">
      <c r="H670606" s="12"/>
    </row>
    <row r="670607" spans="8:8">
      <c r="H670607" s="12"/>
    </row>
    <row r="670608" spans="8:8">
      <c r="H670608" s="12"/>
    </row>
    <row r="670609" spans="8:8">
      <c r="H670609" s="12"/>
    </row>
    <row r="670610" spans="8:8">
      <c r="H670610" s="12"/>
    </row>
    <row r="670611" spans="8:8">
      <c r="H670611" s="12"/>
    </row>
    <row r="670612" spans="8:8">
      <c r="H670612" s="12"/>
    </row>
    <row r="670613" spans="8:8">
      <c r="H670613" s="12"/>
    </row>
    <row r="670614" spans="8:8">
      <c r="H670614" s="12"/>
    </row>
    <row r="670615" spans="8:8">
      <c r="H670615" s="12"/>
    </row>
    <row r="670616" spans="8:8">
      <c r="H670616" s="12"/>
    </row>
    <row r="670617" spans="8:8">
      <c r="H670617" s="12"/>
    </row>
    <row r="670618" spans="8:8">
      <c r="H670618" s="12"/>
    </row>
    <row r="670619" spans="8:8">
      <c r="H670619" s="12"/>
    </row>
    <row r="670620" spans="8:8">
      <c r="H670620" s="12"/>
    </row>
    <row r="670621" spans="8:8">
      <c r="H670621" s="12"/>
    </row>
    <row r="670622" spans="8:8">
      <c r="H670622" s="12"/>
    </row>
    <row r="670623" spans="8:8">
      <c r="H670623" s="12"/>
    </row>
    <row r="670624" spans="8:8">
      <c r="H670624" s="12"/>
    </row>
    <row r="670625" spans="8:8">
      <c r="H670625" s="12"/>
    </row>
    <row r="670626" spans="8:8">
      <c r="H670626" s="12"/>
    </row>
    <row r="670627" spans="8:8">
      <c r="H670627" s="12"/>
    </row>
    <row r="670628" spans="8:8">
      <c r="H670628" s="12"/>
    </row>
    <row r="670629" spans="8:8">
      <c r="H670629" s="12"/>
    </row>
    <row r="670630" spans="8:8">
      <c r="H670630" s="12"/>
    </row>
    <row r="670631" spans="8:8">
      <c r="H670631" s="12"/>
    </row>
    <row r="670632" spans="8:8">
      <c r="H670632" s="12"/>
    </row>
    <row r="670633" spans="8:8">
      <c r="H670633" s="12"/>
    </row>
    <row r="670634" spans="8:8">
      <c r="H670634" s="12"/>
    </row>
    <row r="670635" spans="8:8">
      <c r="H670635" s="12"/>
    </row>
    <row r="670636" spans="8:8">
      <c r="H670636" s="12"/>
    </row>
    <row r="670637" spans="8:8">
      <c r="H670637" s="12"/>
    </row>
    <row r="670638" spans="8:8">
      <c r="H670638" s="12"/>
    </row>
    <row r="670639" spans="8:8">
      <c r="H670639" s="12"/>
    </row>
    <row r="670640" spans="8:8">
      <c r="H670640" s="12"/>
    </row>
    <row r="670641" spans="8:8">
      <c r="H670641" s="12"/>
    </row>
    <row r="670642" spans="8:8">
      <c r="H670642" s="12"/>
    </row>
    <row r="670643" spans="8:8">
      <c r="H670643" s="12"/>
    </row>
    <row r="670644" spans="8:8">
      <c r="H670644" s="12"/>
    </row>
    <row r="670645" spans="8:8">
      <c r="H670645" s="12"/>
    </row>
    <row r="670646" spans="8:8">
      <c r="H670646" s="12"/>
    </row>
    <row r="670647" spans="8:8">
      <c r="H670647" s="12"/>
    </row>
    <row r="670648" spans="8:8">
      <c r="H670648" s="12"/>
    </row>
    <row r="670649" spans="8:8">
      <c r="H670649" s="12"/>
    </row>
    <row r="670650" spans="8:8">
      <c r="H670650" s="12"/>
    </row>
    <row r="670651" spans="8:8">
      <c r="H670651" s="12"/>
    </row>
    <row r="670652" spans="8:8">
      <c r="H670652" s="12"/>
    </row>
    <row r="670653" spans="8:8">
      <c r="H670653" s="12"/>
    </row>
    <row r="670654" spans="8:8">
      <c r="H670654" s="12"/>
    </row>
    <row r="670655" spans="8:8">
      <c r="H670655" s="12"/>
    </row>
    <row r="670656" spans="8:8">
      <c r="H670656" s="12"/>
    </row>
    <row r="670657" spans="8:8">
      <c r="H670657" s="12"/>
    </row>
    <row r="670658" spans="8:8">
      <c r="H670658" s="12"/>
    </row>
    <row r="670659" spans="8:8">
      <c r="H670659" s="12"/>
    </row>
    <row r="670660" spans="8:8">
      <c r="H670660" s="12"/>
    </row>
    <row r="670661" spans="8:8">
      <c r="H670661" s="12"/>
    </row>
    <row r="670662" spans="8:8">
      <c r="H670662" s="12"/>
    </row>
    <row r="670663" spans="8:8">
      <c r="H670663" s="12"/>
    </row>
    <row r="670664" spans="8:8">
      <c r="H670664" s="12"/>
    </row>
    <row r="670665" spans="8:8">
      <c r="H670665" s="12"/>
    </row>
    <row r="670666" spans="8:8">
      <c r="H670666" s="12"/>
    </row>
    <row r="670667" spans="8:8">
      <c r="H670667" s="12"/>
    </row>
    <row r="670668" spans="8:8">
      <c r="H670668" s="12"/>
    </row>
    <row r="670669" spans="8:8">
      <c r="H670669" s="12"/>
    </row>
    <row r="670670" spans="8:8">
      <c r="H670670" s="12"/>
    </row>
    <row r="670671" spans="8:8">
      <c r="H670671" s="12"/>
    </row>
    <row r="670672" spans="8:8">
      <c r="H670672" s="12"/>
    </row>
    <row r="670673" spans="8:8">
      <c r="H670673" s="12"/>
    </row>
    <row r="670674" spans="8:8">
      <c r="H670674" s="12"/>
    </row>
    <row r="670675" spans="8:8">
      <c r="H670675" s="12"/>
    </row>
    <row r="670676" spans="8:8">
      <c r="H670676" s="12"/>
    </row>
    <row r="670677" spans="8:8">
      <c r="H670677" s="12"/>
    </row>
    <row r="670678" spans="8:8">
      <c r="H670678" s="12"/>
    </row>
    <row r="670679" spans="8:8">
      <c r="H670679" s="12"/>
    </row>
    <row r="670680" spans="8:8">
      <c r="H670680" s="12"/>
    </row>
    <row r="670681" spans="8:8">
      <c r="H670681" s="12"/>
    </row>
    <row r="670682" spans="8:8">
      <c r="H670682" s="12"/>
    </row>
    <row r="670683" spans="8:8">
      <c r="H670683" s="12"/>
    </row>
    <row r="670684" spans="8:8">
      <c r="H670684" s="12"/>
    </row>
    <row r="670685" spans="8:8">
      <c r="H670685" s="12"/>
    </row>
    <row r="670686" spans="8:8">
      <c r="H670686" s="12"/>
    </row>
    <row r="670687" spans="8:8">
      <c r="H670687" s="12"/>
    </row>
    <row r="670688" spans="8:8">
      <c r="H670688" s="12"/>
    </row>
    <row r="670689" spans="8:8">
      <c r="H670689" s="12"/>
    </row>
    <row r="670690" spans="8:8">
      <c r="H670690" s="12"/>
    </row>
    <row r="670691" spans="8:8">
      <c r="H670691" s="12"/>
    </row>
    <row r="670692" spans="8:8">
      <c r="H670692" s="12"/>
    </row>
    <row r="670693" spans="8:8">
      <c r="H670693" s="12"/>
    </row>
    <row r="670694" spans="8:8">
      <c r="H670694" s="12"/>
    </row>
    <row r="670695" spans="8:8">
      <c r="H670695" s="12"/>
    </row>
    <row r="670696" spans="8:8">
      <c r="H670696" s="12"/>
    </row>
    <row r="670697" spans="8:8">
      <c r="H670697" s="12"/>
    </row>
    <row r="670698" spans="8:8">
      <c r="H670698" s="12"/>
    </row>
    <row r="670699" spans="8:8">
      <c r="H670699" s="12"/>
    </row>
    <row r="670700" spans="8:8">
      <c r="H670700" s="12"/>
    </row>
    <row r="670701" spans="8:8">
      <c r="H670701" s="12"/>
    </row>
    <row r="670702" spans="8:8">
      <c r="H670702" s="12"/>
    </row>
    <row r="670703" spans="8:8">
      <c r="H670703" s="12"/>
    </row>
    <row r="670704" spans="8:8">
      <c r="H670704" s="12"/>
    </row>
    <row r="670705" spans="8:8">
      <c r="H670705" s="12"/>
    </row>
    <row r="670706" spans="8:8">
      <c r="H670706" s="12"/>
    </row>
    <row r="670707" spans="8:8">
      <c r="H670707" s="12"/>
    </row>
    <row r="670708" spans="8:8">
      <c r="H670708" s="12"/>
    </row>
    <row r="670709" spans="8:8">
      <c r="H670709" s="12"/>
    </row>
    <row r="670710" spans="8:8">
      <c r="H670710" s="12"/>
    </row>
    <row r="670711" spans="8:8">
      <c r="H670711" s="12"/>
    </row>
    <row r="670712" spans="8:8">
      <c r="H670712" s="12"/>
    </row>
    <row r="670713" spans="8:8">
      <c r="H670713" s="12"/>
    </row>
    <row r="670714" spans="8:8">
      <c r="H670714" s="12"/>
    </row>
    <row r="670715" spans="8:8">
      <c r="H670715" s="12"/>
    </row>
    <row r="670716" spans="8:8">
      <c r="H670716" s="12"/>
    </row>
    <row r="670717" spans="8:8">
      <c r="H670717" s="12"/>
    </row>
    <row r="670718" spans="8:8">
      <c r="H670718" s="12"/>
    </row>
    <row r="670719" spans="8:8">
      <c r="H670719" s="12"/>
    </row>
    <row r="670720" spans="8:8">
      <c r="H670720" s="12"/>
    </row>
    <row r="670721" spans="8:8">
      <c r="H670721" s="12"/>
    </row>
    <row r="670722" spans="8:8">
      <c r="H670722" s="12"/>
    </row>
    <row r="670723" spans="8:8">
      <c r="H670723" s="12"/>
    </row>
    <row r="670724" spans="8:8">
      <c r="H670724" s="12"/>
    </row>
    <row r="670725" spans="8:8">
      <c r="H670725" s="12"/>
    </row>
    <row r="670726" spans="8:8">
      <c r="H670726" s="12"/>
    </row>
    <row r="670727" spans="8:8">
      <c r="H670727" s="12"/>
    </row>
    <row r="670728" spans="8:8">
      <c r="H670728" s="12"/>
    </row>
    <row r="670729" spans="8:8">
      <c r="H670729" s="12"/>
    </row>
    <row r="670730" spans="8:8">
      <c r="H670730" s="12"/>
    </row>
    <row r="670731" spans="8:8">
      <c r="H670731" s="12"/>
    </row>
    <row r="670732" spans="8:8">
      <c r="H670732" s="12"/>
    </row>
    <row r="670733" spans="8:8">
      <c r="H670733" s="12"/>
    </row>
    <row r="670734" spans="8:8">
      <c r="H670734" s="12"/>
    </row>
    <row r="670735" spans="8:8">
      <c r="H670735" s="12"/>
    </row>
    <row r="670736" spans="8:8">
      <c r="H670736" s="12"/>
    </row>
    <row r="670737" spans="8:8">
      <c r="H670737" s="12"/>
    </row>
    <row r="670738" spans="8:8">
      <c r="H670738" s="12"/>
    </row>
    <row r="670739" spans="8:8">
      <c r="H670739" s="12"/>
    </row>
    <row r="670740" spans="8:8">
      <c r="H670740" s="12"/>
    </row>
    <row r="670741" spans="8:8">
      <c r="H670741" s="12"/>
    </row>
    <row r="670742" spans="8:8">
      <c r="H670742" s="12"/>
    </row>
    <row r="670743" spans="8:8">
      <c r="H670743" s="12"/>
    </row>
    <row r="670744" spans="8:8">
      <c r="H670744" s="12"/>
    </row>
    <row r="670745" spans="8:8">
      <c r="H670745" s="12"/>
    </row>
    <row r="670746" spans="8:8">
      <c r="H670746" s="12"/>
    </row>
    <row r="670747" spans="8:8">
      <c r="H670747" s="12"/>
    </row>
    <row r="670748" spans="8:8">
      <c r="H670748" s="12"/>
    </row>
    <row r="670749" spans="8:8">
      <c r="H670749" s="12"/>
    </row>
    <row r="670750" spans="8:8">
      <c r="H670750" s="12"/>
    </row>
    <row r="670751" spans="8:8">
      <c r="H670751" s="12"/>
    </row>
    <row r="670752" spans="8:8">
      <c r="H670752" s="12"/>
    </row>
    <row r="670753" spans="8:8">
      <c r="H670753" s="12"/>
    </row>
    <row r="670754" spans="8:8">
      <c r="H670754" s="12"/>
    </row>
    <row r="670755" spans="8:8">
      <c r="H670755" s="12"/>
    </row>
    <row r="670756" spans="8:8">
      <c r="H670756" s="12"/>
    </row>
    <row r="670757" spans="8:8">
      <c r="H670757" s="12"/>
    </row>
    <row r="670758" spans="8:8">
      <c r="H670758" s="12"/>
    </row>
    <row r="670759" spans="8:8">
      <c r="H670759" s="12"/>
    </row>
    <row r="670760" spans="8:8">
      <c r="H670760" s="12"/>
    </row>
    <row r="670761" spans="8:8">
      <c r="H670761" s="12"/>
    </row>
    <row r="670762" spans="8:8">
      <c r="H670762" s="12"/>
    </row>
    <row r="670763" spans="8:8">
      <c r="H670763" s="12"/>
    </row>
    <row r="670764" spans="8:8">
      <c r="H670764" s="12"/>
    </row>
    <row r="670765" spans="8:8">
      <c r="H670765" s="12"/>
    </row>
    <row r="670766" spans="8:8">
      <c r="H670766" s="12"/>
    </row>
    <row r="670767" spans="8:8">
      <c r="H670767" s="12"/>
    </row>
    <row r="670768" spans="8:8">
      <c r="H670768" s="12"/>
    </row>
    <row r="670769" spans="8:8">
      <c r="H670769" s="12"/>
    </row>
    <row r="670770" spans="8:8">
      <c r="H670770" s="12"/>
    </row>
    <row r="670771" spans="8:8">
      <c r="H670771" s="12"/>
    </row>
    <row r="670772" spans="8:8">
      <c r="H670772" s="12"/>
    </row>
    <row r="670773" spans="8:8">
      <c r="H670773" s="12"/>
    </row>
    <row r="670774" spans="8:8">
      <c r="H670774" s="12"/>
    </row>
    <row r="670775" spans="8:8">
      <c r="H670775" s="12"/>
    </row>
    <row r="670776" spans="8:8">
      <c r="H670776" s="12"/>
    </row>
    <row r="670777" spans="8:8">
      <c r="H670777" s="12"/>
    </row>
    <row r="670778" spans="8:8">
      <c r="H670778" s="12"/>
    </row>
    <row r="670779" spans="8:8">
      <c r="H670779" s="12"/>
    </row>
    <row r="670780" spans="8:8">
      <c r="H670780" s="12"/>
    </row>
    <row r="670781" spans="8:8">
      <c r="H670781" s="12"/>
    </row>
    <row r="670782" spans="8:8">
      <c r="H670782" s="12"/>
    </row>
    <row r="670783" spans="8:8">
      <c r="H670783" s="12"/>
    </row>
    <row r="670784" spans="8:8">
      <c r="H670784" s="12"/>
    </row>
    <row r="670785" spans="8:8">
      <c r="H670785" s="12"/>
    </row>
    <row r="670786" spans="8:8">
      <c r="H670786" s="12"/>
    </row>
    <row r="670787" spans="8:8">
      <c r="H670787" s="12"/>
    </row>
    <row r="670788" spans="8:8">
      <c r="H670788" s="12"/>
    </row>
    <row r="670789" spans="8:8">
      <c r="H670789" s="12"/>
    </row>
    <row r="670790" spans="8:8">
      <c r="H670790" s="12"/>
    </row>
    <row r="670791" spans="8:8">
      <c r="H670791" s="12"/>
    </row>
    <row r="670792" spans="8:8">
      <c r="H670792" s="12"/>
    </row>
    <row r="670793" spans="8:8">
      <c r="H670793" s="12"/>
    </row>
    <row r="670794" spans="8:8">
      <c r="H670794" s="12"/>
    </row>
    <row r="670795" spans="8:8">
      <c r="H670795" s="12"/>
    </row>
    <row r="670796" spans="8:8">
      <c r="H670796" s="12"/>
    </row>
    <row r="670797" spans="8:8">
      <c r="H670797" s="12"/>
    </row>
    <row r="670798" spans="8:8">
      <c r="H670798" s="12"/>
    </row>
    <row r="670799" spans="8:8">
      <c r="H670799" s="12"/>
    </row>
    <row r="670800" spans="8:8">
      <c r="H670800" s="12"/>
    </row>
    <row r="670801" spans="8:8">
      <c r="H670801" s="12"/>
    </row>
    <row r="670802" spans="8:8">
      <c r="H670802" s="12"/>
    </row>
    <row r="670803" spans="8:8">
      <c r="H670803" s="12"/>
    </row>
    <row r="670804" spans="8:8">
      <c r="H670804" s="12"/>
    </row>
    <row r="670805" spans="8:8">
      <c r="H670805" s="12"/>
    </row>
    <row r="670806" spans="8:8">
      <c r="H670806" s="12"/>
    </row>
    <row r="670807" spans="8:8">
      <c r="H670807" s="12"/>
    </row>
    <row r="670808" spans="8:8">
      <c r="H670808" s="12"/>
    </row>
    <row r="670809" spans="8:8">
      <c r="H670809" s="12"/>
    </row>
    <row r="670810" spans="8:8">
      <c r="H670810" s="12"/>
    </row>
    <row r="670811" spans="8:8">
      <c r="H670811" s="12"/>
    </row>
    <row r="670812" spans="8:8">
      <c r="H670812" s="12"/>
    </row>
    <row r="670813" spans="8:8">
      <c r="H670813" s="12"/>
    </row>
    <row r="670814" spans="8:8">
      <c r="H670814" s="12"/>
    </row>
    <row r="670815" spans="8:8">
      <c r="H670815" s="12"/>
    </row>
    <row r="670816" spans="8:8">
      <c r="H670816" s="12"/>
    </row>
    <row r="670817" spans="8:8">
      <c r="H670817" s="12"/>
    </row>
    <row r="670818" spans="8:8">
      <c r="H670818" s="12"/>
    </row>
    <row r="670819" spans="8:8">
      <c r="H670819" s="12"/>
    </row>
    <row r="670820" spans="8:8">
      <c r="H670820" s="12"/>
    </row>
    <row r="670821" spans="8:8">
      <c r="H670821" s="12"/>
    </row>
    <row r="670822" spans="8:8">
      <c r="H670822" s="12"/>
    </row>
    <row r="670823" spans="8:8">
      <c r="H670823" s="12"/>
    </row>
    <row r="670824" spans="8:8">
      <c r="H670824" s="12"/>
    </row>
    <row r="670825" spans="8:8">
      <c r="H670825" s="12"/>
    </row>
    <row r="670826" spans="8:8">
      <c r="H670826" s="12"/>
    </row>
    <row r="670827" spans="8:8">
      <c r="H670827" s="12"/>
    </row>
    <row r="670828" spans="8:8">
      <c r="H670828" s="12"/>
    </row>
    <row r="670829" spans="8:8">
      <c r="H670829" s="12"/>
    </row>
    <row r="670830" spans="8:8">
      <c r="H670830" s="12"/>
    </row>
    <row r="670831" spans="8:8">
      <c r="H670831" s="12"/>
    </row>
    <row r="670832" spans="8:8">
      <c r="H670832" s="12"/>
    </row>
    <row r="670833" spans="8:8">
      <c r="H670833" s="12"/>
    </row>
    <row r="670834" spans="8:8">
      <c r="H670834" s="12"/>
    </row>
    <row r="670835" spans="8:8">
      <c r="H670835" s="12"/>
    </row>
    <row r="670836" spans="8:8">
      <c r="H670836" s="12"/>
    </row>
    <row r="670837" spans="8:8">
      <c r="H670837" s="12"/>
    </row>
    <row r="670838" spans="8:8">
      <c r="H670838" s="12"/>
    </row>
    <row r="670839" spans="8:8">
      <c r="H670839" s="12"/>
    </row>
    <row r="670840" spans="8:8">
      <c r="H670840" s="12"/>
    </row>
    <row r="670841" spans="8:8">
      <c r="H670841" s="12"/>
    </row>
    <row r="670842" spans="8:8">
      <c r="H670842" s="12"/>
    </row>
    <row r="670843" spans="8:8">
      <c r="H670843" s="12"/>
    </row>
    <row r="670844" spans="8:8">
      <c r="H670844" s="12"/>
    </row>
    <row r="670845" spans="8:8">
      <c r="H670845" s="12"/>
    </row>
    <row r="670846" spans="8:8">
      <c r="H670846" s="12"/>
    </row>
    <row r="670847" spans="8:8">
      <c r="H670847" s="12"/>
    </row>
    <row r="670848" spans="8:8">
      <c r="H670848" s="12"/>
    </row>
    <row r="670849" spans="8:8">
      <c r="H670849" s="12"/>
    </row>
    <row r="670850" spans="8:8">
      <c r="H670850" s="12"/>
    </row>
    <row r="670851" spans="8:8">
      <c r="H670851" s="12"/>
    </row>
    <row r="670852" spans="8:8">
      <c r="H670852" s="12"/>
    </row>
    <row r="670853" spans="8:8">
      <c r="H670853" s="12"/>
    </row>
    <row r="670854" spans="8:8">
      <c r="H670854" s="12"/>
    </row>
    <row r="670855" spans="8:8">
      <c r="H670855" s="12"/>
    </row>
    <row r="670856" spans="8:8">
      <c r="H670856" s="12"/>
    </row>
    <row r="670857" spans="8:8">
      <c r="H670857" s="12"/>
    </row>
    <row r="670858" spans="8:8">
      <c r="H670858" s="12"/>
    </row>
    <row r="670859" spans="8:8">
      <c r="H670859" s="12"/>
    </row>
    <row r="670860" spans="8:8">
      <c r="H670860" s="12"/>
    </row>
    <row r="670861" spans="8:8">
      <c r="H670861" s="12"/>
    </row>
    <row r="670862" spans="8:8">
      <c r="H670862" s="12"/>
    </row>
    <row r="670863" spans="8:8">
      <c r="H670863" s="12"/>
    </row>
    <row r="670864" spans="8:8">
      <c r="H670864" s="12"/>
    </row>
    <row r="670865" spans="8:8">
      <c r="H670865" s="12"/>
    </row>
    <row r="670866" spans="8:8">
      <c r="H670866" s="12"/>
    </row>
    <row r="670867" spans="8:8">
      <c r="H670867" s="12"/>
    </row>
    <row r="670868" spans="8:8">
      <c r="H670868" s="12"/>
    </row>
    <row r="670869" spans="8:8">
      <c r="H670869" s="12"/>
    </row>
    <row r="670870" spans="8:8">
      <c r="H670870" s="12"/>
    </row>
    <row r="670871" spans="8:8">
      <c r="H670871" s="12"/>
    </row>
    <row r="670872" spans="8:8">
      <c r="H670872" s="12"/>
    </row>
    <row r="670873" spans="8:8">
      <c r="H670873" s="12"/>
    </row>
    <row r="670874" spans="8:8">
      <c r="H670874" s="12"/>
    </row>
    <row r="670875" spans="8:8">
      <c r="H670875" s="12"/>
    </row>
    <row r="670876" spans="8:8">
      <c r="H670876" s="12"/>
    </row>
    <row r="670877" spans="8:8">
      <c r="H670877" s="12"/>
    </row>
    <row r="670878" spans="8:8">
      <c r="H670878" s="12"/>
    </row>
    <row r="670879" spans="8:8">
      <c r="H670879" s="12"/>
    </row>
    <row r="670880" spans="8:8">
      <c r="H670880" s="12"/>
    </row>
    <row r="670881" spans="8:8">
      <c r="H670881" s="12"/>
    </row>
    <row r="670882" spans="8:8">
      <c r="H670882" s="12"/>
    </row>
    <row r="670883" spans="8:8">
      <c r="H670883" s="12"/>
    </row>
    <row r="670884" spans="8:8">
      <c r="H670884" s="12"/>
    </row>
    <row r="670885" spans="8:8">
      <c r="H670885" s="12"/>
    </row>
    <row r="670886" spans="8:8">
      <c r="H670886" s="12"/>
    </row>
    <row r="670887" spans="8:8">
      <c r="H670887" s="12"/>
    </row>
    <row r="670888" spans="8:8">
      <c r="H670888" s="12"/>
    </row>
    <row r="670889" spans="8:8">
      <c r="H670889" s="12"/>
    </row>
    <row r="670890" spans="8:8">
      <c r="H670890" s="12"/>
    </row>
    <row r="670891" spans="8:8">
      <c r="H670891" s="12"/>
    </row>
    <row r="670892" spans="8:8">
      <c r="H670892" s="12"/>
    </row>
    <row r="670893" spans="8:8">
      <c r="H670893" s="12"/>
    </row>
    <row r="670894" spans="8:8">
      <c r="H670894" s="12"/>
    </row>
    <row r="670895" spans="8:8">
      <c r="H670895" s="12"/>
    </row>
    <row r="670896" spans="8:8">
      <c r="H670896" s="12"/>
    </row>
    <row r="670897" spans="8:8">
      <c r="H670897" s="12"/>
    </row>
    <row r="670898" spans="8:8">
      <c r="H670898" s="12"/>
    </row>
    <row r="670899" spans="8:8">
      <c r="H670899" s="12"/>
    </row>
    <row r="670900" spans="8:8">
      <c r="H670900" s="12"/>
    </row>
    <row r="670901" spans="8:8">
      <c r="H670901" s="12"/>
    </row>
    <row r="670902" spans="8:8">
      <c r="H670902" s="12"/>
    </row>
    <row r="670903" spans="8:8">
      <c r="H670903" s="12"/>
    </row>
    <row r="670904" spans="8:8">
      <c r="H670904" s="12"/>
    </row>
    <row r="670905" spans="8:8">
      <c r="H670905" s="12"/>
    </row>
    <row r="670906" spans="8:8">
      <c r="H670906" s="12"/>
    </row>
    <row r="670907" spans="8:8">
      <c r="H670907" s="12"/>
    </row>
    <row r="670908" spans="8:8">
      <c r="H670908" s="12"/>
    </row>
    <row r="670909" spans="8:8">
      <c r="H670909" s="12"/>
    </row>
    <row r="670910" spans="8:8">
      <c r="H670910" s="12"/>
    </row>
    <row r="670911" spans="8:8">
      <c r="H670911" s="12"/>
    </row>
    <row r="670912" spans="8:8">
      <c r="H670912" s="12"/>
    </row>
    <row r="670913" spans="8:8">
      <c r="H670913" s="12"/>
    </row>
    <row r="670914" spans="8:8">
      <c r="H670914" s="12"/>
    </row>
    <row r="670915" spans="8:8">
      <c r="H670915" s="12"/>
    </row>
    <row r="670916" spans="8:8">
      <c r="H670916" s="12"/>
    </row>
    <row r="670917" spans="8:8">
      <c r="H670917" s="12"/>
    </row>
    <row r="670918" spans="8:8">
      <c r="H670918" s="12"/>
    </row>
    <row r="670919" spans="8:8">
      <c r="H670919" s="12"/>
    </row>
    <row r="670920" spans="8:8">
      <c r="H670920" s="12"/>
    </row>
    <row r="670921" spans="8:8">
      <c r="H670921" s="12"/>
    </row>
    <row r="670922" spans="8:8">
      <c r="H670922" s="12"/>
    </row>
    <row r="670923" spans="8:8">
      <c r="H670923" s="12"/>
    </row>
    <row r="670924" spans="8:8">
      <c r="H670924" s="12"/>
    </row>
    <row r="670925" spans="8:8">
      <c r="H670925" s="12"/>
    </row>
    <row r="670926" spans="8:8">
      <c r="H670926" s="12"/>
    </row>
    <row r="670927" spans="8:8">
      <c r="H670927" s="12"/>
    </row>
    <row r="670928" spans="8:8">
      <c r="H670928" s="12"/>
    </row>
    <row r="670929" spans="8:8">
      <c r="H670929" s="12"/>
    </row>
    <row r="670930" spans="8:8">
      <c r="H670930" s="12"/>
    </row>
    <row r="670931" spans="8:8">
      <c r="H670931" s="12"/>
    </row>
    <row r="670932" spans="8:8">
      <c r="H670932" s="12"/>
    </row>
    <row r="670933" spans="8:8">
      <c r="H670933" s="12"/>
    </row>
    <row r="670934" spans="8:8">
      <c r="H670934" s="12"/>
    </row>
    <row r="670935" spans="8:8">
      <c r="H670935" s="12"/>
    </row>
    <row r="670936" spans="8:8">
      <c r="H670936" s="12"/>
    </row>
    <row r="670937" spans="8:8">
      <c r="H670937" s="12"/>
    </row>
    <row r="670938" spans="8:8">
      <c r="H670938" s="12"/>
    </row>
    <row r="670939" spans="8:8">
      <c r="H670939" s="12"/>
    </row>
    <row r="670940" spans="8:8">
      <c r="H670940" s="12"/>
    </row>
    <row r="670941" spans="8:8">
      <c r="H670941" s="12"/>
    </row>
    <row r="670942" spans="8:8">
      <c r="H670942" s="12"/>
    </row>
    <row r="670943" spans="8:8">
      <c r="H670943" s="12"/>
    </row>
    <row r="670944" spans="8:8">
      <c r="H670944" s="12"/>
    </row>
    <row r="670945" spans="8:8">
      <c r="H670945" s="12"/>
    </row>
    <row r="670946" spans="8:8">
      <c r="H670946" s="12"/>
    </row>
    <row r="670947" spans="8:8">
      <c r="H670947" s="12"/>
    </row>
    <row r="670948" spans="8:8">
      <c r="H670948" s="12"/>
    </row>
    <row r="670949" spans="8:8">
      <c r="H670949" s="12"/>
    </row>
    <row r="670950" spans="8:8">
      <c r="H670950" s="12"/>
    </row>
    <row r="670951" spans="8:8">
      <c r="H670951" s="12"/>
    </row>
    <row r="670952" spans="8:8">
      <c r="H670952" s="12"/>
    </row>
    <row r="670953" spans="8:8">
      <c r="H670953" s="12"/>
    </row>
    <row r="670954" spans="8:8">
      <c r="H670954" s="12"/>
    </row>
    <row r="670955" spans="8:8">
      <c r="H670955" s="12"/>
    </row>
    <row r="670956" spans="8:8">
      <c r="H670956" s="12"/>
    </row>
    <row r="670957" spans="8:8">
      <c r="H670957" s="12"/>
    </row>
    <row r="670958" spans="8:8">
      <c r="H670958" s="12"/>
    </row>
    <row r="670959" spans="8:8">
      <c r="H670959" s="12"/>
    </row>
    <row r="670960" spans="8:8">
      <c r="H670960" s="12"/>
    </row>
    <row r="670961" spans="8:8">
      <c r="H670961" s="12"/>
    </row>
    <row r="670962" spans="8:8">
      <c r="H670962" s="12"/>
    </row>
    <row r="670963" spans="8:8">
      <c r="H670963" s="12"/>
    </row>
    <row r="670964" spans="8:8">
      <c r="H670964" s="12"/>
    </row>
    <row r="670965" spans="8:8">
      <c r="H670965" s="12"/>
    </row>
    <row r="670966" spans="8:8">
      <c r="H670966" s="12"/>
    </row>
    <row r="670967" spans="8:8">
      <c r="H670967" s="12"/>
    </row>
    <row r="670968" spans="8:8">
      <c r="H670968" s="12"/>
    </row>
    <row r="670969" spans="8:8">
      <c r="H670969" s="12"/>
    </row>
    <row r="670970" spans="8:8">
      <c r="H670970" s="12"/>
    </row>
    <row r="670971" spans="8:8">
      <c r="H670971" s="12"/>
    </row>
    <row r="670972" spans="8:8">
      <c r="H670972" s="12"/>
    </row>
    <row r="670973" spans="8:8">
      <c r="H670973" s="12"/>
    </row>
    <row r="670974" spans="8:8">
      <c r="H670974" s="12"/>
    </row>
    <row r="670975" spans="8:8">
      <c r="H670975" s="12"/>
    </row>
    <row r="670976" spans="8:8">
      <c r="H670976" s="12"/>
    </row>
    <row r="670977" spans="8:8">
      <c r="H670977" s="12"/>
    </row>
    <row r="670978" spans="8:8">
      <c r="H670978" s="12"/>
    </row>
    <row r="670979" spans="8:8">
      <c r="H670979" s="12"/>
    </row>
    <row r="670980" spans="8:8">
      <c r="H670980" s="12"/>
    </row>
    <row r="670981" spans="8:8">
      <c r="H670981" s="12"/>
    </row>
    <row r="670982" spans="8:8">
      <c r="H670982" s="12"/>
    </row>
    <row r="670983" spans="8:8">
      <c r="H670983" s="12"/>
    </row>
    <row r="670984" spans="8:8">
      <c r="H670984" s="12"/>
    </row>
    <row r="670985" spans="8:8">
      <c r="H670985" s="12"/>
    </row>
    <row r="670986" spans="8:8">
      <c r="H670986" s="12"/>
    </row>
    <row r="670987" spans="8:8">
      <c r="H670987" s="12"/>
    </row>
    <row r="670988" spans="8:8">
      <c r="H670988" s="12"/>
    </row>
    <row r="670989" spans="8:8">
      <c r="H670989" s="12"/>
    </row>
    <row r="670990" spans="8:8">
      <c r="H670990" s="12"/>
    </row>
    <row r="670991" spans="8:8">
      <c r="H670991" s="12"/>
    </row>
    <row r="670992" spans="8:8">
      <c r="H670992" s="12"/>
    </row>
    <row r="670993" spans="8:8">
      <c r="H670993" s="12"/>
    </row>
    <row r="670994" spans="8:8">
      <c r="H670994" s="12"/>
    </row>
    <row r="670995" spans="8:8">
      <c r="H670995" s="12"/>
    </row>
    <row r="670996" spans="8:8">
      <c r="H670996" s="12"/>
    </row>
    <row r="670997" spans="8:8">
      <c r="H670997" s="12"/>
    </row>
    <row r="670998" spans="8:8">
      <c r="H670998" s="12"/>
    </row>
    <row r="670999" spans="8:8">
      <c r="H670999" s="12"/>
    </row>
    <row r="671000" spans="8:8">
      <c r="H671000" s="12"/>
    </row>
    <row r="671001" spans="8:8">
      <c r="H671001" s="12"/>
    </row>
    <row r="671002" spans="8:8">
      <c r="H671002" s="12"/>
    </row>
    <row r="671003" spans="8:8">
      <c r="H671003" s="12"/>
    </row>
    <row r="671004" spans="8:8">
      <c r="H671004" s="12"/>
    </row>
    <row r="671005" spans="8:8">
      <c r="H671005" s="12"/>
    </row>
    <row r="671006" spans="8:8">
      <c r="H671006" s="12"/>
    </row>
    <row r="671007" spans="8:8">
      <c r="H671007" s="12"/>
    </row>
    <row r="671008" spans="8:8">
      <c r="H671008" s="12"/>
    </row>
    <row r="671009" spans="8:8">
      <c r="H671009" s="12"/>
    </row>
    <row r="671010" spans="8:8">
      <c r="H671010" s="12"/>
    </row>
    <row r="671011" spans="8:8">
      <c r="H671011" s="12"/>
    </row>
    <row r="671012" spans="8:8">
      <c r="H671012" s="12"/>
    </row>
    <row r="671013" spans="8:8">
      <c r="H671013" s="12"/>
    </row>
    <row r="671014" spans="8:8">
      <c r="H671014" s="12"/>
    </row>
    <row r="671015" spans="8:8">
      <c r="H671015" s="12"/>
    </row>
    <row r="671016" spans="8:8">
      <c r="H671016" s="12"/>
    </row>
    <row r="671017" spans="8:8">
      <c r="H671017" s="12"/>
    </row>
    <row r="671018" spans="8:8">
      <c r="H671018" s="12"/>
    </row>
    <row r="671019" spans="8:8">
      <c r="H671019" s="12"/>
    </row>
    <row r="671020" spans="8:8">
      <c r="H671020" s="12"/>
    </row>
    <row r="671021" spans="8:8">
      <c r="H671021" s="12"/>
    </row>
    <row r="671022" spans="8:8">
      <c r="H671022" s="12"/>
    </row>
    <row r="671023" spans="8:8">
      <c r="H671023" s="12"/>
    </row>
    <row r="671024" spans="8:8">
      <c r="H671024" s="12"/>
    </row>
    <row r="671025" spans="8:8">
      <c r="H671025" s="12"/>
    </row>
    <row r="671026" spans="8:8">
      <c r="H671026" s="12"/>
    </row>
    <row r="671027" spans="8:8">
      <c r="H671027" s="12"/>
    </row>
    <row r="671028" spans="8:8">
      <c r="H671028" s="12"/>
    </row>
    <row r="671029" spans="8:8">
      <c r="H671029" s="12"/>
    </row>
    <row r="671030" spans="8:8">
      <c r="H671030" s="12"/>
    </row>
    <row r="671031" spans="8:8">
      <c r="H671031" s="12"/>
    </row>
    <row r="671032" spans="8:8">
      <c r="H671032" s="12"/>
    </row>
    <row r="671033" spans="8:8">
      <c r="H671033" s="12"/>
    </row>
    <row r="671034" spans="8:8">
      <c r="H671034" s="12"/>
    </row>
    <row r="671035" spans="8:8">
      <c r="H671035" s="12"/>
    </row>
    <row r="671036" spans="8:8">
      <c r="H671036" s="12"/>
    </row>
    <row r="671037" spans="8:8">
      <c r="H671037" s="12"/>
    </row>
    <row r="671038" spans="8:8">
      <c r="H671038" s="12"/>
    </row>
    <row r="671039" spans="8:8">
      <c r="H671039" s="12"/>
    </row>
    <row r="671040" spans="8:8">
      <c r="H671040" s="12"/>
    </row>
    <row r="671041" spans="8:8">
      <c r="H671041" s="12"/>
    </row>
    <row r="671042" spans="8:8">
      <c r="H671042" s="12"/>
    </row>
    <row r="671043" spans="8:8">
      <c r="H671043" s="12"/>
    </row>
    <row r="671044" spans="8:8">
      <c r="H671044" s="12"/>
    </row>
    <row r="671045" spans="8:8">
      <c r="H671045" s="12"/>
    </row>
    <row r="671046" spans="8:8">
      <c r="H671046" s="12"/>
    </row>
    <row r="671047" spans="8:8">
      <c r="H671047" s="12"/>
    </row>
    <row r="671048" spans="8:8">
      <c r="H671048" s="12"/>
    </row>
    <row r="671049" spans="8:8">
      <c r="H671049" s="12"/>
    </row>
    <row r="671050" spans="8:8">
      <c r="H671050" s="12"/>
    </row>
    <row r="671051" spans="8:8">
      <c r="H671051" s="12"/>
    </row>
    <row r="671052" spans="8:8">
      <c r="H671052" s="12"/>
    </row>
    <row r="671053" spans="8:8">
      <c r="H671053" s="12"/>
    </row>
    <row r="671054" spans="8:8">
      <c r="H671054" s="12"/>
    </row>
    <row r="671055" spans="8:8">
      <c r="H671055" s="12"/>
    </row>
    <row r="671056" spans="8:8">
      <c r="H671056" s="12"/>
    </row>
    <row r="671057" spans="8:8">
      <c r="H671057" s="12"/>
    </row>
    <row r="671058" spans="8:8">
      <c r="H671058" s="12"/>
    </row>
    <row r="671059" spans="8:8">
      <c r="H671059" s="12"/>
    </row>
    <row r="671060" spans="8:8">
      <c r="H671060" s="12"/>
    </row>
    <row r="671061" spans="8:8">
      <c r="H671061" s="12"/>
    </row>
    <row r="671062" spans="8:8">
      <c r="H671062" s="12"/>
    </row>
    <row r="671063" spans="8:8">
      <c r="H671063" s="12"/>
    </row>
    <row r="671064" spans="8:8">
      <c r="H671064" s="12"/>
    </row>
    <row r="671065" spans="8:8">
      <c r="H671065" s="12"/>
    </row>
    <row r="671066" spans="8:8">
      <c r="H671066" s="12"/>
    </row>
    <row r="671067" spans="8:8">
      <c r="H671067" s="12"/>
    </row>
    <row r="671068" spans="8:8">
      <c r="H671068" s="12"/>
    </row>
    <row r="671069" spans="8:8">
      <c r="H671069" s="12"/>
    </row>
    <row r="671070" spans="8:8">
      <c r="H671070" s="12"/>
    </row>
    <row r="671071" spans="8:8">
      <c r="H671071" s="12"/>
    </row>
    <row r="671072" spans="8:8">
      <c r="H671072" s="12"/>
    </row>
    <row r="671073" spans="8:8">
      <c r="H671073" s="12"/>
    </row>
    <row r="671074" spans="8:8">
      <c r="H671074" s="12"/>
    </row>
    <row r="671075" spans="8:8">
      <c r="H671075" s="12"/>
    </row>
    <row r="671076" spans="8:8">
      <c r="H671076" s="12"/>
    </row>
    <row r="671077" spans="8:8">
      <c r="H671077" s="12"/>
    </row>
    <row r="671078" spans="8:8">
      <c r="H671078" s="12"/>
    </row>
    <row r="671079" spans="8:8">
      <c r="H671079" s="12"/>
    </row>
    <row r="671080" spans="8:8">
      <c r="H671080" s="12"/>
    </row>
    <row r="671081" spans="8:8">
      <c r="H671081" s="12"/>
    </row>
    <row r="671082" spans="8:8">
      <c r="H671082" s="12"/>
    </row>
    <row r="671083" spans="8:8">
      <c r="H671083" s="12"/>
    </row>
    <row r="671084" spans="8:8">
      <c r="H671084" s="12"/>
    </row>
    <row r="671085" spans="8:8">
      <c r="H671085" s="12"/>
    </row>
    <row r="671086" spans="8:8">
      <c r="H671086" s="12"/>
    </row>
    <row r="671087" spans="8:8">
      <c r="H671087" s="12"/>
    </row>
    <row r="671088" spans="8:8">
      <c r="H671088" s="12"/>
    </row>
    <row r="671089" spans="8:8">
      <c r="H671089" s="12"/>
    </row>
    <row r="671090" spans="8:8">
      <c r="H671090" s="12"/>
    </row>
    <row r="671091" spans="8:8">
      <c r="H671091" s="12"/>
    </row>
    <row r="671092" spans="8:8">
      <c r="H671092" s="12"/>
    </row>
    <row r="671093" spans="8:8">
      <c r="H671093" s="12"/>
    </row>
    <row r="671094" spans="8:8">
      <c r="H671094" s="12"/>
    </row>
    <row r="671095" spans="8:8">
      <c r="H671095" s="12"/>
    </row>
    <row r="671096" spans="8:8">
      <c r="H671096" s="12"/>
    </row>
    <row r="671097" spans="8:8">
      <c r="H671097" s="12"/>
    </row>
    <row r="671098" spans="8:8">
      <c r="H671098" s="12"/>
    </row>
    <row r="671099" spans="8:8">
      <c r="H671099" s="12"/>
    </row>
    <row r="671100" spans="8:8">
      <c r="H671100" s="12"/>
    </row>
    <row r="671101" spans="8:8">
      <c r="H671101" s="12"/>
    </row>
    <row r="671102" spans="8:8">
      <c r="H671102" s="12"/>
    </row>
    <row r="671103" spans="8:8">
      <c r="H671103" s="12"/>
    </row>
    <row r="671104" spans="8:8">
      <c r="H671104" s="12"/>
    </row>
    <row r="671105" spans="8:8">
      <c r="H671105" s="12"/>
    </row>
    <row r="671106" spans="8:8">
      <c r="H671106" s="12"/>
    </row>
    <row r="671107" spans="8:8">
      <c r="H671107" s="12"/>
    </row>
    <row r="671108" spans="8:8">
      <c r="H671108" s="12"/>
    </row>
    <row r="671109" spans="8:8">
      <c r="H671109" s="12"/>
    </row>
    <row r="671110" spans="8:8">
      <c r="H671110" s="12"/>
    </row>
    <row r="671111" spans="8:8">
      <c r="H671111" s="12"/>
    </row>
    <row r="671112" spans="8:8">
      <c r="H671112" s="12"/>
    </row>
    <row r="671113" spans="8:8">
      <c r="H671113" s="12"/>
    </row>
    <row r="671114" spans="8:8">
      <c r="H671114" s="12"/>
    </row>
    <row r="671115" spans="8:8">
      <c r="H671115" s="12"/>
    </row>
    <row r="671116" spans="8:8">
      <c r="H671116" s="12"/>
    </row>
    <row r="671117" spans="8:8">
      <c r="H671117" s="12"/>
    </row>
    <row r="671118" spans="8:8">
      <c r="H671118" s="12"/>
    </row>
    <row r="671119" spans="8:8">
      <c r="H671119" s="12"/>
    </row>
    <row r="671120" spans="8:8">
      <c r="H671120" s="12"/>
    </row>
    <row r="671121" spans="8:8">
      <c r="H671121" s="12"/>
    </row>
    <row r="671122" spans="8:8">
      <c r="H671122" s="12"/>
    </row>
    <row r="671123" spans="8:8">
      <c r="H671123" s="12"/>
    </row>
    <row r="671124" spans="8:8">
      <c r="H671124" s="12"/>
    </row>
    <row r="671125" spans="8:8">
      <c r="H671125" s="12"/>
    </row>
    <row r="671126" spans="8:8">
      <c r="H671126" s="12"/>
    </row>
    <row r="671127" spans="8:8">
      <c r="H671127" s="12"/>
    </row>
    <row r="671128" spans="8:8">
      <c r="H671128" s="12"/>
    </row>
    <row r="671129" spans="8:8">
      <c r="H671129" s="12"/>
    </row>
    <row r="671130" spans="8:8">
      <c r="H671130" s="12"/>
    </row>
    <row r="671131" spans="8:8">
      <c r="H671131" s="12"/>
    </row>
    <row r="671132" spans="8:8">
      <c r="H671132" s="12"/>
    </row>
    <row r="671133" spans="8:8">
      <c r="H671133" s="12"/>
    </row>
    <row r="671134" spans="8:8">
      <c r="H671134" s="12"/>
    </row>
    <row r="671135" spans="8:8">
      <c r="H671135" s="12"/>
    </row>
    <row r="671136" spans="8:8">
      <c r="H671136" s="12"/>
    </row>
    <row r="671137" spans="8:8">
      <c r="H671137" s="12"/>
    </row>
    <row r="671138" spans="8:8">
      <c r="H671138" s="12"/>
    </row>
    <row r="671139" spans="8:8">
      <c r="H671139" s="12"/>
    </row>
    <row r="671140" spans="8:8">
      <c r="H671140" s="12"/>
    </row>
    <row r="671141" spans="8:8">
      <c r="H671141" s="12"/>
    </row>
    <row r="671142" spans="8:8">
      <c r="H671142" s="12"/>
    </row>
    <row r="671143" spans="8:8">
      <c r="H671143" s="12"/>
    </row>
    <row r="671144" spans="8:8">
      <c r="H671144" s="12"/>
    </row>
    <row r="671145" spans="8:8">
      <c r="H671145" s="12"/>
    </row>
    <row r="671146" spans="8:8">
      <c r="H671146" s="12"/>
    </row>
    <row r="671147" spans="8:8">
      <c r="H671147" s="12"/>
    </row>
    <row r="671148" spans="8:8">
      <c r="H671148" s="12"/>
    </row>
    <row r="671149" spans="8:8">
      <c r="H671149" s="12"/>
    </row>
    <row r="671150" spans="8:8">
      <c r="H671150" s="12"/>
    </row>
    <row r="671151" spans="8:8">
      <c r="H671151" s="12"/>
    </row>
    <row r="671152" spans="8:8">
      <c r="H671152" s="12"/>
    </row>
    <row r="671153" spans="8:8">
      <c r="H671153" s="12"/>
    </row>
    <row r="671154" spans="8:8">
      <c r="H671154" s="12"/>
    </row>
    <row r="671155" spans="8:8">
      <c r="H671155" s="12"/>
    </row>
    <row r="671156" spans="8:8">
      <c r="H671156" s="12"/>
    </row>
    <row r="671157" spans="8:8">
      <c r="H671157" s="12"/>
    </row>
    <row r="671158" spans="8:8">
      <c r="H671158" s="12"/>
    </row>
    <row r="671159" spans="8:8">
      <c r="H671159" s="12"/>
    </row>
    <row r="671160" spans="8:8">
      <c r="H671160" s="12"/>
    </row>
    <row r="671161" spans="8:8">
      <c r="H671161" s="12"/>
    </row>
    <row r="671162" spans="8:8">
      <c r="H671162" s="12"/>
    </row>
    <row r="671163" spans="8:8">
      <c r="H671163" s="12"/>
    </row>
    <row r="671164" spans="8:8">
      <c r="H671164" s="12"/>
    </row>
    <row r="671165" spans="8:8">
      <c r="H671165" s="12"/>
    </row>
    <row r="671166" spans="8:8">
      <c r="H671166" s="12"/>
    </row>
    <row r="671167" spans="8:8">
      <c r="H671167" s="12"/>
    </row>
    <row r="671168" spans="8:8">
      <c r="H671168" s="12"/>
    </row>
    <row r="671169" spans="8:8">
      <c r="H671169" s="12"/>
    </row>
    <row r="671170" spans="8:8">
      <c r="H671170" s="12"/>
    </row>
    <row r="671171" spans="8:8">
      <c r="H671171" s="12"/>
    </row>
    <row r="671172" spans="8:8">
      <c r="H671172" s="12"/>
    </row>
    <row r="671173" spans="8:8">
      <c r="H671173" s="12"/>
    </row>
    <row r="671174" spans="8:8">
      <c r="H671174" s="12"/>
    </row>
    <row r="671175" spans="8:8">
      <c r="H671175" s="12"/>
    </row>
    <row r="671176" spans="8:8">
      <c r="H671176" s="12"/>
    </row>
    <row r="671177" spans="8:8">
      <c r="H671177" s="12"/>
    </row>
    <row r="671178" spans="8:8">
      <c r="H671178" s="12"/>
    </row>
    <row r="671179" spans="8:8">
      <c r="H671179" s="12"/>
    </row>
    <row r="671180" spans="8:8">
      <c r="H671180" s="12"/>
    </row>
    <row r="671181" spans="8:8">
      <c r="H671181" s="12"/>
    </row>
    <row r="671182" spans="8:8">
      <c r="H671182" s="12"/>
    </row>
    <row r="671183" spans="8:8">
      <c r="H671183" s="12"/>
    </row>
    <row r="671184" spans="8:8">
      <c r="H671184" s="12"/>
    </row>
    <row r="671185" spans="8:8">
      <c r="H671185" s="12"/>
    </row>
    <row r="671186" spans="8:8">
      <c r="H671186" s="12"/>
    </row>
    <row r="671187" spans="8:8">
      <c r="H671187" s="12"/>
    </row>
    <row r="671188" spans="8:8">
      <c r="H671188" s="12"/>
    </row>
    <row r="671189" spans="8:8">
      <c r="H671189" s="12"/>
    </row>
    <row r="671190" spans="8:8">
      <c r="H671190" s="12"/>
    </row>
    <row r="671191" spans="8:8">
      <c r="H671191" s="12"/>
    </row>
    <row r="671192" spans="8:8">
      <c r="H671192" s="12"/>
    </row>
    <row r="671193" spans="8:8">
      <c r="H671193" s="12"/>
    </row>
    <row r="671194" spans="8:8">
      <c r="H671194" s="12"/>
    </row>
    <row r="671195" spans="8:8">
      <c r="H671195" s="12"/>
    </row>
    <row r="671196" spans="8:8">
      <c r="H671196" s="12"/>
    </row>
    <row r="671197" spans="8:8">
      <c r="H671197" s="12"/>
    </row>
    <row r="671198" spans="8:8">
      <c r="H671198" s="12"/>
    </row>
    <row r="671199" spans="8:8">
      <c r="H671199" s="12"/>
    </row>
    <row r="671200" spans="8:8">
      <c r="H671200" s="12"/>
    </row>
    <row r="671201" spans="8:8">
      <c r="H671201" s="12"/>
    </row>
    <row r="671202" spans="8:8">
      <c r="H671202" s="12"/>
    </row>
    <row r="671203" spans="8:8">
      <c r="H671203" s="12"/>
    </row>
    <row r="671204" spans="8:8">
      <c r="H671204" s="12"/>
    </row>
    <row r="671205" spans="8:8">
      <c r="H671205" s="12"/>
    </row>
    <row r="671206" spans="8:8">
      <c r="H671206" s="12"/>
    </row>
    <row r="671207" spans="8:8">
      <c r="H671207" s="12"/>
    </row>
    <row r="671208" spans="8:8">
      <c r="H671208" s="12"/>
    </row>
    <row r="671209" spans="8:8">
      <c r="H671209" s="12"/>
    </row>
    <row r="671210" spans="8:8">
      <c r="H671210" s="12"/>
    </row>
    <row r="671211" spans="8:8">
      <c r="H671211" s="12"/>
    </row>
    <row r="671212" spans="8:8">
      <c r="H671212" s="12"/>
    </row>
    <row r="671213" spans="8:8">
      <c r="H671213" s="12"/>
    </row>
    <row r="671214" spans="8:8">
      <c r="H671214" s="12"/>
    </row>
    <row r="671215" spans="8:8">
      <c r="H671215" s="12"/>
    </row>
    <row r="671216" spans="8:8">
      <c r="H671216" s="12"/>
    </row>
    <row r="671217" spans="8:8">
      <c r="H671217" s="12"/>
    </row>
    <row r="671218" spans="8:8">
      <c r="H671218" s="12"/>
    </row>
    <row r="671219" spans="8:8">
      <c r="H671219" s="12"/>
    </row>
    <row r="671220" spans="8:8">
      <c r="H671220" s="12"/>
    </row>
    <row r="671221" spans="8:8">
      <c r="H671221" s="12"/>
    </row>
    <row r="671222" spans="8:8">
      <c r="H671222" s="12"/>
    </row>
    <row r="671223" spans="8:8">
      <c r="H671223" s="12"/>
    </row>
    <row r="671224" spans="8:8">
      <c r="H671224" s="12"/>
    </row>
    <row r="671225" spans="8:8">
      <c r="H671225" s="12"/>
    </row>
    <row r="671226" spans="8:8">
      <c r="H671226" s="12"/>
    </row>
    <row r="671227" spans="8:8">
      <c r="H671227" s="12"/>
    </row>
    <row r="671228" spans="8:8">
      <c r="H671228" s="12"/>
    </row>
    <row r="671229" spans="8:8">
      <c r="H671229" s="12"/>
    </row>
    <row r="671230" spans="8:8">
      <c r="H671230" s="12"/>
    </row>
    <row r="671231" spans="8:8">
      <c r="H671231" s="12"/>
    </row>
    <row r="671232" spans="8:8">
      <c r="H671232" s="12"/>
    </row>
    <row r="671233" spans="8:8">
      <c r="H671233" s="12"/>
    </row>
    <row r="671234" spans="8:8">
      <c r="H671234" s="12"/>
    </row>
    <row r="671235" spans="8:8">
      <c r="H671235" s="12"/>
    </row>
    <row r="671236" spans="8:8">
      <c r="H671236" s="12"/>
    </row>
    <row r="671237" spans="8:8">
      <c r="H671237" s="12"/>
    </row>
    <row r="671238" spans="8:8">
      <c r="H671238" s="12"/>
    </row>
    <row r="671239" spans="8:8">
      <c r="H671239" s="12"/>
    </row>
    <row r="671240" spans="8:8">
      <c r="H671240" s="12"/>
    </row>
    <row r="671241" spans="8:8">
      <c r="H671241" s="12"/>
    </row>
    <row r="671242" spans="8:8">
      <c r="H671242" s="12"/>
    </row>
    <row r="671243" spans="8:8">
      <c r="H671243" s="12"/>
    </row>
    <row r="671244" spans="8:8">
      <c r="H671244" s="12"/>
    </row>
    <row r="671245" spans="8:8">
      <c r="H671245" s="12"/>
    </row>
    <row r="671246" spans="8:8">
      <c r="H671246" s="12"/>
    </row>
    <row r="671247" spans="8:8">
      <c r="H671247" s="12"/>
    </row>
    <row r="671248" spans="8:8">
      <c r="H671248" s="12"/>
    </row>
    <row r="671249" spans="8:8">
      <c r="H671249" s="12"/>
    </row>
    <row r="671250" spans="8:8">
      <c r="H671250" s="12"/>
    </row>
    <row r="671251" spans="8:8">
      <c r="H671251" s="12"/>
    </row>
    <row r="671252" spans="8:8">
      <c r="H671252" s="12"/>
    </row>
    <row r="671253" spans="8:8">
      <c r="H671253" s="12"/>
    </row>
    <row r="671254" spans="8:8">
      <c r="H671254" s="12"/>
    </row>
    <row r="671255" spans="8:8">
      <c r="H671255" s="12"/>
    </row>
    <row r="671256" spans="8:8">
      <c r="H671256" s="12"/>
    </row>
    <row r="671257" spans="8:8">
      <c r="H671257" s="12"/>
    </row>
    <row r="671258" spans="8:8">
      <c r="H671258" s="12"/>
    </row>
    <row r="671259" spans="8:8">
      <c r="H671259" s="12"/>
    </row>
    <row r="671260" spans="8:8">
      <c r="H671260" s="12"/>
    </row>
    <row r="671261" spans="8:8">
      <c r="H671261" s="12"/>
    </row>
    <row r="671262" spans="8:8">
      <c r="H671262" s="12"/>
    </row>
    <row r="671263" spans="8:8">
      <c r="H671263" s="12"/>
    </row>
    <row r="671264" spans="8:8">
      <c r="H671264" s="12"/>
    </row>
    <row r="671265" spans="8:8">
      <c r="H671265" s="12"/>
    </row>
    <row r="671266" spans="8:8">
      <c r="H671266" s="12"/>
    </row>
    <row r="671267" spans="8:8">
      <c r="H671267" s="12"/>
    </row>
    <row r="671268" spans="8:8">
      <c r="H671268" s="12"/>
    </row>
    <row r="671269" spans="8:8">
      <c r="H671269" s="12"/>
    </row>
    <row r="671270" spans="8:8">
      <c r="H671270" s="12"/>
    </row>
    <row r="671271" spans="8:8">
      <c r="H671271" s="12"/>
    </row>
    <row r="671272" spans="8:8">
      <c r="H671272" s="12"/>
    </row>
    <row r="671273" spans="8:8">
      <c r="H671273" s="12"/>
    </row>
    <row r="671274" spans="8:8">
      <c r="H671274" s="12"/>
    </row>
    <row r="671275" spans="8:8">
      <c r="H671275" s="12"/>
    </row>
    <row r="671276" spans="8:8">
      <c r="H671276" s="12"/>
    </row>
    <row r="671277" spans="8:8">
      <c r="H671277" s="12"/>
    </row>
    <row r="671278" spans="8:8">
      <c r="H671278" s="12"/>
    </row>
    <row r="671279" spans="8:8">
      <c r="H671279" s="12"/>
    </row>
    <row r="671280" spans="8:8">
      <c r="H671280" s="12"/>
    </row>
    <row r="671281" spans="8:8">
      <c r="H671281" s="12"/>
    </row>
    <row r="671282" spans="8:8">
      <c r="H671282" s="12"/>
    </row>
    <row r="671283" spans="8:8">
      <c r="H671283" s="12"/>
    </row>
    <row r="671284" spans="8:8">
      <c r="H671284" s="12"/>
    </row>
    <row r="671285" spans="8:8">
      <c r="H671285" s="12"/>
    </row>
    <row r="671286" spans="8:8">
      <c r="H671286" s="12"/>
    </row>
    <row r="671287" spans="8:8">
      <c r="H671287" s="12"/>
    </row>
    <row r="671288" spans="8:8">
      <c r="H671288" s="12"/>
    </row>
    <row r="671289" spans="8:8">
      <c r="H671289" s="12"/>
    </row>
    <row r="671290" spans="8:8">
      <c r="H671290" s="12"/>
    </row>
    <row r="671291" spans="8:8">
      <c r="H671291" s="12"/>
    </row>
    <row r="671292" spans="8:8">
      <c r="H671292" s="12"/>
    </row>
    <row r="671293" spans="8:8">
      <c r="H671293" s="12"/>
    </row>
    <row r="671294" spans="8:8">
      <c r="H671294" s="12"/>
    </row>
    <row r="671295" spans="8:8">
      <c r="H671295" s="12"/>
    </row>
    <row r="671296" spans="8:8">
      <c r="H671296" s="12"/>
    </row>
    <row r="671297" spans="8:8">
      <c r="H671297" s="12"/>
    </row>
    <row r="671298" spans="8:8">
      <c r="H671298" s="12"/>
    </row>
    <row r="671299" spans="8:8">
      <c r="H671299" s="12"/>
    </row>
    <row r="671300" spans="8:8">
      <c r="H671300" s="12"/>
    </row>
    <row r="671301" spans="8:8">
      <c r="H671301" s="12"/>
    </row>
    <row r="671302" spans="8:8">
      <c r="H671302" s="12"/>
    </row>
    <row r="671303" spans="8:8">
      <c r="H671303" s="12"/>
    </row>
    <row r="671304" spans="8:8">
      <c r="H671304" s="12"/>
    </row>
    <row r="671305" spans="8:8">
      <c r="H671305" s="12"/>
    </row>
    <row r="671306" spans="8:8">
      <c r="H671306" s="12"/>
    </row>
    <row r="671307" spans="8:8">
      <c r="H671307" s="12"/>
    </row>
    <row r="671308" spans="8:8">
      <c r="H671308" s="12"/>
    </row>
    <row r="671309" spans="8:8">
      <c r="H671309" s="12"/>
    </row>
    <row r="671310" spans="8:8">
      <c r="H671310" s="12"/>
    </row>
    <row r="671311" spans="8:8">
      <c r="H671311" s="12"/>
    </row>
    <row r="671312" spans="8:8">
      <c r="H671312" s="12"/>
    </row>
    <row r="671313" spans="8:8">
      <c r="H671313" s="12"/>
    </row>
    <row r="671314" spans="8:8">
      <c r="H671314" s="12"/>
    </row>
    <row r="671315" spans="8:8">
      <c r="H671315" s="12"/>
    </row>
    <row r="671316" spans="8:8">
      <c r="H671316" s="12"/>
    </row>
    <row r="671317" spans="8:8">
      <c r="H671317" s="12"/>
    </row>
    <row r="671318" spans="8:8">
      <c r="H671318" s="12"/>
    </row>
    <row r="671319" spans="8:8">
      <c r="H671319" s="12"/>
    </row>
    <row r="671320" spans="8:8">
      <c r="H671320" s="12"/>
    </row>
    <row r="671321" spans="8:8">
      <c r="H671321" s="12"/>
    </row>
    <row r="671322" spans="8:8">
      <c r="H671322" s="12"/>
    </row>
    <row r="671323" spans="8:8">
      <c r="H671323" s="12"/>
    </row>
    <row r="671324" spans="8:8">
      <c r="H671324" s="12"/>
    </row>
    <row r="671325" spans="8:8">
      <c r="H671325" s="12"/>
    </row>
    <row r="671326" spans="8:8">
      <c r="H671326" s="12"/>
    </row>
    <row r="671327" spans="8:8">
      <c r="H671327" s="12"/>
    </row>
    <row r="671328" spans="8:8">
      <c r="H671328" s="12"/>
    </row>
    <row r="671329" spans="8:8">
      <c r="H671329" s="12"/>
    </row>
    <row r="671330" spans="8:8">
      <c r="H671330" s="12"/>
    </row>
    <row r="671331" spans="8:8">
      <c r="H671331" s="12"/>
    </row>
    <row r="671332" spans="8:8">
      <c r="H671332" s="12"/>
    </row>
    <row r="671333" spans="8:8">
      <c r="H671333" s="12"/>
    </row>
    <row r="671334" spans="8:8">
      <c r="H671334" s="12"/>
    </row>
    <row r="671335" spans="8:8">
      <c r="H671335" s="12"/>
    </row>
    <row r="671336" spans="8:8">
      <c r="H671336" s="12"/>
    </row>
    <row r="671337" spans="8:8">
      <c r="H671337" s="12"/>
    </row>
    <row r="671338" spans="8:8">
      <c r="H671338" s="12"/>
    </row>
    <row r="671339" spans="8:8">
      <c r="H671339" s="12"/>
    </row>
    <row r="671340" spans="8:8">
      <c r="H671340" s="12"/>
    </row>
    <row r="671341" spans="8:8">
      <c r="H671341" s="12"/>
    </row>
    <row r="671342" spans="8:8">
      <c r="H671342" s="12"/>
    </row>
    <row r="671343" spans="8:8">
      <c r="H671343" s="12"/>
    </row>
    <row r="671344" spans="8:8">
      <c r="H671344" s="12"/>
    </row>
    <row r="671345" spans="8:8">
      <c r="H671345" s="12"/>
    </row>
    <row r="671346" spans="8:8">
      <c r="H671346" s="12"/>
    </row>
    <row r="671347" spans="8:8">
      <c r="H671347" s="12"/>
    </row>
    <row r="671348" spans="8:8">
      <c r="H671348" s="12"/>
    </row>
    <row r="671349" spans="8:8">
      <c r="H671349" s="12"/>
    </row>
    <row r="671350" spans="8:8">
      <c r="H671350" s="12"/>
    </row>
    <row r="671351" spans="8:8">
      <c r="H671351" s="12"/>
    </row>
    <row r="671352" spans="8:8">
      <c r="H671352" s="12"/>
    </row>
    <row r="671353" spans="8:8">
      <c r="H671353" s="12"/>
    </row>
    <row r="671354" spans="8:8">
      <c r="H671354" s="12"/>
    </row>
    <row r="671355" spans="8:8">
      <c r="H671355" s="12"/>
    </row>
    <row r="671356" spans="8:8">
      <c r="H671356" s="12"/>
    </row>
    <row r="671357" spans="8:8">
      <c r="H671357" s="12"/>
    </row>
    <row r="671358" spans="8:8">
      <c r="H671358" s="12"/>
    </row>
    <row r="671359" spans="8:8">
      <c r="H671359" s="12"/>
    </row>
    <row r="671360" spans="8:8">
      <c r="H671360" s="12"/>
    </row>
    <row r="671361" spans="8:8">
      <c r="H671361" s="12"/>
    </row>
    <row r="671362" spans="8:8">
      <c r="H671362" s="12"/>
    </row>
    <row r="671363" spans="8:8">
      <c r="H671363" s="12"/>
    </row>
    <row r="671364" spans="8:8">
      <c r="H671364" s="12"/>
    </row>
    <row r="671365" spans="8:8">
      <c r="H671365" s="12"/>
    </row>
    <row r="671366" spans="8:8">
      <c r="H671366" s="12"/>
    </row>
    <row r="671367" spans="8:8">
      <c r="H671367" s="12"/>
    </row>
    <row r="671368" spans="8:8">
      <c r="H671368" s="12"/>
    </row>
    <row r="671369" spans="8:8">
      <c r="H671369" s="12"/>
    </row>
    <row r="671370" spans="8:8">
      <c r="H671370" s="12"/>
    </row>
    <row r="671371" spans="8:8">
      <c r="H671371" s="12"/>
    </row>
    <row r="671372" spans="8:8">
      <c r="H671372" s="12"/>
    </row>
    <row r="671373" spans="8:8">
      <c r="H671373" s="12"/>
    </row>
    <row r="671374" spans="8:8">
      <c r="H671374" s="12"/>
    </row>
    <row r="671375" spans="8:8">
      <c r="H671375" s="12"/>
    </row>
    <row r="671376" spans="8:8">
      <c r="H671376" s="12"/>
    </row>
    <row r="671377" spans="8:8">
      <c r="H671377" s="12"/>
    </row>
    <row r="671378" spans="8:8">
      <c r="H671378" s="12"/>
    </row>
    <row r="671379" spans="8:8">
      <c r="H671379" s="12"/>
    </row>
    <row r="671380" spans="8:8">
      <c r="H671380" s="12"/>
    </row>
    <row r="671381" spans="8:8">
      <c r="H671381" s="12"/>
    </row>
    <row r="671382" spans="8:8">
      <c r="H671382" s="12"/>
    </row>
    <row r="671383" spans="8:8">
      <c r="H671383" s="12"/>
    </row>
    <row r="671384" spans="8:8">
      <c r="H671384" s="12"/>
    </row>
    <row r="671385" spans="8:8">
      <c r="H671385" s="12"/>
    </row>
    <row r="671386" spans="8:8">
      <c r="H671386" s="12"/>
    </row>
    <row r="671387" spans="8:8">
      <c r="H671387" s="12"/>
    </row>
    <row r="671388" spans="8:8">
      <c r="H671388" s="12"/>
    </row>
    <row r="671389" spans="8:8">
      <c r="H671389" s="12"/>
    </row>
    <row r="671390" spans="8:8">
      <c r="H671390" s="12"/>
    </row>
    <row r="671391" spans="8:8">
      <c r="H671391" s="12"/>
    </row>
    <row r="671392" spans="8:8">
      <c r="H671392" s="12"/>
    </row>
    <row r="671393" spans="8:8">
      <c r="H671393" s="12"/>
    </row>
    <row r="671394" spans="8:8">
      <c r="H671394" s="12"/>
    </row>
    <row r="671395" spans="8:8">
      <c r="H671395" s="12"/>
    </row>
    <row r="671396" spans="8:8">
      <c r="H671396" s="12"/>
    </row>
    <row r="671397" spans="8:8">
      <c r="H671397" s="12"/>
    </row>
    <row r="671398" spans="8:8">
      <c r="H671398" s="12"/>
    </row>
    <row r="671399" spans="8:8">
      <c r="H671399" s="12"/>
    </row>
    <row r="671400" spans="8:8">
      <c r="H671400" s="12"/>
    </row>
    <row r="671401" spans="8:8">
      <c r="H671401" s="12"/>
    </row>
    <row r="671402" spans="8:8">
      <c r="H671402" s="12"/>
    </row>
    <row r="671403" spans="8:8">
      <c r="H671403" s="12"/>
    </row>
    <row r="671404" spans="8:8">
      <c r="H671404" s="12"/>
    </row>
    <row r="671405" spans="8:8">
      <c r="H671405" s="12"/>
    </row>
    <row r="671406" spans="8:8">
      <c r="H671406" s="12"/>
    </row>
    <row r="671407" spans="8:8">
      <c r="H671407" s="12"/>
    </row>
    <row r="671408" spans="8:8">
      <c r="H671408" s="12"/>
    </row>
    <row r="671409" spans="8:8">
      <c r="H671409" s="12"/>
    </row>
    <row r="671410" spans="8:8">
      <c r="H671410" s="12"/>
    </row>
    <row r="671411" spans="8:8">
      <c r="H671411" s="12"/>
    </row>
    <row r="671412" spans="8:8">
      <c r="H671412" s="12"/>
    </row>
    <row r="671413" spans="8:8">
      <c r="H671413" s="12"/>
    </row>
    <row r="671414" spans="8:8">
      <c r="H671414" s="12"/>
    </row>
    <row r="671415" spans="8:8">
      <c r="H671415" s="12"/>
    </row>
    <row r="671416" spans="8:8">
      <c r="H671416" s="12"/>
    </row>
    <row r="671417" spans="8:8">
      <c r="H671417" s="12"/>
    </row>
    <row r="671418" spans="8:8">
      <c r="H671418" s="12"/>
    </row>
    <row r="671419" spans="8:8">
      <c r="H671419" s="12"/>
    </row>
    <row r="671420" spans="8:8">
      <c r="H671420" s="12"/>
    </row>
    <row r="671421" spans="8:8">
      <c r="H671421" s="12"/>
    </row>
    <row r="671422" spans="8:8">
      <c r="H671422" s="12"/>
    </row>
    <row r="671423" spans="8:8">
      <c r="H671423" s="12"/>
    </row>
    <row r="671424" spans="8:8">
      <c r="H671424" s="12"/>
    </row>
    <row r="671425" spans="8:8">
      <c r="H671425" s="12"/>
    </row>
    <row r="671426" spans="8:8">
      <c r="H671426" s="12"/>
    </row>
    <row r="671427" spans="8:8">
      <c r="H671427" s="12"/>
    </row>
    <row r="671428" spans="8:8">
      <c r="H671428" s="12"/>
    </row>
    <row r="671429" spans="8:8">
      <c r="H671429" s="12"/>
    </row>
    <row r="671430" spans="8:8">
      <c r="H671430" s="12"/>
    </row>
    <row r="671431" spans="8:8">
      <c r="H671431" s="12"/>
    </row>
    <row r="671432" spans="8:8">
      <c r="H671432" s="12"/>
    </row>
    <row r="671433" spans="8:8">
      <c r="H671433" s="12"/>
    </row>
    <row r="671434" spans="8:8">
      <c r="H671434" s="12"/>
    </row>
    <row r="671435" spans="8:8">
      <c r="H671435" s="12"/>
    </row>
    <row r="671436" spans="8:8">
      <c r="H671436" s="12"/>
    </row>
    <row r="671437" spans="8:8">
      <c r="H671437" s="12"/>
    </row>
    <row r="671438" spans="8:8">
      <c r="H671438" s="12"/>
    </row>
    <row r="671439" spans="8:8">
      <c r="H671439" s="12"/>
    </row>
    <row r="671440" spans="8:8">
      <c r="H671440" s="12"/>
    </row>
    <row r="671441" spans="8:8">
      <c r="H671441" s="12"/>
    </row>
    <row r="671442" spans="8:8">
      <c r="H671442" s="12"/>
    </row>
    <row r="671443" spans="8:8">
      <c r="H671443" s="12"/>
    </row>
    <row r="671444" spans="8:8">
      <c r="H671444" s="12"/>
    </row>
    <row r="671445" spans="8:8">
      <c r="H671445" s="12"/>
    </row>
    <row r="671446" spans="8:8">
      <c r="H671446" s="12"/>
    </row>
    <row r="671447" spans="8:8">
      <c r="H671447" s="12"/>
    </row>
    <row r="671448" spans="8:8">
      <c r="H671448" s="12"/>
    </row>
    <row r="671449" spans="8:8">
      <c r="H671449" s="12"/>
    </row>
    <row r="671450" spans="8:8">
      <c r="H671450" s="12"/>
    </row>
    <row r="671451" spans="8:8">
      <c r="H671451" s="12"/>
    </row>
    <row r="671452" spans="8:8">
      <c r="H671452" s="12"/>
    </row>
    <row r="671453" spans="8:8">
      <c r="H671453" s="12"/>
    </row>
    <row r="671454" spans="8:8">
      <c r="H671454" s="12"/>
    </row>
    <row r="671455" spans="8:8">
      <c r="H671455" s="12"/>
    </row>
    <row r="671456" spans="8:8">
      <c r="H671456" s="12"/>
    </row>
    <row r="671457" spans="8:8">
      <c r="H671457" s="12"/>
    </row>
    <row r="671458" spans="8:8">
      <c r="H671458" s="12"/>
    </row>
    <row r="671459" spans="8:8">
      <c r="H671459" s="12"/>
    </row>
    <row r="671460" spans="8:8">
      <c r="H671460" s="12"/>
    </row>
    <row r="671461" spans="8:8">
      <c r="H671461" s="12"/>
    </row>
    <row r="671462" spans="8:8">
      <c r="H671462" s="12"/>
    </row>
    <row r="671463" spans="8:8">
      <c r="H671463" s="12"/>
    </row>
    <row r="671464" spans="8:8">
      <c r="H671464" s="12"/>
    </row>
    <row r="671465" spans="8:8">
      <c r="H671465" s="12"/>
    </row>
    <row r="671466" spans="8:8">
      <c r="H671466" s="12"/>
    </row>
    <row r="671467" spans="8:8">
      <c r="H671467" s="12"/>
    </row>
    <row r="671468" spans="8:8">
      <c r="H671468" s="12"/>
    </row>
    <row r="671469" spans="8:8">
      <c r="H671469" s="12"/>
    </row>
    <row r="671470" spans="8:8">
      <c r="H671470" s="12"/>
    </row>
    <row r="671471" spans="8:8">
      <c r="H671471" s="12"/>
    </row>
    <row r="671472" spans="8:8">
      <c r="H671472" s="12"/>
    </row>
    <row r="671473" spans="8:8">
      <c r="H671473" s="12"/>
    </row>
    <row r="671474" spans="8:8">
      <c r="H671474" s="12"/>
    </row>
    <row r="671475" spans="8:8">
      <c r="H671475" s="12"/>
    </row>
    <row r="671476" spans="8:8">
      <c r="H671476" s="12"/>
    </row>
    <row r="671477" spans="8:8">
      <c r="H671477" s="12"/>
    </row>
    <row r="671478" spans="8:8">
      <c r="H671478" s="12"/>
    </row>
    <row r="671479" spans="8:8">
      <c r="H671479" s="12"/>
    </row>
    <row r="671480" spans="8:8">
      <c r="H671480" s="12"/>
    </row>
    <row r="671481" spans="8:8">
      <c r="H671481" s="12"/>
    </row>
    <row r="671482" spans="8:8">
      <c r="H671482" s="12"/>
    </row>
    <row r="671483" spans="8:8">
      <c r="H671483" s="12"/>
    </row>
    <row r="671484" spans="8:8">
      <c r="H671484" s="12"/>
    </row>
    <row r="671485" spans="8:8">
      <c r="H671485" s="12"/>
    </row>
    <row r="671486" spans="8:8">
      <c r="H671486" s="12"/>
    </row>
    <row r="671487" spans="8:8">
      <c r="H671487" s="12"/>
    </row>
    <row r="671488" spans="8:8">
      <c r="H671488" s="12"/>
    </row>
    <row r="671489" spans="8:8">
      <c r="H671489" s="12"/>
    </row>
    <row r="671490" spans="8:8">
      <c r="H671490" s="12"/>
    </row>
    <row r="671491" spans="8:8">
      <c r="H671491" s="12"/>
    </row>
    <row r="671492" spans="8:8">
      <c r="H671492" s="12"/>
    </row>
    <row r="671493" spans="8:8">
      <c r="H671493" s="12"/>
    </row>
    <row r="671494" spans="8:8">
      <c r="H671494" s="12"/>
    </row>
    <row r="671495" spans="8:8">
      <c r="H671495" s="12"/>
    </row>
    <row r="671496" spans="8:8">
      <c r="H671496" s="12"/>
    </row>
    <row r="671497" spans="8:8">
      <c r="H671497" s="12"/>
    </row>
    <row r="671498" spans="8:8">
      <c r="H671498" s="12"/>
    </row>
    <row r="671499" spans="8:8">
      <c r="H671499" s="12"/>
    </row>
    <row r="671500" spans="8:8">
      <c r="H671500" s="12"/>
    </row>
    <row r="671501" spans="8:8">
      <c r="H671501" s="12"/>
    </row>
    <row r="671502" spans="8:8">
      <c r="H671502" s="12"/>
    </row>
    <row r="671503" spans="8:8">
      <c r="H671503" s="12"/>
    </row>
    <row r="671504" spans="8:8">
      <c r="H671504" s="12"/>
    </row>
    <row r="671505" spans="8:8">
      <c r="H671505" s="12"/>
    </row>
    <row r="671506" spans="8:8">
      <c r="H671506" s="12"/>
    </row>
    <row r="671507" spans="8:8">
      <c r="H671507" s="12"/>
    </row>
    <row r="671508" spans="8:8">
      <c r="H671508" s="12"/>
    </row>
    <row r="671509" spans="8:8">
      <c r="H671509" s="12"/>
    </row>
    <row r="671510" spans="8:8">
      <c r="H671510" s="12"/>
    </row>
    <row r="671511" spans="8:8">
      <c r="H671511" s="12"/>
    </row>
    <row r="671512" spans="8:8">
      <c r="H671512" s="12"/>
    </row>
    <row r="671513" spans="8:8">
      <c r="H671513" s="12"/>
    </row>
    <row r="671514" spans="8:8">
      <c r="H671514" s="12"/>
    </row>
    <row r="671515" spans="8:8">
      <c r="H671515" s="12"/>
    </row>
    <row r="671516" spans="8:8">
      <c r="H671516" s="12"/>
    </row>
    <row r="671517" spans="8:8">
      <c r="H671517" s="12"/>
    </row>
    <row r="671518" spans="8:8">
      <c r="H671518" s="12"/>
    </row>
    <row r="671519" spans="8:8">
      <c r="H671519" s="12"/>
    </row>
    <row r="671520" spans="8:8">
      <c r="H671520" s="12"/>
    </row>
    <row r="671521" spans="8:8">
      <c r="H671521" s="12"/>
    </row>
    <row r="671522" spans="8:8">
      <c r="H671522" s="12"/>
    </row>
    <row r="671523" spans="8:8">
      <c r="H671523" s="12"/>
    </row>
    <row r="671524" spans="8:8">
      <c r="H671524" s="12"/>
    </row>
    <row r="671525" spans="8:8">
      <c r="H671525" s="12"/>
    </row>
    <row r="671526" spans="8:8">
      <c r="H671526" s="12"/>
    </row>
    <row r="671527" spans="8:8">
      <c r="H671527" s="12"/>
    </row>
    <row r="671528" spans="8:8">
      <c r="H671528" s="12"/>
    </row>
    <row r="671529" spans="8:8">
      <c r="H671529" s="12"/>
    </row>
    <row r="671530" spans="8:8">
      <c r="H671530" s="12"/>
    </row>
    <row r="671531" spans="8:8">
      <c r="H671531" s="12"/>
    </row>
    <row r="671532" spans="8:8">
      <c r="H671532" s="12"/>
    </row>
    <row r="671533" spans="8:8">
      <c r="H671533" s="12"/>
    </row>
    <row r="671534" spans="8:8">
      <c r="H671534" s="12"/>
    </row>
    <row r="671535" spans="8:8">
      <c r="H671535" s="12"/>
    </row>
    <row r="671536" spans="8:8">
      <c r="H671536" s="12"/>
    </row>
    <row r="671537" spans="8:8">
      <c r="H671537" s="12"/>
    </row>
    <row r="671538" spans="8:8">
      <c r="H671538" s="12"/>
    </row>
    <row r="671539" spans="8:8">
      <c r="H671539" s="12"/>
    </row>
    <row r="671540" spans="8:8">
      <c r="H671540" s="12"/>
    </row>
    <row r="671541" spans="8:8">
      <c r="H671541" s="12"/>
    </row>
    <row r="671542" spans="8:8">
      <c r="H671542" s="12"/>
    </row>
    <row r="671543" spans="8:8">
      <c r="H671543" s="12"/>
    </row>
    <row r="671544" spans="8:8">
      <c r="H671544" s="12"/>
    </row>
    <row r="671545" spans="8:8">
      <c r="H671545" s="12"/>
    </row>
    <row r="671546" spans="8:8">
      <c r="H671546" s="12"/>
    </row>
    <row r="671547" spans="8:8">
      <c r="H671547" s="12"/>
    </row>
    <row r="671548" spans="8:8">
      <c r="H671548" s="12"/>
    </row>
    <row r="671549" spans="8:8">
      <c r="H671549" s="12"/>
    </row>
    <row r="671550" spans="8:8">
      <c r="H671550" s="12"/>
    </row>
    <row r="671551" spans="8:8">
      <c r="H671551" s="12"/>
    </row>
    <row r="671552" spans="8:8">
      <c r="H671552" s="12"/>
    </row>
    <row r="671553" spans="8:8">
      <c r="H671553" s="12"/>
    </row>
    <row r="671554" spans="8:8">
      <c r="H671554" s="12"/>
    </row>
    <row r="671555" spans="8:8">
      <c r="H671555" s="12"/>
    </row>
    <row r="671556" spans="8:8">
      <c r="H671556" s="12"/>
    </row>
    <row r="671557" spans="8:8">
      <c r="H671557" s="12"/>
    </row>
    <row r="671558" spans="8:8">
      <c r="H671558" s="12"/>
    </row>
    <row r="671559" spans="8:8">
      <c r="H671559" s="12"/>
    </row>
    <row r="671560" spans="8:8">
      <c r="H671560" s="12"/>
    </row>
    <row r="671561" spans="8:8">
      <c r="H671561" s="12"/>
    </row>
    <row r="671562" spans="8:8">
      <c r="H671562" s="12"/>
    </row>
    <row r="671563" spans="8:8">
      <c r="H671563" s="12"/>
    </row>
    <row r="671564" spans="8:8">
      <c r="H671564" s="12"/>
    </row>
    <row r="671565" spans="8:8">
      <c r="H671565" s="12"/>
    </row>
    <row r="671566" spans="8:8">
      <c r="H671566" s="12"/>
    </row>
    <row r="671567" spans="8:8">
      <c r="H671567" s="12"/>
    </row>
    <row r="671568" spans="8:8">
      <c r="H671568" s="12"/>
    </row>
    <row r="671569" spans="8:8">
      <c r="H671569" s="12"/>
    </row>
    <row r="671570" spans="8:8">
      <c r="H671570" s="12"/>
    </row>
    <row r="671571" spans="8:8">
      <c r="H671571" s="12"/>
    </row>
    <row r="671572" spans="8:8">
      <c r="H671572" s="12"/>
    </row>
    <row r="671573" spans="8:8">
      <c r="H671573" s="12"/>
    </row>
    <row r="671574" spans="8:8">
      <c r="H671574" s="12"/>
    </row>
    <row r="671575" spans="8:8">
      <c r="H671575" s="12"/>
    </row>
    <row r="671576" spans="8:8">
      <c r="H671576" s="12"/>
    </row>
    <row r="671577" spans="8:8">
      <c r="H671577" s="12"/>
    </row>
    <row r="671578" spans="8:8">
      <c r="H671578" s="12"/>
    </row>
    <row r="671579" spans="8:8">
      <c r="H671579" s="12"/>
    </row>
    <row r="671580" spans="8:8">
      <c r="H671580" s="12"/>
    </row>
    <row r="671581" spans="8:8">
      <c r="H671581" s="12"/>
    </row>
    <row r="671582" spans="8:8">
      <c r="H671582" s="12"/>
    </row>
    <row r="671583" spans="8:8">
      <c r="H671583" s="12"/>
    </row>
    <row r="671584" spans="8:8">
      <c r="H671584" s="12"/>
    </row>
    <row r="671585" spans="8:8">
      <c r="H671585" s="12"/>
    </row>
    <row r="671586" spans="8:8">
      <c r="H671586" s="12"/>
    </row>
    <row r="671587" spans="8:8">
      <c r="H671587" s="12"/>
    </row>
    <row r="671588" spans="8:8">
      <c r="H671588" s="12"/>
    </row>
    <row r="671589" spans="8:8">
      <c r="H671589" s="12"/>
    </row>
    <row r="671590" spans="8:8">
      <c r="H671590" s="12"/>
    </row>
    <row r="671591" spans="8:8">
      <c r="H671591" s="12"/>
    </row>
    <row r="671592" spans="8:8">
      <c r="H671592" s="12"/>
    </row>
    <row r="671593" spans="8:8">
      <c r="H671593" s="12"/>
    </row>
    <row r="671594" spans="8:8">
      <c r="H671594" s="12"/>
    </row>
    <row r="671595" spans="8:8">
      <c r="H671595" s="12"/>
    </row>
    <row r="671596" spans="8:8">
      <c r="H671596" s="12"/>
    </row>
    <row r="671597" spans="8:8">
      <c r="H671597" s="12"/>
    </row>
    <row r="671598" spans="8:8">
      <c r="H671598" s="12"/>
    </row>
    <row r="671599" spans="8:8">
      <c r="H671599" s="12"/>
    </row>
    <row r="671600" spans="8:8">
      <c r="H671600" s="12"/>
    </row>
    <row r="671601" spans="8:8">
      <c r="H671601" s="12"/>
    </row>
    <row r="671602" spans="8:8">
      <c r="H671602" s="12"/>
    </row>
    <row r="671603" spans="8:8">
      <c r="H671603" s="12"/>
    </row>
    <row r="671604" spans="8:8">
      <c r="H671604" s="12"/>
    </row>
    <row r="671605" spans="8:8">
      <c r="H671605" s="12"/>
    </row>
    <row r="671606" spans="8:8">
      <c r="H671606" s="12"/>
    </row>
    <row r="671607" spans="8:8">
      <c r="H671607" s="12"/>
    </row>
    <row r="671608" spans="8:8">
      <c r="H671608" s="12"/>
    </row>
    <row r="671609" spans="8:8">
      <c r="H671609" s="12"/>
    </row>
    <row r="671610" spans="8:8">
      <c r="H671610" s="12"/>
    </row>
    <row r="671611" spans="8:8">
      <c r="H671611" s="12"/>
    </row>
    <row r="671612" spans="8:8">
      <c r="H671612" s="12"/>
    </row>
    <row r="671613" spans="8:8">
      <c r="H671613" s="12"/>
    </row>
    <row r="671614" spans="8:8">
      <c r="H671614" s="12"/>
    </row>
    <row r="671615" spans="8:8">
      <c r="H671615" s="12"/>
    </row>
    <row r="671616" spans="8:8">
      <c r="H671616" s="12"/>
    </row>
    <row r="671617" spans="8:8">
      <c r="H671617" s="12"/>
    </row>
    <row r="671618" spans="8:8">
      <c r="H671618" s="12"/>
    </row>
    <row r="671619" spans="8:8">
      <c r="H671619" s="12"/>
    </row>
    <row r="671620" spans="8:8">
      <c r="H671620" s="12"/>
    </row>
    <row r="671621" spans="8:8">
      <c r="H671621" s="12"/>
    </row>
    <row r="671622" spans="8:8">
      <c r="H671622" s="12"/>
    </row>
    <row r="671623" spans="8:8">
      <c r="H671623" s="12"/>
    </row>
    <row r="671624" spans="8:8">
      <c r="H671624" s="12"/>
    </row>
    <row r="671625" spans="8:8">
      <c r="H671625" s="12"/>
    </row>
    <row r="671626" spans="8:8">
      <c r="H671626" s="12"/>
    </row>
    <row r="671627" spans="8:8">
      <c r="H671627" s="12"/>
    </row>
    <row r="671628" spans="8:8">
      <c r="H671628" s="12"/>
    </row>
    <row r="671629" spans="8:8">
      <c r="H671629" s="12"/>
    </row>
    <row r="671630" spans="8:8">
      <c r="H671630" s="12"/>
    </row>
    <row r="671631" spans="8:8">
      <c r="H671631" s="12"/>
    </row>
    <row r="671632" spans="8:8">
      <c r="H671632" s="12"/>
    </row>
    <row r="671633" spans="8:8">
      <c r="H671633" s="12"/>
    </row>
    <row r="671634" spans="8:8">
      <c r="H671634" s="12"/>
    </row>
    <row r="671635" spans="8:8">
      <c r="H671635" s="12"/>
    </row>
    <row r="671636" spans="8:8">
      <c r="H671636" s="12"/>
    </row>
    <row r="671637" spans="8:8">
      <c r="H671637" s="12"/>
    </row>
    <row r="671638" spans="8:8">
      <c r="H671638" s="12"/>
    </row>
    <row r="671639" spans="8:8">
      <c r="H671639" s="12"/>
    </row>
    <row r="671640" spans="8:8">
      <c r="H671640" s="12"/>
    </row>
    <row r="671641" spans="8:8">
      <c r="H671641" s="12"/>
    </row>
    <row r="671642" spans="8:8">
      <c r="H671642" s="12"/>
    </row>
    <row r="671643" spans="8:8">
      <c r="H671643" s="12"/>
    </row>
    <row r="671644" spans="8:8">
      <c r="H671644" s="12"/>
    </row>
    <row r="671645" spans="8:8">
      <c r="H671645" s="12"/>
    </row>
    <row r="671646" spans="8:8">
      <c r="H671646" s="12"/>
    </row>
    <row r="671647" spans="8:8">
      <c r="H671647" s="12"/>
    </row>
    <row r="671648" spans="8:8">
      <c r="H671648" s="12"/>
    </row>
    <row r="671649" spans="8:8">
      <c r="H671649" s="12"/>
    </row>
    <row r="671650" spans="8:8">
      <c r="H671650" s="12"/>
    </row>
    <row r="671651" spans="8:8">
      <c r="H671651" s="12"/>
    </row>
    <row r="671652" spans="8:8">
      <c r="H671652" s="12"/>
    </row>
    <row r="671653" spans="8:8">
      <c r="H671653" s="12"/>
    </row>
    <row r="671654" spans="8:8">
      <c r="H671654" s="12"/>
    </row>
    <row r="671655" spans="8:8">
      <c r="H671655" s="12"/>
    </row>
    <row r="671656" spans="8:8">
      <c r="H671656" s="12"/>
    </row>
    <row r="671657" spans="8:8">
      <c r="H671657" s="12"/>
    </row>
    <row r="671658" spans="8:8">
      <c r="H671658" s="12"/>
    </row>
    <row r="671659" spans="8:8">
      <c r="H671659" s="12"/>
    </row>
    <row r="671660" spans="8:8">
      <c r="H671660" s="12"/>
    </row>
    <row r="671661" spans="8:8">
      <c r="H671661" s="12"/>
    </row>
    <row r="671662" spans="8:8">
      <c r="H671662" s="12"/>
    </row>
    <row r="671663" spans="8:8">
      <c r="H671663" s="12"/>
    </row>
    <row r="671664" spans="8:8">
      <c r="H671664" s="12"/>
    </row>
    <row r="671665" spans="8:8">
      <c r="H671665" s="12"/>
    </row>
    <row r="671666" spans="8:8">
      <c r="H671666" s="12"/>
    </row>
    <row r="671667" spans="8:8">
      <c r="H671667" s="12"/>
    </row>
    <row r="671668" spans="8:8">
      <c r="H671668" s="12"/>
    </row>
    <row r="671669" spans="8:8">
      <c r="H671669" s="12"/>
    </row>
    <row r="671670" spans="8:8">
      <c r="H671670" s="12"/>
    </row>
    <row r="671671" spans="8:8">
      <c r="H671671" s="12"/>
    </row>
    <row r="671672" spans="8:8">
      <c r="H671672" s="12"/>
    </row>
    <row r="671673" spans="8:8">
      <c r="H671673" s="12"/>
    </row>
    <row r="671674" spans="8:8">
      <c r="H671674" s="12"/>
    </row>
    <row r="671675" spans="8:8">
      <c r="H671675" s="12"/>
    </row>
    <row r="671676" spans="8:8">
      <c r="H671676" s="12"/>
    </row>
    <row r="671677" spans="8:8">
      <c r="H671677" s="12"/>
    </row>
    <row r="671678" spans="8:8">
      <c r="H671678" s="12"/>
    </row>
    <row r="671679" spans="8:8">
      <c r="H671679" s="12"/>
    </row>
    <row r="671680" spans="8:8">
      <c r="H671680" s="12"/>
    </row>
    <row r="671681" spans="8:8">
      <c r="H671681" s="12"/>
    </row>
    <row r="671682" spans="8:8">
      <c r="H671682" s="12"/>
    </row>
    <row r="671683" spans="8:8">
      <c r="H671683" s="12"/>
    </row>
    <row r="671684" spans="8:8">
      <c r="H671684" s="12"/>
    </row>
    <row r="671685" spans="8:8">
      <c r="H671685" s="12"/>
    </row>
    <row r="671686" spans="8:8">
      <c r="H671686" s="12"/>
    </row>
    <row r="671687" spans="8:8">
      <c r="H671687" s="12"/>
    </row>
    <row r="671688" spans="8:8">
      <c r="H671688" s="12"/>
    </row>
    <row r="671689" spans="8:8">
      <c r="H671689" s="12"/>
    </row>
    <row r="671690" spans="8:8">
      <c r="H671690" s="12"/>
    </row>
    <row r="671691" spans="8:8">
      <c r="H671691" s="12"/>
    </row>
    <row r="671692" spans="8:8">
      <c r="H671692" s="12"/>
    </row>
    <row r="671693" spans="8:8">
      <c r="H671693" s="12"/>
    </row>
    <row r="671694" spans="8:8">
      <c r="H671694" s="12"/>
    </row>
    <row r="671695" spans="8:8">
      <c r="H671695" s="12"/>
    </row>
    <row r="671696" spans="8:8">
      <c r="H671696" s="12"/>
    </row>
    <row r="671697" spans="8:8">
      <c r="H671697" s="12"/>
    </row>
    <row r="671698" spans="8:8">
      <c r="H671698" s="12"/>
    </row>
    <row r="671699" spans="8:8">
      <c r="H671699" s="12"/>
    </row>
    <row r="671700" spans="8:8">
      <c r="H671700" s="12"/>
    </row>
    <row r="671701" spans="8:8">
      <c r="H671701" s="12"/>
    </row>
    <row r="671702" spans="8:8">
      <c r="H671702" s="12"/>
    </row>
    <row r="671703" spans="8:8">
      <c r="H671703" s="12"/>
    </row>
    <row r="671704" spans="8:8">
      <c r="H671704" s="12"/>
    </row>
    <row r="671705" spans="8:8">
      <c r="H671705" s="12"/>
    </row>
    <row r="671706" spans="8:8">
      <c r="H671706" s="12"/>
    </row>
    <row r="671707" spans="8:8">
      <c r="H671707" s="12"/>
    </row>
    <row r="671708" spans="8:8">
      <c r="H671708" s="12"/>
    </row>
    <row r="671709" spans="8:8">
      <c r="H671709" s="12"/>
    </row>
    <row r="671710" spans="8:8">
      <c r="H671710" s="12"/>
    </row>
    <row r="671711" spans="8:8">
      <c r="H671711" s="12"/>
    </row>
    <row r="671712" spans="8:8">
      <c r="H671712" s="12"/>
    </row>
    <row r="671713" spans="8:8">
      <c r="H671713" s="12"/>
    </row>
    <row r="671714" spans="8:8">
      <c r="H671714" s="12"/>
    </row>
    <row r="671715" spans="8:8">
      <c r="H671715" s="12"/>
    </row>
    <row r="671716" spans="8:8">
      <c r="H671716" s="12"/>
    </row>
    <row r="671717" spans="8:8">
      <c r="H671717" s="12"/>
    </row>
    <row r="671718" spans="8:8">
      <c r="H671718" s="12"/>
    </row>
    <row r="671719" spans="8:8">
      <c r="H671719" s="12"/>
    </row>
    <row r="671720" spans="8:8">
      <c r="H671720" s="12"/>
    </row>
    <row r="671721" spans="8:8">
      <c r="H671721" s="12"/>
    </row>
    <row r="671722" spans="8:8">
      <c r="H671722" s="12"/>
    </row>
    <row r="671723" spans="8:8">
      <c r="H671723" s="12"/>
    </row>
    <row r="671724" spans="8:8">
      <c r="H671724" s="12"/>
    </row>
    <row r="671725" spans="8:8">
      <c r="H671725" s="12"/>
    </row>
    <row r="671726" spans="8:8">
      <c r="H671726" s="12"/>
    </row>
    <row r="671727" spans="8:8">
      <c r="H671727" s="12"/>
    </row>
    <row r="671728" spans="8:8">
      <c r="H671728" s="12"/>
    </row>
    <row r="671729" spans="8:8">
      <c r="H671729" s="12"/>
    </row>
    <row r="671730" spans="8:8">
      <c r="H671730" s="12"/>
    </row>
    <row r="671731" spans="8:8">
      <c r="H671731" s="12"/>
    </row>
    <row r="671732" spans="8:8">
      <c r="H671732" s="12"/>
    </row>
    <row r="671733" spans="8:8">
      <c r="H671733" s="12"/>
    </row>
    <row r="671734" spans="8:8">
      <c r="H671734" s="12"/>
    </row>
    <row r="671735" spans="8:8">
      <c r="H671735" s="12"/>
    </row>
    <row r="671736" spans="8:8">
      <c r="H671736" s="12"/>
    </row>
    <row r="671737" spans="8:8">
      <c r="H671737" s="12"/>
    </row>
    <row r="671738" spans="8:8">
      <c r="H671738" s="12"/>
    </row>
    <row r="671739" spans="8:8">
      <c r="H671739" s="12"/>
    </row>
    <row r="671740" spans="8:8">
      <c r="H671740" s="12"/>
    </row>
    <row r="671741" spans="8:8">
      <c r="H671741" s="12"/>
    </row>
    <row r="671742" spans="8:8">
      <c r="H671742" s="12"/>
    </row>
    <row r="671743" spans="8:8">
      <c r="H671743" s="12"/>
    </row>
    <row r="671744" spans="8:8">
      <c r="H671744" s="12"/>
    </row>
    <row r="671745" spans="8:8">
      <c r="H671745" s="12"/>
    </row>
    <row r="671746" spans="8:8">
      <c r="H671746" s="12"/>
    </row>
    <row r="671747" spans="8:8">
      <c r="H671747" s="12"/>
    </row>
    <row r="671748" spans="8:8">
      <c r="H671748" s="12"/>
    </row>
    <row r="671749" spans="8:8">
      <c r="H671749" s="12"/>
    </row>
    <row r="671750" spans="8:8">
      <c r="H671750" s="12"/>
    </row>
    <row r="671751" spans="8:8">
      <c r="H671751" s="12"/>
    </row>
    <row r="671752" spans="8:8">
      <c r="H671752" s="12"/>
    </row>
    <row r="671753" spans="8:8">
      <c r="H671753" s="12"/>
    </row>
    <row r="671754" spans="8:8">
      <c r="H671754" s="12"/>
    </row>
    <row r="671755" spans="8:8">
      <c r="H671755" s="12"/>
    </row>
    <row r="671756" spans="8:8">
      <c r="H671756" s="12"/>
    </row>
    <row r="671757" spans="8:8">
      <c r="H671757" s="12"/>
    </row>
    <row r="671758" spans="8:8">
      <c r="H671758" s="12"/>
    </row>
    <row r="671759" spans="8:8">
      <c r="H671759" s="12"/>
    </row>
    <row r="671760" spans="8:8">
      <c r="H671760" s="12"/>
    </row>
    <row r="671761" spans="8:8">
      <c r="H671761" s="12"/>
    </row>
    <row r="671762" spans="8:8">
      <c r="H671762" s="12"/>
    </row>
    <row r="671763" spans="8:8">
      <c r="H671763" s="12"/>
    </row>
    <row r="671764" spans="8:8">
      <c r="H671764" s="12"/>
    </row>
    <row r="671765" spans="8:8">
      <c r="H671765" s="12"/>
    </row>
    <row r="671766" spans="8:8">
      <c r="H671766" s="12"/>
    </row>
    <row r="671767" spans="8:8">
      <c r="H671767" s="12"/>
    </row>
    <row r="671768" spans="8:8">
      <c r="H671768" s="12"/>
    </row>
    <row r="671769" spans="8:8">
      <c r="H671769" s="12"/>
    </row>
    <row r="671770" spans="8:8">
      <c r="H671770" s="12"/>
    </row>
    <row r="671771" spans="8:8">
      <c r="H671771" s="12"/>
    </row>
    <row r="671772" spans="8:8">
      <c r="H671772" s="12"/>
    </row>
    <row r="671773" spans="8:8">
      <c r="H671773" s="12"/>
    </row>
    <row r="671774" spans="8:8">
      <c r="H671774" s="12"/>
    </row>
    <row r="671775" spans="8:8">
      <c r="H671775" s="12"/>
    </row>
    <row r="671776" spans="8:8">
      <c r="H671776" s="12"/>
    </row>
    <row r="671777" spans="8:8">
      <c r="H671777" s="12"/>
    </row>
    <row r="671778" spans="8:8">
      <c r="H671778" s="12"/>
    </row>
    <row r="671779" spans="8:8">
      <c r="H671779" s="12"/>
    </row>
    <row r="671780" spans="8:8">
      <c r="H671780" s="12"/>
    </row>
    <row r="671781" spans="8:8">
      <c r="H671781" s="12"/>
    </row>
    <row r="671782" spans="8:8">
      <c r="H671782" s="12"/>
    </row>
    <row r="671783" spans="8:8">
      <c r="H671783" s="12"/>
    </row>
    <row r="671784" spans="8:8">
      <c r="H671784" s="12"/>
    </row>
    <row r="671785" spans="8:8">
      <c r="H671785" s="12"/>
    </row>
    <row r="671786" spans="8:8">
      <c r="H671786" s="12"/>
    </row>
    <row r="671787" spans="8:8">
      <c r="H671787" s="12"/>
    </row>
    <row r="671788" spans="8:8">
      <c r="H671788" s="12"/>
    </row>
    <row r="671789" spans="8:8">
      <c r="H671789" s="12"/>
    </row>
    <row r="671790" spans="8:8">
      <c r="H671790" s="12"/>
    </row>
    <row r="671791" spans="8:8">
      <c r="H671791" s="12"/>
    </row>
    <row r="671792" spans="8:8">
      <c r="H671792" s="12"/>
    </row>
    <row r="671793" spans="8:8">
      <c r="H671793" s="12"/>
    </row>
    <row r="671794" spans="8:8">
      <c r="H671794" s="12"/>
    </row>
    <row r="671795" spans="8:8">
      <c r="H671795" s="12"/>
    </row>
    <row r="671796" spans="8:8">
      <c r="H671796" s="12"/>
    </row>
    <row r="671797" spans="8:8">
      <c r="H671797" s="12"/>
    </row>
    <row r="671798" spans="8:8">
      <c r="H671798" s="12"/>
    </row>
    <row r="671799" spans="8:8">
      <c r="H671799" s="12"/>
    </row>
    <row r="671800" spans="8:8">
      <c r="H671800" s="12"/>
    </row>
    <row r="671801" spans="8:8">
      <c r="H671801" s="12"/>
    </row>
    <row r="671802" spans="8:8">
      <c r="H671802" s="12"/>
    </row>
    <row r="671803" spans="8:8">
      <c r="H671803" s="12"/>
    </row>
    <row r="671804" spans="8:8">
      <c r="H671804" s="12"/>
    </row>
    <row r="671805" spans="8:8">
      <c r="H671805" s="12"/>
    </row>
    <row r="671806" spans="8:8">
      <c r="H671806" s="12"/>
    </row>
    <row r="671807" spans="8:8">
      <c r="H671807" s="12"/>
    </row>
    <row r="671808" spans="8:8">
      <c r="H671808" s="12"/>
    </row>
    <row r="671809" spans="8:8">
      <c r="H671809" s="12"/>
    </row>
    <row r="671810" spans="8:8">
      <c r="H671810" s="12"/>
    </row>
    <row r="671811" spans="8:8">
      <c r="H671811" s="12"/>
    </row>
    <row r="671812" spans="8:8">
      <c r="H671812" s="12"/>
    </row>
    <row r="671813" spans="8:8">
      <c r="H671813" s="12"/>
    </row>
    <row r="671814" spans="8:8">
      <c r="H671814" s="12"/>
    </row>
    <row r="671815" spans="8:8">
      <c r="H671815" s="12"/>
    </row>
    <row r="671816" spans="8:8">
      <c r="H671816" s="12"/>
    </row>
    <row r="671817" spans="8:8">
      <c r="H671817" s="12"/>
    </row>
    <row r="671818" spans="8:8">
      <c r="H671818" s="12"/>
    </row>
    <row r="671819" spans="8:8">
      <c r="H671819" s="12"/>
    </row>
    <row r="671820" spans="8:8">
      <c r="H671820" s="12"/>
    </row>
    <row r="671821" spans="8:8">
      <c r="H671821" s="12"/>
    </row>
    <row r="671822" spans="8:8">
      <c r="H671822" s="12"/>
    </row>
    <row r="671823" spans="8:8">
      <c r="H671823" s="12"/>
    </row>
    <row r="671824" spans="8:8">
      <c r="H671824" s="12"/>
    </row>
    <row r="671825" spans="8:8">
      <c r="H671825" s="12"/>
    </row>
    <row r="671826" spans="8:8">
      <c r="H671826" s="12"/>
    </row>
    <row r="671827" spans="8:8">
      <c r="H671827" s="12"/>
    </row>
    <row r="671828" spans="8:8">
      <c r="H671828" s="12"/>
    </row>
    <row r="671829" spans="8:8">
      <c r="H671829" s="12"/>
    </row>
    <row r="671830" spans="8:8">
      <c r="H671830" s="12"/>
    </row>
    <row r="671831" spans="8:8">
      <c r="H671831" s="12"/>
    </row>
    <row r="671832" spans="8:8">
      <c r="H671832" s="12"/>
    </row>
    <row r="671833" spans="8:8">
      <c r="H671833" s="12"/>
    </row>
    <row r="671834" spans="8:8">
      <c r="H671834" s="12"/>
    </row>
    <row r="671835" spans="8:8">
      <c r="H671835" s="12"/>
    </row>
    <row r="671836" spans="8:8">
      <c r="H671836" s="12"/>
    </row>
    <row r="671837" spans="8:8">
      <c r="H671837" s="12"/>
    </row>
    <row r="671838" spans="8:8">
      <c r="H671838" s="12"/>
    </row>
    <row r="671839" spans="8:8">
      <c r="H671839" s="12"/>
    </row>
    <row r="671840" spans="8:8">
      <c r="H671840" s="12"/>
    </row>
    <row r="671841" spans="8:8">
      <c r="H671841" s="12"/>
    </row>
    <row r="671842" spans="8:8">
      <c r="H671842" s="12"/>
    </row>
    <row r="671843" spans="8:8">
      <c r="H671843" s="12"/>
    </row>
    <row r="671844" spans="8:8">
      <c r="H671844" s="12"/>
    </row>
    <row r="671845" spans="8:8">
      <c r="H671845" s="12"/>
    </row>
    <row r="671846" spans="8:8">
      <c r="H671846" s="12"/>
    </row>
    <row r="671847" spans="8:8">
      <c r="H671847" s="12"/>
    </row>
    <row r="671848" spans="8:8">
      <c r="H671848" s="12"/>
    </row>
    <row r="671849" spans="8:8">
      <c r="H671849" s="12"/>
    </row>
    <row r="671850" spans="8:8">
      <c r="H671850" s="12"/>
    </row>
    <row r="671851" spans="8:8">
      <c r="H671851" s="12"/>
    </row>
    <row r="671852" spans="8:8">
      <c r="H671852" s="12"/>
    </row>
    <row r="671853" spans="8:8">
      <c r="H671853" s="12"/>
    </row>
    <row r="671854" spans="8:8">
      <c r="H671854" s="12"/>
    </row>
    <row r="671855" spans="8:8">
      <c r="H671855" s="12"/>
    </row>
    <row r="671856" spans="8:8">
      <c r="H671856" s="12"/>
    </row>
    <row r="671857" spans="8:8">
      <c r="H671857" s="12"/>
    </row>
    <row r="671858" spans="8:8">
      <c r="H671858" s="12"/>
    </row>
    <row r="671859" spans="8:8">
      <c r="H671859" s="12"/>
    </row>
    <row r="671860" spans="8:8">
      <c r="H671860" s="12"/>
    </row>
    <row r="671861" spans="8:8">
      <c r="H671861" s="12"/>
    </row>
    <row r="671862" spans="8:8">
      <c r="H671862" s="12"/>
    </row>
    <row r="671863" spans="8:8">
      <c r="H671863" s="12"/>
    </row>
    <row r="671864" spans="8:8">
      <c r="H671864" s="12"/>
    </row>
    <row r="671865" spans="8:8">
      <c r="H671865" s="12"/>
    </row>
    <row r="671866" spans="8:8">
      <c r="H671866" s="12"/>
    </row>
    <row r="671867" spans="8:8">
      <c r="H671867" s="12"/>
    </row>
    <row r="671868" spans="8:8">
      <c r="H671868" s="12"/>
    </row>
    <row r="671869" spans="8:8">
      <c r="H671869" s="12"/>
    </row>
    <row r="671870" spans="8:8">
      <c r="H671870" s="12"/>
    </row>
    <row r="671871" spans="8:8">
      <c r="H671871" s="12"/>
    </row>
    <row r="671872" spans="8:8">
      <c r="H671872" s="12"/>
    </row>
    <row r="671873" spans="8:8">
      <c r="H671873" s="12"/>
    </row>
    <row r="671874" spans="8:8">
      <c r="H671874" s="12"/>
    </row>
    <row r="671875" spans="8:8">
      <c r="H671875" s="12"/>
    </row>
    <row r="671876" spans="8:8">
      <c r="H671876" s="12"/>
    </row>
    <row r="671877" spans="8:8">
      <c r="H671877" s="12"/>
    </row>
    <row r="671878" spans="8:8">
      <c r="H671878" s="12"/>
    </row>
    <row r="671879" spans="8:8">
      <c r="H671879" s="12"/>
    </row>
    <row r="671880" spans="8:8">
      <c r="H671880" s="12"/>
    </row>
    <row r="671881" spans="8:8">
      <c r="H671881" s="12"/>
    </row>
    <row r="671882" spans="8:8">
      <c r="H671882" s="12"/>
    </row>
    <row r="671883" spans="8:8">
      <c r="H671883" s="12"/>
    </row>
    <row r="671884" spans="8:8">
      <c r="H671884" s="12"/>
    </row>
    <row r="671885" spans="8:8">
      <c r="H671885" s="12"/>
    </row>
    <row r="671886" spans="8:8">
      <c r="H671886" s="12"/>
    </row>
    <row r="671887" spans="8:8">
      <c r="H671887" s="12"/>
    </row>
    <row r="671888" spans="8:8">
      <c r="H671888" s="12"/>
    </row>
    <row r="671889" spans="8:8">
      <c r="H671889" s="12"/>
    </row>
    <row r="671890" spans="8:8">
      <c r="H671890" s="12"/>
    </row>
    <row r="671891" spans="8:8">
      <c r="H671891" s="12"/>
    </row>
    <row r="671892" spans="8:8">
      <c r="H671892" s="12"/>
    </row>
    <row r="671893" spans="8:8">
      <c r="H671893" s="12"/>
    </row>
    <row r="671894" spans="8:8">
      <c r="H671894" s="12"/>
    </row>
    <row r="671895" spans="8:8">
      <c r="H671895" s="12"/>
    </row>
    <row r="671896" spans="8:8">
      <c r="H671896" s="12"/>
    </row>
    <row r="671897" spans="8:8">
      <c r="H671897" s="12"/>
    </row>
    <row r="671898" spans="8:8">
      <c r="H671898" s="12"/>
    </row>
    <row r="671899" spans="8:8">
      <c r="H671899" s="12"/>
    </row>
    <row r="671900" spans="8:8">
      <c r="H671900" s="12"/>
    </row>
    <row r="671901" spans="8:8">
      <c r="H671901" s="12"/>
    </row>
    <row r="671902" spans="8:8">
      <c r="H671902" s="12"/>
    </row>
    <row r="671903" spans="8:8">
      <c r="H671903" s="12"/>
    </row>
    <row r="671904" spans="8:8">
      <c r="H671904" s="12"/>
    </row>
    <row r="671905" spans="8:8">
      <c r="H671905" s="12"/>
    </row>
    <row r="671906" spans="8:8">
      <c r="H671906" s="12"/>
    </row>
    <row r="671907" spans="8:8">
      <c r="H671907" s="12"/>
    </row>
    <row r="671908" spans="8:8">
      <c r="H671908" s="12"/>
    </row>
    <row r="671909" spans="8:8">
      <c r="H671909" s="12"/>
    </row>
    <row r="671910" spans="8:8">
      <c r="H671910" s="12"/>
    </row>
    <row r="671911" spans="8:8">
      <c r="H671911" s="12"/>
    </row>
    <row r="671912" spans="8:8">
      <c r="H671912" s="12"/>
    </row>
    <row r="671913" spans="8:8">
      <c r="H671913" s="12"/>
    </row>
    <row r="671914" spans="8:8">
      <c r="H671914" s="12"/>
    </row>
    <row r="671915" spans="8:8">
      <c r="H671915" s="12"/>
    </row>
    <row r="671916" spans="8:8">
      <c r="H671916" s="12"/>
    </row>
    <row r="671917" spans="8:8">
      <c r="H671917" s="12"/>
    </row>
    <row r="671918" spans="8:8">
      <c r="H671918" s="12"/>
    </row>
    <row r="671919" spans="8:8">
      <c r="H671919" s="12"/>
    </row>
    <row r="671920" spans="8:8">
      <c r="H671920" s="12"/>
    </row>
    <row r="671921" spans="8:8">
      <c r="H671921" s="12"/>
    </row>
    <row r="671922" spans="8:8">
      <c r="H671922" s="12"/>
    </row>
    <row r="671923" spans="8:8">
      <c r="H671923" s="12"/>
    </row>
    <row r="671924" spans="8:8">
      <c r="H671924" s="12"/>
    </row>
    <row r="671925" spans="8:8">
      <c r="H671925" s="12"/>
    </row>
    <row r="671926" spans="8:8">
      <c r="H671926" s="12"/>
    </row>
    <row r="671927" spans="8:8">
      <c r="H671927" s="12"/>
    </row>
    <row r="671928" spans="8:8">
      <c r="H671928" s="12"/>
    </row>
    <row r="671929" spans="8:8">
      <c r="H671929" s="12"/>
    </row>
    <row r="671930" spans="8:8">
      <c r="H671930" s="12"/>
    </row>
    <row r="671931" spans="8:8">
      <c r="H671931" s="12"/>
    </row>
    <row r="671932" spans="8:8">
      <c r="H671932" s="12"/>
    </row>
    <row r="671933" spans="8:8">
      <c r="H671933" s="12"/>
    </row>
    <row r="671934" spans="8:8">
      <c r="H671934" s="12"/>
    </row>
    <row r="671935" spans="8:8">
      <c r="H671935" s="12"/>
    </row>
    <row r="671936" spans="8:8">
      <c r="H671936" s="12"/>
    </row>
    <row r="671937" spans="8:8">
      <c r="H671937" s="12"/>
    </row>
    <row r="671938" spans="8:8">
      <c r="H671938" s="12"/>
    </row>
    <row r="671939" spans="8:8">
      <c r="H671939" s="12"/>
    </row>
    <row r="671940" spans="8:8">
      <c r="H671940" s="12"/>
    </row>
    <row r="671941" spans="8:8">
      <c r="H671941" s="12"/>
    </row>
    <row r="671942" spans="8:8">
      <c r="H671942" s="12"/>
    </row>
    <row r="671943" spans="8:8">
      <c r="H671943" s="12"/>
    </row>
    <row r="671944" spans="8:8">
      <c r="H671944" s="12"/>
    </row>
    <row r="671945" spans="8:8">
      <c r="H671945" s="12"/>
    </row>
    <row r="671946" spans="8:8">
      <c r="H671946" s="12"/>
    </row>
    <row r="671947" spans="8:8">
      <c r="H671947" s="12"/>
    </row>
    <row r="671948" spans="8:8">
      <c r="H671948" s="12"/>
    </row>
    <row r="671949" spans="8:8">
      <c r="H671949" s="12"/>
    </row>
    <row r="671950" spans="8:8">
      <c r="H671950" s="12"/>
    </row>
    <row r="671951" spans="8:8">
      <c r="H671951" s="12"/>
    </row>
    <row r="671952" spans="8:8">
      <c r="H671952" s="12"/>
    </row>
    <row r="671953" spans="8:8">
      <c r="H671953" s="12"/>
    </row>
    <row r="671954" spans="8:8">
      <c r="H671954" s="12"/>
    </row>
    <row r="671955" spans="8:8">
      <c r="H671955" s="12"/>
    </row>
    <row r="671956" spans="8:8">
      <c r="H671956" s="12"/>
    </row>
    <row r="671957" spans="8:8">
      <c r="H671957" s="12"/>
    </row>
    <row r="671958" spans="8:8">
      <c r="H671958" s="12"/>
    </row>
    <row r="671959" spans="8:8">
      <c r="H671959" s="12"/>
    </row>
    <row r="671960" spans="8:8">
      <c r="H671960" s="12"/>
    </row>
    <row r="671961" spans="8:8">
      <c r="H671961" s="12"/>
    </row>
    <row r="671962" spans="8:8">
      <c r="H671962" s="12"/>
    </row>
    <row r="671963" spans="8:8">
      <c r="H671963" s="12"/>
    </row>
    <row r="671964" spans="8:8">
      <c r="H671964" s="12"/>
    </row>
    <row r="671965" spans="8:8">
      <c r="H671965" s="12"/>
    </row>
    <row r="671966" spans="8:8">
      <c r="H671966" s="12"/>
    </row>
    <row r="671967" spans="8:8">
      <c r="H671967" s="12"/>
    </row>
    <row r="671968" spans="8:8">
      <c r="H671968" s="12"/>
    </row>
    <row r="671969" spans="8:8">
      <c r="H671969" s="12"/>
    </row>
    <row r="671970" spans="8:8">
      <c r="H671970" s="12"/>
    </row>
    <row r="671971" spans="8:8">
      <c r="H671971" s="12"/>
    </row>
    <row r="671972" spans="8:8">
      <c r="H671972" s="12"/>
    </row>
    <row r="671973" spans="8:8">
      <c r="H671973" s="12"/>
    </row>
    <row r="671974" spans="8:8">
      <c r="H671974" s="12"/>
    </row>
    <row r="671975" spans="8:8">
      <c r="H671975" s="12"/>
    </row>
    <row r="671976" spans="8:8">
      <c r="H671976" s="12"/>
    </row>
    <row r="671977" spans="8:8">
      <c r="H671977" s="12"/>
    </row>
    <row r="671978" spans="8:8">
      <c r="H671978" s="12"/>
    </row>
    <row r="671979" spans="8:8">
      <c r="H671979" s="12"/>
    </row>
    <row r="671980" spans="8:8">
      <c r="H671980" s="12"/>
    </row>
    <row r="671981" spans="8:8">
      <c r="H671981" s="12"/>
    </row>
    <row r="671982" spans="8:8">
      <c r="H671982" s="12"/>
    </row>
    <row r="671983" spans="8:8">
      <c r="H671983" s="12"/>
    </row>
    <row r="671984" spans="8:8">
      <c r="H671984" s="12"/>
    </row>
    <row r="671985" spans="8:8">
      <c r="H671985" s="12"/>
    </row>
    <row r="671986" spans="8:8">
      <c r="H671986" s="12"/>
    </row>
    <row r="671987" spans="8:8">
      <c r="H671987" s="12"/>
    </row>
    <row r="671988" spans="8:8">
      <c r="H671988" s="12"/>
    </row>
    <row r="671989" spans="8:8">
      <c r="H671989" s="12"/>
    </row>
    <row r="671990" spans="8:8">
      <c r="H671990" s="12"/>
    </row>
    <row r="671991" spans="8:8">
      <c r="H671991" s="12"/>
    </row>
    <row r="671992" spans="8:8">
      <c r="H671992" s="12"/>
    </row>
    <row r="671993" spans="8:8">
      <c r="H671993" s="12"/>
    </row>
    <row r="671994" spans="8:8">
      <c r="H671994" s="12"/>
    </row>
    <row r="671995" spans="8:8">
      <c r="H671995" s="12"/>
    </row>
    <row r="671996" spans="8:8">
      <c r="H671996" s="12"/>
    </row>
    <row r="671997" spans="8:8">
      <c r="H671997" s="12"/>
    </row>
    <row r="671998" spans="8:8">
      <c r="H671998" s="12"/>
    </row>
    <row r="671999" spans="8:8">
      <c r="H671999" s="12"/>
    </row>
    <row r="672000" spans="8:8">
      <c r="H672000" s="12"/>
    </row>
    <row r="672001" spans="8:8">
      <c r="H672001" s="12"/>
    </row>
    <row r="672002" spans="8:8">
      <c r="H672002" s="12"/>
    </row>
    <row r="672003" spans="8:8">
      <c r="H672003" s="12"/>
    </row>
    <row r="672004" spans="8:8">
      <c r="H672004" s="12"/>
    </row>
    <row r="672005" spans="8:8">
      <c r="H672005" s="12"/>
    </row>
    <row r="672006" spans="8:8">
      <c r="H672006" s="12"/>
    </row>
    <row r="672007" spans="8:8">
      <c r="H672007" s="12"/>
    </row>
    <row r="672008" spans="8:8">
      <c r="H672008" s="12"/>
    </row>
    <row r="672009" spans="8:8">
      <c r="H672009" s="12"/>
    </row>
    <row r="672010" spans="8:8">
      <c r="H672010" s="12"/>
    </row>
    <row r="672011" spans="8:8">
      <c r="H672011" s="12"/>
    </row>
    <row r="672012" spans="8:8">
      <c r="H672012" s="12"/>
    </row>
    <row r="672013" spans="8:8">
      <c r="H672013" s="12"/>
    </row>
    <row r="672014" spans="8:8">
      <c r="H672014" s="12"/>
    </row>
    <row r="672015" spans="8:8">
      <c r="H672015" s="12"/>
    </row>
    <row r="672016" spans="8:8">
      <c r="H672016" s="12"/>
    </row>
    <row r="672017" spans="8:8">
      <c r="H672017" s="12"/>
    </row>
    <row r="672018" spans="8:8">
      <c r="H672018" s="12"/>
    </row>
    <row r="672019" spans="8:8">
      <c r="H672019" s="12"/>
    </row>
    <row r="672020" spans="8:8">
      <c r="H672020" s="12"/>
    </row>
    <row r="672021" spans="8:8">
      <c r="H672021" s="12"/>
    </row>
    <row r="672022" spans="8:8">
      <c r="H672022" s="12"/>
    </row>
    <row r="672023" spans="8:8">
      <c r="H672023" s="12"/>
    </row>
    <row r="672024" spans="8:8">
      <c r="H672024" s="12"/>
    </row>
    <row r="672025" spans="8:8">
      <c r="H672025" s="12"/>
    </row>
    <row r="672026" spans="8:8">
      <c r="H672026" s="12"/>
    </row>
    <row r="672027" spans="8:8">
      <c r="H672027" s="12"/>
    </row>
    <row r="672028" spans="8:8">
      <c r="H672028" s="12"/>
    </row>
    <row r="672029" spans="8:8">
      <c r="H672029" s="12"/>
    </row>
    <row r="672030" spans="8:8">
      <c r="H672030" s="12"/>
    </row>
    <row r="672031" spans="8:8">
      <c r="H672031" s="12"/>
    </row>
    <row r="672032" spans="8:8">
      <c r="H672032" s="12"/>
    </row>
    <row r="672033" spans="8:8">
      <c r="H672033" s="12"/>
    </row>
    <row r="672034" spans="8:8">
      <c r="H672034" s="12"/>
    </row>
    <row r="672035" spans="8:8">
      <c r="H672035" s="12"/>
    </row>
    <row r="672036" spans="8:8">
      <c r="H672036" s="12"/>
    </row>
    <row r="672037" spans="8:8">
      <c r="H672037" s="12"/>
    </row>
    <row r="672038" spans="8:8">
      <c r="H672038" s="12"/>
    </row>
    <row r="672039" spans="8:8">
      <c r="H672039" s="12"/>
    </row>
    <row r="672040" spans="8:8">
      <c r="H672040" s="12"/>
    </row>
    <row r="672041" spans="8:8">
      <c r="H672041" s="12"/>
    </row>
    <row r="672042" spans="8:8">
      <c r="H672042" s="12"/>
    </row>
    <row r="672043" spans="8:8">
      <c r="H672043" s="12"/>
    </row>
    <row r="672044" spans="8:8">
      <c r="H672044" s="12"/>
    </row>
    <row r="672045" spans="8:8">
      <c r="H672045" s="12"/>
    </row>
    <row r="672046" spans="8:8">
      <c r="H672046" s="12"/>
    </row>
    <row r="672047" spans="8:8">
      <c r="H672047" s="12"/>
    </row>
    <row r="672048" spans="8:8">
      <c r="H672048" s="12"/>
    </row>
    <row r="672049" spans="8:8">
      <c r="H672049" s="12"/>
    </row>
    <row r="672050" spans="8:8">
      <c r="H672050" s="12"/>
    </row>
    <row r="672051" spans="8:8">
      <c r="H672051" s="12"/>
    </row>
    <row r="672052" spans="8:8">
      <c r="H672052" s="12"/>
    </row>
    <row r="672053" spans="8:8">
      <c r="H672053" s="12"/>
    </row>
    <row r="672054" spans="8:8">
      <c r="H672054" s="12"/>
    </row>
    <row r="672055" spans="8:8">
      <c r="H672055" s="12"/>
    </row>
    <row r="672056" spans="8:8">
      <c r="H672056" s="12"/>
    </row>
    <row r="672057" spans="8:8">
      <c r="H672057" s="12"/>
    </row>
    <row r="672058" spans="8:8">
      <c r="H672058" s="12"/>
    </row>
    <row r="672059" spans="8:8">
      <c r="H672059" s="12"/>
    </row>
    <row r="672060" spans="8:8">
      <c r="H672060" s="12"/>
    </row>
    <row r="672061" spans="8:8">
      <c r="H672061" s="12"/>
    </row>
    <row r="672062" spans="8:8">
      <c r="H672062" s="12"/>
    </row>
    <row r="672063" spans="8:8">
      <c r="H672063" s="12"/>
    </row>
    <row r="672064" spans="8:8">
      <c r="H672064" s="12"/>
    </row>
    <row r="672065" spans="8:8">
      <c r="H672065" s="12"/>
    </row>
    <row r="672066" spans="8:8">
      <c r="H672066" s="12"/>
    </row>
    <row r="672067" spans="8:8">
      <c r="H672067" s="12"/>
    </row>
    <row r="672068" spans="8:8">
      <c r="H672068" s="12"/>
    </row>
    <row r="672069" spans="8:8">
      <c r="H672069" s="12"/>
    </row>
    <row r="672070" spans="8:8">
      <c r="H672070" s="12"/>
    </row>
    <row r="672071" spans="8:8">
      <c r="H672071" s="12"/>
    </row>
    <row r="672072" spans="8:8">
      <c r="H672072" s="12"/>
    </row>
    <row r="672073" spans="8:8">
      <c r="H672073" s="12"/>
    </row>
    <row r="672074" spans="8:8">
      <c r="H672074" s="12"/>
    </row>
    <row r="672075" spans="8:8">
      <c r="H672075" s="12"/>
    </row>
    <row r="672076" spans="8:8">
      <c r="H672076" s="12"/>
    </row>
    <row r="672077" spans="8:8">
      <c r="H672077" s="12"/>
    </row>
    <row r="672078" spans="8:8">
      <c r="H672078" s="12"/>
    </row>
    <row r="672079" spans="8:8">
      <c r="H672079" s="12"/>
    </row>
    <row r="672080" spans="8:8">
      <c r="H672080" s="12"/>
    </row>
    <row r="672081" spans="8:8">
      <c r="H672081" s="12"/>
    </row>
    <row r="672082" spans="8:8">
      <c r="H672082" s="12"/>
    </row>
    <row r="672083" spans="8:8">
      <c r="H672083" s="12"/>
    </row>
    <row r="672084" spans="8:8">
      <c r="H672084" s="12"/>
    </row>
    <row r="672085" spans="8:8">
      <c r="H672085" s="12"/>
    </row>
    <row r="672086" spans="8:8">
      <c r="H672086" s="12"/>
    </row>
    <row r="672087" spans="8:8">
      <c r="H672087" s="12"/>
    </row>
    <row r="672088" spans="8:8">
      <c r="H672088" s="12"/>
    </row>
    <row r="672089" spans="8:8">
      <c r="H672089" s="12"/>
    </row>
    <row r="672090" spans="8:8">
      <c r="H672090" s="12"/>
    </row>
    <row r="672091" spans="8:8">
      <c r="H672091" s="12"/>
    </row>
    <row r="672092" spans="8:8">
      <c r="H672092" s="12"/>
    </row>
    <row r="672093" spans="8:8">
      <c r="H672093" s="12"/>
    </row>
    <row r="672094" spans="8:8">
      <c r="H672094" s="12"/>
    </row>
    <row r="672095" spans="8:8">
      <c r="H672095" s="12"/>
    </row>
    <row r="672096" spans="8:8">
      <c r="H672096" s="12"/>
    </row>
    <row r="672097" spans="8:8">
      <c r="H672097" s="12"/>
    </row>
    <row r="672098" spans="8:8">
      <c r="H672098" s="12"/>
    </row>
    <row r="672099" spans="8:8">
      <c r="H672099" s="12"/>
    </row>
    <row r="672100" spans="8:8">
      <c r="H672100" s="12"/>
    </row>
    <row r="672101" spans="8:8">
      <c r="H672101" s="12"/>
    </row>
    <row r="672102" spans="8:8">
      <c r="H672102" s="12"/>
    </row>
    <row r="672103" spans="8:8">
      <c r="H672103" s="12"/>
    </row>
    <row r="672104" spans="8:8">
      <c r="H672104" s="12"/>
    </row>
    <row r="672105" spans="8:8">
      <c r="H672105" s="12"/>
    </row>
    <row r="672106" spans="8:8">
      <c r="H672106" s="12"/>
    </row>
    <row r="672107" spans="8:8">
      <c r="H672107" s="12"/>
    </row>
    <row r="672108" spans="8:8">
      <c r="H672108" s="12"/>
    </row>
    <row r="672109" spans="8:8">
      <c r="H672109" s="12"/>
    </row>
    <row r="672110" spans="8:8">
      <c r="H672110" s="12"/>
    </row>
    <row r="672111" spans="8:8">
      <c r="H672111" s="12"/>
    </row>
    <row r="672112" spans="8:8">
      <c r="H672112" s="12"/>
    </row>
    <row r="672113" spans="8:8">
      <c r="H672113" s="12"/>
    </row>
    <row r="672114" spans="8:8">
      <c r="H672114" s="12"/>
    </row>
    <row r="672115" spans="8:8">
      <c r="H672115" s="12"/>
    </row>
    <row r="672116" spans="8:8">
      <c r="H672116" s="12"/>
    </row>
    <row r="672117" spans="8:8">
      <c r="H672117" s="12"/>
    </row>
    <row r="672118" spans="8:8">
      <c r="H672118" s="12"/>
    </row>
    <row r="672119" spans="8:8">
      <c r="H672119" s="12"/>
    </row>
    <row r="672120" spans="8:8">
      <c r="H672120" s="12"/>
    </row>
    <row r="672121" spans="8:8">
      <c r="H672121" s="12"/>
    </row>
    <row r="672122" spans="8:8">
      <c r="H672122" s="12"/>
    </row>
    <row r="672123" spans="8:8">
      <c r="H672123" s="12"/>
    </row>
    <row r="672124" spans="8:8">
      <c r="H672124" s="12"/>
    </row>
    <row r="672125" spans="8:8">
      <c r="H672125" s="12"/>
    </row>
    <row r="672126" spans="8:8">
      <c r="H672126" s="12"/>
    </row>
    <row r="672127" spans="8:8">
      <c r="H672127" s="12"/>
    </row>
    <row r="672128" spans="8:8">
      <c r="H672128" s="12"/>
    </row>
    <row r="672129" spans="8:8">
      <c r="H672129" s="12"/>
    </row>
    <row r="672130" spans="8:8">
      <c r="H672130" s="12"/>
    </row>
    <row r="672131" spans="8:8">
      <c r="H672131" s="12"/>
    </row>
    <row r="672132" spans="8:8">
      <c r="H672132" s="12"/>
    </row>
    <row r="672133" spans="8:8">
      <c r="H672133" s="12"/>
    </row>
    <row r="672134" spans="8:8">
      <c r="H672134" s="12"/>
    </row>
    <row r="672135" spans="8:8">
      <c r="H672135" s="12"/>
    </row>
    <row r="672136" spans="8:8">
      <c r="H672136" s="12"/>
    </row>
    <row r="672137" spans="8:8">
      <c r="H672137" s="12"/>
    </row>
    <row r="672138" spans="8:8">
      <c r="H672138" s="12"/>
    </row>
    <row r="672139" spans="8:8">
      <c r="H672139" s="12"/>
    </row>
    <row r="672140" spans="8:8">
      <c r="H672140" s="12"/>
    </row>
    <row r="672141" spans="8:8">
      <c r="H672141" s="12"/>
    </row>
    <row r="672142" spans="8:8">
      <c r="H672142" s="12"/>
    </row>
    <row r="672143" spans="8:8">
      <c r="H672143" s="12"/>
    </row>
    <row r="672144" spans="8:8">
      <c r="H672144" s="12"/>
    </row>
    <row r="672145" spans="8:8">
      <c r="H672145" s="12"/>
    </row>
    <row r="672146" spans="8:8">
      <c r="H672146" s="12"/>
    </row>
    <row r="672147" spans="8:8">
      <c r="H672147" s="12"/>
    </row>
    <row r="672148" spans="8:8">
      <c r="H672148" s="12"/>
    </row>
    <row r="672149" spans="8:8">
      <c r="H672149" s="12"/>
    </row>
    <row r="672150" spans="8:8">
      <c r="H672150" s="12"/>
    </row>
    <row r="672151" spans="8:8">
      <c r="H672151" s="12"/>
    </row>
    <row r="672152" spans="8:8">
      <c r="H672152" s="12"/>
    </row>
    <row r="672153" spans="8:8">
      <c r="H672153" s="12"/>
    </row>
    <row r="672154" spans="8:8">
      <c r="H672154" s="12"/>
    </row>
    <row r="672155" spans="8:8">
      <c r="H672155" s="12"/>
    </row>
    <row r="672156" spans="8:8">
      <c r="H672156" s="12"/>
    </row>
    <row r="672157" spans="8:8">
      <c r="H672157" s="12"/>
    </row>
    <row r="672158" spans="8:8">
      <c r="H672158" s="12"/>
    </row>
    <row r="672159" spans="8:8">
      <c r="H672159" s="12"/>
    </row>
    <row r="672160" spans="8:8">
      <c r="H672160" s="12"/>
    </row>
    <row r="672161" spans="8:8">
      <c r="H672161" s="12"/>
    </row>
    <row r="672162" spans="8:8">
      <c r="H672162" s="12"/>
    </row>
    <row r="672163" spans="8:8">
      <c r="H672163" s="12"/>
    </row>
    <row r="672164" spans="8:8">
      <c r="H672164" s="12"/>
    </row>
    <row r="672165" spans="8:8">
      <c r="H672165" s="12"/>
    </row>
    <row r="672166" spans="8:8">
      <c r="H672166" s="12"/>
    </row>
    <row r="672167" spans="8:8">
      <c r="H672167" s="12"/>
    </row>
    <row r="672168" spans="8:8">
      <c r="H672168" s="12"/>
    </row>
    <row r="672169" spans="8:8">
      <c r="H672169" s="12"/>
    </row>
    <row r="672170" spans="8:8">
      <c r="H672170" s="12"/>
    </row>
    <row r="672171" spans="8:8">
      <c r="H672171" s="12"/>
    </row>
    <row r="672172" spans="8:8">
      <c r="H672172" s="12"/>
    </row>
    <row r="672173" spans="8:8">
      <c r="H672173" s="12"/>
    </row>
    <row r="672174" spans="8:8">
      <c r="H672174" s="12"/>
    </row>
    <row r="672175" spans="8:8">
      <c r="H672175" s="12"/>
    </row>
    <row r="672176" spans="8:8">
      <c r="H672176" s="12"/>
    </row>
    <row r="672177" spans="8:8">
      <c r="H672177" s="12"/>
    </row>
    <row r="672178" spans="8:8">
      <c r="H672178" s="12"/>
    </row>
    <row r="672179" spans="8:8">
      <c r="H672179" s="12"/>
    </row>
    <row r="672180" spans="8:8">
      <c r="H672180" s="12"/>
    </row>
    <row r="672181" spans="8:8">
      <c r="H672181" s="12"/>
    </row>
    <row r="672182" spans="8:8">
      <c r="H672182" s="12"/>
    </row>
    <row r="672183" spans="8:8">
      <c r="H672183" s="12"/>
    </row>
    <row r="672184" spans="8:8">
      <c r="H672184" s="12"/>
    </row>
    <row r="672185" spans="8:8">
      <c r="H672185" s="12"/>
    </row>
    <row r="672186" spans="8:8">
      <c r="H672186" s="12"/>
    </row>
    <row r="672187" spans="8:8">
      <c r="H672187" s="12"/>
    </row>
    <row r="672188" spans="8:8">
      <c r="H672188" s="12"/>
    </row>
    <row r="672189" spans="8:8">
      <c r="H672189" s="12"/>
    </row>
    <row r="672190" spans="8:8">
      <c r="H672190" s="12"/>
    </row>
    <row r="672191" spans="8:8">
      <c r="H672191" s="12"/>
    </row>
    <row r="672192" spans="8:8">
      <c r="H672192" s="12"/>
    </row>
    <row r="672193" spans="8:8">
      <c r="H672193" s="12"/>
    </row>
    <row r="672194" spans="8:8">
      <c r="H672194" s="12"/>
    </row>
    <row r="672195" spans="8:8">
      <c r="H672195" s="12"/>
    </row>
    <row r="672196" spans="8:8">
      <c r="H672196" s="12"/>
    </row>
    <row r="672197" spans="8:8">
      <c r="H672197" s="12"/>
    </row>
    <row r="672198" spans="8:8">
      <c r="H672198" s="12"/>
    </row>
    <row r="672199" spans="8:8">
      <c r="H672199" s="12"/>
    </row>
    <row r="672200" spans="8:8">
      <c r="H672200" s="12"/>
    </row>
    <row r="672201" spans="8:8">
      <c r="H672201" s="12"/>
    </row>
    <row r="672202" spans="8:8">
      <c r="H672202" s="12"/>
    </row>
    <row r="672203" spans="8:8">
      <c r="H672203" s="12"/>
    </row>
    <row r="672204" spans="8:8">
      <c r="H672204" s="12"/>
    </row>
    <row r="672205" spans="8:8">
      <c r="H672205" s="12"/>
    </row>
    <row r="672206" spans="8:8">
      <c r="H672206" s="12"/>
    </row>
    <row r="672207" spans="8:8">
      <c r="H672207" s="12"/>
    </row>
    <row r="672208" spans="8:8">
      <c r="H672208" s="12"/>
    </row>
    <row r="672209" spans="8:8">
      <c r="H672209" s="12"/>
    </row>
    <row r="672210" spans="8:8">
      <c r="H672210" s="12"/>
    </row>
    <row r="672211" spans="8:8">
      <c r="H672211" s="12"/>
    </row>
    <row r="672212" spans="8:8">
      <c r="H672212" s="12"/>
    </row>
    <row r="672213" spans="8:8">
      <c r="H672213" s="12"/>
    </row>
    <row r="672214" spans="8:8">
      <c r="H672214" s="12"/>
    </row>
    <row r="672215" spans="8:8">
      <c r="H672215" s="12"/>
    </row>
    <row r="672216" spans="8:8">
      <c r="H672216" s="12"/>
    </row>
    <row r="672217" spans="8:8">
      <c r="H672217" s="12"/>
    </row>
    <row r="672218" spans="8:8">
      <c r="H672218" s="12"/>
    </row>
    <row r="672219" spans="8:8">
      <c r="H672219" s="12"/>
    </row>
    <row r="672220" spans="8:8">
      <c r="H672220" s="12"/>
    </row>
    <row r="672221" spans="8:8">
      <c r="H672221" s="12"/>
    </row>
    <row r="672222" spans="8:8">
      <c r="H672222" s="12"/>
    </row>
    <row r="672223" spans="8:8">
      <c r="H672223" s="12"/>
    </row>
    <row r="672224" spans="8:8">
      <c r="H672224" s="12"/>
    </row>
    <row r="672225" spans="8:8">
      <c r="H672225" s="12"/>
    </row>
    <row r="672226" spans="8:8">
      <c r="H672226" s="12"/>
    </row>
    <row r="672227" spans="8:8">
      <c r="H672227" s="12"/>
    </row>
    <row r="672228" spans="8:8">
      <c r="H672228" s="12"/>
    </row>
    <row r="672229" spans="8:8">
      <c r="H672229" s="12"/>
    </row>
    <row r="672230" spans="8:8">
      <c r="H672230" s="12"/>
    </row>
    <row r="672231" spans="8:8">
      <c r="H672231" s="12"/>
    </row>
    <row r="672232" spans="8:8">
      <c r="H672232" s="12"/>
    </row>
    <row r="672233" spans="8:8">
      <c r="H672233" s="12"/>
    </row>
    <row r="672234" spans="8:8">
      <c r="H672234" s="12"/>
    </row>
    <row r="672235" spans="8:8">
      <c r="H672235" s="12"/>
    </row>
    <row r="672236" spans="8:8">
      <c r="H672236" s="12"/>
    </row>
    <row r="672237" spans="8:8">
      <c r="H672237" s="12"/>
    </row>
    <row r="672238" spans="8:8">
      <c r="H672238" s="12"/>
    </row>
    <row r="672239" spans="8:8">
      <c r="H672239" s="12"/>
    </row>
    <row r="672240" spans="8:8">
      <c r="H672240" s="12"/>
    </row>
    <row r="672241" spans="8:8">
      <c r="H672241" s="12"/>
    </row>
    <row r="672242" spans="8:8">
      <c r="H672242" s="12"/>
    </row>
    <row r="672243" spans="8:8">
      <c r="H672243" s="12"/>
    </row>
    <row r="672244" spans="8:8">
      <c r="H672244" s="12"/>
    </row>
    <row r="672245" spans="8:8">
      <c r="H672245" s="12"/>
    </row>
    <row r="672246" spans="8:8">
      <c r="H672246" s="12"/>
    </row>
    <row r="672247" spans="8:8">
      <c r="H672247" s="12"/>
    </row>
    <row r="672248" spans="8:8">
      <c r="H672248" s="12"/>
    </row>
    <row r="672249" spans="8:8">
      <c r="H672249" s="12"/>
    </row>
    <row r="672250" spans="8:8">
      <c r="H672250" s="12"/>
    </row>
    <row r="672251" spans="8:8">
      <c r="H672251" s="12"/>
    </row>
    <row r="672252" spans="8:8">
      <c r="H672252" s="12"/>
    </row>
    <row r="672253" spans="8:8">
      <c r="H672253" s="12"/>
    </row>
    <row r="672254" spans="8:8">
      <c r="H672254" s="12"/>
    </row>
    <row r="672255" spans="8:8">
      <c r="H672255" s="12"/>
    </row>
    <row r="672256" spans="8:8">
      <c r="H672256" s="12"/>
    </row>
    <row r="672257" spans="8:8">
      <c r="H672257" s="12"/>
    </row>
    <row r="672258" spans="8:8">
      <c r="H672258" s="12"/>
    </row>
    <row r="672259" spans="8:8">
      <c r="H672259" s="12"/>
    </row>
    <row r="672260" spans="8:8">
      <c r="H672260" s="12"/>
    </row>
    <row r="672261" spans="8:8">
      <c r="H672261" s="12"/>
    </row>
    <row r="672262" spans="8:8">
      <c r="H672262" s="12"/>
    </row>
    <row r="672263" spans="8:8">
      <c r="H672263" s="12"/>
    </row>
    <row r="672264" spans="8:8">
      <c r="H672264" s="12"/>
    </row>
    <row r="672265" spans="8:8">
      <c r="H672265" s="12"/>
    </row>
    <row r="672266" spans="8:8">
      <c r="H672266" s="12"/>
    </row>
    <row r="672267" spans="8:8">
      <c r="H672267" s="12"/>
    </row>
    <row r="672268" spans="8:8">
      <c r="H672268" s="12"/>
    </row>
    <row r="672269" spans="8:8">
      <c r="H672269" s="12"/>
    </row>
    <row r="672270" spans="8:8">
      <c r="H672270" s="12"/>
    </row>
    <row r="672271" spans="8:8">
      <c r="H672271" s="12"/>
    </row>
    <row r="672272" spans="8:8">
      <c r="H672272" s="12"/>
    </row>
    <row r="672273" spans="8:8">
      <c r="H672273" s="12"/>
    </row>
    <row r="672274" spans="8:8">
      <c r="H672274" s="12"/>
    </row>
    <row r="672275" spans="8:8">
      <c r="H672275" s="12"/>
    </row>
    <row r="672276" spans="8:8">
      <c r="H672276" s="12"/>
    </row>
    <row r="672277" spans="8:8">
      <c r="H672277" s="12"/>
    </row>
    <row r="672278" spans="8:8">
      <c r="H672278" s="12"/>
    </row>
    <row r="672279" spans="8:8">
      <c r="H672279" s="12"/>
    </row>
    <row r="672280" spans="8:8">
      <c r="H672280" s="12"/>
    </row>
    <row r="672281" spans="8:8">
      <c r="H672281" s="12"/>
    </row>
    <row r="672282" spans="8:8">
      <c r="H672282" s="12"/>
    </row>
    <row r="672283" spans="8:8">
      <c r="H672283" s="12"/>
    </row>
    <row r="672284" spans="8:8">
      <c r="H672284" s="12"/>
    </row>
    <row r="672285" spans="8:8">
      <c r="H672285" s="12"/>
    </row>
    <row r="672286" spans="8:8">
      <c r="H672286" s="12"/>
    </row>
    <row r="672287" spans="8:8">
      <c r="H672287" s="12"/>
    </row>
    <row r="672288" spans="8:8">
      <c r="H672288" s="12"/>
    </row>
    <row r="672289" spans="8:8">
      <c r="H672289" s="12"/>
    </row>
    <row r="672290" spans="8:8">
      <c r="H672290" s="12"/>
    </row>
    <row r="672291" spans="8:8">
      <c r="H672291" s="12"/>
    </row>
    <row r="672292" spans="8:8">
      <c r="H672292" s="12"/>
    </row>
    <row r="672293" spans="8:8">
      <c r="H672293" s="12"/>
    </row>
    <row r="672294" spans="8:8">
      <c r="H672294" s="12"/>
    </row>
    <row r="672295" spans="8:8">
      <c r="H672295" s="12"/>
    </row>
    <row r="672296" spans="8:8">
      <c r="H672296" s="12"/>
    </row>
    <row r="672297" spans="8:8">
      <c r="H672297" s="12"/>
    </row>
    <row r="672298" spans="8:8">
      <c r="H672298" s="12"/>
    </row>
    <row r="672299" spans="8:8">
      <c r="H672299" s="12"/>
    </row>
    <row r="672300" spans="8:8">
      <c r="H672300" s="12"/>
    </row>
    <row r="672301" spans="8:8">
      <c r="H672301" s="12"/>
    </row>
    <row r="672302" spans="8:8">
      <c r="H672302" s="12"/>
    </row>
    <row r="672303" spans="8:8">
      <c r="H672303" s="12"/>
    </row>
    <row r="672304" spans="8:8">
      <c r="H672304" s="12"/>
    </row>
    <row r="672305" spans="8:8">
      <c r="H672305" s="12"/>
    </row>
    <row r="672306" spans="8:8">
      <c r="H672306" s="12"/>
    </row>
    <row r="672307" spans="8:8">
      <c r="H672307" s="12"/>
    </row>
    <row r="672308" spans="8:8">
      <c r="H672308" s="12"/>
    </row>
    <row r="672309" spans="8:8">
      <c r="H672309" s="12"/>
    </row>
    <row r="672310" spans="8:8">
      <c r="H672310" s="12"/>
    </row>
    <row r="672311" spans="8:8">
      <c r="H672311" s="12"/>
    </row>
    <row r="672312" spans="8:8">
      <c r="H672312" s="12"/>
    </row>
    <row r="672313" spans="8:8">
      <c r="H672313" s="12"/>
    </row>
    <row r="672314" spans="8:8">
      <c r="H672314" s="12"/>
    </row>
    <row r="672315" spans="8:8">
      <c r="H672315" s="12"/>
    </row>
    <row r="672316" spans="8:8">
      <c r="H672316" s="12"/>
    </row>
    <row r="672317" spans="8:8">
      <c r="H672317" s="12"/>
    </row>
    <row r="672318" spans="8:8">
      <c r="H672318" s="12"/>
    </row>
    <row r="672319" spans="8:8">
      <c r="H672319" s="12"/>
    </row>
    <row r="672320" spans="8:8">
      <c r="H672320" s="12"/>
    </row>
    <row r="672321" spans="8:8">
      <c r="H672321" s="12"/>
    </row>
    <row r="672322" spans="8:8">
      <c r="H672322" s="12"/>
    </row>
    <row r="672323" spans="8:8">
      <c r="H672323" s="12"/>
    </row>
    <row r="672324" spans="8:8">
      <c r="H672324" s="12"/>
    </row>
    <row r="672325" spans="8:8">
      <c r="H672325" s="12"/>
    </row>
    <row r="672326" spans="8:8">
      <c r="H672326" s="12"/>
    </row>
    <row r="672327" spans="8:8">
      <c r="H672327" s="12"/>
    </row>
    <row r="672328" spans="8:8">
      <c r="H672328" s="12"/>
    </row>
    <row r="672329" spans="8:8">
      <c r="H672329" s="12"/>
    </row>
    <row r="672330" spans="8:8">
      <c r="H672330" s="12"/>
    </row>
    <row r="672331" spans="8:8">
      <c r="H672331" s="12"/>
    </row>
    <row r="672332" spans="8:8">
      <c r="H672332" s="12"/>
    </row>
    <row r="672333" spans="8:8">
      <c r="H672333" s="12"/>
    </row>
    <row r="672334" spans="8:8">
      <c r="H672334" s="12"/>
    </row>
    <row r="672335" spans="8:8">
      <c r="H672335" s="12"/>
    </row>
    <row r="672336" spans="8:8">
      <c r="H672336" s="12"/>
    </row>
    <row r="672337" spans="8:8">
      <c r="H672337" s="12"/>
    </row>
    <row r="672338" spans="8:8">
      <c r="H672338" s="12"/>
    </row>
    <row r="672339" spans="8:8">
      <c r="H672339" s="12"/>
    </row>
    <row r="672340" spans="8:8">
      <c r="H672340" s="12"/>
    </row>
    <row r="672341" spans="8:8">
      <c r="H672341" s="12"/>
    </row>
    <row r="672342" spans="8:8">
      <c r="H672342" s="12"/>
    </row>
    <row r="672343" spans="8:8">
      <c r="H672343" s="12"/>
    </row>
    <row r="672344" spans="8:8">
      <c r="H672344" s="12"/>
    </row>
    <row r="672345" spans="8:8">
      <c r="H672345" s="12"/>
    </row>
    <row r="672346" spans="8:8">
      <c r="H672346" s="12"/>
    </row>
    <row r="672347" spans="8:8">
      <c r="H672347" s="12"/>
    </row>
    <row r="672348" spans="8:8">
      <c r="H672348" s="12"/>
    </row>
    <row r="672349" spans="8:8">
      <c r="H672349" s="12"/>
    </row>
    <row r="672350" spans="8:8">
      <c r="H672350" s="12"/>
    </row>
    <row r="672351" spans="8:8">
      <c r="H672351" s="12"/>
    </row>
    <row r="672352" spans="8:8">
      <c r="H672352" s="12"/>
    </row>
    <row r="672353" spans="8:8">
      <c r="H672353" s="12"/>
    </row>
    <row r="672354" spans="8:8">
      <c r="H672354" s="12"/>
    </row>
    <row r="672355" spans="8:8">
      <c r="H672355" s="12"/>
    </row>
    <row r="672356" spans="8:8">
      <c r="H672356" s="12"/>
    </row>
    <row r="672357" spans="8:8">
      <c r="H672357" s="12"/>
    </row>
    <row r="672358" spans="8:8">
      <c r="H672358" s="12"/>
    </row>
    <row r="672359" spans="8:8">
      <c r="H672359" s="12"/>
    </row>
    <row r="672360" spans="8:8">
      <c r="H672360" s="12"/>
    </row>
    <row r="672361" spans="8:8">
      <c r="H672361" s="12"/>
    </row>
    <row r="672362" spans="8:8">
      <c r="H672362" s="12"/>
    </row>
    <row r="672363" spans="8:8">
      <c r="H672363" s="12"/>
    </row>
    <row r="672364" spans="8:8">
      <c r="H672364" s="12"/>
    </row>
    <row r="672365" spans="8:8">
      <c r="H672365" s="12"/>
    </row>
    <row r="672366" spans="8:8">
      <c r="H672366" s="12"/>
    </row>
    <row r="672367" spans="8:8">
      <c r="H672367" s="12"/>
    </row>
    <row r="672368" spans="8:8">
      <c r="H672368" s="12"/>
    </row>
    <row r="672369" spans="8:8">
      <c r="H672369" s="12"/>
    </row>
    <row r="672370" spans="8:8">
      <c r="H672370" s="12"/>
    </row>
    <row r="672371" spans="8:8">
      <c r="H672371" s="12"/>
    </row>
    <row r="672372" spans="8:8">
      <c r="H672372" s="12"/>
    </row>
    <row r="672373" spans="8:8">
      <c r="H672373" s="12"/>
    </row>
    <row r="672374" spans="8:8">
      <c r="H672374" s="12"/>
    </row>
    <row r="672375" spans="8:8">
      <c r="H672375" s="12"/>
    </row>
    <row r="672376" spans="8:8">
      <c r="H672376" s="12"/>
    </row>
    <row r="672377" spans="8:8">
      <c r="H672377" s="12"/>
    </row>
    <row r="672378" spans="8:8">
      <c r="H672378" s="12"/>
    </row>
    <row r="672379" spans="8:8">
      <c r="H672379" s="12"/>
    </row>
    <row r="672380" spans="8:8">
      <c r="H672380" s="12"/>
    </row>
    <row r="672381" spans="8:8">
      <c r="H672381" s="12"/>
    </row>
    <row r="672382" spans="8:8">
      <c r="H672382" s="12"/>
    </row>
    <row r="672383" spans="8:8">
      <c r="H672383" s="12"/>
    </row>
    <row r="672384" spans="8:8">
      <c r="H672384" s="12"/>
    </row>
    <row r="672385" spans="8:8">
      <c r="H672385" s="12"/>
    </row>
    <row r="672386" spans="8:8">
      <c r="H672386" s="12"/>
    </row>
    <row r="672387" spans="8:8">
      <c r="H672387" s="12"/>
    </row>
    <row r="672388" spans="8:8">
      <c r="H672388" s="12"/>
    </row>
    <row r="672389" spans="8:8">
      <c r="H672389" s="12"/>
    </row>
    <row r="672390" spans="8:8">
      <c r="H672390" s="12"/>
    </row>
    <row r="672391" spans="8:8">
      <c r="H672391" s="12"/>
    </row>
    <row r="672392" spans="8:8">
      <c r="H672392" s="12"/>
    </row>
    <row r="672393" spans="8:8">
      <c r="H672393" s="12"/>
    </row>
    <row r="672394" spans="8:8">
      <c r="H672394" s="12"/>
    </row>
    <row r="672395" spans="8:8">
      <c r="H672395" s="12"/>
    </row>
    <row r="672396" spans="8:8">
      <c r="H672396" s="12"/>
    </row>
    <row r="672397" spans="8:8">
      <c r="H672397" s="12"/>
    </row>
    <row r="672398" spans="8:8">
      <c r="H672398" s="12"/>
    </row>
    <row r="672399" spans="8:8">
      <c r="H672399" s="12"/>
    </row>
    <row r="672400" spans="8:8">
      <c r="H672400" s="12"/>
    </row>
    <row r="672401" spans="8:8">
      <c r="H672401" s="12"/>
    </row>
    <row r="672402" spans="8:8">
      <c r="H672402" s="12"/>
    </row>
    <row r="672403" spans="8:8">
      <c r="H672403" s="12"/>
    </row>
    <row r="672404" spans="8:8">
      <c r="H672404" s="12"/>
    </row>
    <row r="672405" spans="8:8">
      <c r="H672405" s="12"/>
    </row>
    <row r="672406" spans="8:8">
      <c r="H672406" s="12"/>
    </row>
    <row r="672407" spans="8:8">
      <c r="H672407" s="12"/>
    </row>
    <row r="672408" spans="8:8">
      <c r="H672408" s="12"/>
    </row>
    <row r="672409" spans="8:8">
      <c r="H672409" s="12"/>
    </row>
    <row r="672410" spans="8:8">
      <c r="H672410" s="12"/>
    </row>
    <row r="672411" spans="8:8">
      <c r="H672411" s="12"/>
    </row>
    <row r="672412" spans="8:8">
      <c r="H672412" s="12"/>
    </row>
    <row r="672413" spans="8:8">
      <c r="H672413" s="12"/>
    </row>
    <row r="672414" spans="8:8">
      <c r="H672414" s="12"/>
    </row>
    <row r="672415" spans="8:8">
      <c r="H672415" s="12"/>
    </row>
    <row r="672416" spans="8:8">
      <c r="H672416" s="12"/>
    </row>
    <row r="672417" spans="8:8">
      <c r="H672417" s="12"/>
    </row>
    <row r="672418" spans="8:8">
      <c r="H672418" s="12"/>
    </row>
    <row r="672419" spans="8:8">
      <c r="H672419" s="12"/>
    </row>
    <row r="672420" spans="8:8">
      <c r="H672420" s="12"/>
    </row>
    <row r="672421" spans="8:8">
      <c r="H672421" s="12"/>
    </row>
    <row r="672422" spans="8:8">
      <c r="H672422" s="12"/>
    </row>
    <row r="672423" spans="8:8">
      <c r="H672423" s="12"/>
    </row>
    <row r="672424" spans="8:8">
      <c r="H672424" s="12"/>
    </row>
    <row r="672425" spans="8:8">
      <c r="H672425" s="12"/>
    </row>
    <row r="672426" spans="8:8">
      <c r="H672426" s="12"/>
    </row>
    <row r="672427" spans="8:8">
      <c r="H672427" s="12"/>
    </row>
    <row r="672428" spans="8:8">
      <c r="H672428" s="12"/>
    </row>
    <row r="672429" spans="8:8">
      <c r="H672429" s="12"/>
    </row>
    <row r="672430" spans="8:8">
      <c r="H672430" s="12"/>
    </row>
    <row r="672431" spans="8:8">
      <c r="H672431" s="12"/>
    </row>
    <row r="672432" spans="8:8">
      <c r="H672432" s="12"/>
    </row>
    <row r="672433" spans="8:8">
      <c r="H672433" s="12"/>
    </row>
    <row r="672434" spans="8:8">
      <c r="H672434" s="12"/>
    </row>
    <row r="672435" spans="8:8">
      <c r="H672435" s="12"/>
    </row>
    <row r="672436" spans="8:8">
      <c r="H672436" s="12"/>
    </row>
    <row r="672437" spans="8:8">
      <c r="H672437" s="12"/>
    </row>
    <row r="672438" spans="8:8">
      <c r="H672438" s="12"/>
    </row>
    <row r="672439" spans="8:8">
      <c r="H672439" s="12"/>
    </row>
    <row r="672440" spans="8:8">
      <c r="H672440" s="12"/>
    </row>
    <row r="672441" spans="8:8">
      <c r="H672441" s="12"/>
    </row>
    <row r="672442" spans="8:8">
      <c r="H672442" s="12"/>
    </row>
    <row r="672443" spans="8:8">
      <c r="H672443" s="12"/>
    </row>
    <row r="672444" spans="8:8">
      <c r="H672444" s="12"/>
    </row>
    <row r="672445" spans="8:8">
      <c r="H672445" s="12"/>
    </row>
    <row r="672446" spans="8:8">
      <c r="H672446" s="12"/>
    </row>
    <row r="672447" spans="8:8">
      <c r="H672447" s="12"/>
    </row>
    <row r="672448" spans="8:8">
      <c r="H672448" s="12"/>
    </row>
    <row r="672449" spans="8:8">
      <c r="H672449" s="12"/>
    </row>
    <row r="672450" spans="8:8">
      <c r="H672450" s="12"/>
    </row>
    <row r="672451" spans="8:8">
      <c r="H672451" s="12"/>
    </row>
    <row r="672452" spans="8:8">
      <c r="H672452" s="12"/>
    </row>
    <row r="672453" spans="8:8">
      <c r="H672453" s="12"/>
    </row>
    <row r="672454" spans="8:8">
      <c r="H672454" s="12"/>
    </row>
    <row r="672455" spans="8:8">
      <c r="H672455" s="12"/>
    </row>
    <row r="672456" spans="8:8">
      <c r="H672456" s="12"/>
    </row>
    <row r="672457" spans="8:8">
      <c r="H672457" s="12"/>
    </row>
    <row r="672458" spans="8:8">
      <c r="H672458" s="12"/>
    </row>
    <row r="672459" spans="8:8">
      <c r="H672459" s="12"/>
    </row>
    <row r="672460" spans="8:8">
      <c r="H672460" s="12"/>
    </row>
    <row r="672461" spans="8:8">
      <c r="H672461" s="12"/>
    </row>
    <row r="672462" spans="8:8">
      <c r="H672462" s="12"/>
    </row>
    <row r="672463" spans="8:8">
      <c r="H672463" s="12"/>
    </row>
    <row r="672464" spans="8:8">
      <c r="H672464" s="12"/>
    </row>
    <row r="672465" spans="8:8">
      <c r="H672465" s="12"/>
    </row>
    <row r="672466" spans="8:8">
      <c r="H672466" s="12"/>
    </row>
    <row r="672467" spans="8:8">
      <c r="H672467" s="12"/>
    </row>
    <row r="672468" spans="8:8">
      <c r="H672468" s="12"/>
    </row>
    <row r="672469" spans="8:8">
      <c r="H672469" s="12"/>
    </row>
    <row r="672470" spans="8:8">
      <c r="H672470" s="12"/>
    </row>
    <row r="672471" spans="8:8">
      <c r="H672471" s="12"/>
    </row>
    <row r="672472" spans="8:8">
      <c r="H672472" s="12"/>
    </row>
    <row r="672473" spans="8:8">
      <c r="H672473" s="12"/>
    </row>
    <row r="672474" spans="8:8">
      <c r="H672474" s="12"/>
    </row>
    <row r="672475" spans="8:8">
      <c r="H672475" s="12"/>
    </row>
    <row r="672476" spans="8:8">
      <c r="H672476" s="12"/>
    </row>
    <row r="672477" spans="8:8">
      <c r="H672477" s="12"/>
    </row>
    <row r="672478" spans="8:8">
      <c r="H672478" s="12"/>
    </row>
    <row r="672479" spans="8:8">
      <c r="H672479" s="12"/>
    </row>
    <row r="672480" spans="8:8">
      <c r="H672480" s="12"/>
    </row>
    <row r="672481" spans="8:8">
      <c r="H672481" s="12"/>
    </row>
    <row r="672482" spans="8:8">
      <c r="H672482" s="12"/>
    </row>
    <row r="672483" spans="8:8">
      <c r="H672483" s="12"/>
    </row>
    <row r="672484" spans="8:8">
      <c r="H672484" s="12"/>
    </row>
    <row r="672485" spans="8:8">
      <c r="H672485" s="12"/>
    </row>
    <row r="672486" spans="8:8">
      <c r="H672486" s="12"/>
    </row>
    <row r="672487" spans="8:8">
      <c r="H672487" s="12"/>
    </row>
    <row r="672488" spans="8:8">
      <c r="H672488" s="12"/>
    </row>
    <row r="672489" spans="8:8">
      <c r="H672489" s="12"/>
    </row>
    <row r="672490" spans="8:8">
      <c r="H672490" s="12"/>
    </row>
    <row r="672491" spans="8:8">
      <c r="H672491" s="12"/>
    </row>
    <row r="672492" spans="8:8">
      <c r="H672492" s="12"/>
    </row>
    <row r="672493" spans="8:8">
      <c r="H672493" s="12"/>
    </row>
    <row r="672494" spans="8:8">
      <c r="H672494" s="12"/>
    </row>
    <row r="672495" spans="8:8">
      <c r="H672495" s="12"/>
    </row>
    <row r="672496" spans="8:8">
      <c r="H672496" s="12"/>
    </row>
    <row r="672497" spans="8:8">
      <c r="H672497" s="12"/>
    </row>
    <row r="672498" spans="8:8">
      <c r="H672498" s="12"/>
    </row>
    <row r="672499" spans="8:8">
      <c r="H672499" s="12"/>
    </row>
    <row r="672500" spans="8:8">
      <c r="H672500" s="12"/>
    </row>
    <row r="672501" spans="8:8">
      <c r="H672501" s="12"/>
    </row>
    <row r="672502" spans="8:8">
      <c r="H672502" s="12"/>
    </row>
    <row r="672503" spans="8:8">
      <c r="H672503" s="12"/>
    </row>
    <row r="672504" spans="8:8">
      <c r="H672504" s="12"/>
    </row>
    <row r="672505" spans="8:8">
      <c r="H672505" s="12"/>
    </row>
    <row r="672506" spans="8:8">
      <c r="H672506" s="12"/>
    </row>
    <row r="672507" spans="8:8">
      <c r="H672507" s="12"/>
    </row>
    <row r="672508" spans="8:8">
      <c r="H672508" s="12"/>
    </row>
    <row r="672509" spans="8:8">
      <c r="H672509" s="12"/>
    </row>
    <row r="672510" spans="8:8">
      <c r="H672510" s="12"/>
    </row>
    <row r="672511" spans="8:8">
      <c r="H672511" s="12"/>
    </row>
    <row r="672512" spans="8:8">
      <c r="H672512" s="12"/>
    </row>
    <row r="672513" spans="8:8">
      <c r="H672513" s="12"/>
    </row>
    <row r="672514" spans="8:8">
      <c r="H672514" s="12"/>
    </row>
    <row r="672515" spans="8:8">
      <c r="H672515" s="12"/>
    </row>
    <row r="672516" spans="8:8">
      <c r="H672516" s="12"/>
    </row>
    <row r="672517" spans="8:8">
      <c r="H672517" s="12"/>
    </row>
    <row r="672518" spans="8:8">
      <c r="H672518" s="12"/>
    </row>
    <row r="672519" spans="8:8">
      <c r="H672519" s="12"/>
    </row>
    <row r="672520" spans="8:8">
      <c r="H672520" s="12"/>
    </row>
    <row r="672521" spans="8:8">
      <c r="H672521" s="12"/>
    </row>
    <row r="672522" spans="8:8">
      <c r="H672522" s="12"/>
    </row>
    <row r="672523" spans="8:8">
      <c r="H672523" s="12"/>
    </row>
    <row r="672524" spans="8:8">
      <c r="H672524" s="12"/>
    </row>
    <row r="672525" spans="8:8">
      <c r="H672525" s="12"/>
    </row>
    <row r="672526" spans="8:8">
      <c r="H672526" s="12"/>
    </row>
    <row r="672527" spans="8:8">
      <c r="H672527" s="12"/>
    </row>
    <row r="672528" spans="8:8">
      <c r="H672528" s="12"/>
    </row>
    <row r="672529" spans="8:8">
      <c r="H672529" s="12"/>
    </row>
    <row r="672530" spans="8:8">
      <c r="H672530" s="12"/>
    </row>
    <row r="672531" spans="8:8">
      <c r="H672531" s="12"/>
    </row>
    <row r="672532" spans="8:8">
      <c r="H672532" s="12"/>
    </row>
    <row r="672533" spans="8:8">
      <c r="H672533" s="12"/>
    </row>
    <row r="672534" spans="8:8">
      <c r="H672534" s="12"/>
    </row>
    <row r="672535" spans="8:8">
      <c r="H672535" s="12"/>
    </row>
    <row r="672536" spans="8:8">
      <c r="H672536" s="12"/>
    </row>
    <row r="672537" spans="8:8">
      <c r="H672537" s="12"/>
    </row>
    <row r="672538" spans="8:8">
      <c r="H672538" s="12"/>
    </row>
    <row r="672539" spans="8:8">
      <c r="H672539" s="12"/>
    </row>
    <row r="672540" spans="8:8">
      <c r="H672540" s="12"/>
    </row>
    <row r="672541" spans="8:8">
      <c r="H672541" s="12"/>
    </row>
    <row r="672542" spans="8:8">
      <c r="H672542" s="12"/>
    </row>
    <row r="672543" spans="8:8">
      <c r="H672543" s="12"/>
    </row>
    <row r="672544" spans="8:8">
      <c r="H672544" s="12"/>
    </row>
    <row r="672545" spans="8:8">
      <c r="H672545" s="12"/>
    </row>
    <row r="672546" spans="8:8">
      <c r="H672546" s="12"/>
    </row>
    <row r="672547" spans="8:8">
      <c r="H672547" s="12"/>
    </row>
    <row r="672548" spans="8:8">
      <c r="H672548" s="12"/>
    </row>
    <row r="672549" spans="8:8">
      <c r="H672549" s="12"/>
    </row>
    <row r="672550" spans="8:8">
      <c r="H672550" s="12"/>
    </row>
    <row r="672551" spans="8:8">
      <c r="H672551" s="12"/>
    </row>
    <row r="672552" spans="8:8">
      <c r="H672552" s="12"/>
    </row>
    <row r="672553" spans="8:8">
      <c r="H672553" s="12"/>
    </row>
    <row r="672554" spans="8:8">
      <c r="H672554" s="12"/>
    </row>
    <row r="672555" spans="8:8">
      <c r="H672555" s="12"/>
    </row>
    <row r="672556" spans="8:8">
      <c r="H672556" s="12"/>
    </row>
    <row r="672557" spans="8:8">
      <c r="H672557" s="12"/>
    </row>
    <row r="672558" spans="8:8">
      <c r="H672558" s="12"/>
    </row>
    <row r="672559" spans="8:8">
      <c r="H672559" s="12"/>
    </row>
    <row r="672560" spans="8:8">
      <c r="H672560" s="12"/>
    </row>
    <row r="672561" spans="8:8">
      <c r="H672561" s="12"/>
    </row>
    <row r="672562" spans="8:8">
      <c r="H672562" s="12"/>
    </row>
    <row r="672563" spans="8:8">
      <c r="H672563" s="12"/>
    </row>
    <row r="672564" spans="8:8">
      <c r="H672564" s="12"/>
    </row>
    <row r="672565" spans="8:8">
      <c r="H672565" s="12"/>
    </row>
    <row r="672566" spans="8:8">
      <c r="H672566" s="12"/>
    </row>
    <row r="672567" spans="8:8">
      <c r="H672567" s="12"/>
    </row>
    <row r="672568" spans="8:8">
      <c r="H672568" s="12"/>
    </row>
    <row r="672569" spans="8:8">
      <c r="H672569" s="12"/>
    </row>
    <row r="672570" spans="8:8">
      <c r="H672570" s="12"/>
    </row>
    <row r="672571" spans="8:8">
      <c r="H672571" s="12"/>
    </row>
    <row r="672572" spans="8:8">
      <c r="H672572" s="12"/>
    </row>
    <row r="672573" spans="8:8">
      <c r="H672573" s="12"/>
    </row>
    <row r="672574" spans="8:8">
      <c r="H672574" s="12"/>
    </row>
    <row r="672575" spans="8:8">
      <c r="H672575" s="12"/>
    </row>
    <row r="672576" spans="8:8">
      <c r="H672576" s="12"/>
    </row>
    <row r="672577" spans="8:8">
      <c r="H672577" s="12"/>
    </row>
    <row r="672578" spans="8:8">
      <c r="H672578" s="12"/>
    </row>
    <row r="672579" spans="8:8">
      <c r="H672579" s="12"/>
    </row>
    <row r="672580" spans="8:8">
      <c r="H672580" s="12"/>
    </row>
    <row r="672581" spans="8:8">
      <c r="H672581" s="12"/>
    </row>
    <row r="672582" spans="8:8">
      <c r="H672582" s="12"/>
    </row>
    <row r="672583" spans="8:8">
      <c r="H672583" s="12"/>
    </row>
    <row r="672584" spans="8:8">
      <c r="H672584" s="12"/>
    </row>
    <row r="672585" spans="8:8">
      <c r="H672585" s="12"/>
    </row>
    <row r="672586" spans="8:8">
      <c r="H672586" s="12"/>
    </row>
    <row r="672587" spans="8:8">
      <c r="H672587" s="12"/>
    </row>
    <row r="672588" spans="8:8">
      <c r="H672588" s="12"/>
    </row>
    <row r="672589" spans="8:8">
      <c r="H672589" s="12"/>
    </row>
    <row r="672590" spans="8:8">
      <c r="H672590" s="12"/>
    </row>
    <row r="672591" spans="8:8">
      <c r="H672591" s="12"/>
    </row>
    <row r="672592" spans="8:8">
      <c r="H672592" s="12"/>
    </row>
    <row r="672593" spans="8:8">
      <c r="H672593" s="12"/>
    </row>
    <row r="672594" spans="8:8">
      <c r="H672594" s="12"/>
    </row>
    <row r="672595" spans="8:8">
      <c r="H672595" s="12"/>
    </row>
    <row r="672596" spans="8:8">
      <c r="H672596" s="12"/>
    </row>
    <row r="672597" spans="8:8">
      <c r="H672597" s="12"/>
    </row>
    <row r="672598" spans="8:8">
      <c r="H672598" s="12"/>
    </row>
    <row r="672599" spans="8:8">
      <c r="H672599" s="12"/>
    </row>
    <row r="672600" spans="8:8">
      <c r="H672600" s="12"/>
    </row>
    <row r="672601" spans="8:8">
      <c r="H672601" s="12"/>
    </row>
    <row r="672602" spans="8:8">
      <c r="H672602" s="12"/>
    </row>
    <row r="672603" spans="8:8">
      <c r="H672603" s="12"/>
    </row>
    <row r="672604" spans="8:8">
      <c r="H672604" s="12"/>
    </row>
    <row r="672605" spans="8:8">
      <c r="H672605" s="12"/>
    </row>
    <row r="672606" spans="8:8">
      <c r="H672606" s="12"/>
    </row>
    <row r="672607" spans="8:8">
      <c r="H672607" s="12"/>
    </row>
    <row r="672608" spans="8:8">
      <c r="H672608" s="12"/>
    </row>
    <row r="672609" spans="8:8">
      <c r="H672609" s="12"/>
    </row>
    <row r="672610" spans="8:8">
      <c r="H672610" s="12"/>
    </row>
    <row r="672611" spans="8:8">
      <c r="H672611" s="12"/>
    </row>
    <row r="672612" spans="8:8">
      <c r="H672612" s="12"/>
    </row>
    <row r="672613" spans="8:8">
      <c r="H672613" s="12"/>
    </row>
    <row r="672614" spans="8:8">
      <c r="H672614" s="12"/>
    </row>
    <row r="672615" spans="8:8">
      <c r="H672615" s="12"/>
    </row>
    <row r="672616" spans="8:8">
      <c r="H672616" s="12"/>
    </row>
    <row r="672617" spans="8:8">
      <c r="H672617" s="12"/>
    </row>
    <row r="672618" spans="8:8">
      <c r="H672618" s="12"/>
    </row>
    <row r="672619" spans="8:8">
      <c r="H672619" s="12"/>
    </row>
    <row r="672620" spans="8:8">
      <c r="H672620" s="12"/>
    </row>
    <row r="672621" spans="8:8">
      <c r="H672621" s="12"/>
    </row>
    <row r="672622" spans="8:8">
      <c r="H672622" s="12"/>
    </row>
    <row r="672623" spans="8:8">
      <c r="H672623" s="12"/>
    </row>
    <row r="672624" spans="8:8">
      <c r="H672624" s="12"/>
    </row>
    <row r="672625" spans="8:8">
      <c r="H672625" s="12"/>
    </row>
    <row r="672626" spans="8:8">
      <c r="H672626" s="12"/>
    </row>
    <row r="672627" spans="8:8">
      <c r="H672627" s="12"/>
    </row>
    <row r="672628" spans="8:8">
      <c r="H672628" s="12"/>
    </row>
    <row r="672629" spans="8:8">
      <c r="H672629" s="12"/>
    </row>
    <row r="672630" spans="8:8">
      <c r="H672630" s="12"/>
    </row>
    <row r="672631" spans="8:8">
      <c r="H672631" s="12"/>
    </row>
    <row r="672632" spans="8:8">
      <c r="H672632" s="12"/>
    </row>
    <row r="672633" spans="8:8">
      <c r="H672633" s="12"/>
    </row>
    <row r="672634" spans="8:8">
      <c r="H672634" s="12"/>
    </row>
    <row r="672635" spans="8:8">
      <c r="H672635" s="12"/>
    </row>
    <row r="672636" spans="8:8">
      <c r="H672636" s="12"/>
    </row>
    <row r="672637" spans="8:8">
      <c r="H672637" s="12"/>
    </row>
    <row r="672638" spans="8:8">
      <c r="H672638" s="12"/>
    </row>
    <row r="672639" spans="8:8">
      <c r="H672639" s="12"/>
    </row>
    <row r="672640" spans="8:8">
      <c r="H672640" s="12"/>
    </row>
    <row r="672641" spans="8:8">
      <c r="H672641" s="12"/>
    </row>
    <row r="672642" spans="8:8">
      <c r="H672642" s="12"/>
    </row>
    <row r="672643" spans="8:8">
      <c r="H672643" s="12"/>
    </row>
    <row r="672644" spans="8:8">
      <c r="H672644" s="12"/>
    </row>
    <row r="672645" spans="8:8">
      <c r="H672645" s="12"/>
    </row>
    <row r="672646" spans="8:8">
      <c r="H672646" s="12"/>
    </row>
    <row r="672647" spans="8:8">
      <c r="H672647" s="12"/>
    </row>
    <row r="672648" spans="8:8">
      <c r="H672648" s="12"/>
    </row>
    <row r="672649" spans="8:8">
      <c r="H672649" s="12"/>
    </row>
    <row r="672650" spans="8:8">
      <c r="H672650" s="12"/>
    </row>
    <row r="672651" spans="8:8">
      <c r="H672651" s="12"/>
    </row>
    <row r="672652" spans="8:8">
      <c r="H672652" s="12"/>
    </row>
    <row r="672653" spans="8:8">
      <c r="H672653" s="12"/>
    </row>
    <row r="672654" spans="8:8">
      <c r="H672654" s="12"/>
    </row>
    <row r="672655" spans="8:8">
      <c r="H672655" s="12"/>
    </row>
    <row r="672656" spans="8:8">
      <c r="H672656" s="12"/>
    </row>
    <row r="672657" spans="8:8">
      <c r="H672657" s="12"/>
    </row>
    <row r="672658" spans="8:8">
      <c r="H672658" s="12"/>
    </row>
    <row r="672659" spans="8:8">
      <c r="H672659" s="12"/>
    </row>
    <row r="672660" spans="8:8">
      <c r="H672660" s="12"/>
    </row>
    <row r="672661" spans="8:8">
      <c r="H672661" s="12"/>
    </row>
    <row r="672662" spans="8:8">
      <c r="H672662" s="12"/>
    </row>
    <row r="672663" spans="8:8">
      <c r="H672663" s="12"/>
    </row>
    <row r="672664" spans="8:8">
      <c r="H672664" s="12"/>
    </row>
    <row r="672665" spans="8:8">
      <c r="H672665" s="12"/>
    </row>
    <row r="672666" spans="8:8">
      <c r="H672666" s="12"/>
    </row>
    <row r="672667" spans="8:8">
      <c r="H672667" s="12"/>
    </row>
    <row r="672668" spans="8:8">
      <c r="H672668" s="12"/>
    </row>
    <row r="672669" spans="8:8">
      <c r="H672669" s="12"/>
    </row>
    <row r="672670" spans="8:8">
      <c r="H672670" s="12"/>
    </row>
    <row r="672671" spans="8:8">
      <c r="H672671" s="12"/>
    </row>
    <row r="672672" spans="8:8">
      <c r="H672672" s="12"/>
    </row>
    <row r="672673" spans="8:8">
      <c r="H672673" s="12"/>
    </row>
    <row r="672674" spans="8:8">
      <c r="H672674" s="12"/>
    </row>
    <row r="672675" spans="8:8">
      <c r="H672675" s="12"/>
    </row>
    <row r="672676" spans="8:8">
      <c r="H672676" s="12"/>
    </row>
    <row r="672677" spans="8:8">
      <c r="H672677" s="12"/>
    </row>
    <row r="672678" spans="8:8">
      <c r="H672678" s="12"/>
    </row>
    <row r="672679" spans="8:8">
      <c r="H672679" s="12"/>
    </row>
    <row r="672680" spans="8:8">
      <c r="H672680" s="12"/>
    </row>
    <row r="672681" spans="8:8">
      <c r="H672681" s="12"/>
    </row>
    <row r="672682" spans="8:8">
      <c r="H672682" s="12"/>
    </row>
    <row r="672683" spans="8:8">
      <c r="H672683" s="12"/>
    </row>
    <row r="672684" spans="8:8">
      <c r="H672684" s="12"/>
    </row>
    <row r="672685" spans="8:8">
      <c r="H672685" s="12"/>
    </row>
    <row r="672686" spans="8:8">
      <c r="H672686" s="12"/>
    </row>
    <row r="672687" spans="8:8">
      <c r="H672687" s="12"/>
    </row>
    <row r="672688" spans="8:8">
      <c r="H672688" s="12"/>
    </row>
    <row r="672689" spans="8:8">
      <c r="H672689" s="12"/>
    </row>
    <row r="672690" spans="8:8">
      <c r="H672690" s="12"/>
    </row>
    <row r="672691" spans="8:8">
      <c r="H672691" s="12"/>
    </row>
    <row r="672692" spans="8:8">
      <c r="H672692" s="12"/>
    </row>
    <row r="672693" spans="8:8">
      <c r="H672693" s="12"/>
    </row>
    <row r="672694" spans="8:8">
      <c r="H672694" s="12"/>
    </row>
    <row r="672695" spans="8:8">
      <c r="H672695" s="12"/>
    </row>
    <row r="672696" spans="8:8">
      <c r="H672696" s="12"/>
    </row>
    <row r="672697" spans="8:8">
      <c r="H672697" s="12"/>
    </row>
    <row r="672698" spans="8:8">
      <c r="H672698" s="12"/>
    </row>
    <row r="672699" spans="8:8">
      <c r="H672699" s="12"/>
    </row>
    <row r="672700" spans="8:8">
      <c r="H672700" s="12"/>
    </row>
    <row r="672701" spans="8:8">
      <c r="H672701" s="12"/>
    </row>
    <row r="672702" spans="8:8">
      <c r="H672702" s="12"/>
    </row>
    <row r="672703" spans="8:8">
      <c r="H672703" s="12"/>
    </row>
    <row r="672704" spans="8:8">
      <c r="H672704" s="12"/>
    </row>
    <row r="672705" spans="8:8">
      <c r="H672705" s="12"/>
    </row>
    <row r="672706" spans="8:8">
      <c r="H672706" s="12"/>
    </row>
    <row r="672707" spans="8:8">
      <c r="H672707" s="12"/>
    </row>
    <row r="672708" spans="8:8">
      <c r="H672708" s="12"/>
    </row>
    <row r="672709" spans="8:8">
      <c r="H672709" s="12"/>
    </row>
    <row r="672710" spans="8:8">
      <c r="H672710" s="12"/>
    </row>
    <row r="672711" spans="8:8">
      <c r="H672711" s="12"/>
    </row>
    <row r="672712" spans="8:8">
      <c r="H672712" s="12"/>
    </row>
    <row r="672713" spans="8:8">
      <c r="H672713" s="12"/>
    </row>
    <row r="672714" spans="8:8">
      <c r="H672714" s="12"/>
    </row>
    <row r="672715" spans="8:8">
      <c r="H672715" s="12"/>
    </row>
    <row r="672716" spans="8:8">
      <c r="H672716" s="12"/>
    </row>
    <row r="672717" spans="8:8">
      <c r="H672717" s="12"/>
    </row>
    <row r="672718" spans="8:8">
      <c r="H672718" s="12"/>
    </row>
    <row r="672719" spans="8:8">
      <c r="H672719" s="12"/>
    </row>
    <row r="672720" spans="8:8">
      <c r="H672720" s="12"/>
    </row>
    <row r="672721" spans="8:8">
      <c r="H672721" s="12"/>
    </row>
    <row r="672722" spans="8:8">
      <c r="H672722" s="12"/>
    </row>
    <row r="672723" spans="8:8">
      <c r="H672723" s="12"/>
    </row>
    <row r="672724" spans="8:8">
      <c r="H672724" s="12"/>
    </row>
    <row r="672725" spans="8:8">
      <c r="H672725" s="12"/>
    </row>
    <row r="672726" spans="8:8">
      <c r="H672726" s="12"/>
    </row>
    <row r="672727" spans="8:8">
      <c r="H672727" s="12"/>
    </row>
    <row r="672728" spans="8:8">
      <c r="H672728" s="12"/>
    </row>
    <row r="672729" spans="8:8">
      <c r="H672729" s="12"/>
    </row>
    <row r="672730" spans="8:8">
      <c r="H672730" s="12"/>
    </row>
    <row r="672731" spans="8:8">
      <c r="H672731" s="12"/>
    </row>
    <row r="672732" spans="8:8">
      <c r="H672732" s="12"/>
    </row>
    <row r="672733" spans="8:8">
      <c r="H672733" s="12"/>
    </row>
    <row r="672734" spans="8:8">
      <c r="H672734" s="12"/>
    </row>
    <row r="672735" spans="8:8">
      <c r="H672735" s="12"/>
    </row>
    <row r="672736" spans="8:8">
      <c r="H672736" s="12"/>
    </row>
    <row r="672737" spans="8:8">
      <c r="H672737" s="12"/>
    </row>
    <row r="672738" spans="8:8">
      <c r="H672738" s="12"/>
    </row>
    <row r="672739" spans="8:8">
      <c r="H672739" s="12"/>
    </row>
    <row r="672740" spans="8:8">
      <c r="H672740" s="12"/>
    </row>
    <row r="672741" spans="8:8">
      <c r="H672741" s="12"/>
    </row>
    <row r="672742" spans="8:8">
      <c r="H672742" s="12"/>
    </row>
    <row r="672743" spans="8:8">
      <c r="H672743" s="12"/>
    </row>
    <row r="672744" spans="8:8">
      <c r="H672744" s="12"/>
    </row>
    <row r="672745" spans="8:8">
      <c r="H672745" s="12"/>
    </row>
    <row r="672746" spans="8:8">
      <c r="H672746" s="12"/>
    </row>
    <row r="672747" spans="8:8">
      <c r="H672747" s="12"/>
    </row>
    <row r="672748" spans="8:8">
      <c r="H672748" s="12"/>
    </row>
    <row r="672749" spans="8:8">
      <c r="H672749" s="12"/>
    </row>
    <row r="672750" spans="8:8">
      <c r="H672750" s="12"/>
    </row>
    <row r="672751" spans="8:8">
      <c r="H672751" s="12"/>
    </row>
    <row r="672752" spans="8:8">
      <c r="H672752" s="12"/>
    </row>
    <row r="672753" spans="8:8">
      <c r="H672753" s="12"/>
    </row>
    <row r="672754" spans="8:8">
      <c r="H672754" s="12"/>
    </row>
    <row r="672755" spans="8:8">
      <c r="H672755" s="12"/>
    </row>
    <row r="672756" spans="8:8">
      <c r="H672756" s="12"/>
    </row>
    <row r="672757" spans="8:8">
      <c r="H672757" s="12"/>
    </row>
    <row r="672758" spans="8:8">
      <c r="H672758" s="12"/>
    </row>
    <row r="672759" spans="8:8">
      <c r="H672759" s="12"/>
    </row>
    <row r="672760" spans="8:8">
      <c r="H672760" s="12"/>
    </row>
    <row r="672761" spans="8:8">
      <c r="H672761" s="12"/>
    </row>
    <row r="672762" spans="8:8">
      <c r="H672762" s="12"/>
    </row>
    <row r="672763" spans="8:8">
      <c r="H672763" s="12"/>
    </row>
    <row r="672764" spans="8:8">
      <c r="H672764" s="12"/>
    </row>
    <row r="672765" spans="8:8">
      <c r="H672765" s="12"/>
    </row>
    <row r="672766" spans="8:8">
      <c r="H672766" s="12"/>
    </row>
    <row r="672767" spans="8:8">
      <c r="H672767" s="12"/>
    </row>
    <row r="672768" spans="8:8">
      <c r="H672768" s="12"/>
    </row>
    <row r="672769" spans="8:8">
      <c r="H672769" s="12"/>
    </row>
    <row r="672770" spans="8:8">
      <c r="H672770" s="12"/>
    </row>
    <row r="672771" spans="8:8">
      <c r="H672771" s="12"/>
    </row>
    <row r="672772" spans="8:8">
      <c r="H672772" s="12"/>
    </row>
    <row r="672773" spans="8:8">
      <c r="H672773" s="12"/>
    </row>
    <row r="672774" spans="8:8">
      <c r="H672774" s="12"/>
    </row>
    <row r="672775" spans="8:8">
      <c r="H672775" s="12"/>
    </row>
    <row r="672776" spans="8:8">
      <c r="H672776" s="12"/>
    </row>
    <row r="672777" spans="8:8">
      <c r="H672777" s="12"/>
    </row>
    <row r="672778" spans="8:8">
      <c r="H672778" s="12"/>
    </row>
    <row r="672779" spans="8:8">
      <c r="H672779" s="12"/>
    </row>
    <row r="672780" spans="8:8">
      <c r="H672780" s="12"/>
    </row>
    <row r="672781" spans="8:8">
      <c r="H672781" s="12"/>
    </row>
    <row r="672782" spans="8:8">
      <c r="H672782" s="12"/>
    </row>
    <row r="672783" spans="8:8">
      <c r="H672783" s="12"/>
    </row>
    <row r="672784" spans="8:8">
      <c r="H672784" s="12"/>
    </row>
    <row r="672785" spans="8:8">
      <c r="H672785" s="12"/>
    </row>
    <row r="672786" spans="8:8">
      <c r="H672786" s="12"/>
    </row>
    <row r="672787" spans="8:8">
      <c r="H672787" s="12"/>
    </row>
    <row r="672788" spans="8:8">
      <c r="H672788" s="12"/>
    </row>
    <row r="672789" spans="8:8">
      <c r="H672789" s="12"/>
    </row>
    <row r="672790" spans="8:8">
      <c r="H672790" s="12"/>
    </row>
    <row r="672791" spans="8:8">
      <c r="H672791" s="12"/>
    </row>
    <row r="672792" spans="8:8">
      <c r="H672792" s="12"/>
    </row>
    <row r="672793" spans="8:8">
      <c r="H672793" s="12"/>
    </row>
    <row r="672794" spans="8:8">
      <c r="H672794" s="12"/>
    </row>
    <row r="672795" spans="8:8">
      <c r="H672795" s="12"/>
    </row>
    <row r="672796" spans="8:8">
      <c r="H672796" s="12"/>
    </row>
    <row r="672797" spans="8:8">
      <c r="H672797" s="12"/>
    </row>
    <row r="672798" spans="8:8">
      <c r="H672798" s="12"/>
    </row>
    <row r="672799" spans="8:8">
      <c r="H672799" s="12"/>
    </row>
    <row r="672800" spans="8:8">
      <c r="H672800" s="12"/>
    </row>
    <row r="672801" spans="8:8">
      <c r="H672801" s="12"/>
    </row>
    <row r="672802" spans="8:8">
      <c r="H672802" s="12"/>
    </row>
    <row r="672803" spans="8:8">
      <c r="H672803" s="12"/>
    </row>
    <row r="672804" spans="8:8">
      <c r="H672804" s="12"/>
    </row>
    <row r="672805" spans="8:8">
      <c r="H672805" s="12"/>
    </row>
    <row r="672806" spans="8:8">
      <c r="H672806" s="12"/>
    </row>
    <row r="672807" spans="8:8">
      <c r="H672807" s="12"/>
    </row>
    <row r="672808" spans="8:8">
      <c r="H672808" s="12"/>
    </row>
    <row r="672809" spans="8:8">
      <c r="H672809" s="12"/>
    </row>
    <row r="672810" spans="8:8">
      <c r="H672810" s="12"/>
    </row>
    <row r="672811" spans="8:8">
      <c r="H672811" s="12"/>
    </row>
    <row r="672812" spans="8:8">
      <c r="H672812" s="12"/>
    </row>
    <row r="672813" spans="8:8">
      <c r="H672813" s="12"/>
    </row>
    <row r="672814" spans="8:8">
      <c r="H672814" s="12"/>
    </row>
    <row r="672815" spans="8:8">
      <c r="H672815" s="12"/>
    </row>
    <row r="672816" spans="8:8">
      <c r="H672816" s="12"/>
    </row>
    <row r="672817" spans="8:8">
      <c r="H672817" s="12"/>
    </row>
    <row r="672818" spans="8:8">
      <c r="H672818" s="12"/>
    </row>
    <row r="672819" spans="8:8">
      <c r="H672819" s="12"/>
    </row>
    <row r="672820" spans="8:8">
      <c r="H672820" s="12"/>
    </row>
    <row r="672821" spans="8:8">
      <c r="H672821" s="12"/>
    </row>
    <row r="672822" spans="8:8">
      <c r="H672822" s="12"/>
    </row>
    <row r="672823" spans="8:8">
      <c r="H672823" s="12"/>
    </row>
    <row r="672824" spans="8:8">
      <c r="H672824" s="12"/>
    </row>
    <row r="672825" spans="8:8">
      <c r="H672825" s="12"/>
    </row>
    <row r="672826" spans="8:8">
      <c r="H672826" s="12"/>
    </row>
    <row r="672827" spans="8:8">
      <c r="H672827" s="12"/>
    </row>
    <row r="672828" spans="8:8">
      <c r="H672828" s="12"/>
    </row>
    <row r="672829" spans="8:8">
      <c r="H672829" s="12"/>
    </row>
    <row r="672830" spans="8:8">
      <c r="H672830" s="12"/>
    </row>
    <row r="672831" spans="8:8">
      <c r="H672831" s="12"/>
    </row>
    <row r="672832" spans="8:8">
      <c r="H672832" s="12"/>
    </row>
    <row r="672833" spans="8:8">
      <c r="H672833" s="12"/>
    </row>
    <row r="672834" spans="8:8">
      <c r="H672834" s="12"/>
    </row>
    <row r="672835" spans="8:8">
      <c r="H672835" s="12"/>
    </row>
    <row r="672836" spans="8:8">
      <c r="H672836" s="12"/>
    </row>
    <row r="672837" spans="8:8">
      <c r="H672837" s="12"/>
    </row>
    <row r="672838" spans="8:8">
      <c r="H672838" s="12"/>
    </row>
    <row r="672839" spans="8:8">
      <c r="H672839" s="12"/>
    </row>
    <row r="672840" spans="8:8">
      <c r="H672840" s="12"/>
    </row>
    <row r="672841" spans="8:8">
      <c r="H672841" s="12"/>
    </row>
    <row r="672842" spans="8:8">
      <c r="H672842" s="12"/>
    </row>
    <row r="672843" spans="8:8">
      <c r="H672843" s="12"/>
    </row>
    <row r="672844" spans="8:8">
      <c r="H672844" s="12"/>
    </row>
    <row r="672845" spans="8:8">
      <c r="H672845" s="12"/>
    </row>
    <row r="672846" spans="8:8">
      <c r="H672846" s="12"/>
    </row>
    <row r="672847" spans="8:8">
      <c r="H672847" s="12"/>
    </row>
    <row r="672848" spans="8:8">
      <c r="H672848" s="12"/>
    </row>
    <row r="672849" spans="8:8">
      <c r="H672849" s="12"/>
    </row>
    <row r="672850" spans="8:8">
      <c r="H672850" s="12"/>
    </row>
    <row r="672851" spans="8:8">
      <c r="H672851" s="12"/>
    </row>
    <row r="672852" spans="8:8">
      <c r="H672852" s="12"/>
    </row>
    <row r="672853" spans="8:8">
      <c r="H672853" s="12"/>
    </row>
    <row r="672854" spans="8:8">
      <c r="H672854" s="12"/>
    </row>
    <row r="672855" spans="8:8">
      <c r="H672855" s="12"/>
    </row>
    <row r="672856" spans="8:8">
      <c r="H672856" s="12"/>
    </row>
    <row r="672857" spans="8:8">
      <c r="H672857" s="12"/>
    </row>
    <row r="672858" spans="8:8">
      <c r="H672858" s="12"/>
    </row>
    <row r="672859" spans="8:8">
      <c r="H672859" s="12"/>
    </row>
    <row r="672860" spans="8:8">
      <c r="H672860" s="12"/>
    </row>
    <row r="672861" spans="8:8">
      <c r="H672861" s="12"/>
    </row>
    <row r="672862" spans="8:8">
      <c r="H672862" s="12"/>
    </row>
    <row r="672863" spans="8:8">
      <c r="H672863" s="12"/>
    </row>
    <row r="672864" spans="8:8">
      <c r="H672864" s="12"/>
    </row>
    <row r="672865" spans="8:8">
      <c r="H672865" s="12"/>
    </row>
    <row r="672866" spans="8:8">
      <c r="H672866" s="12"/>
    </row>
    <row r="672867" spans="8:8">
      <c r="H672867" s="12"/>
    </row>
    <row r="672868" spans="8:8">
      <c r="H672868" s="12"/>
    </row>
    <row r="672869" spans="8:8">
      <c r="H672869" s="12"/>
    </row>
    <row r="672870" spans="8:8">
      <c r="H672870" s="12"/>
    </row>
    <row r="672871" spans="8:8">
      <c r="H672871" s="12"/>
    </row>
    <row r="672872" spans="8:8">
      <c r="H672872" s="12"/>
    </row>
    <row r="672873" spans="8:8">
      <c r="H672873" s="12"/>
    </row>
    <row r="672874" spans="8:8">
      <c r="H672874" s="12"/>
    </row>
    <row r="672875" spans="8:8">
      <c r="H672875" s="12"/>
    </row>
    <row r="672876" spans="8:8">
      <c r="H672876" s="12"/>
    </row>
    <row r="672877" spans="8:8">
      <c r="H672877" s="12"/>
    </row>
    <row r="672878" spans="8:8">
      <c r="H672878" s="12"/>
    </row>
    <row r="672879" spans="8:8">
      <c r="H672879" s="12"/>
    </row>
    <row r="672880" spans="8:8">
      <c r="H672880" s="12"/>
    </row>
    <row r="672881" spans="8:8">
      <c r="H672881" s="12"/>
    </row>
    <row r="672882" spans="8:8">
      <c r="H672882" s="12"/>
    </row>
    <row r="672883" spans="8:8">
      <c r="H672883" s="12"/>
    </row>
    <row r="672884" spans="8:8">
      <c r="H672884" s="12"/>
    </row>
    <row r="672885" spans="8:8">
      <c r="H672885" s="12"/>
    </row>
    <row r="672886" spans="8:8">
      <c r="H672886" s="12"/>
    </row>
    <row r="672887" spans="8:8">
      <c r="H672887" s="12"/>
    </row>
    <row r="672888" spans="8:8">
      <c r="H672888" s="12"/>
    </row>
    <row r="672889" spans="8:8">
      <c r="H672889" s="12"/>
    </row>
    <row r="672890" spans="8:8">
      <c r="H672890" s="12"/>
    </row>
    <row r="672891" spans="8:8">
      <c r="H672891" s="12"/>
    </row>
    <row r="672892" spans="8:8">
      <c r="H672892" s="12"/>
    </row>
    <row r="672893" spans="8:8">
      <c r="H672893" s="12"/>
    </row>
    <row r="672894" spans="8:8">
      <c r="H672894" s="12"/>
    </row>
    <row r="672895" spans="8:8">
      <c r="H672895" s="12"/>
    </row>
    <row r="672896" spans="8:8">
      <c r="H672896" s="12"/>
    </row>
    <row r="672897" spans="8:8">
      <c r="H672897" s="12"/>
    </row>
    <row r="672898" spans="8:8">
      <c r="H672898" s="12"/>
    </row>
    <row r="672899" spans="8:8">
      <c r="H672899" s="12"/>
    </row>
    <row r="672900" spans="8:8">
      <c r="H672900" s="12"/>
    </row>
    <row r="672901" spans="8:8">
      <c r="H672901" s="12"/>
    </row>
    <row r="672902" spans="8:8">
      <c r="H672902" s="12"/>
    </row>
    <row r="672903" spans="8:8">
      <c r="H672903" s="12"/>
    </row>
    <row r="672904" spans="8:8">
      <c r="H672904" s="12"/>
    </row>
    <row r="672905" spans="8:8">
      <c r="H672905" s="12"/>
    </row>
    <row r="672906" spans="8:8">
      <c r="H672906" s="12"/>
    </row>
    <row r="672907" spans="8:8">
      <c r="H672907" s="12"/>
    </row>
    <row r="672908" spans="8:8">
      <c r="H672908" s="12"/>
    </row>
    <row r="672909" spans="8:8">
      <c r="H672909" s="12"/>
    </row>
    <row r="672910" spans="8:8">
      <c r="H672910" s="12"/>
    </row>
    <row r="672911" spans="8:8">
      <c r="H672911" s="12"/>
    </row>
    <row r="672912" spans="8:8">
      <c r="H672912" s="12"/>
    </row>
    <row r="672913" spans="8:8">
      <c r="H672913" s="12"/>
    </row>
    <row r="672914" spans="8:8">
      <c r="H672914" s="12"/>
    </row>
    <row r="672915" spans="8:8">
      <c r="H672915" s="12"/>
    </row>
    <row r="672916" spans="8:8">
      <c r="H672916" s="12"/>
    </row>
    <row r="672917" spans="8:8">
      <c r="H672917" s="12"/>
    </row>
    <row r="672918" spans="8:8">
      <c r="H672918" s="12"/>
    </row>
    <row r="672919" spans="8:8">
      <c r="H672919" s="12"/>
    </row>
    <row r="672920" spans="8:8">
      <c r="H672920" s="12"/>
    </row>
    <row r="672921" spans="8:8">
      <c r="H672921" s="12"/>
    </row>
    <row r="672922" spans="8:8">
      <c r="H672922" s="12"/>
    </row>
    <row r="672923" spans="8:8">
      <c r="H672923" s="12"/>
    </row>
    <row r="672924" spans="8:8">
      <c r="H672924" s="12"/>
    </row>
    <row r="672925" spans="8:8">
      <c r="H672925" s="12"/>
    </row>
    <row r="672926" spans="8:8">
      <c r="H672926" s="12"/>
    </row>
    <row r="672927" spans="8:8">
      <c r="H672927" s="12"/>
    </row>
    <row r="672928" spans="8:8">
      <c r="H672928" s="12"/>
    </row>
    <row r="672929" spans="8:8">
      <c r="H672929" s="12"/>
    </row>
    <row r="672930" spans="8:8">
      <c r="H672930" s="12"/>
    </row>
    <row r="672931" spans="8:8">
      <c r="H672931" s="12"/>
    </row>
    <row r="672932" spans="8:8">
      <c r="H672932" s="12"/>
    </row>
    <row r="672933" spans="8:8">
      <c r="H672933" s="12"/>
    </row>
    <row r="672934" spans="8:8">
      <c r="H672934" s="12"/>
    </row>
    <row r="672935" spans="8:8">
      <c r="H672935" s="12"/>
    </row>
    <row r="672936" spans="8:8">
      <c r="H672936" s="12"/>
    </row>
    <row r="672937" spans="8:8">
      <c r="H672937" s="12"/>
    </row>
    <row r="672938" spans="8:8">
      <c r="H672938" s="12"/>
    </row>
    <row r="672939" spans="8:8">
      <c r="H672939" s="12"/>
    </row>
    <row r="672940" spans="8:8">
      <c r="H672940" s="12"/>
    </row>
    <row r="672941" spans="8:8">
      <c r="H672941" s="12"/>
    </row>
    <row r="672942" spans="8:8">
      <c r="H672942" s="12"/>
    </row>
    <row r="672943" spans="8:8">
      <c r="H672943" s="12"/>
    </row>
    <row r="672944" spans="8:8">
      <c r="H672944" s="12"/>
    </row>
    <row r="672945" spans="8:8">
      <c r="H672945" s="12"/>
    </row>
    <row r="672946" spans="8:8">
      <c r="H672946" s="12"/>
    </row>
    <row r="672947" spans="8:8">
      <c r="H672947" s="12"/>
    </row>
    <row r="672948" spans="8:8">
      <c r="H672948" s="12"/>
    </row>
    <row r="672949" spans="8:8">
      <c r="H672949" s="12"/>
    </row>
    <row r="672950" spans="8:8">
      <c r="H672950" s="12"/>
    </row>
    <row r="672951" spans="8:8">
      <c r="H672951" s="12"/>
    </row>
    <row r="672952" spans="8:8">
      <c r="H672952" s="12"/>
    </row>
    <row r="672953" spans="8:8">
      <c r="H672953" s="12"/>
    </row>
    <row r="672954" spans="8:8">
      <c r="H672954" s="12"/>
    </row>
    <row r="672955" spans="8:8">
      <c r="H672955" s="12"/>
    </row>
    <row r="672956" spans="8:8">
      <c r="H672956" s="12"/>
    </row>
    <row r="672957" spans="8:8">
      <c r="H672957" s="12"/>
    </row>
    <row r="672958" spans="8:8">
      <c r="H672958" s="12"/>
    </row>
    <row r="672959" spans="8:8">
      <c r="H672959" s="12"/>
    </row>
    <row r="672960" spans="8:8">
      <c r="H672960" s="12"/>
    </row>
    <row r="672961" spans="8:8">
      <c r="H672961" s="12"/>
    </row>
    <row r="672962" spans="8:8">
      <c r="H672962" s="12"/>
    </row>
    <row r="672963" spans="8:8">
      <c r="H672963" s="12"/>
    </row>
    <row r="672964" spans="8:8">
      <c r="H672964" s="12"/>
    </row>
    <row r="672965" spans="8:8">
      <c r="H672965" s="12"/>
    </row>
    <row r="672966" spans="8:8">
      <c r="H672966" s="12"/>
    </row>
    <row r="672967" spans="8:8">
      <c r="H672967" s="12"/>
    </row>
    <row r="672968" spans="8:8">
      <c r="H672968" s="12"/>
    </row>
    <row r="672969" spans="8:8">
      <c r="H672969" s="12"/>
    </row>
    <row r="672970" spans="8:8">
      <c r="H672970" s="12"/>
    </row>
    <row r="672971" spans="8:8">
      <c r="H672971" s="12"/>
    </row>
    <row r="672972" spans="8:8">
      <c r="H672972" s="12"/>
    </row>
    <row r="672973" spans="8:8">
      <c r="H672973" s="12"/>
    </row>
    <row r="672974" spans="8:8">
      <c r="H672974" s="12"/>
    </row>
    <row r="672975" spans="8:8">
      <c r="H672975" s="12"/>
    </row>
    <row r="672976" spans="8:8">
      <c r="H672976" s="12"/>
    </row>
    <row r="672977" spans="8:8">
      <c r="H672977" s="12"/>
    </row>
    <row r="672978" spans="8:8">
      <c r="H672978" s="12"/>
    </row>
    <row r="672979" spans="8:8">
      <c r="H672979" s="12"/>
    </row>
    <row r="672980" spans="8:8">
      <c r="H672980" s="12"/>
    </row>
    <row r="672981" spans="8:8">
      <c r="H672981" s="12"/>
    </row>
    <row r="672982" spans="8:8">
      <c r="H672982" s="12"/>
    </row>
    <row r="672983" spans="8:8">
      <c r="H672983" s="12"/>
    </row>
    <row r="672984" spans="8:8">
      <c r="H672984" s="12"/>
    </row>
    <row r="672985" spans="8:8">
      <c r="H672985" s="12"/>
    </row>
    <row r="672986" spans="8:8">
      <c r="H672986" s="12"/>
    </row>
    <row r="672987" spans="8:8">
      <c r="H672987" s="12"/>
    </row>
    <row r="672988" spans="8:8">
      <c r="H672988" s="12"/>
    </row>
    <row r="672989" spans="8:8">
      <c r="H672989" s="12"/>
    </row>
    <row r="672990" spans="8:8">
      <c r="H672990" s="12"/>
    </row>
    <row r="672991" spans="8:8">
      <c r="H672991" s="12"/>
    </row>
    <row r="672992" spans="8:8">
      <c r="H672992" s="12"/>
    </row>
    <row r="672993" spans="8:8">
      <c r="H672993" s="12"/>
    </row>
    <row r="672994" spans="8:8">
      <c r="H672994" s="12"/>
    </row>
    <row r="672995" spans="8:8">
      <c r="H672995" s="12"/>
    </row>
    <row r="672996" spans="8:8">
      <c r="H672996" s="12"/>
    </row>
    <row r="672997" spans="8:8">
      <c r="H672997" s="12"/>
    </row>
    <row r="672998" spans="8:8">
      <c r="H672998" s="12"/>
    </row>
    <row r="672999" spans="8:8">
      <c r="H672999" s="12"/>
    </row>
    <row r="673000" spans="8:8">
      <c r="H673000" s="12"/>
    </row>
    <row r="673001" spans="8:8">
      <c r="H673001" s="12"/>
    </row>
    <row r="673002" spans="8:8">
      <c r="H673002" s="12"/>
    </row>
    <row r="673003" spans="8:8">
      <c r="H673003" s="12"/>
    </row>
    <row r="673004" spans="8:8">
      <c r="H673004" s="12"/>
    </row>
    <row r="673005" spans="8:8">
      <c r="H673005" s="12"/>
    </row>
    <row r="673006" spans="8:8">
      <c r="H673006" s="12"/>
    </row>
    <row r="673007" spans="8:8">
      <c r="H673007" s="12"/>
    </row>
    <row r="673008" spans="8:8">
      <c r="H673008" s="12"/>
    </row>
    <row r="673009" spans="8:8">
      <c r="H673009" s="12"/>
    </row>
    <row r="673010" spans="8:8">
      <c r="H673010" s="12"/>
    </row>
    <row r="673011" spans="8:8">
      <c r="H673011" s="12"/>
    </row>
    <row r="673012" spans="8:8">
      <c r="H673012" s="12"/>
    </row>
    <row r="673013" spans="8:8">
      <c r="H673013" s="12"/>
    </row>
    <row r="673014" spans="8:8">
      <c r="H673014" s="12"/>
    </row>
    <row r="673015" spans="8:8">
      <c r="H673015" s="12"/>
    </row>
    <row r="673016" spans="8:8">
      <c r="H673016" s="12"/>
    </row>
    <row r="673017" spans="8:8">
      <c r="H673017" s="12"/>
    </row>
    <row r="673018" spans="8:8">
      <c r="H673018" s="12"/>
    </row>
    <row r="673019" spans="8:8">
      <c r="H673019" s="12"/>
    </row>
    <row r="673020" spans="8:8">
      <c r="H673020" s="12"/>
    </row>
    <row r="673021" spans="8:8">
      <c r="H673021" s="12"/>
    </row>
    <row r="673022" spans="8:8">
      <c r="H673022" s="12"/>
    </row>
    <row r="673023" spans="8:8">
      <c r="H673023" s="12"/>
    </row>
    <row r="673024" spans="8:8">
      <c r="H673024" s="12"/>
    </row>
    <row r="673025" spans="8:8">
      <c r="H673025" s="12"/>
    </row>
    <row r="673026" spans="8:8">
      <c r="H673026" s="12"/>
    </row>
    <row r="673027" spans="8:8">
      <c r="H673027" s="12"/>
    </row>
    <row r="673028" spans="8:8">
      <c r="H673028" s="12"/>
    </row>
    <row r="673029" spans="8:8">
      <c r="H673029" s="12"/>
    </row>
    <row r="673030" spans="8:8">
      <c r="H673030" s="12"/>
    </row>
    <row r="673031" spans="8:8">
      <c r="H673031" s="12"/>
    </row>
    <row r="673032" spans="8:8">
      <c r="H673032" s="12"/>
    </row>
    <row r="673033" spans="8:8">
      <c r="H673033" s="12"/>
    </row>
    <row r="673034" spans="8:8">
      <c r="H673034" s="12"/>
    </row>
    <row r="673035" spans="8:8">
      <c r="H673035" s="12"/>
    </row>
    <row r="673036" spans="8:8">
      <c r="H673036" s="12"/>
    </row>
    <row r="673037" spans="8:8">
      <c r="H673037" s="12"/>
    </row>
    <row r="673038" spans="8:8">
      <c r="H673038" s="12"/>
    </row>
    <row r="673039" spans="8:8">
      <c r="H673039" s="12"/>
    </row>
    <row r="673040" spans="8:8">
      <c r="H673040" s="12"/>
    </row>
    <row r="673041" spans="8:8">
      <c r="H673041" s="12"/>
    </row>
    <row r="673042" spans="8:8">
      <c r="H673042" s="12"/>
    </row>
    <row r="673043" spans="8:8">
      <c r="H673043" s="12"/>
    </row>
    <row r="673044" spans="8:8">
      <c r="H673044" s="12"/>
    </row>
    <row r="673045" spans="8:8">
      <c r="H673045" s="12"/>
    </row>
    <row r="673046" spans="8:8">
      <c r="H673046" s="12"/>
    </row>
    <row r="673047" spans="8:8">
      <c r="H673047" s="12"/>
    </row>
    <row r="673048" spans="8:8">
      <c r="H673048" s="12"/>
    </row>
    <row r="673049" spans="8:8">
      <c r="H673049" s="12"/>
    </row>
    <row r="673050" spans="8:8">
      <c r="H673050" s="12"/>
    </row>
    <row r="673051" spans="8:8">
      <c r="H673051" s="12"/>
    </row>
    <row r="673052" spans="8:8">
      <c r="H673052" s="12"/>
    </row>
    <row r="673053" spans="8:8">
      <c r="H673053" s="12"/>
    </row>
    <row r="673054" spans="8:8">
      <c r="H673054" s="12"/>
    </row>
    <row r="673055" spans="8:8">
      <c r="H673055" s="12"/>
    </row>
    <row r="673056" spans="8:8">
      <c r="H673056" s="12"/>
    </row>
    <row r="673057" spans="8:8">
      <c r="H673057" s="12"/>
    </row>
    <row r="673058" spans="8:8">
      <c r="H673058" s="12"/>
    </row>
    <row r="673059" spans="8:8">
      <c r="H673059" s="12"/>
    </row>
    <row r="673060" spans="8:8">
      <c r="H673060" s="12"/>
    </row>
    <row r="673061" spans="8:8">
      <c r="H673061" s="12"/>
    </row>
    <row r="673062" spans="8:8">
      <c r="H673062" s="12"/>
    </row>
    <row r="673063" spans="8:8">
      <c r="H673063" s="12"/>
    </row>
    <row r="673064" spans="8:8">
      <c r="H673064" s="12"/>
    </row>
    <row r="673065" spans="8:8">
      <c r="H673065" s="12"/>
    </row>
    <row r="673066" spans="8:8">
      <c r="H673066" s="12"/>
    </row>
    <row r="673067" spans="8:8">
      <c r="H673067" s="12"/>
    </row>
    <row r="673068" spans="8:8">
      <c r="H673068" s="12"/>
    </row>
    <row r="673069" spans="8:8">
      <c r="H673069" s="12"/>
    </row>
    <row r="673070" spans="8:8">
      <c r="H673070" s="12"/>
    </row>
    <row r="673071" spans="8:8">
      <c r="H673071" s="12"/>
    </row>
    <row r="673072" spans="8:8">
      <c r="H673072" s="12"/>
    </row>
    <row r="673073" spans="8:8">
      <c r="H673073" s="12"/>
    </row>
    <row r="673074" spans="8:8">
      <c r="H673074" s="12"/>
    </row>
    <row r="673075" spans="8:8">
      <c r="H673075" s="12"/>
    </row>
    <row r="673076" spans="8:8">
      <c r="H673076" s="12"/>
    </row>
    <row r="673077" spans="8:8">
      <c r="H673077" s="12"/>
    </row>
    <row r="673078" spans="8:8">
      <c r="H673078" s="12"/>
    </row>
    <row r="673079" spans="8:8">
      <c r="H673079" s="12"/>
    </row>
    <row r="673080" spans="8:8">
      <c r="H673080" s="12"/>
    </row>
    <row r="673081" spans="8:8">
      <c r="H673081" s="12"/>
    </row>
    <row r="673082" spans="8:8">
      <c r="H673082" s="12"/>
    </row>
    <row r="673083" spans="8:8">
      <c r="H673083" s="12"/>
    </row>
    <row r="673084" spans="8:8">
      <c r="H673084" s="12"/>
    </row>
    <row r="673085" spans="8:8">
      <c r="H673085" s="12"/>
    </row>
    <row r="673086" spans="8:8">
      <c r="H673086" s="12"/>
    </row>
    <row r="673087" spans="8:8">
      <c r="H673087" s="12"/>
    </row>
    <row r="673088" spans="8:8">
      <c r="H673088" s="12"/>
    </row>
    <row r="673089" spans="8:8">
      <c r="H673089" s="12"/>
    </row>
    <row r="673090" spans="8:8">
      <c r="H673090" s="12"/>
    </row>
    <row r="673091" spans="8:8">
      <c r="H673091" s="12"/>
    </row>
    <row r="673092" spans="8:8">
      <c r="H673092" s="12"/>
    </row>
    <row r="673093" spans="8:8">
      <c r="H673093" s="12"/>
    </row>
    <row r="673094" spans="8:8">
      <c r="H673094" s="12"/>
    </row>
    <row r="673095" spans="8:8">
      <c r="H673095" s="12"/>
    </row>
    <row r="673096" spans="8:8">
      <c r="H673096" s="12"/>
    </row>
    <row r="673097" spans="8:8">
      <c r="H673097" s="12"/>
    </row>
    <row r="673098" spans="8:8">
      <c r="H673098" s="12"/>
    </row>
    <row r="673099" spans="8:8">
      <c r="H673099" s="12"/>
    </row>
    <row r="673100" spans="8:8">
      <c r="H673100" s="12"/>
    </row>
    <row r="673101" spans="8:8">
      <c r="H673101" s="12"/>
    </row>
    <row r="673102" spans="8:8">
      <c r="H673102" s="12"/>
    </row>
    <row r="673103" spans="8:8">
      <c r="H673103" s="12"/>
    </row>
    <row r="673104" spans="8:8">
      <c r="H673104" s="12"/>
    </row>
    <row r="673105" spans="8:8">
      <c r="H673105" s="12"/>
    </row>
    <row r="673106" spans="8:8">
      <c r="H673106" s="12"/>
    </row>
    <row r="673107" spans="8:8">
      <c r="H673107" s="12"/>
    </row>
    <row r="673108" spans="8:8">
      <c r="H673108" s="12"/>
    </row>
    <row r="673109" spans="8:8">
      <c r="H673109" s="12"/>
    </row>
    <row r="673110" spans="8:8">
      <c r="H673110" s="12"/>
    </row>
    <row r="673111" spans="8:8">
      <c r="H673111" s="12"/>
    </row>
    <row r="673112" spans="8:8">
      <c r="H673112" s="12"/>
    </row>
    <row r="673113" spans="8:8">
      <c r="H673113" s="12"/>
    </row>
    <row r="673114" spans="8:8">
      <c r="H673114" s="12"/>
    </row>
    <row r="673115" spans="8:8">
      <c r="H673115" s="12"/>
    </row>
    <row r="673116" spans="8:8">
      <c r="H673116" s="12"/>
    </row>
    <row r="673117" spans="8:8">
      <c r="H673117" s="12"/>
    </row>
    <row r="673118" spans="8:8">
      <c r="H673118" s="12"/>
    </row>
    <row r="673119" spans="8:8">
      <c r="H673119" s="12"/>
    </row>
    <row r="673120" spans="8:8">
      <c r="H673120" s="12"/>
    </row>
    <row r="673121" spans="8:8">
      <c r="H673121" s="12"/>
    </row>
    <row r="673122" spans="8:8">
      <c r="H673122" s="12"/>
    </row>
    <row r="673123" spans="8:8">
      <c r="H673123" s="12"/>
    </row>
    <row r="673124" spans="8:8">
      <c r="H673124" s="12"/>
    </row>
    <row r="673125" spans="8:8">
      <c r="H673125" s="12"/>
    </row>
    <row r="673126" spans="8:8">
      <c r="H673126" s="12"/>
    </row>
    <row r="673127" spans="8:8">
      <c r="H673127" s="12"/>
    </row>
    <row r="673128" spans="8:8">
      <c r="H673128" s="12"/>
    </row>
    <row r="673129" spans="8:8">
      <c r="H673129" s="12"/>
    </row>
    <row r="673130" spans="8:8">
      <c r="H673130" s="12"/>
    </row>
    <row r="673131" spans="8:8">
      <c r="H673131" s="12"/>
    </row>
    <row r="673132" spans="8:8">
      <c r="H673132" s="12"/>
    </row>
    <row r="673133" spans="8:8">
      <c r="H673133" s="12"/>
    </row>
    <row r="673134" spans="8:8">
      <c r="H673134" s="12"/>
    </row>
    <row r="673135" spans="8:8">
      <c r="H673135" s="12"/>
    </row>
    <row r="673136" spans="8:8">
      <c r="H673136" s="12"/>
    </row>
    <row r="673137" spans="8:8">
      <c r="H673137" s="12"/>
    </row>
    <row r="673138" spans="8:8">
      <c r="H673138" s="12"/>
    </row>
    <row r="673139" spans="8:8">
      <c r="H673139" s="12"/>
    </row>
    <row r="673140" spans="8:8">
      <c r="H673140" s="12"/>
    </row>
    <row r="673141" spans="8:8">
      <c r="H673141" s="12"/>
    </row>
    <row r="673142" spans="8:8">
      <c r="H673142" s="12"/>
    </row>
    <row r="673143" spans="8:8">
      <c r="H673143" s="12"/>
    </row>
    <row r="673144" spans="8:8">
      <c r="H673144" s="12"/>
    </row>
    <row r="673145" spans="8:8">
      <c r="H673145" s="12"/>
    </row>
    <row r="673146" spans="8:8">
      <c r="H673146" s="12"/>
    </row>
    <row r="673147" spans="8:8">
      <c r="H673147" s="12"/>
    </row>
    <row r="673148" spans="8:8">
      <c r="H673148" s="12"/>
    </row>
    <row r="673149" spans="8:8">
      <c r="H673149" s="12"/>
    </row>
    <row r="673150" spans="8:8">
      <c r="H673150" s="12"/>
    </row>
    <row r="673151" spans="8:8">
      <c r="H673151" s="12"/>
    </row>
    <row r="673152" spans="8:8">
      <c r="H673152" s="12"/>
    </row>
    <row r="673153" spans="8:8">
      <c r="H673153" s="12"/>
    </row>
    <row r="673154" spans="8:8">
      <c r="H673154" s="12"/>
    </row>
    <row r="673155" spans="8:8">
      <c r="H673155" s="12"/>
    </row>
    <row r="673156" spans="8:8">
      <c r="H673156" s="12"/>
    </row>
    <row r="673157" spans="8:8">
      <c r="H673157" s="12"/>
    </row>
    <row r="673158" spans="8:8">
      <c r="H673158" s="12"/>
    </row>
    <row r="673159" spans="8:8">
      <c r="H673159" s="12"/>
    </row>
    <row r="673160" spans="8:8">
      <c r="H673160" s="12"/>
    </row>
    <row r="673161" spans="8:8">
      <c r="H673161" s="12"/>
    </row>
    <row r="673162" spans="8:8">
      <c r="H673162" s="12"/>
    </row>
    <row r="673163" spans="8:8">
      <c r="H673163" s="12"/>
    </row>
    <row r="673164" spans="8:8">
      <c r="H673164" s="12"/>
    </row>
    <row r="673165" spans="8:8">
      <c r="H673165" s="12"/>
    </row>
    <row r="673166" spans="8:8">
      <c r="H673166" s="12"/>
    </row>
    <row r="673167" spans="8:8">
      <c r="H673167" s="12"/>
    </row>
    <row r="673168" spans="8:8">
      <c r="H673168" s="12"/>
    </row>
    <row r="673169" spans="8:8">
      <c r="H673169" s="12"/>
    </row>
    <row r="673170" spans="8:8">
      <c r="H673170" s="12"/>
    </row>
    <row r="673171" spans="8:8">
      <c r="H673171" s="12"/>
    </row>
    <row r="673172" spans="8:8">
      <c r="H673172" s="12"/>
    </row>
    <row r="673173" spans="8:8">
      <c r="H673173" s="12"/>
    </row>
    <row r="673174" spans="8:8">
      <c r="H673174" s="12"/>
    </row>
    <row r="673175" spans="8:8">
      <c r="H673175" s="12"/>
    </row>
    <row r="673176" spans="8:8">
      <c r="H673176" s="12"/>
    </row>
    <row r="673177" spans="8:8">
      <c r="H673177" s="12"/>
    </row>
    <row r="673178" spans="8:8">
      <c r="H673178" s="12"/>
    </row>
    <row r="673179" spans="8:8">
      <c r="H673179" s="12"/>
    </row>
    <row r="673180" spans="8:8">
      <c r="H673180" s="12"/>
    </row>
    <row r="673181" spans="8:8">
      <c r="H673181" s="12"/>
    </row>
    <row r="673182" spans="8:8">
      <c r="H673182" s="12"/>
    </row>
    <row r="673183" spans="8:8">
      <c r="H673183" s="12"/>
    </row>
    <row r="673184" spans="8:8">
      <c r="H673184" s="12"/>
    </row>
    <row r="673185" spans="8:8">
      <c r="H673185" s="12"/>
    </row>
    <row r="673186" spans="8:8">
      <c r="H673186" s="12"/>
    </row>
    <row r="673187" spans="8:8">
      <c r="H673187" s="12"/>
    </row>
    <row r="673188" spans="8:8">
      <c r="H673188" s="12"/>
    </row>
    <row r="673189" spans="8:8">
      <c r="H673189" s="12"/>
    </row>
    <row r="673190" spans="8:8">
      <c r="H673190" s="12"/>
    </row>
    <row r="673191" spans="8:8">
      <c r="H673191" s="12"/>
    </row>
    <row r="673192" spans="8:8">
      <c r="H673192" s="12"/>
    </row>
    <row r="673193" spans="8:8">
      <c r="H673193" s="12"/>
    </row>
    <row r="673194" spans="8:8">
      <c r="H673194" s="12"/>
    </row>
    <row r="673195" spans="8:8">
      <c r="H673195" s="12"/>
    </row>
    <row r="673196" spans="8:8">
      <c r="H673196" s="12"/>
    </row>
    <row r="673197" spans="8:8">
      <c r="H673197" s="12"/>
    </row>
    <row r="673198" spans="8:8">
      <c r="H673198" s="12"/>
    </row>
    <row r="673199" spans="8:8">
      <c r="H673199" s="12"/>
    </row>
    <row r="673200" spans="8:8">
      <c r="H673200" s="12"/>
    </row>
    <row r="673201" spans="8:8">
      <c r="H673201" s="12"/>
    </row>
    <row r="673202" spans="8:8">
      <c r="H673202" s="12"/>
    </row>
    <row r="673203" spans="8:8">
      <c r="H673203" s="12"/>
    </row>
    <row r="673204" spans="8:8">
      <c r="H673204" s="12"/>
    </row>
    <row r="673205" spans="8:8">
      <c r="H673205" s="12"/>
    </row>
    <row r="673206" spans="8:8">
      <c r="H673206" s="12"/>
    </row>
    <row r="673207" spans="8:8">
      <c r="H673207" s="12"/>
    </row>
    <row r="673208" spans="8:8">
      <c r="H673208" s="12"/>
    </row>
    <row r="673209" spans="8:8">
      <c r="H673209" s="12"/>
    </row>
    <row r="673210" spans="8:8">
      <c r="H673210" s="12"/>
    </row>
    <row r="673211" spans="8:8">
      <c r="H673211" s="12"/>
    </row>
    <row r="673212" spans="8:8">
      <c r="H673212" s="12"/>
    </row>
    <row r="673213" spans="8:8">
      <c r="H673213" s="12"/>
    </row>
    <row r="673214" spans="8:8">
      <c r="H673214" s="12"/>
    </row>
    <row r="673215" spans="8:8">
      <c r="H673215" s="12"/>
    </row>
    <row r="673216" spans="8:8">
      <c r="H673216" s="12"/>
    </row>
    <row r="673217" spans="8:8">
      <c r="H673217" s="12"/>
    </row>
    <row r="673218" spans="8:8">
      <c r="H673218" s="12"/>
    </row>
    <row r="673219" spans="8:8">
      <c r="H673219" s="12"/>
    </row>
    <row r="673220" spans="8:8">
      <c r="H673220" s="12"/>
    </row>
    <row r="673221" spans="8:8">
      <c r="H673221" s="12"/>
    </row>
    <row r="673222" spans="8:8">
      <c r="H673222" s="12"/>
    </row>
    <row r="673223" spans="8:8">
      <c r="H673223" s="12"/>
    </row>
    <row r="673224" spans="8:8">
      <c r="H673224" s="12"/>
    </row>
    <row r="673225" spans="8:8">
      <c r="H673225" s="12"/>
    </row>
    <row r="673226" spans="8:8">
      <c r="H673226" s="12"/>
    </row>
    <row r="673227" spans="8:8">
      <c r="H673227" s="12"/>
    </row>
    <row r="673228" spans="8:8">
      <c r="H673228" s="12"/>
    </row>
    <row r="673229" spans="8:8">
      <c r="H673229" s="12"/>
    </row>
    <row r="673230" spans="8:8">
      <c r="H673230" s="12"/>
    </row>
    <row r="673231" spans="8:8">
      <c r="H673231" s="12"/>
    </row>
    <row r="673232" spans="8:8">
      <c r="H673232" s="12"/>
    </row>
    <row r="673233" spans="8:8">
      <c r="H673233" s="12"/>
    </row>
    <row r="673234" spans="8:8">
      <c r="H673234" s="12"/>
    </row>
    <row r="673235" spans="8:8">
      <c r="H673235" s="12"/>
    </row>
    <row r="673236" spans="8:8">
      <c r="H673236" s="12"/>
    </row>
    <row r="673237" spans="8:8">
      <c r="H673237" s="12"/>
    </row>
    <row r="673238" spans="8:8">
      <c r="H673238" s="12"/>
    </row>
    <row r="673239" spans="8:8">
      <c r="H673239" s="12"/>
    </row>
    <row r="673240" spans="8:8">
      <c r="H673240" s="12"/>
    </row>
    <row r="673241" spans="8:8">
      <c r="H673241" s="12"/>
    </row>
    <row r="673242" spans="8:8">
      <c r="H673242" s="12"/>
    </row>
    <row r="673243" spans="8:8">
      <c r="H673243" s="12"/>
    </row>
    <row r="673244" spans="8:8">
      <c r="H673244" s="12"/>
    </row>
    <row r="673245" spans="8:8">
      <c r="H673245" s="12"/>
    </row>
    <row r="673246" spans="8:8">
      <c r="H673246" s="12"/>
    </row>
    <row r="673247" spans="8:8">
      <c r="H673247" s="12"/>
    </row>
    <row r="673248" spans="8:8">
      <c r="H673248" s="12"/>
    </row>
    <row r="673249" spans="8:8">
      <c r="H673249" s="12"/>
    </row>
    <row r="673250" spans="8:8">
      <c r="H673250" s="12"/>
    </row>
    <row r="673251" spans="8:8">
      <c r="H673251" s="12"/>
    </row>
    <row r="673252" spans="8:8">
      <c r="H673252" s="12"/>
    </row>
    <row r="673253" spans="8:8">
      <c r="H673253" s="12"/>
    </row>
    <row r="673254" spans="8:8">
      <c r="H673254" s="12"/>
    </row>
    <row r="673255" spans="8:8">
      <c r="H673255" s="12"/>
    </row>
    <row r="673256" spans="8:8">
      <c r="H673256" s="12"/>
    </row>
    <row r="673257" spans="8:8">
      <c r="H673257" s="12"/>
    </row>
    <row r="673258" spans="8:8">
      <c r="H673258" s="12"/>
    </row>
    <row r="673259" spans="8:8">
      <c r="H673259" s="12"/>
    </row>
    <row r="673260" spans="8:8">
      <c r="H673260" s="12"/>
    </row>
    <row r="673261" spans="8:8">
      <c r="H673261" s="12"/>
    </row>
    <row r="673262" spans="8:8">
      <c r="H673262" s="12"/>
    </row>
    <row r="673263" spans="8:8">
      <c r="H673263" s="12"/>
    </row>
    <row r="673264" spans="8:8">
      <c r="H673264" s="12"/>
    </row>
    <row r="673265" spans="8:8">
      <c r="H673265" s="12"/>
    </row>
    <row r="673266" spans="8:8">
      <c r="H673266" s="12"/>
    </row>
    <row r="673267" spans="8:8">
      <c r="H673267" s="12"/>
    </row>
    <row r="673268" spans="8:8">
      <c r="H673268" s="12"/>
    </row>
    <row r="673269" spans="8:8">
      <c r="H673269" s="12"/>
    </row>
    <row r="673270" spans="8:8">
      <c r="H673270" s="12"/>
    </row>
    <row r="673271" spans="8:8">
      <c r="H673271" s="12"/>
    </row>
    <row r="673272" spans="8:8">
      <c r="H673272" s="12"/>
    </row>
    <row r="673273" spans="8:8">
      <c r="H673273" s="12"/>
    </row>
    <row r="673274" spans="8:8">
      <c r="H673274" s="12"/>
    </row>
    <row r="673275" spans="8:8">
      <c r="H673275" s="12"/>
    </row>
    <row r="673276" spans="8:8">
      <c r="H673276" s="12"/>
    </row>
    <row r="673277" spans="8:8">
      <c r="H673277" s="12"/>
    </row>
    <row r="673278" spans="8:8">
      <c r="H673278" s="12"/>
    </row>
    <row r="673279" spans="8:8">
      <c r="H673279" s="12"/>
    </row>
    <row r="673280" spans="8:8">
      <c r="H673280" s="12"/>
    </row>
    <row r="673281" spans="8:8">
      <c r="H673281" s="12"/>
    </row>
    <row r="673282" spans="8:8">
      <c r="H673282" s="12"/>
    </row>
    <row r="673283" spans="8:8">
      <c r="H673283" s="12"/>
    </row>
    <row r="673284" spans="8:8">
      <c r="H673284" s="12"/>
    </row>
    <row r="673285" spans="8:8">
      <c r="H673285" s="12"/>
    </row>
    <row r="673286" spans="8:8">
      <c r="H673286" s="12"/>
    </row>
    <row r="673287" spans="8:8">
      <c r="H673287" s="12"/>
    </row>
    <row r="673288" spans="8:8">
      <c r="H673288" s="12"/>
    </row>
    <row r="673289" spans="8:8">
      <c r="H673289" s="12"/>
    </row>
    <row r="673290" spans="8:8">
      <c r="H673290" s="12"/>
    </row>
    <row r="673291" spans="8:8">
      <c r="H673291" s="12"/>
    </row>
    <row r="673292" spans="8:8">
      <c r="H673292" s="12"/>
    </row>
    <row r="673293" spans="8:8">
      <c r="H673293" s="12"/>
    </row>
    <row r="673294" spans="8:8">
      <c r="H673294" s="12"/>
    </row>
    <row r="673295" spans="8:8">
      <c r="H673295" s="12"/>
    </row>
    <row r="673296" spans="8:8">
      <c r="H673296" s="12"/>
    </row>
    <row r="673297" spans="8:8">
      <c r="H673297" s="12"/>
    </row>
    <row r="673298" spans="8:8">
      <c r="H673298" s="12"/>
    </row>
    <row r="673299" spans="8:8">
      <c r="H673299" s="12"/>
    </row>
    <row r="673300" spans="8:8">
      <c r="H673300" s="12"/>
    </row>
    <row r="673301" spans="8:8">
      <c r="H673301" s="12"/>
    </row>
    <row r="673302" spans="8:8">
      <c r="H673302" s="12"/>
    </row>
    <row r="673303" spans="8:8">
      <c r="H673303" s="12"/>
    </row>
    <row r="673304" spans="8:8">
      <c r="H673304" s="12"/>
    </row>
    <row r="673305" spans="8:8">
      <c r="H673305" s="12"/>
    </row>
    <row r="673306" spans="8:8">
      <c r="H673306" s="12"/>
    </row>
    <row r="673307" spans="8:8">
      <c r="H673307" s="12"/>
    </row>
    <row r="673308" spans="8:8">
      <c r="H673308" s="12"/>
    </row>
    <row r="673309" spans="8:8">
      <c r="H673309" s="12"/>
    </row>
    <row r="673310" spans="8:8">
      <c r="H673310" s="12"/>
    </row>
    <row r="673311" spans="8:8">
      <c r="H673311" s="12"/>
    </row>
    <row r="673312" spans="8:8">
      <c r="H673312" s="12"/>
    </row>
    <row r="673313" spans="8:8">
      <c r="H673313" s="12"/>
    </row>
    <row r="673314" spans="8:8">
      <c r="H673314" s="12"/>
    </row>
    <row r="673315" spans="8:8">
      <c r="H673315" s="12"/>
    </row>
    <row r="673316" spans="8:8">
      <c r="H673316" s="12"/>
    </row>
    <row r="673317" spans="8:8">
      <c r="H673317" s="12"/>
    </row>
    <row r="673318" spans="8:8">
      <c r="H673318" s="12"/>
    </row>
    <row r="673319" spans="8:8">
      <c r="H673319" s="12"/>
    </row>
    <row r="673320" spans="8:8">
      <c r="H673320" s="12"/>
    </row>
    <row r="673321" spans="8:8">
      <c r="H673321" s="12"/>
    </row>
    <row r="673322" spans="8:8">
      <c r="H673322" s="12"/>
    </row>
    <row r="673323" spans="8:8">
      <c r="H673323" s="12"/>
    </row>
    <row r="673324" spans="8:8">
      <c r="H673324" s="12"/>
    </row>
    <row r="673325" spans="8:8">
      <c r="H673325" s="12"/>
    </row>
    <row r="673326" spans="8:8">
      <c r="H673326" s="12"/>
    </row>
    <row r="673327" spans="8:8">
      <c r="H673327" s="12"/>
    </row>
    <row r="673328" spans="8:8">
      <c r="H673328" s="12"/>
    </row>
    <row r="673329" spans="8:8">
      <c r="H673329" s="12"/>
    </row>
    <row r="673330" spans="8:8">
      <c r="H673330" s="12"/>
    </row>
    <row r="673331" spans="8:8">
      <c r="H673331" s="12"/>
    </row>
    <row r="673332" spans="8:8">
      <c r="H673332" s="12"/>
    </row>
    <row r="673333" spans="8:8">
      <c r="H673333" s="12"/>
    </row>
    <row r="673334" spans="8:8">
      <c r="H673334" s="12"/>
    </row>
    <row r="673335" spans="8:8">
      <c r="H673335" s="12"/>
    </row>
    <row r="673336" spans="8:8">
      <c r="H673336" s="12"/>
    </row>
    <row r="673337" spans="8:8">
      <c r="H673337" s="12"/>
    </row>
    <row r="673338" spans="8:8">
      <c r="H673338" s="12"/>
    </row>
    <row r="673339" spans="8:8">
      <c r="H673339" s="12"/>
    </row>
    <row r="673340" spans="8:8">
      <c r="H673340" s="12"/>
    </row>
    <row r="673341" spans="8:8">
      <c r="H673341" s="12"/>
    </row>
    <row r="673342" spans="8:8">
      <c r="H673342" s="12"/>
    </row>
    <row r="673343" spans="8:8">
      <c r="H673343" s="12"/>
    </row>
    <row r="673344" spans="8:8">
      <c r="H673344" s="12"/>
    </row>
    <row r="673345" spans="8:8">
      <c r="H673345" s="12"/>
    </row>
    <row r="673346" spans="8:8">
      <c r="H673346" s="12"/>
    </row>
    <row r="673347" spans="8:8">
      <c r="H673347" s="12"/>
    </row>
    <row r="673348" spans="8:8">
      <c r="H673348" s="12"/>
    </row>
    <row r="673349" spans="8:8">
      <c r="H673349" s="12"/>
    </row>
    <row r="673350" spans="8:8">
      <c r="H673350" s="12"/>
    </row>
    <row r="673351" spans="8:8">
      <c r="H673351" s="12"/>
    </row>
    <row r="673352" spans="8:8">
      <c r="H673352" s="12"/>
    </row>
    <row r="673353" spans="8:8">
      <c r="H673353" s="12"/>
    </row>
    <row r="673354" spans="8:8">
      <c r="H673354" s="12"/>
    </row>
    <row r="673355" spans="8:8">
      <c r="H673355" s="12"/>
    </row>
    <row r="673356" spans="8:8">
      <c r="H673356" s="12"/>
    </row>
    <row r="673357" spans="8:8">
      <c r="H673357" s="12"/>
    </row>
    <row r="673358" spans="8:8">
      <c r="H673358" s="12"/>
    </row>
    <row r="673359" spans="8:8">
      <c r="H673359" s="12"/>
    </row>
    <row r="673360" spans="8:8">
      <c r="H673360" s="12"/>
    </row>
    <row r="673361" spans="8:8">
      <c r="H673361" s="12"/>
    </row>
    <row r="673362" spans="8:8">
      <c r="H673362" s="12"/>
    </row>
    <row r="673363" spans="8:8">
      <c r="H673363" s="12"/>
    </row>
    <row r="673364" spans="8:8">
      <c r="H673364" s="12"/>
    </row>
    <row r="673365" spans="8:8">
      <c r="H673365" s="12"/>
    </row>
    <row r="673366" spans="8:8">
      <c r="H673366" s="12"/>
    </row>
    <row r="673367" spans="8:8">
      <c r="H673367" s="12"/>
    </row>
    <row r="673368" spans="8:8">
      <c r="H673368" s="12"/>
    </row>
    <row r="673369" spans="8:8">
      <c r="H673369" s="12"/>
    </row>
    <row r="673370" spans="8:8">
      <c r="H673370" s="12"/>
    </row>
    <row r="673371" spans="8:8">
      <c r="H673371" s="12"/>
    </row>
    <row r="673372" spans="8:8">
      <c r="H673372" s="12"/>
    </row>
    <row r="673373" spans="8:8">
      <c r="H673373" s="12"/>
    </row>
    <row r="673374" spans="8:8">
      <c r="H673374" s="12"/>
    </row>
    <row r="673375" spans="8:8">
      <c r="H673375" s="12"/>
    </row>
    <row r="673376" spans="8:8">
      <c r="H673376" s="12"/>
    </row>
    <row r="673377" spans="8:8">
      <c r="H673377" s="12"/>
    </row>
    <row r="673378" spans="8:8">
      <c r="H673378" s="12"/>
    </row>
    <row r="673379" spans="8:8">
      <c r="H673379" s="12"/>
    </row>
    <row r="673380" spans="8:8">
      <c r="H673380" s="12"/>
    </row>
    <row r="673381" spans="8:8">
      <c r="H673381" s="12"/>
    </row>
    <row r="673382" spans="8:8">
      <c r="H673382" s="12"/>
    </row>
    <row r="673383" spans="8:8">
      <c r="H673383" s="12"/>
    </row>
    <row r="673384" spans="8:8">
      <c r="H673384" s="12"/>
    </row>
    <row r="673385" spans="8:8">
      <c r="H673385" s="12"/>
    </row>
    <row r="673386" spans="8:8">
      <c r="H673386" s="12"/>
    </row>
    <row r="673387" spans="8:8">
      <c r="H673387" s="12"/>
    </row>
    <row r="673388" spans="8:8">
      <c r="H673388" s="12"/>
    </row>
    <row r="673389" spans="8:8">
      <c r="H673389" s="12"/>
    </row>
    <row r="673390" spans="8:8">
      <c r="H673390" s="12"/>
    </row>
    <row r="673391" spans="8:8">
      <c r="H673391" s="12"/>
    </row>
    <row r="673392" spans="8:8">
      <c r="H673392" s="12"/>
    </row>
    <row r="673393" spans="8:8">
      <c r="H673393" s="12"/>
    </row>
    <row r="673394" spans="8:8">
      <c r="H673394" s="12"/>
    </row>
    <row r="673395" spans="8:8">
      <c r="H673395" s="12"/>
    </row>
    <row r="673396" spans="8:8">
      <c r="H673396" s="12"/>
    </row>
    <row r="673397" spans="8:8">
      <c r="H673397" s="12"/>
    </row>
    <row r="673398" spans="8:8">
      <c r="H673398" s="12"/>
    </row>
    <row r="673399" spans="8:8">
      <c r="H673399" s="12"/>
    </row>
    <row r="673400" spans="8:8">
      <c r="H673400" s="12"/>
    </row>
    <row r="673401" spans="8:8">
      <c r="H673401" s="12"/>
    </row>
    <row r="673402" spans="8:8">
      <c r="H673402" s="12"/>
    </row>
    <row r="673403" spans="8:8">
      <c r="H673403" s="12"/>
    </row>
    <row r="673404" spans="8:8">
      <c r="H673404" s="12"/>
    </row>
    <row r="673405" spans="8:8">
      <c r="H673405" s="12"/>
    </row>
    <row r="673406" spans="8:8">
      <c r="H673406" s="12"/>
    </row>
    <row r="673407" spans="8:8">
      <c r="H673407" s="12"/>
    </row>
    <row r="673408" spans="8:8">
      <c r="H673408" s="12"/>
    </row>
    <row r="673409" spans="8:8">
      <c r="H673409" s="12"/>
    </row>
    <row r="673410" spans="8:8">
      <c r="H673410" s="12"/>
    </row>
    <row r="673411" spans="8:8">
      <c r="H673411" s="12"/>
    </row>
    <row r="673412" spans="8:8">
      <c r="H673412" s="12"/>
    </row>
    <row r="673413" spans="8:8">
      <c r="H673413" s="12"/>
    </row>
    <row r="673414" spans="8:8">
      <c r="H673414" s="12"/>
    </row>
    <row r="673415" spans="8:8">
      <c r="H673415" s="12"/>
    </row>
    <row r="673416" spans="8:8">
      <c r="H673416" s="12"/>
    </row>
    <row r="673417" spans="8:8">
      <c r="H673417" s="12"/>
    </row>
    <row r="673418" spans="8:8">
      <c r="H673418" s="12"/>
    </row>
    <row r="673419" spans="8:8">
      <c r="H673419" s="12"/>
    </row>
    <row r="673420" spans="8:8">
      <c r="H673420" s="12"/>
    </row>
    <row r="673421" spans="8:8">
      <c r="H673421" s="12"/>
    </row>
    <row r="673422" spans="8:8">
      <c r="H673422" s="12"/>
    </row>
    <row r="673423" spans="8:8">
      <c r="H673423" s="12"/>
    </row>
    <row r="673424" spans="8:8">
      <c r="H673424" s="12"/>
    </row>
    <row r="673425" spans="8:8">
      <c r="H673425" s="12"/>
    </row>
    <row r="673426" spans="8:8">
      <c r="H673426" s="12"/>
    </row>
    <row r="673427" spans="8:8">
      <c r="H673427" s="12"/>
    </row>
    <row r="673428" spans="8:8">
      <c r="H673428" s="12"/>
    </row>
    <row r="673429" spans="8:8">
      <c r="H673429" s="12"/>
    </row>
    <row r="673430" spans="8:8">
      <c r="H673430" s="12"/>
    </row>
    <row r="673431" spans="8:8">
      <c r="H673431" s="12"/>
    </row>
    <row r="673432" spans="8:8">
      <c r="H673432" s="12"/>
    </row>
    <row r="673433" spans="8:8">
      <c r="H673433" s="12"/>
    </row>
    <row r="673434" spans="8:8">
      <c r="H673434" s="12"/>
    </row>
    <row r="673435" spans="8:8">
      <c r="H673435" s="12"/>
    </row>
    <row r="673436" spans="8:8">
      <c r="H673436" s="12"/>
    </row>
    <row r="673437" spans="8:8">
      <c r="H673437" s="12"/>
    </row>
    <row r="673438" spans="8:8">
      <c r="H673438" s="12"/>
    </row>
    <row r="673439" spans="8:8">
      <c r="H673439" s="12"/>
    </row>
    <row r="673440" spans="8:8">
      <c r="H673440" s="12"/>
    </row>
    <row r="673441" spans="8:8">
      <c r="H673441" s="12"/>
    </row>
    <row r="673442" spans="8:8">
      <c r="H673442" s="12"/>
    </row>
    <row r="673443" spans="8:8">
      <c r="H673443" s="12"/>
    </row>
    <row r="673444" spans="8:8">
      <c r="H673444" s="12"/>
    </row>
    <row r="673445" spans="8:8">
      <c r="H673445" s="12"/>
    </row>
    <row r="673446" spans="8:8">
      <c r="H673446" s="12"/>
    </row>
    <row r="673447" spans="8:8">
      <c r="H673447" s="12"/>
    </row>
    <row r="673448" spans="8:8">
      <c r="H673448" s="12"/>
    </row>
    <row r="673449" spans="8:8">
      <c r="H673449" s="12"/>
    </row>
    <row r="673450" spans="8:8">
      <c r="H673450" s="12"/>
    </row>
    <row r="673451" spans="8:8">
      <c r="H673451" s="12"/>
    </row>
    <row r="673452" spans="8:8">
      <c r="H673452" s="12"/>
    </row>
    <row r="673453" spans="8:8">
      <c r="H673453" s="12"/>
    </row>
    <row r="673454" spans="8:8">
      <c r="H673454" s="12"/>
    </row>
    <row r="673455" spans="8:8">
      <c r="H673455" s="12"/>
    </row>
    <row r="673456" spans="8:8">
      <c r="H673456" s="12"/>
    </row>
    <row r="673457" spans="8:8">
      <c r="H673457" s="12"/>
    </row>
    <row r="673458" spans="8:8">
      <c r="H673458" s="12"/>
    </row>
    <row r="673459" spans="8:8">
      <c r="H673459" s="12"/>
    </row>
    <row r="673460" spans="8:8">
      <c r="H673460" s="12"/>
    </row>
    <row r="673461" spans="8:8">
      <c r="H673461" s="12"/>
    </row>
    <row r="673462" spans="8:8">
      <c r="H673462" s="12"/>
    </row>
    <row r="673463" spans="8:8">
      <c r="H673463" s="12"/>
    </row>
    <row r="673464" spans="8:8">
      <c r="H673464" s="12"/>
    </row>
    <row r="673465" spans="8:8">
      <c r="H673465" s="12"/>
    </row>
    <row r="673466" spans="8:8">
      <c r="H673466" s="12"/>
    </row>
    <row r="673467" spans="8:8">
      <c r="H673467" s="12"/>
    </row>
    <row r="673468" spans="8:8">
      <c r="H673468" s="12"/>
    </row>
    <row r="673469" spans="8:8">
      <c r="H673469" s="12"/>
    </row>
    <row r="673470" spans="8:8">
      <c r="H673470" s="12"/>
    </row>
    <row r="673471" spans="8:8">
      <c r="H673471" s="12"/>
    </row>
    <row r="673472" spans="8:8">
      <c r="H673472" s="12"/>
    </row>
    <row r="673473" spans="8:8">
      <c r="H673473" s="12"/>
    </row>
    <row r="673474" spans="8:8">
      <c r="H673474" s="12"/>
    </row>
    <row r="673475" spans="8:8">
      <c r="H673475" s="12"/>
    </row>
    <row r="673476" spans="8:8">
      <c r="H673476" s="12"/>
    </row>
    <row r="673477" spans="8:8">
      <c r="H673477" s="12"/>
    </row>
    <row r="673478" spans="8:8">
      <c r="H673478" s="12"/>
    </row>
    <row r="673479" spans="8:8">
      <c r="H673479" s="12"/>
    </row>
    <row r="673480" spans="8:8">
      <c r="H673480" s="12"/>
    </row>
    <row r="673481" spans="8:8">
      <c r="H673481" s="12"/>
    </row>
    <row r="673482" spans="8:8">
      <c r="H673482" s="12"/>
    </row>
    <row r="673483" spans="8:8">
      <c r="H673483" s="12"/>
    </row>
    <row r="673484" spans="8:8">
      <c r="H673484" s="12"/>
    </row>
    <row r="673485" spans="8:8">
      <c r="H673485" s="12"/>
    </row>
    <row r="673486" spans="8:8">
      <c r="H673486" s="12"/>
    </row>
    <row r="673487" spans="8:8">
      <c r="H673487" s="12"/>
    </row>
    <row r="673488" spans="8:8">
      <c r="H673488" s="12"/>
    </row>
    <row r="673489" spans="8:8">
      <c r="H673489" s="12"/>
    </row>
    <row r="673490" spans="8:8">
      <c r="H673490" s="12"/>
    </row>
    <row r="673491" spans="8:8">
      <c r="H673491" s="12"/>
    </row>
    <row r="673492" spans="8:8">
      <c r="H673492" s="12"/>
    </row>
    <row r="673493" spans="8:8">
      <c r="H673493" s="12"/>
    </row>
    <row r="673494" spans="8:8">
      <c r="H673494" s="12"/>
    </row>
    <row r="673495" spans="8:8">
      <c r="H673495" s="12"/>
    </row>
    <row r="673496" spans="8:8">
      <c r="H673496" s="12"/>
    </row>
    <row r="673497" spans="8:8">
      <c r="H673497" s="12"/>
    </row>
    <row r="673498" spans="8:8">
      <c r="H673498" s="12"/>
    </row>
    <row r="673499" spans="8:8">
      <c r="H673499" s="12"/>
    </row>
    <row r="673500" spans="8:8">
      <c r="H673500" s="12"/>
    </row>
    <row r="673501" spans="8:8">
      <c r="H673501" s="12"/>
    </row>
    <row r="673502" spans="8:8">
      <c r="H673502" s="12"/>
    </row>
    <row r="673503" spans="8:8">
      <c r="H673503" s="12"/>
    </row>
    <row r="673504" spans="8:8">
      <c r="H673504" s="12"/>
    </row>
    <row r="673505" spans="8:8">
      <c r="H673505" s="12"/>
    </row>
    <row r="673506" spans="8:8">
      <c r="H673506" s="12"/>
    </row>
    <row r="673507" spans="8:8">
      <c r="H673507" s="12"/>
    </row>
    <row r="673508" spans="8:8">
      <c r="H673508" s="12"/>
    </row>
    <row r="673509" spans="8:8">
      <c r="H673509" s="12"/>
    </row>
    <row r="673510" spans="8:8">
      <c r="H673510" s="12"/>
    </row>
    <row r="673511" spans="8:8">
      <c r="H673511" s="12"/>
    </row>
    <row r="673512" spans="8:8">
      <c r="H673512" s="12"/>
    </row>
    <row r="673513" spans="8:8">
      <c r="H673513" s="12"/>
    </row>
    <row r="673514" spans="8:8">
      <c r="H673514" s="12"/>
    </row>
    <row r="673515" spans="8:8">
      <c r="H673515" s="12"/>
    </row>
    <row r="673516" spans="8:8">
      <c r="H673516" s="12"/>
    </row>
    <row r="673517" spans="8:8">
      <c r="H673517" s="12"/>
    </row>
    <row r="673518" spans="8:8">
      <c r="H673518" s="12"/>
    </row>
    <row r="673519" spans="8:8">
      <c r="H673519" s="12"/>
    </row>
    <row r="673520" spans="8:8">
      <c r="H673520" s="12"/>
    </row>
    <row r="673521" spans="8:8">
      <c r="H673521" s="12"/>
    </row>
    <row r="673522" spans="8:8">
      <c r="H673522" s="12"/>
    </row>
    <row r="673523" spans="8:8">
      <c r="H673523" s="12"/>
    </row>
    <row r="673524" spans="8:8">
      <c r="H673524" s="12"/>
    </row>
    <row r="673525" spans="8:8">
      <c r="H673525" s="12"/>
    </row>
    <row r="673526" spans="8:8">
      <c r="H673526" s="12"/>
    </row>
    <row r="673527" spans="8:8">
      <c r="H673527" s="12"/>
    </row>
    <row r="673528" spans="8:8">
      <c r="H673528" s="12"/>
    </row>
    <row r="673529" spans="8:8">
      <c r="H673529" s="12"/>
    </row>
    <row r="673530" spans="8:8">
      <c r="H673530" s="12"/>
    </row>
    <row r="673531" spans="8:8">
      <c r="H673531" s="12"/>
    </row>
    <row r="673532" spans="8:8">
      <c r="H673532" s="12"/>
    </row>
    <row r="673533" spans="8:8">
      <c r="H673533" s="12"/>
    </row>
    <row r="673534" spans="8:8">
      <c r="H673534" s="12"/>
    </row>
    <row r="673535" spans="8:8">
      <c r="H673535" s="12"/>
    </row>
    <row r="673536" spans="8:8">
      <c r="H673536" s="12"/>
    </row>
    <row r="673537" spans="8:8">
      <c r="H673537" s="12"/>
    </row>
    <row r="673538" spans="8:8">
      <c r="H673538" s="12"/>
    </row>
    <row r="673539" spans="8:8">
      <c r="H673539" s="12"/>
    </row>
    <row r="673540" spans="8:8">
      <c r="H673540" s="12"/>
    </row>
    <row r="673541" spans="8:8">
      <c r="H673541" s="12"/>
    </row>
    <row r="673542" spans="8:8">
      <c r="H673542" s="12"/>
    </row>
    <row r="673543" spans="8:8">
      <c r="H673543" s="12"/>
    </row>
    <row r="673544" spans="8:8">
      <c r="H673544" s="12"/>
    </row>
    <row r="673545" spans="8:8">
      <c r="H673545" s="12"/>
    </row>
    <row r="673546" spans="8:8">
      <c r="H673546" s="12"/>
    </row>
    <row r="673547" spans="8:8">
      <c r="H673547" s="12"/>
    </row>
    <row r="673548" spans="8:8">
      <c r="H673548" s="12"/>
    </row>
    <row r="673549" spans="8:8">
      <c r="H673549" s="12"/>
    </row>
    <row r="673550" spans="8:8">
      <c r="H673550" s="12"/>
    </row>
    <row r="673551" spans="8:8">
      <c r="H673551" s="12"/>
    </row>
    <row r="673552" spans="8:8">
      <c r="H673552" s="12"/>
    </row>
    <row r="673553" spans="8:8">
      <c r="H673553" s="12"/>
    </row>
    <row r="673554" spans="8:8">
      <c r="H673554" s="12"/>
    </row>
    <row r="673555" spans="8:8">
      <c r="H673555" s="12"/>
    </row>
    <row r="673556" spans="8:8">
      <c r="H673556" s="12"/>
    </row>
    <row r="673557" spans="8:8">
      <c r="H673557" s="12"/>
    </row>
    <row r="673558" spans="8:8">
      <c r="H673558" s="12"/>
    </row>
    <row r="673559" spans="8:8">
      <c r="H673559" s="12"/>
    </row>
    <row r="673560" spans="8:8">
      <c r="H673560" s="12"/>
    </row>
    <row r="673561" spans="8:8">
      <c r="H673561" s="12"/>
    </row>
    <row r="673562" spans="8:8">
      <c r="H673562" s="12"/>
    </row>
    <row r="673563" spans="8:8">
      <c r="H673563" s="12"/>
    </row>
    <row r="673564" spans="8:8">
      <c r="H673564" s="12"/>
    </row>
    <row r="673565" spans="8:8">
      <c r="H673565" s="12"/>
    </row>
    <row r="673566" spans="8:8">
      <c r="H673566" s="12"/>
    </row>
    <row r="673567" spans="8:8">
      <c r="H673567" s="12"/>
    </row>
    <row r="673568" spans="8:8">
      <c r="H673568" s="12"/>
    </row>
    <row r="673569" spans="8:8">
      <c r="H673569" s="12"/>
    </row>
    <row r="673570" spans="8:8">
      <c r="H673570" s="12"/>
    </row>
    <row r="673571" spans="8:8">
      <c r="H673571" s="12"/>
    </row>
    <row r="673572" spans="8:8">
      <c r="H673572" s="12"/>
    </row>
    <row r="673573" spans="8:8">
      <c r="H673573" s="12"/>
    </row>
    <row r="673574" spans="8:8">
      <c r="H673574" s="12"/>
    </row>
    <row r="673575" spans="8:8">
      <c r="H673575" s="12"/>
    </row>
    <row r="673576" spans="8:8">
      <c r="H673576" s="12"/>
    </row>
    <row r="673577" spans="8:8">
      <c r="H673577" s="12"/>
    </row>
    <row r="673578" spans="8:8">
      <c r="H673578" s="12"/>
    </row>
    <row r="673579" spans="8:8">
      <c r="H673579" s="12"/>
    </row>
    <row r="673580" spans="8:8">
      <c r="H673580" s="12"/>
    </row>
    <row r="673581" spans="8:8">
      <c r="H673581" s="12"/>
    </row>
    <row r="673582" spans="8:8">
      <c r="H673582" s="12"/>
    </row>
    <row r="673583" spans="8:8">
      <c r="H673583" s="12"/>
    </row>
    <row r="673584" spans="8:8">
      <c r="H673584" s="12"/>
    </row>
    <row r="673585" spans="8:8">
      <c r="H673585" s="12"/>
    </row>
    <row r="673586" spans="8:8">
      <c r="H673586" s="12"/>
    </row>
    <row r="673587" spans="8:8">
      <c r="H673587" s="12"/>
    </row>
    <row r="673588" spans="8:8">
      <c r="H673588" s="12"/>
    </row>
    <row r="673589" spans="8:8">
      <c r="H673589" s="12"/>
    </row>
    <row r="673590" spans="8:8">
      <c r="H673590" s="12"/>
    </row>
    <row r="673591" spans="8:8">
      <c r="H673591" s="12"/>
    </row>
    <row r="673592" spans="8:8">
      <c r="H673592" s="12"/>
    </row>
    <row r="673593" spans="8:8">
      <c r="H673593" s="12"/>
    </row>
    <row r="673594" spans="8:8">
      <c r="H673594" s="12"/>
    </row>
    <row r="673595" spans="8:8">
      <c r="H673595" s="12"/>
    </row>
    <row r="673596" spans="8:8">
      <c r="H673596" s="12"/>
    </row>
    <row r="673597" spans="8:8">
      <c r="H673597" s="12"/>
    </row>
    <row r="673598" spans="8:8">
      <c r="H673598" s="12"/>
    </row>
    <row r="673599" spans="8:8">
      <c r="H673599" s="12"/>
    </row>
    <row r="673600" spans="8:8">
      <c r="H673600" s="12"/>
    </row>
    <row r="673601" spans="8:8">
      <c r="H673601" s="12"/>
    </row>
    <row r="673602" spans="8:8">
      <c r="H673602" s="12"/>
    </row>
    <row r="673603" spans="8:8">
      <c r="H673603" s="12"/>
    </row>
    <row r="673604" spans="8:8">
      <c r="H673604" s="12"/>
    </row>
    <row r="673605" spans="8:8">
      <c r="H673605" s="12"/>
    </row>
    <row r="673606" spans="8:8">
      <c r="H673606" s="12"/>
    </row>
    <row r="673607" spans="8:8">
      <c r="H673607" s="12"/>
    </row>
    <row r="673608" spans="8:8">
      <c r="H673608" s="12"/>
    </row>
    <row r="673609" spans="8:8">
      <c r="H673609" s="12"/>
    </row>
    <row r="673610" spans="8:8">
      <c r="H673610" s="12"/>
    </row>
    <row r="673611" spans="8:8">
      <c r="H673611" s="12"/>
    </row>
    <row r="673612" spans="8:8">
      <c r="H673612" s="12"/>
    </row>
    <row r="673613" spans="8:8">
      <c r="H673613" s="12"/>
    </row>
    <row r="673614" spans="8:8">
      <c r="H673614" s="12"/>
    </row>
    <row r="673615" spans="8:8">
      <c r="H673615" s="12"/>
    </row>
    <row r="673616" spans="8:8">
      <c r="H673616" s="12"/>
    </row>
    <row r="673617" spans="8:8">
      <c r="H673617" s="12"/>
    </row>
    <row r="673618" spans="8:8">
      <c r="H673618" s="12"/>
    </row>
    <row r="673619" spans="8:8">
      <c r="H673619" s="12"/>
    </row>
    <row r="673620" spans="8:8">
      <c r="H673620" s="12"/>
    </row>
    <row r="673621" spans="8:8">
      <c r="H673621" s="12"/>
    </row>
    <row r="673622" spans="8:8">
      <c r="H673622" s="12"/>
    </row>
    <row r="673623" spans="8:8">
      <c r="H673623" s="12"/>
    </row>
    <row r="673624" spans="8:8">
      <c r="H673624" s="12"/>
    </row>
    <row r="673625" spans="8:8">
      <c r="H673625" s="12"/>
    </row>
    <row r="673626" spans="8:8">
      <c r="H673626" s="12"/>
    </row>
    <row r="673627" spans="8:8">
      <c r="H673627" s="12"/>
    </row>
    <row r="673628" spans="8:8">
      <c r="H673628" s="12"/>
    </row>
    <row r="673629" spans="8:8">
      <c r="H673629" s="12"/>
    </row>
    <row r="673630" spans="8:8">
      <c r="H673630" s="12"/>
    </row>
    <row r="673631" spans="8:8">
      <c r="H673631" s="12"/>
    </row>
    <row r="673632" spans="8:8">
      <c r="H673632" s="12"/>
    </row>
    <row r="673633" spans="8:8">
      <c r="H673633" s="12"/>
    </row>
    <row r="673634" spans="8:8">
      <c r="H673634" s="12"/>
    </row>
    <row r="673635" spans="8:8">
      <c r="H673635" s="12"/>
    </row>
    <row r="673636" spans="8:8">
      <c r="H673636" s="12"/>
    </row>
    <row r="673637" spans="8:8">
      <c r="H673637" s="12"/>
    </row>
    <row r="673638" spans="8:8">
      <c r="H673638" s="12"/>
    </row>
    <row r="673639" spans="8:8">
      <c r="H673639" s="12"/>
    </row>
    <row r="673640" spans="8:8">
      <c r="H673640" s="12"/>
    </row>
    <row r="673641" spans="8:8">
      <c r="H673641" s="12"/>
    </row>
    <row r="673642" spans="8:8">
      <c r="H673642" s="12"/>
    </row>
    <row r="673643" spans="8:8">
      <c r="H673643" s="12"/>
    </row>
    <row r="673644" spans="8:8">
      <c r="H673644" s="12"/>
    </row>
    <row r="673645" spans="8:8">
      <c r="H673645" s="12"/>
    </row>
    <row r="673646" spans="8:8">
      <c r="H673646" s="12"/>
    </row>
    <row r="673647" spans="8:8">
      <c r="H673647" s="12"/>
    </row>
    <row r="673648" spans="8:8">
      <c r="H673648" s="12"/>
    </row>
    <row r="673649" spans="8:8">
      <c r="H673649" s="12"/>
    </row>
    <row r="673650" spans="8:8">
      <c r="H673650" s="12"/>
    </row>
    <row r="673651" spans="8:8">
      <c r="H673651" s="12"/>
    </row>
    <row r="673652" spans="8:8">
      <c r="H673652" s="12"/>
    </row>
    <row r="673653" spans="8:8">
      <c r="H673653" s="12"/>
    </row>
    <row r="673654" spans="8:8">
      <c r="H673654" s="12"/>
    </row>
    <row r="673655" spans="8:8">
      <c r="H673655" s="12"/>
    </row>
    <row r="673656" spans="8:8">
      <c r="H673656" s="12"/>
    </row>
    <row r="673657" spans="8:8">
      <c r="H673657" s="12"/>
    </row>
    <row r="673658" spans="8:8">
      <c r="H673658" s="12"/>
    </row>
    <row r="673659" spans="8:8">
      <c r="H673659" s="12"/>
    </row>
    <row r="673660" spans="8:8">
      <c r="H673660" s="12"/>
    </row>
    <row r="673661" spans="8:8">
      <c r="H673661" s="12"/>
    </row>
    <row r="673662" spans="8:8">
      <c r="H673662" s="12"/>
    </row>
    <row r="673663" spans="8:8">
      <c r="H673663" s="12"/>
    </row>
    <row r="673664" spans="8:8">
      <c r="H673664" s="12"/>
    </row>
    <row r="673665" spans="8:8">
      <c r="H673665" s="12"/>
    </row>
    <row r="673666" spans="8:8">
      <c r="H673666" s="12"/>
    </row>
    <row r="673667" spans="8:8">
      <c r="H673667" s="12"/>
    </row>
    <row r="673668" spans="8:8">
      <c r="H673668" s="12"/>
    </row>
    <row r="673669" spans="8:8">
      <c r="H673669" s="12"/>
    </row>
    <row r="673670" spans="8:8">
      <c r="H673670" s="12"/>
    </row>
    <row r="673671" spans="8:8">
      <c r="H673671" s="12"/>
    </row>
    <row r="673672" spans="8:8">
      <c r="H673672" s="12"/>
    </row>
    <row r="673673" spans="8:8">
      <c r="H673673" s="12"/>
    </row>
    <row r="673674" spans="8:8">
      <c r="H673674" s="12"/>
    </row>
    <row r="673675" spans="8:8">
      <c r="H673675" s="12"/>
    </row>
    <row r="673676" spans="8:8">
      <c r="H673676" s="12"/>
    </row>
    <row r="673677" spans="8:8">
      <c r="H673677" s="12"/>
    </row>
    <row r="673678" spans="8:8">
      <c r="H673678" s="12"/>
    </row>
    <row r="673679" spans="8:8">
      <c r="H673679" s="12"/>
    </row>
    <row r="673680" spans="8:8">
      <c r="H673680" s="12"/>
    </row>
    <row r="673681" spans="8:8">
      <c r="H673681" s="12"/>
    </row>
    <row r="673682" spans="8:8">
      <c r="H673682" s="12"/>
    </row>
    <row r="673683" spans="8:8">
      <c r="H673683" s="12"/>
    </row>
    <row r="673684" spans="8:8">
      <c r="H673684" s="12"/>
    </row>
    <row r="673685" spans="8:8">
      <c r="H673685" s="12"/>
    </row>
    <row r="673686" spans="8:8">
      <c r="H673686" s="12"/>
    </row>
    <row r="673687" spans="8:8">
      <c r="H673687" s="12"/>
    </row>
    <row r="673688" spans="8:8">
      <c r="H673688" s="12"/>
    </row>
    <row r="673689" spans="8:8">
      <c r="H673689" s="12"/>
    </row>
    <row r="673690" spans="8:8">
      <c r="H673690" s="12"/>
    </row>
    <row r="673691" spans="8:8">
      <c r="H673691" s="12"/>
    </row>
    <row r="673692" spans="8:8">
      <c r="H673692" s="12"/>
    </row>
    <row r="673693" spans="8:8">
      <c r="H673693" s="12"/>
    </row>
    <row r="673694" spans="8:8">
      <c r="H673694" s="12"/>
    </row>
    <row r="673695" spans="8:8">
      <c r="H673695" s="12"/>
    </row>
    <row r="673696" spans="8:8">
      <c r="H673696" s="12"/>
    </row>
    <row r="673697" spans="8:8">
      <c r="H673697" s="12"/>
    </row>
    <row r="673698" spans="8:8">
      <c r="H673698" s="12"/>
    </row>
    <row r="673699" spans="8:8">
      <c r="H673699" s="12"/>
    </row>
    <row r="673700" spans="8:8">
      <c r="H673700" s="12"/>
    </row>
    <row r="673701" spans="8:8">
      <c r="H673701" s="12"/>
    </row>
    <row r="673702" spans="8:8">
      <c r="H673702" s="12"/>
    </row>
    <row r="673703" spans="8:8">
      <c r="H673703" s="12"/>
    </row>
    <row r="673704" spans="8:8">
      <c r="H673704" s="12"/>
    </row>
    <row r="673705" spans="8:8">
      <c r="H673705" s="12"/>
    </row>
    <row r="673706" spans="8:8">
      <c r="H673706" s="12"/>
    </row>
    <row r="673707" spans="8:8">
      <c r="H673707" s="12"/>
    </row>
    <row r="673708" spans="8:8">
      <c r="H673708" s="12"/>
    </row>
    <row r="673709" spans="8:8">
      <c r="H673709" s="12"/>
    </row>
    <row r="673710" spans="8:8">
      <c r="H673710" s="12"/>
    </row>
    <row r="673711" spans="8:8">
      <c r="H673711" s="12"/>
    </row>
    <row r="673712" spans="8:8">
      <c r="H673712" s="12"/>
    </row>
    <row r="673713" spans="8:8">
      <c r="H673713" s="12"/>
    </row>
    <row r="673714" spans="8:8">
      <c r="H673714" s="12"/>
    </row>
    <row r="673715" spans="8:8">
      <c r="H673715" s="12"/>
    </row>
    <row r="673716" spans="8:8">
      <c r="H673716" s="12"/>
    </row>
    <row r="673717" spans="8:8">
      <c r="H673717" s="12"/>
    </row>
    <row r="673718" spans="8:8">
      <c r="H673718" s="12"/>
    </row>
    <row r="673719" spans="8:8">
      <c r="H673719" s="12"/>
    </row>
    <row r="673720" spans="8:8">
      <c r="H673720" s="12"/>
    </row>
    <row r="673721" spans="8:8">
      <c r="H673721" s="12"/>
    </row>
    <row r="673722" spans="8:8">
      <c r="H673722" s="12"/>
    </row>
    <row r="673723" spans="8:8">
      <c r="H673723" s="12"/>
    </row>
    <row r="673724" spans="8:8">
      <c r="H673724" s="12"/>
    </row>
    <row r="673725" spans="8:8">
      <c r="H673725" s="12"/>
    </row>
    <row r="673726" spans="8:8">
      <c r="H673726" s="12"/>
    </row>
    <row r="673727" spans="8:8">
      <c r="H673727" s="12"/>
    </row>
    <row r="673728" spans="8:8">
      <c r="H673728" s="12"/>
    </row>
    <row r="673729" spans="8:8">
      <c r="H673729" s="12"/>
    </row>
    <row r="673730" spans="8:8">
      <c r="H673730" s="12"/>
    </row>
    <row r="673731" spans="8:8">
      <c r="H673731" s="12"/>
    </row>
    <row r="673732" spans="8:8">
      <c r="H673732" s="12"/>
    </row>
    <row r="673733" spans="8:8">
      <c r="H673733" s="12"/>
    </row>
    <row r="673734" spans="8:8">
      <c r="H673734" s="12"/>
    </row>
    <row r="673735" spans="8:8">
      <c r="H673735" s="12"/>
    </row>
    <row r="673736" spans="8:8">
      <c r="H673736" s="12"/>
    </row>
    <row r="673737" spans="8:8">
      <c r="H673737" s="12"/>
    </row>
    <row r="673738" spans="8:8">
      <c r="H673738" s="12"/>
    </row>
    <row r="673739" spans="8:8">
      <c r="H673739" s="12"/>
    </row>
    <row r="673740" spans="8:8">
      <c r="H673740" s="12"/>
    </row>
    <row r="673741" spans="8:8">
      <c r="H673741" s="12"/>
    </row>
    <row r="673742" spans="8:8">
      <c r="H673742" s="12"/>
    </row>
    <row r="673743" spans="8:8">
      <c r="H673743" s="12"/>
    </row>
    <row r="673744" spans="8:8">
      <c r="H673744" s="12"/>
    </row>
    <row r="673745" spans="8:8">
      <c r="H673745" s="12"/>
    </row>
    <row r="673746" spans="8:8">
      <c r="H673746" s="12"/>
    </row>
    <row r="673747" spans="8:8">
      <c r="H673747" s="12"/>
    </row>
    <row r="673748" spans="8:8">
      <c r="H673748" s="12"/>
    </row>
    <row r="673749" spans="8:8">
      <c r="H673749" s="12"/>
    </row>
    <row r="673750" spans="8:8">
      <c r="H673750" s="12"/>
    </row>
    <row r="673751" spans="8:8">
      <c r="H673751" s="12"/>
    </row>
    <row r="673752" spans="8:8">
      <c r="H673752" s="12"/>
    </row>
    <row r="673753" spans="8:8">
      <c r="H673753" s="12"/>
    </row>
    <row r="673754" spans="8:8">
      <c r="H673754" s="12"/>
    </row>
    <row r="673755" spans="8:8">
      <c r="H673755" s="12"/>
    </row>
    <row r="673756" spans="8:8">
      <c r="H673756" s="12"/>
    </row>
    <row r="673757" spans="8:8">
      <c r="H673757" s="12"/>
    </row>
    <row r="673758" spans="8:8">
      <c r="H673758" s="12"/>
    </row>
    <row r="673759" spans="8:8">
      <c r="H673759" s="12"/>
    </row>
    <row r="673760" spans="8:8">
      <c r="H673760" s="12"/>
    </row>
    <row r="673761" spans="8:8">
      <c r="H673761" s="12"/>
    </row>
    <row r="673762" spans="8:8">
      <c r="H673762" s="12"/>
    </row>
    <row r="673763" spans="8:8">
      <c r="H673763" s="12"/>
    </row>
    <row r="673764" spans="8:8">
      <c r="H673764" s="12"/>
    </row>
    <row r="673765" spans="8:8">
      <c r="H673765" s="12"/>
    </row>
    <row r="673766" spans="8:8">
      <c r="H673766" s="12"/>
    </row>
    <row r="673767" spans="8:8">
      <c r="H673767" s="12"/>
    </row>
    <row r="673768" spans="8:8">
      <c r="H673768" s="12"/>
    </row>
    <row r="673769" spans="8:8">
      <c r="H673769" s="12"/>
    </row>
    <row r="673770" spans="8:8">
      <c r="H673770" s="12"/>
    </row>
    <row r="673771" spans="8:8">
      <c r="H673771" s="12"/>
    </row>
    <row r="673772" spans="8:8">
      <c r="H673772" s="12"/>
    </row>
    <row r="673773" spans="8:8">
      <c r="H673773" s="12"/>
    </row>
    <row r="673774" spans="8:8">
      <c r="H673774" s="12"/>
    </row>
    <row r="673775" spans="8:8">
      <c r="H673775" s="12"/>
    </row>
    <row r="673776" spans="8:8">
      <c r="H673776" s="12"/>
    </row>
    <row r="673777" spans="8:8">
      <c r="H673777" s="12"/>
    </row>
    <row r="673778" spans="8:8">
      <c r="H673778" s="12"/>
    </row>
    <row r="673779" spans="8:8">
      <c r="H673779" s="12"/>
    </row>
    <row r="673780" spans="8:8">
      <c r="H673780" s="12"/>
    </row>
    <row r="673781" spans="8:8">
      <c r="H673781" s="12"/>
    </row>
    <row r="673782" spans="8:8">
      <c r="H673782" s="12"/>
    </row>
    <row r="673783" spans="8:8">
      <c r="H673783" s="12"/>
    </row>
    <row r="673784" spans="8:8">
      <c r="H673784" s="12"/>
    </row>
    <row r="673785" spans="8:8">
      <c r="H673785" s="12"/>
    </row>
    <row r="673786" spans="8:8">
      <c r="H673786" s="12"/>
    </row>
    <row r="673787" spans="8:8">
      <c r="H673787" s="12"/>
    </row>
    <row r="673788" spans="8:8">
      <c r="H673788" s="12"/>
    </row>
    <row r="673789" spans="8:8">
      <c r="H673789" s="12"/>
    </row>
    <row r="673790" spans="8:8">
      <c r="H673790" s="12"/>
    </row>
    <row r="673791" spans="8:8">
      <c r="H673791" s="12"/>
    </row>
    <row r="673792" spans="8:8">
      <c r="H673792" s="12"/>
    </row>
    <row r="673793" spans="8:8">
      <c r="H673793" s="12"/>
    </row>
    <row r="673794" spans="8:8">
      <c r="H673794" s="12"/>
    </row>
    <row r="673795" spans="8:8">
      <c r="H673795" s="12"/>
    </row>
    <row r="673796" spans="8:8">
      <c r="H673796" s="12"/>
    </row>
    <row r="673797" spans="8:8">
      <c r="H673797" s="12"/>
    </row>
    <row r="673798" spans="8:8">
      <c r="H673798" s="12"/>
    </row>
    <row r="673799" spans="8:8">
      <c r="H673799" s="12"/>
    </row>
    <row r="673800" spans="8:8">
      <c r="H673800" s="12"/>
    </row>
    <row r="673801" spans="8:8">
      <c r="H673801" s="12"/>
    </row>
    <row r="673802" spans="8:8">
      <c r="H673802" s="12"/>
    </row>
    <row r="673803" spans="8:8">
      <c r="H673803" s="12"/>
    </row>
    <row r="673804" spans="8:8">
      <c r="H673804" s="12"/>
    </row>
    <row r="673805" spans="8:8">
      <c r="H673805" s="12"/>
    </row>
    <row r="673806" spans="8:8">
      <c r="H673806" s="12"/>
    </row>
    <row r="673807" spans="8:8">
      <c r="H673807" s="12"/>
    </row>
    <row r="673808" spans="8:8">
      <c r="H673808" s="12"/>
    </row>
    <row r="673809" spans="8:8">
      <c r="H673809" s="12"/>
    </row>
    <row r="673810" spans="8:8">
      <c r="H673810" s="12"/>
    </row>
    <row r="673811" spans="8:8">
      <c r="H673811" s="12"/>
    </row>
    <row r="673812" spans="8:8">
      <c r="H673812" s="12"/>
    </row>
    <row r="673813" spans="8:8">
      <c r="H673813" s="12"/>
    </row>
    <row r="673814" spans="8:8">
      <c r="H673814" s="12"/>
    </row>
    <row r="673815" spans="8:8">
      <c r="H673815" s="12"/>
    </row>
    <row r="673816" spans="8:8">
      <c r="H673816" s="12"/>
    </row>
    <row r="673817" spans="8:8">
      <c r="H673817" s="12"/>
    </row>
    <row r="673818" spans="8:8">
      <c r="H673818" s="12"/>
    </row>
    <row r="673819" spans="8:8">
      <c r="H673819" s="12"/>
    </row>
    <row r="673820" spans="8:8">
      <c r="H673820" s="12"/>
    </row>
    <row r="673821" spans="8:8">
      <c r="H673821" s="12"/>
    </row>
    <row r="673822" spans="8:8">
      <c r="H673822" s="12"/>
    </row>
    <row r="673823" spans="8:8">
      <c r="H673823" s="12"/>
    </row>
    <row r="673824" spans="8:8">
      <c r="H673824" s="12"/>
    </row>
    <row r="673825" spans="8:8">
      <c r="H673825" s="12"/>
    </row>
    <row r="673826" spans="8:8">
      <c r="H673826" s="12"/>
    </row>
    <row r="673827" spans="8:8">
      <c r="H673827" s="12"/>
    </row>
    <row r="673828" spans="8:8">
      <c r="H673828" s="12"/>
    </row>
    <row r="673829" spans="8:8">
      <c r="H673829" s="12"/>
    </row>
    <row r="673830" spans="8:8">
      <c r="H673830" s="12"/>
    </row>
    <row r="673831" spans="8:8">
      <c r="H673831" s="12"/>
    </row>
    <row r="673832" spans="8:8">
      <c r="H673832" s="12"/>
    </row>
    <row r="673833" spans="8:8">
      <c r="H673833" s="12"/>
    </row>
    <row r="673834" spans="8:8">
      <c r="H673834" s="12"/>
    </row>
    <row r="673835" spans="8:8">
      <c r="H673835" s="12"/>
    </row>
    <row r="673836" spans="8:8">
      <c r="H673836" s="12"/>
    </row>
    <row r="673837" spans="8:8">
      <c r="H673837" s="12"/>
    </row>
    <row r="673838" spans="8:8">
      <c r="H673838" s="12"/>
    </row>
    <row r="673839" spans="8:8">
      <c r="H673839" s="12"/>
    </row>
    <row r="673840" spans="8:8">
      <c r="H673840" s="12"/>
    </row>
    <row r="673841" spans="8:8">
      <c r="H673841" s="12"/>
    </row>
    <row r="673842" spans="8:8">
      <c r="H673842" s="12"/>
    </row>
    <row r="673843" spans="8:8">
      <c r="H673843" s="12"/>
    </row>
    <row r="673844" spans="8:8">
      <c r="H673844" s="12"/>
    </row>
    <row r="673845" spans="8:8">
      <c r="H673845" s="12"/>
    </row>
    <row r="673846" spans="8:8">
      <c r="H673846" s="12"/>
    </row>
    <row r="673847" spans="8:8">
      <c r="H673847" s="12"/>
    </row>
    <row r="673848" spans="8:8">
      <c r="H673848" s="12"/>
    </row>
    <row r="673849" spans="8:8">
      <c r="H673849" s="12"/>
    </row>
    <row r="673850" spans="8:8">
      <c r="H673850" s="12"/>
    </row>
    <row r="673851" spans="8:8">
      <c r="H673851" s="12"/>
    </row>
    <row r="673852" spans="8:8">
      <c r="H673852" s="12"/>
    </row>
    <row r="673853" spans="8:8">
      <c r="H673853" s="12"/>
    </row>
    <row r="673854" spans="8:8">
      <c r="H673854" s="12"/>
    </row>
    <row r="673855" spans="8:8">
      <c r="H673855" s="12"/>
    </row>
    <row r="673856" spans="8:8">
      <c r="H673856" s="12"/>
    </row>
    <row r="673857" spans="8:8">
      <c r="H673857" s="12"/>
    </row>
    <row r="673858" spans="8:8">
      <c r="H673858" s="12"/>
    </row>
    <row r="673859" spans="8:8">
      <c r="H673859" s="12"/>
    </row>
    <row r="673860" spans="8:8">
      <c r="H673860" s="12"/>
    </row>
    <row r="673861" spans="8:8">
      <c r="H673861" s="12"/>
    </row>
    <row r="673862" spans="8:8">
      <c r="H673862" s="12"/>
    </row>
    <row r="673863" spans="8:8">
      <c r="H673863" s="12"/>
    </row>
    <row r="673864" spans="8:8">
      <c r="H673864" s="12"/>
    </row>
    <row r="673865" spans="8:8">
      <c r="H673865" s="12"/>
    </row>
    <row r="673866" spans="8:8">
      <c r="H673866" s="12"/>
    </row>
    <row r="673867" spans="8:8">
      <c r="H673867" s="12"/>
    </row>
    <row r="673868" spans="8:8">
      <c r="H673868" s="12"/>
    </row>
    <row r="673869" spans="8:8">
      <c r="H673869" s="12"/>
    </row>
    <row r="673870" spans="8:8">
      <c r="H673870" s="12"/>
    </row>
    <row r="673871" spans="8:8">
      <c r="H673871" s="12"/>
    </row>
    <row r="673872" spans="8:8">
      <c r="H673872" s="12"/>
    </row>
    <row r="673873" spans="8:8">
      <c r="H673873" s="12"/>
    </row>
    <row r="673874" spans="8:8">
      <c r="H673874" s="12"/>
    </row>
    <row r="673875" spans="8:8">
      <c r="H673875" s="12"/>
    </row>
    <row r="673876" spans="8:8">
      <c r="H673876" s="12"/>
    </row>
    <row r="673877" spans="8:8">
      <c r="H673877" s="12"/>
    </row>
    <row r="673878" spans="8:8">
      <c r="H673878" s="12"/>
    </row>
    <row r="673879" spans="8:8">
      <c r="H673879" s="12"/>
    </row>
    <row r="673880" spans="8:8">
      <c r="H673880" s="12"/>
    </row>
    <row r="673881" spans="8:8">
      <c r="H673881" s="12"/>
    </row>
    <row r="673882" spans="8:8">
      <c r="H673882" s="12"/>
    </row>
    <row r="673883" spans="8:8">
      <c r="H673883" s="12"/>
    </row>
    <row r="673884" spans="8:8">
      <c r="H673884" s="12"/>
    </row>
    <row r="673885" spans="8:8">
      <c r="H673885" s="12"/>
    </row>
    <row r="673886" spans="8:8">
      <c r="H673886" s="12"/>
    </row>
    <row r="673887" spans="8:8">
      <c r="H673887" s="12"/>
    </row>
    <row r="673888" spans="8:8">
      <c r="H673888" s="12"/>
    </row>
    <row r="673889" spans="8:8">
      <c r="H673889" s="12"/>
    </row>
    <row r="673890" spans="8:8">
      <c r="H673890" s="12"/>
    </row>
    <row r="673891" spans="8:8">
      <c r="H673891" s="12"/>
    </row>
    <row r="673892" spans="8:8">
      <c r="H673892" s="12"/>
    </row>
    <row r="673893" spans="8:8">
      <c r="H673893" s="12"/>
    </row>
    <row r="673894" spans="8:8">
      <c r="H673894" s="12"/>
    </row>
    <row r="673895" spans="8:8">
      <c r="H673895" s="12"/>
    </row>
    <row r="673896" spans="8:8">
      <c r="H673896" s="12"/>
    </row>
    <row r="673897" spans="8:8">
      <c r="H673897" s="12"/>
    </row>
    <row r="673898" spans="8:8">
      <c r="H673898" s="12"/>
    </row>
    <row r="673899" spans="8:8">
      <c r="H673899" s="12"/>
    </row>
    <row r="673900" spans="8:8">
      <c r="H673900" s="12"/>
    </row>
    <row r="673901" spans="8:8">
      <c r="H673901" s="12"/>
    </row>
    <row r="673902" spans="8:8">
      <c r="H673902" s="12"/>
    </row>
    <row r="673903" spans="8:8">
      <c r="H673903" s="12"/>
    </row>
    <row r="673904" spans="8:8">
      <c r="H673904" s="12"/>
    </row>
    <row r="673905" spans="8:8">
      <c r="H673905" s="12"/>
    </row>
    <row r="673906" spans="8:8">
      <c r="H673906" s="12"/>
    </row>
    <row r="673907" spans="8:8">
      <c r="H673907" s="12"/>
    </row>
    <row r="673908" spans="8:8">
      <c r="H673908" s="12"/>
    </row>
    <row r="673909" spans="8:8">
      <c r="H673909" s="12"/>
    </row>
    <row r="673910" spans="8:8">
      <c r="H673910" s="12"/>
    </row>
    <row r="673911" spans="8:8">
      <c r="H673911" s="12"/>
    </row>
    <row r="673912" spans="8:8">
      <c r="H673912" s="12"/>
    </row>
    <row r="673913" spans="8:8">
      <c r="H673913" s="12"/>
    </row>
    <row r="673914" spans="8:8">
      <c r="H673914" s="12"/>
    </row>
    <row r="673915" spans="8:8">
      <c r="H673915" s="12"/>
    </row>
    <row r="673916" spans="8:8">
      <c r="H673916" s="12"/>
    </row>
    <row r="673917" spans="8:8">
      <c r="H673917" s="12"/>
    </row>
    <row r="673918" spans="8:8">
      <c r="H673918" s="12"/>
    </row>
    <row r="673919" spans="8:8">
      <c r="H673919" s="12"/>
    </row>
    <row r="673920" spans="8:8">
      <c r="H673920" s="12"/>
    </row>
    <row r="673921" spans="8:8">
      <c r="H673921" s="12"/>
    </row>
    <row r="673922" spans="8:8">
      <c r="H673922" s="12"/>
    </row>
    <row r="673923" spans="8:8">
      <c r="H673923" s="12"/>
    </row>
    <row r="673924" spans="8:8">
      <c r="H673924" s="12"/>
    </row>
    <row r="673925" spans="8:8">
      <c r="H673925" s="12"/>
    </row>
    <row r="673926" spans="8:8">
      <c r="H673926" s="12"/>
    </row>
    <row r="673927" spans="8:8">
      <c r="H673927" s="12"/>
    </row>
    <row r="673928" spans="8:8">
      <c r="H673928" s="12"/>
    </row>
    <row r="673929" spans="8:8">
      <c r="H673929" s="12"/>
    </row>
    <row r="673930" spans="8:8">
      <c r="H673930" s="12"/>
    </row>
    <row r="673931" spans="8:8">
      <c r="H673931" s="12"/>
    </row>
    <row r="673932" spans="8:8">
      <c r="H673932" s="12"/>
    </row>
    <row r="673933" spans="8:8">
      <c r="H673933" s="12"/>
    </row>
    <row r="673934" spans="8:8">
      <c r="H673934" s="12"/>
    </row>
    <row r="673935" spans="8:8">
      <c r="H673935" s="12"/>
    </row>
    <row r="673936" spans="8:8">
      <c r="H673936" s="12"/>
    </row>
    <row r="673937" spans="8:8">
      <c r="H673937" s="12"/>
    </row>
    <row r="673938" spans="8:8">
      <c r="H673938" s="12"/>
    </row>
    <row r="673939" spans="8:8">
      <c r="H673939" s="12"/>
    </row>
    <row r="673940" spans="8:8">
      <c r="H673940" s="12"/>
    </row>
    <row r="673941" spans="8:8">
      <c r="H673941" s="12"/>
    </row>
    <row r="673942" spans="8:8">
      <c r="H673942" s="12"/>
    </row>
    <row r="673943" spans="8:8">
      <c r="H673943" s="12"/>
    </row>
    <row r="673944" spans="8:8">
      <c r="H673944" s="12"/>
    </row>
    <row r="673945" spans="8:8">
      <c r="H673945" s="12"/>
    </row>
    <row r="673946" spans="8:8">
      <c r="H673946" s="12"/>
    </row>
    <row r="673947" spans="8:8">
      <c r="H673947" s="12"/>
    </row>
    <row r="673948" spans="8:8">
      <c r="H673948" s="12"/>
    </row>
    <row r="673949" spans="8:8">
      <c r="H673949" s="12"/>
    </row>
    <row r="673950" spans="8:8">
      <c r="H673950" s="12"/>
    </row>
    <row r="673951" spans="8:8">
      <c r="H673951" s="12"/>
    </row>
    <row r="673952" spans="8:8">
      <c r="H673952" s="12"/>
    </row>
    <row r="673953" spans="8:8">
      <c r="H673953" s="12"/>
    </row>
    <row r="673954" spans="8:8">
      <c r="H673954" s="12"/>
    </row>
    <row r="673955" spans="8:8">
      <c r="H673955" s="12"/>
    </row>
    <row r="673956" spans="8:8">
      <c r="H673956" s="12"/>
    </row>
    <row r="673957" spans="8:8">
      <c r="H673957" s="12"/>
    </row>
    <row r="673958" spans="8:8">
      <c r="H673958" s="12"/>
    </row>
    <row r="673959" spans="8:8">
      <c r="H673959" s="12"/>
    </row>
    <row r="673960" spans="8:8">
      <c r="H673960" s="12"/>
    </row>
    <row r="673961" spans="8:8">
      <c r="H673961" s="12"/>
    </row>
    <row r="673962" spans="8:8">
      <c r="H673962" s="12"/>
    </row>
    <row r="673963" spans="8:8">
      <c r="H673963" s="12"/>
    </row>
    <row r="673964" spans="8:8">
      <c r="H673964" s="12"/>
    </row>
    <row r="673965" spans="8:8">
      <c r="H673965" s="12"/>
    </row>
    <row r="673966" spans="8:8">
      <c r="H673966" s="12"/>
    </row>
    <row r="673967" spans="8:8">
      <c r="H673967" s="12"/>
    </row>
    <row r="673968" spans="8:8">
      <c r="H673968" s="12"/>
    </row>
    <row r="673969" spans="8:8">
      <c r="H673969" s="12"/>
    </row>
    <row r="673970" spans="8:8">
      <c r="H673970" s="12"/>
    </row>
    <row r="673971" spans="8:8">
      <c r="H673971" s="12"/>
    </row>
    <row r="673972" spans="8:8">
      <c r="H673972" s="12"/>
    </row>
    <row r="673973" spans="8:8">
      <c r="H673973" s="12"/>
    </row>
    <row r="673974" spans="8:8">
      <c r="H673974" s="12"/>
    </row>
    <row r="673975" spans="8:8">
      <c r="H673975" s="12"/>
    </row>
    <row r="673976" spans="8:8">
      <c r="H673976" s="12"/>
    </row>
    <row r="673977" spans="8:8">
      <c r="H673977" s="12"/>
    </row>
    <row r="673978" spans="8:8">
      <c r="H673978" s="12"/>
    </row>
    <row r="673979" spans="8:8">
      <c r="H673979" s="12"/>
    </row>
    <row r="673980" spans="8:8">
      <c r="H673980" s="12"/>
    </row>
    <row r="673981" spans="8:8">
      <c r="H673981" s="12"/>
    </row>
    <row r="673982" spans="8:8">
      <c r="H673982" s="12"/>
    </row>
    <row r="673983" spans="8:8">
      <c r="H673983" s="12"/>
    </row>
    <row r="673984" spans="8:8">
      <c r="H673984" s="12"/>
    </row>
    <row r="673985" spans="8:8">
      <c r="H673985" s="12"/>
    </row>
    <row r="673986" spans="8:8">
      <c r="H673986" s="12"/>
    </row>
    <row r="673987" spans="8:8">
      <c r="H673987" s="12"/>
    </row>
    <row r="673988" spans="8:8">
      <c r="H673988" s="12"/>
    </row>
    <row r="673989" spans="8:8">
      <c r="H673989" s="12"/>
    </row>
    <row r="673990" spans="8:8">
      <c r="H673990" s="12"/>
    </row>
    <row r="673991" spans="8:8">
      <c r="H673991" s="12"/>
    </row>
    <row r="673992" spans="8:8">
      <c r="H673992" s="12"/>
    </row>
    <row r="673993" spans="8:8">
      <c r="H673993" s="12"/>
    </row>
    <row r="673994" spans="8:8">
      <c r="H673994" s="12"/>
    </row>
    <row r="673995" spans="8:8">
      <c r="H673995" s="12"/>
    </row>
    <row r="673996" spans="8:8">
      <c r="H673996" s="12"/>
    </row>
    <row r="673997" spans="8:8">
      <c r="H673997" s="12"/>
    </row>
    <row r="673998" spans="8:8">
      <c r="H673998" s="12"/>
    </row>
    <row r="673999" spans="8:8">
      <c r="H673999" s="12"/>
    </row>
    <row r="674000" spans="8:8">
      <c r="H674000" s="12"/>
    </row>
    <row r="674001" spans="8:8">
      <c r="H674001" s="12"/>
    </row>
    <row r="674002" spans="8:8">
      <c r="H674002" s="12"/>
    </row>
    <row r="674003" spans="8:8">
      <c r="H674003" s="12"/>
    </row>
    <row r="674004" spans="8:8">
      <c r="H674004" s="12"/>
    </row>
    <row r="674005" spans="8:8">
      <c r="H674005" s="12"/>
    </row>
    <row r="674006" spans="8:8">
      <c r="H674006" s="12"/>
    </row>
    <row r="674007" spans="8:8">
      <c r="H674007" s="12"/>
    </row>
    <row r="674008" spans="8:8">
      <c r="H674008" s="12"/>
    </row>
    <row r="674009" spans="8:8">
      <c r="H674009" s="12"/>
    </row>
    <row r="674010" spans="8:8">
      <c r="H674010" s="12"/>
    </row>
    <row r="674011" spans="8:8">
      <c r="H674011" s="12"/>
    </row>
    <row r="674012" spans="8:8">
      <c r="H674012" s="12"/>
    </row>
    <row r="674013" spans="8:8">
      <c r="H674013" s="12"/>
    </row>
    <row r="674014" spans="8:8">
      <c r="H674014" s="12"/>
    </row>
    <row r="674015" spans="8:8">
      <c r="H674015" s="12"/>
    </row>
    <row r="674016" spans="8:8">
      <c r="H674016" s="12"/>
    </row>
    <row r="674017" spans="8:8">
      <c r="H674017" s="12"/>
    </row>
    <row r="674018" spans="8:8">
      <c r="H674018" s="12"/>
    </row>
    <row r="674019" spans="8:8">
      <c r="H674019" s="12"/>
    </row>
    <row r="674020" spans="8:8">
      <c r="H674020" s="12"/>
    </row>
    <row r="674021" spans="8:8">
      <c r="H674021" s="12"/>
    </row>
    <row r="674022" spans="8:8">
      <c r="H674022" s="12"/>
    </row>
    <row r="674023" spans="8:8">
      <c r="H674023" s="12"/>
    </row>
    <row r="674024" spans="8:8">
      <c r="H674024" s="12"/>
    </row>
    <row r="674025" spans="8:8">
      <c r="H674025" s="12"/>
    </row>
    <row r="674026" spans="8:8">
      <c r="H674026" s="12"/>
    </row>
    <row r="674027" spans="8:8">
      <c r="H674027" s="12"/>
    </row>
    <row r="674028" spans="8:8">
      <c r="H674028" s="12"/>
    </row>
    <row r="674029" spans="8:8">
      <c r="H674029" s="12"/>
    </row>
    <row r="674030" spans="8:8">
      <c r="H674030" s="12"/>
    </row>
    <row r="674031" spans="8:8">
      <c r="H674031" s="12"/>
    </row>
    <row r="674032" spans="8:8">
      <c r="H674032" s="12"/>
    </row>
    <row r="674033" spans="8:8">
      <c r="H674033" s="12"/>
    </row>
    <row r="674034" spans="8:8">
      <c r="H674034" s="12"/>
    </row>
    <row r="674035" spans="8:8">
      <c r="H674035" s="12"/>
    </row>
    <row r="674036" spans="8:8">
      <c r="H674036" s="12"/>
    </row>
    <row r="674037" spans="8:8">
      <c r="H674037" s="12"/>
    </row>
    <row r="674038" spans="8:8">
      <c r="H674038" s="12"/>
    </row>
    <row r="674039" spans="8:8">
      <c r="H674039" s="12"/>
    </row>
    <row r="674040" spans="8:8">
      <c r="H674040" s="12"/>
    </row>
    <row r="674041" spans="8:8">
      <c r="H674041" s="12"/>
    </row>
    <row r="674042" spans="8:8">
      <c r="H674042" s="12"/>
    </row>
    <row r="674043" spans="8:8">
      <c r="H674043" s="12"/>
    </row>
    <row r="674044" spans="8:8">
      <c r="H674044" s="12"/>
    </row>
    <row r="674045" spans="8:8">
      <c r="H674045" s="12"/>
    </row>
    <row r="674046" spans="8:8">
      <c r="H674046" s="12"/>
    </row>
    <row r="674047" spans="8:8">
      <c r="H674047" s="12"/>
    </row>
    <row r="674048" spans="8:8">
      <c r="H674048" s="12"/>
    </row>
    <row r="674049" spans="8:8">
      <c r="H674049" s="12"/>
    </row>
    <row r="674050" spans="8:8">
      <c r="H674050" s="12"/>
    </row>
    <row r="674051" spans="8:8">
      <c r="H674051" s="12"/>
    </row>
    <row r="674052" spans="8:8">
      <c r="H674052" s="12"/>
    </row>
    <row r="674053" spans="8:8">
      <c r="H674053" s="12"/>
    </row>
    <row r="674054" spans="8:8">
      <c r="H674054" s="12"/>
    </row>
    <row r="674055" spans="8:8">
      <c r="H674055" s="12"/>
    </row>
    <row r="674056" spans="8:8">
      <c r="H674056" s="12"/>
    </row>
    <row r="674057" spans="8:8">
      <c r="H674057" s="12"/>
    </row>
    <row r="674058" spans="8:8">
      <c r="H674058" s="12"/>
    </row>
    <row r="674059" spans="8:8">
      <c r="H674059" s="12"/>
    </row>
    <row r="674060" spans="8:8">
      <c r="H674060" s="12"/>
    </row>
    <row r="674061" spans="8:8">
      <c r="H674061" s="12"/>
    </row>
    <row r="674062" spans="8:8">
      <c r="H674062" s="12"/>
    </row>
    <row r="674063" spans="8:8">
      <c r="H674063" s="12"/>
    </row>
    <row r="674064" spans="8:8">
      <c r="H674064" s="12"/>
    </row>
    <row r="674065" spans="8:8">
      <c r="H674065" s="12"/>
    </row>
    <row r="674066" spans="8:8">
      <c r="H674066" s="12"/>
    </row>
    <row r="674067" spans="8:8">
      <c r="H674067" s="12"/>
    </row>
    <row r="674068" spans="8:8">
      <c r="H674068" s="12"/>
    </row>
    <row r="674069" spans="8:8">
      <c r="H674069" s="12"/>
    </row>
    <row r="674070" spans="8:8">
      <c r="H674070" s="12"/>
    </row>
    <row r="674071" spans="8:8">
      <c r="H674071" s="12"/>
    </row>
    <row r="674072" spans="8:8">
      <c r="H674072" s="12"/>
    </row>
    <row r="674073" spans="8:8">
      <c r="H674073" s="12"/>
    </row>
    <row r="674074" spans="8:8">
      <c r="H674074" s="12"/>
    </row>
    <row r="674075" spans="8:8">
      <c r="H674075" s="12"/>
    </row>
    <row r="674076" spans="8:8">
      <c r="H674076" s="12"/>
    </row>
    <row r="674077" spans="8:8">
      <c r="H674077" s="12"/>
    </row>
    <row r="674078" spans="8:8">
      <c r="H674078" s="12"/>
    </row>
    <row r="674079" spans="8:8">
      <c r="H674079" s="12"/>
    </row>
    <row r="674080" spans="8:8">
      <c r="H674080" s="12"/>
    </row>
    <row r="674081" spans="8:8">
      <c r="H674081" s="12"/>
    </row>
    <row r="674082" spans="8:8">
      <c r="H674082" s="12"/>
    </row>
    <row r="674083" spans="8:8">
      <c r="H674083" s="12"/>
    </row>
    <row r="674084" spans="8:8">
      <c r="H674084" s="12"/>
    </row>
    <row r="674085" spans="8:8">
      <c r="H674085" s="12"/>
    </row>
    <row r="674086" spans="8:8">
      <c r="H674086" s="12"/>
    </row>
    <row r="674087" spans="8:8">
      <c r="H674087" s="12"/>
    </row>
    <row r="674088" spans="8:8">
      <c r="H674088" s="12"/>
    </row>
    <row r="674089" spans="8:8">
      <c r="H674089" s="12"/>
    </row>
    <row r="674090" spans="8:8">
      <c r="H674090" s="12"/>
    </row>
    <row r="674091" spans="8:8">
      <c r="H674091" s="12"/>
    </row>
    <row r="674092" spans="8:8">
      <c r="H674092" s="12"/>
    </row>
    <row r="674093" spans="8:8">
      <c r="H674093" s="12"/>
    </row>
    <row r="674094" spans="8:8">
      <c r="H674094" s="12"/>
    </row>
    <row r="674095" spans="8:8">
      <c r="H674095" s="12"/>
    </row>
    <row r="674096" spans="8:8">
      <c r="H674096" s="12"/>
    </row>
    <row r="674097" spans="8:8">
      <c r="H674097" s="12"/>
    </row>
    <row r="674098" spans="8:8">
      <c r="H674098" s="12"/>
    </row>
    <row r="674099" spans="8:8">
      <c r="H674099" s="12"/>
    </row>
    <row r="674100" spans="8:8">
      <c r="H674100" s="12"/>
    </row>
    <row r="674101" spans="8:8">
      <c r="H674101" s="12"/>
    </row>
    <row r="674102" spans="8:8">
      <c r="H674102" s="12"/>
    </row>
    <row r="674103" spans="8:8">
      <c r="H674103" s="12"/>
    </row>
    <row r="674104" spans="8:8">
      <c r="H674104" s="12"/>
    </row>
    <row r="674105" spans="8:8">
      <c r="H674105" s="12"/>
    </row>
    <row r="674106" spans="8:8">
      <c r="H674106" s="12"/>
    </row>
    <row r="674107" spans="8:8">
      <c r="H674107" s="12"/>
    </row>
    <row r="674108" spans="8:8">
      <c r="H674108" s="12"/>
    </row>
    <row r="674109" spans="8:8">
      <c r="H674109" s="12"/>
    </row>
    <row r="674110" spans="8:8">
      <c r="H674110" s="12"/>
    </row>
    <row r="674111" spans="8:8">
      <c r="H674111" s="12"/>
    </row>
    <row r="674112" spans="8:8">
      <c r="H674112" s="12"/>
    </row>
    <row r="674113" spans="8:8">
      <c r="H674113" s="12"/>
    </row>
    <row r="674114" spans="8:8">
      <c r="H674114" s="12"/>
    </row>
    <row r="674115" spans="8:8">
      <c r="H674115" s="12"/>
    </row>
    <row r="674116" spans="8:8">
      <c r="H674116" s="12"/>
    </row>
    <row r="674117" spans="8:8">
      <c r="H674117" s="12"/>
    </row>
    <row r="674118" spans="8:8">
      <c r="H674118" s="12"/>
    </row>
    <row r="674119" spans="8:8">
      <c r="H674119" s="12"/>
    </row>
    <row r="674120" spans="8:8">
      <c r="H674120" s="12"/>
    </row>
    <row r="674121" spans="8:8">
      <c r="H674121" s="12"/>
    </row>
    <row r="674122" spans="8:8">
      <c r="H674122" s="12"/>
    </row>
    <row r="674123" spans="8:8">
      <c r="H674123" s="12"/>
    </row>
    <row r="674124" spans="8:8">
      <c r="H674124" s="12"/>
    </row>
    <row r="674125" spans="8:8">
      <c r="H674125" s="12"/>
    </row>
    <row r="674126" spans="8:8">
      <c r="H674126" s="12"/>
    </row>
    <row r="674127" spans="8:8">
      <c r="H674127" s="12"/>
    </row>
    <row r="674128" spans="8:8">
      <c r="H674128" s="12"/>
    </row>
    <row r="674129" spans="8:8">
      <c r="H674129" s="12"/>
    </row>
    <row r="674130" spans="8:8">
      <c r="H674130" s="12"/>
    </row>
    <row r="674131" spans="8:8">
      <c r="H674131" s="12"/>
    </row>
    <row r="674132" spans="8:8">
      <c r="H674132" s="12"/>
    </row>
    <row r="674133" spans="8:8">
      <c r="H674133" s="12"/>
    </row>
    <row r="674134" spans="8:8">
      <c r="H674134" s="12"/>
    </row>
    <row r="674135" spans="8:8">
      <c r="H674135" s="12"/>
    </row>
    <row r="674136" spans="8:8">
      <c r="H674136" s="12"/>
    </row>
    <row r="674137" spans="8:8">
      <c r="H674137" s="12"/>
    </row>
    <row r="674138" spans="8:8">
      <c r="H674138" s="12"/>
    </row>
    <row r="674139" spans="8:8">
      <c r="H674139" s="12"/>
    </row>
    <row r="674140" spans="8:8">
      <c r="H674140" s="12"/>
    </row>
    <row r="674141" spans="8:8">
      <c r="H674141" s="12"/>
    </row>
    <row r="674142" spans="8:8">
      <c r="H674142" s="12"/>
    </row>
    <row r="674143" spans="8:8">
      <c r="H674143" s="12"/>
    </row>
    <row r="674144" spans="8:8">
      <c r="H674144" s="12"/>
    </row>
    <row r="674145" spans="8:8">
      <c r="H674145" s="12"/>
    </row>
    <row r="674146" spans="8:8">
      <c r="H674146" s="12"/>
    </row>
    <row r="674147" spans="8:8">
      <c r="H674147" s="12"/>
    </row>
    <row r="674148" spans="8:8">
      <c r="H674148" s="12"/>
    </row>
    <row r="674149" spans="8:8">
      <c r="H674149" s="12"/>
    </row>
    <row r="674150" spans="8:8">
      <c r="H674150" s="12"/>
    </row>
    <row r="674151" spans="8:8">
      <c r="H674151" s="12"/>
    </row>
    <row r="674152" spans="8:8">
      <c r="H674152" s="12"/>
    </row>
    <row r="674153" spans="8:8">
      <c r="H674153" s="12"/>
    </row>
    <row r="674154" spans="8:8">
      <c r="H674154" s="12"/>
    </row>
    <row r="674155" spans="8:8">
      <c r="H674155" s="12"/>
    </row>
    <row r="674156" spans="8:8">
      <c r="H674156" s="12"/>
    </row>
    <row r="674157" spans="8:8">
      <c r="H674157" s="12"/>
    </row>
    <row r="674158" spans="8:8">
      <c r="H674158" s="12"/>
    </row>
    <row r="674159" spans="8:8">
      <c r="H674159" s="12"/>
    </row>
    <row r="674160" spans="8:8">
      <c r="H674160" s="12"/>
    </row>
    <row r="674161" spans="8:8">
      <c r="H674161" s="12"/>
    </row>
    <row r="674162" spans="8:8">
      <c r="H674162" s="12"/>
    </row>
    <row r="674163" spans="8:8">
      <c r="H674163" s="12"/>
    </row>
    <row r="674164" spans="8:8">
      <c r="H674164" s="12"/>
    </row>
    <row r="674165" spans="8:8">
      <c r="H674165" s="12"/>
    </row>
    <row r="674166" spans="8:8">
      <c r="H674166" s="12"/>
    </row>
    <row r="674167" spans="8:8">
      <c r="H674167" s="12"/>
    </row>
    <row r="674168" spans="8:8">
      <c r="H674168" s="12"/>
    </row>
    <row r="674169" spans="8:8">
      <c r="H674169" s="12"/>
    </row>
    <row r="674170" spans="8:8">
      <c r="H674170" s="12"/>
    </row>
    <row r="674171" spans="8:8">
      <c r="H674171" s="12"/>
    </row>
    <row r="674172" spans="8:8">
      <c r="H674172" s="12"/>
    </row>
    <row r="674173" spans="8:8">
      <c r="H674173" s="12"/>
    </row>
    <row r="674174" spans="8:8">
      <c r="H674174" s="12"/>
    </row>
    <row r="674175" spans="8:8">
      <c r="H674175" s="12"/>
    </row>
    <row r="674176" spans="8:8">
      <c r="H674176" s="12"/>
    </row>
    <row r="674177" spans="8:8">
      <c r="H674177" s="12"/>
    </row>
    <row r="674178" spans="8:8">
      <c r="H674178" s="12"/>
    </row>
    <row r="674179" spans="8:8">
      <c r="H674179" s="12"/>
    </row>
    <row r="674180" spans="8:8">
      <c r="H674180" s="12"/>
    </row>
    <row r="674181" spans="8:8">
      <c r="H674181" s="12"/>
    </row>
    <row r="674182" spans="8:8">
      <c r="H674182" s="12"/>
    </row>
    <row r="674183" spans="8:8">
      <c r="H674183" s="12"/>
    </row>
    <row r="674184" spans="8:8">
      <c r="H674184" s="12"/>
    </row>
    <row r="674185" spans="8:8">
      <c r="H674185" s="12"/>
    </row>
    <row r="674186" spans="8:8">
      <c r="H674186" s="12"/>
    </row>
    <row r="674187" spans="8:8">
      <c r="H674187" s="12"/>
    </row>
    <row r="674188" spans="8:8">
      <c r="H674188" s="12"/>
    </row>
    <row r="674189" spans="8:8">
      <c r="H674189" s="12"/>
    </row>
    <row r="674190" spans="8:8">
      <c r="H674190" s="12"/>
    </row>
    <row r="674191" spans="8:8">
      <c r="H674191" s="12"/>
    </row>
    <row r="674192" spans="8:8">
      <c r="H674192" s="12"/>
    </row>
    <row r="674193" spans="8:8">
      <c r="H674193" s="12"/>
    </row>
    <row r="674194" spans="8:8">
      <c r="H674194" s="12"/>
    </row>
    <row r="674195" spans="8:8">
      <c r="H674195" s="12"/>
    </row>
    <row r="674196" spans="8:8">
      <c r="H674196" s="12"/>
    </row>
    <row r="674197" spans="8:8">
      <c r="H674197" s="12"/>
    </row>
    <row r="674198" spans="8:8">
      <c r="H674198" s="12"/>
    </row>
    <row r="674199" spans="8:8">
      <c r="H674199" s="12"/>
    </row>
    <row r="674200" spans="8:8">
      <c r="H674200" s="12"/>
    </row>
    <row r="674201" spans="8:8">
      <c r="H674201" s="12"/>
    </row>
    <row r="674202" spans="8:8">
      <c r="H674202" s="12"/>
    </row>
    <row r="674203" spans="8:8">
      <c r="H674203" s="12"/>
    </row>
    <row r="674204" spans="8:8">
      <c r="H674204" s="12"/>
    </row>
    <row r="674205" spans="8:8">
      <c r="H674205" s="12"/>
    </row>
    <row r="674206" spans="8:8">
      <c r="H674206" s="12"/>
    </row>
    <row r="674207" spans="8:8">
      <c r="H674207" s="12"/>
    </row>
    <row r="674208" spans="8:8">
      <c r="H674208" s="12"/>
    </row>
    <row r="674209" spans="8:8">
      <c r="H674209" s="12"/>
    </row>
    <row r="674210" spans="8:8">
      <c r="H674210" s="12"/>
    </row>
    <row r="674211" spans="8:8">
      <c r="H674211" s="12"/>
    </row>
    <row r="674212" spans="8:8">
      <c r="H674212" s="12"/>
    </row>
    <row r="674213" spans="8:8">
      <c r="H674213" s="12"/>
    </row>
    <row r="674214" spans="8:8">
      <c r="H674214" s="12"/>
    </row>
    <row r="674215" spans="8:8">
      <c r="H674215" s="12"/>
    </row>
    <row r="674216" spans="8:8">
      <c r="H674216" s="12"/>
    </row>
    <row r="674217" spans="8:8">
      <c r="H674217" s="12"/>
    </row>
    <row r="674218" spans="8:8">
      <c r="H674218" s="12"/>
    </row>
    <row r="674219" spans="8:8">
      <c r="H674219" s="12"/>
    </row>
    <row r="674220" spans="8:8">
      <c r="H674220" s="12"/>
    </row>
    <row r="674221" spans="8:8">
      <c r="H674221" s="12"/>
    </row>
    <row r="674222" spans="8:8">
      <c r="H674222" s="12"/>
    </row>
    <row r="674223" spans="8:8">
      <c r="H674223" s="12"/>
    </row>
    <row r="674224" spans="8:8">
      <c r="H674224" s="12"/>
    </row>
    <row r="674225" spans="8:8">
      <c r="H674225" s="12"/>
    </row>
    <row r="674226" spans="8:8">
      <c r="H674226" s="12"/>
    </row>
    <row r="674227" spans="8:8">
      <c r="H674227" s="12"/>
    </row>
    <row r="674228" spans="8:8">
      <c r="H674228" s="12"/>
    </row>
    <row r="674229" spans="8:8">
      <c r="H674229" s="12"/>
    </row>
    <row r="674230" spans="8:8">
      <c r="H674230" s="12"/>
    </row>
    <row r="674231" spans="8:8">
      <c r="H674231" s="12"/>
    </row>
    <row r="674232" spans="8:8">
      <c r="H674232" s="12"/>
    </row>
    <row r="674233" spans="8:8">
      <c r="H674233" s="12"/>
    </row>
    <row r="674234" spans="8:8">
      <c r="H674234" s="12"/>
    </row>
    <row r="674235" spans="8:8">
      <c r="H674235" s="12"/>
    </row>
    <row r="674236" spans="8:8">
      <c r="H674236" s="12"/>
    </row>
    <row r="674237" spans="8:8">
      <c r="H674237" s="12"/>
    </row>
    <row r="674238" spans="8:8">
      <c r="H674238" s="12"/>
    </row>
    <row r="674239" spans="8:8">
      <c r="H674239" s="12"/>
    </row>
    <row r="674240" spans="8:8">
      <c r="H674240" s="12"/>
    </row>
    <row r="674241" spans="8:8">
      <c r="H674241" s="12"/>
    </row>
    <row r="674242" spans="8:8">
      <c r="H674242" s="12"/>
    </row>
    <row r="674243" spans="8:8">
      <c r="H674243" s="12"/>
    </row>
    <row r="674244" spans="8:8">
      <c r="H674244" s="12"/>
    </row>
    <row r="674245" spans="8:8">
      <c r="H674245" s="12"/>
    </row>
    <row r="674246" spans="8:8">
      <c r="H674246" s="12"/>
    </row>
    <row r="674247" spans="8:8">
      <c r="H674247" s="12"/>
    </row>
    <row r="674248" spans="8:8">
      <c r="H674248" s="12"/>
    </row>
    <row r="674249" spans="8:8">
      <c r="H674249" s="12"/>
    </row>
    <row r="674250" spans="8:8">
      <c r="H674250" s="12"/>
    </row>
    <row r="674251" spans="8:8">
      <c r="H674251" s="12"/>
    </row>
    <row r="674252" spans="8:8">
      <c r="H674252" s="12"/>
    </row>
    <row r="674253" spans="8:8">
      <c r="H674253" s="12"/>
    </row>
    <row r="674254" spans="8:8">
      <c r="H674254" s="12"/>
    </row>
    <row r="674255" spans="8:8">
      <c r="H674255" s="12"/>
    </row>
    <row r="674256" spans="8:8">
      <c r="H674256" s="12"/>
    </row>
    <row r="674257" spans="8:8">
      <c r="H674257" s="12"/>
    </row>
    <row r="674258" spans="8:8">
      <c r="H674258" s="12"/>
    </row>
    <row r="674259" spans="8:8">
      <c r="H674259" s="12"/>
    </row>
    <row r="674260" spans="8:8">
      <c r="H674260" s="12"/>
    </row>
    <row r="674261" spans="8:8">
      <c r="H674261" s="12"/>
    </row>
    <row r="674262" spans="8:8">
      <c r="H674262" s="12"/>
    </row>
    <row r="674263" spans="8:8">
      <c r="H674263" s="12"/>
    </row>
    <row r="674264" spans="8:8">
      <c r="H674264" s="12"/>
    </row>
    <row r="674265" spans="8:8">
      <c r="H674265" s="12"/>
    </row>
    <row r="674266" spans="8:8">
      <c r="H674266" s="12"/>
    </row>
    <row r="674267" spans="8:8">
      <c r="H674267" s="12"/>
    </row>
    <row r="674268" spans="8:8">
      <c r="H674268" s="12"/>
    </row>
    <row r="674269" spans="8:8">
      <c r="H674269" s="12"/>
    </row>
    <row r="674270" spans="8:8">
      <c r="H674270" s="12"/>
    </row>
    <row r="674271" spans="8:8">
      <c r="H674271" s="12"/>
    </row>
    <row r="674272" spans="8:8">
      <c r="H674272" s="12"/>
    </row>
    <row r="674273" spans="8:8">
      <c r="H674273" s="12"/>
    </row>
    <row r="674274" spans="8:8">
      <c r="H674274" s="12"/>
    </row>
    <row r="674275" spans="8:8">
      <c r="H674275" s="12"/>
    </row>
    <row r="674276" spans="8:8">
      <c r="H674276" s="12"/>
    </row>
    <row r="674277" spans="8:8">
      <c r="H674277" s="12"/>
    </row>
    <row r="674278" spans="8:8">
      <c r="H674278" s="12"/>
    </row>
    <row r="674279" spans="8:8">
      <c r="H674279" s="12"/>
    </row>
    <row r="674280" spans="8:8">
      <c r="H674280" s="12"/>
    </row>
    <row r="674281" spans="8:8">
      <c r="H674281" s="12"/>
    </row>
    <row r="674282" spans="8:8">
      <c r="H674282" s="12"/>
    </row>
    <row r="674283" spans="8:8">
      <c r="H674283" s="12"/>
    </row>
    <row r="674284" spans="8:8">
      <c r="H674284" s="12"/>
    </row>
    <row r="674285" spans="8:8">
      <c r="H674285" s="12"/>
    </row>
    <row r="674286" spans="8:8">
      <c r="H674286" s="12"/>
    </row>
    <row r="674287" spans="8:8">
      <c r="H674287" s="12"/>
    </row>
    <row r="674288" spans="8:8">
      <c r="H674288" s="12"/>
    </row>
    <row r="674289" spans="8:8">
      <c r="H674289" s="12"/>
    </row>
    <row r="674290" spans="8:8">
      <c r="H674290" s="12"/>
    </row>
    <row r="674291" spans="8:8">
      <c r="H674291" s="12"/>
    </row>
    <row r="674292" spans="8:8">
      <c r="H674292" s="12"/>
    </row>
    <row r="674293" spans="8:8">
      <c r="H674293" s="12"/>
    </row>
    <row r="674294" spans="8:8">
      <c r="H674294" s="12"/>
    </row>
    <row r="674295" spans="8:8">
      <c r="H674295" s="12"/>
    </row>
    <row r="674296" spans="8:8">
      <c r="H674296" s="12"/>
    </row>
    <row r="674297" spans="8:8">
      <c r="H674297" s="12"/>
    </row>
    <row r="674298" spans="8:8">
      <c r="H674298" s="12"/>
    </row>
    <row r="674299" spans="8:8">
      <c r="H674299" s="12"/>
    </row>
    <row r="674300" spans="8:8">
      <c r="H674300" s="12"/>
    </row>
    <row r="674301" spans="8:8">
      <c r="H674301" s="12"/>
    </row>
    <row r="674302" spans="8:8">
      <c r="H674302" s="12"/>
    </row>
    <row r="674303" spans="8:8">
      <c r="H674303" s="12"/>
    </row>
    <row r="674304" spans="8:8">
      <c r="H674304" s="12"/>
    </row>
    <row r="674305" spans="8:8">
      <c r="H674305" s="12"/>
    </row>
    <row r="674306" spans="8:8">
      <c r="H674306" s="12"/>
    </row>
    <row r="674307" spans="8:8">
      <c r="H674307" s="12"/>
    </row>
    <row r="674308" spans="8:8">
      <c r="H674308" s="12"/>
    </row>
    <row r="674309" spans="8:8">
      <c r="H674309" s="12"/>
    </row>
    <row r="674310" spans="8:8">
      <c r="H674310" s="12"/>
    </row>
    <row r="674311" spans="8:8">
      <c r="H674311" s="12"/>
    </row>
    <row r="674312" spans="8:8">
      <c r="H674312" s="12"/>
    </row>
    <row r="674313" spans="8:8">
      <c r="H674313" s="12"/>
    </row>
    <row r="674314" spans="8:8">
      <c r="H674314" s="12"/>
    </row>
    <row r="674315" spans="8:8">
      <c r="H674315" s="12"/>
    </row>
    <row r="674316" spans="8:8">
      <c r="H674316" s="12"/>
    </row>
    <row r="674317" spans="8:8">
      <c r="H674317" s="12"/>
    </row>
    <row r="674318" spans="8:8">
      <c r="H674318" s="12"/>
    </row>
    <row r="674319" spans="8:8">
      <c r="H674319" s="12"/>
    </row>
    <row r="674320" spans="8:8">
      <c r="H674320" s="12"/>
    </row>
    <row r="674321" spans="8:8">
      <c r="H674321" s="12"/>
    </row>
    <row r="674322" spans="8:8">
      <c r="H674322" s="12"/>
    </row>
    <row r="674323" spans="8:8">
      <c r="H674323" s="12"/>
    </row>
    <row r="674324" spans="8:8">
      <c r="H674324" s="12"/>
    </row>
    <row r="674325" spans="8:8">
      <c r="H674325" s="12"/>
    </row>
    <row r="674326" spans="8:8">
      <c r="H674326" s="12"/>
    </row>
    <row r="674327" spans="8:8">
      <c r="H674327" s="12"/>
    </row>
    <row r="674328" spans="8:8">
      <c r="H674328" s="12"/>
    </row>
    <row r="674329" spans="8:8">
      <c r="H674329" s="12"/>
    </row>
    <row r="674330" spans="8:8">
      <c r="H674330" s="12"/>
    </row>
    <row r="674331" spans="8:8">
      <c r="H674331" s="12"/>
    </row>
    <row r="674332" spans="8:8">
      <c r="H674332" s="12"/>
    </row>
    <row r="674333" spans="8:8">
      <c r="H674333" s="12"/>
    </row>
    <row r="674334" spans="8:8">
      <c r="H674334" s="12"/>
    </row>
    <row r="674335" spans="8:8">
      <c r="H674335" s="12"/>
    </row>
    <row r="674336" spans="8:8">
      <c r="H674336" s="12"/>
    </row>
    <row r="674337" spans="8:8">
      <c r="H674337" s="12"/>
    </row>
    <row r="674338" spans="8:8">
      <c r="H674338" s="12"/>
    </row>
    <row r="674339" spans="8:8">
      <c r="H674339" s="12"/>
    </row>
    <row r="674340" spans="8:8">
      <c r="H674340" s="12"/>
    </row>
    <row r="674341" spans="8:8">
      <c r="H674341" s="12"/>
    </row>
    <row r="674342" spans="8:8">
      <c r="H674342" s="12"/>
    </row>
    <row r="674343" spans="8:8">
      <c r="H674343" s="12"/>
    </row>
    <row r="674344" spans="8:8">
      <c r="H674344" s="12"/>
    </row>
    <row r="674345" spans="8:8">
      <c r="H674345" s="12"/>
    </row>
    <row r="674346" spans="8:8">
      <c r="H674346" s="12"/>
    </row>
    <row r="674347" spans="8:8">
      <c r="H674347" s="12"/>
    </row>
    <row r="674348" spans="8:8">
      <c r="H674348" s="12"/>
    </row>
    <row r="674349" spans="8:8">
      <c r="H674349" s="12"/>
    </row>
    <row r="674350" spans="8:8">
      <c r="H674350" s="12"/>
    </row>
    <row r="674351" spans="8:8">
      <c r="H674351" s="12"/>
    </row>
    <row r="674352" spans="8:8">
      <c r="H674352" s="12"/>
    </row>
    <row r="674353" spans="8:8">
      <c r="H674353" s="12"/>
    </row>
    <row r="674354" spans="8:8">
      <c r="H674354" s="12"/>
    </row>
    <row r="674355" spans="8:8">
      <c r="H674355" s="12"/>
    </row>
    <row r="674356" spans="8:8">
      <c r="H674356" s="12"/>
    </row>
    <row r="674357" spans="8:8">
      <c r="H674357" s="12"/>
    </row>
    <row r="674358" spans="8:8">
      <c r="H674358" s="12"/>
    </row>
    <row r="674359" spans="8:8">
      <c r="H674359" s="12"/>
    </row>
    <row r="674360" spans="8:8">
      <c r="H674360" s="12"/>
    </row>
    <row r="674361" spans="8:8">
      <c r="H674361" s="12"/>
    </row>
    <row r="674362" spans="8:8">
      <c r="H674362" s="12"/>
    </row>
    <row r="674363" spans="8:8">
      <c r="H674363" s="12"/>
    </row>
    <row r="674364" spans="8:8">
      <c r="H674364" s="12"/>
    </row>
    <row r="674365" spans="8:8">
      <c r="H674365" s="12"/>
    </row>
    <row r="674366" spans="8:8">
      <c r="H674366" s="12"/>
    </row>
    <row r="674367" spans="8:8">
      <c r="H674367" s="12"/>
    </row>
    <row r="674368" spans="8:8">
      <c r="H674368" s="12"/>
    </row>
    <row r="674369" spans="8:8">
      <c r="H674369" s="12"/>
    </row>
    <row r="674370" spans="8:8">
      <c r="H674370" s="12"/>
    </row>
    <row r="674371" spans="8:8">
      <c r="H674371" s="12"/>
    </row>
    <row r="674372" spans="8:8">
      <c r="H674372" s="12"/>
    </row>
    <row r="674373" spans="8:8">
      <c r="H674373" s="12"/>
    </row>
    <row r="674374" spans="8:8">
      <c r="H674374" s="12"/>
    </row>
    <row r="674375" spans="8:8">
      <c r="H674375" s="12"/>
    </row>
    <row r="674376" spans="8:8">
      <c r="H674376" s="12"/>
    </row>
    <row r="674377" spans="8:8">
      <c r="H674377" s="12"/>
    </row>
    <row r="674378" spans="8:8">
      <c r="H674378" s="12"/>
    </row>
    <row r="674379" spans="8:8">
      <c r="H674379" s="12"/>
    </row>
    <row r="674380" spans="8:8">
      <c r="H674380" s="12"/>
    </row>
    <row r="674381" spans="8:8">
      <c r="H674381" s="12"/>
    </row>
    <row r="674382" spans="8:8">
      <c r="H674382" s="12"/>
    </row>
    <row r="674383" spans="8:8">
      <c r="H674383" s="12"/>
    </row>
    <row r="674384" spans="8:8">
      <c r="H674384" s="12"/>
    </row>
    <row r="674385" spans="8:8">
      <c r="H674385" s="12"/>
    </row>
    <row r="674386" spans="8:8">
      <c r="H674386" s="12"/>
    </row>
    <row r="674387" spans="8:8">
      <c r="H674387" s="12"/>
    </row>
    <row r="674388" spans="8:8">
      <c r="H674388" s="12"/>
    </row>
    <row r="674389" spans="8:8">
      <c r="H674389" s="12"/>
    </row>
    <row r="674390" spans="8:8">
      <c r="H674390" s="12"/>
    </row>
    <row r="674391" spans="8:8">
      <c r="H674391" s="12"/>
    </row>
    <row r="674392" spans="8:8">
      <c r="H674392" s="12"/>
    </row>
    <row r="674393" spans="8:8">
      <c r="H674393" s="12"/>
    </row>
    <row r="674394" spans="8:8">
      <c r="H674394" s="12"/>
    </row>
    <row r="674395" spans="8:8">
      <c r="H674395" s="12"/>
    </row>
    <row r="674396" spans="8:8">
      <c r="H674396" s="12"/>
    </row>
    <row r="674397" spans="8:8">
      <c r="H674397" s="12"/>
    </row>
    <row r="674398" spans="8:8">
      <c r="H674398" s="12"/>
    </row>
    <row r="674399" spans="8:8">
      <c r="H674399" s="12"/>
    </row>
    <row r="674400" spans="8:8">
      <c r="H674400" s="12"/>
    </row>
    <row r="674401" spans="8:8">
      <c r="H674401" s="12"/>
    </row>
    <row r="674402" spans="8:8">
      <c r="H674402" s="12"/>
    </row>
    <row r="674403" spans="8:8">
      <c r="H674403" s="12"/>
    </row>
    <row r="674404" spans="8:8">
      <c r="H674404" s="12"/>
    </row>
    <row r="674405" spans="8:8">
      <c r="H674405" s="12"/>
    </row>
    <row r="674406" spans="8:8">
      <c r="H674406" s="12"/>
    </row>
    <row r="674407" spans="8:8">
      <c r="H674407" s="12"/>
    </row>
    <row r="674408" spans="8:8">
      <c r="H674408" s="12"/>
    </row>
    <row r="674409" spans="8:8">
      <c r="H674409" s="12"/>
    </row>
    <row r="674410" spans="8:8">
      <c r="H674410" s="12"/>
    </row>
    <row r="674411" spans="8:8">
      <c r="H674411" s="12"/>
    </row>
    <row r="674412" spans="8:8">
      <c r="H674412" s="12"/>
    </row>
    <row r="674413" spans="8:8">
      <c r="H674413" s="12"/>
    </row>
    <row r="674414" spans="8:8">
      <c r="H674414" s="12"/>
    </row>
    <row r="674415" spans="8:8">
      <c r="H674415" s="12"/>
    </row>
    <row r="674416" spans="8:8">
      <c r="H674416" s="12"/>
    </row>
    <row r="674417" spans="8:8">
      <c r="H674417" s="12"/>
    </row>
    <row r="674418" spans="8:8">
      <c r="H674418" s="12"/>
    </row>
    <row r="674419" spans="8:8">
      <c r="H674419" s="12"/>
    </row>
    <row r="674420" spans="8:8">
      <c r="H674420" s="12"/>
    </row>
    <row r="674421" spans="8:8">
      <c r="H674421" s="12"/>
    </row>
    <row r="674422" spans="8:8">
      <c r="H674422" s="12"/>
    </row>
    <row r="674423" spans="8:8">
      <c r="H674423" s="12"/>
    </row>
    <row r="674424" spans="8:8">
      <c r="H674424" s="12"/>
    </row>
    <row r="674425" spans="8:8">
      <c r="H674425" s="12"/>
    </row>
    <row r="674426" spans="8:8">
      <c r="H674426" s="12"/>
    </row>
    <row r="674427" spans="8:8">
      <c r="H674427" s="12"/>
    </row>
    <row r="674428" spans="8:8">
      <c r="H674428" s="12"/>
    </row>
    <row r="674429" spans="8:8">
      <c r="H674429" s="12"/>
    </row>
    <row r="674430" spans="8:8">
      <c r="H674430" s="12"/>
    </row>
    <row r="674431" spans="8:8">
      <c r="H674431" s="12"/>
    </row>
    <row r="674432" spans="8:8">
      <c r="H674432" s="12"/>
    </row>
    <row r="674433" spans="8:8">
      <c r="H674433" s="12"/>
    </row>
    <row r="674434" spans="8:8">
      <c r="H674434" s="12"/>
    </row>
    <row r="674435" spans="8:8">
      <c r="H674435" s="12"/>
    </row>
    <row r="674436" spans="8:8">
      <c r="H674436" s="12"/>
    </row>
    <row r="674437" spans="8:8">
      <c r="H674437" s="12"/>
    </row>
    <row r="674438" spans="8:8">
      <c r="H674438" s="12"/>
    </row>
    <row r="674439" spans="8:8">
      <c r="H674439" s="12"/>
    </row>
    <row r="674440" spans="8:8">
      <c r="H674440" s="12"/>
    </row>
    <row r="674441" spans="8:8">
      <c r="H674441" s="12"/>
    </row>
    <row r="674442" spans="8:8">
      <c r="H674442" s="12"/>
    </row>
    <row r="674443" spans="8:8">
      <c r="H674443" s="12"/>
    </row>
    <row r="674444" spans="8:8">
      <c r="H674444" s="12"/>
    </row>
    <row r="674445" spans="8:8">
      <c r="H674445" s="12"/>
    </row>
    <row r="674446" spans="8:8">
      <c r="H674446" s="12"/>
    </row>
    <row r="674447" spans="8:8">
      <c r="H674447" s="12"/>
    </row>
    <row r="674448" spans="8:8">
      <c r="H674448" s="12"/>
    </row>
    <row r="674449" spans="8:8">
      <c r="H674449" s="12"/>
    </row>
    <row r="674450" spans="8:8">
      <c r="H674450" s="12"/>
    </row>
    <row r="674451" spans="8:8">
      <c r="H674451" s="12"/>
    </row>
    <row r="674452" spans="8:8">
      <c r="H674452" s="12"/>
    </row>
    <row r="674453" spans="8:8">
      <c r="H674453" s="12"/>
    </row>
    <row r="674454" spans="8:8">
      <c r="H674454" s="12"/>
    </row>
    <row r="674455" spans="8:8">
      <c r="H674455" s="12"/>
    </row>
    <row r="674456" spans="8:8">
      <c r="H674456" s="12"/>
    </row>
    <row r="674457" spans="8:8">
      <c r="H674457" s="12"/>
    </row>
    <row r="674458" spans="8:8">
      <c r="H674458" s="12"/>
    </row>
    <row r="674459" spans="8:8">
      <c r="H674459" s="12"/>
    </row>
    <row r="674460" spans="8:8">
      <c r="H674460" s="12"/>
    </row>
    <row r="674461" spans="8:8">
      <c r="H674461" s="12"/>
    </row>
    <row r="674462" spans="8:8">
      <c r="H674462" s="12"/>
    </row>
    <row r="674463" spans="8:8">
      <c r="H674463" s="12"/>
    </row>
    <row r="674464" spans="8:8">
      <c r="H674464" s="12"/>
    </row>
    <row r="674465" spans="8:8">
      <c r="H674465" s="12"/>
    </row>
    <row r="674466" spans="8:8">
      <c r="H674466" s="12"/>
    </row>
    <row r="674467" spans="8:8">
      <c r="H674467" s="12"/>
    </row>
    <row r="674468" spans="8:8">
      <c r="H674468" s="12"/>
    </row>
    <row r="674469" spans="8:8">
      <c r="H674469" s="12"/>
    </row>
    <row r="674470" spans="8:8">
      <c r="H674470" s="12"/>
    </row>
    <row r="674471" spans="8:8">
      <c r="H674471" s="12"/>
    </row>
    <row r="674472" spans="8:8">
      <c r="H674472" s="12"/>
    </row>
    <row r="674473" spans="8:8">
      <c r="H674473" s="12"/>
    </row>
    <row r="674474" spans="8:8">
      <c r="H674474" s="12"/>
    </row>
    <row r="674475" spans="8:8">
      <c r="H674475" s="12"/>
    </row>
    <row r="674476" spans="8:8">
      <c r="H674476" s="12"/>
    </row>
    <row r="674477" spans="8:8">
      <c r="H674477" s="12"/>
    </row>
    <row r="674478" spans="8:8">
      <c r="H674478" s="12"/>
    </row>
    <row r="674479" spans="8:8">
      <c r="H674479" s="12"/>
    </row>
    <row r="674480" spans="8:8">
      <c r="H674480" s="12"/>
    </row>
    <row r="674481" spans="8:8">
      <c r="H674481" s="12"/>
    </row>
    <row r="674482" spans="8:8">
      <c r="H674482" s="12"/>
    </row>
    <row r="674483" spans="8:8">
      <c r="H674483" s="12"/>
    </row>
    <row r="674484" spans="8:8">
      <c r="H674484" s="12"/>
    </row>
    <row r="674485" spans="8:8">
      <c r="H674485" s="12"/>
    </row>
    <row r="674486" spans="8:8">
      <c r="H674486" s="12"/>
    </row>
    <row r="674487" spans="8:8">
      <c r="H674487" s="12"/>
    </row>
    <row r="674488" spans="8:8">
      <c r="H674488" s="12"/>
    </row>
    <row r="674489" spans="8:8">
      <c r="H674489" s="12"/>
    </row>
    <row r="674490" spans="8:8">
      <c r="H674490" s="12"/>
    </row>
    <row r="674491" spans="8:8">
      <c r="H674491" s="12"/>
    </row>
    <row r="674492" spans="8:8">
      <c r="H674492" s="12"/>
    </row>
    <row r="674493" spans="8:8">
      <c r="H674493" s="12"/>
    </row>
    <row r="674494" spans="8:8">
      <c r="H674494" s="12"/>
    </row>
    <row r="674495" spans="8:8">
      <c r="H674495" s="12"/>
    </row>
    <row r="674496" spans="8:8">
      <c r="H674496" s="12"/>
    </row>
    <row r="674497" spans="8:8">
      <c r="H674497" s="12"/>
    </row>
    <row r="674498" spans="8:8">
      <c r="H674498" s="12"/>
    </row>
    <row r="674499" spans="8:8">
      <c r="H674499" s="12"/>
    </row>
    <row r="674500" spans="8:8">
      <c r="H674500" s="12"/>
    </row>
    <row r="674501" spans="8:8">
      <c r="H674501" s="12"/>
    </row>
    <row r="674502" spans="8:8">
      <c r="H674502" s="12"/>
    </row>
    <row r="674503" spans="8:8">
      <c r="H674503" s="12"/>
    </row>
    <row r="674504" spans="8:8">
      <c r="H674504" s="12"/>
    </row>
    <row r="674505" spans="8:8">
      <c r="H674505" s="12"/>
    </row>
    <row r="674506" spans="8:8">
      <c r="H674506" s="12"/>
    </row>
    <row r="674507" spans="8:8">
      <c r="H674507" s="12"/>
    </row>
    <row r="674508" spans="8:8">
      <c r="H674508" s="12"/>
    </row>
    <row r="674509" spans="8:8">
      <c r="H674509" s="12"/>
    </row>
    <row r="674510" spans="8:8">
      <c r="H674510" s="12"/>
    </row>
    <row r="674511" spans="8:8">
      <c r="H674511" s="12"/>
    </row>
    <row r="674512" spans="8:8">
      <c r="H674512" s="12"/>
    </row>
    <row r="674513" spans="8:8">
      <c r="H674513" s="12"/>
    </row>
    <row r="674514" spans="8:8">
      <c r="H674514" s="12"/>
    </row>
    <row r="674515" spans="8:8">
      <c r="H674515" s="12"/>
    </row>
    <row r="674516" spans="8:8">
      <c r="H674516" s="12"/>
    </row>
    <row r="674517" spans="8:8">
      <c r="H674517" s="12"/>
    </row>
    <row r="674518" spans="8:8">
      <c r="H674518" s="12"/>
    </row>
    <row r="674519" spans="8:8">
      <c r="H674519" s="12"/>
    </row>
    <row r="674520" spans="8:8">
      <c r="H674520" s="12"/>
    </row>
    <row r="674521" spans="8:8">
      <c r="H674521" s="12"/>
    </row>
    <row r="674522" spans="8:8">
      <c r="H674522" s="12"/>
    </row>
    <row r="674523" spans="8:8">
      <c r="H674523" s="12"/>
    </row>
    <row r="674524" spans="8:8">
      <c r="H674524" s="12"/>
    </row>
    <row r="674525" spans="8:8">
      <c r="H674525" s="12"/>
    </row>
    <row r="674526" spans="8:8">
      <c r="H674526" s="12"/>
    </row>
    <row r="674527" spans="8:8">
      <c r="H674527" s="12"/>
    </row>
    <row r="674528" spans="8:8">
      <c r="H674528" s="12"/>
    </row>
    <row r="674529" spans="8:8">
      <c r="H674529" s="12"/>
    </row>
    <row r="674530" spans="8:8">
      <c r="H674530" s="12"/>
    </row>
    <row r="674531" spans="8:8">
      <c r="H674531" s="12"/>
    </row>
    <row r="674532" spans="8:8">
      <c r="H674532" s="12"/>
    </row>
    <row r="674533" spans="8:8">
      <c r="H674533" s="12"/>
    </row>
    <row r="674534" spans="8:8">
      <c r="H674534" s="12"/>
    </row>
    <row r="674535" spans="8:8">
      <c r="H674535" s="12"/>
    </row>
    <row r="674536" spans="8:8">
      <c r="H674536" s="12"/>
    </row>
    <row r="674537" spans="8:8">
      <c r="H674537" s="12"/>
    </row>
    <row r="674538" spans="8:8">
      <c r="H674538" s="12"/>
    </row>
    <row r="674539" spans="8:8">
      <c r="H674539" s="12"/>
    </row>
    <row r="674540" spans="8:8">
      <c r="H674540" s="12"/>
    </row>
    <row r="674541" spans="8:8">
      <c r="H674541" s="12"/>
    </row>
    <row r="674542" spans="8:8">
      <c r="H674542" s="12"/>
    </row>
    <row r="674543" spans="8:8">
      <c r="H674543" s="12"/>
    </row>
    <row r="674544" spans="8:8">
      <c r="H674544" s="12"/>
    </row>
    <row r="674545" spans="8:8">
      <c r="H674545" s="12"/>
    </row>
    <row r="674546" spans="8:8">
      <c r="H674546" s="12"/>
    </row>
    <row r="674547" spans="8:8">
      <c r="H674547" s="12"/>
    </row>
    <row r="674548" spans="8:8">
      <c r="H674548" s="12"/>
    </row>
    <row r="674549" spans="8:8">
      <c r="H674549" s="12"/>
    </row>
    <row r="674550" spans="8:8">
      <c r="H674550" s="12"/>
    </row>
    <row r="674551" spans="8:8">
      <c r="H674551" s="12"/>
    </row>
    <row r="674552" spans="8:8">
      <c r="H674552" s="12"/>
    </row>
    <row r="674553" spans="8:8">
      <c r="H674553" s="12"/>
    </row>
    <row r="674554" spans="8:8">
      <c r="H674554" s="12"/>
    </row>
    <row r="674555" spans="8:8">
      <c r="H674555" s="12"/>
    </row>
    <row r="674556" spans="8:8">
      <c r="H674556" s="12"/>
    </row>
    <row r="674557" spans="8:8">
      <c r="H674557" s="12"/>
    </row>
    <row r="674558" spans="8:8">
      <c r="H674558" s="12"/>
    </row>
    <row r="674559" spans="8:8">
      <c r="H674559" s="12"/>
    </row>
    <row r="674560" spans="8:8">
      <c r="H674560" s="12"/>
    </row>
    <row r="674561" spans="8:8">
      <c r="H674561" s="12"/>
    </row>
    <row r="674562" spans="8:8">
      <c r="H674562" s="12"/>
    </row>
    <row r="674563" spans="8:8">
      <c r="H674563" s="12"/>
    </row>
    <row r="674564" spans="8:8">
      <c r="H674564" s="12"/>
    </row>
    <row r="674565" spans="8:8">
      <c r="H674565" s="12"/>
    </row>
    <row r="674566" spans="8:8">
      <c r="H674566" s="12"/>
    </row>
    <row r="674567" spans="8:8">
      <c r="H674567" s="12"/>
    </row>
    <row r="674568" spans="8:8">
      <c r="H674568" s="12"/>
    </row>
    <row r="674569" spans="8:8">
      <c r="H674569" s="12"/>
    </row>
    <row r="674570" spans="8:8">
      <c r="H674570" s="12"/>
    </row>
    <row r="674571" spans="8:8">
      <c r="H674571" s="12"/>
    </row>
    <row r="674572" spans="8:8">
      <c r="H674572" s="12"/>
    </row>
    <row r="674573" spans="8:8">
      <c r="H674573" s="12"/>
    </row>
    <row r="674574" spans="8:8">
      <c r="H674574" s="12"/>
    </row>
    <row r="674575" spans="8:8">
      <c r="H674575" s="12"/>
    </row>
    <row r="674576" spans="8:8">
      <c r="H674576" s="12"/>
    </row>
    <row r="674577" spans="8:8">
      <c r="H674577" s="12"/>
    </row>
    <row r="674578" spans="8:8">
      <c r="H674578" s="12"/>
    </row>
    <row r="674579" spans="8:8">
      <c r="H674579" s="12"/>
    </row>
    <row r="674580" spans="8:8">
      <c r="H674580" s="12"/>
    </row>
    <row r="674581" spans="8:8">
      <c r="H674581" s="12"/>
    </row>
    <row r="674582" spans="8:8">
      <c r="H674582" s="12"/>
    </row>
    <row r="674583" spans="8:8">
      <c r="H674583" s="12"/>
    </row>
    <row r="674584" spans="8:8">
      <c r="H674584" s="12"/>
    </row>
    <row r="674585" spans="8:8">
      <c r="H674585" s="12"/>
    </row>
    <row r="674586" spans="8:8">
      <c r="H674586" s="12"/>
    </row>
    <row r="674587" spans="8:8">
      <c r="H674587" s="12"/>
    </row>
    <row r="674588" spans="8:8">
      <c r="H674588" s="12"/>
    </row>
    <row r="674589" spans="8:8">
      <c r="H674589" s="12"/>
    </row>
    <row r="674590" spans="8:8">
      <c r="H674590" s="12"/>
    </row>
    <row r="674591" spans="8:8">
      <c r="H674591" s="12"/>
    </row>
    <row r="674592" spans="8:8">
      <c r="H674592" s="12"/>
    </row>
    <row r="674593" spans="8:8">
      <c r="H674593" s="12"/>
    </row>
    <row r="674594" spans="8:8">
      <c r="H674594" s="12"/>
    </row>
    <row r="674595" spans="8:8">
      <c r="H674595" s="12"/>
    </row>
    <row r="674596" spans="8:8">
      <c r="H674596" s="12"/>
    </row>
    <row r="674597" spans="8:8">
      <c r="H674597" s="12"/>
    </row>
    <row r="674598" spans="8:8">
      <c r="H674598" s="12"/>
    </row>
    <row r="674599" spans="8:8">
      <c r="H674599" s="12"/>
    </row>
    <row r="674600" spans="8:8">
      <c r="H674600" s="12"/>
    </row>
    <row r="674601" spans="8:8">
      <c r="H674601" s="12"/>
    </row>
    <row r="674602" spans="8:8">
      <c r="H674602" s="12"/>
    </row>
    <row r="674603" spans="8:8">
      <c r="H674603" s="12"/>
    </row>
    <row r="674604" spans="8:8">
      <c r="H674604" s="12"/>
    </row>
    <row r="674605" spans="8:8">
      <c r="H674605" s="12"/>
    </row>
    <row r="674606" spans="8:8">
      <c r="H674606" s="12"/>
    </row>
    <row r="674607" spans="8:8">
      <c r="H674607" s="12"/>
    </row>
    <row r="674608" spans="8:8">
      <c r="H674608" s="12"/>
    </row>
    <row r="674609" spans="8:8">
      <c r="H674609" s="12"/>
    </row>
    <row r="674610" spans="8:8">
      <c r="H674610" s="12"/>
    </row>
    <row r="674611" spans="8:8">
      <c r="H674611" s="12"/>
    </row>
    <row r="674612" spans="8:8">
      <c r="H674612" s="12"/>
    </row>
    <row r="674613" spans="8:8">
      <c r="H674613" s="12"/>
    </row>
    <row r="674614" spans="8:8">
      <c r="H674614" s="12"/>
    </row>
    <row r="674615" spans="8:8">
      <c r="H674615" s="12"/>
    </row>
    <row r="674616" spans="8:8">
      <c r="H674616" s="12"/>
    </row>
    <row r="674617" spans="8:8">
      <c r="H674617" s="12"/>
    </row>
    <row r="674618" spans="8:8">
      <c r="H674618" s="12"/>
    </row>
    <row r="674619" spans="8:8">
      <c r="H674619" s="12"/>
    </row>
    <row r="674620" spans="8:8">
      <c r="H674620" s="12"/>
    </row>
    <row r="674621" spans="8:8">
      <c r="H674621" s="12"/>
    </row>
    <row r="674622" spans="8:8">
      <c r="H674622" s="12"/>
    </row>
    <row r="674623" spans="8:8">
      <c r="H674623" s="12"/>
    </row>
    <row r="674624" spans="8:8">
      <c r="H674624" s="12"/>
    </row>
    <row r="674625" spans="8:8">
      <c r="H674625" s="12"/>
    </row>
    <row r="674626" spans="8:8">
      <c r="H674626" s="12"/>
    </row>
    <row r="674627" spans="8:8">
      <c r="H674627" s="12"/>
    </row>
    <row r="674628" spans="8:8">
      <c r="H674628" s="12"/>
    </row>
    <row r="674629" spans="8:8">
      <c r="H674629" s="12"/>
    </row>
    <row r="674630" spans="8:8">
      <c r="H674630" s="12"/>
    </row>
    <row r="674631" spans="8:8">
      <c r="H674631" s="12"/>
    </row>
    <row r="674632" spans="8:8">
      <c r="H674632" s="12"/>
    </row>
    <row r="674633" spans="8:8">
      <c r="H674633" s="12"/>
    </row>
    <row r="674634" spans="8:8">
      <c r="H674634" s="12"/>
    </row>
    <row r="674635" spans="8:8">
      <c r="H674635" s="12"/>
    </row>
    <row r="674636" spans="8:8">
      <c r="H674636" s="12"/>
    </row>
    <row r="674637" spans="8:8">
      <c r="H674637" s="12"/>
    </row>
    <row r="674638" spans="8:8">
      <c r="H674638" s="12"/>
    </row>
    <row r="674639" spans="8:8">
      <c r="H674639" s="12"/>
    </row>
    <row r="674640" spans="8:8">
      <c r="H674640" s="12"/>
    </row>
    <row r="674641" spans="8:8">
      <c r="H674641" s="12"/>
    </row>
    <row r="674642" spans="8:8">
      <c r="H674642" s="12"/>
    </row>
    <row r="674643" spans="8:8">
      <c r="H674643" s="12"/>
    </row>
    <row r="674644" spans="8:8">
      <c r="H674644" s="12"/>
    </row>
    <row r="674645" spans="8:8">
      <c r="H674645" s="12"/>
    </row>
    <row r="674646" spans="8:8">
      <c r="H674646" s="12"/>
    </row>
    <row r="674647" spans="8:8">
      <c r="H674647" s="12"/>
    </row>
    <row r="674648" spans="8:8">
      <c r="H674648" s="12"/>
    </row>
    <row r="674649" spans="8:8">
      <c r="H674649" s="12"/>
    </row>
    <row r="674650" spans="8:8">
      <c r="H674650" s="12"/>
    </row>
    <row r="674651" spans="8:8">
      <c r="H674651" s="12"/>
    </row>
    <row r="674652" spans="8:8">
      <c r="H674652" s="12"/>
    </row>
    <row r="674653" spans="8:8">
      <c r="H674653" s="12"/>
    </row>
    <row r="674654" spans="8:8">
      <c r="H674654" s="12"/>
    </row>
    <row r="674655" spans="8:8">
      <c r="H674655" s="12"/>
    </row>
    <row r="674656" spans="8:8">
      <c r="H674656" s="12"/>
    </row>
    <row r="674657" spans="8:8">
      <c r="H674657" s="12"/>
    </row>
    <row r="674658" spans="8:8">
      <c r="H674658" s="12"/>
    </row>
    <row r="674659" spans="8:8">
      <c r="H674659" s="12"/>
    </row>
    <row r="674660" spans="8:8">
      <c r="H674660" s="12"/>
    </row>
    <row r="674661" spans="8:8">
      <c r="H674661" s="12"/>
    </row>
    <row r="674662" spans="8:8">
      <c r="H674662" s="12"/>
    </row>
    <row r="674663" spans="8:8">
      <c r="H674663" s="12"/>
    </row>
    <row r="674664" spans="8:8">
      <c r="H674664" s="12"/>
    </row>
    <row r="674665" spans="8:8">
      <c r="H674665" s="12"/>
    </row>
    <row r="674666" spans="8:8">
      <c r="H674666" s="12"/>
    </row>
    <row r="674667" spans="8:8">
      <c r="H674667" s="12"/>
    </row>
    <row r="674668" spans="8:8">
      <c r="H674668" s="12"/>
    </row>
    <row r="674669" spans="8:8">
      <c r="H674669" s="12"/>
    </row>
    <row r="674670" spans="8:8">
      <c r="H674670" s="12"/>
    </row>
    <row r="674671" spans="8:8">
      <c r="H674671" s="12"/>
    </row>
    <row r="674672" spans="8:8">
      <c r="H674672" s="12"/>
    </row>
    <row r="674673" spans="8:8">
      <c r="H674673" s="12"/>
    </row>
    <row r="674674" spans="8:8">
      <c r="H674674" s="12"/>
    </row>
    <row r="674675" spans="8:8">
      <c r="H674675" s="12"/>
    </row>
    <row r="674676" spans="8:8">
      <c r="H674676" s="12"/>
    </row>
    <row r="674677" spans="8:8">
      <c r="H674677" s="12"/>
    </row>
    <row r="674678" spans="8:8">
      <c r="H674678" s="12"/>
    </row>
    <row r="674679" spans="8:8">
      <c r="H674679" s="12"/>
    </row>
    <row r="674680" spans="8:8">
      <c r="H674680" s="12"/>
    </row>
    <row r="674681" spans="8:8">
      <c r="H674681" s="12"/>
    </row>
    <row r="674682" spans="8:8">
      <c r="H674682" s="12"/>
    </row>
    <row r="674683" spans="8:8">
      <c r="H674683" s="12"/>
    </row>
    <row r="674684" spans="8:8">
      <c r="H674684" s="12"/>
    </row>
    <row r="674685" spans="8:8">
      <c r="H674685" s="12"/>
    </row>
    <row r="674686" spans="8:8">
      <c r="H674686" s="12"/>
    </row>
    <row r="674687" spans="8:8">
      <c r="H674687" s="12"/>
    </row>
    <row r="674688" spans="8:8">
      <c r="H674688" s="12"/>
    </row>
    <row r="674689" spans="8:8">
      <c r="H674689" s="12"/>
    </row>
    <row r="674690" spans="8:8">
      <c r="H674690" s="12"/>
    </row>
    <row r="674691" spans="8:8">
      <c r="H674691" s="12"/>
    </row>
    <row r="674692" spans="8:8">
      <c r="H674692" s="12"/>
    </row>
    <row r="674693" spans="8:8">
      <c r="H674693" s="12"/>
    </row>
    <row r="674694" spans="8:8">
      <c r="H674694" s="12"/>
    </row>
    <row r="674695" spans="8:8">
      <c r="H674695" s="12"/>
    </row>
    <row r="674696" spans="8:8">
      <c r="H674696" s="12"/>
    </row>
    <row r="674697" spans="8:8">
      <c r="H674697" s="12"/>
    </row>
    <row r="674698" spans="8:8">
      <c r="H674698" s="12"/>
    </row>
    <row r="674699" spans="8:8">
      <c r="H674699" s="12"/>
    </row>
    <row r="674700" spans="8:8">
      <c r="H674700" s="12"/>
    </row>
    <row r="674701" spans="8:8">
      <c r="H674701" s="12"/>
    </row>
    <row r="674702" spans="8:8">
      <c r="H674702" s="12"/>
    </row>
    <row r="674703" spans="8:8">
      <c r="H674703" s="12"/>
    </row>
    <row r="674704" spans="8:8">
      <c r="H674704" s="12"/>
    </row>
    <row r="674705" spans="8:8">
      <c r="H674705" s="12"/>
    </row>
    <row r="674706" spans="8:8">
      <c r="H674706" s="12"/>
    </row>
    <row r="674707" spans="8:8">
      <c r="H674707" s="12"/>
    </row>
    <row r="674708" spans="8:8">
      <c r="H674708" s="12"/>
    </row>
    <row r="674709" spans="8:8">
      <c r="H674709" s="12"/>
    </row>
    <row r="674710" spans="8:8">
      <c r="H674710" s="12"/>
    </row>
    <row r="674711" spans="8:8">
      <c r="H674711" s="12"/>
    </row>
    <row r="674712" spans="8:8">
      <c r="H674712" s="12"/>
    </row>
    <row r="674713" spans="8:8">
      <c r="H674713" s="12"/>
    </row>
    <row r="674714" spans="8:8">
      <c r="H674714" s="12"/>
    </row>
    <row r="674715" spans="8:8">
      <c r="H674715" s="12"/>
    </row>
    <row r="674716" spans="8:8">
      <c r="H674716" s="12"/>
    </row>
    <row r="674717" spans="8:8">
      <c r="H674717" s="12"/>
    </row>
    <row r="674718" spans="8:8">
      <c r="H674718" s="12"/>
    </row>
    <row r="674719" spans="8:8">
      <c r="H674719" s="12"/>
    </row>
    <row r="674720" spans="8:8">
      <c r="H674720" s="12"/>
    </row>
    <row r="674721" spans="8:8">
      <c r="H674721" s="12"/>
    </row>
    <row r="674722" spans="8:8">
      <c r="H674722" s="12"/>
    </row>
    <row r="674723" spans="8:8">
      <c r="H674723" s="12"/>
    </row>
    <row r="674724" spans="8:8">
      <c r="H674724" s="12"/>
    </row>
    <row r="674725" spans="8:8">
      <c r="H674725" s="12"/>
    </row>
    <row r="674726" spans="8:8">
      <c r="H674726" s="12"/>
    </row>
    <row r="674727" spans="8:8">
      <c r="H674727" s="12"/>
    </row>
    <row r="674728" spans="8:8">
      <c r="H674728" s="12"/>
    </row>
    <row r="674729" spans="8:8">
      <c r="H674729" s="12"/>
    </row>
    <row r="674730" spans="8:8">
      <c r="H674730" s="12"/>
    </row>
    <row r="674731" spans="8:8">
      <c r="H674731" s="12"/>
    </row>
    <row r="674732" spans="8:8">
      <c r="H674732" s="12"/>
    </row>
    <row r="674733" spans="8:8">
      <c r="H674733" s="12"/>
    </row>
    <row r="674734" spans="8:8">
      <c r="H674734" s="12"/>
    </row>
    <row r="674735" spans="8:8">
      <c r="H674735" s="12"/>
    </row>
    <row r="674736" spans="8:8">
      <c r="H674736" s="12"/>
    </row>
    <row r="674737" spans="8:8">
      <c r="H674737" s="12"/>
    </row>
    <row r="674738" spans="8:8">
      <c r="H674738" s="12"/>
    </row>
    <row r="674739" spans="8:8">
      <c r="H674739" s="12"/>
    </row>
    <row r="674740" spans="8:8">
      <c r="H674740" s="12"/>
    </row>
    <row r="674741" spans="8:8">
      <c r="H674741" s="12"/>
    </row>
    <row r="674742" spans="8:8">
      <c r="H674742" s="12"/>
    </row>
    <row r="674743" spans="8:8">
      <c r="H674743" s="12"/>
    </row>
    <row r="674744" spans="8:8">
      <c r="H674744" s="12"/>
    </row>
    <row r="674745" spans="8:8">
      <c r="H674745" s="12"/>
    </row>
    <row r="674746" spans="8:8">
      <c r="H674746" s="12"/>
    </row>
    <row r="674747" spans="8:8">
      <c r="H674747" s="12"/>
    </row>
    <row r="674748" spans="8:8">
      <c r="H674748" s="12"/>
    </row>
    <row r="674749" spans="8:8">
      <c r="H674749" s="12"/>
    </row>
    <row r="674750" spans="8:8">
      <c r="H674750" s="12"/>
    </row>
    <row r="674751" spans="8:8">
      <c r="H674751" s="12"/>
    </row>
    <row r="674752" spans="8:8">
      <c r="H674752" s="12"/>
    </row>
    <row r="674753" spans="8:8">
      <c r="H674753" s="12"/>
    </row>
    <row r="674754" spans="8:8">
      <c r="H674754" s="12"/>
    </row>
    <row r="674755" spans="8:8">
      <c r="H674755" s="12"/>
    </row>
    <row r="674756" spans="8:8">
      <c r="H674756" s="12"/>
    </row>
    <row r="674757" spans="8:8">
      <c r="H674757" s="12"/>
    </row>
    <row r="674758" spans="8:8">
      <c r="H674758" s="12"/>
    </row>
    <row r="674759" spans="8:8">
      <c r="H674759" s="12"/>
    </row>
    <row r="674760" spans="8:8">
      <c r="H674760" s="12"/>
    </row>
    <row r="674761" spans="8:8">
      <c r="H674761" s="12"/>
    </row>
    <row r="674762" spans="8:8">
      <c r="H674762" s="12"/>
    </row>
    <row r="674763" spans="8:8">
      <c r="H674763" s="12"/>
    </row>
    <row r="674764" spans="8:8">
      <c r="H674764" s="12"/>
    </row>
    <row r="674765" spans="8:8">
      <c r="H674765" s="12"/>
    </row>
    <row r="674766" spans="8:8">
      <c r="H674766" s="12"/>
    </row>
    <row r="674767" spans="8:8">
      <c r="H674767" s="12"/>
    </row>
    <row r="674768" spans="8:8">
      <c r="H674768" s="12"/>
    </row>
    <row r="674769" spans="8:8">
      <c r="H674769" s="12"/>
    </row>
    <row r="674770" spans="8:8">
      <c r="H674770" s="12"/>
    </row>
    <row r="674771" spans="8:8">
      <c r="H674771" s="12"/>
    </row>
    <row r="674772" spans="8:8">
      <c r="H674772" s="12"/>
    </row>
    <row r="674773" spans="8:8">
      <c r="H674773" s="12"/>
    </row>
    <row r="674774" spans="8:8">
      <c r="H674774" s="12"/>
    </row>
    <row r="674775" spans="8:8">
      <c r="H674775" s="12"/>
    </row>
    <row r="674776" spans="8:8">
      <c r="H674776" s="12"/>
    </row>
    <row r="674777" spans="8:8">
      <c r="H674777" s="12"/>
    </row>
    <row r="674778" spans="8:8">
      <c r="H674778" s="12"/>
    </row>
    <row r="674779" spans="8:8">
      <c r="H674779" s="12"/>
    </row>
    <row r="674780" spans="8:8">
      <c r="H674780" s="12"/>
    </row>
    <row r="674781" spans="8:8">
      <c r="H674781" s="12"/>
    </row>
    <row r="674782" spans="8:8">
      <c r="H674782" s="12"/>
    </row>
    <row r="674783" spans="8:8">
      <c r="H674783" s="12"/>
    </row>
    <row r="674784" spans="8:8">
      <c r="H674784" s="12"/>
    </row>
    <row r="674785" spans="8:8">
      <c r="H674785" s="12"/>
    </row>
    <row r="674786" spans="8:8">
      <c r="H674786" s="12"/>
    </row>
    <row r="674787" spans="8:8">
      <c r="H674787" s="12"/>
    </row>
    <row r="674788" spans="8:8">
      <c r="H674788" s="12"/>
    </row>
    <row r="674789" spans="8:8">
      <c r="H674789" s="12"/>
    </row>
    <row r="674790" spans="8:8">
      <c r="H674790" s="12"/>
    </row>
    <row r="674791" spans="8:8">
      <c r="H674791" s="12"/>
    </row>
    <row r="674792" spans="8:8">
      <c r="H674792" s="12"/>
    </row>
    <row r="674793" spans="8:8">
      <c r="H674793" s="12"/>
    </row>
    <row r="674794" spans="8:8">
      <c r="H674794" s="12"/>
    </row>
    <row r="674795" spans="8:8">
      <c r="H674795" s="12"/>
    </row>
    <row r="674796" spans="8:8">
      <c r="H674796" s="12"/>
    </row>
    <row r="674797" spans="8:8">
      <c r="H674797" s="12"/>
    </row>
    <row r="674798" spans="8:8">
      <c r="H674798" s="12"/>
    </row>
    <row r="674799" spans="8:8">
      <c r="H674799" s="12"/>
    </row>
    <row r="674800" spans="8:8">
      <c r="H674800" s="12"/>
    </row>
    <row r="674801" spans="8:8">
      <c r="H674801" s="12"/>
    </row>
    <row r="674802" spans="8:8">
      <c r="H674802" s="12"/>
    </row>
    <row r="674803" spans="8:8">
      <c r="H674803" s="12"/>
    </row>
    <row r="674804" spans="8:8">
      <c r="H674804" s="12"/>
    </row>
    <row r="674805" spans="8:8">
      <c r="H674805" s="12"/>
    </row>
    <row r="674806" spans="8:8">
      <c r="H674806" s="12"/>
    </row>
    <row r="674807" spans="8:8">
      <c r="H674807" s="12"/>
    </row>
    <row r="674808" spans="8:8">
      <c r="H674808" s="12"/>
    </row>
    <row r="674809" spans="8:8">
      <c r="H674809" s="12"/>
    </row>
    <row r="674810" spans="8:8">
      <c r="H674810" s="12"/>
    </row>
    <row r="674811" spans="8:8">
      <c r="H674811" s="12"/>
    </row>
    <row r="674812" spans="8:8">
      <c r="H674812" s="12"/>
    </row>
    <row r="674813" spans="8:8">
      <c r="H674813" s="12"/>
    </row>
    <row r="674814" spans="8:8">
      <c r="H674814" s="12"/>
    </row>
    <row r="674815" spans="8:8">
      <c r="H674815" s="12"/>
    </row>
    <row r="674816" spans="8:8">
      <c r="H674816" s="12"/>
    </row>
    <row r="674817" spans="8:8">
      <c r="H674817" s="12"/>
    </row>
    <row r="674818" spans="8:8">
      <c r="H674818" s="12"/>
    </row>
    <row r="674819" spans="8:8">
      <c r="H674819" s="12"/>
    </row>
    <row r="674820" spans="8:8">
      <c r="H674820" s="12"/>
    </row>
    <row r="674821" spans="8:8">
      <c r="H674821" s="12"/>
    </row>
    <row r="674822" spans="8:8">
      <c r="H674822" s="12"/>
    </row>
    <row r="674823" spans="8:8">
      <c r="H674823" s="12"/>
    </row>
    <row r="674824" spans="8:8">
      <c r="H674824" s="12"/>
    </row>
    <row r="674825" spans="8:8">
      <c r="H674825" s="12"/>
    </row>
    <row r="674826" spans="8:8">
      <c r="H674826" s="12"/>
    </row>
    <row r="674827" spans="8:8">
      <c r="H674827" s="12"/>
    </row>
    <row r="674828" spans="8:8">
      <c r="H674828" s="12"/>
    </row>
    <row r="674829" spans="8:8">
      <c r="H674829" s="12"/>
    </row>
    <row r="674830" spans="8:8">
      <c r="H674830" s="12"/>
    </row>
    <row r="674831" spans="8:8">
      <c r="H674831" s="12"/>
    </row>
    <row r="674832" spans="8:8">
      <c r="H674832" s="12"/>
    </row>
    <row r="674833" spans="8:8">
      <c r="H674833" s="12"/>
    </row>
    <row r="674834" spans="8:8">
      <c r="H674834" s="12"/>
    </row>
    <row r="674835" spans="8:8">
      <c r="H674835" s="12"/>
    </row>
    <row r="674836" spans="8:8">
      <c r="H674836" s="12"/>
    </row>
    <row r="674837" spans="8:8">
      <c r="H674837" s="12"/>
    </row>
    <row r="674838" spans="8:8">
      <c r="H674838" s="12"/>
    </row>
    <row r="674839" spans="8:8">
      <c r="H674839" s="12"/>
    </row>
    <row r="674840" spans="8:8">
      <c r="H674840" s="12"/>
    </row>
    <row r="674841" spans="8:8">
      <c r="H674841" s="12"/>
    </row>
    <row r="674842" spans="8:8">
      <c r="H674842" s="12"/>
    </row>
    <row r="674843" spans="8:8">
      <c r="H674843" s="12"/>
    </row>
    <row r="674844" spans="8:8">
      <c r="H674844" s="12"/>
    </row>
    <row r="674845" spans="8:8">
      <c r="H674845" s="12"/>
    </row>
    <row r="674846" spans="8:8">
      <c r="H674846" s="12"/>
    </row>
    <row r="674847" spans="8:8">
      <c r="H674847" s="12"/>
    </row>
    <row r="674848" spans="8:8">
      <c r="H674848" s="12"/>
    </row>
    <row r="674849" spans="8:8">
      <c r="H674849" s="12"/>
    </row>
    <row r="674850" spans="8:8">
      <c r="H674850" s="12"/>
    </row>
    <row r="674851" spans="8:8">
      <c r="H674851" s="12"/>
    </row>
    <row r="674852" spans="8:8">
      <c r="H674852" s="12"/>
    </row>
    <row r="674853" spans="8:8">
      <c r="H674853" s="12"/>
    </row>
    <row r="674854" spans="8:8">
      <c r="H674854" s="12"/>
    </row>
    <row r="674855" spans="8:8">
      <c r="H674855" s="12"/>
    </row>
    <row r="674856" spans="8:8">
      <c r="H674856" s="12"/>
    </row>
    <row r="674857" spans="8:8">
      <c r="H674857" s="12"/>
    </row>
    <row r="674858" spans="8:8">
      <c r="H674858" s="12"/>
    </row>
    <row r="674859" spans="8:8">
      <c r="H674859" s="12"/>
    </row>
    <row r="674860" spans="8:8">
      <c r="H674860" s="12"/>
    </row>
    <row r="674861" spans="8:8">
      <c r="H674861" s="12"/>
    </row>
    <row r="674862" spans="8:8">
      <c r="H674862" s="12"/>
    </row>
    <row r="674863" spans="8:8">
      <c r="H674863" s="12"/>
    </row>
    <row r="674864" spans="8:8">
      <c r="H674864" s="12"/>
    </row>
    <row r="674865" spans="8:8">
      <c r="H674865" s="12"/>
    </row>
    <row r="674866" spans="8:8">
      <c r="H674866" s="12"/>
    </row>
    <row r="674867" spans="8:8">
      <c r="H674867" s="12"/>
    </row>
    <row r="674868" spans="8:8">
      <c r="H674868" s="12"/>
    </row>
    <row r="674869" spans="8:8">
      <c r="H674869" s="12"/>
    </row>
    <row r="674870" spans="8:8">
      <c r="H674870" s="12"/>
    </row>
    <row r="674871" spans="8:8">
      <c r="H674871" s="12"/>
    </row>
    <row r="674872" spans="8:8">
      <c r="H674872" s="12"/>
    </row>
    <row r="674873" spans="8:8">
      <c r="H674873" s="12"/>
    </row>
    <row r="674874" spans="8:8">
      <c r="H674874" s="12"/>
    </row>
    <row r="674875" spans="8:8">
      <c r="H674875" s="12"/>
    </row>
    <row r="674876" spans="8:8">
      <c r="H674876" s="12"/>
    </row>
    <row r="674877" spans="8:8">
      <c r="H674877" s="12"/>
    </row>
    <row r="674878" spans="8:8">
      <c r="H674878" s="12"/>
    </row>
    <row r="674879" spans="8:8">
      <c r="H674879" s="12"/>
    </row>
    <row r="674880" spans="8:8">
      <c r="H674880" s="12"/>
    </row>
    <row r="674881" spans="8:8">
      <c r="H674881" s="12"/>
    </row>
    <row r="674882" spans="8:8">
      <c r="H674882" s="12"/>
    </row>
    <row r="674883" spans="8:8">
      <c r="H674883" s="12"/>
    </row>
    <row r="674884" spans="8:8">
      <c r="H674884" s="12"/>
    </row>
    <row r="674885" spans="8:8">
      <c r="H674885" s="12"/>
    </row>
    <row r="674886" spans="8:8">
      <c r="H674886" s="12"/>
    </row>
    <row r="674887" spans="8:8">
      <c r="H674887" s="12"/>
    </row>
    <row r="674888" spans="8:8">
      <c r="H674888" s="12"/>
    </row>
    <row r="674889" spans="8:8">
      <c r="H674889" s="12"/>
    </row>
    <row r="674890" spans="8:8">
      <c r="H674890" s="12"/>
    </row>
    <row r="674891" spans="8:8">
      <c r="H674891" s="12"/>
    </row>
    <row r="674892" spans="8:8">
      <c r="H674892" s="12"/>
    </row>
    <row r="674893" spans="8:8">
      <c r="H674893" s="12"/>
    </row>
    <row r="674894" spans="8:8">
      <c r="H674894" s="12"/>
    </row>
    <row r="674895" spans="8:8">
      <c r="H674895" s="12"/>
    </row>
    <row r="674896" spans="8:8">
      <c r="H674896" s="12"/>
    </row>
    <row r="674897" spans="8:8">
      <c r="H674897" s="12"/>
    </row>
    <row r="674898" spans="8:8">
      <c r="H674898" s="12"/>
    </row>
    <row r="674899" spans="8:8">
      <c r="H674899" s="12"/>
    </row>
    <row r="674900" spans="8:8">
      <c r="H674900" s="12"/>
    </row>
    <row r="674901" spans="8:8">
      <c r="H674901" s="12"/>
    </row>
    <row r="674902" spans="8:8">
      <c r="H674902" s="12"/>
    </row>
    <row r="674903" spans="8:8">
      <c r="H674903" s="12"/>
    </row>
    <row r="674904" spans="8:8">
      <c r="H674904" s="12"/>
    </row>
    <row r="674905" spans="8:8">
      <c r="H674905" s="12"/>
    </row>
    <row r="674906" spans="8:8">
      <c r="H674906" s="12"/>
    </row>
    <row r="674907" spans="8:8">
      <c r="H674907" s="12"/>
    </row>
    <row r="674908" spans="8:8">
      <c r="H674908" s="12"/>
    </row>
    <row r="674909" spans="8:8">
      <c r="H674909" s="12"/>
    </row>
    <row r="674910" spans="8:8">
      <c r="H674910" s="12"/>
    </row>
    <row r="674911" spans="8:8">
      <c r="H674911" s="12"/>
    </row>
    <row r="674912" spans="8:8">
      <c r="H674912" s="12"/>
    </row>
    <row r="674913" spans="8:8">
      <c r="H674913" s="12"/>
    </row>
    <row r="674914" spans="8:8">
      <c r="H674914" s="12"/>
    </row>
    <row r="674915" spans="8:8">
      <c r="H674915" s="12"/>
    </row>
    <row r="674916" spans="8:8">
      <c r="H674916" s="12"/>
    </row>
    <row r="674917" spans="8:8">
      <c r="H674917" s="12"/>
    </row>
    <row r="674918" spans="8:8">
      <c r="H674918" s="12"/>
    </row>
    <row r="674919" spans="8:8">
      <c r="H674919" s="12"/>
    </row>
    <row r="674920" spans="8:8">
      <c r="H674920" s="12"/>
    </row>
    <row r="674921" spans="8:8">
      <c r="H674921" s="12"/>
    </row>
    <row r="674922" spans="8:8">
      <c r="H674922" s="12"/>
    </row>
    <row r="674923" spans="8:8">
      <c r="H674923" s="12"/>
    </row>
    <row r="674924" spans="8:8">
      <c r="H674924" s="12"/>
    </row>
    <row r="674925" spans="8:8">
      <c r="H674925" s="12"/>
    </row>
    <row r="674926" spans="8:8">
      <c r="H674926" s="12"/>
    </row>
    <row r="674927" spans="8:8">
      <c r="H674927" s="12"/>
    </row>
    <row r="674928" spans="8:8">
      <c r="H674928" s="12"/>
    </row>
    <row r="674929" spans="8:8">
      <c r="H674929" s="12"/>
    </row>
    <row r="674930" spans="8:8">
      <c r="H674930" s="12"/>
    </row>
    <row r="674931" spans="8:8">
      <c r="H674931" s="12"/>
    </row>
    <row r="674932" spans="8:8">
      <c r="H674932" s="12"/>
    </row>
    <row r="674933" spans="8:8">
      <c r="H674933" s="12"/>
    </row>
    <row r="674934" spans="8:8">
      <c r="H674934" s="12"/>
    </row>
    <row r="674935" spans="8:8">
      <c r="H674935" s="12"/>
    </row>
    <row r="674936" spans="8:8">
      <c r="H674936" s="12"/>
    </row>
    <row r="674937" spans="8:8">
      <c r="H674937" s="12"/>
    </row>
    <row r="674938" spans="8:8">
      <c r="H674938" s="12"/>
    </row>
    <row r="674939" spans="8:8">
      <c r="H674939" s="12"/>
    </row>
    <row r="674940" spans="8:8">
      <c r="H674940" s="12"/>
    </row>
    <row r="674941" spans="8:8">
      <c r="H674941" s="12"/>
    </row>
    <row r="674942" spans="8:8">
      <c r="H674942" s="12"/>
    </row>
    <row r="674943" spans="8:8">
      <c r="H674943" s="12"/>
    </row>
    <row r="674944" spans="8:8">
      <c r="H674944" s="12"/>
    </row>
    <row r="674945" spans="8:8">
      <c r="H674945" s="12"/>
    </row>
    <row r="674946" spans="8:8">
      <c r="H674946" s="12"/>
    </row>
    <row r="674947" spans="8:8">
      <c r="H674947" s="12"/>
    </row>
    <row r="674948" spans="8:8">
      <c r="H674948" s="12"/>
    </row>
    <row r="674949" spans="8:8">
      <c r="H674949" s="12"/>
    </row>
    <row r="674950" spans="8:8">
      <c r="H674950" s="12"/>
    </row>
    <row r="674951" spans="8:8">
      <c r="H674951" s="12"/>
    </row>
    <row r="674952" spans="8:8">
      <c r="H674952" s="12"/>
    </row>
    <row r="674953" spans="8:8">
      <c r="H674953" s="12"/>
    </row>
    <row r="674954" spans="8:8">
      <c r="H674954" s="12"/>
    </row>
    <row r="674955" spans="8:8">
      <c r="H674955" s="12"/>
    </row>
    <row r="674956" spans="8:8">
      <c r="H674956" s="12"/>
    </row>
    <row r="674957" spans="8:8">
      <c r="H674957" s="12"/>
    </row>
    <row r="674958" spans="8:8">
      <c r="H674958" s="12"/>
    </row>
    <row r="674959" spans="8:8">
      <c r="H674959" s="12"/>
    </row>
    <row r="674960" spans="8:8">
      <c r="H674960" s="12"/>
    </row>
    <row r="674961" spans="8:8">
      <c r="H674961" s="12"/>
    </row>
    <row r="674962" spans="8:8">
      <c r="H674962" s="12"/>
    </row>
    <row r="674963" spans="8:8">
      <c r="H674963" s="12"/>
    </row>
    <row r="674964" spans="8:8">
      <c r="H674964" s="12"/>
    </row>
    <row r="674965" spans="8:8">
      <c r="H674965" s="12"/>
    </row>
    <row r="674966" spans="8:8">
      <c r="H674966" s="12"/>
    </row>
    <row r="674967" spans="8:8">
      <c r="H674967" s="12"/>
    </row>
    <row r="674968" spans="8:8">
      <c r="H674968" s="12"/>
    </row>
    <row r="674969" spans="8:8">
      <c r="H674969" s="12"/>
    </row>
    <row r="674970" spans="8:8">
      <c r="H674970" s="12"/>
    </row>
    <row r="674971" spans="8:8">
      <c r="H674971" s="12"/>
    </row>
    <row r="674972" spans="8:8">
      <c r="H674972" s="12"/>
    </row>
    <row r="674973" spans="8:8">
      <c r="H674973" s="12"/>
    </row>
    <row r="674974" spans="8:8">
      <c r="H674974" s="12"/>
    </row>
    <row r="674975" spans="8:8">
      <c r="H674975" s="12"/>
    </row>
    <row r="674976" spans="8:8">
      <c r="H674976" s="12"/>
    </row>
    <row r="674977" spans="8:8">
      <c r="H674977" s="12"/>
    </row>
    <row r="674978" spans="8:8">
      <c r="H674978" s="12"/>
    </row>
    <row r="674979" spans="8:8">
      <c r="H674979" s="12"/>
    </row>
    <row r="674980" spans="8:8">
      <c r="H674980" s="12"/>
    </row>
    <row r="674981" spans="8:8">
      <c r="H674981" s="12"/>
    </row>
    <row r="674982" spans="8:8">
      <c r="H674982" s="12"/>
    </row>
    <row r="674983" spans="8:8">
      <c r="H674983" s="12"/>
    </row>
    <row r="674984" spans="8:8">
      <c r="H674984" s="12"/>
    </row>
    <row r="674985" spans="8:8">
      <c r="H674985" s="12"/>
    </row>
    <row r="674986" spans="8:8">
      <c r="H674986" s="12"/>
    </row>
    <row r="674987" spans="8:8">
      <c r="H674987" s="12"/>
    </row>
    <row r="674988" spans="8:8">
      <c r="H674988" s="12"/>
    </row>
    <row r="674989" spans="8:8">
      <c r="H674989" s="12"/>
    </row>
    <row r="674990" spans="8:8">
      <c r="H674990" s="12"/>
    </row>
    <row r="674991" spans="8:8">
      <c r="H674991" s="12"/>
    </row>
    <row r="674992" spans="8:8">
      <c r="H674992" s="12"/>
    </row>
    <row r="674993" spans="8:8">
      <c r="H674993" s="12"/>
    </row>
    <row r="674994" spans="8:8">
      <c r="H674994" s="12"/>
    </row>
    <row r="674995" spans="8:8">
      <c r="H674995" s="12"/>
    </row>
    <row r="674996" spans="8:8">
      <c r="H674996" s="12"/>
    </row>
    <row r="674997" spans="8:8">
      <c r="H674997" s="12"/>
    </row>
    <row r="674998" spans="8:8">
      <c r="H674998" s="12"/>
    </row>
    <row r="674999" spans="8:8">
      <c r="H674999" s="12"/>
    </row>
    <row r="675000" spans="8:8">
      <c r="H675000" s="12"/>
    </row>
    <row r="675001" spans="8:8">
      <c r="H675001" s="12"/>
    </row>
    <row r="675002" spans="8:8">
      <c r="H675002" s="12"/>
    </row>
    <row r="675003" spans="8:8">
      <c r="H675003" s="12"/>
    </row>
    <row r="675004" spans="8:8">
      <c r="H675004" s="12"/>
    </row>
    <row r="675005" spans="8:8">
      <c r="H675005" s="12"/>
    </row>
    <row r="675006" spans="8:8">
      <c r="H675006" s="12"/>
    </row>
    <row r="675007" spans="8:8">
      <c r="H675007" s="12"/>
    </row>
    <row r="675008" spans="8:8">
      <c r="H675008" s="12"/>
    </row>
    <row r="675009" spans="8:8">
      <c r="H675009" s="12"/>
    </row>
    <row r="675010" spans="8:8">
      <c r="H675010" s="12"/>
    </row>
    <row r="675011" spans="8:8">
      <c r="H675011" s="12"/>
    </row>
    <row r="675012" spans="8:8">
      <c r="H675012" s="12"/>
    </row>
    <row r="675013" spans="8:8">
      <c r="H675013" s="12"/>
    </row>
    <row r="675014" spans="8:8">
      <c r="H675014" s="12"/>
    </row>
    <row r="675015" spans="8:8">
      <c r="H675015" s="12"/>
    </row>
    <row r="675016" spans="8:8">
      <c r="H675016" s="12"/>
    </row>
    <row r="675017" spans="8:8">
      <c r="H675017" s="12"/>
    </row>
    <row r="675018" spans="8:8">
      <c r="H675018" s="12"/>
    </row>
    <row r="675019" spans="8:8">
      <c r="H675019" s="12"/>
    </row>
    <row r="675020" spans="8:8">
      <c r="H675020" s="12"/>
    </row>
    <row r="675021" spans="8:8">
      <c r="H675021" s="12"/>
    </row>
    <row r="675022" spans="8:8">
      <c r="H675022" s="12"/>
    </row>
    <row r="675023" spans="8:8">
      <c r="H675023" s="12"/>
    </row>
    <row r="675024" spans="8:8">
      <c r="H675024" s="12"/>
    </row>
    <row r="675025" spans="8:8">
      <c r="H675025" s="12"/>
    </row>
    <row r="675026" spans="8:8">
      <c r="H675026" s="12"/>
    </row>
    <row r="675027" spans="8:8">
      <c r="H675027" s="12"/>
    </row>
    <row r="675028" spans="8:8">
      <c r="H675028" s="12"/>
    </row>
    <row r="675029" spans="8:8">
      <c r="H675029" s="12"/>
    </row>
    <row r="675030" spans="8:8">
      <c r="H675030" s="12"/>
    </row>
    <row r="675031" spans="8:8">
      <c r="H675031" s="12"/>
    </row>
    <row r="675032" spans="8:8">
      <c r="H675032" s="12"/>
    </row>
    <row r="675033" spans="8:8">
      <c r="H675033" s="12"/>
    </row>
    <row r="675034" spans="8:8">
      <c r="H675034" s="12"/>
    </row>
    <row r="675035" spans="8:8">
      <c r="H675035" s="12"/>
    </row>
    <row r="675036" spans="8:8">
      <c r="H675036" s="12"/>
    </row>
    <row r="675037" spans="8:8">
      <c r="H675037" s="12"/>
    </row>
    <row r="675038" spans="8:8">
      <c r="H675038" s="12"/>
    </row>
    <row r="675039" spans="8:8">
      <c r="H675039" s="12"/>
    </row>
    <row r="675040" spans="8:8">
      <c r="H675040" s="12"/>
    </row>
    <row r="675041" spans="8:8">
      <c r="H675041" s="12"/>
    </row>
    <row r="675042" spans="8:8">
      <c r="H675042" s="12"/>
    </row>
    <row r="675043" spans="8:8">
      <c r="H675043" s="12"/>
    </row>
    <row r="675044" spans="8:8">
      <c r="H675044" s="12"/>
    </row>
    <row r="675045" spans="8:8">
      <c r="H675045" s="12"/>
    </row>
    <row r="675046" spans="8:8">
      <c r="H675046" s="12"/>
    </row>
    <row r="675047" spans="8:8">
      <c r="H675047" s="12"/>
    </row>
    <row r="675048" spans="8:8">
      <c r="H675048" s="12"/>
    </row>
    <row r="675049" spans="8:8">
      <c r="H675049" s="12"/>
    </row>
    <row r="675050" spans="8:8">
      <c r="H675050" s="12"/>
    </row>
    <row r="675051" spans="8:8">
      <c r="H675051" s="12"/>
    </row>
    <row r="675052" spans="8:8">
      <c r="H675052" s="12"/>
    </row>
    <row r="675053" spans="8:8">
      <c r="H675053" s="12"/>
    </row>
    <row r="675054" spans="8:8">
      <c r="H675054" s="12"/>
    </row>
    <row r="675055" spans="8:8">
      <c r="H675055" s="12"/>
    </row>
    <row r="675056" spans="8:8">
      <c r="H675056" s="12"/>
    </row>
    <row r="675057" spans="8:8">
      <c r="H675057" s="12"/>
    </row>
    <row r="675058" spans="8:8">
      <c r="H675058" s="12"/>
    </row>
    <row r="675059" spans="8:8">
      <c r="H675059" s="12"/>
    </row>
    <row r="675060" spans="8:8">
      <c r="H675060" s="12"/>
    </row>
    <row r="675061" spans="8:8">
      <c r="H675061" s="12"/>
    </row>
    <row r="675062" spans="8:8">
      <c r="H675062" s="12"/>
    </row>
    <row r="675063" spans="8:8">
      <c r="H675063" s="12"/>
    </row>
    <row r="675064" spans="8:8">
      <c r="H675064" s="12"/>
    </row>
    <row r="675065" spans="8:8">
      <c r="H675065" s="12"/>
    </row>
    <row r="675066" spans="8:8">
      <c r="H675066" s="12"/>
    </row>
    <row r="675067" spans="8:8">
      <c r="H675067" s="12"/>
    </row>
    <row r="675068" spans="8:8">
      <c r="H675068" s="12"/>
    </row>
    <row r="675069" spans="8:8">
      <c r="H675069" s="12"/>
    </row>
    <row r="675070" spans="8:8">
      <c r="H675070" s="12"/>
    </row>
    <row r="675071" spans="8:8">
      <c r="H675071" s="12"/>
    </row>
    <row r="675072" spans="8:8">
      <c r="H675072" s="12"/>
    </row>
    <row r="675073" spans="8:8">
      <c r="H675073" s="12"/>
    </row>
    <row r="675074" spans="8:8">
      <c r="H675074" s="12"/>
    </row>
    <row r="675075" spans="8:8">
      <c r="H675075" s="12"/>
    </row>
    <row r="675076" spans="8:8">
      <c r="H675076" s="12"/>
    </row>
    <row r="675077" spans="8:8">
      <c r="H675077" s="12"/>
    </row>
    <row r="675078" spans="8:8">
      <c r="H675078" s="12"/>
    </row>
    <row r="675079" spans="8:8">
      <c r="H675079" s="12"/>
    </row>
    <row r="675080" spans="8:8">
      <c r="H675080" s="12"/>
    </row>
    <row r="675081" spans="8:8">
      <c r="H675081" s="12"/>
    </row>
    <row r="675082" spans="8:8">
      <c r="H675082" s="12"/>
    </row>
    <row r="675083" spans="8:8">
      <c r="H675083" s="12"/>
    </row>
    <row r="675084" spans="8:8">
      <c r="H675084" s="12"/>
    </row>
    <row r="675085" spans="8:8">
      <c r="H675085" s="12"/>
    </row>
    <row r="675086" spans="8:8">
      <c r="H675086" s="12"/>
    </row>
    <row r="675087" spans="8:8">
      <c r="H675087" s="12"/>
    </row>
    <row r="675088" spans="8:8">
      <c r="H675088" s="12"/>
    </row>
    <row r="675089" spans="8:8">
      <c r="H675089" s="12"/>
    </row>
    <row r="675090" spans="8:8">
      <c r="H675090" s="12"/>
    </row>
    <row r="675091" spans="8:8">
      <c r="H675091" s="12"/>
    </row>
    <row r="675092" spans="8:8">
      <c r="H675092" s="12"/>
    </row>
    <row r="675093" spans="8:8">
      <c r="H675093" s="12"/>
    </row>
    <row r="675094" spans="8:8">
      <c r="H675094" s="12"/>
    </row>
    <row r="675095" spans="8:8">
      <c r="H675095" s="12"/>
    </row>
    <row r="675096" spans="8:8">
      <c r="H675096" s="12"/>
    </row>
    <row r="675097" spans="8:8">
      <c r="H675097" s="12"/>
    </row>
    <row r="675098" spans="8:8">
      <c r="H675098" s="12"/>
    </row>
    <row r="675099" spans="8:8">
      <c r="H675099" s="12"/>
    </row>
    <row r="675100" spans="8:8">
      <c r="H675100" s="12"/>
    </row>
    <row r="675101" spans="8:8">
      <c r="H675101" s="12"/>
    </row>
    <row r="675102" spans="8:8">
      <c r="H675102" s="12"/>
    </row>
    <row r="675103" spans="8:8">
      <c r="H675103" s="12"/>
    </row>
    <row r="675104" spans="8:8">
      <c r="H675104" s="12"/>
    </row>
    <row r="675105" spans="8:8">
      <c r="H675105" s="12"/>
    </row>
    <row r="675106" spans="8:8">
      <c r="H675106" s="12"/>
    </row>
    <row r="675107" spans="8:8">
      <c r="H675107" s="12"/>
    </row>
    <row r="675108" spans="8:8">
      <c r="H675108" s="12"/>
    </row>
    <row r="675109" spans="8:8">
      <c r="H675109" s="12"/>
    </row>
    <row r="675110" spans="8:8">
      <c r="H675110" s="12"/>
    </row>
    <row r="675111" spans="8:8">
      <c r="H675111" s="12"/>
    </row>
    <row r="675112" spans="8:8">
      <c r="H675112" s="12"/>
    </row>
    <row r="675113" spans="8:8">
      <c r="H675113" s="12"/>
    </row>
    <row r="675114" spans="8:8">
      <c r="H675114" s="12"/>
    </row>
    <row r="675115" spans="8:8">
      <c r="H675115" s="12"/>
    </row>
    <row r="675116" spans="8:8">
      <c r="H675116" s="12"/>
    </row>
    <row r="675117" spans="8:8">
      <c r="H675117" s="12"/>
    </row>
    <row r="675118" spans="8:8">
      <c r="H675118" s="12"/>
    </row>
    <row r="675119" spans="8:8">
      <c r="H675119" s="12"/>
    </row>
    <row r="675120" spans="8:8">
      <c r="H675120" s="12"/>
    </row>
    <row r="675121" spans="8:8">
      <c r="H675121" s="12"/>
    </row>
    <row r="675122" spans="8:8">
      <c r="H675122" s="12"/>
    </row>
    <row r="675123" spans="8:8">
      <c r="H675123" s="12"/>
    </row>
    <row r="675124" spans="8:8">
      <c r="H675124" s="12"/>
    </row>
    <row r="675125" spans="8:8">
      <c r="H675125" s="12"/>
    </row>
    <row r="675126" spans="8:8">
      <c r="H675126" s="12"/>
    </row>
    <row r="675127" spans="8:8">
      <c r="H675127" s="12"/>
    </row>
    <row r="675128" spans="8:8">
      <c r="H675128" s="12"/>
    </row>
    <row r="675129" spans="8:8">
      <c r="H675129" s="12"/>
    </row>
    <row r="675130" spans="8:8">
      <c r="H675130" s="12"/>
    </row>
    <row r="675131" spans="8:8">
      <c r="H675131" s="12"/>
    </row>
    <row r="675132" spans="8:8">
      <c r="H675132" s="12"/>
    </row>
    <row r="675133" spans="8:8">
      <c r="H675133" s="12"/>
    </row>
    <row r="675134" spans="8:8">
      <c r="H675134" s="12"/>
    </row>
    <row r="675135" spans="8:8">
      <c r="H675135" s="12"/>
    </row>
    <row r="675136" spans="8:8">
      <c r="H675136" s="12"/>
    </row>
    <row r="675137" spans="8:8">
      <c r="H675137" s="12"/>
    </row>
    <row r="675138" spans="8:8">
      <c r="H675138" s="12"/>
    </row>
    <row r="675139" spans="8:8">
      <c r="H675139" s="12"/>
    </row>
    <row r="675140" spans="8:8">
      <c r="H675140" s="12"/>
    </row>
    <row r="675141" spans="8:8">
      <c r="H675141" s="12"/>
    </row>
    <row r="675142" spans="8:8">
      <c r="H675142" s="12"/>
    </row>
    <row r="675143" spans="8:8">
      <c r="H675143" s="12"/>
    </row>
    <row r="675144" spans="8:8">
      <c r="H675144" s="12"/>
    </row>
    <row r="675145" spans="8:8">
      <c r="H675145" s="12"/>
    </row>
    <row r="675146" spans="8:8">
      <c r="H675146" s="12"/>
    </row>
    <row r="675147" spans="8:8">
      <c r="H675147" s="12"/>
    </row>
    <row r="675148" spans="8:8">
      <c r="H675148" s="12"/>
    </row>
    <row r="675149" spans="8:8">
      <c r="H675149" s="12"/>
    </row>
    <row r="675150" spans="8:8">
      <c r="H675150" s="12"/>
    </row>
    <row r="675151" spans="8:8">
      <c r="H675151" s="12"/>
    </row>
    <row r="675152" spans="8:8">
      <c r="H675152" s="12"/>
    </row>
    <row r="675153" spans="8:8">
      <c r="H675153" s="12"/>
    </row>
    <row r="675154" spans="8:8">
      <c r="H675154" s="12"/>
    </row>
    <row r="675155" spans="8:8">
      <c r="H675155" s="12"/>
    </row>
    <row r="675156" spans="8:8">
      <c r="H675156" s="12"/>
    </row>
    <row r="675157" spans="8:8">
      <c r="H675157" s="12"/>
    </row>
    <row r="675158" spans="8:8">
      <c r="H675158" s="12"/>
    </row>
    <row r="675159" spans="8:8">
      <c r="H675159" s="12"/>
    </row>
    <row r="675160" spans="8:8">
      <c r="H675160" s="12"/>
    </row>
    <row r="675161" spans="8:8">
      <c r="H675161" s="12"/>
    </row>
    <row r="675162" spans="8:8">
      <c r="H675162" s="12"/>
    </row>
    <row r="675163" spans="8:8">
      <c r="H675163" s="12"/>
    </row>
    <row r="675164" spans="8:8">
      <c r="H675164" s="12"/>
    </row>
    <row r="675165" spans="8:8">
      <c r="H675165" s="12"/>
    </row>
    <row r="675166" spans="8:8">
      <c r="H675166" s="12"/>
    </row>
    <row r="675167" spans="8:8">
      <c r="H675167" s="12"/>
    </row>
    <row r="675168" spans="8:8">
      <c r="H675168" s="12"/>
    </row>
    <row r="675169" spans="8:8">
      <c r="H675169" s="12"/>
    </row>
    <row r="675170" spans="8:8">
      <c r="H675170" s="12"/>
    </row>
    <row r="675171" spans="8:8">
      <c r="H675171" s="12"/>
    </row>
    <row r="675172" spans="8:8">
      <c r="H675172" s="12"/>
    </row>
    <row r="675173" spans="8:8">
      <c r="H675173" s="12"/>
    </row>
    <row r="675174" spans="8:8">
      <c r="H675174" s="12"/>
    </row>
    <row r="675175" spans="8:8">
      <c r="H675175" s="12"/>
    </row>
    <row r="675176" spans="8:8">
      <c r="H675176" s="12"/>
    </row>
    <row r="675177" spans="8:8">
      <c r="H675177" s="12"/>
    </row>
    <row r="675178" spans="8:8">
      <c r="H675178" s="12"/>
    </row>
    <row r="675179" spans="8:8">
      <c r="H675179" s="12"/>
    </row>
    <row r="675180" spans="8:8">
      <c r="H675180" s="12"/>
    </row>
    <row r="675181" spans="8:8">
      <c r="H675181" s="12"/>
    </row>
    <row r="675182" spans="8:8">
      <c r="H675182" s="12"/>
    </row>
    <row r="675183" spans="8:8">
      <c r="H675183" s="12"/>
    </row>
    <row r="675184" spans="8:8">
      <c r="H675184" s="12"/>
    </row>
    <row r="675185" spans="8:8">
      <c r="H675185" s="12"/>
    </row>
    <row r="675186" spans="8:8">
      <c r="H675186" s="12"/>
    </row>
    <row r="675187" spans="8:8">
      <c r="H675187" s="12"/>
    </row>
    <row r="675188" spans="8:8">
      <c r="H675188" s="12"/>
    </row>
    <row r="675189" spans="8:8">
      <c r="H675189" s="12"/>
    </row>
    <row r="675190" spans="8:8">
      <c r="H675190" s="12"/>
    </row>
    <row r="675191" spans="8:8">
      <c r="H675191" s="12"/>
    </row>
    <row r="675192" spans="8:8">
      <c r="H675192" s="12"/>
    </row>
    <row r="675193" spans="8:8">
      <c r="H675193" s="12"/>
    </row>
    <row r="675194" spans="8:8">
      <c r="H675194" s="12"/>
    </row>
    <row r="675195" spans="8:8">
      <c r="H675195" s="12"/>
    </row>
    <row r="675196" spans="8:8">
      <c r="H675196" s="12"/>
    </row>
    <row r="675197" spans="8:8">
      <c r="H675197" s="12"/>
    </row>
    <row r="675198" spans="8:8">
      <c r="H675198" s="12"/>
    </row>
    <row r="675199" spans="8:8">
      <c r="H675199" s="12"/>
    </row>
    <row r="675200" spans="8:8">
      <c r="H675200" s="12"/>
    </row>
    <row r="675201" spans="8:8">
      <c r="H675201" s="12"/>
    </row>
    <row r="675202" spans="8:8">
      <c r="H675202" s="12"/>
    </row>
    <row r="675203" spans="8:8">
      <c r="H675203" s="12"/>
    </row>
    <row r="675204" spans="8:8">
      <c r="H675204" s="12"/>
    </row>
    <row r="675205" spans="8:8">
      <c r="H675205" s="12"/>
    </row>
    <row r="675206" spans="8:8">
      <c r="H675206" s="12"/>
    </row>
    <row r="675207" spans="8:8">
      <c r="H675207" s="12"/>
    </row>
    <row r="675208" spans="8:8">
      <c r="H675208" s="12"/>
    </row>
    <row r="675209" spans="8:8">
      <c r="H675209" s="12"/>
    </row>
    <row r="675210" spans="8:8">
      <c r="H675210" s="12"/>
    </row>
    <row r="675211" spans="8:8">
      <c r="H675211" s="12"/>
    </row>
    <row r="675212" spans="8:8">
      <c r="H675212" s="12"/>
    </row>
    <row r="675213" spans="8:8">
      <c r="H675213" s="12"/>
    </row>
    <row r="675214" spans="8:8">
      <c r="H675214" s="12"/>
    </row>
    <row r="675215" spans="8:8">
      <c r="H675215" s="12"/>
    </row>
    <row r="675216" spans="8:8">
      <c r="H675216" s="12"/>
    </row>
    <row r="675217" spans="8:8">
      <c r="H675217" s="12"/>
    </row>
    <row r="675218" spans="8:8">
      <c r="H675218" s="12"/>
    </row>
    <row r="675219" spans="8:8">
      <c r="H675219" s="12"/>
    </row>
    <row r="675220" spans="8:8">
      <c r="H675220" s="12"/>
    </row>
    <row r="675221" spans="8:8">
      <c r="H675221" s="12"/>
    </row>
    <row r="675222" spans="8:8">
      <c r="H675222" s="12"/>
    </row>
    <row r="675223" spans="8:8">
      <c r="H675223" s="12"/>
    </row>
    <row r="675224" spans="8:8">
      <c r="H675224" s="12"/>
    </row>
    <row r="675225" spans="8:8">
      <c r="H675225" s="12"/>
    </row>
    <row r="675226" spans="8:8">
      <c r="H675226" s="12"/>
    </row>
    <row r="675227" spans="8:8">
      <c r="H675227" s="12"/>
    </row>
    <row r="675228" spans="8:8">
      <c r="H675228" s="12"/>
    </row>
    <row r="675229" spans="8:8">
      <c r="H675229" s="12"/>
    </row>
    <row r="675230" spans="8:8">
      <c r="H675230" s="12"/>
    </row>
    <row r="675231" spans="8:8">
      <c r="H675231" s="12"/>
    </row>
    <row r="675232" spans="8:8">
      <c r="H675232" s="12"/>
    </row>
    <row r="675233" spans="8:8">
      <c r="H675233" s="12"/>
    </row>
    <row r="675234" spans="8:8">
      <c r="H675234" s="12"/>
    </row>
    <row r="675235" spans="8:8">
      <c r="H675235" s="12"/>
    </row>
    <row r="675236" spans="8:8">
      <c r="H675236" s="12"/>
    </row>
    <row r="675237" spans="8:8">
      <c r="H675237" s="12"/>
    </row>
    <row r="675238" spans="8:8">
      <c r="H675238" s="12"/>
    </row>
    <row r="675239" spans="8:8">
      <c r="H675239" s="12"/>
    </row>
    <row r="675240" spans="8:8">
      <c r="H675240" s="12"/>
    </row>
    <row r="675241" spans="8:8">
      <c r="H675241" s="12"/>
    </row>
    <row r="675242" spans="8:8">
      <c r="H675242" s="12"/>
    </row>
    <row r="675243" spans="8:8">
      <c r="H675243" s="12"/>
    </row>
    <row r="675244" spans="8:8">
      <c r="H675244" s="12"/>
    </row>
    <row r="675245" spans="8:8">
      <c r="H675245" s="12"/>
    </row>
    <row r="675246" spans="8:8">
      <c r="H675246" s="12"/>
    </row>
    <row r="675247" spans="8:8">
      <c r="H675247" s="12"/>
    </row>
    <row r="675248" spans="8:8">
      <c r="H675248" s="12"/>
    </row>
    <row r="675249" spans="8:8">
      <c r="H675249" s="12"/>
    </row>
    <row r="675250" spans="8:8">
      <c r="H675250" s="12"/>
    </row>
    <row r="675251" spans="8:8">
      <c r="H675251" s="12"/>
    </row>
    <row r="675252" spans="8:8">
      <c r="H675252" s="12"/>
    </row>
    <row r="675253" spans="8:8">
      <c r="H675253" s="12"/>
    </row>
    <row r="675254" spans="8:8">
      <c r="H675254" s="12"/>
    </row>
    <row r="675255" spans="8:8">
      <c r="H675255" s="12"/>
    </row>
    <row r="675256" spans="8:8">
      <c r="H675256" s="12"/>
    </row>
    <row r="675257" spans="8:8">
      <c r="H675257" s="12"/>
    </row>
    <row r="675258" spans="8:8">
      <c r="H675258" s="12"/>
    </row>
    <row r="675259" spans="8:8">
      <c r="H675259" s="12"/>
    </row>
    <row r="675260" spans="8:8">
      <c r="H675260" s="12"/>
    </row>
    <row r="675261" spans="8:8">
      <c r="H675261" s="12"/>
    </row>
    <row r="675262" spans="8:8">
      <c r="H675262" s="12"/>
    </row>
    <row r="675263" spans="8:8">
      <c r="H675263" s="12"/>
    </row>
    <row r="675264" spans="8:8">
      <c r="H675264" s="12"/>
    </row>
    <row r="675265" spans="8:8">
      <c r="H675265" s="12"/>
    </row>
    <row r="675266" spans="8:8">
      <c r="H675266" s="12"/>
    </row>
    <row r="675267" spans="8:8">
      <c r="H675267" s="12"/>
    </row>
    <row r="675268" spans="8:8">
      <c r="H675268" s="12"/>
    </row>
    <row r="675269" spans="8:8">
      <c r="H675269" s="12"/>
    </row>
    <row r="675270" spans="8:8">
      <c r="H675270" s="12"/>
    </row>
    <row r="675271" spans="8:8">
      <c r="H675271" s="12"/>
    </row>
    <row r="675272" spans="8:8">
      <c r="H675272" s="12"/>
    </row>
    <row r="675273" spans="8:8">
      <c r="H675273" s="12"/>
    </row>
    <row r="675274" spans="8:8">
      <c r="H675274" s="12"/>
    </row>
    <row r="675275" spans="8:8">
      <c r="H675275" s="12"/>
    </row>
    <row r="675276" spans="8:8">
      <c r="H675276" s="12"/>
    </row>
    <row r="675277" spans="8:8">
      <c r="H675277" s="12"/>
    </row>
    <row r="675278" spans="8:8">
      <c r="H675278" s="12"/>
    </row>
    <row r="675279" spans="8:8">
      <c r="H675279" s="12"/>
    </row>
    <row r="675280" spans="8:8">
      <c r="H675280" s="12"/>
    </row>
    <row r="675281" spans="8:8">
      <c r="H675281" s="12"/>
    </row>
    <row r="675282" spans="8:8">
      <c r="H675282" s="12"/>
    </row>
    <row r="675283" spans="8:8">
      <c r="H675283" s="12"/>
    </row>
    <row r="675284" spans="8:8">
      <c r="H675284" s="12"/>
    </row>
    <row r="675285" spans="8:8">
      <c r="H675285" s="12"/>
    </row>
    <row r="675286" spans="8:8">
      <c r="H675286" s="12"/>
    </row>
    <row r="675287" spans="8:8">
      <c r="H675287" s="12"/>
    </row>
    <row r="675288" spans="8:8">
      <c r="H675288" s="12"/>
    </row>
    <row r="675289" spans="8:8">
      <c r="H675289" s="12"/>
    </row>
    <row r="675290" spans="8:8">
      <c r="H675290" s="12"/>
    </row>
    <row r="675291" spans="8:8">
      <c r="H675291" s="12"/>
    </row>
    <row r="675292" spans="8:8">
      <c r="H675292" s="12"/>
    </row>
    <row r="675293" spans="8:8">
      <c r="H675293" s="12"/>
    </row>
    <row r="675294" spans="8:8">
      <c r="H675294" s="12"/>
    </row>
    <row r="675295" spans="8:8">
      <c r="H675295" s="12"/>
    </row>
    <row r="675296" spans="8:8">
      <c r="H675296" s="12"/>
    </row>
    <row r="675297" spans="8:8">
      <c r="H675297" s="12"/>
    </row>
    <row r="675298" spans="8:8">
      <c r="H675298" s="12"/>
    </row>
    <row r="675299" spans="8:8">
      <c r="H675299" s="12"/>
    </row>
    <row r="675300" spans="8:8">
      <c r="H675300" s="12"/>
    </row>
    <row r="675301" spans="8:8">
      <c r="H675301" s="12"/>
    </row>
    <row r="675302" spans="8:8">
      <c r="H675302" s="12"/>
    </row>
    <row r="675303" spans="8:8">
      <c r="H675303" s="12"/>
    </row>
    <row r="675304" spans="8:8">
      <c r="H675304" s="12"/>
    </row>
    <row r="675305" spans="8:8">
      <c r="H675305" s="12"/>
    </row>
    <row r="675306" spans="8:8">
      <c r="H675306" s="12"/>
    </row>
    <row r="675307" spans="8:8">
      <c r="H675307" s="12"/>
    </row>
    <row r="675308" spans="8:8">
      <c r="H675308" s="12"/>
    </row>
    <row r="675309" spans="8:8">
      <c r="H675309" s="12"/>
    </row>
    <row r="675310" spans="8:8">
      <c r="H675310" s="12"/>
    </row>
    <row r="675311" spans="8:8">
      <c r="H675311" s="12"/>
    </row>
    <row r="675312" spans="8:8">
      <c r="H675312" s="12"/>
    </row>
    <row r="675313" spans="8:8">
      <c r="H675313" s="12"/>
    </row>
    <row r="675314" spans="8:8">
      <c r="H675314" s="12"/>
    </row>
    <row r="675315" spans="8:8">
      <c r="H675315" s="12"/>
    </row>
    <row r="675316" spans="8:8">
      <c r="H675316" s="12"/>
    </row>
    <row r="675317" spans="8:8">
      <c r="H675317" s="12"/>
    </row>
    <row r="675318" spans="8:8">
      <c r="H675318" s="12"/>
    </row>
    <row r="675319" spans="8:8">
      <c r="H675319" s="12"/>
    </row>
    <row r="675320" spans="8:8">
      <c r="H675320" s="12"/>
    </row>
    <row r="675321" spans="8:8">
      <c r="H675321" s="12"/>
    </row>
    <row r="675322" spans="8:8">
      <c r="H675322" s="12"/>
    </row>
    <row r="675323" spans="8:8">
      <c r="H675323" s="12"/>
    </row>
    <row r="675324" spans="8:8">
      <c r="H675324" s="12"/>
    </row>
    <row r="675325" spans="8:8">
      <c r="H675325" s="12"/>
    </row>
    <row r="675326" spans="8:8">
      <c r="H675326" s="12"/>
    </row>
    <row r="675327" spans="8:8">
      <c r="H675327" s="12"/>
    </row>
    <row r="675328" spans="8:8">
      <c r="H675328" s="12"/>
    </row>
    <row r="675329" spans="8:8">
      <c r="H675329" s="12"/>
    </row>
    <row r="675330" spans="8:8">
      <c r="H675330" s="12"/>
    </row>
    <row r="675331" spans="8:8">
      <c r="H675331" s="12"/>
    </row>
    <row r="675332" spans="8:8">
      <c r="H675332" s="12"/>
    </row>
    <row r="675333" spans="8:8">
      <c r="H675333" s="12"/>
    </row>
    <row r="675334" spans="8:8">
      <c r="H675334" s="12"/>
    </row>
    <row r="675335" spans="8:8">
      <c r="H675335" s="12"/>
    </row>
    <row r="675336" spans="8:8">
      <c r="H675336" s="12"/>
    </row>
    <row r="675337" spans="8:8">
      <c r="H675337" s="12"/>
    </row>
    <row r="675338" spans="8:8">
      <c r="H675338" s="12"/>
    </row>
    <row r="675339" spans="8:8">
      <c r="H675339" s="12"/>
    </row>
    <row r="675340" spans="8:8">
      <c r="H675340" s="12"/>
    </row>
    <row r="675341" spans="8:8">
      <c r="H675341" s="12"/>
    </row>
    <row r="675342" spans="8:8">
      <c r="H675342" s="12"/>
    </row>
    <row r="675343" spans="8:8">
      <c r="H675343" s="12"/>
    </row>
    <row r="675344" spans="8:8">
      <c r="H675344" s="12"/>
    </row>
    <row r="675345" spans="8:8">
      <c r="H675345" s="12"/>
    </row>
    <row r="675346" spans="8:8">
      <c r="H675346" s="12"/>
    </row>
    <row r="675347" spans="8:8">
      <c r="H675347" s="12"/>
    </row>
    <row r="675348" spans="8:8">
      <c r="H675348" s="12"/>
    </row>
    <row r="675349" spans="8:8">
      <c r="H675349" s="12"/>
    </row>
    <row r="675350" spans="8:8">
      <c r="H675350" s="12"/>
    </row>
    <row r="675351" spans="8:8">
      <c r="H675351" s="12"/>
    </row>
    <row r="675352" spans="8:8">
      <c r="H675352" s="12"/>
    </row>
    <row r="675353" spans="8:8">
      <c r="H675353" s="12"/>
    </row>
    <row r="675354" spans="8:8">
      <c r="H675354" s="12"/>
    </row>
    <row r="675355" spans="8:8">
      <c r="H675355" s="12"/>
    </row>
    <row r="675356" spans="8:8">
      <c r="H675356" s="12"/>
    </row>
    <row r="675357" spans="8:8">
      <c r="H675357" s="12"/>
    </row>
    <row r="675358" spans="8:8">
      <c r="H675358" s="12"/>
    </row>
    <row r="675359" spans="8:8">
      <c r="H675359" s="12"/>
    </row>
    <row r="675360" spans="8:8">
      <c r="H675360" s="12"/>
    </row>
    <row r="675361" spans="8:8">
      <c r="H675361" s="12"/>
    </row>
    <row r="675362" spans="8:8">
      <c r="H675362" s="12"/>
    </row>
    <row r="675363" spans="8:8">
      <c r="H675363" s="12"/>
    </row>
    <row r="675364" spans="8:8">
      <c r="H675364" s="12"/>
    </row>
    <row r="675365" spans="8:8">
      <c r="H675365" s="12"/>
    </row>
    <row r="675366" spans="8:8">
      <c r="H675366" s="12"/>
    </row>
    <row r="675367" spans="8:8">
      <c r="H675367" s="12"/>
    </row>
    <row r="675368" spans="8:8">
      <c r="H675368" s="12"/>
    </row>
    <row r="675369" spans="8:8">
      <c r="H675369" s="12"/>
    </row>
    <row r="675370" spans="8:8">
      <c r="H675370" s="12"/>
    </row>
    <row r="675371" spans="8:8">
      <c r="H675371" s="12"/>
    </row>
    <row r="675372" spans="8:8">
      <c r="H675372" s="12"/>
    </row>
    <row r="675373" spans="8:8">
      <c r="H675373" s="12"/>
    </row>
    <row r="675374" spans="8:8">
      <c r="H675374" s="12"/>
    </row>
    <row r="675375" spans="8:8">
      <c r="H675375" s="12"/>
    </row>
    <row r="675376" spans="8:8">
      <c r="H675376" s="12"/>
    </row>
    <row r="675377" spans="8:8">
      <c r="H675377" s="12"/>
    </row>
    <row r="675378" spans="8:8">
      <c r="H675378" s="12"/>
    </row>
    <row r="675379" spans="8:8">
      <c r="H675379" s="12"/>
    </row>
    <row r="675380" spans="8:8">
      <c r="H675380" s="12"/>
    </row>
    <row r="675381" spans="8:8">
      <c r="H675381" s="12"/>
    </row>
    <row r="675382" spans="8:8">
      <c r="H675382" s="12"/>
    </row>
    <row r="675383" spans="8:8">
      <c r="H675383" s="12"/>
    </row>
    <row r="675384" spans="8:8">
      <c r="H675384" s="12"/>
    </row>
    <row r="675385" spans="8:8">
      <c r="H675385" s="12"/>
    </row>
    <row r="675386" spans="8:8">
      <c r="H675386" s="12"/>
    </row>
    <row r="675387" spans="8:8">
      <c r="H675387" s="12"/>
    </row>
    <row r="675388" spans="8:8">
      <c r="H675388" s="12"/>
    </row>
    <row r="675389" spans="8:8">
      <c r="H675389" s="12"/>
    </row>
    <row r="675390" spans="8:8">
      <c r="H675390" s="12"/>
    </row>
    <row r="675391" spans="8:8">
      <c r="H675391" s="12"/>
    </row>
    <row r="675392" spans="8:8">
      <c r="H675392" s="12"/>
    </row>
    <row r="675393" spans="8:8">
      <c r="H675393" s="12"/>
    </row>
    <row r="675394" spans="8:8">
      <c r="H675394" s="12"/>
    </row>
    <row r="675395" spans="8:8">
      <c r="H675395" s="12"/>
    </row>
    <row r="675396" spans="8:8">
      <c r="H675396" s="12"/>
    </row>
    <row r="675397" spans="8:8">
      <c r="H675397" s="12"/>
    </row>
    <row r="675398" spans="8:8">
      <c r="H675398" s="12"/>
    </row>
    <row r="675399" spans="8:8">
      <c r="H675399" s="12"/>
    </row>
    <row r="675400" spans="8:8">
      <c r="H675400" s="12"/>
    </row>
    <row r="675401" spans="8:8">
      <c r="H675401" s="12"/>
    </row>
    <row r="675402" spans="8:8">
      <c r="H675402" s="12"/>
    </row>
    <row r="675403" spans="8:8">
      <c r="H675403" s="12"/>
    </row>
    <row r="675404" spans="8:8">
      <c r="H675404" s="12"/>
    </row>
    <row r="675405" spans="8:8">
      <c r="H675405" s="12"/>
    </row>
    <row r="675406" spans="8:8">
      <c r="H675406" s="12"/>
    </row>
    <row r="675407" spans="8:8">
      <c r="H675407" s="12"/>
    </row>
    <row r="675408" spans="8:8">
      <c r="H675408" s="12"/>
    </row>
    <row r="675409" spans="8:8">
      <c r="H675409" s="12"/>
    </row>
    <row r="675410" spans="8:8">
      <c r="H675410" s="12"/>
    </row>
    <row r="675411" spans="8:8">
      <c r="H675411" s="12"/>
    </row>
    <row r="675412" spans="8:8">
      <c r="H675412" s="12"/>
    </row>
    <row r="675413" spans="8:8">
      <c r="H675413" s="12"/>
    </row>
    <row r="675414" spans="8:8">
      <c r="H675414" s="12"/>
    </row>
    <row r="675415" spans="8:8">
      <c r="H675415" s="12"/>
    </row>
    <row r="675416" spans="8:8">
      <c r="H675416" s="12"/>
    </row>
    <row r="675417" spans="8:8">
      <c r="H675417" s="12"/>
    </row>
    <row r="675418" spans="8:8">
      <c r="H675418" s="12"/>
    </row>
    <row r="675419" spans="8:8">
      <c r="H675419" s="12"/>
    </row>
    <row r="675420" spans="8:8">
      <c r="H675420" s="12"/>
    </row>
    <row r="675421" spans="8:8">
      <c r="H675421" s="12"/>
    </row>
    <row r="675422" spans="8:8">
      <c r="H675422" s="12"/>
    </row>
    <row r="675423" spans="8:8">
      <c r="H675423" s="12"/>
    </row>
    <row r="675424" spans="8:8">
      <c r="H675424" s="12"/>
    </row>
    <row r="675425" spans="8:8">
      <c r="H675425" s="12"/>
    </row>
    <row r="675426" spans="8:8">
      <c r="H675426" s="12"/>
    </row>
    <row r="675427" spans="8:8">
      <c r="H675427" s="12"/>
    </row>
    <row r="675428" spans="8:8">
      <c r="H675428" s="12"/>
    </row>
    <row r="675429" spans="8:8">
      <c r="H675429" s="12"/>
    </row>
    <row r="675430" spans="8:8">
      <c r="H675430" s="12"/>
    </row>
    <row r="675431" spans="8:8">
      <c r="H675431" s="12"/>
    </row>
    <row r="675432" spans="8:8">
      <c r="H675432" s="12"/>
    </row>
    <row r="675433" spans="8:8">
      <c r="H675433" s="12"/>
    </row>
    <row r="675434" spans="8:8">
      <c r="H675434" s="12"/>
    </row>
    <row r="675435" spans="8:8">
      <c r="H675435" s="12"/>
    </row>
    <row r="675436" spans="8:8">
      <c r="H675436" s="12"/>
    </row>
    <row r="675437" spans="8:8">
      <c r="H675437" s="12"/>
    </row>
    <row r="675438" spans="8:8">
      <c r="H675438" s="12"/>
    </row>
    <row r="675439" spans="8:8">
      <c r="H675439" s="12"/>
    </row>
    <row r="675440" spans="8:8">
      <c r="H675440" s="12"/>
    </row>
    <row r="675441" spans="8:8">
      <c r="H675441" s="12"/>
    </row>
    <row r="675442" spans="8:8">
      <c r="H675442" s="12"/>
    </row>
    <row r="675443" spans="8:8">
      <c r="H675443" s="12"/>
    </row>
    <row r="675444" spans="8:8">
      <c r="H675444" s="12"/>
    </row>
    <row r="675445" spans="8:8">
      <c r="H675445" s="12"/>
    </row>
    <row r="675446" spans="8:8">
      <c r="H675446" s="12"/>
    </row>
    <row r="675447" spans="8:8">
      <c r="H675447" s="12"/>
    </row>
    <row r="675448" spans="8:8">
      <c r="H675448" s="12"/>
    </row>
    <row r="675449" spans="8:8">
      <c r="H675449" s="12"/>
    </row>
    <row r="675450" spans="8:8">
      <c r="H675450" s="12"/>
    </row>
    <row r="675451" spans="8:8">
      <c r="H675451" s="12"/>
    </row>
    <row r="675452" spans="8:8">
      <c r="H675452" s="12"/>
    </row>
    <row r="675453" spans="8:8">
      <c r="H675453" s="12"/>
    </row>
    <row r="675454" spans="8:8">
      <c r="H675454" s="12"/>
    </row>
    <row r="675455" spans="8:8">
      <c r="H675455" s="12"/>
    </row>
    <row r="675456" spans="8:8">
      <c r="H675456" s="12"/>
    </row>
    <row r="675457" spans="8:8">
      <c r="H675457" s="12"/>
    </row>
    <row r="675458" spans="8:8">
      <c r="H675458" s="12"/>
    </row>
    <row r="675459" spans="8:8">
      <c r="H675459" s="12"/>
    </row>
    <row r="675460" spans="8:8">
      <c r="H675460" s="12"/>
    </row>
    <row r="675461" spans="8:8">
      <c r="H675461" s="12"/>
    </row>
    <row r="675462" spans="8:8">
      <c r="H675462" s="12"/>
    </row>
    <row r="675463" spans="8:8">
      <c r="H675463" s="12"/>
    </row>
    <row r="675464" spans="8:8">
      <c r="H675464" s="12"/>
    </row>
    <row r="675465" spans="8:8">
      <c r="H675465" s="12"/>
    </row>
    <row r="675466" spans="8:8">
      <c r="H675466" s="12"/>
    </row>
    <row r="675467" spans="8:8">
      <c r="H675467" s="12"/>
    </row>
    <row r="675468" spans="8:8">
      <c r="H675468" s="12"/>
    </row>
    <row r="675469" spans="8:8">
      <c r="H675469" s="12"/>
    </row>
    <row r="675470" spans="8:8">
      <c r="H675470" s="12"/>
    </row>
    <row r="675471" spans="8:8">
      <c r="H675471" s="12"/>
    </row>
    <row r="675472" spans="8:8">
      <c r="H675472" s="12"/>
    </row>
    <row r="675473" spans="8:8">
      <c r="H675473" s="12"/>
    </row>
    <row r="675474" spans="8:8">
      <c r="H675474" s="12"/>
    </row>
    <row r="675475" spans="8:8">
      <c r="H675475" s="12"/>
    </row>
    <row r="675476" spans="8:8">
      <c r="H675476" s="12"/>
    </row>
    <row r="675477" spans="8:8">
      <c r="H675477" s="12"/>
    </row>
    <row r="675478" spans="8:8">
      <c r="H675478" s="12"/>
    </row>
    <row r="675479" spans="8:8">
      <c r="H675479" s="12"/>
    </row>
    <row r="675480" spans="8:8">
      <c r="H675480" s="12"/>
    </row>
    <row r="675481" spans="8:8">
      <c r="H675481" s="12"/>
    </row>
    <row r="675482" spans="8:8">
      <c r="H675482" s="12"/>
    </row>
    <row r="675483" spans="8:8">
      <c r="H675483" s="12"/>
    </row>
    <row r="675484" spans="8:8">
      <c r="H675484" s="12"/>
    </row>
    <row r="675485" spans="8:8">
      <c r="H675485" s="12"/>
    </row>
    <row r="675486" spans="8:8">
      <c r="H675486" s="12"/>
    </row>
    <row r="675487" spans="8:8">
      <c r="H675487" s="12"/>
    </row>
    <row r="675488" spans="8:8">
      <c r="H675488" s="12"/>
    </row>
    <row r="675489" spans="8:8">
      <c r="H675489" s="12"/>
    </row>
    <row r="675490" spans="8:8">
      <c r="H675490" s="12"/>
    </row>
    <row r="675491" spans="8:8">
      <c r="H675491" s="12"/>
    </row>
    <row r="675492" spans="8:8">
      <c r="H675492" s="12"/>
    </row>
    <row r="675493" spans="8:8">
      <c r="H675493" s="12"/>
    </row>
    <row r="675494" spans="8:8">
      <c r="H675494" s="12"/>
    </row>
    <row r="675495" spans="8:8">
      <c r="H675495" s="12"/>
    </row>
    <row r="675496" spans="8:8">
      <c r="H675496" s="12"/>
    </row>
    <row r="675497" spans="8:8">
      <c r="H675497" s="12"/>
    </row>
    <row r="675498" spans="8:8">
      <c r="H675498" s="12"/>
    </row>
    <row r="675499" spans="8:8">
      <c r="H675499" s="12"/>
    </row>
    <row r="675500" spans="8:8">
      <c r="H675500" s="12"/>
    </row>
    <row r="675501" spans="8:8">
      <c r="H675501" s="12"/>
    </row>
    <row r="675502" spans="8:8">
      <c r="H675502" s="12"/>
    </row>
    <row r="675503" spans="8:8">
      <c r="H675503" s="12"/>
    </row>
    <row r="675504" spans="8:8">
      <c r="H675504" s="12"/>
    </row>
    <row r="675505" spans="8:8">
      <c r="H675505" s="12"/>
    </row>
    <row r="675506" spans="8:8">
      <c r="H675506" s="12"/>
    </row>
    <row r="675507" spans="8:8">
      <c r="H675507" s="12"/>
    </row>
    <row r="675508" spans="8:8">
      <c r="H675508" s="12"/>
    </row>
    <row r="675509" spans="8:8">
      <c r="H675509" s="12"/>
    </row>
    <row r="675510" spans="8:8">
      <c r="H675510" s="12"/>
    </row>
    <row r="675511" spans="8:8">
      <c r="H675511" s="12"/>
    </row>
    <row r="675512" spans="8:8">
      <c r="H675512" s="12"/>
    </row>
    <row r="675513" spans="8:8">
      <c r="H675513" s="12"/>
    </row>
    <row r="675514" spans="8:8">
      <c r="H675514" s="12"/>
    </row>
    <row r="675515" spans="8:8">
      <c r="H675515" s="12"/>
    </row>
    <row r="675516" spans="8:8">
      <c r="H675516" s="12"/>
    </row>
    <row r="675517" spans="8:8">
      <c r="H675517" s="12"/>
    </row>
    <row r="675518" spans="8:8">
      <c r="H675518" s="12"/>
    </row>
    <row r="675519" spans="8:8">
      <c r="H675519" s="12"/>
    </row>
    <row r="675520" spans="8:8">
      <c r="H675520" s="12"/>
    </row>
    <row r="675521" spans="8:8">
      <c r="H675521" s="12"/>
    </row>
    <row r="675522" spans="8:8">
      <c r="H675522" s="12"/>
    </row>
    <row r="675523" spans="8:8">
      <c r="H675523" s="12"/>
    </row>
    <row r="675524" spans="8:8">
      <c r="H675524" s="12"/>
    </row>
    <row r="675525" spans="8:8">
      <c r="H675525" s="12"/>
    </row>
    <row r="675526" spans="8:8">
      <c r="H675526" s="12"/>
    </row>
    <row r="675527" spans="8:8">
      <c r="H675527" s="12"/>
    </row>
    <row r="675528" spans="8:8">
      <c r="H675528" s="12"/>
    </row>
    <row r="675529" spans="8:8">
      <c r="H675529" s="12"/>
    </row>
    <row r="675530" spans="8:8">
      <c r="H675530" s="12"/>
    </row>
    <row r="675531" spans="8:8">
      <c r="H675531" s="12"/>
    </row>
    <row r="675532" spans="8:8">
      <c r="H675532" s="12"/>
    </row>
    <row r="675533" spans="8:8">
      <c r="H675533" s="12"/>
    </row>
    <row r="675534" spans="8:8">
      <c r="H675534" s="12"/>
    </row>
    <row r="675535" spans="8:8">
      <c r="H675535" s="12"/>
    </row>
    <row r="675536" spans="8:8">
      <c r="H675536" s="12"/>
    </row>
    <row r="675537" spans="8:8">
      <c r="H675537" s="12"/>
    </row>
    <row r="675538" spans="8:8">
      <c r="H675538" s="12"/>
    </row>
    <row r="675539" spans="8:8">
      <c r="H675539" s="12"/>
    </row>
    <row r="675540" spans="8:8">
      <c r="H675540" s="12"/>
    </row>
    <row r="675541" spans="8:8">
      <c r="H675541" s="12"/>
    </row>
    <row r="675542" spans="8:8">
      <c r="H675542" s="12"/>
    </row>
    <row r="675543" spans="8:8">
      <c r="H675543" s="12"/>
    </row>
    <row r="675544" spans="8:8">
      <c r="H675544" s="12"/>
    </row>
    <row r="675545" spans="8:8">
      <c r="H675545" s="12"/>
    </row>
    <row r="675546" spans="8:8">
      <c r="H675546" s="12"/>
    </row>
    <row r="675547" spans="8:8">
      <c r="H675547" s="12"/>
    </row>
    <row r="675548" spans="8:8">
      <c r="H675548" s="12"/>
    </row>
    <row r="675549" spans="8:8">
      <c r="H675549" s="12"/>
    </row>
    <row r="675550" spans="8:8">
      <c r="H675550" s="12"/>
    </row>
    <row r="675551" spans="8:8">
      <c r="H675551" s="12"/>
    </row>
    <row r="675552" spans="8:8">
      <c r="H675552" s="12"/>
    </row>
    <row r="675553" spans="8:8">
      <c r="H675553" s="12"/>
    </row>
    <row r="675554" spans="8:8">
      <c r="H675554" s="12"/>
    </row>
    <row r="675555" spans="8:8">
      <c r="H675555" s="12"/>
    </row>
    <row r="675556" spans="8:8">
      <c r="H675556" s="12"/>
    </row>
    <row r="675557" spans="8:8">
      <c r="H675557" s="12"/>
    </row>
    <row r="675558" spans="8:8">
      <c r="H675558" s="12"/>
    </row>
    <row r="675559" spans="8:8">
      <c r="H675559" s="12"/>
    </row>
    <row r="675560" spans="8:8">
      <c r="H675560" s="12"/>
    </row>
    <row r="675561" spans="8:8">
      <c r="H675561" s="12"/>
    </row>
    <row r="675562" spans="8:8">
      <c r="H675562" s="12"/>
    </row>
    <row r="675563" spans="8:8">
      <c r="H675563" s="12"/>
    </row>
    <row r="675564" spans="8:8">
      <c r="H675564" s="12"/>
    </row>
    <row r="675565" spans="8:8">
      <c r="H675565" s="12"/>
    </row>
    <row r="675566" spans="8:8">
      <c r="H675566" s="12"/>
    </row>
    <row r="675567" spans="8:8">
      <c r="H675567" s="12"/>
    </row>
    <row r="675568" spans="8:8">
      <c r="H675568" s="12"/>
    </row>
    <row r="675569" spans="8:8">
      <c r="H675569" s="12"/>
    </row>
    <row r="675570" spans="8:8">
      <c r="H675570" s="12"/>
    </row>
    <row r="675571" spans="8:8">
      <c r="H675571" s="12"/>
    </row>
    <row r="675572" spans="8:8">
      <c r="H675572" s="12"/>
    </row>
    <row r="675573" spans="8:8">
      <c r="H675573" s="12"/>
    </row>
    <row r="675574" spans="8:8">
      <c r="H675574" s="12"/>
    </row>
    <row r="675575" spans="8:8">
      <c r="H675575" s="12"/>
    </row>
    <row r="675576" spans="8:8">
      <c r="H675576" s="12"/>
    </row>
    <row r="675577" spans="8:8">
      <c r="H675577" s="12"/>
    </row>
    <row r="675578" spans="8:8">
      <c r="H675578" s="12"/>
    </row>
    <row r="675579" spans="8:8">
      <c r="H675579" s="12"/>
    </row>
    <row r="675580" spans="8:8">
      <c r="H675580" s="12"/>
    </row>
    <row r="675581" spans="8:8">
      <c r="H675581" s="12"/>
    </row>
    <row r="675582" spans="8:8">
      <c r="H675582" s="12"/>
    </row>
    <row r="675583" spans="8:8">
      <c r="H675583" s="12"/>
    </row>
    <row r="675584" spans="8:8">
      <c r="H675584" s="12"/>
    </row>
    <row r="675585" spans="8:8">
      <c r="H675585" s="12"/>
    </row>
    <row r="675586" spans="8:8">
      <c r="H675586" s="12"/>
    </row>
    <row r="675587" spans="8:8">
      <c r="H675587" s="12"/>
    </row>
    <row r="675588" spans="8:8">
      <c r="H675588" s="12"/>
    </row>
    <row r="675589" spans="8:8">
      <c r="H675589" s="12"/>
    </row>
    <row r="675590" spans="8:8">
      <c r="H675590" s="12"/>
    </row>
    <row r="675591" spans="8:8">
      <c r="H675591" s="12"/>
    </row>
    <row r="675592" spans="8:8">
      <c r="H675592" s="12"/>
    </row>
    <row r="675593" spans="8:8">
      <c r="H675593" s="12"/>
    </row>
    <row r="675594" spans="8:8">
      <c r="H675594" s="12"/>
    </row>
    <row r="675595" spans="8:8">
      <c r="H675595" s="12"/>
    </row>
    <row r="675596" spans="8:8">
      <c r="H675596" s="12"/>
    </row>
    <row r="675597" spans="8:8">
      <c r="H675597" s="12"/>
    </row>
    <row r="675598" spans="8:8">
      <c r="H675598" s="12"/>
    </row>
    <row r="675599" spans="8:8">
      <c r="H675599" s="12"/>
    </row>
    <row r="675600" spans="8:8">
      <c r="H675600" s="12"/>
    </row>
    <row r="675601" spans="8:8">
      <c r="H675601" s="12"/>
    </row>
    <row r="675602" spans="8:8">
      <c r="H675602" s="12"/>
    </row>
    <row r="675603" spans="8:8">
      <c r="H675603" s="12"/>
    </row>
    <row r="675604" spans="8:8">
      <c r="H675604" s="12"/>
    </row>
    <row r="675605" spans="8:8">
      <c r="H675605" s="12"/>
    </row>
    <row r="675606" spans="8:8">
      <c r="H675606" s="12"/>
    </row>
    <row r="675607" spans="8:8">
      <c r="H675607" s="12"/>
    </row>
    <row r="675608" spans="8:8">
      <c r="H675608" s="12"/>
    </row>
    <row r="675609" spans="8:8">
      <c r="H675609" s="12"/>
    </row>
    <row r="675610" spans="8:8">
      <c r="H675610" s="12"/>
    </row>
    <row r="675611" spans="8:8">
      <c r="H675611" s="12"/>
    </row>
    <row r="675612" spans="8:8">
      <c r="H675612" s="12"/>
    </row>
    <row r="675613" spans="8:8">
      <c r="H675613" s="12"/>
    </row>
    <row r="675614" spans="8:8">
      <c r="H675614" s="12"/>
    </row>
    <row r="675615" spans="8:8">
      <c r="H675615" s="12"/>
    </row>
    <row r="675616" spans="8:8">
      <c r="H675616" s="12"/>
    </row>
    <row r="675617" spans="8:8">
      <c r="H675617" s="12"/>
    </row>
    <row r="675618" spans="8:8">
      <c r="H675618" s="12"/>
    </row>
    <row r="675619" spans="8:8">
      <c r="H675619" s="12"/>
    </row>
    <row r="675620" spans="8:8">
      <c r="H675620" s="12"/>
    </row>
    <row r="675621" spans="8:8">
      <c r="H675621" s="12"/>
    </row>
    <row r="675622" spans="8:8">
      <c r="H675622" s="12"/>
    </row>
    <row r="675623" spans="8:8">
      <c r="H675623" s="12"/>
    </row>
    <row r="675624" spans="8:8">
      <c r="H675624" s="12"/>
    </row>
    <row r="675625" spans="8:8">
      <c r="H675625" s="12"/>
    </row>
    <row r="675626" spans="8:8">
      <c r="H675626" s="12"/>
    </row>
    <row r="675627" spans="8:8">
      <c r="H675627" s="12"/>
    </row>
    <row r="675628" spans="8:8">
      <c r="H675628" s="12"/>
    </row>
    <row r="675629" spans="8:8">
      <c r="H675629" s="12"/>
    </row>
    <row r="675630" spans="8:8">
      <c r="H675630" s="12"/>
    </row>
    <row r="675631" spans="8:8">
      <c r="H675631" s="12"/>
    </row>
    <row r="675632" spans="8:8">
      <c r="H675632" s="12"/>
    </row>
    <row r="675633" spans="8:8">
      <c r="H675633" s="12"/>
    </row>
    <row r="675634" spans="8:8">
      <c r="H675634" s="12"/>
    </row>
    <row r="675635" spans="8:8">
      <c r="H675635" s="12"/>
    </row>
    <row r="675636" spans="8:8">
      <c r="H675636" s="12"/>
    </row>
    <row r="675637" spans="8:8">
      <c r="H675637" s="12"/>
    </row>
    <row r="675638" spans="8:8">
      <c r="H675638" s="12"/>
    </row>
    <row r="675639" spans="8:8">
      <c r="H675639" s="12"/>
    </row>
    <row r="675640" spans="8:8">
      <c r="H675640" s="12"/>
    </row>
    <row r="675641" spans="8:8">
      <c r="H675641" s="12"/>
    </row>
    <row r="675642" spans="8:8">
      <c r="H675642" s="12"/>
    </row>
    <row r="675643" spans="8:8">
      <c r="H675643" s="12"/>
    </row>
    <row r="675644" spans="8:8">
      <c r="H675644" s="12"/>
    </row>
    <row r="675645" spans="8:8">
      <c r="H675645" s="12"/>
    </row>
    <row r="675646" spans="8:8">
      <c r="H675646" s="12"/>
    </row>
    <row r="675647" spans="8:8">
      <c r="H675647" s="12"/>
    </row>
    <row r="675648" spans="8:8">
      <c r="H675648" s="12"/>
    </row>
    <row r="675649" spans="8:8">
      <c r="H675649" s="12"/>
    </row>
    <row r="675650" spans="8:8">
      <c r="H675650" s="12"/>
    </row>
    <row r="675651" spans="8:8">
      <c r="H675651" s="12"/>
    </row>
    <row r="675652" spans="8:8">
      <c r="H675652" s="12"/>
    </row>
    <row r="675653" spans="8:8">
      <c r="H675653" s="12"/>
    </row>
    <row r="675654" spans="8:8">
      <c r="H675654" s="12"/>
    </row>
    <row r="675655" spans="8:8">
      <c r="H675655" s="12"/>
    </row>
    <row r="675656" spans="8:8">
      <c r="H675656" s="12"/>
    </row>
    <row r="675657" spans="8:8">
      <c r="H675657" s="12"/>
    </row>
    <row r="675658" spans="8:8">
      <c r="H675658" s="12"/>
    </row>
    <row r="675659" spans="8:8">
      <c r="H675659" s="12"/>
    </row>
    <row r="675660" spans="8:8">
      <c r="H675660" s="12"/>
    </row>
    <row r="675661" spans="8:8">
      <c r="H675661" s="12"/>
    </row>
    <row r="675662" spans="8:8">
      <c r="H675662" s="12"/>
    </row>
    <row r="675663" spans="8:8">
      <c r="H675663" s="12"/>
    </row>
    <row r="675664" spans="8:8">
      <c r="H675664" s="12"/>
    </row>
    <row r="675665" spans="8:8">
      <c r="H675665" s="12"/>
    </row>
    <row r="675666" spans="8:8">
      <c r="H675666" s="12"/>
    </row>
    <row r="675667" spans="8:8">
      <c r="H675667" s="12"/>
    </row>
    <row r="675668" spans="8:8">
      <c r="H675668" s="12"/>
    </row>
    <row r="675669" spans="8:8">
      <c r="H675669" s="12"/>
    </row>
    <row r="675670" spans="8:8">
      <c r="H675670" s="12"/>
    </row>
    <row r="675671" spans="8:8">
      <c r="H675671" s="12"/>
    </row>
    <row r="675672" spans="8:8">
      <c r="H675672" s="12"/>
    </row>
    <row r="675673" spans="8:8">
      <c r="H675673" s="12"/>
    </row>
    <row r="675674" spans="8:8">
      <c r="H675674" s="12"/>
    </row>
    <row r="675675" spans="8:8">
      <c r="H675675" s="12"/>
    </row>
    <row r="675676" spans="8:8">
      <c r="H675676" s="12"/>
    </row>
    <row r="675677" spans="8:8">
      <c r="H675677" s="12"/>
    </row>
    <row r="675678" spans="8:8">
      <c r="H675678" s="12"/>
    </row>
    <row r="675679" spans="8:8">
      <c r="H675679" s="12"/>
    </row>
    <row r="675680" spans="8:8">
      <c r="H675680" s="12"/>
    </row>
    <row r="675681" spans="8:8">
      <c r="H675681" s="12"/>
    </row>
    <row r="675682" spans="8:8">
      <c r="H675682" s="12"/>
    </row>
    <row r="675683" spans="8:8">
      <c r="H675683" s="12"/>
    </row>
    <row r="675684" spans="8:8">
      <c r="H675684" s="12"/>
    </row>
    <row r="675685" spans="8:8">
      <c r="H675685" s="12"/>
    </row>
    <row r="675686" spans="8:8">
      <c r="H675686" s="12"/>
    </row>
    <row r="675687" spans="8:8">
      <c r="H675687" s="12"/>
    </row>
    <row r="675688" spans="8:8">
      <c r="H675688" s="12"/>
    </row>
    <row r="675689" spans="8:8">
      <c r="H675689" s="12"/>
    </row>
    <row r="675690" spans="8:8">
      <c r="H675690" s="12"/>
    </row>
    <row r="675691" spans="8:8">
      <c r="H675691" s="12"/>
    </row>
    <row r="675692" spans="8:8">
      <c r="H675692" s="12"/>
    </row>
    <row r="675693" spans="8:8">
      <c r="H675693" s="12"/>
    </row>
    <row r="675694" spans="8:8">
      <c r="H675694" s="12"/>
    </row>
    <row r="675695" spans="8:8">
      <c r="H675695" s="12"/>
    </row>
    <row r="675696" spans="8:8">
      <c r="H675696" s="12"/>
    </row>
    <row r="675697" spans="8:8">
      <c r="H675697" s="12"/>
    </row>
    <row r="675698" spans="8:8">
      <c r="H675698" s="12"/>
    </row>
    <row r="675699" spans="8:8">
      <c r="H675699" s="12"/>
    </row>
    <row r="675700" spans="8:8">
      <c r="H675700" s="12"/>
    </row>
    <row r="675701" spans="8:8">
      <c r="H675701" s="12"/>
    </row>
    <row r="675702" spans="8:8">
      <c r="H675702" s="12"/>
    </row>
    <row r="675703" spans="8:8">
      <c r="H675703" s="12"/>
    </row>
    <row r="675704" spans="8:8">
      <c r="H675704" s="12"/>
    </row>
    <row r="675705" spans="8:8">
      <c r="H675705" s="12"/>
    </row>
    <row r="675706" spans="8:8">
      <c r="H675706" s="12"/>
    </row>
    <row r="675707" spans="8:8">
      <c r="H675707" s="12"/>
    </row>
    <row r="675708" spans="8:8">
      <c r="H675708" s="12"/>
    </row>
    <row r="675709" spans="8:8">
      <c r="H675709" s="12"/>
    </row>
    <row r="675710" spans="8:8">
      <c r="H675710" s="12"/>
    </row>
    <row r="675711" spans="8:8">
      <c r="H675711" s="12"/>
    </row>
    <row r="675712" spans="8:8">
      <c r="H675712" s="12"/>
    </row>
    <row r="675713" spans="8:8">
      <c r="H675713" s="12"/>
    </row>
    <row r="675714" spans="8:8">
      <c r="H675714" s="12"/>
    </row>
    <row r="675715" spans="8:8">
      <c r="H675715" s="12"/>
    </row>
    <row r="675716" spans="8:8">
      <c r="H675716" s="12"/>
    </row>
    <row r="675717" spans="8:8">
      <c r="H675717" s="12"/>
    </row>
    <row r="675718" spans="8:8">
      <c r="H675718" s="12"/>
    </row>
    <row r="675719" spans="8:8">
      <c r="H675719" s="12"/>
    </row>
    <row r="675720" spans="8:8">
      <c r="H675720" s="12"/>
    </row>
    <row r="675721" spans="8:8">
      <c r="H675721" s="12"/>
    </row>
    <row r="675722" spans="8:8">
      <c r="H675722" s="12"/>
    </row>
    <row r="675723" spans="8:8">
      <c r="H675723" s="12"/>
    </row>
    <row r="675724" spans="8:8">
      <c r="H675724" s="12"/>
    </row>
    <row r="675725" spans="8:8">
      <c r="H675725" s="12"/>
    </row>
    <row r="675726" spans="8:8">
      <c r="H675726" s="12"/>
    </row>
    <row r="675727" spans="8:8">
      <c r="H675727" s="12"/>
    </row>
    <row r="675728" spans="8:8">
      <c r="H675728" s="12"/>
    </row>
    <row r="675729" spans="8:8">
      <c r="H675729" s="12"/>
    </row>
    <row r="675730" spans="8:8">
      <c r="H675730" s="12"/>
    </row>
    <row r="675731" spans="8:8">
      <c r="H675731" s="12"/>
    </row>
    <row r="675732" spans="8:8">
      <c r="H675732" s="12"/>
    </row>
    <row r="675733" spans="8:8">
      <c r="H675733" s="12"/>
    </row>
    <row r="675734" spans="8:8">
      <c r="H675734" s="12"/>
    </row>
    <row r="675735" spans="8:8">
      <c r="H675735" s="12"/>
    </row>
    <row r="675736" spans="8:8">
      <c r="H675736" s="12"/>
    </row>
    <row r="675737" spans="8:8">
      <c r="H675737" s="12"/>
    </row>
    <row r="675738" spans="8:8">
      <c r="H675738" s="12"/>
    </row>
    <row r="675739" spans="8:8">
      <c r="H675739" s="12"/>
    </row>
    <row r="675740" spans="8:8">
      <c r="H675740" s="12"/>
    </row>
    <row r="675741" spans="8:8">
      <c r="H675741" s="12"/>
    </row>
    <row r="675742" spans="8:8">
      <c r="H675742" s="12"/>
    </row>
    <row r="675743" spans="8:8">
      <c r="H675743" s="12"/>
    </row>
    <row r="675744" spans="8:8">
      <c r="H675744" s="12"/>
    </row>
    <row r="675745" spans="8:8">
      <c r="H675745" s="12"/>
    </row>
    <row r="675746" spans="8:8">
      <c r="H675746" s="12"/>
    </row>
    <row r="675747" spans="8:8">
      <c r="H675747" s="12"/>
    </row>
    <row r="675748" spans="8:8">
      <c r="H675748" s="12"/>
    </row>
    <row r="675749" spans="8:8">
      <c r="H675749" s="12"/>
    </row>
    <row r="675750" spans="8:8">
      <c r="H675750" s="12"/>
    </row>
    <row r="675751" spans="8:8">
      <c r="H675751" s="12"/>
    </row>
    <row r="675752" spans="8:8">
      <c r="H675752" s="12"/>
    </row>
    <row r="675753" spans="8:8">
      <c r="H675753" s="12"/>
    </row>
    <row r="675754" spans="8:8">
      <c r="H675754" s="12"/>
    </row>
    <row r="675755" spans="8:8">
      <c r="H675755" s="12"/>
    </row>
    <row r="675756" spans="8:8">
      <c r="H675756" s="12"/>
    </row>
    <row r="675757" spans="8:8">
      <c r="H675757" s="12"/>
    </row>
    <row r="675758" spans="8:8">
      <c r="H675758" s="12"/>
    </row>
    <row r="675759" spans="8:8">
      <c r="H675759" s="12"/>
    </row>
    <row r="675760" spans="8:8">
      <c r="H675760" s="12"/>
    </row>
    <row r="675761" spans="8:8">
      <c r="H675761" s="12"/>
    </row>
    <row r="675762" spans="8:8">
      <c r="H675762" s="12"/>
    </row>
    <row r="675763" spans="8:8">
      <c r="H675763" s="12"/>
    </row>
    <row r="675764" spans="8:8">
      <c r="H675764" s="12"/>
    </row>
    <row r="675765" spans="8:8">
      <c r="H675765" s="12"/>
    </row>
    <row r="675766" spans="8:8">
      <c r="H675766" s="12"/>
    </row>
    <row r="675767" spans="8:8">
      <c r="H675767" s="12"/>
    </row>
    <row r="675768" spans="8:8">
      <c r="H675768" s="12"/>
    </row>
    <row r="675769" spans="8:8">
      <c r="H675769" s="12"/>
    </row>
    <row r="675770" spans="8:8">
      <c r="H675770" s="12"/>
    </row>
    <row r="675771" spans="8:8">
      <c r="H675771" s="12"/>
    </row>
    <row r="675772" spans="8:8">
      <c r="H675772" s="12"/>
    </row>
    <row r="675773" spans="8:8">
      <c r="H675773" s="12"/>
    </row>
    <row r="675774" spans="8:8">
      <c r="H675774" s="12"/>
    </row>
    <row r="675775" spans="8:8">
      <c r="H675775" s="12"/>
    </row>
    <row r="675776" spans="8:8">
      <c r="H675776" s="12"/>
    </row>
    <row r="675777" spans="8:8">
      <c r="H675777" s="12"/>
    </row>
    <row r="675778" spans="8:8">
      <c r="H675778" s="12"/>
    </row>
    <row r="675779" spans="8:8">
      <c r="H675779" s="12"/>
    </row>
    <row r="675780" spans="8:8">
      <c r="H675780" s="12"/>
    </row>
    <row r="675781" spans="8:8">
      <c r="H675781" s="12"/>
    </row>
    <row r="675782" spans="8:8">
      <c r="H675782" s="12"/>
    </row>
    <row r="675783" spans="8:8">
      <c r="H675783" s="12"/>
    </row>
    <row r="675784" spans="8:8">
      <c r="H675784" s="12"/>
    </row>
    <row r="675785" spans="8:8">
      <c r="H675785" s="12"/>
    </row>
    <row r="675786" spans="8:8">
      <c r="H675786" s="12"/>
    </row>
    <row r="675787" spans="8:8">
      <c r="H675787" s="12"/>
    </row>
    <row r="675788" spans="8:8">
      <c r="H675788" s="12"/>
    </row>
    <row r="675789" spans="8:8">
      <c r="H675789" s="12"/>
    </row>
    <row r="675790" spans="8:8">
      <c r="H675790" s="12"/>
    </row>
    <row r="675791" spans="8:8">
      <c r="H675791" s="12"/>
    </row>
    <row r="675792" spans="8:8">
      <c r="H675792" s="12"/>
    </row>
    <row r="675793" spans="8:8">
      <c r="H675793" s="12"/>
    </row>
    <row r="675794" spans="8:8">
      <c r="H675794" s="12"/>
    </row>
    <row r="675795" spans="8:8">
      <c r="H675795" s="12"/>
    </row>
    <row r="675796" spans="8:8">
      <c r="H675796" s="12"/>
    </row>
    <row r="675797" spans="8:8">
      <c r="H675797" s="12"/>
    </row>
    <row r="675798" spans="8:8">
      <c r="H675798" s="12"/>
    </row>
    <row r="675799" spans="8:8">
      <c r="H675799" s="12"/>
    </row>
    <row r="675800" spans="8:8">
      <c r="H675800" s="12"/>
    </row>
    <row r="675801" spans="8:8">
      <c r="H675801" s="12"/>
    </row>
    <row r="675802" spans="8:8">
      <c r="H675802" s="12"/>
    </row>
    <row r="675803" spans="8:8">
      <c r="H675803" s="12"/>
    </row>
    <row r="675804" spans="8:8">
      <c r="H675804" s="12"/>
    </row>
    <row r="675805" spans="8:8">
      <c r="H675805" s="12"/>
    </row>
    <row r="675806" spans="8:8">
      <c r="H675806" s="12"/>
    </row>
    <row r="675807" spans="8:8">
      <c r="H675807" s="12"/>
    </row>
    <row r="675808" spans="8:8">
      <c r="H675808" s="12"/>
    </row>
    <row r="675809" spans="8:8">
      <c r="H675809" s="12"/>
    </row>
    <row r="675810" spans="8:8">
      <c r="H675810" s="12"/>
    </row>
    <row r="675811" spans="8:8">
      <c r="H675811" s="12"/>
    </row>
    <row r="675812" spans="8:8">
      <c r="H675812" s="12"/>
    </row>
    <row r="675813" spans="8:8">
      <c r="H675813" s="12"/>
    </row>
    <row r="675814" spans="8:8">
      <c r="H675814" s="12"/>
    </row>
    <row r="675815" spans="8:8">
      <c r="H675815" s="12"/>
    </row>
    <row r="675816" spans="8:8">
      <c r="H675816" s="12"/>
    </row>
    <row r="675817" spans="8:8">
      <c r="H675817" s="12"/>
    </row>
    <row r="675818" spans="8:8">
      <c r="H675818" s="12"/>
    </row>
    <row r="675819" spans="8:8">
      <c r="H675819" s="12"/>
    </row>
    <row r="675820" spans="8:8">
      <c r="H675820" s="12"/>
    </row>
    <row r="675821" spans="8:8">
      <c r="H675821" s="12"/>
    </row>
    <row r="675822" spans="8:8">
      <c r="H675822" s="12"/>
    </row>
    <row r="675823" spans="8:8">
      <c r="H675823" s="12"/>
    </row>
    <row r="675824" spans="8:8">
      <c r="H675824" s="12"/>
    </row>
    <row r="675825" spans="8:8">
      <c r="H675825" s="12"/>
    </row>
    <row r="675826" spans="8:8">
      <c r="H675826" s="12"/>
    </row>
    <row r="675827" spans="8:8">
      <c r="H675827" s="12"/>
    </row>
    <row r="675828" spans="8:8">
      <c r="H675828" s="12"/>
    </row>
    <row r="675829" spans="8:8">
      <c r="H675829" s="12"/>
    </row>
    <row r="675830" spans="8:8">
      <c r="H675830" s="12"/>
    </row>
    <row r="675831" spans="8:8">
      <c r="H675831" s="12"/>
    </row>
    <row r="675832" spans="8:8">
      <c r="H675832" s="12"/>
    </row>
    <row r="675833" spans="8:8">
      <c r="H675833" s="12"/>
    </row>
    <row r="675834" spans="8:8">
      <c r="H675834" s="12"/>
    </row>
    <row r="675835" spans="8:8">
      <c r="H675835" s="12"/>
    </row>
    <row r="675836" spans="8:8">
      <c r="H675836" s="12"/>
    </row>
    <row r="675837" spans="8:8">
      <c r="H675837" s="12"/>
    </row>
    <row r="675838" spans="8:8">
      <c r="H675838" s="12"/>
    </row>
    <row r="675839" spans="8:8">
      <c r="H675839" s="12"/>
    </row>
    <row r="675840" spans="8:8">
      <c r="H675840" s="12"/>
    </row>
    <row r="675841" spans="8:8">
      <c r="H675841" s="12"/>
    </row>
    <row r="675842" spans="8:8">
      <c r="H675842" s="12"/>
    </row>
    <row r="675843" spans="8:8">
      <c r="H675843" s="12"/>
    </row>
    <row r="675844" spans="8:8">
      <c r="H675844" s="12"/>
    </row>
    <row r="675845" spans="8:8">
      <c r="H675845" s="12"/>
    </row>
    <row r="675846" spans="8:8">
      <c r="H675846" s="12"/>
    </row>
    <row r="675847" spans="8:8">
      <c r="H675847" s="12"/>
    </row>
    <row r="675848" spans="8:8">
      <c r="H675848" s="12"/>
    </row>
    <row r="675849" spans="8:8">
      <c r="H675849" s="12"/>
    </row>
    <row r="675850" spans="8:8">
      <c r="H675850" s="12"/>
    </row>
    <row r="675851" spans="8:8">
      <c r="H675851" s="12"/>
    </row>
    <row r="675852" spans="8:8">
      <c r="H675852" s="12"/>
    </row>
    <row r="675853" spans="8:8">
      <c r="H675853" s="12"/>
    </row>
    <row r="675854" spans="8:8">
      <c r="H675854" s="12"/>
    </row>
    <row r="675855" spans="8:8">
      <c r="H675855" s="12"/>
    </row>
    <row r="675856" spans="8:8">
      <c r="H675856" s="12"/>
    </row>
    <row r="675857" spans="8:8">
      <c r="H675857" s="12"/>
    </row>
    <row r="675858" spans="8:8">
      <c r="H675858" s="12"/>
    </row>
    <row r="675859" spans="8:8">
      <c r="H675859" s="12"/>
    </row>
    <row r="675860" spans="8:8">
      <c r="H675860" s="12"/>
    </row>
    <row r="675861" spans="8:8">
      <c r="H675861" s="12"/>
    </row>
    <row r="675862" spans="8:8">
      <c r="H675862" s="12"/>
    </row>
    <row r="675863" spans="8:8">
      <c r="H675863" s="12"/>
    </row>
    <row r="675864" spans="8:8">
      <c r="H675864" s="12"/>
    </row>
    <row r="675865" spans="8:8">
      <c r="H675865" s="12"/>
    </row>
    <row r="675866" spans="8:8">
      <c r="H675866" s="12"/>
    </row>
    <row r="675867" spans="8:8">
      <c r="H675867" s="12"/>
    </row>
    <row r="675868" spans="8:8">
      <c r="H675868" s="12"/>
    </row>
    <row r="675869" spans="8:8">
      <c r="H675869" s="12"/>
    </row>
    <row r="675870" spans="8:8">
      <c r="H675870" s="12"/>
    </row>
    <row r="675871" spans="8:8">
      <c r="H675871" s="12"/>
    </row>
    <row r="675872" spans="8:8">
      <c r="H675872" s="12"/>
    </row>
    <row r="675873" spans="8:8">
      <c r="H675873" s="12"/>
    </row>
    <row r="675874" spans="8:8">
      <c r="H675874" s="12"/>
    </row>
    <row r="675875" spans="8:8">
      <c r="H675875" s="12"/>
    </row>
    <row r="675876" spans="8:8">
      <c r="H675876" s="12"/>
    </row>
    <row r="675877" spans="8:8">
      <c r="H675877" s="12"/>
    </row>
    <row r="675878" spans="8:8">
      <c r="H675878" s="12"/>
    </row>
    <row r="675879" spans="8:8">
      <c r="H675879" s="12"/>
    </row>
    <row r="675880" spans="8:8">
      <c r="H675880" s="12"/>
    </row>
    <row r="675881" spans="8:8">
      <c r="H675881" s="12"/>
    </row>
    <row r="675882" spans="8:8">
      <c r="H675882" s="12"/>
    </row>
    <row r="675883" spans="8:8">
      <c r="H675883" s="12"/>
    </row>
    <row r="675884" spans="8:8">
      <c r="H675884" s="12"/>
    </row>
    <row r="675885" spans="8:8">
      <c r="H675885" s="12"/>
    </row>
    <row r="675886" spans="8:8">
      <c r="H675886" s="12"/>
    </row>
    <row r="675887" spans="8:8">
      <c r="H675887" s="12"/>
    </row>
    <row r="675888" spans="8:8">
      <c r="H675888" s="12"/>
    </row>
    <row r="675889" spans="8:8">
      <c r="H675889" s="12"/>
    </row>
    <row r="675890" spans="8:8">
      <c r="H675890" s="12"/>
    </row>
    <row r="675891" spans="8:8">
      <c r="H675891" s="12"/>
    </row>
    <row r="675892" spans="8:8">
      <c r="H675892" s="12"/>
    </row>
    <row r="675893" spans="8:8">
      <c r="H675893" s="12"/>
    </row>
    <row r="675894" spans="8:8">
      <c r="H675894" s="12"/>
    </row>
    <row r="675895" spans="8:8">
      <c r="H675895" s="12"/>
    </row>
    <row r="675896" spans="8:8">
      <c r="H675896" s="12"/>
    </row>
    <row r="675897" spans="8:8">
      <c r="H675897" s="12"/>
    </row>
    <row r="675898" spans="8:8">
      <c r="H675898" s="12"/>
    </row>
    <row r="675899" spans="8:8">
      <c r="H675899" s="12"/>
    </row>
    <row r="675900" spans="8:8">
      <c r="H675900" s="12"/>
    </row>
    <row r="675901" spans="8:8">
      <c r="H675901" s="12"/>
    </row>
    <row r="675902" spans="8:8">
      <c r="H675902" s="12"/>
    </row>
    <row r="675903" spans="8:8">
      <c r="H675903" s="12"/>
    </row>
    <row r="675904" spans="8:8">
      <c r="H675904" s="12"/>
    </row>
    <row r="675905" spans="8:8">
      <c r="H675905" s="12"/>
    </row>
    <row r="675906" spans="8:8">
      <c r="H675906" s="12"/>
    </row>
    <row r="675907" spans="8:8">
      <c r="H675907" s="12"/>
    </row>
    <row r="675908" spans="8:8">
      <c r="H675908" s="12"/>
    </row>
    <row r="675909" spans="8:8">
      <c r="H675909" s="12"/>
    </row>
    <row r="675910" spans="8:8">
      <c r="H675910" s="12"/>
    </row>
    <row r="675911" spans="8:8">
      <c r="H675911" s="12"/>
    </row>
    <row r="675912" spans="8:8">
      <c r="H675912" s="12"/>
    </row>
    <row r="675913" spans="8:8">
      <c r="H675913" s="12"/>
    </row>
    <row r="675914" spans="8:8">
      <c r="H675914" s="12"/>
    </row>
    <row r="675915" spans="8:8">
      <c r="H675915" s="12"/>
    </row>
    <row r="675916" spans="8:8">
      <c r="H675916" s="12"/>
    </row>
    <row r="675917" spans="8:8">
      <c r="H675917" s="12"/>
    </row>
    <row r="675918" spans="8:8">
      <c r="H675918" s="12"/>
    </row>
    <row r="675919" spans="8:8">
      <c r="H675919" s="12"/>
    </row>
    <row r="675920" spans="8:8">
      <c r="H675920" s="12"/>
    </row>
    <row r="675921" spans="8:8">
      <c r="H675921" s="12"/>
    </row>
    <row r="675922" spans="8:8">
      <c r="H675922" s="12"/>
    </row>
    <row r="675923" spans="8:8">
      <c r="H675923" s="12"/>
    </row>
    <row r="675924" spans="8:8">
      <c r="H675924" s="12"/>
    </row>
    <row r="675925" spans="8:8">
      <c r="H675925" s="12"/>
    </row>
    <row r="675926" spans="8:8">
      <c r="H675926" s="12"/>
    </row>
    <row r="675927" spans="8:8">
      <c r="H675927" s="12"/>
    </row>
    <row r="675928" spans="8:8">
      <c r="H675928" s="12"/>
    </row>
    <row r="675929" spans="8:8">
      <c r="H675929" s="12"/>
    </row>
    <row r="675930" spans="8:8">
      <c r="H675930" s="12"/>
    </row>
    <row r="675931" spans="8:8">
      <c r="H675931" s="12"/>
    </row>
    <row r="675932" spans="8:8">
      <c r="H675932" s="12"/>
    </row>
    <row r="675933" spans="8:8">
      <c r="H675933" s="12"/>
    </row>
    <row r="675934" spans="8:8">
      <c r="H675934" s="12"/>
    </row>
    <row r="675935" spans="8:8">
      <c r="H675935" s="12"/>
    </row>
    <row r="675936" spans="8:8">
      <c r="H675936" s="12"/>
    </row>
    <row r="675937" spans="8:8">
      <c r="H675937" s="12"/>
    </row>
    <row r="675938" spans="8:8">
      <c r="H675938" s="12"/>
    </row>
    <row r="675939" spans="8:8">
      <c r="H675939" s="12"/>
    </row>
    <row r="675940" spans="8:8">
      <c r="H675940" s="12"/>
    </row>
    <row r="675941" spans="8:8">
      <c r="H675941" s="12"/>
    </row>
    <row r="675942" spans="8:8">
      <c r="H675942" s="12"/>
    </row>
    <row r="675943" spans="8:8">
      <c r="H675943" s="12"/>
    </row>
    <row r="675944" spans="8:8">
      <c r="H675944" s="12"/>
    </row>
    <row r="675945" spans="8:8">
      <c r="H675945" s="12"/>
    </row>
    <row r="675946" spans="8:8">
      <c r="H675946" s="12"/>
    </row>
    <row r="675947" spans="8:8">
      <c r="H675947" s="12"/>
    </row>
    <row r="675948" spans="8:8">
      <c r="H675948" s="12"/>
    </row>
    <row r="675949" spans="8:8">
      <c r="H675949" s="12"/>
    </row>
    <row r="675950" spans="8:8">
      <c r="H675950" s="12"/>
    </row>
    <row r="675951" spans="8:8">
      <c r="H675951" s="12"/>
    </row>
    <row r="675952" spans="8:8">
      <c r="H675952" s="12"/>
    </row>
    <row r="675953" spans="8:8">
      <c r="H675953" s="12"/>
    </row>
    <row r="675954" spans="8:8">
      <c r="H675954" s="12"/>
    </row>
    <row r="675955" spans="8:8">
      <c r="H675955" s="12"/>
    </row>
    <row r="675956" spans="8:8">
      <c r="H675956" s="12"/>
    </row>
    <row r="675957" spans="8:8">
      <c r="H675957" s="12"/>
    </row>
    <row r="675958" spans="8:8">
      <c r="H675958" s="12"/>
    </row>
    <row r="675959" spans="8:8">
      <c r="H675959" s="12"/>
    </row>
    <row r="675960" spans="8:8">
      <c r="H675960" s="12"/>
    </row>
    <row r="675961" spans="8:8">
      <c r="H675961" s="12"/>
    </row>
    <row r="675962" spans="8:8">
      <c r="H675962" s="12"/>
    </row>
    <row r="675963" spans="8:8">
      <c r="H675963" s="12"/>
    </row>
    <row r="675964" spans="8:8">
      <c r="H675964" s="12"/>
    </row>
    <row r="675965" spans="8:8">
      <c r="H675965" s="12"/>
    </row>
    <row r="675966" spans="8:8">
      <c r="H675966" s="12"/>
    </row>
    <row r="675967" spans="8:8">
      <c r="H675967" s="12"/>
    </row>
    <row r="675968" spans="8:8">
      <c r="H675968" s="12"/>
    </row>
    <row r="675969" spans="8:8">
      <c r="H675969" s="12"/>
    </row>
    <row r="675970" spans="8:8">
      <c r="H675970" s="12"/>
    </row>
    <row r="675971" spans="8:8">
      <c r="H675971" s="12"/>
    </row>
    <row r="675972" spans="8:8">
      <c r="H675972" s="12"/>
    </row>
    <row r="675973" spans="8:8">
      <c r="H675973" s="12"/>
    </row>
    <row r="675974" spans="8:8">
      <c r="H675974" s="12"/>
    </row>
    <row r="675975" spans="8:8">
      <c r="H675975" s="12"/>
    </row>
    <row r="675976" spans="8:8">
      <c r="H675976" s="12"/>
    </row>
    <row r="675977" spans="8:8">
      <c r="H675977" s="12"/>
    </row>
    <row r="675978" spans="8:8">
      <c r="H675978" s="12"/>
    </row>
    <row r="675979" spans="8:8">
      <c r="H675979" s="12"/>
    </row>
    <row r="675980" spans="8:8">
      <c r="H675980" s="12"/>
    </row>
    <row r="675981" spans="8:8">
      <c r="H675981" s="12"/>
    </row>
    <row r="675982" spans="8:8">
      <c r="H675982" s="12"/>
    </row>
    <row r="675983" spans="8:8">
      <c r="H675983" s="12"/>
    </row>
    <row r="675984" spans="8:8">
      <c r="H675984" s="12"/>
    </row>
    <row r="675985" spans="8:8">
      <c r="H675985" s="12"/>
    </row>
    <row r="675986" spans="8:8">
      <c r="H675986" s="12"/>
    </row>
    <row r="675987" spans="8:8">
      <c r="H675987" s="12"/>
    </row>
    <row r="675988" spans="8:8">
      <c r="H675988" s="12"/>
    </row>
    <row r="675989" spans="8:8">
      <c r="H675989" s="12"/>
    </row>
    <row r="675990" spans="8:8">
      <c r="H675990" s="12"/>
    </row>
    <row r="675991" spans="8:8">
      <c r="H675991" s="12"/>
    </row>
    <row r="675992" spans="8:8">
      <c r="H675992" s="12"/>
    </row>
    <row r="675993" spans="8:8">
      <c r="H675993" s="12"/>
    </row>
    <row r="675994" spans="8:8">
      <c r="H675994" s="12"/>
    </row>
    <row r="675995" spans="8:8">
      <c r="H675995" s="12"/>
    </row>
    <row r="675996" spans="8:8">
      <c r="H675996" s="12"/>
    </row>
    <row r="675997" spans="8:8">
      <c r="H675997" s="12"/>
    </row>
    <row r="675998" spans="8:8">
      <c r="H675998" s="12"/>
    </row>
    <row r="675999" spans="8:8">
      <c r="H675999" s="12"/>
    </row>
    <row r="676000" spans="8:8">
      <c r="H676000" s="12"/>
    </row>
    <row r="676001" spans="8:8">
      <c r="H676001" s="12"/>
    </row>
    <row r="676002" spans="8:8">
      <c r="H676002" s="12"/>
    </row>
    <row r="676003" spans="8:8">
      <c r="H676003" s="12"/>
    </row>
    <row r="676004" spans="8:8">
      <c r="H676004" s="12"/>
    </row>
    <row r="676005" spans="8:8">
      <c r="H676005" s="12"/>
    </row>
    <row r="676006" spans="8:8">
      <c r="H676006" s="12"/>
    </row>
    <row r="676007" spans="8:8">
      <c r="H676007" s="12"/>
    </row>
    <row r="676008" spans="8:8">
      <c r="H676008" s="12"/>
    </row>
    <row r="676009" spans="8:8">
      <c r="H676009" s="12"/>
    </row>
    <row r="676010" spans="8:8">
      <c r="H676010" s="12"/>
    </row>
    <row r="676011" spans="8:8">
      <c r="H676011" s="12"/>
    </row>
    <row r="676012" spans="8:8">
      <c r="H676012" s="12"/>
    </row>
    <row r="676013" spans="8:8">
      <c r="H676013" s="12"/>
    </row>
    <row r="676014" spans="8:8">
      <c r="H676014" s="12"/>
    </row>
    <row r="676015" spans="8:8">
      <c r="H676015" s="12"/>
    </row>
    <row r="676016" spans="8:8">
      <c r="H676016" s="12"/>
    </row>
    <row r="676017" spans="8:8">
      <c r="H676017" s="12"/>
    </row>
    <row r="676018" spans="8:8">
      <c r="H676018" s="12"/>
    </row>
    <row r="676019" spans="8:8">
      <c r="H676019" s="12"/>
    </row>
    <row r="676020" spans="8:8">
      <c r="H676020" s="12"/>
    </row>
    <row r="676021" spans="8:8">
      <c r="H676021" s="12"/>
    </row>
    <row r="676022" spans="8:8">
      <c r="H676022" s="12"/>
    </row>
    <row r="676023" spans="8:8">
      <c r="H676023" s="12"/>
    </row>
    <row r="676024" spans="8:8">
      <c r="H676024" s="12"/>
    </row>
    <row r="676025" spans="8:8">
      <c r="H676025" s="12"/>
    </row>
    <row r="676026" spans="8:8">
      <c r="H676026" s="12"/>
    </row>
    <row r="676027" spans="8:8">
      <c r="H676027" s="12"/>
    </row>
    <row r="676028" spans="8:8">
      <c r="H676028" s="12"/>
    </row>
    <row r="676029" spans="8:8">
      <c r="H676029" s="12"/>
    </row>
    <row r="676030" spans="8:8">
      <c r="H676030" s="12"/>
    </row>
    <row r="676031" spans="8:8">
      <c r="H676031" s="12"/>
    </row>
    <row r="676032" spans="8:8">
      <c r="H676032" s="12"/>
    </row>
    <row r="676033" spans="8:8">
      <c r="H676033" s="12"/>
    </row>
    <row r="676034" spans="8:8">
      <c r="H676034" s="12"/>
    </row>
    <row r="676035" spans="8:8">
      <c r="H676035" s="12"/>
    </row>
    <row r="676036" spans="8:8">
      <c r="H676036" s="12"/>
    </row>
    <row r="676037" spans="8:8">
      <c r="H676037" s="12"/>
    </row>
    <row r="676038" spans="8:8">
      <c r="H676038" s="12"/>
    </row>
    <row r="676039" spans="8:8">
      <c r="H676039" s="12"/>
    </row>
    <row r="676040" spans="8:8">
      <c r="H676040" s="12"/>
    </row>
    <row r="676041" spans="8:8">
      <c r="H676041" s="12"/>
    </row>
    <row r="676042" spans="8:8">
      <c r="H676042" s="12"/>
    </row>
    <row r="676043" spans="8:8">
      <c r="H676043" s="12"/>
    </row>
    <row r="676044" spans="8:8">
      <c r="H676044" s="12"/>
    </row>
    <row r="676045" spans="8:8">
      <c r="H676045" s="12"/>
    </row>
    <row r="676046" spans="8:8">
      <c r="H676046" s="12"/>
    </row>
    <row r="676047" spans="8:8">
      <c r="H676047" s="12"/>
    </row>
    <row r="676048" spans="8:8">
      <c r="H676048" s="12"/>
    </row>
    <row r="676049" spans="8:8">
      <c r="H676049" s="12"/>
    </row>
    <row r="676050" spans="8:8">
      <c r="H676050" s="12"/>
    </row>
    <row r="676051" spans="8:8">
      <c r="H676051" s="12"/>
    </row>
    <row r="676052" spans="8:8">
      <c r="H676052" s="12"/>
    </row>
    <row r="676053" spans="8:8">
      <c r="H676053" s="12"/>
    </row>
    <row r="676054" spans="8:8">
      <c r="H676054" s="12"/>
    </row>
    <row r="676055" spans="8:8">
      <c r="H676055" s="12"/>
    </row>
    <row r="676056" spans="8:8">
      <c r="H676056" s="12"/>
    </row>
    <row r="676057" spans="8:8">
      <c r="H676057" s="12"/>
    </row>
    <row r="676058" spans="8:8">
      <c r="H676058" s="12"/>
    </row>
    <row r="676059" spans="8:8">
      <c r="H676059" s="12"/>
    </row>
    <row r="676060" spans="8:8">
      <c r="H676060" s="12"/>
    </row>
    <row r="676061" spans="8:8">
      <c r="H676061" s="12"/>
    </row>
    <row r="676062" spans="8:8">
      <c r="H676062" s="12"/>
    </row>
    <row r="676063" spans="8:8">
      <c r="H676063" s="12"/>
    </row>
    <row r="676064" spans="8:8">
      <c r="H676064" s="12"/>
    </row>
    <row r="676065" spans="8:8">
      <c r="H676065" s="12"/>
    </row>
    <row r="676066" spans="8:8">
      <c r="H676066" s="12"/>
    </row>
    <row r="676067" spans="8:8">
      <c r="H676067" s="12"/>
    </row>
    <row r="676068" spans="8:8">
      <c r="H676068" s="12"/>
    </row>
    <row r="676069" spans="8:8">
      <c r="H676069" s="12"/>
    </row>
    <row r="676070" spans="8:8">
      <c r="H676070" s="12"/>
    </row>
    <row r="676071" spans="8:8">
      <c r="H676071" s="12"/>
    </row>
    <row r="676072" spans="8:8">
      <c r="H676072" s="12"/>
    </row>
    <row r="676073" spans="8:8">
      <c r="H676073" s="12"/>
    </row>
    <row r="676074" spans="8:8">
      <c r="H676074" s="12"/>
    </row>
    <row r="676075" spans="8:8">
      <c r="H676075" s="12"/>
    </row>
    <row r="676076" spans="8:8">
      <c r="H676076" s="12"/>
    </row>
    <row r="676077" spans="8:8">
      <c r="H676077" s="12"/>
    </row>
    <row r="676078" spans="8:8">
      <c r="H676078" s="12"/>
    </row>
    <row r="676079" spans="8:8">
      <c r="H676079" s="12"/>
    </row>
    <row r="676080" spans="8:8">
      <c r="H676080" s="12"/>
    </row>
    <row r="676081" spans="8:8">
      <c r="H676081" s="12"/>
    </row>
    <row r="676082" spans="8:8">
      <c r="H676082" s="12"/>
    </row>
    <row r="676083" spans="8:8">
      <c r="H676083" s="12"/>
    </row>
    <row r="676084" spans="8:8">
      <c r="H676084" s="12"/>
    </row>
    <row r="676085" spans="8:8">
      <c r="H676085" s="12"/>
    </row>
    <row r="676086" spans="8:8">
      <c r="H676086" s="12"/>
    </row>
    <row r="676087" spans="8:8">
      <c r="H676087" s="12"/>
    </row>
    <row r="676088" spans="8:8">
      <c r="H676088" s="12"/>
    </row>
    <row r="676089" spans="8:8">
      <c r="H676089" s="12"/>
    </row>
    <row r="676090" spans="8:8">
      <c r="H676090" s="12"/>
    </row>
    <row r="676091" spans="8:8">
      <c r="H676091" s="12"/>
    </row>
    <row r="676092" spans="8:8">
      <c r="H676092" s="12"/>
    </row>
    <row r="676093" spans="8:8">
      <c r="H676093" s="12"/>
    </row>
    <row r="676094" spans="8:8">
      <c r="H676094" s="12"/>
    </row>
    <row r="676095" spans="8:8">
      <c r="H676095" s="12"/>
    </row>
    <row r="676096" spans="8:8">
      <c r="H676096" s="12"/>
    </row>
    <row r="676097" spans="8:8">
      <c r="H676097" s="12"/>
    </row>
    <row r="676098" spans="8:8">
      <c r="H676098" s="12"/>
    </row>
    <row r="676099" spans="8:8">
      <c r="H676099" s="12"/>
    </row>
    <row r="676100" spans="8:8">
      <c r="H676100" s="12"/>
    </row>
    <row r="676101" spans="8:8">
      <c r="H676101" s="12"/>
    </row>
    <row r="676102" spans="8:8">
      <c r="H676102" s="12"/>
    </row>
    <row r="676103" spans="8:8">
      <c r="H676103" s="12"/>
    </row>
    <row r="676104" spans="8:8">
      <c r="H676104" s="12"/>
    </row>
    <row r="676105" spans="8:8">
      <c r="H676105" s="12"/>
    </row>
    <row r="676106" spans="8:8">
      <c r="H676106" s="12"/>
    </row>
    <row r="676107" spans="8:8">
      <c r="H676107" s="12"/>
    </row>
    <row r="676108" spans="8:8">
      <c r="H676108" s="12"/>
    </row>
    <row r="676109" spans="8:8">
      <c r="H676109" s="12"/>
    </row>
    <row r="676110" spans="8:8">
      <c r="H676110" s="12"/>
    </row>
    <row r="676111" spans="8:8">
      <c r="H676111" s="12"/>
    </row>
    <row r="676112" spans="8:8">
      <c r="H676112" s="12"/>
    </row>
    <row r="676113" spans="8:8">
      <c r="H676113" s="12"/>
    </row>
    <row r="676114" spans="8:8">
      <c r="H676114" s="12"/>
    </row>
    <row r="676115" spans="8:8">
      <c r="H676115" s="12"/>
    </row>
    <row r="676116" spans="8:8">
      <c r="H676116" s="12"/>
    </row>
    <row r="676117" spans="8:8">
      <c r="H676117" s="12"/>
    </row>
    <row r="676118" spans="8:8">
      <c r="H676118" s="12"/>
    </row>
    <row r="676119" spans="8:8">
      <c r="H676119" s="12"/>
    </row>
    <row r="676120" spans="8:8">
      <c r="H676120" s="12"/>
    </row>
    <row r="676121" spans="8:8">
      <c r="H676121" s="12"/>
    </row>
    <row r="676122" spans="8:8">
      <c r="H676122" s="12"/>
    </row>
    <row r="676123" spans="8:8">
      <c r="H676123" s="12"/>
    </row>
    <row r="676124" spans="8:8">
      <c r="H676124" s="12"/>
    </row>
    <row r="676125" spans="8:8">
      <c r="H676125" s="12"/>
    </row>
    <row r="676126" spans="8:8">
      <c r="H676126" s="12"/>
    </row>
    <row r="676127" spans="8:8">
      <c r="H676127" s="12"/>
    </row>
    <row r="676128" spans="8:8">
      <c r="H676128" s="12"/>
    </row>
    <row r="676129" spans="8:8">
      <c r="H676129" s="12"/>
    </row>
    <row r="676130" spans="8:8">
      <c r="H676130" s="12"/>
    </row>
    <row r="676131" spans="8:8">
      <c r="H676131" s="12"/>
    </row>
    <row r="676132" spans="8:8">
      <c r="H676132" s="12"/>
    </row>
    <row r="676133" spans="8:8">
      <c r="H676133" s="12"/>
    </row>
    <row r="676134" spans="8:8">
      <c r="H676134" s="12"/>
    </row>
    <row r="676135" spans="8:8">
      <c r="H676135" s="12"/>
    </row>
    <row r="676136" spans="8:8">
      <c r="H676136" s="12"/>
    </row>
    <row r="676137" spans="8:8">
      <c r="H676137" s="12"/>
    </row>
    <row r="676138" spans="8:8">
      <c r="H676138" s="12"/>
    </row>
    <row r="676139" spans="8:8">
      <c r="H676139" s="12"/>
    </row>
    <row r="676140" spans="8:8">
      <c r="H676140" s="12"/>
    </row>
    <row r="676141" spans="8:8">
      <c r="H676141" s="12"/>
    </row>
    <row r="676142" spans="8:8">
      <c r="H676142" s="12"/>
    </row>
    <row r="676143" spans="8:8">
      <c r="H676143" s="12"/>
    </row>
    <row r="676144" spans="8:8">
      <c r="H676144" s="12"/>
    </row>
    <row r="676145" spans="8:8">
      <c r="H676145" s="12"/>
    </row>
    <row r="676146" spans="8:8">
      <c r="H676146" s="12"/>
    </row>
    <row r="676147" spans="8:8">
      <c r="H676147" s="12"/>
    </row>
    <row r="676148" spans="8:8">
      <c r="H676148" s="12"/>
    </row>
    <row r="676149" spans="8:8">
      <c r="H676149" s="12"/>
    </row>
    <row r="676150" spans="8:8">
      <c r="H676150" s="12"/>
    </row>
    <row r="676151" spans="8:8">
      <c r="H676151" s="12"/>
    </row>
    <row r="676152" spans="8:8">
      <c r="H676152" s="12"/>
    </row>
    <row r="676153" spans="8:8">
      <c r="H676153" s="12"/>
    </row>
    <row r="676154" spans="8:8">
      <c r="H676154" s="12"/>
    </row>
    <row r="676155" spans="8:8">
      <c r="H676155" s="12"/>
    </row>
    <row r="676156" spans="8:8">
      <c r="H676156" s="12"/>
    </row>
    <row r="676157" spans="8:8">
      <c r="H676157" s="12"/>
    </row>
    <row r="676158" spans="8:8">
      <c r="H676158" s="12"/>
    </row>
    <row r="676159" spans="8:8">
      <c r="H676159" s="12"/>
    </row>
    <row r="676160" spans="8:8">
      <c r="H676160" s="12"/>
    </row>
    <row r="676161" spans="8:8">
      <c r="H676161" s="12"/>
    </row>
    <row r="676162" spans="8:8">
      <c r="H676162" s="12"/>
    </row>
    <row r="676163" spans="8:8">
      <c r="H676163" s="12"/>
    </row>
    <row r="676164" spans="8:8">
      <c r="H676164" s="12"/>
    </row>
    <row r="676165" spans="8:8">
      <c r="H676165" s="12"/>
    </row>
    <row r="676166" spans="8:8">
      <c r="H676166" s="12"/>
    </row>
    <row r="676167" spans="8:8">
      <c r="H676167" s="12"/>
    </row>
    <row r="676168" spans="8:8">
      <c r="H676168" s="12"/>
    </row>
    <row r="676169" spans="8:8">
      <c r="H676169" s="12"/>
    </row>
    <row r="676170" spans="8:8">
      <c r="H676170" s="12"/>
    </row>
    <row r="676171" spans="8:8">
      <c r="H676171" s="12"/>
    </row>
    <row r="676172" spans="8:8">
      <c r="H676172" s="12"/>
    </row>
    <row r="676173" spans="8:8">
      <c r="H676173" s="12"/>
    </row>
    <row r="676174" spans="8:8">
      <c r="H676174" s="12"/>
    </row>
    <row r="676175" spans="8:8">
      <c r="H676175" s="12"/>
    </row>
    <row r="676176" spans="8:8">
      <c r="H676176" s="12"/>
    </row>
    <row r="676177" spans="8:8">
      <c r="H676177" s="12"/>
    </row>
    <row r="676178" spans="8:8">
      <c r="H676178" s="12"/>
    </row>
    <row r="676179" spans="8:8">
      <c r="H676179" s="12"/>
    </row>
    <row r="676180" spans="8:8">
      <c r="H676180" s="12"/>
    </row>
    <row r="676181" spans="8:8">
      <c r="H676181" s="12"/>
    </row>
    <row r="676182" spans="8:8">
      <c r="H676182" s="12"/>
    </row>
    <row r="676183" spans="8:8">
      <c r="H676183" s="12"/>
    </row>
    <row r="676184" spans="8:8">
      <c r="H676184" s="12"/>
    </row>
    <row r="676185" spans="8:8">
      <c r="H676185" s="12"/>
    </row>
    <row r="676186" spans="8:8">
      <c r="H676186" s="12"/>
    </row>
    <row r="676187" spans="8:8">
      <c r="H676187" s="12"/>
    </row>
    <row r="676188" spans="8:8">
      <c r="H676188" s="12"/>
    </row>
    <row r="676189" spans="8:8">
      <c r="H676189" s="12"/>
    </row>
    <row r="676190" spans="8:8">
      <c r="H676190" s="12"/>
    </row>
    <row r="676191" spans="8:8">
      <c r="H676191" s="12"/>
    </row>
    <row r="676192" spans="8:8">
      <c r="H676192" s="12"/>
    </row>
    <row r="676193" spans="8:8">
      <c r="H676193" s="12"/>
    </row>
    <row r="676194" spans="8:8">
      <c r="H676194" s="12"/>
    </row>
    <row r="676195" spans="8:8">
      <c r="H676195" s="12"/>
    </row>
    <row r="676196" spans="8:8">
      <c r="H676196" s="12"/>
    </row>
    <row r="676197" spans="8:8">
      <c r="H676197" s="12"/>
    </row>
    <row r="676198" spans="8:8">
      <c r="H676198" s="12"/>
    </row>
    <row r="676199" spans="8:8">
      <c r="H676199" s="12"/>
    </row>
    <row r="676200" spans="8:8">
      <c r="H676200" s="12"/>
    </row>
    <row r="676201" spans="8:8">
      <c r="H676201" s="12"/>
    </row>
    <row r="676202" spans="8:8">
      <c r="H676202" s="12"/>
    </row>
    <row r="676203" spans="8:8">
      <c r="H676203" s="12"/>
    </row>
    <row r="676204" spans="8:8">
      <c r="H676204" s="12"/>
    </row>
    <row r="676205" spans="8:8">
      <c r="H676205" s="12"/>
    </row>
    <row r="676206" spans="8:8">
      <c r="H676206" s="12"/>
    </row>
    <row r="676207" spans="8:8">
      <c r="H676207" s="12"/>
    </row>
    <row r="676208" spans="8:8">
      <c r="H676208" s="12"/>
    </row>
    <row r="676209" spans="8:8">
      <c r="H676209" s="12"/>
    </row>
    <row r="676210" spans="8:8">
      <c r="H676210" s="12"/>
    </row>
    <row r="676211" spans="8:8">
      <c r="H676211" s="12"/>
    </row>
    <row r="676212" spans="8:8">
      <c r="H676212" s="12"/>
    </row>
    <row r="676213" spans="8:8">
      <c r="H676213" s="12"/>
    </row>
    <row r="676214" spans="8:8">
      <c r="H676214" s="12"/>
    </row>
    <row r="676215" spans="8:8">
      <c r="H676215" s="12"/>
    </row>
    <row r="676216" spans="8:8">
      <c r="H676216" s="12"/>
    </row>
    <row r="676217" spans="8:8">
      <c r="H676217" s="12"/>
    </row>
    <row r="676218" spans="8:8">
      <c r="H676218" s="12"/>
    </row>
    <row r="676219" spans="8:8">
      <c r="H676219" s="12"/>
    </row>
    <row r="676220" spans="8:8">
      <c r="H676220" s="12"/>
    </row>
    <row r="676221" spans="8:8">
      <c r="H676221" s="12"/>
    </row>
    <row r="676222" spans="8:8">
      <c r="H676222" s="12"/>
    </row>
    <row r="676223" spans="8:8">
      <c r="H676223" s="12"/>
    </row>
    <row r="676224" spans="8:8">
      <c r="H676224" s="12"/>
    </row>
    <row r="676225" spans="8:8">
      <c r="H676225" s="12"/>
    </row>
    <row r="676226" spans="8:8">
      <c r="H676226" s="12"/>
    </row>
    <row r="676227" spans="8:8">
      <c r="H676227" s="12"/>
    </row>
    <row r="676228" spans="8:8">
      <c r="H676228" s="12"/>
    </row>
    <row r="676229" spans="8:8">
      <c r="H676229" s="12"/>
    </row>
    <row r="676230" spans="8:8">
      <c r="H676230" s="12"/>
    </row>
    <row r="676231" spans="8:8">
      <c r="H676231" s="12"/>
    </row>
    <row r="676232" spans="8:8">
      <c r="H676232" s="12"/>
    </row>
    <row r="676233" spans="8:8">
      <c r="H676233" s="12"/>
    </row>
    <row r="676234" spans="8:8">
      <c r="H676234" s="12"/>
    </row>
    <row r="676235" spans="8:8">
      <c r="H676235" s="12"/>
    </row>
    <row r="676236" spans="8:8">
      <c r="H676236" s="12"/>
    </row>
    <row r="676237" spans="8:8">
      <c r="H676237" s="12"/>
    </row>
    <row r="676238" spans="8:8">
      <c r="H676238" s="12"/>
    </row>
    <row r="676239" spans="8:8">
      <c r="H676239" s="12"/>
    </row>
    <row r="676240" spans="8:8">
      <c r="H676240" s="12"/>
    </row>
    <row r="676241" spans="8:8">
      <c r="H676241" s="12"/>
    </row>
    <row r="676242" spans="8:8">
      <c r="H676242" s="12"/>
    </row>
    <row r="676243" spans="8:8">
      <c r="H676243" s="12"/>
    </row>
    <row r="676244" spans="8:8">
      <c r="H676244" s="12"/>
    </row>
    <row r="676245" spans="8:8">
      <c r="H676245" s="12"/>
    </row>
    <row r="676246" spans="8:8">
      <c r="H676246" s="12"/>
    </row>
    <row r="676247" spans="8:8">
      <c r="H676247" s="12"/>
    </row>
    <row r="676248" spans="8:8">
      <c r="H676248" s="12"/>
    </row>
    <row r="676249" spans="8:8">
      <c r="H676249" s="12"/>
    </row>
    <row r="676250" spans="8:8">
      <c r="H676250" s="12"/>
    </row>
    <row r="676251" spans="8:8">
      <c r="H676251" s="12"/>
    </row>
    <row r="676252" spans="8:8">
      <c r="H676252" s="12"/>
    </row>
    <row r="676253" spans="8:8">
      <c r="H676253" s="12"/>
    </row>
    <row r="676254" spans="8:8">
      <c r="H676254" s="12"/>
    </row>
    <row r="676255" spans="8:8">
      <c r="H676255" s="12"/>
    </row>
    <row r="676256" spans="8:8">
      <c r="H676256" s="12"/>
    </row>
    <row r="676257" spans="8:8">
      <c r="H676257" s="12"/>
    </row>
    <row r="676258" spans="8:8">
      <c r="H676258" s="12"/>
    </row>
    <row r="676259" spans="8:8">
      <c r="H676259" s="12"/>
    </row>
    <row r="676260" spans="8:8">
      <c r="H676260" s="12"/>
    </row>
    <row r="676261" spans="8:8">
      <c r="H676261" s="12"/>
    </row>
    <row r="676262" spans="8:8">
      <c r="H676262" s="12"/>
    </row>
    <row r="676263" spans="8:8">
      <c r="H676263" s="12"/>
    </row>
    <row r="676264" spans="8:8">
      <c r="H676264" s="12"/>
    </row>
    <row r="676265" spans="8:8">
      <c r="H676265" s="12"/>
    </row>
    <row r="676266" spans="8:8">
      <c r="H676266" s="12"/>
    </row>
    <row r="676267" spans="8:8">
      <c r="H676267" s="12"/>
    </row>
    <row r="676268" spans="8:8">
      <c r="H676268" s="12"/>
    </row>
    <row r="676269" spans="8:8">
      <c r="H676269" s="12"/>
    </row>
    <row r="676270" spans="8:8">
      <c r="H676270" s="12"/>
    </row>
    <row r="676271" spans="8:8">
      <c r="H676271" s="12"/>
    </row>
    <row r="676272" spans="8:8">
      <c r="H676272" s="12"/>
    </row>
    <row r="676273" spans="8:8">
      <c r="H676273" s="12"/>
    </row>
    <row r="676274" spans="8:8">
      <c r="H676274" s="12"/>
    </row>
    <row r="676275" spans="8:8">
      <c r="H676275" s="12"/>
    </row>
    <row r="676276" spans="8:8">
      <c r="H676276" s="12"/>
    </row>
    <row r="676277" spans="8:8">
      <c r="H676277" s="12"/>
    </row>
    <row r="676278" spans="8:8">
      <c r="H676278" s="12"/>
    </row>
    <row r="676279" spans="8:8">
      <c r="H676279" s="12"/>
    </row>
    <row r="676280" spans="8:8">
      <c r="H676280" s="12"/>
    </row>
    <row r="676281" spans="8:8">
      <c r="H676281" s="12"/>
    </row>
    <row r="676282" spans="8:8">
      <c r="H676282" s="12"/>
    </row>
    <row r="676283" spans="8:8">
      <c r="H676283" s="12"/>
    </row>
    <row r="676284" spans="8:8">
      <c r="H676284" s="12"/>
    </row>
    <row r="676285" spans="8:8">
      <c r="H676285" s="12"/>
    </row>
    <row r="676286" spans="8:8">
      <c r="H676286" s="12"/>
    </row>
    <row r="676287" spans="8:8">
      <c r="H676287" s="12"/>
    </row>
    <row r="676288" spans="8:8">
      <c r="H676288" s="12"/>
    </row>
    <row r="676289" spans="8:8">
      <c r="H676289" s="12"/>
    </row>
    <row r="676290" spans="8:8">
      <c r="H676290" s="12"/>
    </row>
    <row r="676291" spans="8:8">
      <c r="H676291" s="12"/>
    </row>
    <row r="676292" spans="8:8">
      <c r="H676292" s="12"/>
    </row>
    <row r="676293" spans="8:8">
      <c r="H676293" s="12"/>
    </row>
    <row r="676294" spans="8:8">
      <c r="H676294" s="12"/>
    </row>
    <row r="676295" spans="8:8">
      <c r="H676295" s="12"/>
    </row>
    <row r="676296" spans="8:8">
      <c r="H676296" s="12"/>
    </row>
    <row r="676297" spans="8:8">
      <c r="H676297" s="12"/>
    </row>
    <row r="676298" spans="8:8">
      <c r="H676298" s="12"/>
    </row>
    <row r="676299" spans="8:8">
      <c r="H676299" s="12"/>
    </row>
    <row r="676300" spans="8:8">
      <c r="H676300" s="12"/>
    </row>
    <row r="676301" spans="8:8">
      <c r="H676301" s="12"/>
    </row>
    <row r="676302" spans="8:8">
      <c r="H676302" s="12"/>
    </row>
    <row r="676303" spans="8:8">
      <c r="H676303" s="12"/>
    </row>
    <row r="676304" spans="8:8">
      <c r="H676304" s="12"/>
    </row>
    <row r="676305" spans="8:8">
      <c r="H676305" s="12"/>
    </row>
    <row r="676306" spans="8:8">
      <c r="H676306" s="12"/>
    </row>
    <row r="676307" spans="8:8">
      <c r="H676307" s="12"/>
    </row>
    <row r="676308" spans="8:8">
      <c r="H676308" s="12"/>
    </row>
    <row r="676309" spans="8:8">
      <c r="H676309" s="12"/>
    </row>
    <row r="676310" spans="8:8">
      <c r="H676310" s="12"/>
    </row>
    <row r="676311" spans="8:8">
      <c r="H676311" s="12"/>
    </row>
    <row r="676312" spans="8:8">
      <c r="H676312" s="12"/>
    </row>
    <row r="676313" spans="8:8">
      <c r="H676313" s="12"/>
    </row>
    <row r="676314" spans="8:8">
      <c r="H676314" s="12"/>
    </row>
    <row r="676315" spans="8:8">
      <c r="H676315" s="12"/>
    </row>
    <row r="676316" spans="8:8">
      <c r="H676316" s="12"/>
    </row>
    <row r="676317" spans="8:8">
      <c r="H676317" s="12"/>
    </row>
    <row r="676318" spans="8:8">
      <c r="H676318" s="12"/>
    </row>
    <row r="676319" spans="8:8">
      <c r="H676319" s="12"/>
    </row>
    <row r="676320" spans="8:8">
      <c r="H676320" s="12"/>
    </row>
    <row r="676321" spans="8:8">
      <c r="H676321" s="12"/>
    </row>
    <row r="676322" spans="8:8">
      <c r="H676322" s="12"/>
    </row>
    <row r="676323" spans="8:8">
      <c r="H676323" s="12"/>
    </row>
    <row r="676324" spans="8:8">
      <c r="H676324" s="12"/>
    </row>
    <row r="676325" spans="8:8">
      <c r="H676325" s="12"/>
    </row>
    <row r="676326" spans="8:8">
      <c r="H676326" s="12"/>
    </row>
    <row r="676327" spans="8:8">
      <c r="H676327" s="12"/>
    </row>
    <row r="676328" spans="8:8">
      <c r="H676328" s="12"/>
    </row>
    <row r="676329" spans="8:8">
      <c r="H676329" s="12"/>
    </row>
    <row r="676330" spans="8:8">
      <c r="H676330" s="12"/>
    </row>
    <row r="676331" spans="8:8">
      <c r="H676331" s="12"/>
    </row>
    <row r="676332" spans="8:8">
      <c r="H676332" s="12"/>
    </row>
    <row r="676333" spans="8:8">
      <c r="H676333" s="12"/>
    </row>
    <row r="676334" spans="8:8">
      <c r="H676334" s="12"/>
    </row>
    <row r="676335" spans="8:8">
      <c r="H676335" s="12"/>
    </row>
    <row r="676336" spans="8:8">
      <c r="H676336" s="12"/>
    </row>
    <row r="676337" spans="8:8">
      <c r="H676337" s="12"/>
    </row>
    <row r="676338" spans="8:8">
      <c r="H676338" s="12"/>
    </row>
    <row r="676339" spans="8:8">
      <c r="H676339" s="12"/>
    </row>
    <row r="676340" spans="8:8">
      <c r="H676340" s="12"/>
    </row>
    <row r="676341" spans="8:8">
      <c r="H676341" s="12"/>
    </row>
    <row r="676342" spans="8:8">
      <c r="H676342" s="12"/>
    </row>
    <row r="676343" spans="8:8">
      <c r="H676343" s="12"/>
    </row>
    <row r="676344" spans="8:8">
      <c r="H676344" s="12"/>
    </row>
    <row r="676345" spans="8:8">
      <c r="H676345" s="12"/>
    </row>
    <row r="676346" spans="8:8">
      <c r="H676346" s="12"/>
    </row>
    <row r="676347" spans="8:8">
      <c r="H676347" s="12"/>
    </row>
    <row r="676348" spans="8:8">
      <c r="H676348" s="12"/>
    </row>
    <row r="676349" spans="8:8">
      <c r="H676349" s="12"/>
    </row>
    <row r="676350" spans="8:8">
      <c r="H676350" s="12"/>
    </row>
    <row r="676351" spans="8:8">
      <c r="H676351" s="12"/>
    </row>
    <row r="676352" spans="8:8">
      <c r="H676352" s="12"/>
    </row>
    <row r="676353" spans="8:8">
      <c r="H676353" s="12"/>
    </row>
    <row r="676354" spans="8:8">
      <c r="H676354" s="12"/>
    </row>
    <row r="676355" spans="8:8">
      <c r="H676355" s="12"/>
    </row>
    <row r="676356" spans="8:8">
      <c r="H676356" s="12"/>
    </row>
    <row r="676357" spans="8:8">
      <c r="H676357" s="12"/>
    </row>
    <row r="676358" spans="8:8">
      <c r="H676358" s="12"/>
    </row>
    <row r="676359" spans="8:8">
      <c r="H676359" s="12"/>
    </row>
    <row r="676360" spans="8:8">
      <c r="H676360" s="12"/>
    </row>
    <row r="676361" spans="8:8">
      <c r="H676361" s="12"/>
    </row>
    <row r="676362" spans="8:8">
      <c r="H676362" s="12"/>
    </row>
    <row r="676363" spans="8:8">
      <c r="H676363" s="12"/>
    </row>
    <row r="676364" spans="8:8">
      <c r="H676364" s="12"/>
    </row>
    <row r="676365" spans="8:8">
      <c r="H676365" s="12"/>
    </row>
    <row r="676366" spans="8:8">
      <c r="H676366" s="12"/>
    </row>
    <row r="676367" spans="8:8">
      <c r="H676367" s="12"/>
    </row>
    <row r="676368" spans="8:8">
      <c r="H676368" s="12"/>
    </row>
    <row r="676369" spans="8:8">
      <c r="H676369" s="12"/>
    </row>
    <row r="676370" spans="8:8">
      <c r="H676370" s="12"/>
    </row>
    <row r="676371" spans="8:8">
      <c r="H676371" s="12"/>
    </row>
    <row r="676372" spans="8:8">
      <c r="H676372" s="12"/>
    </row>
    <row r="676373" spans="8:8">
      <c r="H676373" s="12"/>
    </row>
    <row r="676374" spans="8:8">
      <c r="H676374" s="12"/>
    </row>
    <row r="676375" spans="8:8">
      <c r="H676375" s="12"/>
    </row>
    <row r="676376" spans="8:8">
      <c r="H676376" s="12"/>
    </row>
    <row r="676377" spans="8:8">
      <c r="H676377" s="12"/>
    </row>
    <row r="676378" spans="8:8">
      <c r="H676378" s="12"/>
    </row>
    <row r="676379" spans="8:8">
      <c r="H676379" s="12"/>
    </row>
    <row r="676380" spans="8:8">
      <c r="H676380" s="12"/>
    </row>
    <row r="676381" spans="8:8">
      <c r="H676381" s="12"/>
    </row>
    <row r="676382" spans="8:8">
      <c r="H676382" s="12"/>
    </row>
    <row r="676383" spans="8:8">
      <c r="H676383" s="12"/>
    </row>
    <row r="676384" spans="8:8">
      <c r="H676384" s="12"/>
    </row>
    <row r="676385" spans="8:8">
      <c r="H676385" s="12"/>
    </row>
    <row r="676386" spans="8:8">
      <c r="H676386" s="12"/>
    </row>
    <row r="676387" spans="8:8">
      <c r="H676387" s="12"/>
    </row>
    <row r="676388" spans="8:8">
      <c r="H676388" s="12"/>
    </row>
    <row r="676389" spans="8:8">
      <c r="H676389" s="12"/>
    </row>
    <row r="676390" spans="8:8">
      <c r="H676390" s="12"/>
    </row>
    <row r="676391" spans="8:8">
      <c r="H676391" s="12"/>
    </row>
    <row r="676392" spans="8:8">
      <c r="H676392" s="12"/>
    </row>
    <row r="676393" spans="8:8">
      <c r="H676393" s="12"/>
    </row>
    <row r="676394" spans="8:8">
      <c r="H676394" s="12"/>
    </row>
    <row r="676395" spans="8:8">
      <c r="H676395" s="12"/>
    </row>
    <row r="676396" spans="8:8">
      <c r="H676396" s="12"/>
    </row>
    <row r="676397" spans="8:8">
      <c r="H676397" s="12"/>
    </row>
    <row r="676398" spans="8:8">
      <c r="H676398" s="12"/>
    </row>
    <row r="676399" spans="8:8">
      <c r="H676399" s="12"/>
    </row>
    <row r="676400" spans="8:8">
      <c r="H676400" s="12"/>
    </row>
    <row r="676401" spans="8:8">
      <c r="H676401" s="12"/>
    </row>
    <row r="676402" spans="8:8">
      <c r="H676402" s="12"/>
    </row>
    <row r="676403" spans="8:8">
      <c r="H676403" s="12"/>
    </row>
    <row r="676404" spans="8:8">
      <c r="H676404" s="12"/>
    </row>
    <row r="676405" spans="8:8">
      <c r="H676405" s="12"/>
    </row>
    <row r="676406" spans="8:8">
      <c r="H676406" s="12"/>
    </row>
    <row r="676407" spans="8:8">
      <c r="H676407" s="12"/>
    </row>
    <row r="676408" spans="8:8">
      <c r="H676408" s="12"/>
    </row>
    <row r="676409" spans="8:8">
      <c r="H676409" s="12"/>
    </row>
    <row r="676410" spans="8:8">
      <c r="H676410" s="12"/>
    </row>
    <row r="676411" spans="8:8">
      <c r="H676411" s="12"/>
    </row>
    <row r="676412" spans="8:8">
      <c r="H676412" s="12"/>
    </row>
    <row r="676413" spans="8:8">
      <c r="H676413" s="12"/>
    </row>
    <row r="676414" spans="8:8">
      <c r="H676414" s="12"/>
    </row>
    <row r="676415" spans="8:8">
      <c r="H676415" s="12"/>
    </row>
    <row r="676416" spans="8:8">
      <c r="H676416" s="12"/>
    </row>
    <row r="676417" spans="8:8">
      <c r="H676417" s="12"/>
    </row>
    <row r="676418" spans="8:8">
      <c r="H676418" s="12"/>
    </row>
    <row r="676419" spans="8:8">
      <c r="H676419" s="12"/>
    </row>
    <row r="676420" spans="8:8">
      <c r="H676420" s="12"/>
    </row>
    <row r="676421" spans="8:8">
      <c r="H676421" s="12"/>
    </row>
    <row r="676422" spans="8:8">
      <c r="H676422" s="12"/>
    </row>
    <row r="676423" spans="8:8">
      <c r="H676423" s="12"/>
    </row>
    <row r="676424" spans="8:8">
      <c r="H676424" s="12"/>
    </row>
    <row r="676425" spans="8:8">
      <c r="H676425" s="12"/>
    </row>
    <row r="676426" spans="8:8">
      <c r="H676426" s="12"/>
    </row>
    <row r="676427" spans="8:8">
      <c r="H676427" s="12"/>
    </row>
    <row r="676428" spans="8:8">
      <c r="H676428" s="12"/>
    </row>
    <row r="676429" spans="8:8">
      <c r="H676429" s="12"/>
    </row>
    <row r="676430" spans="8:8">
      <c r="H676430" s="12"/>
    </row>
    <row r="676431" spans="8:8">
      <c r="H676431" s="12"/>
    </row>
    <row r="676432" spans="8:8">
      <c r="H676432" s="12"/>
    </row>
    <row r="676433" spans="8:8">
      <c r="H676433" s="12"/>
    </row>
    <row r="676434" spans="8:8">
      <c r="H676434" s="12"/>
    </row>
    <row r="676435" spans="8:8">
      <c r="H676435" s="12"/>
    </row>
    <row r="676436" spans="8:8">
      <c r="H676436" s="12"/>
    </row>
    <row r="676437" spans="8:8">
      <c r="H676437" s="12"/>
    </row>
    <row r="676438" spans="8:8">
      <c r="H676438" s="12"/>
    </row>
    <row r="676439" spans="8:8">
      <c r="H676439" s="12"/>
    </row>
    <row r="676440" spans="8:8">
      <c r="H676440" s="12"/>
    </row>
    <row r="676441" spans="8:8">
      <c r="H676441" s="12"/>
    </row>
    <row r="676442" spans="8:8">
      <c r="H676442" s="12"/>
    </row>
    <row r="676443" spans="8:8">
      <c r="H676443" s="12"/>
    </row>
    <row r="676444" spans="8:8">
      <c r="H676444" s="12"/>
    </row>
    <row r="676445" spans="8:8">
      <c r="H676445" s="12"/>
    </row>
    <row r="676446" spans="8:8">
      <c r="H676446" s="12"/>
    </row>
    <row r="676447" spans="8:8">
      <c r="H676447" s="12"/>
    </row>
    <row r="676448" spans="8:8">
      <c r="H676448" s="12"/>
    </row>
    <row r="676449" spans="8:8">
      <c r="H676449" s="12"/>
    </row>
    <row r="676450" spans="8:8">
      <c r="H676450" s="12"/>
    </row>
    <row r="676451" spans="8:8">
      <c r="H676451" s="12"/>
    </row>
    <row r="676452" spans="8:8">
      <c r="H676452" s="12"/>
    </row>
    <row r="676453" spans="8:8">
      <c r="H676453" s="12"/>
    </row>
    <row r="676454" spans="8:8">
      <c r="H676454" s="12"/>
    </row>
    <row r="676455" spans="8:8">
      <c r="H676455" s="12"/>
    </row>
    <row r="676456" spans="8:8">
      <c r="H676456" s="12"/>
    </row>
    <row r="676457" spans="8:8">
      <c r="H676457" s="12"/>
    </row>
    <row r="676458" spans="8:8">
      <c r="H676458" s="12"/>
    </row>
    <row r="676459" spans="8:8">
      <c r="H676459" s="12"/>
    </row>
    <row r="676460" spans="8:8">
      <c r="H676460" s="12"/>
    </row>
    <row r="676461" spans="8:8">
      <c r="H676461" s="12"/>
    </row>
    <row r="676462" spans="8:8">
      <c r="H676462" s="12"/>
    </row>
    <row r="676463" spans="8:8">
      <c r="H676463" s="12"/>
    </row>
    <row r="676464" spans="8:8">
      <c r="H676464" s="12"/>
    </row>
    <row r="676465" spans="8:8">
      <c r="H676465" s="12"/>
    </row>
    <row r="676466" spans="8:8">
      <c r="H676466" s="12"/>
    </row>
    <row r="676467" spans="8:8">
      <c r="H676467" s="12"/>
    </row>
    <row r="676468" spans="8:8">
      <c r="H676468" s="12"/>
    </row>
    <row r="676469" spans="8:8">
      <c r="H676469" s="12"/>
    </row>
    <row r="676470" spans="8:8">
      <c r="H676470" s="12"/>
    </row>
    <row r="676471" spans="8:8">
      <c r="H676471" s="12"/>
    </row>
    <row r="676472" spans="8:8">
      <c r="H676472" s="12"/>
    </row>
    <row r="676473" spans="8:8">
      <c r="H676473" s="12"/>
    </row>
    <row r="676474" spans="8:8">
      <c r="H676474" s="12"/>
    </row>
    <row r="676475" spans="8:8">
      <c r="H676475" s="12"/>
    </row>
    <row r="676476" spans="8:8">
      <c r="H676476" s="12"/>
    </row>
    <row r="676477" spans="8:8">
      <c r="H676477" s="12"/>
    </row>
    <row r="676478" spans="8:8">
      <c r="H676478" s="12"/>
    </row>
    <row r="676479" spans="8:8">
      <c r="H676479" s="12"/>
    </row>
    <row r="676480" spans="8:8">
      <c r="H676480" s="12"/>
    </row>
    <row r="676481" spans="8:8">
      <c r="H676481" s="12"/>
    </row>
    <row r="676482" spans="8:8">
      <c r="H676482" s="12"/>
    </row>
    <row r="676483" spans="8:8">
      <c r="H676483" s="12"/>
    </row>
    <row r="676484" spans="8:8">
      <c r="H676484" s="12"/>
    </row>
    <row r="676485" spans="8:8">
      <c r="H676485" s="12"/>
    </row>
    <row r="676486" spans="8:8">
      <c r="H676486" s="12"/>
    </row>
    <row r="676487" spans="8:8">
      <c r="H676487" s="12"/>
    </row>
    <row r="676488" spans="8:8">
      <c r="H676488" s="12"/>
    </row>
    <row r="676489" spans="8:8">
      <c r="H676489" s="12"/>
    </row>
    <row r="676490" spans="8:8">
      <c r="H676490" s="12"/>
    </row>
    <row r="676491" spans="8:8">
      <c r="H676491" s="12"/>
    </row>
    <row r="676492" spans="8:8">
      <c r="H676492" s="12"/>
    </row>
    <row r="676493" spans="8:8">
      <c r="H676493" s="12"/>
    </row>
    <row r="676494" spans="8:8">
      <c r="H676494" s="12"/>
    </row>
    <row r="676495" spans="8:8">
      <c r="H676495" s="12"/>
    </row>
    <row r="676496" spans="8:8">
      <c r="H676496" s="12"/>
    </row>
    <row r="676497" spans="8:8">
      <c r="H676497" s="12"/>
    </row>
    <row r="676498" spans="8:8">
      <c r="H676498" s="12"/>
    </row>
    <row r="676499" spans="8:8">
      <c r="H676499" s="12"/>
    </row>
    <row r="676500" spans="8:8">
      <c r="H676500" s="12"/>
    </row>
    <row r="676501" spans="8:8">
      <c r="H676501" s="12"/>
    </row>
    <row r="676502" spans="8:8">
      <c r="H676502" s="12"/>
    </row>
    <row r="676503" spans="8:8">
      <c r="H676503" s="12"/>
    </row>
    <row r="676504" spans="8:8">
      <c r="H676504" s="12"/>
    </row>
    <row r="676505" spans="8:8">
      <c r="H676505" s="12"/>
    </row>
    <row r="676506" spans="8:8">
      <c r="H676506" s="12"/>
    </row>
    <row r="676507" spans="8:8">
      <c r="H676507" s="12"/>
    </row>
    <row r="676508" spans="8:8">
      <c r="H676508" s="12"/>
    </row>
    <row r="676509" spans="8:8">
      <c r="H676509" s="12"/>
    </row>
    <row r="676510" spans="8:8">
      <c r="H676510" s="12"/>
    </row>
    <row r="676511" spans="8:8">
      <c r="H676511" s="12"/>
    </row>
    <row r="676512" spans="8:8">
      <c r="H676512" s="12"/>
    </row>
    <row r="676513" spans="8:8">
      <c r="H676513" s="12"/>
    </row>
    <row r="676514" spans="8:8">
      <c r="H676514" s="12"/>
    </row>
    <row r="676515" spans="8:8">
      <c r="H676515" s="12"/>
    </row>
    <row r="676516" spans="8:8">
      <c r="H676516" s="12"/>
    </row>
    <row r="676517" spans="8:8">
      <c r="H676517" s="12"/>
    </row>
    <row r="676518" spans="8:8">
      <c r="H676518" s="12"/>
    </row>
    <row r="676519" spans="8:8">
      <c r="H676519" s="12"/>
    </row>
    <row r="676520" spans="8:8">
      <c r="H676520" s="12"/>
    </row>
    <row r="676521" spans="8:8">
      <c r="H676521" s="12"/>
    </row>
    <row r="676522" spans="8:8">
      <c r="H676522" s="12"/>
    </row>
    <row r="676523" spans="8:8">
      <c r="H676523" s="12"/>
    </row>
    <row r="676524" spans="8:8">
      <c r="H676524" s="12"/>
    </row>
    <row r="676525" spans="8:8">
      <c r="H676525" s="12"/>
    </row>
    <row r="676526" spans="8:8">
      <c r="H676526" s="12"/>
    </row>
    <row r="676527" spans="8:8">
      <c r="H676527" s="12"/>
    </row>
    <row r="676528" spans="8:8">
      <c r="H676528" s="12"/>
    </row>
    <row r="676529" spans="8:8">
      <c r="H676529" s="12"/>
    </row>
    <row r="676530" spans="8:8">
      <c r="H676530" s="12"/>
    </row>
    <row r="676531" spans="8:8">
      <c r="H676531" s="12"/>
    </row>
    <row r="676532" spans="8:8">
      <c r="H676532" s="12"/>
    </row>
    <row r="676533" spans="8:8">
      <c r="H676533" s="12"/>
    </row>
    <row r="676534" spans="8:8">
      <c r="H676534" s="12"/>
    </row>
    <row r="676535" spans="8:8">
      <c r="H676535" s="12"/>
    </row>
    <row r="676536" spans="8:8">
      <c r="H676536" s="12"/>
    </row>
    <row r="676537" spans="8:8">
      <c r="H676537" s="12"/>
    </row>
    <row r="676538" spans="8:8">
      <c r="H676538" s="12"/>
    </row>
    <row r="676539" spans="8:8">
      <c r="H676539" s="12"/>
    </row>
    <row r="676540" spans="8:8">
      <c r="H676540" s="12"/>
    </row>
    <row r="676541" spans="8:8">
      <c r="H676541" s="12"/>
    </row>
    <row r="676542" spans="8:8">
      <c r="H676542" s="12"/>
    </row>
    <row r="676543" spans="8:8">
      <c r="H676543" s="12"/>
    </row>
    <row r="676544" spans="8:8">
      <c r="H676544" s="12"/>
    </row>
    <row r="676545" spans="8:8">
      <c r="H676545" s="12"/>
    </row>
    <row r="676546" spans="8:8">
      <c r="H676546" s="12"/>
    </row>
    <row r="676547" spans="8:8">
      <c r="H676547" s="12"/>
    </row>
    <row r="676548" spans="8:8">
      <c r="H676548" s="12"/>
    </row>
    <row r="676549" spans="8:8">
      <c r="H676549" s="12"/>
    </row>
    <row r="676550" spans="8:8">
      <c r="H676550" s="12"/>
    </row>
    <row r="676551" spans="8:8">
      <c r="H676551" s="12"/>
    </row>
    <row r="676552" spans="8:8">
      <c r="H676552" s="12"/>
    </row>
    <row r="676553" spans="8:8">
      <c r="H676553" s="12"/>
    </row>
    <row r="676554" spans="8:8">
      <c r="H676554" s="12"/>
    </row>
    <row r="676555" spans="8:8">
      <c r="H676555" s="12"/>
    </row>
    <row r="676556" spans="8:8">
      <c r="H676556" s="12"/>
    </row>
    <row r="676557" spans="8:8">
      <c r="H676557" s="12"/>
    </row>
    <row r="676558" spans="8:8">
      <c r="H676558" s="12"/>
    </row>
    <row r="676559" spans="8:8">
      <c r="H676559" s="12"/>
    </row>
    <row r="676560" spans="8:8">
      <c r="H676560" s="12"/>
    </row>
    <row r="676561" spans="8:8">
      <c r="H676561" s="12"/>
    </row>
    <row r="676562" spans="8:8">
      <c r="H676562" s="12"/>
    </row>
    <row r="676563" spans="8:8">
      <c r="H676563" s="12"/>
    </row>
    <row r="676564" spans="8:8">
      <c r="H676564" s="12"/>
    </row>
    <row r="676565" spans="8:8">
      <c r="H676565" s="12"/>
    </row>
    <row r="676566" spans="8:8">
      <c r="H676566" s="12"/>
    </row>
    <row r="676567" spans="8:8">
      <c r="H676567" s="12"/>
    </row>
    <row r="676568" spans="8:8">
      <c r="H676568" s="12"/>
    </row>
    <row r="676569" spans="8:8">
      <c r="H676569" s="12"/>
    </row>
    <row r="676570" spans="8:8">
      <c r="H676570" s="12"/>
    </row>
    <row r="676571" spans="8:8">
      <c r="H676571" s="12"/>
    </row>
    <row r="676572" spans="8:8">
      <c r="H676572" s="12"/>
    </row>
    <row r="676573" spans="8:8">
      <c r="H676573" s="12"/>
    </row>
    <row r="676574" spans="8:8">
      <c r="H676574" s="12"/>
    </row>
    <row r="676575" spans="8:8">
      <c r="H676575" s="12"/>
    </row>
    <row r="676576" spans="8:8">
      <c r="H676576" s="12"/>
    </row>
    <row r="676577" spans="8:8">
      <c r="H676577" s="12"/>
    </row>
    <row r="676578" spans="8:8">
      <c r="H676578" s="12"/>
    </row>
    <row r="676579" spans="8:8">
      <c r="H676579" s="12"/>
    </row>
    <row r="676580" spans="8:8">
      <c r="H676580" s="12"/>
    </row>
    <row r="676581" spans="8:8">
      <c r="H676581" s="12"/>
    </row>
    <row r="676582" spans="8:8">
      <c r="H676582" s="12"/>
    </row>
    <row r="676583" spans="8:8">
      <c r="H676583" s="12"/>
    </row>
    <row r="676584" spans="8:8">
      <c r="H676584" s="12"/>
    </row>
    <row r="676585" spans="8:8">
      <c r="H676585" s="12"/>
    </row>
    <row r="676586" spans="8:8">
      <c r="H676586" s="12"/>
    </row>
    <row r="676587" spans="8:8">
      <c r="H676587" s="12"/>
    </row>
    <row r="676588" spans="8:8">
      <c r="H676588" s="12"/>
    </row>
    <row r="676589" spans="8:8">
      <c r="H676589" s="12"/>
    </row>
    <row r="676590" spans="8:8">
      <c r="H676590" s="12"/>
    </row>
    <row r="676591" spans="8:8">
      <c r="H676591" s="12"/>
    </row>
    <row r="676592" spans="8:8">
      <c r="H676592" s="12"/>
    </row>
    <row r="676593" spans="8:8">
      <c r="H676593" s="12"/>
    </row>
    <row r="676594" spans="8:8">
      <c r="H676594" s="12"/>
    </row>
    <row r="676595" spans="8:8">
      <c r="H676595" s="12"/>
    </row>
    <row r="676596" spans="8:8">
      <c r="H676596" s="12"/>
    </row>
    <row r="676597" spans="8:8">
      <c r="H676597" s="12"/>
    </row>
    <row r="676598" spans="8:8">
      <c r="H676598" s="12"/>
    </row>
    <row r="676599" spans="8:8">
      <c r="H676599" s="12"/>
    </row>
    <row r="676600" spans="8:8">
      <c r="H676600" s="12"/>
    </row>
    <row r="676601" spans="8:8">
      <c r="H676601" s="12"/>
    </row>
    <row r="676602" spans="8:8">
      <c r="H676602" s="12"/>
    </row>
    <row r="676603" spans="8:8">
      <c r="H676603" s="12"/>
    </row>
    <row r="676604" spans="8:8">
      <c r="H676604" s="12"/>
    </row>
    <row r="676605" spans="8:8">
      <c r="H676605" s="12"/>
    </row>
    <row r="676606" spans="8:8">
      <c r="H676606" s="12"/>
    </row>
    <row r="676607" spans="8:8">
      <c r="H676607" s="12"/>
    </row>
    <row r="676608" spans="8:8">
      <c r="H676608" s="12"/>
    </row>
    <row r="676609" spans="8:8">
      <c r="H676609" s="12"/>
    </row>
    <row r="676610" spans="8:8">
      <c r="H676610" s="12"/>
    </row>
    <row r="676611" spans="8:8">
      <c r="H676611" s="12"/>
    </row>
    <row r="676612" spans="8:8">
      <c r="H676612" s="12"/>
    </row>
    <row r="676613" spans="8:8">
      <c r="H676613" s="12"/>
    </row>
    <row r="676614" spans="8:8">
      <c r="H676614" s="12"/>
    </row>
    <row r="676615" spans="8:8">
      <c r="H676615" s="12"/>
    </row>
    <row r="676616" spans="8:8">
      <c r="H676616" s="12"/>
    </row>
    <row r="676617" spans="8:8">
      <c r="H676617" s="12"/>
    </row>
    <row r="676618" spans="8:8">
      <c r="H676618" s="12"/>
    </row>
    <row r="676619" spans="8:8">
      <c r="H676619" s="12"/>
    </row>
    <row r="676620" spans="8:8">
      <c r="H676620" s="12"/>
    </row>
    <row r="676621" spans="8:8">
      <c r="H676621" s="12"/>
    </row>
    <row r="676622" spans="8:8">
      <c r="H676622" s="12"/>
    </row>
    <row r="676623" spans="8:8">
      <c r="H676623" s="12"/>
    </row>
    <row r="676624" spans="8:8">
      <c r="H676624" s="12"/>
    </row>
    <row r="676625" spans="8:8">
      <c r="H676625" s="12"/>
    </row>
    <row r="676626" spans="8:8">
      <c r="H676626" s="12"/>
    </row>
    <row r="676627" spans="8:8">
      <c r="H676627" s="12"/>
    </row>
    <row r="676628" spans="8:8">
      <c r="H676628" s="12"/>
    </row>
    <row r="676629" spans="8:8">
      <c r="H676629" s="12"/>
    </row>
    <row r="676630" spans="8:8">
      <c r="H676630" s="12"/>
    </row>
    <row r="676631" spans="8:8">
      <c r="H676631" s="12"/>
    </row>
    <row r="676632" spans="8:8">
      <c r="H676632" s="12"/>
    </row>
    <row r="676633" spans="8:8">
      <c r="H676633" s="12"/>
    </row>
    <row r="676634" spans="8:8">
      <c r="H676634" s="12"/>
    </row>
    <row r="676635" spans="8:8">
      <c r="H676635" s="12"/>
    </row>
    <row r="676636" spans="8:8">
      <c r="H676636" s="12"/>
    </row>
    <row r="676637" spans="8:8">
      <c r="H676637" s="12"/>
    </row>
    <row r="676638" spans="8:8">
      <c r="H676638" s="12"/>
    </row>
    <row r="676639" spans="8:8">
      <c r="H676639" s="12"/>
    </row>
    <row r="676640" spans="8:8">
      <c r="H676640" s="12"/>
    </row>
    <row r="676641" spans="8:8">
      <c r="H676641" s="12"/>
    </row>
    <row r="676642" spans="8:8">
      <c r="H676642" s="12"/>
    </row>
    <row r="676643" spans="8:8">
      <c r="H676643" s="12"/>
    </row>
    <row r="676644" spans="8:8">
      <c r="H676644" s="12"/>
    </row>
    <row r="676645" spans="8:8">
      <c r="H676645" s="12"/>
    </row>
    <row r="676646" spans="8:8">
      <c r="H676646" s="12"/>
    </row>
    <row r="676647" spans="8:8">
      <c r="H676647" s="12"/>
    </row>
    <row r="676648" spans="8:8">
      <c r="H676648" s="12"/>
    </row>
    <row r="676649" spans="8:8">
      <c r="H676649" s="12"/>
    </row>
    <row r="676650" spans="8:8">
      <c r="H676650" s="12"/>
    </row>
    <row r="676651" spans="8:8">
      <c r="H676651" s="12"/>
    </row>
    <row r="676652" spans="8:8">
      <c r="H676652" s="12"/>
    </row>
    <row r="676653" spans="8:8">
      <c r="H676653" s="12"/>
    </row>
    <row r="676654" spans="8:8">
      <c r="H676654" s="12"/>
    </row>
    <row r="676655" spans="8:8">
      <c r="H676655" s="12"/>
    </row>
    <row r="676656" spans="8:8">
      <c r="H676656" s="12"/>
    </row>
    <row r="676657" spans="8:8">
      <c r="H676657" s="12"/>
    </row>
    <row r="676658" spans="8:8">
      <c r="H676658" s="12"/>
    </row>
    <row r="676659" spans="8:8">
      <c r="H676659" s="12"/>
    </row>
    <row r="676660" spans="8:8">
      <c r="H676660" s="12"/>
    </row>
    <row r="676661" spans="8:8">
      <c r="H676661" s="12"/>
    </row>
    <row r="676662" spans="8:8">
      <c r="H676662" s="12"/>
    </row>
    <row r="676663" spans="8:8">
      <c r="H676663" s="12"/>
    </row>
    <row r="676664" spans="8:8">
      <c r="H676664" s="12"/>
    </row>
    <row r="676665" spans="8:8">
      <c r="H676665" s="12"/>
    </row>
    <row r="676666" spans="8:8">
      <c r="H676666" s="12"/>
    </row>
    <row r="676667" spans="8:8">
      <c r="H676667" s="12"/>
    </row>
    <row r="676668" spans="8:8">
      <c r="H676668" s="12"/>
    </row>
    <row r="676669" spans="8:8">
      <c r="H676669" s="12"/>
    </row>
    <row r="676670" spans="8:8">
      <c r="H676670" s="12"/>
    </row>
    <row r="676671" spans="8:8">
      <c r="H676671" s="12"/>
    </row>
    <row r="676672" spans="8:8">
      <c r="H676672" s="12"/>
    </row>
    <row r="676673" spans="8:8">
      <c r="H676673" s="12"/>
    </row>
    <row r="676674" spans="8:8">
      <c r="H676674" s="12"/>
    </row>
    <row r="676675" spans="8:8">
      <c r="H676675" s="12"/>
    </row>
    <row r="676676" spans="8:8">
      <c r="H676676" s="12"/>
    </row>
    <row r="676677" spans="8:8">
      <c r="H676677" s="12"/>
    </row>
    <row r="676678" spans="8:8">
      <c r="H676678" s="12"/>
    </row>
    <row r="676679" spans="8:8">
      <c r="H676679" s="12"/>
    </row>
    <row r="676680" spans="8:8">
      <c r="H676680" s="12"/>
    </row>
    <row r="676681" spans="8:8">
      <c r="H676681" s="12"/>
    </row>
    <row r="676682" spans="8:8">
      <c r="H676682" s="12"/>
    </row>
    <row r="676683" spans="8:8">
      <c r="H676683" s="12"/>
    </row>
    <row r="676684" spans="8:8">
      <c r="H676684" s="12"/>
    </row>
    <row r="676685" spans="8:8">
      <c r="H676685" s="12"/>
    </row>
    <row r="676686" spans="8:8">
      <c r="H676686" s="12"/>
    </row>
    <row r="676687" spans="8:8">
      <c r="H676687" s="12"/>
    </row>
    <row r="676688" spans="8:8">
      <c r="H676688" s="12"/>
    </row>
    <row r="676689" spans="8:8">
      <c r="H676689" s="12"/>
    </row>
    <row r="676690" spans="8:8">
      <c r="H676690" s="12"/>
    </row>
    <row r="676691" spans="8:8">
      <c r="H676691" s="12"/>
    </row>
    <row r="676692" spans="8:8">
      <c r="H676692" s="12"/>
    </row>
    <row r="676693" spans="8:8">
      <c r="H676693" s="12"/>
    </row>
    <row r="676694" spans="8:8">
      <c r="H676694" s="12"/>
    </row>
    <row r="676695" spans="8:8">
      <c r="H676695" s="12"/>
    </row>
    <row r="676696" spans="8:8">
      <c r="H676696" s="12"/>
    </row>
    <row r="676697" spans="8:8">
      <c r="H676697" s="12"/>
    </row>
    <row r="676698" spans="8:8">
      <c r="H676698" s="12"/>
    </row>
    <row r="676699" spans="8:8">
      <c r="H676699" s="12"/>
    </row>
    <row r="676700" spans="8:8">
      <c r="H676700" s="12"/>
    </row>
    <row r="676701" spans="8:8">
      <c r="H676701" s="12"/>
    </row>
    <row r="676702" spans="8:8">
      <c r="H676702" s="12"/>
    </row>
    <row r="676703" spans="8:8">
      <c r="H676703" s="12"/>
    </row>
    <row r="676704" spans="8:8">
      <c r="H676704" s="12"/>
    </row>
    <row r="676705" spans="8:8">
      <c r="H676705" s="12"/>
    </row>
    <row r="676706" spans="8:8">
      <c r="H676706" s="12"/>
    </row>
    <row r="676707" spans="8:8">
      <c r="H676707" s="12"/>
    </row>
    <row r="676708" spans="8:8">
      <c r="H676708" s="12"/>
    </row>
    <row r="676709" spans="8:8">
      <c r="H676709" s="12"/>
    </row>
    <row r="676710" spans="8:8">
      <c r="H676710" s="12"/>
    </row>
    <row r="676711" spans="8:8">
      <c r="H676711" s="12"/>
    </row>
    <row r="676712" spans="8:8">
      <c r="H676712" s="12"/>
    </row>
    <row r="676713" spans="8:8">
      <c r="H676713" s="12"/>
    </row>
    <row r="676714" spans="8:8">
      <c r="H676714" s="12"/>
    </row>
    <row r="676715" spans="8:8">
      <c r="H676715" s="12"/>
    </row>
    <row r="676716" spans="8:8">
      <c r="H676716" s="12"/>
    </row>
    <row r="676717" spans="8:8">
      <c r="H676717" s="12"/>
    </row>
    <row r="676718" spans="8:8">
      <c r="H676718" s="12"/>
    </row>
    <row r="676719" spans="8:8">
      <c r="H676719" s="12"/>
    </row>
    <row r="676720" spans="8:8">
      <c r="H676720" s="12"/>
    </row>
    <row r="676721" spans="8:8">
      <c r="H676721" s="12"/>
    </row>
    <row r="676722" spans="8:8">
      <c r="H676722" s="12"/>
    </row>
    <row r="676723" spans="8:8">
      <c r="H676723" s="12"/>
    </row>
    <row r="676724" spans="8:8">
      <c r="H676724" s="12"/>
    </row>
    <row r="676725" spans="8:8">
      <c r="H676725" s="12"/>
    </row>
    <row r="676726" spans="8:8">
      <c r="H676726" s="12"/>
    </row>
    <row r="676727" spans="8:8">
      <c r="H676727" s="12"/>
    </row>
    <row r="676728" spans="8:8">
      <c r="H676728" s="12"/>
    </row>
    <row r="676729" spans="8:8">
      <c r="H676729" s="12"/>
    </row>
    <row r="676730" spans="8:8">
      <c r="H676730" s="12"/>
    </row>
    <row r="676731" spans="8:8">
      <c r="H676731" s="12"/>
    </row>
    <row r="676732" spans="8:8">
      <c r="H676732" s="12"/>
    </row>
    <row r="676733" spans="8:8">
      <c r="H676733" s="12"/>
    </row>
    <row r="676734" spans="8:8">
      <c r="H676734" s="12"/>
    </row>
    <row r="676735" spans="8:8">
      <c r="H676735" s="12"/>
    </row>
    <row r="676736" spans="8:8">
      <c r="H676736" s="12"/>
    </row>
    <row r="676737" spans="8:8">
      <c r="H676737" s="12"/>
    </row>
    <row r="676738" spans="8:8">
      <c r="H676738" s="12"/>
    </row>
    <row r="676739" spans="8:8">
      <c r="H676739" s="12"/>
    </row>
    <row r="676740" spans="8:8">
      <c r="H676740" s="12"/>
    </row>
    <row r="676741" spans="8:8">
      <c r="H676741" s="12"/>
    </row>
    <row r="676742" spans="8:8">
      <c r="H676742" s="12"/>
    </row>
    <row r="676743" spans="8:8">
      <c r="H676743" s="12"/>
    </row>
    <row r="676744" spans="8:8">
      <c r="H676744" s="12"/>
    </row>
    <row r="676745" spans="8:8">
      <c r="H676745" s="12"/>
    </row>
    <row r="676746" spans="8:8">
      <c r="H676746" s="12"/>
    </row>
    <row r="676747" spans="8:8">
      <c r="H676747" s="12"/>
    </row>
    <row r="676748" spans="8:8">
      <c r="H676748" s="12"/>
    </row>
    <row r="676749" spans="8:8">
      <c r="H676749" s="12"/>
    </row>
    <row r="676750" spans="8:8">
      <c r="H676750" s="12"/>
    </row>
    <row r="676751" spans="8:8">
      <c r="H676751" s="12"/>
    </row>
    <row r="676752" spans="8:8">
      <c r="H676752" s="12"/>
    </row>
    <row r="676753" spans="8:8">
      <c r="H676753" s="12"/>
    </row>
    <row r="676754" spans="8:8">
      <c r="H676754" s="12"/>
    </row>
    <row r="676755" spans="8:8">
      <c r="H676755" s="12"/>
    </row>
    <row r="676756" spans="8:8">
      <c r="H676756" s="12"/>
    </row>
    <row r="676757" spans="8:8">
      <c r="H676757" s="12"/>
    </row>
    <row r="676758" spans="8:8">
      <c r="H676758" s="12"/>
    </row>
    <row r="676759" spans="8:8">
      <c r="H676759" s="12"/>
    </row>
    <row r="676760" spans="8:8">
      <c r="H676760" s="12"/>
    </row>
    <row r="676761" spans="8:8">
      <c r="H676761" s="12"/>
    </row>
    <row r="676762" spans="8:8">
      <c r="H676762" s="12"/>
    </row>
    <row r="676763" spans="8:8">
      <c r="H676763" s="12"/>
    </row>
    <row r="676764" spans="8:8">
      <c r="H676764" s="12"/>
    </row>
    <row r="676765" spans="8:8">
      <c r="H676765" s="12"/>
    </row>
    <row r="676766" spans="8:8">
      <c r="H676766" s="12"/>
    </row>
    <row r="676767" spans="8:8">
      <c r="H676767" s="12"/>
    </row>
    <row r="676768" spans="8:8">
      <c r="H676768" s="12"/>
    </row>
    <row r="676769" spans="8:8">
      <c r="H676769" s="12"/>
    </row>
    <row r="676770" spans="8:8">
      <c r="H676770" s="12"/>
    </row>
    <row r="676771" spans="8:8">
      <c r="H676771" s="12"/>
    </row>
    <row r="676772" spans="8:8">
      <c r="H676772" s="12"/>
    </row>
    <row r="676773" spans="8:8">
      <c r="H676773" s="12"/>
    </row>
    <row r="676774" spans="8:8">
      <c r="H676774" s="12"/>
    </row>
    <row r="676775" spans="8:8">
      <c r="H676775" s="12"/>
    </row>
    <row r="676776" spans="8:8">
      <c r="H676776" s="12"/>
    </row>
    <row r="676777" spans="8:8">
      <c r="H676777" s="12"/>
    </row>
    <row r="676778" spans="8:8">
      <c r="H676778" s="12"/>
    </row>
    <row r="676779" spans="8:8">
      <c r="H676779" s="12"/>
    </row>
    <row r="676780" spans="8:8">
      <c r="H676780" s="12"/>
    </row>
    <row r="676781" spans="8:8">
      <c r="H676781" s="12"/>
    </row>
    <row r="676782" spans="8:8">
      <c r="H676782" s="12"/>
    </row>
    <row r="676783" spans="8:8">
      <c r="H676783" s="12"/>
    </row>
    <row r="676784" spans="8:8">
      <c r="H676784" s="12"/>
    </row>
    <row r="676785" spans="8:8">
      <c r="H676785" s="12"/>
    </row>
    <row r="676786" spans="8:8">
      <c r="H676786" s="12"/>
    </row>
    <row r="676787" spans="8:8">
      <c r="H676787" s="12"/>
    </row>
    <row r="676788" spans="8:8">
      <c r="H676788" s="12"/>
    </row>
    <row r="676789" spans="8:8">
      <c r="H676789" s="12"/>
    </row>
    <row r="676790" spans="8:8">
      <c r="H676790" s="12"/>
    </row>
    <row r="676791" spans="8:8">
      <c r="H676791" s="12"/>
    </row>
    <row r="676792" spans="8:8">
      <c r="H676792" s="12"/>
    </row>
    <row r="676793" spans="8:8">
      <c r="H676793" s="12"/>
    </row>
    <row r="676794" spans="8:8">
      <c r="H676794" s="12"/>
    </row>
    <row r="676795" spans="8:8">
      <c r="H676795" s="12"/>
    </row>
    <row r="676796" spans="8:8">
      <c r="H676796" s="12"/>
    </row>
    <row r="676797" spans="8:8">
      <c r="H676797" s="12"/>
    </row>
    <row r="676798" spans="8:8">
      <c r="H676798" s="12"/>
    </row>
    <row r="676799" spans="8:8">
      <c r="H676799" s="12"/>
    </row>
    <row r="676800" spans="8:8">
      <c r="H676800" s="12"/>
    </row>
    <row r="676801" spans="8:8">
      <c r="H676801" s="12"/>
    </row>
    <row r="676802" spans="8:8">
      <c r="H676802" s="12"/>
    </row>
    <row r="676803" spans="8:8">
      <c r="H676803" s="12"/>
    </row>
    <row r="676804" spans="8:8">
      <c r="H676804" s="12"/>
    </row>
    <row r="676805" spans="8:8">
      <c r="H676805" s="12"/>
    </row>
    <row r="676806" spans="8:8">
      <c r="H676806" s="12"/>
    </row>
    <row r="676807" spans="8:8">
      <c r="H676807" s="12"/>
    </row>
    <row r="676808" spans="8:8">
      <c r="H676808" s="12"/>
    </row>
    <row r="676809" spans="8:8">
      <c r="H676809" s="12"/>
    </row>
    <row r="676810" spans="8:8">
      <c r="H676810" s="12"/>
    </row>
    <row r="676811" spans="8:8">
      <c r="H676811" s="12"/>
    </row>
    <row r="676812" spans="8:8">
      <c r="H676812" s="12"/>
    </row>
    <row r="676813" spans="8:8">
      <c r="H676813" s="12"/>
    </row>
    <row r="676814" spans="8:8">
      <c r="H676814" s="12"/>
    </row>
    <row r="676815" spans="8:8">
      <c r="H676815" s="12"/>
    </row>
    <row r="676816" spans="8:8">
      <c r="H676816" s="12"/>
    </row>
    <row r="676817" spans="8:8">
      <c r="H676817" s="12"/>
    </row>
    <row r="676818" spans="8:8">
      <c r="H676818" s="12"/>
    </row>
    <row r="676819" spans="8:8">
      <c r="H676819" s="12"/>
    </row>
    <row r="676820" spans="8:8">
      <c r="H676820" s="12"/>
    </row>
    <row r="676821" spans="8:8">
      <c r="H676821" s="12"/>
    </row>
    <row r="676822" spans="8:8">
      <c r="H676822" s="12"/>
    </row>
    <row r="676823" spans="8:8">
      <c r="H676823" s="12"/>
    </row>
    <row r="676824" spans="8:8">
      <c r="H676824" s="12"/>
    </row>
    <row r="676825" spans="8:8">
      <c r="H676825" s="12"/>
    </row>
    <row r="676826" spans="8:8">
      <c r="H676826" s="12"/>
    </row>
    <row r="676827" spans="8:8">
      <c r="H676827" s="12"/>
    </row>
    <row r="676828" spans="8:8">
      <c r="H676828" s="12"/>
    </row>
    <row r="676829" spans="8:8">
      <c r="H676829" s="12"/>
    </row>
    <row r="676830" spans="8:8">
      <c r="H676830" s="12"/>
    </row>
    <row r="676831" spans="8:8">
      <c r="H676831" s="12"/>
    </row>
    <row r="676832" spans="8:8">
      <c r="H676832" s="12"/>
    </row>
    <row r="676833" spans="8:8">
      <c r="H676833" s="12"/>
    </row>
    <row r="676834" spans="8:8">
      <c r="H676834" s="12"/>
    </row>
    <row r="676835" spans="8:8">
      <c r="H676835" s="12"/>
    </row>
    <row r="676836" spans="8:8">
      <c r="H676836" s="12"/>
    </row>
    <row r="676837" spans="8:8">
      <c r="H676837" s="12"/>
    </row>
    <row r="676838" spans="8:8">
      <c r="H676838" s="12"/>
    </row>
    <row r="676839" spans="8:8">
      <c r="H676839" s="12"/>
    </row>
    <row r="676840" spans="8:8">
      <c r="H676840" s="12"/>
    </row>
    <row r="676841" spans="8:8">
      <c r="H676841" s="12"/>
    </row>
    <row r="676842" spans="8:8">
      <c r="H676842" s="12"/>
    </row>
    <row r="676843" spans="8:8">
      <c r="H676843" s="12"/>
    </row>
    <row r="676844" spans="8:8">
      <c r="H676844" s="12"/>
    </row>
    <row r="676845" spans="8:8">
      <c r="H676845" s="12"/>
    </row>
    <row r="676846" spans="8:8">
      <c r="H676846" s="12"/>
    </row>
    <row r="676847" spans="8:8">
      <c r="H676847" s="12"/>
    </row>
    <row r="676848" spans="8:8">
      <c r="H676848" s="12"/>
    </row>
    <row r="676849" spans="8:8">
      <c r="H676849" s="12"/>
    </row>
    <row r="676850" spans="8:8">
      <c r="H676850" s="12"/>
    </row>
    <row r="676851" spans="8:8">
      <c r="H676851" s="12"/>
    </row>
    <row r="676852" spans="8:8">
      <c r="H676852" s="12"/>
    </row>
    <row r="676853" spans="8:8">
      <c r="H676853" s="12"/>
    </row>
    <row r="676854" spans="8:8">
      <c r="H676854" s="12"/>
    </row>
    <row r="676855" spans="8:8">
      <c r="H676855" s="12"/>
    </row>
    <row r="676856" spans="8:8">
      <c r="H676856" s="12"/>
    </row>
    <row r="676857" spans="8:8">
      <c r="H676857" s="12"/>
    </row>
    <row r="676858" spans="8:8">
      <c r="H676858" s="12"/>
    </row>
    <row r="676859" spans="8:8">
      <c r="H676859" s="12"/>
    </row>
    <row r="676860" spans="8:8">
      <c r="H676860" s="12"/>
    </row>
    <row r="676861" spans="8:8">
      <c r="H676861" s="12"/>
    </row>
    <row r="676862" spans="8:8">
      <c r="H676862" s="12"/>
    </row>
    <row r="676863" spans="8:8">
      <c r="H676863" s="12"/>
    </row>
    <row r="676864" spans="8:8">
      <c r="H676864" s="12"/>
    </row>
    <row r="676865" spans="8:8">
      <c r="H676865" s="12"/>
    </row>
    <row r="676866" spans="8:8">
      <c r="H676866" s="12"/>
    </row>
    <row r="676867" spans="8:8">
      <c r="H676867" s="12"/>
    </row>
    <row r="676868" spans="8:8">
      <c r="H676868" s="12"/>
    </row>
    <row r="676869" spans="8:8">
      <c r="H676869" s="12"/>
    </row>
    <row r="676870" spans="8:8">
      <c r="H676870" s="12"/>
    </row>
    <row r="676871" spans="8:8">
      <c r="H676871" s="12"/>
    </row>
    <row r="676872" spans="8:8">
      <c r="H676872" s="12"/>
    </row>
    <row r="676873" spans="8:8">
      <c r="H676873" s="12"/>
    </row>
    <row r="676874" spans="8:8">
      <c r="H676874" s="12"/>
    </row>
    <row r="676875" spans="8:8">
      <c r="H676875" s="12"/>
    </row>
    <row r="676876" spans="8:8">
      <c r="H676876" s="12"/>
    </row>
    <row r="676877" spans="8:8">
      <c r="H676877" s="12"/>
    </row>
    <row r="676878" spans="8:8">
      <c r="H676878" s="12"/>
    </row>
    <row r="676879" spans="8:8">
      <c r="H676879" s="12"/>
    </row>
    <row r="676880" spans="8:8">
      <c r="H676880" s="12"/>
    </row>
    <row r="676881" spans="8:8">
      <c r="H676881" s="12"/>
    </row>
    <row r="676882" spans="8:8">
      <c r="H676882" s="12"/>
    </row>
    <row r="676883" spans="8:8">
      <c r="H676883" s="12"/>
    </row>
    <row r="676884" spans="8:8">
      <c r="H676884" s="12"/>
    </row>
    <row r="676885" spans="8:8">
      <c r="H676885" s="12"/>
    </row>
    <row r="676886" spans="8:8">
      <c r="H676886" s="12"/>
    </row>
    <row r="676887" spans="8:8">
      <c r="H676887" s="12"/>
    </row>
    <row r="676888" spans="8:8">
      <c r="H676888" s="12"/>
    </row>
    <row r="676889" spans="8:8">
      <c r="H676889" s="12"/>
    </row>
    <row r="676890" spans="8:8">
      <c r="H676890" s="12"/>
    </row>
    <row r="676891" spans="8:8">
      <c r="H676891" s="12"/>
    </row>
    <row r="676892" spans="8:8">
      <c r="H676892" s="12"/>
    </row>
    <row r="676893" spans="8:8">
      <c r="H676893" s="12"/>
    </row>
    <row r="676894" spans="8:8">
      <c r="H676894" s="12"/>
    </row>
    <row r="676895" spans="8:8">
      <c r="H676895" s="12"/>
    </row>
    <row r="676896" spans="8:8">
      <c r="H676896" s="12"/>
    </row>
    <row r="676897" spans="8:8">
      <c r="H676897" s="12"/>
    </row>
    <row r="676898" spans="8:8">
      <c r="H676898" s="12"/>
    </row>
    <row r="676899" spans="8:8">
      <c r="H676899" s="12"/>
    </row>
    <row r="676900" spans="8:8">
      <c r="H676900" s="12"/>
    </row>
    <row r="676901" spans="8:8">
      <c r="H676901" s="12"/>
    </row>
    <row r="676902" spans="8:8">
      <c r="H676902" s="12"/>
    </row>
    <row r="676903" spans="8:8">
      <c r="H676903" s="12"/>
    </row>
    <row r="676904" spans="8:8">
      <c r="H676904" s="12"/>
    </row>
    <row r="676905" spans="8:8">
      <c r="H676905" s="12"/>
    </row>
    <row r="676906" spans="8:8">
      <c r="H676906" s="12"/>
    </row>
    <row r="676907" spans="8:8">
      <c r="H676907" s="12"/>
    </row>
    <row r="676908" spans="8:8">
      <c r="H676908" s="12"/>
    </row>
    <row r="676909" spans="8:8">
      <c r="H676909" s="12"/>
    </row>
    <row r="676910" spans="8:8">
      <c r="H676910" s="12"/>
    </row>
    <row r="676911" spans="8:8">
      <c r="H676911" s="12"/>
    </row>
    <row r="676912" spans="8:8">
      <c r="H676912" s="12"/>
    </row>
    <row r="676913" spans="8:8">
      <c r="H676913" s="12"/>
    </row>
    <row r="676914" spans="8:8">
      <c r="H676914" s="12"/>
    </row>
    <row r="676915" spans="8:8">
      <c r="H676915" s="12"/>
    </row>
    <row r="676916" spans="8:8">
      <c r="H676916" s="12"/>
    </row>
    <row r="676917" spans="8:8">
      <c r="H676917" s="12"/>
    </row>
    <row r="676918" spans="8:8">
      <c r="H676918" s="12"/>
    </row>
    <row r="676919" spans="8:8">
      <c r="H676919" s="12"/>
    </row>
    <row r="676920" spans="8:8">
      <c r="H676920" s="12"/>
    </row>
    <row r="676921" spans="8:8">
      <c r="H676921" s="12"/>
    </row>
    <row r="676922" spans="8:8">
      <c r="H676922" s="12"/>
    </row>
    <row r="676923" spans="8:8">
      <c r="H676923" s="12"/>
    </row>
    <row r="676924" spans="8:8">
      <c r="H676924" s="12"/>
    </row>
    <row r="676925" spans="8:8">
      <c r="H676925" s="12"/>
    </row>
    <row r="676926" spans="8:8">
      <c r="H676926" s="12"/>
    </row>
    <row r="676927" spans="8:8">
      <c r="H676927" s="12"/>
    </row>
    <row r="676928" spans="8:8">
      <c r="H676928" s="12"/>
    </row>
    <row r="676929" spans="8:8">
      <c r="H676929" s="12"/>
    </row>
    <row r="676930" spans="8:8">
      <c r="H676930" s="12"/>
    </row>
    <row r="676931" spans="8:8">
      <c r="H676931" s="12"/>
    </row>
    <row r="676932" spans="8:8">
      <c r="H676932" s="12"/>
    </row>
    <row r="676933" spans="8:8">
      <c r="H676933" s="12"/>
    </row>
    <row r="676934" spans="8:8">
      <c r="H676934" s="12"/>
    </row>
    <row r="676935" spans="8:8">
      <c r="H676935" s="12"/>
    </row>
    <row r="676936" spans="8:8">
      <c r="H676936" s="12"/>
    </row>
    <row r="676937" spans="8:8">
      <c r="H676937" s="12"/>
    </row>
    <row r="676938" spans="8:8">
      <c r="H676938" s="12"/>
    </row>
    <row r="676939" spans="8:8">
      <c r="H676939" s="12"/>
    </row>
    <row r="676940" spans="8:8">
      <c r="H676940" s="12"/>
    </row>
    <row r="676941" spans="8:8">
      <c r="H676941" s="12"/>
    </row>
    <row r="676942" spans="8:8">
      <c r="H676942" s="12"/>
    </row>
    <row r="676943" spans="8:8">
      <c r="H676943" s="12"/>
    </row>
    <row r="676944" spans="8:8">
      <c r="H676944" s="12"/>
    </row>
    <row r="676945" spans="8:8">
      <c r="H676945" s="12"/>
    </row>
    <row r="676946" spans="8:8">
      <c r="H676946" s="12"/>
    </row>
    <row r="676947" spans="8:8">
      <c r="H676947" s="12"/>
    </row>
    <row r="676948" spans="8:8">
      <c r="H676948" s="12"/>
    </row>
    <row r="676949" spans="8:8">
      <c r="H676949" s="12"/>
    </row>
    <row r="676950" spans="8:8">
      <c r="H676950" s="12"/>
    </row>
    <row r="676951" spans="8:8">
      <c r="H676951" s="12"/>
    </row>
    <row r="676952" spans="8:8">
      <c r="H676952" s="12"/>
    </row>
    <row r="676953" spans="8:8">
      <c r="H676953" s="12"/>
    </row>
    <row r="676954" spans="8:8">
      <c r="H676954" s="12"/>
    </row>
    <row r="676955" spans="8:8">
      <c r="H676955" s="12"/>
    </row>
    <row r="676956" spans="8:8">
      <c r="H676956" s="12"/>
    </row>
    <row r="676957" spans="8:8">
      <c r="H676957" s="12"/>
    </row>
    <row r="676958" spans="8:8">
      <c r="H676958" s="12"/>
    </row>
    <row r="676959" spans="8:8">
      <c r="H676959" s="12"/>
    </row>
    <row r="676960" spans="8:8">
      <c r="H676960" s="12"/>
    </row>
    <row r="676961" spans="8:8">
      <c r="H676961" s="12"/>
    </row>
    <row r="676962" spans="8:8">
      <c r="H676962" s="12"/>
    </row>
    <row r="676963" spans="8:8">
      <c r="H676963" s="12"/>
    </row>
    <row r="676964" spans="8:8">
      <c r="H676964" s="12"/>
    </row>
    <row r="676965" spans="8:8">
      <c r="H676965" s="12"/>
    </row>
    <row r="676966" spans="8:8">
      <c r="H676966" s="12"/>
    </row>
    <row r="676967" spans="8:8">
      <c r="H676967" s="12"/>
    </row>
    <row r="676968" spans="8:8">
      <c r="H676968" s="12"/>
    </row>
    <row r="676969" spans="8:8">
      <c r="H676969" s="12"/>
    </row>
    <row r="676970" spans="8:8">
      <c r="H676970" s="12"/>
    </row>
    <row r="676971" spans="8:8">
      <c r="H676971" s="12"/>
    </row>
    <row r="676972" spans="8:8">
      <c r="H676972" s="12"/>
    </row>
    <row r="676973" spans="8:8">
      <c r="H676973" s="12"/>
    </row>
    <row r="676974" spans="8:8">
      <c r="H676974" s="12"/>
    </row>
    <row r="676975" spans="8:8">
      <c r="H676975" s="12"/>
    </row>
    <row r="676976" spans="8:8">
      <c r="H676976" s="12"/>
    </row>
    <row r="676977" spans="8:8">
      <c r="H676977" s="12"/>
    </row>
    <row r="676978" spans="8:8">
      <c r="H676978" s="12"/>
    </row>
    <row r="676979" spans="8:8">
      <c r="H676979" s="12"/>
    </row>
    <row r="676980" spans="8:8">
      <c r="H676980" s="12"/>
    </row>
    <row r="676981" spans="8:8">
      <c r="H676981" s="12"/>
    </row>
    <row r="676982" spans="8:8">
      <c r="H676982" s="12"/>
    </row>
    <row r="676983" spans="8:8">
      <c r="H676983" s="12"/>
    </row>
    <row r="676984" spans="8:8">
      <c r="H676984" s="12"/>
    </row>
    <row r="676985" spans="8:8">
      <c r="H676985" s="12"/>
    </row>
    <row r="676986" spans="8:8">
      <c r="H676986" s="12"/>
    </row>
    <row r="676987" spans="8:8">
      <c r="H676987" s="12"/>
    </row>
    <row r="676988" spans="8:8">
      <c r="H676988" s="12"/>
    </row>
    <row r="676989" spans="8:8">
      <c r="H676989" s="12"/>
    </row>
    <row r="676990" spans="8:8">
      <c r="H676990" s="12"/>
    </row>
    <row r="676991" spans="8:8">
      <c r="H676991" s="12"/>
    </row>
    <row r="676992" spans="8:8">
      <c r="H676992" s="12"/>
    </row>
    <row r="676993" spans="8:8">
      <c r="H676993" s="12"/>
    </row>
    <row r="676994" spans="8:8">
      <c r="H676994" s="12"/>
    </row>
    <row r="676995" spans="8:8">
      <c r="H676995" s="12"/>
    </row>
    <row r="676996" spans="8:8">
      <c r="H676996" s="12"/>
    </row>
    <row r="676997" spans="8:8">
      <c r="H676997" s="12"/>
    </row>
    <row r="676998" spans="8:8">
      <c r="H676998" s="12"/>
    </row>
    <row r="676999" spans="8:8">
      <c r="H676999" s="12"/>
    </row>
    <row r="677000" spans="8:8">
      <c r="H677000" s="12"/>
    </row>
    <row r="677001" spans="8:8">
      <c r="H677001" s="12"/>
    </row>
    <row r="677002" spans="8:8">
      <c r="H677002" s="12"/>
    </row>
    <row r="677003" spans="8:8">
      <c r="H677003" s="12"/>
    </row>
    <row r="677004" spans="8:8">
      <c r="H677004" s="12"/>
    </row>
    <row r="677005" spans="8:8">
      <c r="H677005" s="12"/>
    </row>
    <row r="677006" spans="8:8">
      <c r="H677006" s="12"/>
    </row>
    <row r="677007" spans="8:8">
      <c r="H677007" s="12"/>
    </row>
    <row r="677008" spans="8:8">
      <c r="H677008" s="12"/>
    </row>
    <row r="677009" spans="8:8">
      <c r="H677009" s="12"/>
    </row>
    <row r="677010" spans="8:8">
      <c r="H677010" s="12"/>
    </row>
    <row r="677011" spans="8:8">
      <c r="H677011" s="12"/>
    </row>
    <row r="677012" spans="8:8">
      <c r="H677012" s="12"/>
    </row>
    <row r="677013" spans="8:8">
      <c r="H677013" s="12"/>
    </row>
    <row r="677014" spans="8:8">
      <c r="H677014" s="12"/>
    </row>
    <row r="677015" spans="8:8">
      <c r="H677015" s="12"/>
    </row>
    <row r="677016" spans="8:8">
      <c r="H677016" s="12"/>
    </row>
    <row r="677017" spans="8:8">
      <c r="H677017" s="12"/>
    </row>
    <row r="677018" spans="8:8">
      <c r="H677018" s="12"/>
    </row>
    <row r="677019" spans="8:8">
      <c r="H677019" s="12"/>
    </row>
    <row r="677020" spans="8:8">
      <c r="H677020" s="12"/>
    </row>
    <row r="677021" spans="8:8">
      <c r="H677021" s="12"/>
    </row>
    <row r="677022" spans="8:8">
      <c r="H677022" s="12"/>
    </row>
    <row r="677023" spans="8:8">
      <c r="H677023" s="12"/>
    </row>
    <row r="677024" spans="8:8">
      <c r="H677024" s="12"/>
    </row>
    <row r="677025" spans="8:8">
      <c r="H677025" s="12"/>
    </row>
    <row r="677026" spans="8:8">
      <c r="H677026" s="12"/>
    </row>
    <row r="677027" spans="8:8">
      <c r="H677027" s="12"/>
    </row>
    <row r="677028" spans="8:8">
      <c r="H677028" s="12"/>
    </row>
    <row r="677029" spans="8:8">
      <c r="H677029" s="12"/>
    </row>
    <row r="677030" spans="8:8">
      <c r="H677030" s="12"/>
    </row>
    <row r="677031" spans="8:8">
      <c r="H677031" s="12"/>
    </row>
    <row r="677032" spans="8:8">
      <c r="H677032" s="12"/>
    </row>
    <row r="677033" spans="8:8">
      <c r="H677033" s="12"/>
    </row>
    <row r="677034" spans="8:8">
      <c r="H677034" s="12"/>
    </row>
    <row r="677035" spans="8:8">
      <c r="H677035" s="12"/>
    </row>
    <row r="677036" spans="8:8">
      <c r="H677036" s="12"/>
    </row>
    <row r="677037" spans="8:8">
      <c r="H677037" s="12"/>
    </row>
    <row r="677038" spans="8:8">
      <c r="H677038" s="12"/>
    </row>
    <row r="677039" spans="8:8">
      <c r="H677039" s="12"/>
    </row>
    <row r="677040" spans="8:8">
      <c r="H677040" s="12"/>
    </row>
    <row r="677041" spans="8:8">
      <c r="H677041" s="12"/>
    </row>
    <row r="677042" spans="8:8">
      <c r="H677042" s="12"/>
    </row>
    <row r="677043" spans="8:8">
      <c r="H677043" s="12"/>
    </row>
    <row r="677044" spans="8:8">
      <c r="H677044" s="12"/>
    </row>
    <row r="677045" spans="8:8">
      <c r="H677045" s="12"/>
    </row>
    <row r="677046" spans="8:8">
      <c r="H677046" s="12"/>
    </row>
    <row r="677047" spans="8:8">
      <c r="H677047" s="12"/>
    </row>
    <row r="677048" spans="8:8">
      <c r="H677048" s="12"/>
    </row>
    <row r="677049" spans="8:8">
      <c r="H677049" s="12"/>
    </row>
    <row r="677050" spans="8:8">
      <c r="H677050" s="12"/>
    </row>
    <row r="677051" spans="8:8">
      <c r="H677051" s="12"/>
    </row>
    <row r="677052" spans="8:8">
      <c r="H677052" s="12"/>
    </row>
    <row r="677053" spans="8:8">
      <c r="H677053" s="12"/>
    </row>
    <row r="677054" spans="8:8">
      <c r="H677054" s="12"/>
    </row>
    <row r="677055" spans="8:8">
      <c r="H677055" s="12"/>
    </row>
    <row r="677056" spans="8:8">
      <c r="H677056" s="12"/>
    </row>
    <row r="677057" spans="8:8">
      <c r="H677057" s="12"/>
    </row>
    <row r="677058" spans="8:8">
      <c r="H677058" s="12"/>
    </row>
    <row r="677059" spans="8:8">
      <c r="H677059" s="12"/>
    </row>
    <row r="677060" spans="8:8">
      <c r="H677060" s="12"/>
    </row>
    <row r="677061" spans="8:8">
      <c r="H677061" s="12"/>
    </row>
    <row r="677062" spans="8:8">
      <c r="H677062" s="12"/>
    </row>
    <row r="677063" spans="8:8">
      <c r="H677063" s="12"/>
    </row>
    <row r="677064" spans="8:8">
      <c r="H677064" s="12"/>
    </row>
    <row r="677065" spans="8:8">
      <c r="H677065" s="12"/>
    </row>
    <row r="677066" spans="8:8">
      <c r="H677066" s="12"/>
    </row>
    <row r="677067" spans="8:8">
      <c r="H677067" s="12"/>
    </row>
    <row r="677068" spans="8:8">
      <c r="H677068" s="12"/>
    </row>
    <row r="677069" spans="8:8">
      <c r="H677069" s="12"/>
    </row>
    <row r="677070" spans="8:8">
      <c r="H677070" s="12"/>
    </row>
    <row r="677071" spans="8:8">
      <c r="H677071" s="12"/>
    </row>
    <row r="677072" spans="8:8">
      <c r="H677072" s="12"/>
    </row>
    <row r="677073" spans="8:8">
      <c r="H677073" s="12"/>
    </row>
    <row r="677074" spans="8:8">
      <c r="H677074" s="12"/>
    </row>
    <row r="677075" spans="8:8">
      <c r="H677075" s="12"/>
    </row>
    <row r="677076" spans="8:8">
      <c r="H677076" s="12"/>
    </row>
    <row r="677077" spans="8:8">
      <c r="H677077" s="12"/>
    </row>
    <row r="677078" spans="8:8">
      <c r="H677078" s="12"/>
    </row>
    <row r="677079" spans="8:8">
      <c r="H677079" s="12"/>
    </row>
    <row r="677080" spans="8:8">
      <c r="H677080" s="12"/>
    </row>
    <row r="677081" spans="8:8">
      <c r="H677081" s="12"/>
    </row>
    <row r="677082" spans="8:8">
      <c r="H677082" s="12"/>
    </row>
    <row r="677083" spans="8:8">
      <c r="H677083" s="12"/>
    </row>
    <row r="677084" spans="8:8">
      <c r="H677084" s="12"/>
    </row>
    <row r="677085" spans="8:8">
      <c r="H677085" s="12"/>
    </row>
    <row r="677086" spans="8:8">
      <c r="H677086" s="12"/>
    </row>
    <row r="677087" spans="8:8">
      <c r="H677087" s="12"/>
    </row>
    <row r="677088" spans="8:8">
      <c r="H677088" s="12"/>
    </row>
    <row r="677089" spans="8:8">
      <c r="H677089" s="12"/>
    </row>
    <row r="677090" spans="8:8">
      <c r="H677090" s="12"/>
    </row>
    <row r="677091" spans="8:8">
      <c r="H677091" s="12"/>
    </row>
    <row r="677092" spans="8:8">
      <c r="H677092" s="12"/>
    </row>
    <row r="677093" spans="8:8">
      <c r="H677093" s="12"/>
    </row>
    <row r="677094" spans="8:8">
      <c r="H677094" s="12"/>
    </row>
    <row r="677095" spans="8:8">
      <c r="H677095" s="12"/>
    </row>
    <row r="677096" spans="8:8">
      <c r="H677096" s="12"/>
    </row>
    <row r="677097" spans="8:8">
      <c r="H677097" s="12"/>
    </row>
    <row r="677098" spans="8:8">
      <c r="H677098" s="12"/>
    </row>
    <row r="677099" spans="8:8">
      <c r="H677099" s="12"/>
    </row>
    <row r="677100" spans="8:8">
      <c r="H677100" s="12"/>
    </row>
    <row r="677101" spans="8:8">
      <c r="H677101" s="12"/>
    </row>
    <row r="677102" spans="8:8">
      <c r="H677102" s="12"/>
    </row>
    <row r="677103" spans="8:8">
      <c r="H677103" s="12"/>
    </row>
    <row r="677104" spans="8:8">
      <c r="H677104" s="12"/>
    </row>
    <row r="677105" spans="8:8">
      <c r="H677105" s="12"/>
    </row>
    <row r="677106" spans="8:8">
      <c r="H677106" s="12"/>
    </row>
    <row r="677107" spans="8:8">
      <c r="H677107" s="12"/>
    </row>
    <row r="677108" spans="8:8">
      <c r="H677108" s="12"/>
    </row>
    <row r="677109" spans="8:8">
      <c r="H677109" s="12"/>
    </row>
    <row r="677110" spans="8:8">
      <c r="H677110" s="12"/>
    </row>
    <row r="677111" spans="8:8">
      <c r="H677111" s="12"/>
    </row>
    <row r="677112" spans="8:8">
      <c r="H677112" s="12"/>
    </row>
    <row r="677113" spans="8:8">
      <c r="H677113" s="12"/>
    </row>
    <row r="677114" spans="8:8">
      <c r="H677114" s="12"/>
    </row>
    <row r="677115" spans="8:8">
      <c r="H677115" s="12"/>
    </row>
    <row r="677116" spans="8:8">
      <c r="H677116" s="12"/>
    </row>
    <row r="677117" spans="8:8">
      <c r="H677117" s="12"/>
    </row>
    <row r="677118" spans="8:8">
      <c r="H677118" s="12"/>
    </row>
    <row r="677119" spans="8:8">
      <c r="H677119" s="12"/>
    </row>
    <row r="677120" spans="8:8">
      <c r="H677120" s="12"/>
    </row>
    <row r="677121" spans="8:8">
      <c r="H677121" s="12"/>
    </row>
    <row r="677122" spans="8:8">
      <c r="H677122" s="12"/>
    </row>
    <row r="677123" spans="8:8">
      <c r="H677123" s="12"/>
    </row>
    <row r="677124" spans="8:8">
      <c r="H677124" s="12"/>
    </row>
    <row r="677125" spans="8:8">
      <c r="H677125" s="12"/>
    </row>
    <row r="677126" spans="8:8">
      <c r="H677126" s="12"/>
    </row>
    <row r="677127" spans="8:8">
      <c r="H677127" s="12"/>
    </row>
    <row r="677128" spans="8:8">
      <c r="H677128" s="12"/>
    </row>
    <row r="677129" spans="8:8">
      <c r="H677129" s="12"/>
    </row>
    <row r="677130" spans="8:8">
      <c r="H677130" s="12"/>
    </row>
    <row r="677131" spans="8:8">
      <c r="H677131" s="12"/>
    </row>
    <row r="677132" spans="8:8">
      <c r="H677132" s="12"/>
    </row>
    <row r="677133" spans="8:8">
      <c r="H677133" s="12"/>
    </row>
    <row r="677134" spans="8:8">
      <c r="H677134" s="12"/>
    </row>
    <row r="677135" spans="8:8">
      <c r="H677135" s="12"/>
    </row>
    <row r="677136" spans="8:8">
      <c r="H677136" s="12"/>
    </row>
    <row r="677137" spans="8:8">
      <c r="H677137" s="12"/>
    </row>
    <row r="677138" spans="8:8">
      <c r="H677138" s="12"/>
    </row>
    <row r="677139" spans="8:8">
      <c r="H677139" s="12"/>
    </row>
    <row r="677140" spans="8:8">
      <c r="H677140" s="12"/>
    </row>
    <row r="677141" spans="8:8">
      <c r="H677141" s="12"/>
    </row>
    <row r="677142" spans="8:8">
      <c r="H677142" s="12"/>
    </row>
    <row r="677143" spans="8:8">
      <c r="H677143" s="12"/>
    </row>
    <row r="677144" spans="8:8">
      <c r="H677144" s="12"/>
    </row>
    <row r="677145" spans="8:8">
      <c r="H677145" s="12"/>
    </row>
    <row r="677146" spans="8:8">
      <c r="H677146" s="12"/>
    </row>
    <row r="677147" spans="8:8">
      <c r="H677147" s="12"/>
    </row>
    <row r="677148" spans="8:8">
      <c r="H677148" s="12"/>
    </row>
    <row r="677149" spans="8:8">
      <c r="H677149" s="12"/>
    </row>
    <row r="677150" spans="8:8">
      <c r="H677150" s="12"/>
    </row>
    <row r="677151" spans="8:8">
      <c r="H677151" s="12"/>
    </row>
    <row r="677152" spans="8:8">
      <c r="H677152" s="12"/>
    </row>
    <row r="677153" spans="8:8">
      <c r="H677153" s="12"/>
    </row>
    <row r="677154" spans="8:8">
      <c r="H677154" s="12"/>
    </row>
    <row r="677155" spans="8:8">
      <c r="H677155" s="12"/>
    </row>
    <row r="677156" spans="8:8">
      <c r="H677156" s="12"/>
    </row>
    <row r="677157" spans="8:8">
      <c r="H677157" s="12"/>
    </row>
    <row r="677158" spans="8:8">
      <c r="H677158" s="12"/>
    </row>
    <row r="677159" spans="8:8">
      <c r="H677159" s="12"/>
    </row>
    <row r="677160" spans="8:8">
      <c r="H677160" s="12"/>
    </row>
    <row r="677161" spans="8:8">
      <c r="H677161" s="12"/>
    </row>
    <row r="677162" spans="8:8">
      <c r="H677162" s="12"/>
    </row>
    <row r="677163" spans="8:8">
      <c r="H677163" s="12"/>
    </row>
    <row r="677164" spans="8:8">
      <c r="H677164" s="12"/>
    </row>
    <row r="677165" spans="8:8">
      <c r="H677165" s="12"/>
    </row>
    <row r="677166" spans="8:8">
      <c r="H677166" s="12"/>
    </row>
    <row r="677167" spans="8:8">
      <c r="H677167" s="12"/>
    </row>
    <row r="677168" spans="8:8">
      <c r="H677168" s="12"/>
    </row>
    <row r="677169" spans="8:8">
      <c r="H677169" s="12"/>
    </row>
    <row r="677170" spans="8:8">
      <c r="H677170" s="12"/>
    </row>
    <row r="677171" spans="8:8">
      <c r="H677171" s="12"/>
    </row>
    <row r="677172" spans="8:8">
      <c r="H677172" s="12"/>
    </row>
    <row r="677173" spans="8:8">
      <c r="H677173" s="12"/>
    </row>
    <row r="677174" spans="8:8">
      <c r="H677174" s="12"/>
    </row>
    <row r="677175" spans="8:8">
      <c r="H677175" s="12"/>
    </row>
    <row r="677176" spans="8:8">
      <c r="H677176" s="12"/>
    </row>
    <row r="677177" spans="8:8">
      <c r="H677177" s="12"/>
    </row>
    <row r="677178" spans="8:8">
      <c r="H677178" s="12"/>
    </row>
    <row r="677179" spans="8:8">
      <c r="H677179" s="12"/>
    </row>
    <row r="677180" spans="8:8">
      <c r="H677180" s="12"/>
    </row>
    <row r="677181" spans="8:8">
      <c r="H677181" s="12"/>
    </row>
    <row r="677182" spans="8:8">
      <c r="H677182" s="12"/>
    </row>
    <row r="677183" spans="8:8">
      <c r="H677183" s="12"/>
    </row>
    <row r="677184" spans="8:8">
      <c r="H677184" s="12"/>
    </row>
    <row r="677185" spans="8:8">
      <c r="H677185" s="12"/>
    </row>
    <row r="677186" spans="8:8">
      <c r="H677186" s="12"/>
    </row>
    <row r="677187" spans="8:8">
      <c r="H677187" s="12"/>
    </row>
    <row r="677188" spans="8:8">
      <c r="H677188" s="12"/>
    </row>
    <row r="677189" spans="8:8">
      <c r="H677189" s="12"/>
    </row>
    <row r="677190" spans="8:8">
      <c r="H677190" s="12"/>
    </row>
    <row r="677191" spans="8:8">
      <c r="H677191" s="12"/>
    </row>
    <row r="677192" spans="8:8">
      <c r="H677192" s="12"/>
    </row>
    <row r="677193" spans="8:8">
      <c r="H677193" s="12"/>
    </row>
    <row r="677194" spans="8:8">
      <c r="H677194" s="12"/>
    </row>
    <row r="677195" spans="8:8">
      <c r="H677195" s="12"/>
    </row>
    <row r="677196" spans="8:8">
      <c r="H677196" s="12"/>
    </row>
    <row r="677197" spans="8:8">
      <c r="H677197" s="12"/>
    </row>
    <row r="677198" spans="8:8">
      <c r="H677198" s="12"/>
    </row>
    <row r="677199" spans="8:8">
      <c r="H677199" s="12"/>
    </row>
    <row r="677200" spans="8:8">
      <c r="H677200" s="12"/>
    </row>
    <row r="677201" spans="8:8">
      <c r="H677201" s="12"/>
    </row>
    <row r="677202" spans="8:8">
      <c r="H677202" s="12"/>
    </row>
    <row r="677203" spans="8:8">
      <c r="H677203" s="12"/>
    </row>
    <row r="677204" spans="8:8">
      <c r="H677204" s="12"/>
    </row>
    <row r="677205" spans="8:8">
      <c r="H677205" s="12"/>
    </row>
    <row r="677206" spans="8:8">
      <c r="H677206" s="12"/>
    </row>
    <row r="677207" spans="8:8">
      <c r="H677207" s="12"/>
    </row>
    <row r="677208" spans="8:8">
      <c r="H677208" s="12"/>
    </row>
    <row r="677209" spans="8:8">
      <c r="H677209" s="12"/>
    </row>
    <row r="677210" spans="8:8">
      <c r="H677210" s="12"/>
    </row>
    <row r="677211" spans="8:8">
      <c r="H677211" s="12"/>
    </row>
    <row r="677212" spans="8:8">
      <c r="H677212" s="12"/>
    </row>
    <row r="677213" spans="8:8">
      <c r="H677213" s="12"/>
    </row>
    <row r="677214" spans="8:8">
      <c r="H677214" s="12"/>
    </row>
    <row r="677215" spans="8:8">
      <c r="H677215" s="12"/>
    </row>
    <row r="677216" spans="8:8">
      <c r="H677216" s="12"/>
    </row>
    <row r="677217" spans="8:8">
      <c r="H677217" s="12"/>
    </row>
    <row r="677218" spans="8:8">
      <c r="H677218" s="12"/>
    </row>
    <row r="677219" spans="8:8">
      <c r="H677219" s="12"/>
    </row>
    <row r="677220" spans="8:8">
      <c r="H677220" s="12"/>
    </row>
    <row r="677221" spans="8:8">
      <c r="H677221" s="12"/>
    </row>
    <row r="677222" spans="8:8">
      <c r="H677222" s="12"/>
    </row>
    <row r="677223" spans="8:8">
      <c r="H677223" s="12"/>
    </row>
    <row r="677224" spans="8:8">
      <c r="H677224" s="12"/>
    </row>
    <row r="677225" spans="8:8">
      <c r="H677225" s="12"/>
    </row>
    <row r="677226" spans="8:8">
      <c r="H677226" s="12"/>
    </row>
    <row r="677227" spans="8:8">
      <c r="H677227" s="12"/>
    </row>
    <row r="677228" spans="8:8">
      <c r="H677228" s="12"/>
    </row>
    <row r="677229" spans="8:8">
      <c r="H677229" s="12"/>
    </row>
    <row r="677230" spans="8:8">
      <c r="H677230" s="12"/>
    </row>
    <row r="677231" spans="8:8">
      <c r="H677231" s="12"/>
    </row>
    <row r="677232" spans="8:8">
      <c r="H677232" s="12"/>
    </row>
    <row r="677233" spans="8:8">
      <c r="H677233" s="12"/>
    </row>
    <row r="677234" spans="8:8">
      <c r="H677234" s="12"/>
    </row>
    <row r="677235" spans="8:8">
      <c r="H677235" s="12"/>
    </row>
    <row r="677236" spans="8:8">
      <c r="H677236" s="12"/>
    </row>
    <row r="677237" spans="8:8">
      <c r="H677237" s="12"/>
    </row>
    <row r="677238" spans="8:8">
      <c r="H677238" s="12"/>
    </row>
    <row r="677239" spans="8:8">
      <c r="H677239" s="12"/>
    </row>
    <row r="677240" spans="8:8">
      <c r="H677240" s="12"/>
    </row>
    <row r="677241" spans="8:8">
      <c r="H677241" s="12"/>
    </row>
    <row r="677242" spans="8:8">
      <c r="H677242" s="12"/>
    </row>
    <row r="677243" spans="8:8">
      <c r="H677243" s="12"/>
    </row>
    <row r="677244" spans="8:8">
      <c r="H677244" s="12"/>
    </row>
    <row r="677245" spans="8:8">
      <c r="H677245" s="12"/>
    </row>
    <row r="677246" spans="8:8">
      <c r="H677246" s="12"/>
    </row>
    <row r="677247" spans="8:8">
      <c r="H677247" s="12"/>
    </row>
    <row r="677248" spans="8:8">
      <c r="H677248" s="12"/>
    </row>
    <row r="677249" spans="8:8">
      <c r="H677249" s="12"/>
    </row>
    <row r="677250" spans="8:8">
      <c r="H677250" s="12"/>
    </row>
    <row r="677251" spans="8:8">
      <c r="H677251" s="12"/>
    </row>
    <row r="677252" spans="8:8">
      <c r="H677252" s="12"/>
    </row>
    <row r="677253" spans="8:8">
      <c r="H677253" s="12"/>
    </row>
    <row r="677254" spans="8:8">
      <c r="H677254" s="12"/>
    </row>
    <row r="677255" spans="8:8">
      <c r="H677255" s="12"/>
    </row>
    <row r="677256" spans="8:8">
      <c r="H677256" s="12"/>
    </row>
    <row r="677257" spans="8:8">
      <c r="H677257" s="12"/>
    </row>
    <row r="677258" spans="8:8">
      <c r="H677258" s="12"/>
    </row>
    <row r="677259" spans="8:8">
      <c r="H677259" s="12"/>
    </row>
    <row r="677260" spans="8:8">
      <c r="H677260" s="12"/>
    </row>
    <row r="677261" spans="8:8">
      <c r="H677261" s="12"/>
    </row>
    <row r="677262" spans="8:8">
      <c r="H677262" s="12"/>
    </row>
    <row r="677263" spans="8:8">
      <c r="H677263" s="12"/>
    </row>
    <row r="677264" spans="8:8">
      <c r="H677264" s="12"/>
    </row>
    <row r="677265" spans="8:8">
      <c r="H677265" s="12"/>
    </row>
    <row r="677266" spans="8:8">
      <c r="H677266" s="12"/>
    </row>
    <row r="677267" spans="8:8">
      <c r="H677267" s="12"/>
    </row>
    <row r="677268" spans="8:8">
      <c r="H677268" s="12"/>
    </row>
    <row r="677269" spans="8:8">
      <c r="H677269" s="12"/>
    </row>
    <row r="677270" spans="8:8">
      <c r="H677270" s="12"/>
    </row>
    <row r="677271" spans="8:8">
      <c r="H677271" s="12"/>
    </row>
    <row r="677272" spans="8:8">
      <c r="H677272" s="12"/>
    </row>
    <row r="677273" spans="8:8">
      <c r="H677273" s="12"/>
    </row>
    <row r="677274" spans="8:8">
      <c r="H677274" s="12"/>
    </row>
    <row r="677275" spans="8:8">
      <c r="H677275" s="12"/>
    </row>
    <row r="677276" spans="8:8">
      <c r="H677276" s="12"/>
    </row>
    <row r="677277" spans="8:8">
      <c r="H677277" s="12"/>
    </row>
    <row r="677278" spans="8:8">
      <c r="H677278" s="12"/>
    </row>
    <row r="677279" spans="8:8">
      <c r="H677279" s="12"/>
    </row>
    <row r="677280" spans="8:8">
      <c r="H677280" s="12"/>
    </row>
    <row r="677281" spans="8:8">
      <c r="H677281" s="12"/>
    </row>
    <row r="677282" spans="8:8">
      <c r="H677282" s="12"/>
    </row>
    <row r="677283" spans="8:8">
      <c r="H677283" s="12"/>
    </row>
    <row r="677284" spans="8:8">
      <c r="H677284" s="12"/>
    </row>
    <row r="677285" spans="8:8">
      <c r="H677285" s="12"/>
    </row>
    <row r="677286" spans="8:8">
      <c r="H677286" s="12"/>
    </row>
    <row r="677287" spans="8:8">
      <c r="H677287" s="12"/>
    </row>
    <row r="677288" spans="8:8">
      <c r="H677288" s="12"/>
    </row>
    <row r="677289" spans="8:8">
      <c r="H677289" s="12"/>
    </row>
    <row r="677290" spans="8:8">
      <c r="H677290" s="12"/>
    </row>
    <row r="677291" spans="8:8">
      <c r="H677291" s="12"/>
    </row>
    <row r="677292" spans="8:8">
      <c r="H677292" s="12"/>
    </row>
    <row r="677293" spans="8:8">
      <c r="H677293" s="12"/>
    </row>
    <row r="677294" spans="8:8">
      <c r="H677294" s="12"/>
    </row>
    <row r="677295" spans="8:8">
      <c r="H677295" s="12"/>
    </row>
    <row r="677296" spans="8:8">
      <c r="H677296" s="12"/>
    </row>
    <row r="677297" spans="8:8">
      <c r="H677297" s="12"/>
    </row>
    <row r="677298" spans="8:8">
      <c r="H677298" s="12"/>
    </row>
    <row r="677299" spans="8:8">
      <c r="H677299" s="12"/>
    </row>
    <row r="677300" spans="8:8">
      <c r="H677300" s="12"/>
    </row>
    <row r="677301" spans="8:8">
      <c r="H677301" s="12"/>
    </row>
    <row r="677302" spans="8:8">
      <c r="H677302" s="12"/>
    </row>
    <row r="677303" spans="8:8">
      <c r="H677303" s="12"/>
    </row>
    <row r="677304" spans="8:8">
      <c r="H677304" s="12"/>
    </row>
    <row r="677305" spans="8:8">
      <c r="H677305" s="12"/>
    </row>
    <row r="677306" spans="8:8">
      <c r="H677306" s="12"/>
    </row>
    <row r="677307" spans="8:8">
      <c r="H677307" s="12"/>
    </row>
    <row r="677308" spans="8:8">
      <c r="H677308" s="12"/>
    </row>
    <row r="677309" spans="8:8">
      <c r="H677309" s="12"/>
    </row>
    <row r="677310" spans="8:8">
      <c r="H677310" s="12"/>
    </row>
    <row r="677311" spans="8:8">
      <c r="H677311" s="12"/>
    </row>
    <row r="677312" spans="8:8">
      <c r="H677312" s="12"/>
    </row>
    <row r="677313" spans="8:8">
      <c r="H677313" s="12"/>
    </row>
    <row r="677314" spans="8:8">
      <c r="H677314" s="12"/>
    </row>
    <row r="677315" spans="8:8">
      <c r="H677315" s="12"/>
    </row>
    <row r="677316" spans="8:8">
      <c r="H677316" s="12"/>
    </row>
    <row r="677317" spans="8:8">
      <c r="H677317" s="12"/>
    </row>
    <row r="677318" spans="8:8">
      <c r="H677318" s="12"/>
    </row>
    <row r="677319" spans="8:8">
      <c r="H677319" s="12"/>
    </row>
    <row r="677320" spans="8:8">
      <c r="H677320" s="12"/>
    </row>
    <row r="677321" spans="8:8">
      <c r="H677321" s="12"/>
    </row>
    <row r="677322" spans="8:8">
      <c r="H677322" s="12"/>
    </row>
    <row r="677323" spans="8:8">
      <c r="H677323" s="12"/>
    </row>
    <row r="677324" spans="8:8">
      <c r="H677324" s="12"/>
    </row>
    <row r="677325" spans="8:8">
      <c r="H677325" s="12"/>
    </row>
    <row r="677326" spans="8:8">
      <c r="H677326" s="12"/>
    </row>
    <row r="677327" spans="8:8">
      <c r="H677327" s="12"/>
    </row>
    <row r="677328" spans="8:8">
      <c r="H677328" s="12"/>
    </row>
    <row r="677329" spans="8:8">
      <c r="H677329" s="12"/>
    </row>
    <row r="677330" spans="8:8">
      <c r="H677330" s="12"/>
    </row>
    <row r="677331" spans="8:8">
      <c r="H677331" s="12"/>
    </row>
    <row r="677332" spans="8:8">
      <c r="H677332" s="12"/>
    </row>
    <row r="677333" spans="8:8">
      <c r="H677333" s="12"/>
    </row>
    <row r="677334" spans="8:8">
      <c r="H677334" s="12"/>
    </row>
    <row r="677335" spans="8:8">
      <c r="H677335" s="12"/>
    </row>
    <row r="677336" spans="8:8">
      <c r="H677336" s="12"/>
    </row>
    <row r="677337" spans="8:8">
      <c r="H677337" s="12"/>
    </row>
    <row r="677338" spans="8:8">
      <c r="H677338" s="12"/>
    </row>
    <row r="677339" spans="8:8">
      <c r="H677339" s="12"/>
    </row>
    <row r="677340" spans="8:8">
      <c r="H677340" s="12"/>
    </row>
    <row r="677341" spans="8:8">
      <c r="H677341" s="12"/>
    </row>
    <row r="677342" spans="8:8">
      <c r="H677342" s="12"/>
    </row>
    <row r="677343" spans="8:8">
      <c r="H677343" s="12"/>
    </row>
    <row r="677344" spans="8:8">
      <c r="H677344" s="12"/>
    </row>
    <row r="677345" spans="8:8">
      <c r="H677345" s="12"/>
    </row>
    <row r="677346" spans="8:8">
      <c r="H677346" s="12"/>
    </row>
    <row r="677347" spans="8:8">
      <c r="H677347" s="12"/>
    </row>
    <row r="677348" spans="8:8">
      <c r="H677348" s="12"/>
    </row>
    <row r="677349" spans="8:8">
      <c r="H677349" s="12"/>
    </row>
    <row r="677350" spans="8:8">
      <c r="H677350" s="12"/>
    </row>
    <row r="677351" spans="8:8">
      <c r="H677351" s="12"/>
    </row>
    <row r="677352" spans="8:8">
      <c r="H677352" s="12"/>
    </row>
    <row r="677353" spans="8:8">
      <c r="H677353" s="12"/>
    </row>
    <row r="677354" spans="8:8">
      <c r="H677354" s="12"/>
    </row>
    <row r="677355" spans="8:8">
      <c r="H677355" s="12"/>
    </row>
    <row r="677356" spans="8:8">
      <c r="H677356" s="12"/>
    </row>
    <row r="677357" spans="8:8">
      <c r="H677357" s="12"/>
    </row>
    <row r="677358" spans="8:8">
      <c r="H677358" s="12"/>
    </row>
    <row r="677359" spans="8:8">
      <c r="H677359" s="12"/>
    </row>
    <row r="677360" spans="8:8">
      <c r="H677360" s="12"/>
    </row>
    <row r="677361" spans="8:8">
      <c r="H677361" s="12"/>
    </row>
    <row r="677362" spans="8:8">
      <c r="H677362" s="12"/>
    </row>
    <row r="677363" spans="8:8">
      <c r="H677363" s="12"/>
    </row>
    <row r="677364" spans="8:8">
      <c r="H677364" s="12"/>
    </row>
    <row r="677365" spans="8:8">
      <c r="H677365" s="12"/>
    </row>
    <row r="677366" spans="8:8">
      <c r="H677366" s="12"/>
    </row>
    <row r="677367" spans="8:8">
      <c r="H677367" s="12"/>
    </row>
    <row r="677368" spans="8:8">
      <c r="H677368" s="12"/>
    </row>
    <row r="677369" spans="8:8">
      <c r="H677369" s="12"/>
    </row>
    <row r="677370" spans="8:8">
      <c r="H677370" s="12"/>
    </row>
    <row r="677371" spans="8:8">
      <c r="H677371" s="12"/>
    </row>
    <row r="677372" spans="8:8">
      <c r="H677372" s="12"/>
    </row>
    <row r="677373" spans="8:8">
      <c r="H677373" s="12"/>
    </row>
    <row r="677374" spans="8:8">
      <c r="H677374" s="12"/>
    </row>
    <row r="677375" spans="8:8">
      <c r="H677375" s="12"/>
    </row>
    <row r="677376" spans="8:8">
      <c r="H677376" s="12"/>
    </row>
    <row r="677377" spans="8:8">
      <c r="H677377" s="12"/>
    </row>
    <row r="677378" spans="8:8">
      <c r="H677378" s="12"/>
    </row>
    <row r="677379" spans="8:8">
      <c r="H677379" s="12"/>
    </row>
    <row r="677380" spans="8:8">
      <c r="H677380" s="12"/>
    </row>
    <row r="677381" spans="8:8">
      <c r="H677381" s="12"/>
    </row>
    <row r="677382" spans="8:8">
      <c r="H677382" s="12"/>
    </row>
    <row r="677383" spans="8:8">
      <c r="H677383" s="12"/>
    </row>
    <row r="677384" spans="8:8">
      <c r="H677384" s="12"/>
    </row>
    <row r="677385" spans="8:8">
      <c r="H677385" s="12"/>
    </row>
    <row r="677386" spans="8:8">
      <c r="H677386" s="12"/>
    </row>
    <row r="677387" spans="8:8">
      <c r="H677387" s="12"/>
    </row>
    <row r="677388" spans="8:8">
      <c r="H677388" s="12"/>
    </row>
    <row r="677389" spans="8:8">
      <c r="H677389" s="12"/>
    </row>
    <row r="677390" spans="8:8">
      <c r="H677390" s="12"/>
    </row>
    <row r="677391" spans="8:8">
      <c r="H677391" s="12"/>
    </row>
    <row r="677392" spans="8:8">
      <c r="H677392" s="12"/>
    </row>
    <row r="677393" spans="8:8">
      <c r="H677393" s="12"/>
    </row>
    <row r="677394" spans="8:8">
      <c r="H677394" s="12"/>
    </row>
    <row r="677395" spans="8:8">
      <c r="H677395" s="12"/>
    </row>
    <row r="677396" spans="8:8">
      <c r="H677396" s="12"/>
    </row>
    <row r="677397" spans="8:8">
      <c r="H677397" s="12"/>
    </row>
    <row r="677398" spans="8:8">
      <c r="H677398" s="12"/>
    </row>
    <row r="677399" spans="8:8">
      <c r="H677399" s="12"/>
    </row>
    <row r="677400" spans="8:8">
      <c r="H677400" s="12"/>
    </row>
    <row r="677401" spans="8:8">
      <c r="H677401" s="12"/>
    </row>
    <row r="677402" spans="8:8">
      <c r="H677402" s="12"/>
    </row>
    <row r="677403" spans="8:8">
      <c r="H677403" s="12"/>
    </row>
    <row r="677404" spans="8:8">
      <c r="H677404" s="12"/>
    </row>
    <row r="677405" spans="8:8">
      <c r="H677405" s="12"/>
    </row>
    <row r="677406" spans="8:8">
      <c r="H677406" s="12"/>
    </row>
    <row r="677407" spans="8:8">
      <c r="H677407" s="12"/>
    </row>
    <row r="677408" spans="8:8">
      <c r="H677408" s="12"/>
    </row>
    <row r="677409" spans="8:8">
      <c r="H677409" s="12"/>
    </row>
    <row r="677410" spans="8:8">
      <c r="H677410" s="12"/>
    </row>
    <row r="677411" spans="8:8">
      <c r="H677411" s="12"/>
    </row>
    <row r="677412" spans="8:8">
      <c r="H677412" s="12"/>
    </row>
    <row r="677413" spans="8:8">
      <c r="H677413" s="12"/>
    </row>
    <row r="677414" spans="8:8">
      <c r="H677414" s="12"/>
    </row>
    <row r="677415" spans="8:8">
      <c r="H677415" s="12"/>
    </row>
    <row r="677416" spans="8:8">
      <c r="H677416" s="12"/>
    </row>
    <row r="677417" spans="8:8">
      <c r="H677417" s="12"/>
    </row>
    <row r="677418" spans="8:8">
      <c r="H677418" s="12"/>
    </row>
    <row r="677419" spans="8:8">
      <c r="H677419" s="12"/>
    </row>
    <row r="677420" spans="8:8">
      <c r="H677420" s="12"/>
    </row>
    <row r="677421" spans="8:8">
      <c r="H677421" s="12"/>
    </row>
    <row r="677422" spans="8:8">
      <c r="H677422" s="12"/>
    </row>
    <row r="677423" spans="8:8">
      <c r="H677423" s="12"/>
    </row>
    <row r="677424" spans="8:8">
      <c r="H677424" s="12"/>
    </row>
    <row r="677425" spans="8:8">
      <c r="H677425" s="12"/>
    </row>
    <row r="677426" spans="8:8">
      <c r="H677426" s="12"/>
    </row>
    <row r="677427" spans="8:8">
      <c r="H677427" s="12"/>
    </row>
    <row r="677428" spans="8:8">
      <c r="H677428" s="12"/>
    </row>
    <row r="677429" spans="8:8">
      <c r="H677429" s="12"/>
    </row>
    <row r="677430" spans="8:8">
      <c r="H677430" s="12"/>
    </row>
    <row r="677431" spans="8:8">
      <c r="H677431" s="12"/>
    </row>
    <row r="677432" spans="8:8">
      <c r="H677432" s="12"/>
    </row>
    <row r="677433" spans="8:8">
      <c r="H677433" s="12"/>
    </row>
    <row r="677434" spans="8:8">
      <c r="H677434" s="12"/>
    </row>
    <row r="677435" spans="8:8">
      <c r="H677435" s="12"/>
    </row>
    <row r="677436" spans="8:8">
      <c r="H677436" s="12"/>
    </row>
    <row r="677437" spans="8:8">
      <c r="H677437" s="12"/>
    </row>
    <row r="677438" spans="8:8">
      <c r="H677438" s="12"/>
    </row>
    <row r="677439" spans="8:8">
      <c r="H677439" s="12"/>
    </row>
    <row r="677440" spans="8:8">
      <c r="H677440" s="12"/>
    </row>
    <row r="677441" spans="8:8">
      <c r="H677441" s="12"/>
    </row>
    <row r="677442" spans="8:8">
      <c r="H677442" s="12"/>
    </row>
    <row r="677443" spans="8:8">
      <c r="H677443" s="12"/>
    </row>
    <row r="677444" spans="8:8">
      <c r="H677444" s="12"/>
    </row>
    <row r="677445" spans="8:8">
      <c r="H677445" s="12"/>
    </row>
    <row r="677446" spans="8:8">
      <c r="H677446" s="12"/>
    </row>
    <row r="677447" spans="8:8">
      <c r="H677447" s="12"/>
    </row>
    <row r="677448" spans="8:8">
      <c r="H677448" s="12"/>
    </row>
    <row r="677449" spans="8:8">
      <c r="H677449" s="12"/>
    </row>
    <row r="677450" spans="8:8">
      <c r="H677450" s="12"/>
    </row>
    <row r="677451" spans="8:8">
      <c r="H677451" s="12"/>
    </row>
    <row r="677452" spans="8:8">
      <c r="H677452" s="12"/>
    </row>
    <row r="677453" spans="8:8">
      <c r="H677453" s="12"/>
    </row>
    <row r="677454" spans="8:8">
      <c r="H677454" s="12"/>
    </row>
    <row r="677455" spans="8:8">
      <c r="H677455" s="12"/>
    </row>
    <row r="677456" spans="8:8">
      <c r="H677456" s="12"/>
    </row>
    <row r="677457" spans="8:8">
      <c r="H677457" s="12"/>
    </row>
    <row r="677458" spans="8:8">
      <c r="H677458" s="12"/>
    </row>
    <row r="677459" spans="8:8">
      <c r="H677459" s="12"/>
    </row>
    <row r="677460" spans="8:8">
      <c r="H677460" s="12"/>
    </row>
    <row r="677461" spans="8:8">
      <c r="H677461" s="12"/>
    </row>
    <row r="677462" spans="8:8">
      <c r="H677462" s="12"/>
    </row>
    <row r="677463" spans="8:8">
      <c r="H677463" s="12"/>
    </row>
    <row r="677464" spans="8:8">
      <c r="H677464" s="12"/>
    </row>
    <row r="677465" spans="8:8">
      <c r="H677465" s="12"/>
    </row>
    <row r="677466" spans="8:8">
      <c r="H677466" s="12"/>
    </row>
    <row r="677467" spans="8:8">
      <c r="H677467" s="12"/>
    </row>
    <row r="677468" spans="8:8">
      <c r="H677468" s="12"/>
    </row>
    <row r="677469" spans="8:8">
      <c r="H677469" s="12"/>
    </row>
    <row r="677470" spans="8:8">
      <c r="H677470" s="12"/>
    </row>
    <row r="677471" spans="8:8">
      <c r="H677471" s="12"/>
    </row>
    <row r="677472" spans="8:8">
      <c r="H677472" s="12"/>
    </row>
    <row r="677473" spans="8:8">
      <c r="H677473" s="12"/>
    </row>
    <row r="677474" spans="8:8">
      <c r="H677474" s="12"/>
    </row>
    <row r="677475" spans="8:8">
      <c r="H677475" s="12"/>
    </row>
    <row r="677476" spans="8:8">
      <c r="H677476" s="12"/>
    </row>
    <row r="677477" spans="8:8">
      <c r="H677477" s="12"/>
    </row>
    <row r="677478" spans="8:8">
      <c r="H677478" s="12"/>
    </row>
    <row r="677479" spans="8:8">
      <c r="H677479" s="12"/>
    </row>
    <row r="677480" spans="8:8">
      <c r="H677480" s="12"/>
    </row>
    <row r="677481" spans="8:8">
      <c r="H677481" s="12"/>
    </row>
    <row r="677482" spans="8:8">
      <c r="H677482" s="12"/>
    </row>
    <row r="677483" spans="8:8">
      <c r="H677483" s="12"/>
    </row>
    <row r="677484" spans="8:8">
      <c r="H677484" s="12"/>
    </row>
    <row r="677485" spans="8:8">
      <c r="H677485" s="12"/>
    </row>
    <row r="677486" spans="8:8">
      <c r="H677486" s="12"/>
    </row>
    <row r="677487" spans="8:8">
      <c r="H677487" s="12"/>
    </row>
    <row r="677488" spans="8:8">
      <c r="H677488" s="12"/>
    </row>
    <row r="677489" spans="8:8">
      <c r="H677489" s="12"/>
    </row>
    <row r="677490" spans="8:8">
      <c r="H677490" s="12"/>
    </row>
    <row r="677491" spans="8:8">
      <c r="H677491" s="12"/>
    </row>
    <row r="677492" spans="8:8">
      <c r="H677492" s="12"/>
    </row>
    <row r="677493" spans="8:8">
      <c r="H677493" s="12"/>
    </row>
    <row r="677494" spans="8:8">
      <c r="H677494" s="12"/>
    </row>
    <row r="677495" spans="8:8">
      <c r="H677495" s="12"/>
    </row>
    <row r="677496" spans="8:8">
      <c r="H677496" s="12"/>
    </row>
    <row r="677497" spans="8:8">
      <c r="H677497" s="12"/>
    </row>
    <row r="677498" spans="8:8">
      <c r="H677498" s="12"/>
    </row>
    <row r="677499" spans="8:8">
      <c r="H677499" s="12"/>
    </row>
    <row r="677500" spans="8:8">
      <c r="H677500" s="12"/>
    </row>
    <row r="677501" spans="8:8">
      <c r="H677501" s="12"/>
    </row>
    <row r="677502" spans="8:8">
      <c r="H677502" s="12"/>
    </row>
    <row r="677503" spans="8:8">
      <c r="H677503" s="12"/>
    </row>
    <row r="677504" spans="8:8">
      <c r="H677504" s="12"/>
    </row>
    <row r="677505" spans="8:8">
      <c r="H677505" s="12"/>
    </row>
    <row r="677506" spans="8:8">
      <c r="H677506" s="12"/>
    </row>
    <row r="677507" spans="8:8">
      <c r="H677507" s="12"/>
    </row>
    <row r="677508" spans="8:8">
      <c r="H677508" s="12"/>
    </row>
    <row r="677509" spans="8:8">
      <c r="H677509" s="12"/>
    </row>
    <row r="677510" spans="8:8">
      <c r="H677510" s="12"/>
    </row>
    <row r="677511" spans="8:8">
      <c r="H677511" s="12"/>
    </row>
    <row r="677512" spans="8:8">
      <c r="H677512" s="12"/>
    </row>
    <row r="677513" spans="8:8">
      <c r="H677513" s="12"/>
    </row>
    <row r="677514" spans="8:8">
      <c r="H677514" s="12"/>
    </row>
    <row r="677515" spans="8:8">
      <c r="H677515" s="12"/>
    </row>
    <row r="677516" spans="8:8">
      <c r="H677516" s="12"/>
    </row>
    <row r="677517" spans="8:8">
      <c r="H677517" s="12"/>
    </row>
    <row r="677518" spans="8:8">
      <c r="H677518" s="12"/>
    </row>
    <row r="677519" spans="8:8">
      <c r="H677519" s="12"/>
    </row>
    <row r="677520" spans="8:8">
      <c r="H677520" s="12"/>
    </row>
    <row r="677521" spans="8:8">
      <c r="H677521" s="12"/>
    </row>
    <row r="677522" spans="8:8">
      <c r="H677522" s="12"/>
    </row>
    <row r="677523" spans="8:8">
      <c r="H677523" s="12"/>
    </row>
    <row r="677524" spans="8:8">
      <c r="H677524" s="12"/>
    </row>
    <row r="677525" spans="8:8">
      <c r="H677525" s="12"/>
    </row>
    <row r="677526" spans="8:8">
      <c r="H677526" s="12"/>
    </row>
    <row r="677527" spans="8:8">
      <c r="H677527" s="12"/>
    </row>
    <row r="677528" spans="8:8">
      <c r="H677528" s="12"/>
    </row>
    <row r="677529" spans="8:8">
      <c r="H677529" s="12"/>
    </row>
    <row r="677530" spans="8:8">
      <c r="H677530" s="12"/>
    </row>
    <row r="677531" spans="8:8">
      <c r="H677531" s="12"/>
    </row>
    <row r="677532" spans="8:8">
      <c r="H677532" s="12"/>
    </row>
    <row r="677533" spans="8:8">
      <c r="H677533" s="12"/>
    </row>
    <row r="677534" spans="8:8">
      <c r="H677534" s="12"/>
    </row>
    <row r="677535" spans="8:8">
      <c r="H677535" s="12"/>
    </row>
    <row r="677536" spans="8:8">
      <c r="H677536" s="12"/>
    </row>
    <row r="677537" spans="8:8">
      <c r="H677537" s="12"/>
    </row>
    <row r="677538" spans="8:8">
      <c r="H677538" s="12"/>
    </row>
    <row r="677539" spans="8:8">
      <c r="H677539" s="12"/>
    </row>
    <row r="677540" spans="8:8">
      <c r="H677540" s="12"/>
    </row>
    <row r="677541" spans="8:8">
      <c r="H677541" s="12"/>
    </row>
    <row r="677542" spans="8:8">
      <c r="H677542" s="12"/>
    </row>
    <row r="677543" spans="8:8">
      <c r="H677543" s="12"/>
    </row>
    <row r="677544" spans="8:8">
      <c r="H677544" s="12"/>
    </row>
    <row r="677545" spans="8:8">
      <c r="H677545" s="12"/>
    </row>
    <row r="677546" spans="8:8">
      <c r="H677546" s="12"/>
    </row>
    <row r="677547" spans="8:8">
      <c r="H677547" s="12"/>
    </row>
    <row r="677548" spans="8:8">
      <c r="H677548" s="12"/>
    </row>
    <row r="677549" spans="8:8">
      <c r="H677549" s="12"/>
    </row>
    <row r="677550" spans="8:8">
      <c r="H677550" s="12"/>
    </row>
    <row r="677551" spans="8:8">
      <c r="H677551" s="12"/>
    </row>
    <row r="677552" spans="8:8">
      <c r="H677552" s="12"/>
    </row>
    <row r="677553" spans="8:8">
      <c r="H677553" s="12"/>
    </row>
    <row r="677554" spans="8:8">
      <c r="H677554" s="12"/>
    </row>
    <row r="677555" spans="8:8">
      <c r="H677555" s="12"/>
    </row>
    <row r="677556" spans="8:8">
      <c r="H677556" s="12"/>
    </row>
    <row r="677557" spans="8:8">
      <c r="H677557" s="12"/>
    </row>
    <row r="677558" spans="8:8">
      <c r="H677558" s="12"/>
    </row>
    <row r="677559" spans="8:8">
      <c r="H677559" s="12"/>
    </row>
    <row r="677560" spans="8:8">
      <c r="H677560" s="12"/>
    </row>
    <row r="677561" spans="8:8">
      <c r="H677561" s="12"/>
    </row>
    <row r="677562" spans="8:8">
      <c r="H677562" s="12"/>
    </row>
    <row r="677563" spans="8:8">
      <c r="H677563" s="12"/>
    </row>
    <row r="677564" spans="8:8">
      <c r="H677564" s="12"/>
    </row>
    <row r="677565" spans="8:8">
      <c r="H677565" s="12"/>
    </row>
    <row r="677566" spans="8:8">
      <c r="H677566" s="12"/>
    </row>
    <row r="677567" spans="8:8">
      <c r="H677567" s="12"/>
    </row>
    <row r="677568" spans="8:8">
      <c r="H677568" s="12"/>
    </row>
    <row r="677569" spans="8:8">
      <c r="H677569" s="12"/>
    </row>
    <row r="677570" spans="8:8">
      <c r="H677570" s="12"/>
    </row>
    <row r="677571" spans="8:8">
      <c r="H677571" s="12"/>
    </row>
    <row r="677572" spans="8:8">
      <c r="H677572" s="12"/>
    </row>
    <row r="677573" spans="8:8">
      <c r="H677573" s="12"/>
    </row>
    <row r="677574" spans="8:8">
      <c r="H677574" s="12"/>
    </row>
    <row r="677575" spans="8:8">
      <c r="H677575" s="12"/>
    </row>
    <row r="677576" spans="8:8">
      <c r="H677576" s="12"/>
    </row>
    <row r="677577" spans="8:8">
      <c r="H677577" s="12"/>
    </row>
    <row r="677578" spans="8:8">
      <c r="H677578" s="12"/>
    </row>
    <row r="677579" spans="8:8">
      <c r="H677579" s="12"/>
    </row>
    <row r="677580" spans="8:8">
      <c r="H677580" s="12"/>
    </row>
    <row r="677581" spans="8:8">
      <c r="H677581" s="12"/>
    </row>
    <row r="677582" spans="8:8">
      <c r="H677582" s="12"/>
    </row>
    <row r="677583" spans="8:8">
      <c r="H677583" s="12"/>
    </row>
    <row r="677584" spans="8:8">
      <c r="H677584" s="12"/>
    </row>
    <row r="677585" spans="8:8">
      <c r="H677585" s="12"/>
    </row>
    <row r="677586" spans="8:8">
      <c r="H677586" s="12"/>
    </row>
    <row r="677587" spans="8:8">
      <c r="H677587" s="12"/>
    </row>
    <row r="677588" spans="8:8">
      <c r="H677588" s="12"/>
    </row>
    <row r="677589" spans="8:8">
      <c r="H677589" s="12"/>
    </row>
    <row r="677590" spans="8:8">
      <c r="H677590" s="12"/>
    </row>
    <row r="677591" spans="8:8">
      <c r="H677591" s="12"/>
    </row>
    <row r="677592" spans="8:8">
      <c r="H677592" s="12"/>
    </row>
    <row r="677593" spans="8:8">
      <c r="H677593" s="12"/>
    </row>
    <row r="677594" spans="8:8">
      <c r="H677594" s="12"/>
    </row>
    <row r="677595" spans="8:8">
      <c r="H677595" s="12"/>
    </row>
    <row r="677596" spans="8:8">
      <c r="H677596" s="12"/>
    </row>
    <row r="677597" spans="8:8">
      <c r="H677597" s="12"/>
    </row>
    <row r="677598" spans="8:8">
      <c r="H677598" s="12"/>
    </row>
    <row r="677599" spans="8:8">
      <c r="H677599" s="12"/>
    </row>
    <row r="677600" spans="8:8">
      <c r="H677600" s="12"/>
    </row>
    <row r="677601" spans="8:8">
      <c r="H677601" s="12"/>
    </row>
    <row r="677602" spans="8:8">
      <c r="H677602" s="12"/>
    </row>
    <row r="677603" spans="8:8">
      <c r="H677603" s="12"/>
    </row>
    <row r="677604" spans="8:8">
      <c r="H677604" s="12"/>
    </row>
    <row r="677605" spans="8:8">
      <c r="H677605" s="12"/>
    </row>
    <row r="677606" spans="8:8">
      <c r="H677606" s="12"/>
    </row>
    <row r="677607" spans="8:8">
      <c r="H677607" s="12"/>
    </row>
    <row r="677608" spans="8:8">
      <c r="H677608" s="12"/>
    </row>
    <row r="677609" spans="8:8">
      <c r="H677609" s="12"/>
    </row>
    <row r="677610" spans="8:8">
      <c r="H677610" s="12"/>
    </row>
    <row r="677611" spans="8:8">
      <c r="H677611" s="12"/>
    </row>
    <row r="677612" spans="8:8">
      <c r="H677612" s="12"/>
    </row>
    <row r="677613" spans="8:8">
      <c r="H677613" s="12"/>
    </row>
    <row r="677614" spans="8:8">
      <c r="H677614" s="12"/>
    </row>
    <row r="677615" spans="8:8">
      <c r="H677615" s="12"/>
    </row>
    <row r="677616" spans="8:8">
      <c r="H677616" s="12"/>
    </row>
    <row r="677617" spans="8:8">
      <c r="H677617" s="12"/>
    </row>
    <row r="677618" spans="8:8">
      <c r="H677618" s="12"/>
    </row>
    <row r="677619" spans="8:8">
      <c r="H677619" s="12"/>
    </row>
    <row r="677620" spans="8:8">
      <c r="H677620" s="12"/>
    </row>
    <row r="677621" spans="8:8">
      <c r="H677621" s="12"/>
    </row>
    <row r="677622" spans="8:8">
      <c r="H677622" s="12"/>
    </row>
    <row r="677623" spans="8:8">
      <c r="H677623" s="12"/>
    </row>
    <row r="677624" spans="8:8">
      <c r="H677624" s="12"/>
    </row>
    <row r="677625" spans="8:8">
      <c r="H677625" s="12"/>
    </row>
    <row r="677626" spans="8:8">
      <c r="H677626" s="12"/>
    </row>
    <row r="677627" spans="8:8">
      <c r="H677627" s="12"/>
    </row>
    <row r="677628" spans="8:8">
      <c r="H677628" s="12"/>
    </row>
    <row r="677629" spans="8:8">
      <c r="H677629" s="12"/>
    </row>
    <row r="677630" spans="8:8">
      <c r="H677630" s="12"/>
    </row>
    <row r="677631" spans="8:8">
      <c r="H677631" s="12"/>
    </row>
    <row r="677632" spans="8:8">
      <c r="H677632" s="12"/>
    </row>
    <row r="677633" spans="8:8">
      <c r="H677633" s="12"/>
    </row>
    <row r="677634" spans="8:8">
      <c r="H677634" s="12"/>
    </row>
    <row r="677635" spans="8:8">
      <c r="H677635" s="12"/>
    </row>
    <row r="677636" spans="8:8">
      <c r="H677636" s="12"/>
    </row>
    <row r="677637" spans="8:8">
      <c r="H677637" s="12"/>
    </row>
    <row r="677638" spans="8:8">
      <c r="H677638" s="12"/>
    </row>
    <row r="677639" spans="8:8">
      <c r="H677639" s="12"/>
    </row>
    <row r="677640" spans="8:8">
      <c r="H677640" s="12"/>
    </row>
    <row r="677641" spans="8:8">
      <c r="H677641" s="12"/>
    </row>
    <row r="677642" spans="8:8">
      <c r="H677642" s="12"/>
    </row>
    <row r="677643" spans="8:8">
      <c r="H677643" s="12"/>
    </row>
    <row r="677644" spans="8:8">
      <c r="H677644" s="12"/>
    </row>
    <row r="677645" spans="8:8">
      <c r="H677645" s="12"/>
    </row>
    <row r="677646" spans="8:8">
      <c r="H677646" s="12"/>
    </row>
    <row r="677647" spans="8:8">
      <c r="H677647" s="12"/>
    </row>
    <row r="677648" spans="8:8">
      <c r="H677648" s="12"/>
    </row>
    <row r="677649" spans="8:8">
      <c r="H677649" s="12"/>
    </row>
    <row r="677650" spans="8:8">
      <c r="H677650" s="12"/>
    </row>
    <row r="677651" spans="8:8">
      <c r="H677651" s="12"/>
    </row>
    <row r="677652" spans="8:8">
      <c r="H677652" s="12"/>
    </row>
    <row r="677653" spans="8:8">
      <c r="H677653" s="12"/>
    </row>
    <row r="677654" spans="8:8">
      <c r="H677654" s="12"/>
    </row>
    <row r="677655" spans="8:8">
      <c r="H677655" s="12"/>
    </row>
    <row r="677656" spans="8:8">
      <c r="H677656" s="12"/>
    </row>
    <row r="677657" spans="8:8">
      <c r="H677657" s="12"/>
    </row>
    <row r="677658" spans="8:8">
      <c r="H677658" s="12"/>
    </row>
    <row r="677659" spans="8:8">
      <c r="H677659" s="12"/>
    </row>
    <row r="677660" spans="8:8">
      <c r="H677660" s="12"/>
    </row>
    <row r="677661" spans="8:8">
      <c r="H677661" s="12"/>
    </row>
    <row r="677662" spans="8:8">
      <c r="H677662" s="12"/>
    </row>
    <row r="677663" spans="8:8">
      <c r="H677663" s="12"/>
    </row>
    <row r="677664" spans="8:8">
      <c r="H677664" s="12"/>
    </row>
    <row r="677665" spans="8:8">
      <c r="H677665" s="12"/>
    </row>
    <row r="677666" spans="8:8">
      <c r="H677666" s="12"/>
    </row>
    <row r="677667" spans="8:8">
      <c r="H677667" s="12"/>
    </row>
    <row r="677668" spans="8:8">
      <c r="H677668" s="12"/>
    </row>
    <row r="677669" spans="8:8">
      <c r="H677669" s="12"/>
    </row>
    <row r="677670" spans="8:8">
      <c r="H677670" s="12"/>
    </row>
    <row r="677671" spans="8:8">
      <c r="H677671" s="12"/>
    </row>
    <row r="677672" spans="8:8">
      <c r="H677672" s="12"/>
    </row>
    <row r="677673" spans="8:8">
      <c r="H677673" s="12"/>
    </row>
    <row r="677674" spans="8:8">
      <c r="H677674" s="12"/>
    </row>
    <row r="677675" spans="8:8">
      <c r="H677675" s="12"/>
    </row>
    <row r="677676" spans="8:8">
      <c r="H677676" s="12"/>
    </row>
    <row r="677677" spans="8:8">
      <c r="H677677" s="12"/>
    </row>
    <row r="677678" spans="8:8">
      <c r="H677678" s="12"/>
    </row>
    <row r="677679" spans="8:8">
      <c r="H677679" s="12"/>
    </row>
    <row r="677680" spans="8:8">
      <c r="H677680" s="12"/>
    </row>
    <row r="677681" spans="8:8">
      <c r="H677681" s="12"/>
    </row>
    <row r="677682" spans="8:8">
      <c r="H677682" s="12"/>
    </row>
    <row r="677683" spans="8:8">
      <c r="H677683" s="12"/>
    </row>
    <row r="677684" spans="8:8">
      <c r="H677684" s="12"/>
    </row>
    <row r="677685" spans="8:8">
      <c r="H677685" s="12"/>
    </row>
    <row r="677686" spans="8:8">
      <c r="H677686" s="12"/>
    </row>
    <row r="677687" spans="8:8">
      <c r="H677687" s="12"/>
    </row>
    <row r="677688" spans="8:8">
      <c r="H677688" s="12"/>
    </row>
    <row r="677689" spans="8:8">
      <c r="H677689" s="12"/>
    </row>
    <row r="677690" spans="8:8">
      <c r="H677690" s="12"/>
    </row>
    <row r="677691" spans="8:8">
      <c r="H677691" s="12"/>
    </row>
    <row r="677692" spans="8:8">
      <c r="H677692" s="12"/>
    </row>
    <row r="677693" spans="8:8">
      <c r="H677693" s="12"/>
    </row>
    <row r="677694" spans="8:8">
      <c r="H677694" s="12"/>
    </row>
    <row r="677695" spans="8:8">
      <c r="H677695" s="12"/>
    </row>
    <row r="677696" spans="8:8">
      <c r="H677696" s="12"/>
    </row>
    <row r="677697" spans="8:8">
      <c r="H677697" s="12"/>
    </row>
    <row r="677698" spans="8:8">
      <c r="H677698" s="12"/>
    </row>
    <row r="677699" spans="8:8">
      <c r="H677699" s="12"/>
    </row>
    <row r="677700" spans="8:8">
      <c r="H677700" s="12"/>
    </row>
    <row r="677701" spans="8:8">
      <c r="H677701" s="12"/>
    </row>
    <row r="677702" spans="8:8">
      <c r="H677702" s="12"/>
    </row>
    <row r="677703" spans="8:8">
      <c r="H677703" s="12"/>
    </row>
    <row r="677704" spans="8:8">
      <c r="H677704" s="12"/>
    </row>
    <row r="677705" spans="8:8">
      <c r="H677705" s="12"/>
    </row>
    <row r="677706" spans="8:8">
      <c r="H677706" s="12"/>
    </row>
    <row r="677707" spans="8:8">
      <c r="H677707" s="12"/>
    </row>
    <row r="677708" spans="8:8">
      <c r="H677708" s="12"/>
    </row>
    <row r="677709" spans="8:8">
      <c r="H677709" s="12"/>
    </row>
    <row r="677710" spans="8:8">
      <c r="H677710" s="12"/>
    </row>
    <row r="677711" spans="8:8">
      <c r="H677711" s="12"/>
    </row>
    <row r="677712" spans="8:8">
      <c r="H677712" s="12"/>
    </row>
    <row r="677713" spans="8:8">
      <c r="H677713" s="12"/>
    </row>
    <row r="677714" spans="8:8">
      <c r="H677714" s="12"/>
    </row>
    <row r="677715" spans="8:8">
      <c r="H677715" s="12"/>
    </row>
    <row r="677716" spans="8:8">
      <c r="H677716" s="12"/>
    </row>
    <row r="677717" spans="8:8">
      <c r="H677717" s="12"/>
    </row>
    <row r="677718" spans="8:8">
      <c r="H677718" s="12"/>
    </row>
    <row r="677719" spans="8:8">
      <c r="H677719" s="12"/>
    </row>
    <row r="677720" spans="8:8">
      <c r="H677720" s="12"/>
    </row>
    <row r="677721" spans="8:8">
      <c r="H677721" s="12"/>
    </row>
    <row r="677722" spans="8:8">
      <c r="H677722" s="12"/>
    </row>
    <row r="677723" spans="8:8">
      <c r="H677723" s="12"/>
    </row>
    <row r="677724" spans="8:8">
      <c r="H677724" s="12"/>
    </row>
    <row r="677725" spans="8:8">
      <c r="H677725" s="12"/>
    </row>
    <row r="677726" spans="8:8">
      <c r="H677726" s="12"/>
    </row>
    <row r="677727" spans="8:8">
      <c r="H677727" s="12"/>
    </row>
    <row r="677728" spans="8:8">
      <c r="H677728" s="12"/>
    </row>
    <row r="677729" spans="8:8">
      <c r="H677729" s="12"/>
    </row>
    <row r="677730" spans="8:8">
      <c r="H677730" s="12"/>
    </row>
    <row r="677731" spans="8:8">
      <c r="H677731" s="12"/>
    </row>
    <row r="677732" spans="8:8">
      <c r="H677732" s="12"/>
    </row>
    <row r="677733" spans="8:8">
      <c r="H677733" s="12"/>
    </row>
    <row r="677734" spans="8:8">
      <c r="H677734" s="12"/>
    </row>
    <row r="677735" spans="8:8">
      <c r="H677735" s="12"/>
    </row>
    <row r="677736" spans="8:8">
      <c r="H677736" s="12"/>
    </row>
    <row r="677737" spans="8:8">
      <c r="H677737" s="12"/>
    </row>
    <row r="677738" spans="8:8">
      <c r="H677738" s="12"/>
    </row>
    <row r="677739" spans="8:8">
      <c r="H677739" s="12"/>
    </row>
    <row r="677740" spans="8:8">
      <c r="H677740" s="12"/>
    </row>
    <row r="677741" spans="8:8">
      <c r="H677741" s="12"/>
    </row>
    <row r="677742" spans="8:8">
      <c r="H677742" s="12"/>
    </row>
    <row r="677743" spans="8:8">
      <c r="H677743" s="12"/>
    </row>
    <row r="677744" spans="8:8">
      <c r="H677744" s="12"/>
    </row>
    <row r="677745" spans="8:8">
      <c r="H677745" s="12"/>
    </row>
    <row r="677746" spans="8:8">
      <c r="H677746" s="12"/>
    </row>
    <row r="677747" spans="8:8">
      <c r="H677747" s="12"/>
    </row>
    <row r="677748" spans="8:8">
      <c r="H677748" s="12"/>
    </row>
    <row r="677749" spans="8:8">
      <c r="H677749" s="12"/>
    </row>
    <row r="677750" spans="8:8">
      <c r="H677750" s="12"/>
    </row>
    <row r="677751" spans="8:8">
      <c r="H677751" s="12"/>
    </row>
    <row r="677752" spans="8:8">
      <c r="H677752" s="12"/>
    </row>
    <row r="677753" spans="8:8">
      <c r="H677753" s="12"/>
    </row>
    <row r="677754" spans="8:8">
      <c r="H677754" s="12"/>
    </row>
    <row r="677755" spans="8:8">
      <c r="H677755" s="12"/>
    </row>
    <row r="677756" spans="8:8">
      <c r="H677756" s="12"/>
    </row>
    <row r="677757" spans="8:8">
      <c r="H677757" s="12"/>
    </row>
    <row r="677758" spans="8:8">
      <c r="H677758" s="12"/>
    </row>
    <row r="677759" spans="8:8">
      <c r="H677759" s="12"/>
    </row>
    <row r="677760" spans="8:8">
      <c r="H677760" s="12"/>
    </row>
    <row r="677761" spans="8:8">
      <c r="H677761" s="12"/>
    </row>
    <row r="677762" spans="8:8">
      <c r="H677762" s="12"/>
    </row>
    <row r="677763" spans="8:8">
      <c r="H677763" s="12"/>
    </row>
    <row r="677764" spans="8:8">
      <c r="H677764" s="12"/>
    </row>
    <row r="677765" spans="8:8">
      <c r="H677765" s="12"/>
    </row>
    <row r="677766" spans="8:8">
      <c r="H677766" s="12"/>
    </row>
    <row r="677767" spans="8:8">
      <c r="H677767" s="12"/>
    </row>
    <row r="677768" spans="8:8">
      <c r="H677768" s="12"/>
    </row>
    <row r="677769" spans="8:8">
      <c r="H677769" s="12"/>
    </row>
    <row r="677770" spans="8:8">
      <c r="H677770" s="12"/>
    </row>
    <row r="677771" spans="8:8">
      <c r="H677771" s="12"/>
    </row>
    <row r="677772" spans="8:8">
      <c r="H677772" s="12"/>
    </row>
    <row r="677773" spans="8:8">
      <c r="H677773" s="12"/>
    </row>
    <row r="677774" spans="8:8">
      <c r="H677774" s="12"/>
    </row>
    <row r="677775" spans="8:8">
      <c r="H677775" s="12"/>
    </row>
    <row r="677776" spans="8:8">
      <c r="H677776" s="12"/>
    </row>
    <row r="677777" spans="8:8">
      <c r="H677777" s="12"/>
    </row>
    <row r="677778" spans="8:8">
      <c r="H677778" s="12"/>
    </row>
    <row r="677779" spans="8:8">
      <c r="H677779" s="12"/>
    </row>
    <row r="677780" spans="8:8">
      <c r="H677780" s="12"/>
    </row>
    <row r="677781" spans="8:8">
      <c r="H677781" s="12"/>
    </row>
    <row r="677782" spans="8:8">
      <c r="H677782" s="12"/>
    </row>
    <row r="677783" spans="8:8">
      <c r="H677783" s="12"/>
    </row>
    <row r="677784" spans="8:8">
      <c r="H677784" s="12"/>
    </row>
    <row r="677785" spans="8:8">
      <c r="H677785" s="12"/>
    </row>
    <row r="677786" spans="8:8">
      <c r="H677786" s="12"/>
    </row>
    <row r="677787" spans="8:8">
      <c r="H677787" s="12"/>
    </row>
    <row r="677788" spans="8:8">
      <c r="H677788" s="12"/>
    </row>
    <row r="677789" spans="8:8">
      <c r="H677789" s="12"/>
    </row>
    <row r="677790" spans="8:8">
      <c r="H677790" s="12"/>
    </row>
    <row r="677791" spans="8:8">
      <c r="H677791" s="12"/>
    </row>
    <row r="677792" spans="8:8">
      <c r="H677792" s="12"/>
    </row>
    <row r="677793" spans="8:8">
      <c r="H677793" s="12"/>
    </row>
    <row r="677794" spans="8:8">
      <c r="H677794" s="12"/>
    </row>
    <row r="677795" spans="8:8">
      <c r="H677795" s="12"/>
    </row>
    <row r="677796" spans="8:8">
      <c r="H677796" s="12"/>
    </row>
    <row r="677797" spans="8:8">
      <c r="H677797" s="12"/>
    </row>
    <row r="677798" spans="8:8">
      <c r="H677798" s="12"/>
    </row>
    <row r="677799" spans="8:8">
      <c r="H677799" s="12"/>
    </row>
    <row r="677800" spans="8:8">
      <c r="H677800" s="12"/>
    </row>
    <row r="677801" spans="8:8">
      <c r="H677801" s="12"/>
    </row>
    <row r="677802" spans="8:8">
      <c r="H677802" s="12"/>
    </row>
    <row r="677803" spans="8:8">
      <c r="H677803" s="12"/>
    </row>
    <row r="677804" spans="8:8">
      <c r="H677804" s="12"/>
    </row>
    <row r="677805" spans="8:8">
      <c r="H677805" s="12"/>
    </row>
    <row r="677806" spans="8:8">
      <c r="H677806" s="12"/>
    </row>
    <row r="677807" spans="8:8">
      <c r="H677807" s="12"/>
    </row>
    <row r="677808" spans="8:8">
      <c r="H677808" s="12"/>
    </row>
    <row r="677809" spans="8:8">
      <c r="H677809" s="12"/>
    </row>
    <row r="677810" spans="8:8">
      <c r="H677810" s="12"/>
    </row>
    <row r="677811" spans="8:8">
      <c r="H677811" s="12"/>
    </row>
    <row r="677812" spans="8:8">
      <c r="H677812" s="12"/>
    </row>
    <row r="677813" spans="8:8">
      <c r="H677813" s="12"/>
    </row>
    <row r="677814" spans="8:8">
      <c r="H677814" s="12"/>
    </row>
    <row r="677815" spans="8:8">
      <c r="H677815" s="12"/>
    </row>
    <row r="677816" spans="8:8">
      <c r="H677816" s="12"/>
    </row>
    <row r="677817" spans="8:8">
      <c r="H677817" s="12"/>
    </row>
    <row r="677818" spans="8:8">
      <c r="H677818" s="12"/>
    </row>
    <row r="677819" spans="8:8">
      <c r="H677819" s="12"/>
    </row>
    <row r="677820" spans="8:8">
      <c r="H677820" s="12"/>
    </row>
    <row r="677821" spans="8:8">
      <c r="H677821" s="12"/>
    </row>
    <row r="677822" spans="8:8">
      <c r="H677822" s="12"/>
    </row>
    <row r="677823" spans="8:8">
      <c r="H677823" s="12"/>
    </row>
    <row r="677824" spans="8:8">
      <c r="H677824" s="12"/>
    </row>
    <row r="677825" spans="8:8">
      <c r="H677825" s="12"/>
    </row>
    <row r="677826" spans="8:8">
      <c r="H677826" s="12"/>
    </row>
    <row r="677827" spans="8:8">
      <c r="H677827" s="12"/>
    </row>
    <row r="677828" spans="8:8">
      <c r="H677828" s="12"/>
    </row>
    <row r="677829" spans="8:8">
      <c r="H677829" s="12"/>
    </row>
    <row r="677830" spans="8:8">
      <c r="H677830" s="12"/>
    </row>
    <row r="677831" spans="8:8">
      <c r="H677831" s="12"/>
    </row>
    <row r="677832" spans="8:8">
      <c r="H677832" s="12"/>
    </row>
    <row r="677833" spans="8:8">
      <c r="H677833" s="12"/>
    </row>
    <row r="677834" spans="8:8">
      <c r="H677834" s="12"/>
    </row>
    <row r="677835" spans="8:8">
      <c r="H677835" s="12"/>
    </row>
    <row r="677836" spans="8:8">
      <c r="H677836" s="12"/>
    </row>
    <row r="677837" spans="8:8">
      <c r="H677837" s="12"/>
    </row>
    <row r="677838" spans="8:8">
      <c r="H677838" s="12"/>
    </row>
    <row r="677839" spans="8:8">
      <c r="H677839" s="12"/>
    </row>
    <row r="677840" spans="8:8">
      <c r="H677840" s="12"/>
    </row>
    <row r="677841" spans="8:8">
      <c r="H677841" s="12"/>
    </row>
    <row r="677842" spans="8:8">
      <c r="H677842" s="12"/>
    </row>
    <row r="677843" spans="8:8">
      <c r="H677843" s="12"/>
    </row>
    <row r="677844" spans="8:8">
      <c r="H677844" s="12"/>
    </row>
    <row r="677845" spans="8:8">
      <c r="H677845" s="12"/>
    </row>
    <row r="677846" spans="8:8">
      <c r="H677846" s="12"/>
    </row>
    <row r="677847" spans="8:8">
      <c r="H677847" s="12"/>
    </row>
    <row r="677848" spans="8:8">
      <c r="H677848" s="12"/>
    </row>
    <row r="677849" spans="8:8">
      <c r="H677849" s="12"/>
    </row>
    <row r="677850" spans="8:8">
      <c r="H677850" s="12"/>
    </row>
    <row r="677851" spans="8:8">
      <c r="H677851" s="12"/>
    </row>
    <row r="677852" spans="8:8">
      <c r="H677852" s="12"/>
    </row>
    <row r="677853" spans="8:8">
      <c r="H677853" s="12"/>
    </row>
    <row r="677854" spans="8:8">
      <c r="H677854" s="12"/>
    </row>
    <row r="677855" spans="8:8">
      <c r="H677855" s="12"/>
    </row>
    <row r="677856" spans="8:8">
      <c r="H677856" s="12"/>
    </row>
    <row r="677857" spans="8:8">
      <c r="H677857" s="12"/>
    </row>
    <row r="677858" spans="8:8">
      <c r="H677858" s="12"/>
    </row>
    <row r="677859" spans="8:8">
      <c r="H677859" s="12"/>
    </row>
    <row r="677860" spans="8:8">
      <c r="H677860" s="12"/>
    </row>
    <row r="677861" spans="8:8">
      <c r="H677861" s="12"/>
    </row>
    <row r="677862" spans="8:8">
      <c r="H677862" s="12"/>
    </row>
    <row r="677863" spans="8:8">
      <c r="H677863" s="12"/>
    </row>
    <row r="677864" spans="8:8">
      <c r="H677864" s="12"/>
    </row>
    <row r="677865" spans="8:8">
      <c r="H677865" s="12"/>
    </row>
    <row r="677866" spans="8:8">
      <c r="H677866" s="12"/>
    </row>
    <row r="677867" spans="8:8">
      <c r="H677867" s="12"/>
    </row>
    <row r="677868" spans="8:8">
      <c r="H677868" s="12"/>
    </row>
    <row r="677869" spans="8:8">
      <c r="H677869" s="12"/>
    </row>
    <row r="677870" spans="8:8">
      <c r="H677870" s="12"/>
    </row>
    <row r="677871" spans="8:8">
      <c r="H677871" s="12"/>
    </row>
    <row r="677872" spans="8:8">
      <c r="H677872" s="12"/>
    </row>
    <row r="677873" spans="8:8">
      <c r="H677873" s="12"/>
    </row>
    <row r="677874" spans="8:8">
      <c r="H677874" s="12"/>
    </row>
    <row r="677875" spans="8:8">
      <c r="H677875" s="12"/>
    </row>
    <row r="677876" spans="8:8">
      <c r="H677876" s="12"/>
    </row>
    <row r="677877" spans="8:8">
      <c r="H677877" s="12"/>
    </row>
    <row r="677878" spans="8:8">
      <c r="H677878" s="12"/>
    </row>
    <row r="677879" spans="8:8">
      <c r="H677879" s="12"/>
    </row>
    <row r="677880" spans="8:8">
      <c r="H677880" s="12"/>
    </row>
    <row r="677881" spans="8:8">
      <c r="H677881" s="12"/>
    </row>
    <row r="677882" spans="8:8">
      <c r="H677882" s="12"/>
    </row>
    <row r="677883" spans="8:8">
      <c r="H677883" s="12"/>
    </row>
    <row r="677884" spans="8:8">
      <c r="H677884" s="12"/>
    </row>
    <row r="677885" spans="8:8">
      <c r="H677885" s="12"/>
    </row>
    <row r="677886" spans="8:8">
      <c r="H677886" s="12"/>
    </row>
    <row r="677887" spans="8:8">
      <c r="H677887" s="12"/>
    </row>
    <row r="677888" spans="8:8">
      <c r="H677888" s="12"/>
    </row>
    <row r="677889" spans="8:8">
      <c r="H677889" s="12"/>
    </row>
    <row r="677890" spans="8:8">
      <c r="H677890" s="12"/>
    </row>
    <row r="677891" spans="8:8">
      <c r="H677891" s="12"/>
    </row>
    <row r="677892" spans="8:8">
      <c r="H677892" s="12"/>
    </row>
    <row r="677893" spans="8:8">
      <c r="H677893" s="12"/>
    </row>
    <row r="677894" spans="8:8">
      <c r="H677894" s="12"/>
    </row>
    <row r="677895" spans="8:8">
      <c r="H677895" s="12"/>
    </row>
    <row r="677896" spans="8:8">
      <c r="H677896" s="12"/>
    </row>
    <row r="677897" spans="8:8">
      <c r="H677897" s="12"/>
    </row>
    <row r="677898" spans="8:8">
      <c r="H677898" s="12"/>
    </row>
    <row r="677899" spans="8:8">
      <c r="H677899" s="12"/>
    </row>
    <row r="677900" spans="8:8">
      <c r="H677900" s="12"/>
    </row>
    <row r="677901" spans="8:8">
      <c r="H677901" s="12"/>
    </row>
    <row r="677902" spans="8:8">
      <c r="H677902" s="12"/>
    </row>
    <row r="677903" spans="8:8">
      <c r="H677903" s="12"/>
    </row>
    <row r="677904" spans="8:8">
      <c r="H677904" s="12"/>
    </row>
    <row r="677905" spans="8:8">
      <c r="H677905" s="12"/>
    </row>
    <row r="677906" spans="8:8">
      <c r="H677906" s="12"/>
    </row>
    <row r="677907" spans="8:8">
      <c r="H677907" s="12"/>
    </row>
    <row r="677908" spans="8:8">
      <c r="H677908" s="12"/>
    </row>
    <row r="677909" spans="8:8">
      <c r="H677909" s="12"/>
    </row>
    <row r="677910" spans="8:8">
      <c r="H677910" s="12"/>
    </row>
    <row r="677911" spans="8:8">
      <c r="H677911" s="12"/>
    </row>
    <row r="677912" spans="8:8">
      <c r="H677912" s="12"/>
    </row>
    <row r="677913" spans="8:8">
      <c r="H677913" s="12"/>
    </row>
    <row r="677914" spans="8:8">
      <c r="H677914" s="12"/>
    </row>
    <row r="677915" spans="8:8">
      <c r="H677915" s="12"/>
    </row>
    <row r="677916" spans="8:8">
      <c r="H677916" s="12"/>
    </row>
    <row r="677917" spans="8:8">
      <c r="H677917" s="12"/>
    </row>
    <row r="677918" spans="8:8">
      <c r="H677918" s="12"/>
    </row>
    <row r="677919" spans="8:8">
      <c r="H677919" s="12"/>
    </row>
    <row r="677920" spans="8:8">
      <c r="H677920" s="12"/>
    </row>
    <row r="677921" spans="8:8">
      <c r="H677921" s="12"/>
    </row>
    <row r="677922" spans="8:8">
      <c r="H677922" s="12"/>
    </row>
    <row r="677923" spans="8:8">
      <c r="H677923" s="12"/>
    </row>
    <row r="677924" spans="8:8">
      <c r="H677924" s="12"/>
    </row>
    <row r="677925" spans="8:8">
      <c r="H677925" s="12"/>
    </row>
    <row r="677926" spans="8:8">
      <c r="H677926" s="12"/>
    </row>
    <row r="677927" spans="8:8">
      <c r="H677927" s="12"/>
    </row>
    <row r="677928" spans="8:8">
      <c r="H677928" s="12"/>
    </row>
    <row r="677929" spans="8:8">
      <c r="H677929" s="12"/>
    </row>
    <row r="677930" spans="8:8">
      <c r="H677930" s="12"/>
    </row>
    <row r="677931" spans="8:8">
      <c r="H677931" s="12"/>
    </row>
    <row r="677932" spans="8:8">
      <c r="H677932" s="12"/>
    </row>
    <row r="677933" spans="8:8">
      <c r="H677933" s="12"/>
    </row>
    <row r="677934" spans="8:8">
      <c r="H677934" s="12"/>
    </row>
    <row r="677935" spans="8:8">
      <c r="H677935" s="12"/>
    </row>
    <row r="677936" spans="8:8">
      <c r="H677936" s="12"/>
    </row>
    <row r="677937" spans="8:8">
      <c r="H677937" s="12"/>
    </row>
    <row r="677938" spans="8:8">
      <c r="H677938" s="12"/>
    </row>
    <row r="677939" spans="8:8">
      <c r="H677939" s="12"/>
    </row>
    <row r="677940" spans="8:8">
      <c r="H677940" s="12"/>
    </row>
    <row r="677941" spans="8:8">
      <c r="H677941" s="12"/>
    </row>
    <row r="677942" spans="8:8">
      <c r="H677942" s="12"/>
    </row>
    <row r="677943" spans="8:8">
      <c r="H677943" s="12"/>
    </row>
    <row r="677944" spans="8:8">
      <c r="H677944" s="12"/>
    </row>
    <row r="677945" spans="8:8">
      <c r="H677945" s="12"/>
    </row>
    <row r="677946" spans="8:8">
      <c r="H677946" s="12"/>
    </row>
    <row r="677947" spans="8:8">
      <c r="H677947" s="12"/>
    </row>
    <row r="677948" spans="8:8">
      <c r="H677948" s="12"/>
    </row>
    <row r="677949" spans="8:8">
      <c r="H677949" s="12"/>
    </row>
    <row r="677950" spans="8:8">
      <c r="H677950" s="12"/>
    </row>
    <row r="677951" spans="8:8">
      <c r="H677951" s="12"/>
    </row>
    <row r="677952" spans="8:8">
      <c r="H677952" s="12"/>
    </row>
    <row r="677953" spans="8:8">
      <c r="H677953" s="12"/>
    </row>
    <row r="677954" spans="8:8">
      <c r="H677954" s="12"/>
    </row>
    <row r="677955" spans="8:8">
      <c r="H677955" s="12"/>
    </row>
    <row r="677956" spans="8:8">
      <c r="H677956" s="12"/>
    </row>
    <row r="677957" spans="8:8">
      <c r="H677957" s="12"/>
    </row>
    <row r="677958" spans="8:8">
      <c r="H677958" s="12"/>
    </row>
    <row r="677959" spans="8:8">
      <c r="H677959" s="12"/>
    </row>
    <row r="677960" spans="8:8">
      <c r="H677960" s="12"/>
    </row>
    <row r="677961" spans="8:8">
      <c r="H677961" s="12"/>
    </row>
    <row r="677962" spans="8:8">
      <c r="H677962" s="12"/>
    </row>
    <row r="677963" spans="8:8">
      <c r="H677963" s="12"/>
    </row>
    <row r="677964" spans="8:8">
      <c r="H677964" s="12"/>
    </row>
    <row r="677965" spans="8:8">
      <c r="H677965" s="12"/>
    </row>
    <row r="677966" spans="8:8">
      <c r="H677966" s="12"/>
    </row>
    <row r="677967" spans="8:8">
      <c r="H677967" s="12"/>
    </row>
    <row r="677968" spans="8:8">
      <c r="H677968" s="12"/>
    </row>
    <row r="677969" spans="8:8">
      <c r="H677969" s="12"/>
    </row>
    <row r="677970" spans="8:8">
      <c r="H677970" s="12"/>
    </row>
    <row r="677971" spans="8:8">
      <c r="H677971" s="12"/>
    </row>
    <row r="677972" spans="8:8">
      <c r="H677972" s="12"/>
    </row>
    <row r="677973" spans="8:8">
      <c r="H677973" s="12"/>
    </row>
    <row r="677974" spans="8:8">
      <c r="H677974" s="12"/>
    </row>
    <row r="677975" spans="8:8">
      <c r="H677975" s="12"/>
    </row>
    <row r="677976" spans="8:8">
      <c r="H677976" s="12"/>
    </row>
    <row r="677977" spans="8:8">
      <c r="H677977" s="12"/>
    </row>
    <row r="677978" spans="8:8">
      <c r="H677978" s="12"/>
    </row>
    <row r="677979" spans="8:8">
      <c r="H677979" s="12"/>
    </row>
    <row r="677980" spans="8:8">
      <c r="H677980" s="12"/>
    </row>
    <row r="677981" spans="8:8">
      <c r="H677981" s="12"/>
    </row>
    <row r="677982" spans="8:8">
      <c r="H677982" s="12"/>
    </row>
    <row r="677983" spans="8:8">
      <c r="H677983" s="12"/>
    </row>
    <row r="677984" spans="8:8">
      <c r="H677984" s="12"/>
    </row>
    <row r="677985" spans="8:8">
      <c r="H677985" s="12"/>
    </row>
    <row r="677986" spans="8:8">
      <c r="H677986" s="12"/>
    </row>
    <row r="677987" spans="8:8">
      <c r="H677987" s="12"/>
    </row>
    <row r="677988" spans="8:8">
      <c r="H677988" s="12"/>
    </row>
    <row r="677989" spans="8:8">
      <c r="H677989" s="12"/>
    </row>
    <row r="677990" spans="8:8">
      <c r="H677990" s="12"/>
    </row>
    <row r="677991" spans="8:8">
      <c r="H677991" s="12"/>
    </row>
    <row r="677992" spans="8:8">
      <c r="H677992" s="12"/>
    </row>
    <row r="677993" spans="8:8">
      <c r="H677993" s="12"/>
    </row>
    <row r="677994" spans="8:8">
      <c r="H677994" s="12"/>
    </row>
    <row r="677995" spans="8:8">
      <c r="H677995" s="12"/>
    </row>
    <row r="677996" spans="8:8">
      <c r="H677996" s="12"/>
    </row>
    <row r="677997" spans="8:8">
      <c r="H677997" s="12"/>
    </row>
    <row r="677998" spans="8:8">
      <c r="H677998" s="12"/>
    </row>
    <row r="677999" spans="8:8">
      <c r="H677999" s="12"/>
    </row>
    <row r="678000" spans="8:8">
      <c r="H678000" s="12"/>
    </row>
    <row r="678001" spans="8:8">
      <c r="H678001" s="12"/>
    </row>
    <row r="678002" spans="8:8">
      <c r="H678002" s="12"/>
    </row>
    <row r="678003" spans="8:8">
      <c r="H678003" s="12"/>
    </row>
    <row r="678004" spans="8:8">
      <c r="H678004" s="12"/>
    </row>
    <row r="678005" spans="8:8">
      <c r="H678005" s="12"/>
    </row>
    <row r="678006" spans="8:8">
      <c r="H678006" s="12"/>
    </row>
    <row r="678007" spans="8:8">
      <c r="H678007" s="12"/>
    </row>
    <row r="678008" spans="8:8">
      <c r="H678008" s="12"/>
    </row>
    <row r="678009" spans="8:8">
      <c r="H678009" s="12"/>
    </row>
    <row r="678010" spans="8:8">
      <c r="H678010" s="12"/>
    </row>
    <row r="678011" spans="8:8">
      <c r="H678011" s="12"/>
    </row>
    <row r="678012" spans="8:8">
      <c r="H678012" s="12"/>
    </row>
    <row r="678013" spans="8:8">
      <c r="H678013" s="12"/>
    </row>
    <row r="678014" spans="8:8">
      <c r="H678014" s="12"/>
    </row>
    <row r="678015" spans="8:8">
      <c r="H678015" s="12"/>
    </row>
    <row r="678016" spans="8:8">
      <c r="H678016" s="12"/>
    </row>
    <row r="678017" spans="8:8">
      <c r="H678017" s="12"/>
    </row>
    <row r="678018" spans="8:8">
      <c r="H678018" s="12"/>
    </row>
    <row r="678019" spans="8:8">
      <c r="H678019" s="12"/>
    </row>
    <row r="678020" spans="8:8">
      <c r="H678020" s="12"/>
    </row>
    <row r="678021" spans="8:8">
      <c r="H678021" s="12"/>
    </row>
    <row r="678022" spans="8:8">
      <c r="H678022" s="12"/>
    </row>
    <row r="678023" spans="8:8">
      <c r="H678023" s="12"/>
    </row>
    <row r="678024" spans="8:8">
      <c r="H678024" s="12"/>
    </row>
    <row r="678025" spans="8:8">
      <c r="H678025" s="12"/>
    </row>
    <row r="678026" spans="8:8">
      <c r="H678026" s="12"/>
    </row>
    <row r="678027" spans="8:8">
      <c r="H678027" s="12"/>
    </row>
    <row r="678028" spans="8:8">
      <c r="H678028" s="12"/>
    </row>
    <row r="678029" spans="8:8">
      <c r="H678029" s="12"/>
    </row>
    <row r="678030" spans="8:8">
      <c r="H678030" s="12"/>
    </row>
    <row r="678031" spans="8:8">
      <c r="H678031" s="12"/>
    </row>
    <row r="678032" spans="8:8">
      <c r="H678032" s="12"/>
    </row>
    <row r="678033" spans="8:8">
      <c r="H678033" s="12"/>
    </row>
    <row r="678034" spans="8:8">
      <c r="H678034" s="12"/>
    </row>
    <row r="678035" spans="8:8">
      <c r="H678035" s="12"/>
    </row>
    <row r="678036" spans="8:8">
      <c r="H678036" s="12"/>
    </row>
    <row r="678037" spans="8:8">
      <c r="H678037" s="12"/>
    </row>
    <row r="678038" spans="8:8">
      <c r="H678038" s="12"/>
    </row>
    <row r="678039" spans="8:8">
      <c r="H678039" s="12"/>
    </row>
    <row r="678040" spans="8:8">
      <c r="H678040" s="12"/>
    </row>
    <row r="678041" spans="8:8">
      <c r="H678041" s="12"/>
    </row>
    <row r="678042" spans="8:8">
      <c r="H678042" s="12"/>
    </row>
    <row r="678043" spans="8:8">
      <c r="H678043" s="12"/>
    </row>
    <row r="678044" spans="8:8">
      <c r="H678044" s="12"/>
    </row>
    <row r="678045" spans="8:8">
      <c r="H678045" s="12"/>
    </row>
    <row r="678046" spans="8:8">
      <c r="H678046" s="12"/>
    </row>
    <row r="678047" spans="8:8">
      <c r="H678047" s="12"/>
    </row>
    <row r="678048" spans="8:8">
      <c r="H678048" s="12"/>
    </row>
    <row r="678049" spans="8:8">
      <c r="H678049" s="12"/>
    </row>
    <row r="678050" spans="8:8">
      <c r="H678050" s="12"/>
    </row>
    <row r="678051" spans="8:8">
      <c r="H678051" s="12"/>
    </row>
    <row r="678052" spans="8:8">
      <c r="H678052" s="12"/>
    </row>
    <row r="678053" spans="8:8">
      <c r="H678053" s="12"/>
    </row>
    <row r="678054" spans="8:8">
      <c r="H678054" s="12"/>
    </row>
    <row r="678055" spans="8:8">
      <c r="H678055" s="12"/>
    </row>
    <row r="678056" spans="8:8">
      <c r="H678056" s="12"/>
    </row>
    <row r="678057" spans="8:8">
      <c r="H678057" s="12"/>
    </row>
    <row r="678058" spans="8:8">
      <c r="H678058" s="12"/>
    </row>
    <row r="678059" spans="8:8">
      <c r="H678059" s="12"/>
    </row>
    <row r="678060" spans="8:8">
      <c r="H678060" s="12"/>
    </row>
    <row r="678061" spans="8:8">
      <c r="H678061" s="12"/>
    </row>
    <row r="678062" spans="8:8">
      <c r="H678062" s="12"/>
    </row>
    <row r="678063" spans="8:8">
      <c r="H678063" s="12"/>
    </row>
    <row r="678064" spans="8:8">
      <c r="H678064" s="12"/>
    </row>
    <row r="678065" spans="8:8">
      <c r="H678065" s="12"/>
    </row>
    <row r="678066" spans="8:8">
      <c r="H678066" s="12"/>
    </row>
    <row r="678067" spans="8:8">
      <c r="H678067" s="12"/>
    </row>
    <row r="678068" spans="8:8">
      <c r="H678068" s="12"/>
    </row>
    <row r="678069" spans="8:8">
      <c r="H678069" s="12"/>
    </row>
    <row r="678070" spans="8:8">
      <c r="H678070" s="12"/>
    </row>
    <row r="678071" spans="8:8">
      <c r="H678071" s="12"/>
    </row>
    <row r="678072" spans="8:8">
      <c r="H678072" s="12"/>
    </row>
    <row r="678073" spans="8:8">
      <c r="H678073" s="12"/>
    </row>
    <row r="678074" spans="8:8">
      <c r="H678074" s="12"/>
    </row>
    <row r="678075" spans="8:8">
      <c r="H678075" s="12"/>
    </row>
    <row r="678076" spans="8:8">
      <c r="H678076" s="12"/>
    </row>
    <row r="678077" spans="8:8">
      <c r="H678077" s="12"/>
    </row>
    <row r="678078" spans="8:8">
      <c r="H678078" s="12"/>
    </row>
    <row r="678079" spans="8:8">
      <c r="H678079" s="12"/>
    </row>
    <row r="678080" spans="8:8">
      <c r="H678080" s="12"/>
    </row>
    <row r="678081" spans="8:8">
      <c r="H678081" s="12"/>
    </row>
    <row r="678082" spans="8:8">
      <c r="H678082" s="12"/>
    </row>
    <row r="678083" spans="8:8">
      <c r="H678083" s="12"/>
    </row>
    <row r="678084" spans="8:8">
      <c r="H678084" s="12"/>
    </row>
    <row r="678085" spans="8:8">
      <c r="H678085" s="12"/>
    </row>
    <row r="678086" spans="8:8">
      <c r="H678086" s="12"/>
    </row>
    <row r="678087" spans="8:8">
      <c r="H678087" s="12"/>
    </row>
    <row r="678088" spans="8:8">
      <c r="H678088" s="12"/>
    </row>
    <row r="678089" spans="8:8">
      <c r="H678089" s="12"/>
    </row>
    <row r="678090" spans="8:8">
      <c r="H678090" s="12"/>
    </row>
    <row r="678091" spans="8:8">
      <c r="H678091" s="12"/>
    </row>
    <row r="678092" spans="8:8">
      <c r="H678092" s="12"/>
    </row>
    <row r="678093" spans="8:8">
      <c r="H678093" s="12"/>
    </row>
    <row r="678094" spans="8:8">
      <c r="H678094" s="12"/>
    </row>
    <row r="678095" spans="8:8">
      <c r="H678095" s="12"/>
    </row>
    <row r="678096" spans="8:8">
      <c r="H678096" s="12"/>
    </row>
    <row r="678097" spans="8:8">
      <c r="H678097" s="12"/>
    </row>
    <row r="678098" spans="8:8">
      <c r="H678098" s="12"/>
    </row>
    <row r="678099" spans="8:8">
      <c r="H678099" s="12"/>
    </row>
    <row r="678100" spans="8:8">
      <c r="H678100" s="12"/>
    </row>
    <row r="678101" spans="8:8">
      <c r="H678101" s="12"/>
    </row>
    <row r="678102" spans="8:8">
      <c r="H678102" s="12"/>
    </row>
    <row r="678103" spans="8:8">
      <c r="H678103" s="12"/>
    </row>
    <row r="678104" spans="8:8">
      <c r="H678104" s="12"/>
    </row>
    <row r="678105" spans="8:8">
      <c r="H678105" s="12"/>
    </row>
    <row r="678106" spans="8:8">
      <c r="H678106" s="12"/>
    </row>
    <row r="678107" spans="8:8">
      <c r="H678107" s="12"/>
    </row>
    <row r="678108" spans="8:8">
      <c r="H678108" s="12"/>
    </row>
    <row r="678109" spans="8:8">
      <c r="H678109" s="12"/>
    </row>
    <row r="678110" spans="8:8">
      <c r="H678110" s="12"/>
    </row>
    <row r="678111" spans="8:8">
      <c r="H678111" s="12"/>
    </row>
    <row r="678112" spans="8:8">
      <c r="H678112" s="12"/>
    </row>
    <row r="678113" spans="8:8">
      <c r="H678113" s="12"/>
    </row>
    <row r="678114" spans="8:8">
      <c r="H678114" s="12"/>
    </row>
    <row r="678115" spans="8:8">
      <c r="H678115" s="12"/>
    </row>
    <row r="678116" spans="8:8">
      <c r="H678116" s="12"/>
    </row>
    <row r="678117" spans="8:8">
      <c r="H678117" s="12"/>
    </row>
    <row r="678118" spans="8:8">
      <c r="H678118" s="12"/>
    </row>
    <row r="678119" spans="8:8">
      <c r="H678119" s="12"/>
    </row>
    <row r="678120" spans="8:8">
      <c r="H678120" s="12"/>
    </row>
    <row r="678121" spans="8:8">
      <c r="H678121" s="12"/>
    </row>
    <row r="678122" spans="8:8">
      <c r="H678122" s="12"/>
    </row>
    <row r="678123" spans="8:8">
      <c r="H678123" s="12"/>
    </row>
    <row r="678124" spans="8:8">
      <c r="H678124" s="12"/>
    </row>
    <row r="678125" spans="8:8">
      <c r="H678125" s="12"/>
    </row>
    <row r="678126" spans="8:8">
      <c r="H678126" s="12"/>
    </row>
    <row r="678127" spans="8:8">
      <c r="H678127" s="12"/>
    </row>
    <row r="678128" spans="8:8">
      <c r="H678128" s="12"/>
    </row>
    <row r="678129" spans="8:8">
      <c r="H678129" s="12"/>
    </row>
    <row r="678130" spans="8:8">
      <c r="H678130" s="12"/>
    </row>
    <row r="678131" spans="8:8">
      <c r="H678131" s="12"/>
    </row>
    <row r="678132" spans="8:8">
      <c r="H678132" s="12"/>
    </row>
    <row r="678133" spans="8:8">
      <c r="H678133" s="12"/>
    </row>
    <row r="678134" spans="8:8">
      <c r="H678134" s="12"/>
    </row>
    <row r="678135" spans="8:8">
      <c r="H678135" s="12"/>
    </row>
    <row r="678136" spans="8:8">
      <c r="H678136" s="12"/>
    </row>
    <row r="678137" spans="8:8">
      <c r="H678137" s="12"/>
    </row>
    <row r="678138" spans="8:8">
      <c r="H678138" s="12"/>
    </row>
    <row r="678139" spans="8:8">
      <c r="H678139" s="12"/>
    </row>
    <row r="678140" spans="8:8">
      <c r="H678140" s="12"/>
    </row>
    <row r="678141" spans="8:8">
      <c r="H678141" s="12"/>
    </row>
    <row r="678142" spans="8:8">
      <c r="H678142" s="12"/>
    </row>
    <row r="678143" spans="8:8">
      <c r="H678143" s="12"/>
    </row>
    <row r="678144" spans="8:8">
      <c r="H678144" s="12"/>
    </row>
    <row r="678145" spans="8:8">
      <c r="H678145" s="12"/>
    </row>
    <row r="678146" spans="8:8">
      <c r="H678146" s="12"/>
    </row>
    <row r="678147" spans="8:8">
      <c r="H678147" s="12"/>
    </row>
    <row r="678148" spans="8:8">
      <c r="H678148" s="12"/>
    </row>
    <row r="678149" spans="8:8">
      <c r="H678149" s="12"/>
    </row>
    <row r="678150" spans="8:8">
      <c r="H678150" s="12"/>
    </row>
    <row r="678151" spans="8:8">
      <c r="H678151" s="12"/>
    </row>
    <row r="678152" spans="8:8">
      <c r="H678152" s="12"/>
    </row>
    <row r="678153" spans="8:8">
      <c r="H678153" s="12"/>
    </row>
    <row r="678154" spans="8:8">
      <c r="H678154" s="12"/>
    </row>
    <row r="678155" spans="8:8">
      <c r="H678155" s="12"/>
    </row>
    <row r="678156" spans="8:8">
      <c r="H678156" s="12"/>
    </row>
    <row r="678157" spans="8:8">
      <c r="H678157" s="12"/>
    </row>
    <row r="678158" spans="8:8">
      <c r="H678158" s="12"/>
    </row>
    <row r="678159" spans="8:8">
      <c r="H678159" s="12"/>
    </row>
    <row r="678160" spans="8:8">
      <c r="H678160" s="12"/>
    </row>
    <row r="678161" spans="8:8">
      <c r="H678161" s="12"/>
    </row>
    <row r="678162" spans="8:8">
      <c r="H678162" s="12"/>
    </row>
    <row r="678163" spans="8:8">
      <c r="H678163" s="12"/>
    </row>
    <row r="678164" spans="8:8">
      <c r="H678164" s="12"/>
    </row>
    <row r="678165" spans="8:8">
      <c r="H678165" s="12"/>
    </row>
    <row r="678166" spans="8:8">
      <c r="H678166" s="12"/>
    </row>
    <row r="678167" spans="8:8">
      <c r="H678167" s="12"/>
    </row>
    <row r="678168" spans="8:8">
      <c r="H678168" s="12"/>
    </row>
    <row r="678169" spans="8:8">
      <c r="H678169" s="12"/>
    </row>
    <row r="678170" spans="8:8">
      <c r="H678170" s="12"/>
    </row>
    <row r="678171" spans="8:8">
      <c r="H678171" s="12"/>
    </row>
    <row r="678172" spans="8:8">
      <c r="H678172" s="12"/>
    </row>
    <row r="678173" spans="8:8">
      <c r="H678173" s="12"/>
    </row>
    <row r="678174" spans="8:8">
      <c r="H678174" s="12"/>
    </row>
    <row r="678175" spans="8:8">
      <c r="H678175" s="12"/>
    </row>
    <row r="678176" spans="8:8">
      <c r="H678176" s="12"/>
    </row>
    <row r="678177" spans="8:8">
      <c r="H678177" s="12"/>
    </row>
    <row r="678178" spans="8:8">
      <c r="H678178" s="12"/>
    </row>
    <row r="678179" spans="8:8">
      <c r="H678179" s="12"/>
    </row>
    <row r="678180" spans="8:8">
      <c r="H678180" s="12"/>
    </row>
    <row r="678181" spans="8:8">
      <c r="H678181" s="12"/>
    </row>
    <row r="678182" spans="8:8">
      <c r="H678182" s="12"/>
    </row>
    <row r="678183" spans="8:8">
      <c r="H678183" s="12"/>
    </row>
    <row r="678184" spans="8:8">
      <c r="H678184" s="12"/>
    </row>
    <row r="678185" spans="8:8">
      <c r="H678185" s="12"/>
    </row>
    <row r="678186" spans="8:8">
      <c r="H678186" s="12"/>
    </row>
    <row r="678187" spans="8:8">
      <c r="H678187" s="12"/>
    </row>
    <row r="678188" spans="8:8">
      <c r="H678188" s="12"/>
    </row>
    <row r="678189" spans="8:8">
      <c r="H678189" s="12"/>
    </row>
    <row r="678190" spans="8:8">
      <c r="H678190" s="12"/>
    </row>
    <row r="678191" spans="8:8">
      <c r="H678191" s="12"/>
    </row>
    <row r="678192" spans="8:8">
      <c r="H678192" s="12"/>
    </row>
    <row r="678193" spans="8:8">
      <c r="H678193" s="12"/>
    </row>
    <row r="678194" spans="8:8">
      <c r="H678194" s="12"/>
    </row>
    <row r="678195" spans="8:8">
      <c r="H678195" s="12"/>
    </row>
    <row r="678196" spans="8:8">
      <c r="H678196" s="12"/>
    </row>
    <row r="678197" spans="8:8">
      <c r="H678197" s="12"/>
    </row>
    <row r="678198" spans="8:8">
      <c r="H678198" s="12"/>
    </row>
    <row r="678199" spans="8:8">
      <c r="H678199" s="12"/>
    </row>
    <row r="678200" spans="8:8">
      <c r="H678200" s="12"/>
    </row>
    <row r="678201" spans="8:8">
      <c r="H678201" s="12"/>
    </row>
    <row r="678202" spans="8:8">
      <c r="H678202" s="12"/>
    </row>
    <row r="678203" spans="8:8">
      <c r="H678203" s="12"/>
    </row>
    <row r="678204" spans="8:8">
      <c r="H678204" s="12"/>
    </row>
    <row r="678205" spans="8:8">
      <c r="H678205" s="12"/>
    </row>
    <row r="678206" spans="8:8">
      <c r="H678206" s="12"/>
    </row>
    <row r="678207" spans="8:8">
      <c r="H678207" s="12"/>
    </row>
    <row r="678208" spans="8:8">
      <c r="H678208" s="12"/>
    </row>
    <row r="678209" spans="8:8">
      <c r="H678209" s="12"/>
    </row>
    <row r="678210" spans="8:8">
      <c r="H678210" s="12"/>
    </row>
    <row r="678211" spans="8:8">
      <c r="H678211" s="12"/>
    </row>
    <row r="678212" spans="8:8">
      <c r="H678212" s="12"/>
    </row>
    <row r="678213" spans="8:8">
      <c r="H678213" s="12"/>
    </row>
    <row r="678214" spans="8:8">
      <c r="H678214" s="12"/>
    </row>
    <row r="678215" spans="8:8">
      <c r="H678215" s="12"/>
    </row>
    <row r="678216" spans="8:8">
      <c r="H678216" s="12"/>
    </row>
    <row r="678217" spans="8:8">
      <c r="H678217" s="12"/>
    </row>
    <row r="678218" spans="8:8">
      <c r="H678218" s="12"/>
    </row>
    <row r="678219" spans="8:8">
      <c r="H678219" s="12"/>
    </row>
    <row r="678220" spans="8:8">
      <c r="H678220" s="12"/>
    </row>
    <row r="678221" spans="8:8">
      <c r="H678221" s="12"/>
    </row>
    <row r="678222" spans="8:8">
      <c r="H678222" s="12"/>
    </row>
    <row r="678223" spans="8:8">
      <c r="H678223" s="12"/>
    </row>
    <row r="678224" spans="8:8">
      <c r="H678224" s="12"/>
    </row>
    <row r="678225" spans="8:8">
      <c r="H678225" s="12"/>
    </row>
    <row r="678226" spans="8:8">
      <c r="H678226" s="12"/>
    </row>
    <row r="678227" spans="8:8">
      <c r="H678227" s="12"/>
    </row>
    <row r="678228" spans="8:8">
      <c r="H678228" s="12"/>
    </row>
    <row r="678229" spans="8:8">
      <c r="H678229" s="12"/>
    </row>
    <row r="678230" spans="8:8">
      <c r="H678230" s="12"/>
    </row>
    <row r="678231" spans="8:8">
      <c r="H678231" s="12"/>
    </row>
    <row r="678232" spans="8:8">
      <c r="H678232" s="12"/>
    </row>
    <row r="678233" spans="8:8">
      <c r="H678233" s="12"/>
    </row>
    <row r="678234" spans="8:8">
      <c r="H678234" s="12"/>
    </row>
    <row r="678235" spans="8:8">
      <c r="H678235" s="12"/>
    </row>
    <row r="678236" spans="8:8">
      <c r="H678236" s="12"/>
    </row>
    <row r="678237" spans="8:8">
      <c r="H678237" s="12"/>
    </row>
    <row r="678238" spans="8:8">
      <c r="H678238" s="12"/>
    </row>
    <row r="678239" spans="8:8">
      <c r="H678239" s="12"/>
    </row>
    <row r="678240" spans="8:8">
      <c r="H678240" s="12"/>
    </row>
    <row r="678241" spans="8:8">
      <c r="H678241" s="12"/>
    </row>
    <row r="678242" spans="8:8">
      <c r="H678242" s="12"/>
    </row>
    <row r="678243" spans="8:8">
      <c r="H678243" s="12"/>
    </row>
    <row r="678244" spans="8:8">
      <c r="H678244" s="12"/>
    </row>
    <row r="678245" spans="8:8">
      <c r="H678245" s="12"/>
    </row>
    <row r="678246" spans="8:8">
      <c r="H678246" s="12"/>
    </row>
    <row r="678247" spans="8:8">
      <c r="H678247" s="12"/>
    </row>
    <row r="678248" spans="8:8">
      <c r="H678248" s="12"/>
    </row>
    <row r="678249" spans="8:8">
      <c r="H678249" s="12"/>
    </row>
    <row r="678250" spans="8:8">
      <c r="H678250" s="12"/>
    </row>
    <row r="678251" spans="8:8">
      <c r="H678251" s="12"/>
    </row>
    <row r="678252" spans="8:8">
      <c r="H678252" s="12"/>
    </row>
    <row r="678253" spans="8:8">
      <c r="H678253" s="12"/>
    </row>
    <row r="678254" spans="8:8">
      <c r="H678254" s="12"/>
    </row>
    <row r="678255" spans="8:8">
      <c r="H678255" s="12"/>
    </row>
    <row r="678256" spans="8:8">
      <c r="H678256" s="12"/>
    </row>
    <row r="678257" spans="8:8">
      <c r="H678257" s="12"/>
    </row>
    <row r="678258" spans="8:8">
      <c r="H678258" s="12"/>
    </row>
    <row r="678259" spans="8:8">
      <c r="H678259" s="12"/>
    </row>
    <row r="678260" spans="8:8">
      <c r="H678260" s="12"/>
    </row>
    <row r="678261" spans="8:8">
      <c r="H678261" s="12"/>
    </row>
    <row r="678262" spans="8:8">
      <c r="H678262" s="12"/>
    </row>
    <row r="678263" spans="8:8">
      <c r="H678263" s="12"/>
    </row>
    <row r="678264" spans="8:8">
      <c r="H678264" s="12"/>
    </row>
    <row r="678265" spans="8:8">
      <c r="H678265" s="12"/>
    </row>
    <row r="678266" spans="8:8">
      <c r="H678266" s="12"/>
    </row>
    <row r="678267" spans="8:8">
      <c r="H678267" s="12"/>
    </row>
    <row r="678268" spans="8:8">
      <c r="H678268" s="12"/>
    </row>
    <row r="678269" spans="8:8">
      <c r="H678269" s="12"/>
    </row>
    <row r="678270" spans="8:8">
      <c r="H678270" s="12"/>
    </row>
    <row r="678271" spans="8:8">
      <c r="H678271" s="12"/>
    </row>
    <row r="678272" spans="8:8">
      <c r="H678272" s="12"/>
    </row>
    <row r="678273" spans="8:8">
      <c r="H678273" s="12"/>
    </row>
    <row r="678274" spans="8:8">
      <c r="H678274" s="12"/>
    </row>
    <row r="678275" spans="8:8">
      <c r="H678275" s="12"/>
    </row>
    <row r="678276" spans="8:8">
      <c r="H678276" s="12"/>
    </row>
    <row r="678277" spans="8:8">
      <c r="H678277" s="12"/>
    </row>
    <row r="678278" spans="8:8">
      <c r="H678278" s="12"/>
    </row>
    <row r="678279" spans="8:8">
      <c r="H678279" s="12"/>
    </row>
    <row r="678280" spans="8:8">
      <c r="H678280" s="12"/>
    </row>
    <row r="678281" spans="8:8">
      <c r="H678281" s="12"/>
    </row>
    <row r="678282" spans="8:8">
      <c r="H678282" s="12"/>
    </row>
    <row r="678283" spans="8:8">
      <c r="H678283" s="12"/>
    </row>
    <row r="678284" spans="8:8">
      <c r="H678284" s="12"/>
    </row>
    <row r="678285" spans="8:8">
      <c r="H678285" s="12"/>
    </row>
    <row r="678286" spans="8:8">
      <c r="H678286" s="12"/>
    </row>
    <row r="678287" spans="8:8">
      <c r="H678287" s="12"/>
    </row>
    <row r="678288" spans="8:8">
      <c r="H678288" s="12"/>
    </row>
    <row r="678289" spans="8:8">
      <c r="H678289" s="12"/>
    </row>
    <row r="678290" spans="8:8">
      <c r="H678290" s="12"/>
    </row>
    <row r="678291" spans="8:8">
      <c r="H678291" s="12"/>
    </row>
    <row r="678292" spans="8:8">
      <c r="H678292" s="12"/>
    </row>
    <row r="678293" spans="8:8">
      <c r="H678293" s="12"/>
    </row>
    <row r="678294" spans="8:8">
      <c r="H678294" s="12"/>
    </row>
    <row r="678295" spans="8:8">
      <c r="H678295" s="12"/>
    </row>
    <row r="678296" spans="8:8">
      <c r="H678296" s="12"/>
    </row>
    <row r="678297" spans="8:8">
      <c r="H678297" s="12"/>
    </row>
    <row r="678298" spans="8:8">
      <c r="H678298" s="12"/>
    </row>
    <row r="678299" spans="8:8">
      <c r="H678299" s="12"/>
    </row>
    <row r="678300" spans="8:8">
      <c r="H678300" s="12"/>
    </row>
    <row r="678301" spans="8:8">
      <c r="H678301" s="12"/>
    </row>
    <row r="678302" spans="8:8">
      <c r="H678302" s="12"/>
    </row>
    <row r="678303" spans="8:8">
      <c r="H678303" s="12"/>
    </row>
    <row r="678304" spans="8:8">
      <c r="H678304" s="12"/>
    </row>
    <row r="678305" spans="8:8">
      <c r="H678305" s="12"/>
    </row>
    <row r="678306" spans="8:8">
      <c r="H678306" s="12"/>
    </row>
    <row r="678307" spans="8:8">
      <c r="H678307" s="12"/>
    </row>
    <row r="678308" spans="8:8">
      <c r="H678308" s="12"/>
    </row>
    <row r="678309" spans="8:8">
      <c r="H678309" s="12"/>
    </row>
    <row r="678310" spans="8:8">
      <c r="H678310" s="12"/>
    </row>
    <row r="678311" spans="8:8">
      <c r="H678311" s="12"/>
    </row>
    <row r="678312" spans="8:8">
      <c r="H678312" s="12"/>
    </row>
    <row r="678313" spans="8:8">
      <c r="H678313" s="12"/>
    </row>
    <row r="678314" spans="8:8">
      <c r="H678314" s="12"/>
    </row>
    <row r="678315" spans="8:8">
      <c r="H678315" s="12"/>
    </row>
    <row r="678316" spans="8:8">
      <c r="H678316" s="12"/>
    </row>
    <row r="678317" spans="8:8">
      <c r="H678317" s="12"/>
    </row>
    <row r="678318" spans="8:8">
      <c r="H678318" s="12"/>
    </row>
    <row r="678319" spans="8:8">
      <c r="H678319" s="12"/>
    </row>
    <row r="678320" spans="8:8">
      <c r="H678320" s="12"/>
    </row>
    <row r="678321" spans="8:8">
      <c r="H678321" s="12"/>
    </row>
    <row r="678322" spans="8:8">
      <c r="H678322" s="12"/>
    </row>
    <row r="678323" spans="8:8">
      <c r="H678323" s="12"/>
    </row>
    <row r="678324" spans="8:8">
      <c r="H678324" s="12"/>
    </row>
    <row r="678325" spans="8:8">
      <c r="H678325" s="12"/>
    </row>
    <row r="678326" spans="8:8">
      <c r="H678326" s="12"/>
    </row>
    <row r="678327" spans="8:8">
      <c r="H678327" s="12"/>
    </row>
    <row r="678328" spans="8:8">
      <c r="H678328" s="12"/>
    </row>
    <row r="678329" spans="8:8">
      <c r="H678329" s="12"/>
    </row>
    <row r="678330" spans="8:8">
      <c r="H678330" s="12"/>
    </row>
    <row r="678331" spans="8:8">
      <c r="H678331" s="12"/>
    </row>
    <row r="678332" spans="8:8">
      <c r="H678332" s="12"/>
    </row>
    <row r="678333" spans="8:8">
      <c r="H678333" s="12"/>
    </row>
    <row r="678334" spans="8:8">
      <c r="H678334" s="12"/>
    </row>
    <row r="678335" spans="8:8">
      <c r="H678335" s="12"/>
    </row>
    <row r="678336" spans="8:8">
      <c r="H678336" s="12"/>
    </row>
    <row r="678337" spans="8:8">
      <c r="H678337" s="12"/>
    </row>
    <row r="678338" spans="8:8">
      <c r="H678338" s="12"/>
    </row>
    <row r="678339" spans="8:8">
      <c r="H678339" s="12"/>
    </row>
    <row r="678340" spans="8:8">
      <c r="H678340" s="12"/>
    </row>
    <row r="678341" spans="8:8">
      <c r="H678341" s="12"/>
    </row>
    <row r="678342" spans="8:8">
      <c r="H678342" s="12"/>
    </row>
    <row r="678343" spans="8:8">
      <c r="H678343" s="12"/>
    </row>
    <row r="678344" spans="8:8">
      <c r="H678344" s="12"/>
    </row>
    <row r="678345" spans="8:8">
      <c r="H678345" s="12"/>
    </row>
    <row r="678346" spans="8:8">
      <c r="H678346" s="12"/>
    </row>
    <row r="678347" spans="8:8">
      <c r="H678347" s="12"/>
    </row>
    <row r="678348" spans="8:8">
      <c r="H678348" s="12"/>
    </row>
    <row r="678349" spans="8:8">
      <c r="H678349" s="12"/>
    </row>
    <row r="678350" spans="8:8">
      <c r="H678350" s="12"/>
    </row>
    <row r="678351" spans="8:8">
      <c r="H678351" s="12"/>
    </row>
    <row r="678352" spans="8:8">
      <c r="H678352" s="12"/>
    </row>
    <row r="678353" spans="8:8">
      <c r="H678353" s="12"/>
    </row>
    <row r="678354" spans="8:8">
      <c r="H678354" s="12"/>
    </row>
    <row r="678355" spans="8:8">
      <c r="H678355" s="12"/>
    </row>
    <row r="678356" spans="8:8">
      <c r="H678356" s="12"/>
    </row>
    <row r="678357" spans="8:8">
      <c r="H678357" s="12"/>
    </row>
    <row r="678358" spans="8:8">
      <c r="H678358" s="12"/>
    </row>
    <row r="678359" spans="8:8">
      <c r="H678359" s="12"/>
    </row>
    <row r="678360" spans="8:8">
      <c r="H678360" s="12"/>
    </row>
    <row r="678361" spans="8:8">
      <c r="H678361" s="12"/>
    </row>
    <row r="678362" spans="8:8">
      <c r="H678362" s="12"/>
    </row>
    <row r="678363" spans="8:8">
      <c r="H678363" s="12"/>
    </row>
    <row r="678364" spans="8:8">
      <c r="H678364" s="12"/>
    </row>
    <row r="678365" spans="8:8">
      <c r="H678365" s="12"/>
    </row>
    <row r="678366" spans="8:8">
      <c r="H678366" s="12"/>
    </row>
    <row r="678367" spans="8:8">
      <c r="H678367" s="12"/>
    </row>
    <row r="678368" spans="8:8">
      <c r="H678368" s="12"/>
    </row>
    <row r="678369" spans="8:8">
      <c r="H678369" s="12"/>
    </row>
    <row r="678370" spans="8:8">
      <c r="H678370" s="12"/>
    </row>
    <row r="678371" spans="8:8">
      <c r="H678371" s="12"/>
    </row>
    <row r="678372" spans="8:8">
      <c r="H678372" s="12"/>
    </row>
    <row r="678373" spans="8:8">
      <c r="H678373" s="12"/>
    </row>
    <row r="678374" spans="8:8">
      <c r="H678374" s="12"/>
    </row>
    <row r="678375" spans="8:8">
      <c r="H678375" s="12"/>
    </row>
    <row r="678376" spans="8:8">
      <c r="H678376" s="12"/>
    </row>
    <row r="678377" spans="8:8">
      <c r="H678377" s="12"/>
    </row>
    <row r="678378" spans="8:8">
      <c r="H678378" s="12"/>
    </row>
    <row r="678379" spans="8:8">
      <c r="H678379" s="12"/>
    </row>
    <row r="678380" spans="8:8">
      <c r="H678380" s="12"/>
    </row>
    <row r="678381" spans="8:8">
      <c r="H678381" s="12"/>
    </row>
    <row r="678382" spans="8:8">
      <c r="H678382" s="12"/>
    </row>
    <row r="678383" spans="8:8">
      <c r="H678383" s="12"/>
    </row>
    <row r="678384" spans="8:8">
      <c r="H678384" s="12"/>
    </row>
    <row r="678385" spans="8:8">
      <c r="H678385" s="12"/>
    </row>
    <row r="678386" spans="8:8">
      <c r="H678386" s="12"/>
    </row>
    <row r="678387" spans="8:8">
      <c r="H678387" s="12"/>
    </row>
    <row r="678388" spans="8:8">
      <c r="H678388" s="12"/>
    </row>
    <row r="678389" spans="8:8">
      <c r="H678389" s="12"/>
    </row>
    <row r="678390" spans="8:8">
      <c r="H678390" s="12"/>
    </row>
    <row r="678391" spans="8:8">
      <c r="H678391" s="12"/>
    </row>
    <row r="678392" spans="8:8">
      <c r="H678392" s="12"/>
    </row>
    <row r="678393" spans="8:8">
      <c r="H678393" s="12"/>
    </row>
    <row r="678394" spans="8:8">
      <c r="H678394" s="12"/>
    </row>
    <row r="678395" spans="8:8">
      <c r="H678395" s="12"/>
    </row>
    <row r="678396" spans="8:8">
      <c r="H678396" s="12"/>
    </row>
    <row r="678397" spans="8:8">
      <c r="H678397" s="12"/>
    </row>
    <row r="678398" spans="8:8">
      <c r="H678398" s="12"/>
    </row>
    <row r="678399" spans="8:8">
      <c r="H678399" s="12"/>
    </row>
    <row r="678400" spans="8:8">
      <c r="H678400" s="12"/>
    </row>
    <row r="678401" spans="8:8">
      <c r="H678401" s="12"/>
    </row>
    <row r="678402" spans="8:8">
      <c r="H678402" s="12"/>
    </row>
    <row r="678403" spans="8:8">
      <c r="H678403" s="12"/>
    </row>
    <row r="678404" spans="8:8">
      <c r="H678404" s="12"/>
    </row>
    <row r="678405" spans="8:8">
      <c r="H678405" s="12"/>
    </row>
    <row r="678406" spans="8:8">
      <c r="H678406" s="12"/>
    </row>
    <row r="678407" spans="8:8">
      <c r="H678407" s="12"/>
    </row>
    <row r="678408" spans="8:8">
      <c r="H678408" s="12"/>
    </row>
    <row r="678409" spans="8:8">
      <c r="H678409" s="12"/>
    </row>
    <row r="678410" spans="8:8">
      <c r="H678410" s="12"/>
    </row>
    <row r="678411" spans="8:8">
      <c r="H678411" s="12"/>
    </row>
    <row r="678412" spans="8:8">
      <c r="H678412" s="12"/>
    </row>
    <row r="678413" spans="8:8">
      <c r="H678413" s="12"/>
    </row>
    <row r="678414" spans="8:8">
      <c r="H678414" s="12"/>
    </row>
    <row r="678415" spans="8:8">
      <c r="H678415" s="12"/>
    </row>
    <row r="678416" spans="8:8">
      <c r="H678416" s="12"/>
    </row>
    <row r="678417" spans="8:8">
      <c r="H678417" s="12"/>
    </row>
    <row r="678418" spans="8:8">
      <c r="H678418" s="12"/>
    </row>
    <row r="678419" spans="8:8">
      <c r="H678419" s="12"/>
    </row>
    <row r="678420" spans="8:8">
      <c r="H678420" s="12"/>
    </row>
    <row r="678421" spans="8:8">
      <c r="H678421" s="12"/>
    </row>
    <row r="678422" spans="8:8">
      <c r="H678422" s="12"/>
    </row>
    <row r="678423" spans="8:8">
      <c r="H678423" s="12"/>
    </row>
    <row r="678424" spans="8:8">
      <c r="H678424" s="12"/>
    </row>
    <row r="678425" spans="8:8">
      <c r="H678425" s="12"/>
    </row>
    <row r="678426" spans="8:8">
      <c r="H678426" s="12"/>
    </row>
    <row r="678427" spans="8:8">
      <c r="H678427" s="12"/>
    </row>
    <row r="678428" spans="8:8">
      <c r="H678428" s="12"/>
    </row>
    <row r="678429" spans="8:8">
      <c r="H678429" s="12"/>
    </row>
    <row r="678430" spans="8:8">
      <c r="H678430" s="12"/>
    </row>
    <row r="678431" spans="8:8">
      <c r="H678431" s="12"/>
    </row>
    <row r="678432" spans="8:8">
      <c r="H678432" s="12"/>
    </row>
    <row r="678433" spans="8:8">
      <c r="H678433" s="12"/>
    </row>
    <row r="678434" spans="8:8">
      <c r="H678434" s="12"/>
    </row>
    <row r="678435" spans="8:8">
      <c r="H678435" s="12"/>
    </row>
    <row r="678436" spans="8:8">
      <c r="H678436" s="12"/>
    </row>
    <row r="678437" spans="8:8">
      <c r="H678437" s="12"/>
    </row>
    <row r="678438" spans="8:8">
      <c r="H678438" s="12"/>
    </row>
    <row r="678439" spans="8:8">
      <c r="H678439" s="12"/>
    </row>
    <row r="678440" spans="8:8">
      <c r="H678440" s="12"/>
    </row>
    <row r="678441" spans="8:8">
      <c r="H678441" s="12"/>
    </row>
    <row r="678442" spans="8:8">
      <c r="H678442" s="12"/>
    </row>
    <row r="678443" spans="8:8">
      <c r="H678443" s="12"/>
    </row>
    <row r="678444" spans="8:8">
      <c r="H678444" s="12"/>
    </row>
    <row r="678445" spans="8:8">
      <c r="H678445" s="12"/>
    </row>
    <row r="678446" spans="8:8">
      <c r="H678446" s="12"/>
    </row>
    <row r="678447" spans="8:8">
      <c r="H678447" s="12"/>
    </row>
    <row r="678448" spans="8:8">
      <c r="H678448" s="12"/>
    </row>
    <row r="678449" spans="8:8">
      <c r="H678449" s="12"/>
    </row>
    <row r="678450" spans="8:8">
      <c r="H678450" s="12"/>
    </row>
    <row r="678451" spans="8:8">
      <c r="H678451" s="12"/>
    </row>
    <row r="678452" spans="8:8">
      <c r="H678452" s="12"/>
    </row>
    <row r="678453" spans="8:8">
      <c r="H678453" s="12"/>
    </row>
    <row r="678454" spans="8:8">
      <c r="H678454" s="12"/>
    </row>
    <row r="678455" spans="8:8">
      <c r="H678455" s="12"/>
    </row>
    <row r="678456" spans="8:8">
      <c r="H678456" s="12"/>
    </row>
    <row r="678457" spans="8:8">
      <c r="H678457" s="12"/>
    </row>
    <row r="678458" spans="8:8">
      <c r="H678458" s="12"/>
    </row>
    <row r="678459" spans="8:8">
      <c r="H678459" s="12"/>
    </row>
    <row r="678460" spans="8:8">
      <c r="H678460" s="12"/>
    </row>
    <row r="678461" spans="8:8">
      <c r="H678461" s="12"/>
    </row>
    <row r="678462" spans="8:8">
      <c r="H678462" s="12"/>
    </row>
    <row r="678463" spans="8:8">
      <c r="H678463" s="12"/>
    </row>
    <row r="678464" spans="8:8">
      <c r="H678464" s="12"/>
    </row>
    <row r="678465" spans="8:8">
      <c r="H678465" s="12"/>
    </row>
    <row r="678466" spans="8:8">
      <c r="H678466" s="12"/>
    </row>
    <row r="678467" spans="8:8">
      <c r="H678467" s="12"/>
    </row>
    <row r="678468" spans="8:8">
      <c r="H678468" s="12"/>
    </row>
    <row r="678469" spans="8:8">
      <c r="H678469" s="12"/>
    </row>
    <row r="678470" spans="8:8">
      <c r="H678470" s="12"/>
    </row>
    <row r="678471" spans="8:8">
      <c r="H678471" s="12"/>
    </row>
    <row r="678472" spans="8:8">
      <c r="H678472" s="12"/>
    </row>
    <row r="678473" spans="8:8">
      <c r="H678473" s="12"/>
    </row>
    <row r="678474" spans="8:8">
      <c r="H678474" s="12"/>
    </row>
    <row r="678475" spans="8:8">
      <c r="H678475" s="12"/>
    </row>
    <row r="678476" spans="8:8">
      <c r="H678476" s="12"/>
    </row>
    <row r="678477" spans="8:8">
      <c r="H678477" s="12"/>
    </row>
    <row r="678478" spans="8:8">
      <c r="H678478" s="12"/>
    </row>
    <row r="678479" spans="8:8">
      <c r="H678479" s="12"/>
    </row>
    <row r="678480" spans="8:8">
      <c r="H678480" s="12"/>
    </row>
    <row r="678481" spans="8:8">
      <c r="H678481" s="12"/>
    </row>
    <row r="678482" spans="8:8">
      <c r="H678482" s="12"/>
    </row>
    <row r="678483" spans="8:8">
      <c r="H678483" s="12"/>
    </row>
    <row r="678484" spans="8:8">
      <c r="H678484" s="12"/>
    </row>
    <row r="678485" spans="8:8">
      <c r="H678485" s="12"/>
    </row>
    <row r="678486" spans="8:8">
      <c r="H678486" s="12"/>
    </row>
    <row r="678487" spans="8:8">
      <c r="H678487" s="12"/>
    </row>
    <row r="678488" spans="8:8">
      <c r="H678488" s="12"/>
    </row>
    <row r="678489" spans="8:8">
      <c r="H678489" s="12"/>
    </row>
    <row r="678490" spans="8:8">
      <c r="H678490" s="12"/>
    </row>
    <row r="678491" spans="8:8">
      <c r="H678491" s="12"/>
    </row>
    <row r="678492" spans="8:8">
      <c r="H678492" s="12"/>
    </row>
    <row r="678493" spans="8:8">
      <c r="H678493" s="12"/>
    </row>
    <row r="678494" spans="8:8">
      <c r="H678494" s="12"/>
    </row>
    <row r="678495" spans="8:8">
      <c r="H678495" s="12"/>
    </row>
    <row r="678496" spans="8:8">
      <c r="H678496" s="12"/>
    </row>
    <row r="678497" spans="8:8">
      <c r="H678497" s="12"/>
    </row>
    <row r="678498" spans="8:8">
      <c r="H678498" s="12"/>
    </row>
    <row r="678499" spans="8:8">
      <c r="H678499" s="12"/>
    </row>
    <row r="678500" spans="8:8">
      <c r="H678500" s="12"/>
    </row>
    <row r="678501" spans="8:8">
      <c r="H678501" s="12"/>
    </row>
    <row r="678502" spans="8:8">
      <c r="H678502" s="12"/>
    </row>
    <row r="678503" spans="8:8">
      <c r="H678503" s="12"/>
    </row>
    <row r="678504" spans="8:8">
      <c r="H678504" s="12"/>
    </row>
    <row r="678505" spans="8:8">
      <c r="H678505" s="12"/>
    </row>
    <row r="678506" spans="8:8">
      <c r="H678506" s="12"/>
    </row>
    <row r="678507" spans="8:8">
      <c r="H678507" s="12"/>
    </row>
    <row r="678508" spans="8:8">
      <c r="H678508" s="12"/>
    </row>
    <row r="678509" spans="8:8">
      <c r="H678509" s="12"/>
    </row>
    <row r="678510" spans="8:8">
      <c r="H678510" s="12"/>
    </row>
    <row r="678511" spans="8:8">
      <c r="H678511" s="12"/>
    </row>
    <row r="678512" spans="8:8">
      <c r="H678512" s="12"/>
    </row>
    <row r="678513" spans="8:8">
      <c r="H678513" s="12"/>
    </row>
    <row r="678514" spans="8:8">
      <c r="H678514" s="12"/>
    </row>
    <row r="678515" spans="8:8">
      <c r="H678515" s="12"/>
    </row>
    <row r="678516" spans="8:8">
      <c r="H678516" s="12"/>
    </row>
    <row r="678517" spans="8:8">
      <c r="H678517" s="12"/>
    </row>
    <row r="678518" spans="8:8">
      <c r="H678518" s="12"/>
    </row>
    <row r="678519" spans="8:8">
      <c r="H678519" s="12"/>
    </row>
    <row r="678520" spans="8:8">
      <c r="H678520" s="12"/>
    </row>
    <row r="678521" spans="8:8">
      <c r="H678521" s="12"/>
    </row>
    <row r="678522" spans="8:8">
      <c r="H678522" s="12"/>
    </row>
    <row r="678523" spans="8:8">
      <c r="H678523" s="12"/>
    </row>
    <row r="678524" spans="8:8">
      <c r="H678524" s="12"/>
    </row>
    <row r="678525" spans="8:8">
      <c r="H678525" s="12"/>
    </row>
    <row r="678526" spans="8:8">
      <c r="H678526" s="12"/>
    </row>
    <row r="678527" spans="8:8">
      <c r="H678527" s="12"/>
    </row>
    <row r="678528" spans="8:8">
      <c r="H678528" s="12"/>
    </row>
    <row r="678529" spans="8:8">
      <c r="H678529" s="12"/>
    </row>
    <row r="678530" spans="8:8">
      <c r="H678530" s="12"/>
    </row>
    <row r="678531" spans="8:8">
      <c r="H678531" s="12"/>
    </row>
    <row r="678532" spans="8:8">
      <c r="H678532" s="12"/>
    </row>
    <row r="678533" spans="8:8">
      <c r="H678533" s="12"/>
    </row>
    <row r="678534" spans="8:8">
      <c r="H678534" s="12"/>
    </row>
    <row r="678535" spans="8:8">
      <c r="H678535" s="12"/>
    </row>
    <row r="678536" spans="8:8">
      <c r="H678536" s="12"/>
    </row>
    <row r="678537" spans="8:8">
      <c r="H678537" s="12"/>
    </row>
    <row r="678538" spans="8:8">
      <c r="H678538" s="12"/>
    </row>
    <row r="678539" spans="8:8">
      <c r="H678539" s="12"/>
    </row>
    <row r="678540" spans="8:8">
      <c r="H678540" s="12"/>
    </row>
    <row r="678541" spans="8:8">
      <c r="H678541" s="12"/>
    </row>
    <row r="678542" spans="8:8">
      <c r="H678542" s="12"/>
    </row>
    <row r="678543" spans="8:8">
      <c r="H678543" s="12"/>
    </row>
    <row r="678544" spans="8:8">
      <c r="H678544" s="12"/>
    </row>
    <row r="678545" spans="8:8">
      <c r="H678545" s="12"/>
    </row>
    <row r="678546" spans="8:8">
      <c r="H678546" s="12"/>
    </row>
    <row r="678547" spans="8:8">
      <c r="H678547" s="12"/>
    </row>
    <row r="678548" spans="8:8">
      <c r="H678548" s="12"/>
    </row>
    <row r="678549" spans="8:8">
      <c r="H678549" s="12"/>
    </row>
    <row r="678550" spans="8:8">
      <c r="H678550" s="12"/>
    </row>
    <row r="678551" spans="8:8">
      <c r="H678551" s="12"/>
    </row>
    <row r="678552" spans="8:8">
      <c r="H678552" s="12"/>
    </row>
    <row r="678553" spans="8:8">
      <c r="H678553" s="12"/>
    </row>
    <row r="678554" spans="8:8">
      <c r="H678554" s="12"/>
    </row>
    <row r="678555" spans="8:8">
      <c r="H678555" s="12"/>
    </row>
    <row r="678556" spans="8:8">
      <c r="H678556" s="12"/>
    </row>
    <row r="678557" spans="8:8">
      <c r="H678557" s="12"/>
    </row>
    <row r="678558" spans="8:8">
      <c r="H678558" s="12"/>
    </row>
    <row r="678559" spans="8:8">
      <c r="H678559" s="12"/>
    </row>
    <row r="678560" spans="8:8">
      <c r="H678560" s="12"/>
    </row>
    <row r="678561" spans="8:8">
      <c r="H678561" s="12"/>
    </row>
    <row r="678562" spans="8:8">
      <c r="H678562" s="12"/>
    </row>
    <row r="678563" spans="8:8">
      <c r="H678563" s="12"/>
    </row>
    <row r="678564" spans="8:8">
      <c r="H678564" s="12"/>
    </row>
    <row r="678565" spans="8:8">
      <c r="H678565" s="12"/>
    </row>
    <row r="678566" spans="8:8">
      <c r="H678566" s="12"/>
    </row>
    <row r="678567" spans="8:8">
      <c r="H678567" s="12"/>
    </row>
    <row r="678568" spans="8:8">
      <c r="H678568" s="12"/>
    </row>
    <row r="678569" spans="8:8">
      <c r="H678569" s="12"/>
    </row>
    <row r="678570" spans="8:8">
      <c r="H678570" s="12"/>
    </row>
    <row r="678571" spans="8:8">
      <c r="H678571" s="12"/>
    </row>
    <row r="678572" spans="8:8">
      <c r="H678572" s="12"/>
    </row>
    <row r="678573" spans="8:8">
      <c r="H678573" s="12"/>
    </row>
    <row r="678574" spans="8:8">
      <c r="H678574" s="12"/>
    </row>
    <row r="678575" spans="8:8">
      <c r="H678575" s="12"/>
    </row>
    <row r="678576" spans="8:8">
      <c r="H678576" s="12"/>
    </row>
    <row r="678577" spans="8:8">
      <c r="H678577" s="12"/>
    </row>
    <row r="678578" spans="8:8">
      <c r="H678578" s="12"/>
    </row>
    <row r="678579" spans="8:8">
      <c r="H678579" s="12"/>
    </row>
    <row r="678580" spans="8:8">
      <c r="H678580" s="12"/>
    </row>
    <row r="678581" spans="8:8">
      <c r="H678581" s="12"/>
    </row>
    <row r="678582" spans="8:8">
      <c r="H678582" s="12"/>
    </row>
    <row r="678583" spans="8:8">
      <c r="H678583" s="12"/>
    </row>
    <row r="678584" spans="8:8">
      <c r="H678584" s="12"/>
    </row>
    <row r="678585" spans="8:8">
      <c r="H678585" s="12"/>
    </row>
    <row r="678586" spans="8:8">
      <c r="H678586" s="12"/>
    </row>
    <row r="678587" spans="8:8">
      <c r="H678587" s="12"/>
    </row>
    <row r="678588" spans="8:8">
      <c r="H678588" s="12"/>
    </row>
    <row r="678589" spans="8:8">
      <c r="H678589" s="12"/>
    </row>
    <row r="678590" spans="8:8">
      <c r="H678590" s="12"/>
    </row>
    <row r="678591" spans="8:8">
      <c r="H678591" s="12"/>
    </row>
    <row r="678592" spans="8:8">
      <c r="H678592" s="12"/>
    </row>
    <row r="678593" spans="8:8">
      <c r="H678593" s="12"/>
    </row>
    <row r="678594" spans="8:8">
      <c r="H678594" s="12"/>
    </row>
    <row r="678595" spans="8:8">
      <c r="H678595" s="12"/>
    </row>
    <row r="678596" spans="8:8">
      <c r="H678596" s="12"/>
    </row>
    <row r="678597" spans="8:8">
      <c r="H678597" s="12"/>
    </row>
    <row r="678598" spans="8:8">
      <c r="H678598" s="12"/>
    </row>
    <row r="678599" spans="8:8">
      <c r="H678599" s="12"/>
    </row>
    <row r="678600" spans="8:8">
      <c r="H678600" s="12"/>
    </row>
    <row r="678601" spans="8:8">
      <c r="H678601" s="12"/>
    </row>
    <row r="678602" spans="8:8">
      <c r="H678602" s="12"/>
    </row>
    <row r="678603" spans="8:8">
      <c r="H678603" s="12"/>
    </row>
    <row r="678604" spans="8:8">
      <c r="H678604" s="12"/>
    </row>
    <row r="678605" spans="8:8">
      <c r="H678605" s="12"/>
    </row>
    <row r="678606" spans="8:8">
      <c r="H678606" s="12"/>
    </row>
    <row r="678607" spans="8:8">
      <c r="H678607" s="12"/>
    </row>
    <row r="678608" spans="8:8">
      <c r="H678608" s="12"/>
    </row>
    <row r="678609" spans="8:8">
      <c r="H678609" s="12"/>
    </row>
    <row r="678610" spans="8:8">
      <c r="H678610" s="12"/>
    </row>
    <row r="678611" spans="8:8">
      <c r="H678611" s="12"/>
    </row>
    <row r="678612" spans="8:8">
      <c r="H678612" s="12"/>
    </row>
    <row r="678613" spans="8:8">
      <c r="H678613" s="12"/>
    </row>
    <row r="678614" spans="8:8">
      <c r="H678614" s="12"/>
    </row>
    <row r="678615" spans="8:8">
      <c r="H678615" s="12"/>
    </row>
    <row r="678616" spans="8:8">
      <c r="H678616" s="12"/>
    </row>
    <row r="678617" spans="8:8">
      <c r="H678617" s="12"/>
    </row>
    <row r="678618" spans="8:8">
      <c r="H678618" s="12"/>
    </row>
    <row r="678619" spans="8:8">
      <c r="H678619" s="12"/>
    </row>
    <row r="678620" spans="8:8">
      <c r="H678620" s="12"/>
    </row>
    <row r="678621" spans="8:8">
      <c r="H678621" s="12"/>
    </row>
    <row r="678622" spans="8:8">
      <c r="H678622" s="12"/>
    </row>
    <row r="678623" spans="8:8">
      <c r="H678623" s="12"/>
    </row>
    <row r="678624" spans="8:8">
      <c r="H678624" s="12"/>
    </row>
    <row r="678625" spans="8:8">
      <c r="H678625" s="12"/>
    </row>
    <row r="678626" spans="8:8">
      <c r="H678626" s="12"/>
    </row>
    <row r="678627" spans="8:8">
      <c r="H678627" s="12"/>
    </row>
    <row r="678628" spans="8:8">
      <c r="H678628" s="12"/>
    </row>
    <row r="678629" spans="8:8">
      <c r="H678629" s="12"/>
    </row>
    <row r="678630" spans="8:8">
      <c r="H678630" s="12"/>
    </row>
    <row r="678631" spans="8:8">
      <c r="H678631" s="12"/>
    </row>
    <row r="678632" spans="8:8">
      <c r="H678632" s="12"/>
    </row>
    <row r="678633" spans="8:8">
      <c r="H678633" s="12"/>
    </row>
    <row r="678634" spans="8:8">
      <c r="H678634" s="12"/>
    </row>
    <row r="678635" spans="8:8">
      <c r="H678635" s="12"/>
    </row>
    <row r="678636" spans="8:8">
      <c r="H678636" s="12"/>
    </row>
    <row r="678637" spans="8:8">
      <c r="H678637" s="12"/>
    </row>
    <row r="678638" spans="8:8">
      <c r="H678638" s="12"/>
    </row>
    <row r="678639" spans="8:8">
      <c r="H678639" s="12"/>
    </row>
    <row r="678640" spans="8:8">
      <c r="H678640" s="12"/>
    </row>
    <row r="678641" spans="8:8">
      <c r="H678641" s="12"/>
    </row>
    <row r="678642" spans="8:8">
      <c r="H678642" s="12"/>
    </row>
    <row r="678643" spans="8:8">
      <c r="H678643" s="12"/>
    </row>
    <row r="678644" spans="8:8">
      <c r="H678644" s="12"/>
    </row>
    <row r="678645" spans="8:8">
      <c r="H678645" s="12"/>
    </row>
    <row r="678646" spans="8:8">
      <c r="H678646" s="12"/>
    </row>
    <row r="678647" spans="8:8">
      <c r="H678647" s="12"/>
    </row>
    <row r="678648" spans="8:8">
      <c r="H678648" s="12"/>
    </row>
    <row r="678649" spans="8:8">
      <c r="H678649" s="12"/>
    </row>
    <row r="678650" spans="8:8">
      <c r="H678650" s="12"/>
    </row>
    <row r="678651" spans="8:8">
      <c r="H678651" s="12"/>
    </row>
    <row r="678652" spans="8:8">
      <c r="H678652" s="12"/>
    </row>
    <row r="678653" spans="8:8">
      <c r="H678653" s="12"/>
    </row>
    <row r="678654" spans="8:8">
      <c r="H678654" s="12"/>
    </row>
    <row r="678655" spans="8:8">
      <c r="H678655" s="12"/>
    </row>
    <row r="678656" spans="8:8">
      <c r="H678656" s="12"/>
    </row>
    <row r="678657" spans="8:8">
      <c r="H678657" s="12"/>
    </row>
    <row r="678658" spans="8:8">
      <c r="H678658" s="12"/>
    </row>
    <row r="678659" spans="8:8">
      <c r="H678659" s="12"/>
    </row>
    <row r="678660" spans="8:8">
      <c r="H678660" s="12"/>
    </row>
    <row r="678661" spans="8:8">
      <c r="H678661" s="12"/>
    </row>
    <row r="678662" spans="8:8">
      <c r="H678662" s="12"/>
    </row>
    <row r="678663" spans="8:8">
      <c r="H678663" s="12"/>
    </row>
    <row r="678664" spans="8:8">
      <c r="H678664" s="12"/>
    </row>
    <row r="678665" spans="8:8">
      <c r="H678665" s="12"/>
    </row>
    <row r="678666" spans="8:8">
      <c r="H678666" s="12"/>
    </row>
    <row r="678667" spans="8:8">
      <c r="H678667" s="12"/>
    </row>
    <row r="678668" spans="8:8">
      <c r="H678668" s="12"/>
    </row>
    <row r="678669" spans="8:8">
      <c r="H678669" s="12"/>
    </row>
    <row r="678670" spans="8:8">
      <c r="H678670" s="12"/>
    </row>
    <row r="678671" spans="8:8">
      <c r="H678671" s="12"/>
    </row>
    <row r="678672" spans="8:8">
      <c r="H678672" s="12"/>
    </row>
    <row r="678673" spans="8:8">
      <c r="H678673" s="12"/>
    </row>
    <row r="678674" spans="8:8">
      <c r="H678674" s="12"/>
    </row>
    <row r="678675" spans="8:8">
      <c r="H678675" s="12"/>
    </row>
    <row r="678676" spans="8:8">
      <c r="H678676" s="12"/>
    </row>
    <row r="678677" spans="8:8">
      <c r="H678677" s="12"/>
    </row>
    <row r="678678" spans="8:8">
      <c r="H678678" s="12"/>
    </row>
    <row r="678679" spans="8:8">
      <c r="H678679" s="12"/>
    </row>
    <row r="678680" spans="8:8">
      <c r="H678680" s="12"/>
    </row>
    <row r="678681" spans="8:8">
      <c r="H678681" s="12"/>
    </row>
    <row r="678682" spans="8:8">
      <c r="H678682" s="12"/>
    </row>
    <row r="678683" spans="8:8">
      <c r="H678683" s="12"/>
    </row>
    <row r="678684" spans="8:8">
      <c r="H678684" s="12"/>
    </row>
    <row r="678685" spans="8:8">
      <c r="H678685" s="12"/>
    </row>
    <row r="678686" spans="8:8">
      <c r="H678686" s="12"/>
    </row>
    <row r="678687" spans="8:8">
      <c r="H678687" s="12"/>
    </row>
    <row r="678688" spans="8:8">
      <c r="H678688" s="12"/>
    </row>
    <row r="678689" spans="8:8">
      <c r="H678689" s="12"/>
    </row>
    <row r="678690" spans="8:8">
      <c r="H678690" s="12"/>
    </row>
    <row r="678691" spans="8:8">
      <c r="H678691" s="12"/>
    </row>
    <row r="678692" spans="8:8">
      <c r="H678692" s="12"/>
    </row>
    <row r="678693" spans="8:8">
      <c r="H678693" s="12"/>
    </row>
    <row r="678694" spans="8:8">
      <c r="H678694" s="12"/>
    </row>
    <row r="678695" spans="8:8">
      <c r="H678695" s="12"/>
    </row>
    <row r="678696" spans="8:8">
      <c r="H678696" s="12"/>
    </row>
    <row r="678697" spans="8:8">
      <c r="H678697" s="12"/>
    </row>
    <row r="678698" spans="8:8">
      <c r="H678698" s="12"/>
    </row>
    <row r="678699" spans="8:8">
      <c r="H678699" s="12"/>
    </row>
    <row r="678700" spans="8:8">
      <c r="H678700" s="12"/>
    </row>
    <row r="678701" spans="8:8">
      <c r="H678701" s="12"/>
    </row>
    <row r="678702" spans="8:8">
      <c r="H678702" s="12"/>
    </row>
    <row r="678703" spans="8:8">
      <c r="H678703" s="12"/>
    </row>
    <row r="678704" spans="8:8">
      <c r="H678704" s="12"/>
    </row>
    <row r="678705" spans="8:8">
      <c r="H678705" s="12"/>
    </row>
    <row r="678706" spans="8:8">
      <c r="H678706" s="12"/>
    </row>
    <row r="678707" spans="8:8">
      <c r="H678707" s="12"/>
    </row>
    <row r="678708" spans="8:8">
      <c r="H678708" s="12"/>
    </row>
    <row r="678709" spans="8:8">
      <c r="H678709" s="12"/>
    </row>
    <row r="678710" spans="8:8">
      <c r="H678710" s="12"/>
    </row>
    <row r="678711" spans="8:8">
      <c r="H678711" s="12"/>
    </row>
    <row r="678712" spans="8:8">
      <c r="H678712" s="12"/>
    </row>
    <row r="678713" spans="8:8">
      <c r="H678713" s="12"/>
    </row>
    <row r="678714" spans="8:8">
      <c r="H678714" s="12"/>
    </row>
    <row r="678715" spans="8:8">
      <c r="H678715" s="12"/>
    </row>
    <row r="678716" spans="8:8">
      <c r="H678716" s="12"/>
    </row>
    <row r="678717" spans="8:8">
      <c r="H678717" s="12"/>
    </row>
    <row r="678718" spans="8:8">
      <c r="H678718" s="12"/>
    </row>
    <row r="678719" spans="8:8">
      <c r="H678719" s="12"/>
    </row>
    <row r="678720" spans="8:8">
      <c r="H678720" s="12"/>
    </row>
    <row r="678721" spans="8:8">
      <c r="H678721" s="12"/>
    </row>
    <row r="678722" spans="8:8">
      <c r="H678722" s="12"/>
    </row>
    <row r="678723" spans="8:8">
      <c r="H678723" s="12"/>
    </row>
    <row r="678724" spans="8:8">
      <c r="H678724" s="12"/>
    </row>
    <row r="678725" spans="8:8">
      <c r="H678725" s="12"/>
    </row>
    <row r="678726" spans="8:8">
      <c r="H678726" s="12"/>
    </row>
    <row r="678727" spans="8:8">
      <c r="H678727" s="12"/>
    </row>
    <row r="678728" spans="8:8">
      <c r="H678728" s="12"/>
    </row>
    <row r="678729" spans="8:8">
      <c r="H678729" s="12"/>
    </row>
    <row r="678730" spans="8:8">
      <c r="H678730" s="12"/>
    </row>
    <row r="678731" spans="8:8">
      <c r="H678731" s="12"/>
    </row>
    <row r="678732" spans="8:8">
      <c r="H678732" s="12"/>
    </row>
    <row r="678733" spans="8:8">
      <c r="H678733" s="12"/>
    </row>
    <row r="678734" spans="8:8">
      <c r="H678734" s="12"/>
    </row>
    <row r="678735" spans="8:8">
      <c r="H678735" s="12"/>
    </row>
    <row r="678736" spans="8:8">
      <c r="H678736" s="12"/>
    </row>
    <row r="678737" spans="8:8">
      <c r="H678737" s="12"/>
    </row>
    <row r="678738" spans="8:8">
      <c r="H678738" s="12"/>
    </row>
    <row r="678739" spans="8:8">
      <c r="H678739" s="12"/>
    </row>
    <row r="678740" spans="8:8">
      <c r="H678740" s="12"/>
    </row>
    <row r="678741" spans="8:8">
      <c r="H678741" s="12"/>
    </row>
    <row r="678742" spans="8:8">
      <c r="H678742" s="12"/>
    </row>
    <row r="678743" spans="8:8">
      <c r="H678743" s="12"/>
    </row>
    <row r="678744" spans="8:8">
      <c r="H678744" s="12"/>
    </row>
    <row r="678745" spans="8:8">
      <c r="H678745" s="12"/>
    </row>
    <row r="678746" spans="8:8">
      <c r="H678746" s="12"/>
    </row>
    <row r="678747" spans="8:8">
      <c r="H678747" s="12"/>
    </row>
    <row r="678748" spans="8:8">
      <c r="H678748" s="12"/>
    </row>
    <row r="678749" spans="8:8">
      <c r="H678749" s="12"/>
    </row>
    <row r="678750" spans="8:8">
      <c r="H678750" s="12"/>
    </row>
    <row r="678751" spans="8:8">
      <c r="H678751" s="12"/>
    </row>
    <row r="678752" spans="8:8">
      <c r="H678752" s="12"/>
    </row>
    <row r="678753" spans="8:8">
      <c r="H678753" s="12"/>
    </row>
    <row r="678754" spans="8:8">
      <c r="H678754" s="12"/>
    </row>
    <row r="678755" spans="8:8">
      <c r="H678755" s="12"/>
    </row>
    <row r="678756" spans="8:8">
      <c r="H678756" s="12"/>
    </row>
    <row r="678757" spans="8:8">
      <c r="H678757" s="12"/>
    </row>
    <row r="678758" spans="8:8">
      <c r="H678758" s="12"/>
    </row>
    <row r="678759" spans="8:8">
      <c r="H678759" s="12"/>
    </row>
    <row r="678760" spans="8:8">
      <c r="H678760" s="12"/>
    </row>
    <row r="678761" spans="8:8">
      <c r="H678761" s="12"/>
    </row>
    <row r="678762" spans="8:8">
      <c r="H678762" s="12"/>
    </row>
    <row r="678763" spans="8:8">
      <c r="H678763" s="12"/>
    </row>
    <row r="678764" spans="8:8">
      <c r="H678764" s="12"/>
    </row>
    <row r="678765" spans="8:8">
      <c r="H678765" s="12"/>
    </row>
    <row r="678766" spans="8:8">
      <c r="H678766" s="12"/>
    </row>
    <row r="678767" spans="8:8">
      <c r="H678767" s="12"/>
    </row>
    <row r="678768" spans="8:8">
      <c r="H678768" s="12"/>
    </row>
    <row r="678769" spans="8:8">
      <c r="H678769" s="12"/>
    </row>
    <row r="678770" spans="8:8">
      <c r="H678770" s="12"/>
    </row>
    <row r="678771" spans="8:8">
      <c r="H678771" s="12"/>
    </row>
    <row r="678772" spans="8:8">
      <c r="H678772" s="12"/>
    </row>
    <row r="678773" spans="8:8">
      <c r="H678773" s="12"/>
    </row>
    <row r="678774" spans="8:8">
      <c r="H678774" s="12"/>
    </row>
    <row r="678775" spans="8:8">
      <c r="H678775" s="12"/>
    </row>
    <row r="678776" spans="8:8">
      <c r="H678776" s="12"/>
    </row>
    <row r="678777" spans="8:8">
      <c r="H678777" s="12"/>
    </row>
    <row r="678778" spans="8:8">
      <c r="H678778" s="12"/>
    </row>
    <row r="678779" spans="8:8">
      <c r="H678779" s="12"/>
    </row>
    <row r="678780" spans="8:8">
      <c r="H678780" s="12"/>
    </row>
    <row r="678781" spans="8:8">
      <c r="H678781" s="12"/>
    </row>
    <row r="678782" spans="8:8">
      <c r="H678782" s="12"/>
    </row>
    <row r="678783" spans="8:8">
      <c r="H678783" s="12"/>
    </row>
    <row r="678784" spans="8:8">
      <c r="H678784" s="12"/>
    </row>
    <row r="678785" spans="8:8">
      <c r="H678785" s="12"/>
    </row>
    <row r="678786" spans="8:8">
      <c r="H678786" s="12"/>
    </row>
    <row r="678787" spans="8:8">
      <c r="H678787" s="12"/>
    </row>
    <row r="678788" spans="8:8">
      <c r="H678788" s="12"/>
    </row>
    <row r="678789" spans="8:8">
      <c r="H678789" s="12"/>
    </row>
    <row r="678790" spans="8:8">
      <c r="H678790" s="12"/>
    </row>
    <row r="678791" spans="8:8">
      <c r="H678791" s="12"/>
    </row>
    <row r="678792" spans="8:8">
      <c r="H678792" s="12"/>
    </row>
    <row r="678793" spans="8:8">
      <c r="H678793" s="12"/>
    </row>
    <row r="678794" spans="8:8">
      <c r="H678794" s="12"/>
    </row>
    <row r="678795" spans="8:8">
      <c r="H678795" s="12"/>
    </row>
    <row r="678796" spans="8:8">
      <c r="H678796" s="12"/>
    </row>
    <row r="678797" spans="8:8">
      <c r="H678797" s="12"/>
    </row>
    <row r="678798" spans="8:8">
      <c r="H678798" s="12"/>
    </row>
    <row r="678799" spans="8:8">
      <c r="H678799" s="12"/>
    </row>
    <row r="678800" spans="8:8">
      <c r="H678800" s="12"/>
    </row>
    <row r="678801" spans="8:8">
      <c r="H678801" s="12"/>
    </row>
    <row r="678802" spans="8:8">
      <c r="H678802" s="12"/>
    </row>
    <row r="678803" spans="8:8">
      <c r="H678803" s="12"/>
    </row>
    <row r="678804" spans="8:8">
      <c r="H678804" s="12"/>
    </row>
    <row r="678805" spans="8:8">
      <c r="H678805" s="12"/>
    </row>
    <row r="678806" spans="8:8">
      <c r="H678806" s="12"/>
    </row>
    <row r="678807" spans="8:8">
      <c r="H678807" s="12"/>
    </row>
    <row r="678808" spans="8:8">
      <c r="H678808" s="12"/>
    </row>
    <row r="678809" spans="8:8">
      <c r="H678809" s="12"/>
    </row>
    <row r="678810" spans="8:8">
      <c r="H678810" s="12"/>
    </row>
    <row r="678811" spans="8:8">
      <c r="H678811" s="12"/>
    </row>
    <row r="678812" spans="8:8">
      <c r="H678812" s="12"/>
    </row>
    <row r="678813" spans="8:8">
      <c r="H678813" s="12"/>
    </row>
    <row r="678814" spans="8:8">
      <c r="H678814" s="12"/>
    </row>
    <row r="678815" spans="8:8">
      <c r="H678815" s="12"/>
    </row>
    <row r="678816" spans="8:8">
      <c r="H678816" s="12"/>
    </row>
    <row r="678817" spans="8:8">
      <c r="H678817" s="12"/>
    </row>
    <row r="678818" spans="8:8">
      <c r="H678818" s="12"/>
    </row>
    <row r="678819" spans="8:8">
      <c r="H678819" s="12"/>
    </row>
    <row r="678820" spans="8:8">
      <c r="H678820" s="12"/>
    </row>
    <row r="678821" spans="8:8">
      <c r="H678821" s="12"/>
    </row>
    <row r="678822" spans="8:8">
      <c r="H678822" s="12"/>
    </row>
    <row r="678823" spans="8:8">
      <c r="H678823" s="12"/>
    </row>
    <row r="678824" spans="8:8">
      <c r="H678824" s="12"/>
    </row>
    <row r="678825" spans="8:8">
      <c r="H678825" s="12"/>
    </row>
    <row r="678826" spans="8:8">
      <c r="H678826" s="12"/>
    </row>
    <row r="678827" spans="8:8">
      <c r="H678827" s="12"/>
    </row>
    <row r="678828" spans="8:8">
      <c r="H678828" s="12"/>
    </row>
    <row r="678829" spans="8:8">
      <c r="H678829" s="12"/>
    </row>
    <row r="678830" spans="8:8">
      <c r="H678830" s="12"/>
    </row>
    <row r="678831" spans="8:8">
      <c r="H678831" s="12"/>
    </row>
    <row r="678832" spans="8:8">
      <c r="H678832" s="12"/>
    </row>
    <row r="678833" spans="8:8">
      <c r="H678833" s="12"/>
    </row>
    <row r="678834" spans="8:8">
      <c r="H678834" s="12"/>
    </row>
    <row r="678835" spans="8:8">
      <c r="H678835" s="12"/>
    </row>
    <row r="678836" spans="8:8">
      <c r="H678836" s="12"/>
    </row>
    <row r="678837" spans="8:8">
      <c r="H678837" s="12"/>
    </row>
    <row r="678838" spans="8:8">
      <c r="H678838" s="12"/>
    </row>
    <row r="678839" spans="8:8">
      <c r="H678839" s="12"/>
    </row>
    <row r="678840" spans="8:8">
      <c r="H678840" s="12"/>
    </row>
    <row r="678841" spans="8:8">
      <c r="H678841" s="12"/>
    </row>
    <row r="678842" spans="8:8">
      <c r="H678842" s="12"/>
    </row>
    <row r="678843" spans="8:8">
      <c r="H678843" s="12"/>
    </row>
    <row r="678844" spans="8:8">
      <c r="H678844" s="12"/>
    </row>
    <row r="678845" spans="8:8">
      <c r="H678845" s="12"/>
    </row>
    <row r="678846" spans="8:8">
      <c r="H678846" s="12"/>
    </row>
    <row r="678847" spans="8:8">
      <c r="H678847" s="12"/>
    </row>
    <row r="678848" spans="8:8">
      <c r="H678848" s="12"/>
    </row>
    <row r="678849" spans="8:8">
      <c r="H678849" s="12"/>
    </row>
    <row r="678850" spans="8:8">
      <c r="H678850" s="12"/>
    </row>
    <row r="678851" spans="8:8">
      <c r="H678851" s="12"/>
    </row>
    <row r="678852" spans="8:8">
      <c r="H678852" s="12"/>
    </row>
    <row r="678853" spans="8:8">
      <c r="H678853" s="12"/>
    </row>
    <row r="678854" spans="8:8">
      <c r="H678854" s="12"/>
    </row>
    <row r="678855" spans="8:8">
      <c r="H678855" s="12"/>
    </row>
    <row r="678856" spans="8:8">
      <c r="H678856" s="12"/>
    </row>
    <row r="678857" spans="8:8">
      <c r="H678857" s="12"/>
    </row>
    <row r="678858" spans="8:8">
      <c r="H678858" s="12"/>
    </row>
    <row r="678859" spans="8:8">
      <c r="H678859" s="12"/>
    </row>
    <row r="678860" spans="8:8">
      <c r="H678860" s="12"/>
    </row>
    <row r="678861" spans="8:8">
      <c r="H678861" s="12"/>
    </row>
    <row r="678862" spans="8:8">
      <c r="H678862" s="12"/>
    </row>
    <row r="678863" spans="8:8">
      <c r="H678863" s="12"/>
    </row>
    <row r="678864" spans="8:8">
      <c r="H678864" s="12"/>
    </row>
    <row r="678865" spans="8:8">
      <c r="H678865" s="12"/>
    </row>
    <row r="678866" spans="8:8">
      <c r="H678866" s="12"/>
    </row>
    <row r="678867" spans="8:8">
      <c r="H678867" s="12"/>
    </row>
    <row r="678868" spans="8:8">
      <c r="H678868" s="12"/>
    </row>
    <row r="678869" spans="8:8">
      <c r="H678869" s="12"/>
    </row>
    <row r="678870" spans="8:8">
      <c r="H678870" s="12"/>
    </row>
    <row r="678871" spans="8:8">
      <c r="H678871" s="12"/>
    </row>
    <row r="678872" spans="8:8">
      <c r="H678872" s="12"/>
    </row>
    <row r="678873" spans="8:8">
      <c r="H678873" s="12"/>
    </row>
    <row r="678874" spans="8:8">
      <c r="H678874" s="12"/>
    </row>
    <row r="678875" spans="8:8">
      <c r="H678875" s="12"/>
    </row>
    <row r="678876" spans="8:8">
      <c r="H678876" s="12"/>
    </row>
    <row r="678877" spans="8:8">
      <c r="H678877" s="12"/>
    </row>
    <row r="678878" spans="8:8">
      <c r="H678878" s="12"/>
    </row>
    <row r="678879" spans="8:8">
      <c r="H678879" s="12"/>
    </row>
    <row r="678880" spans="8:8">
      <c r="H678880" s="12"/>
    </row>
    <row r="678881" spans="8:8">
      <c r="H678881" s="12"/>
    </row>
    <row r="678882" spans="8:8">
      <c r="H678882" s="12"/>
    </row>
    <row r="678883" spans="8:8">
      <c r="H678883" s="12"/>
    </row>
    <row r="678884" spans="8:8">
      <c r="H678884" s="12"/>
    </row>
    <row r="678885" spans="8:8">
      <c r="H678885" s="12"/>
    </row>
    <row r="678886" spans="8:8">
      <c r="H678886" s="12"/>
    </row>
    <row r="678887" spans="8:8">
      <c r="H678887" s="12"/>
    </row>
    <row r="678888" spans="8:8">
      <c r="H678888" s="12"/>
    </row>
    <row r="678889" spans="8:8">
      <c r="H678889" s="12"/>
    </row>
    <row r="678890" spans="8:8">
      <c r="H678890" s="12"/>
    </row>
    <row r="678891" spans="8:8">
      <c r="H678891" s="12"/>
    </row>
    <row r="678892" spans="8:8">
      <c r="H678892" s="12"/>
    </row>
    <row r="678893" spans="8:8">
      <c r="H678893" s="12"/>
    </row>
    <row r="678894" spans="8:8">
      <c r="H678894" s="12"/>
    </row>
    <row r="678895" spans="8:8">
      <c r="H678895" s="12"/>
    </row>
    <row r="678896" spans="8:8">
      <c r="H678896" s="12"/>
    </row>
    <row r="678897" spans="8:8">
      <c r="H678897" s="12"/>
    </row>
    <row r="678898" spans="8:8">
      <c r="H678898" s="12"/>
    </row>
    <row r="678899" spans="8:8">
      <c r="H678899" s="12"/>
    </row>
    <row r="678900" spans="8:8">
      <c r="H678900" s="12"/>
    </row>
    <row r="678901" spans="8:8">
      <c r="H678901" s="12"/>
    </row>
    <row r="678902" spans="8:8">
      <c r="H678902" s="12"/>
    </row>
    <row r="678903" spans="8:8">
      <c r="H678903" s="12"/>
    </row>
    <row r="678904" spans="8:8">
      <c r="H678904" s="12"/>
    </row>
    <row r="678905" spans="8:8">
      <c r="H678905" s="12"/>
    </row>
    <row r="678906" spans="8:8">
      <c r="H678906" s="12"/>
    </row>
    <row r="678907" spans="8:8">
      <c r="H678907" s="12"/>
    </row>
    <row r="678908" spans="8:8">
      <c r="H678908" s="12"/>
    </row>
    <row r="678909" spans="8:8">
      <c r="H678909" s="12"/>
    </row>
    <row r="678910" spans="8:8">
      <c r="H678910" s="12"/>
    </row>
    <row r="678911" spans="8:8">
      <c r="H678911" s="12"/>
    </row>
    <row r="678912" spans="8:8">
      <c r="H678912" s="12"/>
    </row>
    <row r="678913" spans="8:8">
      <c r="H678913" s="12"/>
    </row>
    <row r="678914" spans="8:8">
      <c r="H678914" s="12"/>
    </row>
    <row r="678915" spans="8:8">
      <c r="H678915" s="12"/>
    </row>
    <row r="678916" spans="8:8">
      <c r="H678916" s="12"/>
    </row>
    <row r="678917" spans="8:8">
      <c r="H678917" s="12"/>
    </row>
    <row r="678918" spans="8:8">
      <c r="H678918" s="12"/>
    </row>
    <row r="678919" spans="8:8">
      <c r="H678919" s="12"/>
    </row>
    <row r="678920" spans="8:8">
      <c r="H678920" s="12"/>
    </row>
    <row r="678921" spans="8:8">
      <c r="H678921" s="12"/>
    </row>
    <row r="678922" spans="8:8">
      <c r="H678922" s="12"/>
    </row>
    <row r="678923" spans="8:8">
      <c r="H678923" s="12"/>
    </row>
    <row r="678924" spans="8:8">
      <c r="H678924" s="12"/>
    </row>
    <row r="678925" spans="8:8">
      <c r="H678925" s="12"/>
    </row>
    <row r="678926" spans="8:8">
      <c r="H678926" s="12"/>
    </row>
    <row r="678927" spans="8:8">
      <c r="H678927" s="12"/>
    </row>
    <row r="678928" spans="8:8">
      <c r="H678928" s="12"/>
    </row>
    <row r="678929" spans="8:8">
      <c r="H678929" s="12"/>
    </row>
    <row r="678930" spans="8:8">
      <c r="H678930" s="12"/>
    </row>
    <row r="678931" spans="8:8">
      <c r="H678931" s="12"/>
    </row>
    <row r="678932" spans="8:8">
      <c r="H678932" s="12"/>
    </row>
    <row r="678933" spans="8:8">
      <c r="H678933" s="12"/>
    </row>
    <row r="678934" spans="8:8">
      <c r="H678934" s="12"/>
    </row>
    <row r="678935" spans="8:8">
      <c r="H678935" s="12"/>
    </row>
    <row r="678936" spans="8:8">
      <c r="H678936" s="12"/>
    </row>
    <row r="678937" spans="8:8">
      <c r="H678937" s="12"/>
    </row>
    <row r="678938" spans="8:8">
      <c r="H678938" s="12"/>
    </row>
    <row r="678939" spans="8:8">
      <c r="H678939" s="12"/>
    </row>
    <row r="678940" spans="8:8">
      <c r="H678940" s="12"/>
    </row>
    <row r="678941" spans="8:8">
      <c r="H678941" s="12"/>
    </row>
    <row r="678942" spans="8:8">
      <c r="H678942" s="12"/>
    </row>
    <row r="678943" spans="8:8">
      <c r="H678943" s="12"/>
    </row>
    <row r="678944" spans="8:8">
      <c r="H678944" s="12"/>
    </row>
    <row r="678945" spans="8:8">
      <c r="H678945" s="12"/>
    </row>
    <row r="678946" spans="8:8">
      <c r="H678946" s="12"/>
    </row>
    <row r="678947" spans="8:8">
      <c r="H678947" s="12"/>
    </row>
    <row r="678948" spans="8:8">
      <c r="H678948" s="12"/>
    </row>
    <row r="678949" spans="8:8">
      <c r="H678949" s="12"/>
    </row>
    <row r="678950" spans="8:8">
      <c r="H678950" s="12"/>
    </row>
    <row r="678951" spans="8:8">
      <c r="H678951" s="12"/>
    </row>
    <row r="678952" spans="8:8">
      <c r="H678952" s="12"/>
    </row>
    <row r="678953" spans="8:8">
      <c r="H678953" s="12"/>
    </row>
    <row r="678954" spans="8:8">
      <c r="H678954" s="12"/>
    </row>
    <row r="678955" spans="8:8">
      <c r="H678955" s="12"/>
    </row>
    <row r="678956" spans="8:8">
      <c r="H678956" s="12"/>
    </row>
    <row r="678957" spans="8:8">
      <c r="H678957" s="12"/>
    </row>
    <row r="678958" spans="8:8">
      <c r="H678958" s="12"/>
    </row>
    <row r="678959" spans="8:8">
      <c r="H678959" s="12"/>
    </row>
    <row r="678960" spans="8:8">
      <c r="H678960" s="12"/>
    </row>
    <row r="678961" spans="8:8">
      <c r="H678961" s="12"/>
    </row>
    <row r="678962" spans="8:8">
      <c r="H678962" s="12"/>
    </row>
    <row r="678963" spans="8:8">
      <c r="H678963" s="12"/>
    </row>
    <row r="678964" spans="8:8">
      <c r="H678964" s="12"/>
    </row>
    <row r="678965" spans="8:8">
      <c r="H678965" s="12"/>
    </row>
    <row r="678966" spans="8:8">
      <c r="H678966" s="12"/>
    </row>
    <row r="678967" spans="8:8">
      <c r="H678967" s="12"/>
    </row>
    <row r="678968" spans="8:8">
      <c r="H678968" s="12"/>
    </row>
    <row r="678969" spans="8:8">
      <c r="H678969" s="12"/>
    </row>
    <row r="678970" spans="8:8">
      <c r="H678970" s="12"/>
    </row>
    <row r="678971" spans="8:8">
      <c r="H678971" s="12"/>
    </row>
    <row r="678972" spans="8:8">
      <c r="H678972" s="12"/>
    </row>
    <row r="678973" spans="8:8">
      <c r="H678973" s="12"/>
    </row>
    <row r="678974" spans="8:8">
      <c r="H678974" s="12"/>
    </row>
    <row r="678975" spans="8:8">
      <c r="H678975" s="12"/>
    </row>
    <row r="678976" spans="8:8">
      <c r="H678976" s="12"/>
    </row>
    <row r="678977" spans="8:8">
      <c r="H678977" s="12"/>
    </row>
    <row r="678978" spans="8:8">
      <c r="H678978" s="12"/>
    </row>
    <row r="678979" spans="8:8">
      <c r="H678979" s="12"/>
    </row>
    <row r="678980" spans="8:8">
      <c r="H678980" s="12"/>
    </row>
    <row r="678981" spans="8:8">
      <c r="H678981" s="12"/>
    </row>
    <row r="678982" spans="8:8">
      <c r="H678982" s="12"/>
    </row>
    <row r="678983" spans="8:8">
      <c r="H678983" s="12"/>
    </row>
    <row r="678984" spans="8:8">
      <c r="H678984" s="12"/>
    </row>
    <row r="678985" spans="8:8">
      <c r="H678985" s="12"/>
    </row>
    <row r="678986" spans="8:8">
      <c r="H678986" s="12"/>
    </row>
    <row r="678987" spans="8:8">
      <c r="H678987" s="12"/>
    </row>
    <row r="678988" spans="8:8">
      <c r="H678988" s="12"/>
    </row>
    <row r="678989" spans="8:8">
      <c r="H678989" s="12"/>
    </row>
    <row r="678990" spans="8:8">
      <c r="H678990" s="12"/>
    </row>
    <row r="678991" spans="8:8">
      <c r="H678991" s="12"/>
    </row>
    <row r="678992" spans="8:8">
      <c r="H678992" s="12"/>
    </row>
    <row r="678993" spans="8:8">
      <c r="H678993" s="12"/>
    </row>
    <row r="678994" spans="8:8">
      <c r="H678994" s="12"/>
    </row>
    <row r="678995" spans="8:8">
      <c r="H678995" s="12"/>
    </row>
    <row r="678996" spans="8:8">
      <c r="H678996" s="12"/>
    </row>
    <row r="678997" spans="8:8">
      <c r="H678997" s="12"/>
    </row>
    <row r="678998" spans="8:8">
      <c r="H678998" s="12"/>
    </row>
    <row r="678999" spans="8:8">
      <c r="H678999" s="12"/>
    </row>
    <row r="679000" spans="8:8">
      <c r="H679000" s="12"/>
    </row>
    <row r="679001" spans="8:8">
      <c r="H679001" s="12"/>
    </row>
    <row r="679002" spans="8:8">
      <c r="H679002" s="12"/>
    </row>
    <row r="679003" spans="8:8">
      <c r="H679003" s="12"/>
    </row>
    <row r="679004" spans="8:8">
      <c r="H679004" s="12"/>
    </row>
    <row r="679005" spans="8:8">
      <c r="H679005" s="12"/>
    </row>
    <row r="679006" spans="8:8">
      <c r="H679006" s="12"/>
    </row>
    <row r="679007" spans="8:8">
      <c r="H679007" s="12"/>
    </row>
    <row r="679008" spans="8:8">
      <c r="H679008" s="12"/>
    </row>
    <row r="679009" spans="8:8">
      <c r="H679009" s="12"/>
    </row>
    <row r="679010" spans="8:8">
      <c r="H679010" s="12"/>
    </row>
    <row r="679011" spans="8:8">
      <c r="H679011" s="12"/>
    </row>
    <row r="679012" spans="8:8">
      <c r="H679012" s="12"/>
    </row>
    <row r="679013" spans="8:8">
      <c r="H679013" s="12"/>
    </row>
    <row r="679014" spans="8:8">
      <c r="H679014" s="12"/>
    </row>
    <row r="679015" spans="8:8">
      <c r="H679015" s="12"/>
    </row>
    <row r="679016" spans="8:8">
      <c r="H679016" s="12"/>
    </row>
    <row r="679017" spans="8:8">
      <c r="H679017" s="12"/>
    </row>
    <row r="679018" spans="8:8">
      <c r="H679018" s="12"/>
    </row>
    <row r="679019" spans="8:8">
      <c r="H679019" s="12"/>
    </row>
    <row r="679020" spans="8:8">
      <c r="H679020" s="12"/>
    </row>
    <row r="679021" spans="8:8">
      <c r="H679021" s="12"/>
    </row>
    <row r="679022" spans="8:8">
      <c r="H679022" s="12"/>
    </row>
    <row r="679023" spans="8:8">
      <c r="H679023" s="12"/>
    </row>
    <row r="679024" spans="8:8">
      <c r="H679024" s="12"/>
    </row>
    <row r="679025" spans="8:8">
      <c r="H679025" s="12"/>
    </row>
    <row r="679026" spans="8:8">
      <c r="H679026" s="12"/>
    </row>
    <row r="679027" spans="8:8">
      <c r="H679027" s="12"/>
    </row>
    <row r="679028" spans="8:8">
      <c r="H679028" s="12"/>
    </row>
    <row r="679029" spans="8:8">
      <c r="H679029" s="12"/>
    </row>
    <row r="679030" spans="8:8">
      <c r="H679030" s="12"/>
    </row>
    <row r="679031" spans="8:8">
      <c r="H679031" s="12"/>
    </row>
    <row r="679032" spans="8:8">
      <c r="H679032" s="12"/>
    </row>
    <row r="679033" spans="8:8">
      <c r="H679033" s="12"/>
    </row>
    <row r="679034" spans="8:8">
      <c r="H679034" s="12"/>
    </row>
    <row r="679035" spans="8:8">
      <c r="H679035" s="12"/>
    </row>
    <row r="679036" spans="8:8">
      <c r="H679036" s="12"/>
    </row>
    <row r="679037" spans="8:8">
      <c r="H679037" s="12"/>
    </row>
    <row r="679038" spans="8:8">
      <c r="H679038" s="12"/>
    </row>
    <row r="679039" spans="8:8">
      <c r="H679039" s="12"/>
    </row>
    <row r="679040" spans="8:8">
      <c r="H679040" s="12"/>
    </row>
    <row r="679041" spans="8:8">
      <c r="H679041" s="12"/>
    </row>
    <row r="679042" spans="8:8">
      <c r="H679042" s="12"/>
    </row>
    <row r="679043" spans="8:8">
      <c r="H679043" s="12"/>
    </row>
    <row r="679044" spans="8:8">
      <c r="H679044" s="12"/>
    </row>
    <row r="679045" spans="8:8">
      <c r="H679045" s="12"/>
    </row>
    <row r="679046" spans="8:8">
      <c r="H679046" s="12"/>
    </row>
    <row r="679047" spans="8:8">
      <c r="H679047" s="12"/>
    </row>
    <row r="679048" spans="8:8">
      <c r="H679048" s="12"/>
    </row>
    <row r="679049" spans="8:8">
      <c r="H679049" s="12"/>
    </row>
    <row r="679050" spans="8:8">
      <c r="H679050" s="12"/>
    </row>
    <row r="679051" spans="8:8">
      <c r="H679051" s="12"/>
    </row>
    <row r="679052" spans="8:8">
      <c r="H679052" s="12"/>
    </row>
    <row r="679053" spans="8:8">
      <c r="H679053" s="12"/>
    </row>
    <row r="679054" spans="8:8">
      <c r="H679054" s="12"/>
    </row>
    <row r="679055" spans="8:8">
      <c r="H679055" s="12"/>
    </row>
    <row r="679056" spans="8:8">
      <c r="H679056" s="12"/>
    </row>
    <row r="679057" spans="8:8">
      <c r="H679057" s="12"/>
    </row>
    <row r="679058" spans="8:8">
      <c r="H679058" s="12"/>
    </row>
    <row r="679059" spans="8:8">
      <c r="H679059" s="12"/>
    </row>
    <row r="679060" spans="8:8">
      <c r="H679060" s="12"/>
    </row>
    <row r="679061" spans="8:8">
      <c r="H679061" s="12"/>
    </row>
    <row r="679062" spans="8:8">
      <c r="H679062" s="12"/>
    </row>
    <row r="679063" spans="8:8">
      <c r="H679063" s="12"/>
    </row>
    <row r="679064" spans="8:8">
      <c r="H679064" s="12"/>
    </row>
    <row r="679065" spans="8:8">
      <c r="H679065" s="12"/>
    </row>
    <row r="679066" spans="8:8">
      <c r="H679066" s="12"/>
    </row>
    <row r="679067" spans="8:8">
      <c r="H679067" s="12"/>
    </row>
    <row r="679068" spans="8:8">
      <c r="H679068" s="12"/>
    </row>
    <row r="679069" spans="8:8">
      <c r="H679069" s="12"/>
    </row>
    <row r="679070" spans="8:8">
      <c r="H679070" s="12"/>
    </row>
    <row r="679071" spans="8:8">
      <c r="H679071" s="12"/>
    </row>
    <row r="679072" spans="8:8">
      <c r="H679072" s="12"/>
    </row>
    <row r="679073" spans="8:8">
      <c r="H679073" s="12"/>
    </row>
    <row r="679074" spans="8:8">
      <c r="H679074" s="12"/>
    </row>
    <row r="679075" spans="8:8">
      <c r="H679075" s="12"/>
    </row>
    <row r="679076" spans="8:8">
      <c r="H679076" s="12"/>
    </row>
    <row r="679077" spans="8:8">
      <c r="H679077" s="12"/>
    </row>
    <row r="679078" spans="8:8">
      <c r="H679078" s="12"/>
    </row>
    <row r="679079" spans="8:8">
      <c r="H679079" s="12"/>
    </row>
    <row r="679080" spans="8:8">
      <c r="H679080" s="12"/>
    </row>
    <row r="679081" spans="8:8">
      <c r="H679081" s="12"/>
    </row>
    <row r="679082" spans="8:8">
      <c r="H679082" s="12"/>
    </row>
    <row r="679083" spans="8:8">
      <c r="H679083" s="12"/>
    </row>
    <row r="679084" spans="8:8">
      <c r="H679084" s="12"/>
    </row>
    <row r="679085" spans="8:8">
      <c r="H679085" s="12"/>
    </row>
    <row r="679086" spans="8:8">
      <c r="H679086" s="12"/>
    </row>
    <row r="679087" spans="8:8">
      <c r="H679087" s="12"/>
    </row>
    <row r="679088" spans="8:8">
      <c r="H679088" s="12"/>
    </row>
    <row r="679089" spans="8:8">
      <c r="H679089" s="12"/>
    </row>
    <row r="679090" spans="8:8">
      <c r="H679090" s="12"/>
    </row>
    <row r="679091" spans="8:8">
      <c r="H679091" s="12"/>
    </row>
    <row r="679092" spans="8:8">
      <c r="H679092" s="12"/>
    </row>
    <row r="679093" spans="8:8">
      <c r="H679093" s="12"/>
    </row>
    <row r="679094" spans="8:8">
      <c r="H679094" s="12"/>
    </row>
    <row r="679095" spans="8:8">
      <c r="H679095" s="12"/>
    </row>
    <row r="679096" spans="8:8">
      <c r="H679096" s="12"/>
    </row>
    <row r="679097" spans="8:8">
      <c r="H679097" s="12"/>
    </row>
    <row r="679098" spans="8:8">
      <c r="H679098" s="12"/>
    </row>
    <row r="679099" spans="8:8">
      <c r="H679099" s="12"/>
    </row>
    <row r="679100" spans="8:8">
      <c r="H679100" s="12"/>
    </row>
    <row r="679101" spans="8:8">
      <c r="H679101" s="12"/>
    </row>
    <row r="679102" spans="8:8">
      <c r="H679102" s="12"/>
    </row>
    <row r="679103" spans="8:8">
      <c r="H679103" s="12"/>
    </row>
    <row r="679104" spans="8:8">
      <c r="H679104" s="12"/>
    </row>
    <row r="679105" spans="8:8">
      <c r="H679105" s="12"/>
    </row>
    <row r="679106" spans="8:8">
      <c r="H679106" s="12"/>
    </row>
    <row r="679107" spans="8:8">
      <c r="H679107" s="12"/>
    </row>
    <row r="679108" spans="8:8">
      <c r="H679108" s="12"/>
    </row>
    <row r="679109" spans="8:8">
      <c r="H679109" s="12"/>
    </row>
    <row r="679110" spans="8:8">
      <c r="H679110" s="12"/>
    </row>
    <row r="679111" spans="8:8">
      <c r="H679111" s="12"/>
    </row>
    <row r="679112" spans="8:8">
      <c r="H679112" s="12"/>
    </row>
    <row r="679113" spans="8:8">
      <c r="H679113" s="12"/>
    </row>
    <row r="679114" spans="8:8">
      <c r="H679114" s="12"/>
    </row>
    <row r="679115" spans="8:8">
      <c r="H679115" s="12"/>
    </row>
    <row r="679116" spans="8:8">
      <c r="H679116" s="12"/>
    </row>
    <row r="679117" spans="8:8">
      <c r="H679117" s="12"/>
    </row>
    <row r="679118" spans="8:8">
      <c r="H679118" s="12"/>
    </row>
    <row r="679119" spans="8:8">
      <c r="H679119" s="12"/>
    </row>
    <row r="679120" spans="8:8">
      <c r="H679120" s="12"/>
    </row>
    <row r="679121" spans="8:8">
      <c r="H679121" s="12"/>
    </row>
    <row r="679122" spans="8:8">
      <c r="H679122" s="12"/>
    </row>
    <row r="679123" spans="8:8">
      <c r="H679123" s="12"/>
    </row>
    <row r="679124" spans="8:8">
      <c r="H679124" s="12"/>
    </row>
    <row r="679125" spans="8:8">
      <c r="H679125" s="12"/>
    </row>
    <row r="679126" spans="8:8">
      <c r="H679126" s="12"/>
    </row>
    <row r="679127" spans="8:8">
      <c r="H679127" s="12"/>
    </row>
    <row r="679128" spans="8:8">
      <c r="H679128" s="12"/>
    </row>
    <row r="679129" spans="8:8">
      <c r="H679129" s="12"/>
    </row>
    <row r="679130" spans="8:8">
      <c r="H679130" s="12"/>
    </row>
    <row r="679131" spans="8:8">
      <c r="H679131" s="12"/>
    </row>
    <row r="679132" spans="8:8">
      <c r="H679132" s="12"/>
    </row>
    <row r="679133" spans="8:8">
      <c r="H679133" s="12"/>
    </row>
    <row r="679134" spans="8:8">
      <c r="H679134" s="12"/>
    </row>
    <row r="679135" spans="8:8">
      <c r="H679135" s="12"/>
    </row>
    <row r="679136" spans="8:8">
      <c r="H679136" s="12"/>
    </row>
    <row r="679137" spans="8:8">
      <c r="H679137" s="12"/>
    </row>
    <row r="679138" spans="8:8">
      <c r="H679138" s="12"/>
    </row>
    <row r="679139" spans="8:8">
      <c r="H679139" s="12"/>
    </row>
    <row r="679140" spans="8:8">
      <c r="H679140" s="12"/>
    </row>
    <row r="679141" spans="8:8">
      <c r="H679141" s="12"/>
    </row>
    <row r="679142" spans="8:8">
      <c r="H679142" s="12"/>
    </row>
    <row r="679143" spans="8:8">
      <c r="H679143" s="12"/>
    </row>
    <row r="679144" spans="8:8">
      <c r="H679144" s="12"/>
    </row>
    <row r="679145" spans="8:8">
      <c r="H679145" s="12"/>
    </row>
    <row r="679146" spans="8:8">
      <c r="H679146" s="12"/>
    </row>
    <row r="679147" spans="8:8">
      <c r="H679147" s="12"/>
    </row>
    <row r="679148" spans="8:8">
      <c r="H679148" s="12"/>
    </row>
    <row r="679149" spans="8:8">
      <c r="H679149" s="12"/>
    </row>
    <row r="679150" spans="8:8">
      <c r="H679150" s="12"/>
    </row>
    <row r="679151" spans="8:8">
      <c r="H679151" s="12"/>
    </row>
    <row r="679152" spans="8:8">
      <c r="H679152" s="12"/>
    </row>
    <row r="679153" spans="8:8">
      <c r="H679153" s="12"/>
    </row>
    <row r="679154" spans="8:8">
      <c r="H679154" s="12"/>
    </row>
    <row r="679155" spans="8:8">
      <c r="H679155" s="12"/>
    </row>
    <row r="679156" spans="8:8">
      <c r="H679156" s="12"/>
    </row>
    <row r="679157" spans="8:8">
      <c r="H679157" s="12"/>
    </row>
    <row r="679158" spans="8:8">
      <c r="H679158" s="12"/>
    </row>
    <row r="679159" spans="8:8">
      <c r="H679159" s="12"/>
    </row>
    <row r="679160" spans="8:8">
      <c r="H679160" s="12"/>
    </row>
    <row r="679161" spans="8:8">
      <c r="H679161" s="12"/>
    </row>
    <row r="679162" spans="8:8">
      <c r="H679162" s="12"/>
    </row>
    <row r="679163" spans="8:8">
      <c r="H679163" s="12"/>
    </row>
    <row r="679164" spans="8:8">
      <c r="H679164" s="12"/>
    </row>
    <row r="679165" spans="8:8">
      <c r="H679165" s="12"/>
    </row>
    <row r="679166" spans="8:8">
      <c r="H679166" s="12"/>
    </row>
    <row r="679167" spans="8:8">
      <c r="H679167" s="12"/>
    </row>
    <row r="679168" spans="8:8">
      <c r="H679168" s="12"/>
    </row>
    <row r="679169" spans="8:8">
      <c r="H679169" s="12"/>
    </row>
    <row r="679170" spans="8:8">
      <c r="H679170" s="12"/>
    </row>
    <row r="679171" spans="8:8">
      <c r="H679171" s="12"/>
    </row>
    <row r="679172" spans="8:8">
      <c r="H679172" s="12"/>
    </row>
    <row r="679173" spans="8:8">
      <c r="H679173" s="12"/>
    </row>
    <row r="679174" spans="8:8">
      <c r="H679174" s="12"/>
    </row>
    <row r="679175" spans="8:8">
      <c r="H679175" s="12"/>
    </row>
    <row r="679176" spans="8:8">
      <c r="H679176" s="12"/>
    </row>
    <row r="679177" spans="8:8">
      <c r="H679177" s="12"/>
    </row>
    <row r="679178" spans="8:8">
      <c r="H679178" s="12"/>
    </row>
    <row r="679179" spans="8:8">
      <c r="H679179" s="12"/>
    </row>
    <row r="679180" spans="8:8">
      <c r="H679180" s="12"/>
    </row>
    <row r="679181" spans="8:8">
      <c r="H679181" s="12"/>
    </row>
    <row r="679182" spans="8:8">
      <c r="H679182" s="12"/>
    </row>
    <row r="679183" spans="8:8">
      <c r="H679183" s="12"/>
    </row>
    <row r="679184" spans="8:8">
      <c r="H679184" s="12"/>
    </row>
    <row r="679185" spans="8:8">
      <c r="H679185" s="12"/>
    </row>
    <row r="679186" spans="8:8">
      <c r="H679186" s="12"/>
    </row>
    <row r="679187" spans="8:8">
      <c r="H679187" s="12"/>
    </row>
    <row r="679188" spans="8:8">
      <c r="H679188" s="12"/>
    </row>
    <row r="679189" spans="8:8">
      <c r="H679189" s="12"/>
    </row>
    <row r="679190" spans="8:8">
      <c r="H679190" s="12"/>
    </row>
    <row r="679191" spans="8:8">
      <c r="H679191" s="12"/>
    </row>
    <row r="679192" spans="8:8">
      <c r="H679192" s="12"/>
    </row>
    <row r="679193" spans="8:8">
      <c r="H679193" s="12"/>
    </row>
    <row r="679194" spans="8:8">
      <c r="H679194" s="12"/>
    </row>
    <row r="679195" spans="8:8">
      <c r="H679195" s="12"/>
    </row>
    <row r="679196" spans="8:8">
      <c r="H679196" s="12"/>
    </row>
    <row r="679197" spans="8:8">
      <c r="H679197" s="12"/>
    </row>
    <row r="679198" spans="8:8">
      <c r="H679198" s="12"/>
    </row>
    <row r="679199" spans="8:8">
      <c r="H679199" s="12"/>
    </row>
    <row r="679200" spans="8:8">
      <c r="H679200" s="12"/>
    </row>
    <row r="679201" spans="8:8">
      <c r="H679201" s="12"/>
    </row>
    <row r="679202" spans="8:8">
      <c r="H679202" s="12"/>
    </row>
    <row r="679203" spans="8:8">
      <c r="H679203" s="12"/>
    </row>
    <row r="679204" spans="8:8">
      <c r="H679204" s="12"/>
    </row>
    <row r="679205" spans="8:8">
      <c r="H679205" s="12"/>
    </row>
    <row r="679206" spans="8:8">
      <c r="H679206" s="12"/>
    </row>
    <row r="679207" spans="8:8">
      <c r="H679207" s="12"/>
    </row>
    <row r="679208" spans="8:8">
      <c r="H679208" s="12"/>
    </row>
    <row r="679209" spans="8:8">
      <c r="H679209" s="12"/>
    </row>
    <row r="679210" spans="8:8">
      <c r="H679210" s="12"/>
    </row>
    <row r="679211" spans="8:8">
      <c r="H679211" s="12"/>
    </row>
    <row r="679212" spans="8:8">
      <c r="H679212" s="12"/>
    </row>
    <row r="679213" spans="8:8">
      <c r="H679213" s="12"/>
    </row>
    <row r="679214" spans="8:8">
      <c r="H679214" s="12"/>
    </row>
    <row r="679215" spans="8:8">
      <c r="H679215" s="12"/>
    </row>
    <row r="679216" spans="8:8">
      <c r="H679216" s="12"/>
    </row>
    <row r="679217" spans="8:8">
      <c r="H679217" s="12"/>
    </row>
    <row r="679218" spans="8:8">
      <c r="H679218" s="12"/>
    </row>
    <row r="679219" spans="8:8">
      <c r="H679219" s="12"/>
    </row>
    <row r="679220" spans="8:8">
      <c r="H679220" s="12"/>
    </row>
    <row r="679221" spans="8:8">
      <c r="H679221" s="12"/>
    </row>
    <row r="679222" spans="8:8">
      <c r="H679222" s="12"/>
    </row>
    <row r="679223" spans="8:8">
      <c r="H679223" s="12"/>
    </row>
    <row r="679224" spans="8:8">
      <c r="H679224" s="12"/>
    </row>
    <row r="679225" spans="8:8">
      <c r="H679225" s="12"/>
    </row>
    <row r="679226" spans="8:8">
      <c r="H679226" s="12"/>
    </row>
    <row r="679227" spans="8:8">
      <c r="H679227" s="12"/>
    </row>
    <row r="679228" spans="8:8">
      <c r="H679228" s="12"/>
    </row>
    <row r="679229" spans="8:8">
      <c r="H679229" s="12"/>
    </row>
    <row r="679230" spans="8:8">
      <c r="H679230" s="12"/>
    </row>
    <row r="679231" spans="8:8">
      <c r="H679231" s="12"/>
    </row>
    <row r="679232" spans="8:8">
      <c r="H679232" s="12"/>
    </row>
    <row r="679233" spans="8:8">
      <c r="H679233" s="12"/>
    </row>
    <row r="679234" spans="8:8">
      <c r="H679234" s="12"/>
    </row>
    <row r="679235" spans="8:8">
      <c r="H679235" s="12"/>
    </row>
    <row r="679236" spans="8:8">
      <c r="H679236" s="12"/>
    </row>
    <row r="679237" spans="8:8">
      <c r="H679237" s="12"/>
    </row>
    <row r="679238" spans="8:8">
      <c r="H679238" s="12"/>
    </row>
    <row r="679239" spans="8:8">
      <c r="H679239" s="12"/>
    </row>
    <row r="679240" spans="8:8">
      <c r="H679240" s="12"/>
    </row>
    <row r="679241" spans="8:8">
      <c r="H679241" s="12"/>
    </row>
    <row r="679242" spans="8:8">
      <c r="H679242" s="12"/>
    </row>
    <row r="679243" spans="8:8">
      <c r="H679243" s="12"/>
    </row>
    <row r="679244" spans="8:8">
      <c r="H679244" s="12"/>
    </row>
    <row r="679245" spans="8:8">
      <c r="H679245" s="12"/>
    </row>
    <row r="679246" spans="8:8">
      <c r="H679246" s="12"/>
    </row>
    <row r="679247" spans="8:8">
      <c r="H679247" s="12"/>
    </row>
    <row r="679248" spans="8:8">
      <c r="H679248" s="12"/>
    </row>
    <row r="679249" spans="8:8">
      <c r="H679249" s="12"/>
    </row>
    <row r="679250" spans="8:8">
      <c r="H679250" s="12"/>
    </row>
    <row r="679251" spans="8:8">
      <c r="H679251" s="12"/>
    </row>
    <row r="679252" spans="8:8">
      <c r="H679252" s="12"/>
    </row>
    <row r="679253" spans="8:8">
      <c r="H679253" s="12"/>
    </row>
    <row r="679254" spans="8:8">
      <c r="H679254" s="12"/>
    </row>
    <row r="679255" spans="8:8">
      <c r="H679255" s="12"/>
    </row>
    <row r="679256" spans="8:8">
      <c r="H679256" s="12"/>
    </row>
    <row r="679257" spans="8:8">
      <c r="H679257" s="12"/>
    </row>
    <row r="679258" spans="8:8">
      <c r="H679258" s="12"/>
    </row>
    <row r="679259" spans="8:8">
      <c r="H679259" s="12"/>
    </row>
    <row r="679260" spans="8:8">
      <c r="H679260" s="12"/>
    </row>
    <row r="679261" spans="8:8">
      <c r="H679261" s="12"/>
    </row>
    <row r="679262" spans="8:8">
      <c r="H679262" s="12"/>
    </row>
    <row r="679263" spans="8:8">
      <c r="H679263" s="12"/>
    </row>
    <row r="679264" spans="8:8">
      <c r="H679264" s="12"/>
    </row>
    <row r="679265" spans="8:8">
      <c r="H679265" s="12"/>
    </row>
    <row r="679266" spans="8:8">
      <c r="H679266" s="12"/>
    </row>
    <row r="679267" spans="8:8">
      <c r="H679267" s="12"/>
    </row>
    <row r="679268" spans="8:8">
      <c r="H679268" s="12"/>
    </row>
    <row r="679269" spans="8:8">
      <c r="H679269" s="12"/>
    </row>
    <row r="679270" spans="8:8">
      <c r="H679270" s="12"/>
    </row>
    <row r="679271" spans="8:8">
      <c r="H679271" s="12"/>
    </row>
    <row r="679272" spans="8:8">
      <c r="H679272" s="12"/>
    </row>
    <row r="679273" spans="8:8">
      <c r="H679273" s="12"/>
    </row>
    <row r="679274" spans="8:8">
      <c r="H679274" s="12"/>
    </row>
    <row r="679275" spans="8:8">
      <c r="H679275" s="12"/>
    </row>
    <row r="679276" spans="8:8">
      <c r="H679276" s="12"/>
    </row>
    <row r="679277" spans="8:8">
      <c r="H679277" s="12"/>
    </row>
    <row r="679278" spans="8:8">
      <c r="H679278" s="12"/>
    </row>
    <row r="679279" spans="8:8">
      <c r="H679279" s="12"/>
    </row>
    <row r="679280" spans="8:8">
      <c r="H679280" s="12"/>
    </row>
    <row r="679281" spans="8:8">
      <c r="H679281" s="12"/>
    </row>
    <row r="679282" spans="8:8">
      <c r="H679282" s="12"/>
    </row>
    <row r="679283" spans="8:8">
      <c r="H679283" s="12"/>
    </row>
    <row r="679284" spans="8:8">
      <c r="H679284" s="12"/>
    </row>
    <row r="679285" spans="8:8">
      <c r="H679285" s="12"/>
    </row>
    <row r="679286" spans="8:8">
      <c r="H679286" s="12"/>
    </row>
    <row r="679287" spans="8:8">
      <c r="H679287" s="12"/>
    </row>
    <row r="679288" spans="8:8">
      <c r="H679288" s="12"/>
    </row>
    <row r="679289" spans="8:8">
      <c r="H679289" s="12"/>
    </row>
    <row r="679290" spans="8:8">
      <c r="H679290" s="12"/>
    </row>
    <row r="679291" spans="8:8">
      <c r="H679291" s="12"/>
    </row>
    <row r="679292" spans="8:8">
      <c r="H679292" s="12"/>
    </row>
    <row r="679293" spans="8:8">
      <c r="H679293" s="12"/>
    </row>
    <row r="679294" spans="8:8">
      <c r="H679294" s="12"/>
    </row>
    <row r="679295" spans="8:8">
      <c r="H679295" s="12"/>
    </row>
    <row r="679296" spans="8:8">
      <c r="H679296" s="12"/>
    </row>
    <row r="679297" spans="8:8">
      <c r="H679297" s="12"/>
    </row>
    <row r="679298" spans="8:8">
      <c r="H679298" s="12"/>
    </row>
    <row r="679299" spans="8:8">
      <c r="H679299" s="12"/>
    </row>
    <row r="679300" spans="8:8">
      <c r="H679300" s="12"/>
    </row>
    <row r="679301" spans="8:8">
      <c r="H679301" s="12"/>
    </row>
    <row r="679302" spans="8:8">
      <c r="H679302" s="12"/>
    </row>
    <row r="679303" spans="8:8">
      <c r="H679303" s="12"/>
    </row>
    <row r="679304" spans="8:8">
      <c r="H679304" s="12"/>
    </row>
    <row r="679305" spans="8:8">
      <c r="H679305" s="12"/>
    </row>
    <row r="679306" spans="8:8">
      <c r="H679306" s="12"/>
    </row>
    <row r="679307" spans="8:8">
      <c r="H679307" s="12"/>
    </row>
    <row r="679308" spans="8:8">
      <c r="H679308" s="12"/>
    </row>
    <row r="679309" spans="8:8">
      <c r="H679309" s="12"/>
    </row>
    <row r="679310" spans="8:8">
      <c r="H679310" s="12"/>
    </row>
    <row r="679311" spans="8:8">
      <c r="H679311" s="12"/>
    </row>
    <row r="679312" spans="8:8">
      <c r="H679312" s="12"/>
    </row>
    <row r="679313" spans="8:8">
      <c r="H679313" s="12"/>
    </row>
    <row r="679314" spans="8:8">
      <c r="H679314" s="12"/>
    </row>
    <row r="679315" spans="8:8">
      <c r="H679315" s="12"/>
    </row>
    <row r="679316" spans="8:8">
      <c r="H679316" s="12"/>
    </row>
    <row r="679317" spans="8:8">
      <c r="H679317" s="12"/>
    </row>
    <row r="679318" spans="8:8">
      <c r="H679318" s="12"/>
    </row>
    <row r="679319" spans="8:8">
      <c r="H679319" s="12"/>
    </row>
    <row r="679320" spans="8:8">
      <c r="H679320" s="12"/>
    </row>
    <row r="679321" spans="8:8">
      <c r="H679321" s="12"/>
    </row>
    <row r="679322" spans="8:8">
      <c r="H679322" s="12"/>
    </row>
    <row r="679323" spans="8:8">
      <c r="H679323" s="12"/>
    </row>
    <row r="679324" spans="8:8">
      <c r="H679324" s="12"/>
    </row>
    <row r="679325" spans="8:8">
      <c r="H679325" s="12"/>
    </row>
    <row r="679326" spans="8:8">
      <c r="H679326" s="12"/>
    </row>
    <row r="679327" spans="8:8">
      <c r="H679327" s="12"/>
    </row>
    <row r="679328" spans="8:8">
      <c r="H679328" s="12"/>
    </row>
    <row r="679329" spans="8:8">
      <c r="H679329" s="12"/>
    </row>
    <row r="679330" spans="8:8">
      <c r="H679330" s="12"/>
    </row>
    <row r="679331" spans="8:8">
      <c r="H679331" s="12"/>
    </row>
    <row r="679332" spans="8:8">
      <c r="H679332" s="12"/>
    </row>
    <row r="679333" spans="8:8">
      <c r="H679333" s="12"/>
    </row>
    <row r="679334" spans="8:8">
      <c r="H679334" s="12"/>
    </row>
    <row r="679335" spans="8:8">
      <c r="H679335" s="12"/>
    </row>
    <row r="679336" spans="8:8">
      <c r="H679336" s="12"/>
    </row>
    <row r="679337" spans="8:8">
      <c r="H679337" s="12"/>
    </row>
    <row r="679338" spans="8:8">
      <c r="H679338" s="12"/>
    </row>
    <row r="679339" spans="8:8">
      <c r="H679339" s="12"/>
    </row>
    <row r="679340" spans="8:8">
      <c r="H679340" s="12"/>
    </row>
    <row r="679341" spans="8:8">
      <c r="H679341" s="12"/>
    </row>
    <row r="679342" spans="8:8">
      <c r="H679342" s="12"/>
    </row>
    <row r="679343" spans="8:8">
      <c r="H679343" s="12"/>
    </row>
    <row r="679344" spans="8:8">
      <c r="H679344" s="12"/>
    </row>
    <row r="679345" spans="8:8">
      <c r="H679345" s="12"/>
    </row>
    <row r="679346" spans="8:8">
      <c r="H679346" s="12"/>
    </row>
    <row r="679347" spans="8:8">
      <c r="H679347" s="12"/>
    </row>
    <row r="679348" spans="8:8">
      <c r="H679348" s="12"/>
    </row>
    <row r="679349" spans="8:8">
      <c r="H679349" s="12"/>
    </row>
    <row r="679350" spans="8:8">
      <c r="H679350" s="12"/>
    </row>
    <row r="679351" spans="8:8">
      <c r="H679351" s="12"/>
    </row>
    <row r="679352" spans="8:8">
      <c r="H679352" s="12"/>
    </row>
    <row r="679353" spans="8:8">
      <c r="H679353" s="12"/>
    </row>
    <row r="679354" spans="8:8">
      <c r="H679354" s="12"/>
    </row>
    <row r="679355" spans="8:8">
      <c r="H679355" s="12"/>
    </row>
    <row r="679356" spans="8:8">
      <c r="H679356" s="12"/>
    </row>
    <row r="679357" spans="8:8">
      <c r="H679357" s="12"/>
    </row>
    <row r="679358" spans="8:8">
      <c r="H679358" s="12"/>
    </row>
    <row r="679359" spans="8:8">
      <c r="H679359" s="12"/>
    </row>
    <row r="679360" spans="8:8">
      <c r="H679360" s="12"/>
    </row>
    <row r="679361" spans="8:8">
      <c r="H679361" s="12"/>
    </row>
    <row r="679362" spans="8:8">
      <c r="H679362" s="12"/>
    </row>
    <row r="679363" spans="8:8">
      <c r="H679363" s="12"/>
    </row>
    <row r="679364" spans="8:8">
      <c r="H679364" s="12"/>
    </row>
    <row r="679365" spans="8:8">
      <c r="H679365" s="12"/>
    </row>
    <row r="679366" spans="8:8">
      <c r="H679366" s="12"/>
    </row>
    <row r="679367" spans="8:8">
      <c r="H679367" s="12"/>
    </row>
    <row r="679368" spans="8:8">
      <c r="H679368" s="12"/>
    </row>
    <row r="679369" spans="8:8">
      <c r="H679369" s="12"/>
    </row>
    <row r="679370" spans="8:8">
      <c r="H679370" s="12"/>
    </row>
    <row r="679371" spans="8:8">
      <c r="H679371" s="12"/>
    </row>
    <row r="679372" spans="8:8">
      <c r="H679372" s="12"/>
    </row>
    <row r="679373" spans="8:8">
      <c r="H679373" s="12"/>
    </row>
    <row r="679374" spans="8:8">
      <c r="H679374" s="12"/>
    </row>
    <row r="679375" spans="8:8">
      <c r="H679375" s="12"/>
    </row>
    <row r="679376" spans="8:8">
      <c r="H679376" s="12"/>
    </row>
    <row r="679377" spans="8:8">
      <c r="H679377" s="12"/>
    </row>
    <row r="679378" spans="8:8">
      <c r="H679378" s="12"/>
    </row>
    <row r="679379" spans="8:8">
      <c r="H679379" s="12"/>
    </row>
    <row r="679380" spans="8:8">
      <c r="H679380" s="12"/>
    </row>
    <row r="679381" spans="8:8">
      <c r="H679381" s="12"/>
    </row>
    <row r="679382" spans="8:8">
      <c r="H679382" s="12"/>
    </row>
    <row r="679383" spans="8:8">
      <c r="H679383" s="12"/>
    </row>
    <row r="679384" spans="8:8">
      <c r="H679384" s="12"/>
    </row>
    <row r="679385" spans="8:8">
      <c r="H679385" s="12"/>
    </row>
    <row r="679386" spans="8:8">
      <c r="H679386" s="12"/>
    </row>
    <row r="679387" spans="8:8">
      <c r="H679387" s="12"/>
    </row>
    <row r="679388" spans="8:8">
      <c r="H679388" s="12"/>
    </row>
    <row r="679389" spans="8:8">
      <c r="H679389" s="12"/>
    </row>
    <row r="679390" spans="8:8">
      <c r="H679390" s="12"/>
    </row>
    <row r="679391" spans="8:8">
      <c r="H679391" s="12"/>
    </row>
    <row r="679392" spans="8:8">
      <c r="H679392" s="12"/>
    </row>
    <row r="679393" spans="8:8">
      <c r="H679393" s="12"/>
    </row>
    <row r="679394" spans="8:8">
      <c r="H679394" s="12"/>
    </row>
    <row r="679395" spans="8:8">
      <c r="H679395" s="12"/>
    </row>
    <row r="679396" spans="8:8">
      <c r="H679396" s="12"/>
    </row>
    <row r="679397" spans="8:8">
      <c r="H679397" s="12"/>
    </row>
    <row r="679398" spans="8:8">
      <c r="H679398" s="12"/>
    </row>
    <row r="679399" spans="8:8">
      <c r="H679399" s="12"/>
    </row>
    <row r="679400" spans="8:8">
      <c r="H679400" s="12"/>
    </row>
    <row r="679401" spans="8:8">
      <c r="H679401" s="12"/>
    </row>
    <row r="679402" spans="8:8">
      <c r="H679402" s="12"/>
    </row>
    <row r="679403" spans="8:8">
      <c r="H679403" s="12"/>
    </row>
    <row r="679404" spans="8:8">
      <c r="H679404" s="12"/>
    </row>
    <row r="679405" spans="8:8">
      <c r="H679405" s="12"/>
    </row>
    <row r="679406" spans="8:8">
      <c r="H679406" s="12"/>
    </row>
    <row r="679407" spans="8:8">
      <c r="H679407" s="12"/>
    </row>
    <row r="679408" spans="8:8">
      <c r="H679408" s="12"/>
    </row>
    <row r="679409" spans="8:8">
      <c r="H679409" s="12"/>
    </row>
    <row r="679410" spans="8:8">
      <c r="H679410" s="12"/>
    </row>
    <row r="679411" spans="8:8">
      <c r="H679411" s="12"/>
    </row>
    <row r="679412" spans="8:8">
      <c r="H679412" s="12"/>
    </row>
    <row r="679413" spans="8:8">
      <c r="H679413" s="12"/>
    </row>
    <row r="679414" spans="8:8">
      <c r="H679414" s="12"/>
    </row>
    <row r="679415" spans="8:8">
      <c r="H679415" s="12"/>
    </row>
    <row r="679416" spans="8:8">
      <c r="H679416" s="12"/>
    </row>
    <row r="679417" spans="8:8">
      <c r="H679417" s="12"/>
    </row>
    <row r="679418" spans="8:8">
      <c r="H679418" s="12"/>
    </row>
    <row r="679419" spans="8:8">
      <c r="H679419" s="12"/>
    </row>
    <row r="679420" spans="8:8">
      <c r="H679420" s="12"/>
    </row>
    <row r="679421" spans="8:8">
      <c r="H679421" s="12"/>
    </row>
    <row r="679422" spans="8:8">
      <c r="H679422" s="12"/>
    </row>
    <row r="679423" spans="8:8">
      <c r="H679423" s="12"/>
    </row>
    <row r="679424" spans="8:8">
      <c r="H679424" s="12"/>
    </row>
    <row r="679425" spans="8:8">
      <c r="H679425" s="12"/>
    </row>
    <row r="679426" spans="8:8">
      <c r="H679426" s="12"/>
    </row>
    <row r="679427" spans="8:8">
      <c r="H679427" s="12"/>
    </row>
    <row r="679428" spans="8:8">
      <c r="H679428" s="12"/>
    </row>
    <row r="679429" spans="8:8">
      <c r="H679429" s="12"/>
    </row>
    <row r="679430" spans="8:8">
      <c r="H679430" s="12"/>
    </row>
    <row r="679431" spans="8:8">
      <c r="H679431" s="12"/>
    </row>
    <row r="679432" spans="8:8">
      <c r="H679432" s="12"/>
    </row>
    <row r="679433" spans="8:8">
      <c r="H679433" s="12"/>
    </row>
    <row r="679434" spans="8:8">
      <c r="H679434" s="12"/>
    </row>
    <row r="679435" spans="8:8">
      <c r="H679435" s="12"/>
    </row>
    <row r="679436" spans="8:8">
      <c r="H679436" s="12"/>
    </row>
    <row r="679437" spans="8:8">
      <c r="H679437" s="12"/>
    </row>
    <row r="679438" spans="8:8">
      <c r="H679438" s="12"/>
    </row>
    <row r="679439" spans="8:8">
      <c r="H679439" s="12"/>
    </row>
    <row r="679440" spans="8:8">
      <c r="H679440" s="12"/>
    </row>
    <row r="679441" spans="8:8">
      <c r="H679441" s="12"/>
    </row>
    <row r="679442" spans="8:8">
      <c r="H679442" s="12"/>
    </row>
    <row r="679443" spans="8:8">
      <c r="H679443" s="12"/>
    </row>
    <row r="679444" spans="8:8">
      <c r="H679444" s="12"/>
    </row>
    <row r="679445" spans="8:8">
      <c r="H679445" s="12"/>
    </row>
    <row r="679446" spans="8:8">
      <c r="H679446" s="12"/>
    </row>
    <row r="679447" spans="8:8">
      <c r="H679447" s="12"/>
    </row>
    <row r="679448" spans="8:8">
      <c r="H679448" s="12"/>
    </row>
    <row r="679449" spans="8:8">
      <c r="H679449" s="12"/>
    </row>
    <row r="679450" spans="8:8">
      <c r="H679450" s="12"/>
    </row>
    <row r="679451" spans="8:8">
      <c r="H679451" s="12"/>
    </row>
    <row r="679452" spans="8:8">
      <c r="H679452" s="12"/>
    </row>
    <row r="679453" spans="8:8">
      <c r="H679453" s="12"/>
    </row>
    <row r="679454" spans="8:8">
      <c r="H679454" s="12"/>
    </row>
    <row r="679455" spans="8:8">
      <c r="H679455" s="12"/>
    </row>
    <row r="679456" spans="8:8">
      <c r="H679456" s="12"/>
    </row>
    <row r="679457" spans="8:8">
      <c r="H679457" s="12"/>
    </row>
    <row r="679458" spans="8:8">
      <c r="H679458" s="12"/>
    </row>
    <row r="679459" spans="8:8">
      <c r="H679459" s="12"/>
    </row>
    <row r="679460" spans="8:8">
      <c r="H679460" s="12"/>
    </row>
    <row r="679461" spans="8:8">
      <c r="H679461" s="12"/>
    </row>
    <row r="679462" spans="8:8">
      <c r="H679462" s="12"/>
    </row>
    <row r="679463" spans="8:8">
      <c r="H679463" s="12"/>
    </row>
    <row r="679464" spans="8:8">
      <c r="H679464" s="12"/>
    </row>
    <row r="679465" spans="8:8">
      <c r="H679465" s="12"/>
    </row>
    <row r="679466" spans="8:8">
      <c r="H679466" s="12"/>
    </row>
    <row r="679467" spans="8:8">
      <c r="H679467" s="12"/>
    </row>
    <row r="679468" spans="8:8">
      <c r="H679468" s="12"/>
    </row>
    <row r="679469" spans="8:8">
      <c r="H679469" s="12"/>
    </row>
    <row r="679470" spans="8:8">
      <c r="H679470" s="12"/>
    </row>
    <row r="679471" spans="8:8">
      <c r="H679471" s="12"/>
    </row>
    <row r="679472" spans="8:8">
      <c r="H679472" s="12"/>
    </row>
    <row r="679473" spans="8:8">
      <c r="H679473" s="12"/>
    </row>
    <row r="679474" spans="8:8">
      <c r="H679474" s="12"/>
    </row>
    <row r="679475" spans="8:8">
      <c r="H679475" s="12"/>
    </row>
    <row r="679476" spans="8:8">
      <c r="H679476" s="12"/>
    </row>
    <row r="679477" spans="8:8">
      <c r="H679477" s="12"/>
    </row>
    <row r="679478" spans="8:8">
      <c r="H679478" s="12"/>
    </row>
    <row r="679479" spans="8:8">
      <c r="H679479" s="12"/>
    </row>
    <row r="679480" spans="8:8">
      <c r="H679480" s="12"/>
    </row>
    <row r="679481" spans="8:8">
      <c r="H679481" s="12"/>
    </row>
    <row r="679482" spans="8:8">
      <c r="H679482" s="12"/>
    </row>
    <row r="679483" spans="8:8">
      <c r="H679483" s="12"/>
    </row>
    <row r="679484" spans="8:8">
      <c r="H679484" s="12"/>
    </row>
    <row r="679485" spans="8:8">
      <c r="H679485" s="12"/>
    </row>
    <row r="679486" spans="8:8">
      <c r="H679486" s="12"/>
    </row>
    <row r="679487" spans="8:8">
      <c r="H679487" s="12"/>
    </row>
    <row r="679488" spans="8:8">
      <c r="H679488" s="12"/>
    </row>
    <row r="679489" spans="8:8">
      <c r="H679489" s="12"/>
    </row>
    <row r="679490" spans="8:8">
      <c r="H679490" s="12"/>
    </row>
    <row r="679491" spans="8:8">
      <c r="H679491" s="12"/>
    </row>
    <row r="679492" spans="8:8">
      <c r="H679492" s="12"/>
    </row>
    <row r="679493" spans="8:8">
      <c r="H679493" s="12"/>
    </row>
    <row r="679494" spans="8:8">
      <c r="H679494" s="12"/>
    </row>
    <row r="679495" spans="8:8">
      <c r="H679495" s="12"/>
    </row>
    <row r="679496" spans="8:8">
      <c r="H679496" s="12"/>
    </row>
    <row r="679497" spans="8:8">
      <c r="H679497" s="12"/>
    </row>
    <row r="679498" spans="8:8">
      <c r="H679498" s="12"/>
    </row>
    <row r="679499" spans="8:8">
      <c r="H679499" s="12"/>
    </row>
    <row r="679500" spans="8:8">
      <c r="H679500" s="12"/>
    </row>
    <row r="679501" spans="8:8">
      <c r="H679501" s="12"/>
    </row>
    <row r="679502" spans="8:8">
      <c r="H679502" s="12"/>
    </row>
    <row r="679503" spans="8:8">
      <c r="H679503" s="12"/>
    </row>
    <row r="679504" spans="8:8">
      <c r="H679504" s="12"/>
    </row>
    <row r="679505" spans="8:8">
      <c r="H679505" s="12"/>
    </row>
    <row r="679506" spans="8:8">
      <c r="H679506" s="12"/>
    </row>
    <row r="679507" spans="8:8">
      <c r="H679507" s="12"/>
    </row>
    <row r="679508" spans="8:8">
      <c r="H679508" s="12"/>
    </row>
    <row r="679509" spans="8:8">
      <c r="H679509" s="12"/>
    </row>
    <row r="679510" spans="8:8">
      <c r="H679510" s="12"/>
    </row>
    <row r="679511" spans="8:8">
      <c r="H679511" s="12"/>
    </row>
    <row r="679512" spans="8:8">
      <c r="H679512" s="12"/>
    </row>
    <row r="679513" spans="8:8">
      <c r="H679513" s="12"/>
    </row>
    <row r="679514" spans="8:8">
      <c r="H679514" s="12"/>
    </row>
    <row r="679515" spans="8:8">
      <c r="H679515" s="12"/>
    </row>
    <row r="679516" spans="8:8">
      <c r="H679516" s="12"/>
    </row>
    <row r="679517" spans="8:8">
      <c r="H679517" s="12"/>
    </row>
    <row r="679518" spans="8:8">
      <c r="H679518" s="12"/>
    </row>
    <row r="679519" spans="8:8">
      <c r="H679519" s="12"/>
    </row>
    <row r="679520" spans="8:8">
      <c r="H679520" s="12"/>
    </row>
    <row r="679521" spans="8:8">
      <c r="H679521" s="12"/>
    </row>
    <row r="679522" spans="8:8">
      <c r="H679522" s="12"/>
    </row>
    <row r="679523" spans="8:8">
      <c r="H679523" s="12"/>
    </row>
    <row r="679524" spans="8:8">
      <c r="H679524" s="12"/>
    </row>
    <row r="679525" spans="8:8">
      <c r="H679525" s="12"/>
    </row>
    <row r="679526" spans="8:8">
      <c r="H679526" s="12"/>
    </row>
    <row r="679527" spans="8:8">
      <c r="H679527" s="12"/>
    </row>
    <row r="679528" spans="8:8">
      <c r="H679528" s="12"/>
    </row>
    <row r="679529" spans="8:8">
      <c r="H679529" s="12"/>
    </row>
    <row r="679530" spans="8:8">
      <c r="H679530" s="12"/>
    </row>
    <row r="679531" spans="8:8">
      <c r="H679531" s="12"/>
    </row>
    <row r="679532" spans="8:8">
      <c r="H679532" s="12"/>
    </row>
    <row r="679533" spans="8:8">
      <c r="H679533" s="12"/>
    </row>
    <row r="679534" spans="8:8">
      <c r="H679534" s="12"/>
    </row>
    <row r="679535" spans="8:8">
      <c r="H679535" s="12"/>
    </row>
    <row r="679536" spans="8:8">
      <c r="H679536" s="12"/>
    </row>
    <row r="679537" spans="8:8">
      <c r="H679537" s="12"/>
    </row>
    <row r="679538" spans="8:8">
      <c r="H679538" s="12"/>
    </row>
    <row r="679539" spans="8:8">
      <c r="H679539" s="12"/>
    </row>
    <row r="679540" spans="8:8">
      <c r="H679540" s="12"/>
    </row>
    <row r="679541" spans="8:8">
      <c r="H679541" s="12"/>
    </row>
    <row r="679542" spans="8:8">
      <c r="H679542" s="12"/>
    </row>
    <row r="679543" spans="8:8">
      <c r="H679543" s="12"/>
    </row>
    <row r="679544" spans="8:8">
      <c r="H679544" s="12"/>
    </row>
    <row r="679545" spans="8:8">
      <c r="H679545" s="12"/>
    </row>
    <row r="679546" spans="8:8">
      <c r="H679546" s="12"/>
    </row>
    <row r="679547" spans="8:8">
      <c r="H679547" s="12"/>
    </row>
    <row r="679548" spans="8:8">
      <c r="H679548" s="12"/>
    </row>
    <row r="679549" spans="8:8">
      <c r="H679549" s="12"/>
    </row>
    <row r="679550" spans="8:8">
      <c r="H679550" s="12"/>
    </row>
    <row r="679551" spans="8:8">
      <c r="H679551" s="12"/>
    </row>
    <row r="679552" spans="8:8">
      <c r="H679552" s="12"/>
    </row>
    <row r="679553" spans="8:8">
      <c r="H679553" s="12"/>
    </row>
    <row r="679554" spans="8:8">
      <c r="H679554" s="12"/>
    </row>
    <row r="679555" spans="8:8">
      <c r="H679555" s="12"/>
    </row>
    <row r="679556" spans="8:8">
      <c r="H679556" s="12"/>
    </row>
    <row r="679557" spans="8:8">
      <c r="H679557" s="12"/>
    </row>
    <row r="679558" spans="8:8">
      <c r="H679558" s="12"/>
    </row>
    <row r="679559" spans="8:8">
      <c r="H679559" s="12"/>
    </row>
    <row r="679560" spans="8:8">
      <c r="H679560" s="12"/>
    </row>
    <row r="679561" spans="8:8">
      <c r="H679561" s="12"/>
    </row>
    <row r="679562" spans="8:8">
      <c r="H679562" s="12"/>
    </row>
    <row r="679563" spans="8:8">
      <c r="H679563" s="12"/>
    </row>
    <row r="679564" spans="8:8">
      <c r="H679564" s="12"/>
    </row>
    <row r="679565" spans="8:8">
      <c r="H679565" s="12"/>
    </row>
    <row r="679566" spans="8:8">
      <c r="H679566" s="12"/>
    </row>
    <row r="679567" spans="8:8">
      <c r="H679567" s="12"/>
    </row>
    <row r="679568" spans="8:8">
      <c r="H679568" s="12"/>
    </row>
    <row r="679569" spans="8:8">
      <c r="H679569" s="12"/>
    </row>
    <row r="679570" spans="8:8">
      <c r="H679570" s="12"/>
    </row>
    <row r="679571" spans="8:8">
      <c r="H679571" s="12"/>
    </row>
    <row r="679572" spans="8:8">
      <c r="H679572" s="12"/>
    </row>
    <row r="679573" spans="8:8">
      <c r="H679573" s="12"/>
    </row>
    <row r="679574" spans="8:8">
      <c r="H679574" s="12"/>
    </row>
    <row r="679575" spans="8:8">
      <c r="H679575" s="12"/>
    </row>
    <row r="679576" spans="8:8">
      <c r="H679576" s="12"/>
    </row>
    <row r="679577" spans="8:8">
      <c r="H679577" s="12"/>
    </row>
    <row r="679578" spans="8:8">
      <c r="H679578" s="12"/>
    </row>
    <row r="679579" spans="8:8">
      <c r="H679579" s="12"/>
    </row>
    <row r="679580" spans="8:8">
      <c r="H679580" s="12"/>
    </row>
    <row r="679581" spans="8:8">
      <c r="H679581" s="12"/>
    </row>
    <row r="679582" spans="8:8">
      <c r="H679582" s="12"/>
    </row>
    <row r="679583" spans="8:8">
      <c r="H679583" s="12"/>
    </row>
    <row r="679584" spans="8:8">
      <c r="H679584" s="12"/>
    </row>
    <row r="679585" spans="8:8">
      <c r="H679585" s="12"/>
    </row>
    <row r="679586" spans="8:8">
      <c r="H679586" s="12"/>
    </row>
    <row r="679587" spans="8:8">
      <c r="H679587" s="12"/>
    </row>
    <row r="679588" spans="8:8">
      <c r="H679588" s="12"/>
    </row>
    <row r="679589" spans="8:8">
      <c r="H679589" s="12"/>
    </row>
    <row r="679590" spans="8:8">
      <c r="H679590" s="12"/>
    </row>
    <row r="679591" spans="8:8">
      <c r="H679591" s="12"/>
    </row>
    <row r="679592" spans="8:8">
      <c r="H679592" s="12"/>
    </row>
    <row r="679593" spans="8:8">
      <c r="H679593" s="12"/>
    </row>
    <row r="679594" spans="8:8">
      <c r="H679594" s="12"/>
    </row>
    <row r="679595" spans="8:8">
      <c r="H679595" s="12"/>
    </row>
    <row r="679596" spans="8:8">
      <c r="H679596" s="12"/>
    </row>
    <row r="679597" spans="8:8">
      <c r="H679597" s="12"/>
    </row>
    <row r="679598" spans="8:8">
      <c r="H679598" s="12"/>
    </row>
    <row r="679599" spans="8:8">
      <c r="H679599" s="12"/>
    </row>
    <row r="679600" spans="8:8">
      <c r="H679600" s="12"/>
    </row>
    <row r="679601" spans="8:8">
      <c r="H679601" s="12"/>
    </row>
    <row r="679602" spans="8:8">
      <c r="H679602" s="12"/>
    </row>
    <row r="679603" spans="8:8">
      <c r="H679603" s="12"/>
    </row>
    <row r="679604" spans="8:8">
      <c r="H679604" s="12"/>
    </row>
    <row r="679605" spans="8:8">
      <c r="H679605" s="12"/>
    </row>
    <row r="679606" spans="8:8">
      <c r="H679606" s="12"/>
    </row>
    <row r="679607" spans="8:8">
      <c r="H679607" s="12"/>
    </row>
    <row r="679608" spans="8:8">
      <c r="H679608" s="12"/>
    </row>
    <row r="679609" spans="8:8">
      <c r="H679609" s="12"/>
    </row>
    <row r="679610" spans="8:8">
      <c r="H679610" s="12"/>
    </row>
    <row r="679611" spans="8:8">
      <c r="H679611" s="12"/>
    </row>
    <row r="679612" spans="8:8">
      <c r="H679612" s="12"/>
    </row>
    <row r="679613" spans="8:8">
      <c r="H679613" s="12"/>
    </row>
    <row r="679614" spans="8:8">
      <c r="H679614" s="12"/>
    </row>
    <row r="679615" spans="8:8">
      <c r="H679615" s="12"/>
    </row>
    <row r="679616" spans="8:8">
      <c r="H679616" s="12"/>
    </row>
    <row r="679617" spans="8:8">
      <c r="H679617" s="12"/>
    </row>
    <row r="679618" spans="8:8">
      <c r="H679618" s="12"/>
    </row>
    <row r="679619" spans="8:8">
      <c r="H679619" s="12"/>
    </row>
    <row r="679620" spans="8:8">
      <c r="H679620" s="12"/>
    </row>
    <row r="679621" spans="8:8">
      <c r="H679621" s="12"/>
    </row>
    <row r="679622" spans="8:8">
      <c r="H679622" s="12"/>
    </row>
    <row r="679623" spans="8:8">
      <c r="H679623" s="12"/>
    </row>
    <row r="679624" spans="8:8">
      <c r="H679624" s="12"/>
    </row>
    <row r="679625" spans="8:8">
      <c r="H679625" s="12"/>
    </row>
    <row r="679626" spans="8:8">
      <c r="H679626" s="12"/>
    </row>
    <row r="679627" spans="8:8">
      <c r="H679627" s="12"/>
    </row>
    <row r="679628" spans="8:8">
      <c r="H679628" s="12"/>
    </row>
    <row r="679629" spans="8:8">
      <c r="H679629" s="12"/>
    </row>
    <row r="679630" spans="8:8">
      <c r="H679630" s="12"/>
    </row>
    <row r="679631" spans="8:8">
      <c r="H679631" s="12"/>
    </row>
    <row r="679632" spans="8:8">
      <c r="H679632" s="12"/>
    </row>
    <row r="679633" spans="8:8">
      <c r="H679633" s="12"/>
    </row>
    <row r="679634" spans="8:8">
      <c r="H679634" s="12"/>
    </row>
    <row r="679635" spans="8:8">
      <c r="H679635" s="12"/>
    </row>
    <row r="679636" spans="8:8">
      <c r="H679636" s="12"/>
    </row>
    <row r="679637" spans="8:8">
      <c r="H679637" s="12"/>
    </row>
    <row r="679638" spans="8:8">
      <c r="H679638" s="12"/>
    </row>
    <row r="679639" spans="8:8">
      <c r="H679639" s="12"/>
    </row>
    <row r="679640" spans="8:8">
      <c r="H679640" s="12"/>
    </row>
    <row r="679641" spans="8:8">
      <c r="H679641" s="12"/>
    </row>
    <row r="679642" spans="8:8">
      <c r="H679642" s="12"/>
    </row>
    <row r="679643" spans="8:8">
      <c r="H679643" s="12"/>
    </row>
    <row r="679644" spans="8:8">
      <c r="H679644" s="12"/>
    </row>
    <row r="679645" spans="8:8">
      <c r="H679645" s="12"/>
    </row>
    <row r="679646" spans="8:8">
      <c r="H679646" s="12"/>
    </row>
    <row r="679647" spans="8:8">
      <c r="H679647" s="12"/>
    </row>
    <row r="679648" spans="8:8">
      <c r="H679648" s="12"/>
    </row>
    <row r="679649" spans="8:8">
      <c r="H679649" s="12"/>
    </row>
    <row r="679650" spans="8:8">
      <c r="H679650" s="12"/>
    </row>
    <row r="679651" spans="8:8">
      <c r="H679651" s="12"/>
    </row>
    <row r="679652" spans="8:8">
      <c r="H679652" s="12"/>
    </row>
    <row r="679653" spans="8:8">
      <c r="H679653" s="12"/>
    </row>
    <row r="679654" spans="8:8">
      <c r="H679654" s="12"/>
    </row>
    <row r="679655" spans="8:8">
      <c r="H679655" s="12"/>
    </row>
    <row r="679656" spans="8:8">
      <c r="H679656" s="12"/>
    </row>
    <row r="679657" spans="8:8">
      <c r="H679657" s="12"/>
    </row>
    <row r="679658" spans="8:8">
      <c r="H679658" s="12"/>
    </row>
    <row r="679659" spans="8:8">
      <c r="H679659" s="12"/>
    </row>
    <row r="679660" spans="8:8">
      <c r="H679660" s="12"/>
    </row>
    <row r="679661" spans="8:8">
      <c r="H679661" s="12"/>
    </row>
    <row r="679662" spans="8:8">
      <c r="H679662" s="12"/>
    </row>
    <row r="679663" spans="8:8">
      <c r="H679663" s="12"/>
    </row>
    <row r="679664" spans="8:8">
      <c r="H679664" s="12"/>
    </row>
    <row r="679665" spans="8:8">
      <c r="H679665" s="12"/>
    </row>
    <row r="679666" spans="8:8">
      <c r="H679666" s="12"/>
    </row>
    <row r="679667" spans="8:8">
      <c r="H679667" s="12"/>
    </row>
    <row r="679668" spans="8:8">
      <c r="H679668" s="12"/>
    </row>
    <row r="679669" spans="8:8">
      <c r="H679669" s="12"/>
    </row>
    <row r="679670" spans="8:8">
      <c r="H679670" s="12"/>
    </row>
    <row r="679671" spans="8:8">
      <c r="H679671" s="12"/>
    </row>
    <row r="679672" spans="8:8">
      <c r="H679672" s="12"/>
    </row>
    <row r="679673" spans="8:8">
      <c r="H679673" s="12"/>
    </row>
    <row r="679674" spans="8:8">
      <c r="H679674" s="12"/>
    </row>
    <row r="679675" spans="8:8">
      <c r="H679675" s="12"/>
    </row>
    <row r="679676" spans="8:8">
      <c r="H679676" s="12"/>
    </row>
    <row r="679677" spans="8:8">
      <c r="H679677" s="12"/>
    </row>
    <row r="679678" spans="8:8">
      <c r="H679678" s="12"/>
    </row>
    <row r="679679" spans="8:8">
      <c r="H679679" s="12"/>
    </row>
    <row r="679680" spans="8:8">
      <c r="H679680" s="12"/>
    </row>
    <row r="679681" spans="8:8">
      <c r="H679681" s="12"/>
    </row>
    <row r="679682" spans="8:8">
      <c r="H679682" s="12"/>
    </row>
    <row r="679683" spans="8:8">
      <c r="H679683" s="12"/>
    </row>
    <row r="679684" spans="8:8">
      <c r="H679684" s="12"/>
    </row>
    <row r="679685" spans="8:8">
      <c r="H679685" s="12"/>
    </row>
    <row r="679686" spans="8:8">
      <c r="H679686" s="12"/>
    </row>
    <row r="679687" spans="8:8">
      <c r="H679687" s="12"/>
    </row>
    <row r="679688" spans="8:8">
      <c r="H679688" s="12"/>
    </row>
    <row r="679689" spans="8:8">
      <c r="H679689" s="12"/>
    </row>
    <row r="679690" spans="8:8">
      <c r="H679690" s="12"/>
    </row>
    <row r="679691" spans="8:8">
      <c r="H679691" s="12"/>
    </row>
    <row r="679692" spans="8:8">
      <c r="H679692" s="12"/>
    </row>
    <row r="679693" spans="8:8">
      <c r="H679693" s="12"/>
    </row>
    <row r="679694" spans="8:8">
      <c r="H679694" s="12"/>
    </row>
    <row r="679695" spans="8:8">
      <c r="H679695" s="12"/>
    </row>
    <row r="679696" spans="8:8">
      <c r="H679696" s="12"/>
    </row>
    <row r="679697" spans="8:8">
      <c r="H679697" s="12"/>
    </row>
    <row r="679698" spans="8:8">
      <c r="H679698" s="12"/>
    </row>
    <row r="679699" spans="8:8">
      <c r="H679699" s="12"/>
    </row>
    <row r="679700" spans="8:8">
      <c r="H679700" s="12"/>
    </row>
    <row r="679701" spans="8:8">
      <c r="H679701" s="12"/>
    </row>
    <row r="679702" spans="8:8">
      <c r="H679702" s="12"/>
    </row>
    <row r="679703" spans="8:8">
      <c r="H679703" s="12"/>
    </row>
    <row r="679704" spans="8:8">
      <c r="H679704" s="12"/>
    </row>
    <row r="679705" spans="8:8">
      <c r="H679705" s="12"/>
    </row>
    <row r="679706" spans="8:8">
      <c r="H679706" s="12"/>
    </row>
    <row r="679707" spans="8:8">
      <c r="H679707" s="12"/>
    </row>
    <row r="679708" spans="8:8">
      <c r="H679708" s="12"/>
    </row>
    <row r="679709" spans="8:8">
      <c r="H679709" s="12"/>
    </row>
    <row r="679710" spans="8:8">
      <c r="H679710" s="12"/>
    </row>
    <row r="679711" spans="8:8">
      <c r="H679711" s="12"/>
    </row>
    <row r="679712" spans="8:8">
      <c r="H679712" s="12"/>
    </row>
    <row r="679713" spans="8:8">
      <c r="H679713" s="12"/>
    </row>
    <row r="679714" spans="8:8">
      <c r="H679714" s="12"/>
    </row>
    <row r="679715" spans="8:8">
      <c r="H679715" s="12"/>
    </row>
    <row r="679716" spans="8:8">
      <c r="H679716" s="12"/>
    </row>
    <row r="679717" spans="8:8">
      <c r="H679717" s="12"/>
    </row>
    <row r="679718" spans="8:8">
      <c r="H679718" s="12"/>
    </row>
    <row r="679719" spans="8:8">
      <c r="H679719" s="12"/>
    </row>
    <row r="679720" spans="8:8">
      <c r="H679720" s="12"/>
    </row>
    <row r="679721" spans="8:8">
      <c r="H679721" s="12"/>
    </row>
    <row r="679722" spans="8:8">
      <c r="H679722" s="12"/>
    </row>
    <row r="679723" spans="8:8">
      <c r="H679723" s="12"/>
    </row>
    <row r="679724" spans="8:8">
      <c r="H679724" s="12"/>
    </row>
    <row r="679725" spans="8:8">
      <c r="H679725" s="12"/>
    </row>
    <row r="679726" spans="8:8">
      <c r="H679726" s="12"/>
    </row>
    <row r="679727" spans="8:8">
      <c r="H679727" s="12"/>
    </row>
    <row r="679728" spans="8:8">
      <c r="H679728" s="12"/>
    </row>
    <row r="679729" spans="8:8">
      <c r="H679729" s="12"/>
    </row>
    <row r="679730" spans="8:8">
      <c r="H679730" s="12"/>
    </row>
    <row r="679731" spans="8:8">
      <c r="H679731" s="12"/>
    </row>
    <row r="679732" spans="8:8">
      <c r="H679732" s="12"/>
    </row>
    <row r="679733" spans="8:8">
      <c r="H679733" s="12"/>
    </row>
    <row r="679734" spans="8:8">
      <c r="H679734" s="12"/>
    </row>
    <row r="679735" spans="8:8">
      <c r="H679735" s="12"/>
    </row>
    <row r="679736" spans="8:8">
      <c r="H679736" s="12"/>
    </row>
    <row r="679737" spans="8:8">
      <c r="H679737" s="12"/>
    </row>
    <row r="679738" spans="8:8">
      <c r="H679738" s="12"/>
    </row>
    <row r="679739" spans="8:8">
      <c r="H679739" s="12"/>
    </row>
    <row r="679740" spans="8:8">
      <c r="H679740" s="12"/>
    </row>
    <row r="679741" spans="8:8">
      <c r="H679741" s="12"/>
    </row>
    <row r="679742" spans="8:8">
      <c r="H679742" s="12"/>
    </row>
    <row r="679743" spans="8:8">
      <c r="H679743" s="12"/>
    </row>
    <row r="679744" spans="8:8">
      <c r="H679744" s="12"/>
    </row>
    <row r="679745" spans="8:8">
      <c r="H679745" s="12"/>
    </row>
    <row r="679746" spans="8:8">
      <c r="H679746" s="12"/>
    </row>
    <row r="679747" spans="8:8">
      <c r="H679747" s="12"/>
    </row>
    <row r="679748" spans="8:8">
      <c r="H679748" s="12"/>
    </row>
    <row r="679749" spans="8:8">
      <c r="H679749" s="12"/>
    </row>
    <row r="679750" spans="8:8">
      <c r="H679750" s="12"/>
    </row>
    <row r="679751" spans="8:8">
      <c r="H679751" s="12"/>
    </row>
    <row r="679752" spans="8:8">
      <c r="H679752" s="12"/>
    </row>
    <row r="679753" spans="8:8">
      <c r="H679753" s="12"/>
    </row>
    <row r="679754" spans="8:8">
      <c r="H679754" s="12"/>
    </row>
    <row r="679755" spans="8:8">
      <c r="H679755" s="12"/>
    </row>
    <row r="679756" spans="8:8">
      <c r="H679756" s="12"/>
    </row>
    <row r="679757" spans="8:8">
      <c r="H679757" s="12"/>
    </row>
    <row r="679758" spans="8:8">
      <c r="H679758" s="12"/>
    </row>
    <row r="679759" spans="8:8">
      <c r="H679759" s="12"/>
    </row>
    <row r="679760" spans="8:8">
      <c r="H679760" s="12"/>
    </row>
    <row r="679761" spans="8:8">
      <c r="H679761" s="12"/>
    </row>
    <row r="679762" spans="8:8">
      <c r="H679762" s="12"/>
    </row>
    <row r="679763" spans="8:8">
      <c r="H679763" s="12"/>
    </row>
    <row r="679764" spans="8:8">
      <c r="H679764" s="12"/>
    </row>
    <row r="679765" spans="8:8">
      <c r="H679765" s="12"/>
    </row>
    <row r="679766" spans="8:8">
      <c r="H679766" s="12"/>
    </row>
    <row r="679767" spans="8:8">
      <c r="H679767" s="12"/>
    </row>
    <row r="679768" spans="8:8">
      <c r="H679768" s="12"/>
    </row>
    <row r="679769" spans="8:8">
      <c r="H679769" s="12"/>
    </row>
    <row r="679770" spans="8:8">
      <c r="H679770" s="12"/>
    </row>
    <row r="679771" spans="8:8">
      <c r="H679771" s="12"/>
    </row>
    <row r="679772" spans="8:8">
      <c r="H679772" s="12"/>
    </row>
    <row r="679773" spans="8:8">
      <c r="H679773" s="12"/>
    </row>
    <row r="679774" spans="8:8">
      <c r="H679774" s="12"/>
    </row>
    <row r="679775" spans="8:8">
      <c r="H679775" s="12"/>
    </row>
    <row r="679776" spans="8:8">
      <c r="H679776" s="12"/>
    </row>
    <row r="679777" spans="8:8">
      <c r="H679777" s="12"/>
    </row>
    <row r="679778" spans="8:8">
      <c r="H679778" s="12"/>
    </row>
    <row r="679779" spans="8:8">
      <c r="H679779" s="12"/>
    </row>
    <row r="679780" spans="8:8">
      <c r="H679780" s="12"/>
    </row>
    <row r="679781" spans="8:8">
      <c r="H679781" s="12"/>
    </row>
    <row r="679782" spans="8:8">
      <c r="H679782" s="12"/>
    </row>
    <row r="679783" spans="8:8">
      <c r="H679783" s="12"/>
    </row>
    <row r="679784" spans="8:8">
      <c r="H679784" s="12"/>
    </row>
    <row r="679785" spans="8:8">
      <c r="H679785" s="12"/>
    </row>
    <row r="679786" spans="8:8">
      <c r="H679786" s="12"/>
    </row>
    <row r="679787" spans="8:8">
      <c r="H679787" s="12"/>
    </row>
    <row r="679788" spans="8:8">
      <c r="H679788" s="12"/>
    </row>
    <row r="679789" spans="8:8">
      <c r="H679789" s="12"/>
    </row>
    <row r="679790" spans="8:8">
      <c r="H679790" s="12"/>
    </row>
    <row r="679791" spans="8:8">
      <c r="H679791" s="12"/>
    </row>
    <row r="679792" spans="8:8">
      <c r="H679792" s="12"/>
    </row>
    <row r="679793" spans="8:8">
      <c r="H679793" s="12"/>
    </row>
    <row r="679794" spans="8:8">
      <c r="H679794" s="12"/>
    </row>
    <row r="679795" spans="8:8">
      <c r="H679795" s="12"/>
    </row>
    <row r="679796" spans="8:8">
      <c r="H679796" s="12"/>
    </row>
    <row r="679797" spans="8:8">
      <c r="H679797" s="12"/>
    </row>
    <row r="679798" spans="8:8">
      <c r="H679798" s="12"/>
    </row>
    <row r="679799" spans="8:8">
      <c r="H679799" s="12"/>
    </row>
    <row r="679800" spans="8:8">
      <c r="H679800" s="12"/>
    </row>
    <row r="679801" spans="8:8">
      <c r="H679801" s="12"/>
    </row>
    <row r="679802" spans="8:8">
      <c r="H679802" s="12"/>
    </row>
    <row r="679803" spans="8:8">
      <c r="H679803" s="12"/>
    </row>
    <row r="679804" spans="8:8">
      <c r="H679804" s="12"/>
    </row>
    <row r="679805" spans="8:8">
      <c r="H679805" s="12"/>
    </row>
    <row r="679806" spans="8:8">
      <c r="H679806" s="12"/>
    </row>
    <row r="679807" spans="8:8">
      <c r="H679807" s="12"/>
    </row>
    <row r="679808" spans="8:8">
      <c r="H679808" s="12"/>
    </row>
    <row r="679809" spans="8:8">
      <c r="H679809" s="12"/>
    </row>
    <row r="679810" spans="8:8">
      <c r="H679810" s="12"/>
    </row>
    <row r="679811" spans="8:8">
      <c r="H679811" s="12"/>
    </row>
    <row r="679812" spans="8:8">
      <c r="H679812" s="12"/>
    </row>
    <row r="679813" spans="8:8">
      <c r="H679813" s="12"/>
    </row>
    <row r="679814" spans="8:8">
      <c r="H679814" s="12"/>
    </row>
    <row r="679815" spans="8:8">
      <c r="H679815" s="12"/>
    </row>
    <row r="679816" spans="8:8">
      <c r="H679816" s="12"/>
    </row>
    <row r="679817" spans="8:8">
      <c r="H679817" s="12"/>
    </row>
    <row r="679818" spans="8:8">
      <c r="H679818" s="12"/>
    </row>
    <row r="679819" spans="8:8">
      <c r="H679819" s="12"/>
    </row>
    <row r="679820" spans="8:8">
      <c r="H679820" s="12"/>
    </row>
    <row r="679821" spans="8:8">
      <c r="H679821" s="12"/>
    </row>
    <row r="679822" spans="8:8">
      <c r="H679822" s="12"/>
    </row>
    <row r="679823" spans="8:8">
      <c r="H679823" s="12"/>
    </row>
    <row r="679824" spans="8:8">
      <c r="H679824" s="12"/>
    </row>
    <row r="679825" spans="8:8">
      <c r="H679825" s="12"/>
    </row>
    <row r="679826" spans="8:8">
      <c r="H679826" s="12"/>
    </row>
    <row r="679827" spans="8:8">
      <c r="H679827" s="12"/>
    </row>
    <row r="679828" spans="8:8">
      <c r="H679828" s="12"/>
    </row>
    <row r="679829" spans="8:8">
      <c r="H679829" s="12"/>
    </row>
    <row r="679830" spans="8:8">
      <c r="H679830" s="12"/>
    </row>
    <row r="679831" spans="8:8">
      <c r="H679831" s="12"/>
    </row>
    <row r="679832" spans="8:8">
      <c r="H679832" s="12"/>
    </row>
    <row r="679833" spans="8:8">
      <c r="H679833" s="12"/>
    </row>
    <row r="679834" spans="8:8">
      <c r="H679834" s="12"/>
    </row>
    <row r="679835" spans="8:8">
      <c r="H679835" s="12"/>
    </row>
    <row r="679836" spans="8:8">
      <c r="H679836" s="12"/>
    </row>
    <row r="679837" spans="8:8">
      <c r="H679837" s="12"/>
    </row>
    <row r="679838" spans="8:8">
      <c r="H679838" s="12"/>
    </row>
    <row r="679839" spans="8:8">
      <c r="H679839" s="12"/>
    </row>
    <row r="679840" spans="8:8">
      <c r="H679840" s="12"/>
    </row>
    <row r="679841" spans="8:8">
      <c r="H679841" s="12"/>
    </row>
    <row r="679842" spans="8:8">
      <c r="H679842" s="12"/>
    </row>
    <row r="679843" spans="8:8">
      <c r="H679843" s="12"/>
    </row>
    <row r="679844" spans="8:8">
      <c r="H679844" s="12"/>
    </row>
    <row r="679845" spans="8:8">
      <c r="H679845" s="12"/>
    </row>
    <row r="679846" spans="8:8">
      <c r="H679846" s="12"/>
    </row>
    <row r="679847" spans="8:8">
      <c r="H679847" s="12"/>
    </row>
    <row r="679848" spans="8:8">
      <c r="H679848" s="12"/>
    </row>
    <row r="679849" spans="8:8">
      <c r="H679849" s="12"/>
    </row>
    <row r="679850" spans="8:8">
      <c r="H679850" s="12"/>
    </row>
    <row r="679851" spans="8:8">
      <c r="H679851" s="12"/>
    </row>
    <row r="679852" spans="8:8">
      <c r="H679852" s="12"/>
    </row>
    <row r="679853" spans="8:8">
      <c r="H679853" s="12"/>
    </row>
    <row r="679854" spans="8:8">
      <c r="H679854" s="12"/>
    </row>
    <row r="679855" spans="8:8">
      <c r="H679855" s="12"/>
    </row>
    <row r="679856" spans="8:8">
      <c r="H679856" s="12"/>
    </row>
    <row r="679857" spans="8:8">
      <c r="H679857" s="12"/>
    </row>
    <row r="679858" spans="8:8">
      <c r="H679858" s="12"/>
    </row>
    <row r="679859" spans="8:8">
      <c r="H679859" s="12"/>
    </row>
    <row r="679860" spans="8:8">
      <c r="H679860" s="12"/>
    </row>
    <row r="679861" spans="8:8">
      <c r="H679861" s="12"/>
    </row>
    <row r="679862" spans="8:8">
      <c r="H679862" s="12"/>
    </row>
    <row r="679863" spans="8:8">
      <c r="H679863" s="12"/>
    </row>
    <row r="679864" spans="8:8">
      <c r="H679864" s="12"/>
    </row>
    <row r="679865" spans="8:8">
      <c r="H679865" s="12"/>
    </row>
    <row r="679866" spans="8:8">
      <c r="H679866" s="12"/>
    </row>
    <row r="679867" spans="8:8">
      <c r="H679867" s="12"/>
    </row>
    <row r="679868" spans="8:8">
      <c r="H679868" s="12"/>
    </row>
    <row r="679869" spans="8:8">
      <c r="H679869" s="12"/>
    </row>
    <row r="679870" spans="8:8">
      <c r="H679870" s="12"/>
    </row>
    <row r="679871" spans="8:8">
      <c r="H679871" s="12"/>
    </row>
    <row r="679872" spans="8:8">
      <c r="H679872" s="12"/>
    </row>
    <row r="679873" spans="8:8">
      <c r="H679873" s="12"/>
    </row>
    <row r="679874" spans="8:8">
      <c r="H679874" s="12"/>
    </row>
    <row r="679875" spans="8:8">
      <c r="H679875" s="12"/>
    </row>
    <row r="679876" spans="8:8">
      <c r="H679876" s="12"/>
    </row>
    <row r="679877" spans="8:8">
      <c r="H679877" s="12"/>
    </row>
    <row r="679878" spans="8:8">
      <c r="H679878" s="12"/>
    </row>
    <row r="679879" spans="8:8">
      <c r="H679879" s="12"/>
    </row>
    <row r="679880" spans="8:8">
      <c r="H679880" s="12"/>
    </row>
    <row r="679881" spans="8:8">
      <c r="H679881" s="12"/>
    </row>
    <row r="679882" spans="8:8">
      <c r="H679882" s="12"/>
    </row>
    <row r="679883" spans="8:8">
      <c r="H679883" s="12"/>
    </row>
    <row r="679884" spans="8:8">
      <c r="H679884" s="12"/>
    </row>
    <row r="679885" spans="8:8">
      <c r="H679885" s="12"/>
    </row>
    <row r="679886" spans="8:8">
      <c r="H679886" s="12"/>
    </row>
    <row r="679887" spans="8:8">
      <c r="H679887" s="12"/>
    </row>
    <row r="679888" spans="8:8">
      <c r="H679888" s="12"/>
    </row>
    <row r="679889" spans="8:8">
      <c r="H679889" s="12"/>
    </row>
    <row r="679890" spans="8:8">
      <c r="H679890" s="12"/>
    </row>
    <row r="679891" spans="8:8">
      <c r="H679891" s="12"/>
    </row>
    <row r="679892" spans="8:8">
      <c r="H679892" s="12"/>
    </row>
    <row r="679893" spans="8:8">
      <c r="H679893" s="12"/>
    </row>
    <row r="679894" spans="8:8">
      <c r="H679894" s="12"/>
    </row>
    <row r="679895" spans="8:8">
      <c r="H679895" s="12"/>
    </row>
    <row r="679896" spans="8:8">
      <c r="H679896" s="12"/>
    </row>
    <row r="679897" spans="8:8">
      <c r="H679897" s="12"/>
    </row>
    <row r="679898" spans="8:8">
      <c r="H679898" s="12"/>
    </row>
    <row r="679899" spans="8:8">
      <c r="H679899" s="12"/>
    </row>
    <row r="679900" spans="8:8">
      <c r="H679900" s="12"/>
    </row>
    <row r="679901" spans="8:8">
      <c r="H679901" s="12"/>
    </row>
    <row r="679902" spans="8:8">
      <c r="H679902" s="12"/>
    </row>
    <row r="679903" spans="8:8">
      <c r="H679903" s="12"/>
    </row>
    <row r="679904" spans="8:8">
      <c r="H679904" s="12"/>
    </row>
    <row r="679905" spans="8:8">
      <c r="H679905" s="12"/>
    </row>
    <row r="679906" spans="8:8">
      <c r="H679906" s="12"/>
    </row>
    <row r="679907" spans="8:8">
      <c r="H679907" s="12"/>
    </row>
    <row r="679908" spans="8:8">
      <c r="H679908" s="12"/>
    </row>
    <row r="679909" spans="8:8">
      <c r="H679909" s="12"/>
    </row>
    <row r="679910" spans="8:8">
      <c r="H679910" s="12"/>
    </row>
    <row r="679911" spans="8:8">
      <c r="H679911" s="12"/>
    </row>
    <row r="679912" spans="8:8">
      <c r="H679912" s="12"/>
    </row>
    <row r="679913" spans="8:8">
      <c r="H679913" s="12"/>
    </row>
    <row r="679914" spans="8:8">
      <c r="H679914" s="12"/>
    </row>
    <row r="679915" spans="8:8">
      <c r="H679915" s="12"/>
    </row>
    <row r="679916" spans="8:8">
      <c r="H679916" s="12"/>
    </row>
    <row r="679917" spans="8:8">
      <c r="H679917" s="12"/>
    </row>
    <row r="679918" spans="8:8">
      <c r="H679918" s="12"/>
    </row>
    <row r="679919" spans="8:8">
      <c r="H679919" s="12"/>
    </row>
    <row r="679920" spans="8:8">
      <c r="H679920" s="12"/>
    </row>
    <row r="679921" spans="8:8">
      <c r="H679921" s="12"/>
    </row>
    <row r="679922" spans="8:8">
      <c r="H679922" s="12"/>
    </row>
    <row r="679923" spans="8:8">
      <c r="H679923" s="12"/>
    </row>
    <row r="679924" spans="8:8">
      <c r="H679924" s="12"/>
    </row>
    <row r="679925" spans="8:8">
      <c r="H679925" s="12"/>
    </row>
    <row r="679926" spans="8:8">
      <c r="H679926" s="12"/>
    </row>
    <row r="679927" spans="8:8">
      <c r="H679927" s="12"/>
    </row>
    <row r="679928" spans="8:8">
      <c r="H679928" s="12"/>
    </row>
    <row r="679929" spans="8:8">
      <c r="H679929" s="12"/>
    </row>
    <row r="679930" spans="8:8">
      <c r="H679930" s="12"/>
    </row>
    <row r="679931" spans="8:8">
      <c r="H679931" s="12"/>
    </row>
    <row r="679932" spans="8:8">
      <c r="H679932" s="12"/>
    </row>
    <row r="679933" spans="8:8">
      <c r="H679933" s="12"/>
    </row>
    <row r="679934" spans="8:8">
      <c r="H679934" s="12"/>
    </row>
    <row r="679935" spans="8:8">
      <c r="H679935" s="12"/>
    </row>
    <row r="679936" spans="8:8">
      <c r="H679936" s="12"/>
    </row>
    <row r="679937" spans="8:8">
      <c r="H679937" s="12"/>
    </row>
    <row r="679938" spans="8:8">
      <c r="H679938" s="12"/>
    </row>
    <row r="679939" spans="8:8">
      <c r="H679939" s="12"/>
    </row>
    <row r="679940" spans="8:8">
      <c r="H679940" s="12"/>
    </row>
    <row r="679941" spans="8:8">
      <c r="H679941" s="12"/>
    </row>
    <row r="679942" spans="8:8">
      <c r="H679942" s="12"/>
    </row>
    <row r="679943" spans="8:8">
      <c r="H679943" s="12"/>
    </row>
    <row r="679944" spans="8:8">
      <c r="H679944" s="12"/>
    </row>
    <row r="679945" spans="8:8">
      <c r="H679945" s="12"/>
    </row>
    <row r="679946" spans="8:8">
      <c r="H679946" s="12"/>
    </row>
    <row r="679947" spans="8:8">
      <c r="H679947" s="12"/>
    </row>
    <row r="679948" spans="8:8">
      <c r="H679948" s="12"/>
    </row>
    <row r="679949" spans="8:8">
      <c r="H679949" s="12"/>
    </row>
    <row r="679950" spans="8:8">
      <c r="H679950" s="12"/>
    </row>
    <row r="679951" spans="8:8">
      <c r="H679951" s="12"/>
    </row>
    <row r="679952" spans="8:8">
      <c r="H679952" s="12"/>
    </row>
    <row r="679953" spans="8:8">
      <c r="H679953" s="12"/>
    </row>
    <row r="679954" spans="8:8">
      <c r="H679954" s="12"/>
    </row>
    <row r="679955" spans="8:8">
      <c r="H679955" s="12"/>
    </row>
    <row r="679956" spans="8:8">
      <c r="H679956" s="12"/>
    </row>
    <row r="679957" spans="8:8">
      <c r="H679957" s="12"/>
    </row>
    <row r="679958" spans="8:8">
      <c r="H679958" s="12"/>
    </row>
    <row r="679959" spans="8:8">
      <c r="H679959" s="12"/>
    </row>
    <row r="679960" spans="8:8">
      <c r="H679960" s="12"/>
    </row>
    <row r="679961" spans="8:8">
      <c r="H679961" s="12"/>
    </row>
    <row r="679962" spans="8:8">
      <c r="H679962" s="12"/>
    </row>
    <row r="679963" spans="8:8">
      <c r="H679963" s="12"/>
    </row>
    <row r="679964" spans="8:8">
      <c r="H679964" s="12"/>
    </row>
    <row r="679965" spans="8:8">
      <c r="H679965" s="12"/>
    </row>
    <row r="679966" spans="8:8">
      <c r="H679966" s="12"/>
    </row>
    <row r="679967" spans="8:8">
      <c r="H679967" s="12"/>
    </row>
    <row r="679968" spans="8:8">
      <c r="H679968" s="12"/>
    </row>
    <row r="679969" spans="8:8">
      <c r="H679969" s="12"/>
    </row>
    <row r="679970" spans="8:8">
      <c r="H679970" s="12"/>
    </row>
    <row r="679971" spans="8:8">
      <c r="H679971" s="12"/>
    </row>
    <row r="679972" spans="8:8">
      <c r="H679972" s="12"/>
    </row>
    <row r="679973" spans="8:8">
      <c r="H679973" s="12"/>
    </row>
    <row r="679974" spans="8:8">
      <c r="H679974" s="12"/>
    </row>
    <row r="679975" spans="8:8">
      <c r="H679975" s="12"/>
    </row>
    <row r="679976" spans="8:8">
      <c r="H679976" s="12"/>
    </row>
    <row r="679977" spans="8:8">
      <c r="H679977" s="12"/>
    </row>
    <row r="679978" spans="8:8">
      <c r="H679978" s="12"/>
    </row>
    <row r="679979" spans="8:8">
      <c r="H679979" s="12"/>
    </row>
    <row r="679980" spans="8:8">
      <c r="H679980" s="12"/>
    </row>
    <row r="679981" spans="8:8">
      <c r="H679981" s="12"/>
    </row>
    <row r="679982" spans="8:8">
      <c r="H679982" s="12"/>
    </row>
    <row r="679983" spans="8:8">
      <c r="H679983" s="12"/>
    </row>
    <row r="679984" spans="8:8">
      <c r="H679984" s="12"/>
    </row>
    <row r="679985" spans="8:8">
      <c r="H679985" s="12"/>
    </row>
    <row r="679986" spans="8:8">
      <c r="H679986" s="12"/>
    </row>
    <row r="679987" spans="8:8">
      <c r="H679987" s="12"/>
    </row>
    <row r="679988" spans="8:8">
      <c r="H679988" s="12"/>
    </row>
    <row r="679989" spans="8:8">
      <c r="H679989" s="12"/>
    </row>
    <row r="679990" spans="8:8">
      <c r="H679990" s="12"/>
    </row>
    <row r="679991" spans="8:8">
      <c r="H679991" s="12"/>
    </row>
    <row r="679992" spans="8:8">
      <c r="H679992" s="12"/>
    </row>
    <row r="679993" spans="8:8">
      <c r="H679993" s="12"/>
    </row>
    <row r="679994" spans="8:8">
      <c r="H679994" s="12"/>
    </row>
    <row r="679995" spans="8:8">
      <c r="H679995" s="12"/>
    </row>
    <row r="679996" spans="8:8">
      <c r="H679996" s="12"/>
    </row>
    <row r="679997" spans="8:8">
      <c r="H679997" s="12"/>
    </row>
    <row r="679998" spans="8:8">
      <c r="H679998" s="12"/>
    </row>
    <row r="679999" spans="8:8">
      <c r="H679999" s="12"/>
    </row>
    <row r="680000" spans="8:8">
      <c r="H680000" s="12"/>
    </row>
    <row r="680001" spans="8:8">
      <c r="H680001" s="12"/>
    </row>
    <row r="680002" spans="8:8">
      <c r="H680002" s="12"/>
    </row>
    <row r="680003" spans="8:8">
      <c r="H680003" s="12"/>
    </row>
    <row r="680004" spans="8:8">
      <c r="H680004" s="12"/>
    </row>
    <row r="680005" spans="8:8">
      <c r="H680005" s="12"/>
    </row>
    <row r="680006" spans="8:8">
      <c r="H680006" s="12"/>
    </row>
    <row r="680007" spans="8:8">
      <c r="H680007" s="12"/>
    </row>
    <row r="680008" spans="8:8">
      <c r="H680008" s="12"/>
    </row>
    <row r="680009" spans="8:8">
      <c r="H680009" s="12"/>
    </row>
    <row r="680010" spans="8:8">
      <c r="H680010" s="12"/>
    </row>
    <row r="680011" spans="8:8">
      <c r="H680011" s="12"/>
    </row>
    <row r="680012" spans="8:8">
      <c r="H680012" s="12"/>
    </row>
    <row r="680013" spans="8:8">
      <c r="H680013" s="12"/>
    </row>
    <row r="680014" spans="8:8">
      <c r="H680014" s="12"/>
    </row>
    <row r="680015" spans="8:8">
      <c r="H680015" s="12"/>
    </row>
    <row r="680016" spans="8:8">
      <c r="H680016" s="12"/>
    </row>
    <row r="680017" spans="8:8">
      <c r="H680017" s="12"/>
    </row>
    <row r="680018" spans="8:8">
      <c r="H680018" s="12"/>
    </row>
    <row r="680019" spans="8:8">
      <c r="H680019" s="12"/>
    </row>
    <row r="680020" spans="8:8">
      <c r="H680020" s="12"/>
    </row>
    <row r="680021" spans="8:8">
      <c r="H680021" s="12"/>
    </row>
    <row r="680022" spans="8:8">
      <c r="H680022" s="12"/>
    </row>
    <row r="680023" spans="8:8">
      <c r="H680023" s="12"/>
    </row>
    <row r="680024" spans="8:8">
      <c r="H680024" s="12"/>
    </row>
    <row r="680025" spans="8:8">
      <c r="H680025" s="12"/>
    </row>
    <row r="680026" spans="8:8">
      <c r="H680026" s="12"/>
    </row>
    <row r="680027" spans="8:8">
      <c r="H680027" s="12"/>
    </row>
    <row r="680028" spans="8:8">
      <c r="H680028" s="12"/>
    </row>
    <row r="680029" spans="8:8">
      <c r="H680029" s="12"/>
    </row>
    <row r="680030" spans="8:8">
      <c r="H680030" s="12"/>
    </row>
    <row r="680031" spans="8:8">
      <c r="H680031" s="12"/>
    </row>
    <row r="680032" spans="8:8">
      <c r="H680032" s="12"/>
    </row>
    <row r="680033" spans="8:8">
      <c r="H680033" s="12"/>
    </row>
    <row r="680034" spans="8:8">
      <c r="H680034" s="12"/>
    </row>
    <row r="680035" spans="8:8">
      <c r="H680035" s="12"/>
    </row>
    <row r="680036" spans="8:8">
      <c r="H680036" s="12"/>
    </row>
    <row r="680037" spans="8:8">
      <c r="H680037" s="12"/>
    </row>
    <row r="680038" spans="8:8">
      <c r="H680038" s="12"/>
    </row>
    <row r="680039" spans="8:8">
      <c r="H680039" s="12"/>
    </row>
    <row r="680040" spans="8:8">
      <c r="H680040" s="12"/>
    </row>
    <row r="680041" spans="8:8">
      <c r="H680041" s="12"/>
    </row>
    <row r="680042" spans="8:8">
      <c r="H680042" s="12"/>
    </row>
    <row r="680043" spans="8:8">
      <c r="H680043" s="12"/>
    </row>
    <row r="680044" spans="8:8">
      <c r="H680044" s="12"/>
    </row>
    <row r="680045" spans="8:8">
      <c r="H680045" s="12"/>
    </row>
    <row r="680046" spans="8:8">
      <c r="H680046" s="12"/>
    </row>
    <row r="680047" spans="8:8">
      <c r="H680047" s="12"/>
    </row>
    <row r="680048" spans="8:8">
      <c r="H680048" s="12"/>
    </row>
    <row r="680049" spans="8:8">
      <c r="H680049" s="12"/>
    </row>
    <row r="680050" spans="8:8">
      <c r="H680050" s="12"/>
    </row>
    <row r="680051" spans="8:8">
      <c r="H680051" s="12"/>
    </row>
    <row r="680052" spans="8:8">
      <c r="H680052" s="12"/>
    </row>
    <row r="680053" spans="8:8">
      <c r="H680053" s="12"/>
    </row>
    <row r="680054" spans="8:8">
      <c r="H680054" s="12"/>
    </row>
    <row r="680055" spans="8:8">
      <c r="H680055" s="12"/>
    </row>
    <row r="680056" spans="8:8">
      <c r="H680056" s="12"/>
    </row>
    <row r="680057" spans="8:8">
      <c r="H680057" s="12"/>
    </row>
    <row r="680058" spans="8:8">
      <c r="H680058" s="12"/>
    </row>
    <row r="680059" spans="8:8">
      <c r="H680059" s="12"/>
    </row>
    <row r="680060" spans="8:8">
      <c r="H680060" s="12"/>
    </row>
    <row r="680061" spans="8:8">
      <c r="H680061" s="12"/>
    </row>
    <row r="680062" spans="8:8">
      <c r="H680062" s="12"/>
    </row>
    <row r="680063" spans="8:8">
      <c r="H680063" s="12"/>
    </row>
    <row r="680064" spans="8:8">
      <c r="H680064" s="12"/>
    </row>
    <row r="680065" spans="8:8">
      <c r="H680065" s="12"/>
    </row>
    <row r="680066" spans="8:8">
      <c r="H680066" s="12"/>
    </row>
    <row r="680067" spans="8:8">
      <c r="H680067" s="12"/>
    </row>
    <row r="680068" spans="8:8">
      <c r="H680068" s="12"/>
    </row>
    <row r="680069" spans="8:8">
      <c r="H680069" s="12"/>
    </row>
    <row r="680070" spans="8:8">
      <c r="H680070" s="12"/>
    </row>
    <row r="680071" spans="8:8">
      <c r="H680071" s="12"/>
    </row>
    <row r="680072" spans="8:8">
      <c r="H680072" s="12"/>
    </row>
    <row r="680073" spans="8:8">
      <c r="H680073" s="12"/>
    </row>
    <row r="680074" spans="8:8">
      <c r="H680074" s="12"/>
    </row>
    <row r="680075" spans="8:8">
      <c r="H680075" s="12"/>
    </row>
    <row r="680076" spans="8:8">
      <c r="H680076" s="12"/>
    </row>
    <row r="680077" spans="8:8">
      <c r="H680077" s="12"/>
    </row>
    <row r="680078" spans="8:8">
      <c r="H680078" s="12"/>
    </row>
    <row r="680079" spans="8:8">
      <c r="H680079" s="12"/>
    </row>
    <row r="680080" spans="8:8">
      <c r="H680080" s="12"/>
    </row>
    <row r="680081" spans="8:8">
      <c r="H680081" s="12"/>
    </row>
    <row r="680082" spans="8:8">
      <c r="H680082" s="12"/>
    </row>
    <row r="680083" spans="8:8">
      <c r="H680083" s="12"/>
    </row>
    <row r="680084" spans="8:8">
      <c r="H680084" s="12"/>
    </row>
    <row r="680085" spans="8:8">
      <c r="H680085" s="12"/>
    </row>
    <row r="680086" spans="8:8">
      <c r="H680086" s="12"/>
    </row>
    <row r="680087" spans="8:8">
      <c r="H680087" s="12"/>
    </row>
    <row r="680088" spans="8:8">
      <c r="H680088" s="12"/>
    </row>
    <row r="680089" spans="8:8">
      <c r="H680089" s="12"/>
    </row>
    <row r="680090" spans="8:8">
      <c r="H680090" s="12"/>
    </row>
    <row r="680091" spans="8:8">
      <c r="H680091" s="12"/>
    </row>
    <row r="680092" spans="8:8">
      <c r="H680092" s="12"/>
    </row>
    <row r="680093" spans="8:8">
      <c r="H680093" s="12"/>
    </row>
    <row r="680094" spans="8:8">
      <c r="H680094" s="12"/>
    </row>
    <row r="680095" spans="8:8">
      <c r="H680095" s="12"/>
    </row>
    <row r="680096" spans="8:8">
      <c r="H680096" s="12"/>
    </row>
    <row r="680097" spans="8:8">
      <c r="H680097" s="12"/>
    </row>
    <row r="680098" spans="8:8">
      <c r="H680098" s="12"/>
    </row>
    <row r="680099" spans="8:8">
      <c r="H680099" s="12"/>
    </row>
    <row r="680100" spans="8:8">
      <c r="H680100" s="12"/>
    </row>
    <row r="680101" spans="8:8">
      <c r="H680101" s="12"/>
    </row>
    <row r="680102" spans="8:8">
      <c r="H680102" s="12"/>
    </row>
    <row r="680103" spans="8:8">
      <c r="H680103" s="12"/>
    </row>
    <row r="680104" spans="8:8">
      <c r="H680104" s="12"/>
    </row>
    <row r="680105" spans="8:8">
      <c r="H680105" s="12"/>
    </row>
    <row r="680106" spans="8:8">
      <c r="H680106" s="12"/>
    </row>
    <row r="680107" spans="8:8">
      <c r="H680107" s="12"/>
    </row>
    <row r="680108" spans="8:8">
      <c r="H680108" s="12"/>
    </row>
    <row r="680109" spans="8:8">
      <c r="H680109" s="12"/>
    </row>
    <row r="680110" spans="8:8">
      <c r="H680110" s="12"/>
    </row>
    <row r="680111" spans="8:8">
      <c r="H680111" s="12"/>
    </row>
    <row r="680112" spans="8:8">
      <c r="H680112" s="12"/>
    </row>
    <row r="680113" spans="8:8">
      <c r="H680113" s="12"/>
    </row>
    <row r="680114" spans="8:8">
      <c r="H680114" s="12"/>
    </row>
    <row r="680115" spans="8:8">
      <c r="H680115" s="12"/>
    </row>
    <row r="680116" spans="8:8">
      <c r="H680116" s="12"/>
    </row>
    <row r="680117" spans="8:8">
      <c r="H680117" s="12"/>
    </row>
    <row r="680118" spans="8:8">
      <c r="H680118" s="12"/>
    </row>
    <row r="680119" spans="8:8">
      <c r="H680119" s="12"/>
    </row>
    <row r="680120" spans="8:8">
      <c r="H680120" s="12"/>
    </row>
    <row r="680121" spans="8:8">
      <c r="H680121" s="12"/>
    </row>
    <row r="680122" spans="8:8">
      <c r="H680122" s="12"/>
    </row>
    <row r="680123" spans="8:8">
      <c r="H680123" s="12"/>
    </row>
    <row r="680124" spans="8:8">
      <c r="H680124" s="12"/>
    </row>
    <row r="680125" spans="8:8">
      <c r="H680125" s="12"/>
    </row>
    <row r="680126" spans="8:8">
      <c r="H680126" s="12"/>
    </row>
    <row r="680127" spans="8:8">
      <c r="H680127" s="12"/>
    </row>
    <row r="680128" spans="8:8">
      <c r="H680128" s="12"/>
    </row>
    <row r="680129" spans="8:8">
      <c r="H680129" s="12"/>
    </row>
    <row r="680130" spans="8:8">
      <c r="H680130" s="12"/>
    </row>
    <row r="680131" spans="8:8">
      <c r="H680131" s="12"/>
    </row>
    <row r="680132" spans="8:8">
      <c r="H680132" s="12"/>
    </row>
    <row r="680133" spans="8:8">
      <c r="H680133" s="12"/>
    </row>
    <row r="680134" spans="8:8">
      <c r="H680134" s="12"/>
    </row>
    <row r="680135" spans="8:8">
      <c r="H680135" s="12"/>
    </row>
    <row r="680136" spans="8:8">
      <c r="H680136" s="12"/>
    </row>
    <row r="680137" spans="8:8">
      <c r="H680137" s="12"/>
    </row>
    <row r="680138" spans="8:8">
      <c r="H680138" s="12"/>
    </row>
    <row r="680139" spans="8:8">
      <c r="H680139" s="12"/>
    </row>
    <row r="680140" spans="8:8">
      <c r="H680140" s="12"/>
    </row>
    <row r="680141" spans="8:8">
      <c r="H680141" s="12"/>
    </row>
    <row r="680142" spans="8:8">
      <c r="H680142" s="12"/>
    </row>
    <row r="680143" spans="8:8">
      <c r="H680143" s="12"/>
    </row>
    <row r="680144" spans="8:8">
      <c r="H680144" s="12"/>
    </row>
    <row r="680145" spans="8:8">
      <c r="H680145" s="12"/>
    </row>
    <row r="680146" spans="8:8">
      <c r="H680146" s="12"/>
    </row>
    <row r="680147" spans="8:8">
      <c r="H680147" s="12"/>
    </row>
    <row r="680148" spans="8:8">
      <c r="H680148" s="12"/>
    </row>
    <row r="680149" spans="8:8">
      <c r="H680149" s="12"/>
    </row>
    <row r="680150" spans="8:8">
      <c r="H680150" s="12"/>
    </row>
    <row r="680151" spans="8:8">
      <c r="H680151" s="12"/>
    </row>
    <row r="680152" spans="8:8">
      <c r="H680152" s="12"/>
    </row>
    <row r="680153" spans="8:8">
      <c r="H680153" s="12"/>
    </row>
    <row r="680154" spans="8:8">
      <c r="H680154" s="12"/>
    </row>
    <row r="680155" spans="8:8">
      <c r="H680155" s="12"/>
    </row>
    <row r="680156" spans="8:8">
      <c r="H680156" s="12"/>
    </row>
    <row r="680157" spans="8:8">
      <c r="H680157" s="12"/>
    </row>
    <row r="680158" spans="8:8">
      <c r="H680158" s="12"/>
    </row>
    <row r="680159" spans="8:8">
      <c r="H680159" s="12"/>
    </row>
    <row r="680160" spans="8:8">
      <c r="H680160" s="12"/>
    </row>
    <row r="680161" spans="8:8">
      <c r="H680161" s="12"/>
    </row>
    <row r="680162" spans="8:8">
      <c r="H680162" s="12"/>
    </row>
    <row r="680163" spans="8:8">
      <c r="H680163" s="12"/>
    </row>
    <row r="680164" spans="8:8">
      <c r="H680164" s="12"/>
    </row>
    <row r="680165" spans="8:8">
      <c r="H680165" s="12"/>
    </row>
    <row r="680166" spans="8:8">
      <c r="H680166" s="12"/>
    </row>
    <row r="680167" spans="8:8">
      <c r="H680167" s="12"/>
    </row>
    <row r="680168" spans="8:8">
      <c r="H680168" s="12"/>
    </row>
    <row r="680169" spans="8:8">
      <c r="H680169" s="12"/>
    </row>
    <row r="680170" spans="8:8">
      <c r="H680170" s="12"/>
    </row>
    <row r="680171" spans="8:8">
      <c r="H680171" s="12"/>
    </row>
    <row r="680172" spans="8:8">
      <c r="H680172" s="12"/>
    </row>
    <row r="680173" spans="8:8">
      <c r="H680173" s="12"/>
    </row>
    <row r="680174" spans="8:8">
      <c r="H680174" s="12"/>
    </row>
    <row r="680175" spans="8:8">
      <c r="H680175" s="12"/>
    </row>
    <row r="680176" spans="8:8">
      <c r="H680176" s="12"/>
    </row>
    <row r="680177" spans="8:8">
      <c r="H680177" s="12"/>
    </row>
    <row r="680178" spans="8:8">
      <c r="H680178" s="12"/>
    </row>
    <row r="680179" spans="8:8">
      <c r="H680179" s="12"/>
    </row>
    <row r="680180" spans="8:8">
      <c r="H680180" s="12"/>
    </row>
    <row r="680181" spans="8:8">
      <c r="H680181" s="12"/>
    </row>
    <row r="680182" spans="8:8">
      <c r="H680182" s="12"/>
    </row>
    <row r="680183" spans="8:8">
      <c r="H680183" s="12"/>
    </row>
    <row r="680184" spans="8:8">
      <c r="H680184" s="12"/>
    </row>
    <row r="680185" spans="8:8">
      <c r="H680185" s="12"/>
    </row>
    <row r="680186" spans="8:8">
      <c r="H680186" s="12"/>
    </row>
    <row r="680187" spans="8:8">
      <c r="H680187" s="12"/>
    </row>
    <row r="680188" spans="8:8">
      <c r="H680188" s="12"/>
    </row>
    <row r="680189" spans="8:8">
      <c r="H680189" s="12"/>
    </row>
    <row r="680190" spans="8:8">
      <c r="H680190" s="12"/>
    </row>
    <row r="680191" spans="8:8">
      <c r="H680191" s="12"/>
    </row>
    <row r="680192" spans="8:8">
      <c r="H680192" s="12"/>
    </row>
    <row r="680193" spans="8:8">
      <c r="H680193" s="12"/>
    </row>
    <row r="680194" spans="8:8">
      <c r="H680194" s="12"/>
    </row>
    <row r="680195" spans="8:8">
      <c r="H680195" s="12"/>
    </row>
    <row r="680196" spans="8:8">
      <c r="H680196" s="12"/>
    </row>
    <row r="680197" spans="8:8">
      <c r="H680197" s="12"/>
    </row>
    <row r="680198" spans="8:8">
      <c r="H680198" s="12"/>
    </row>
    <row r="680199" spans="8:8">
      <c r="H680199" s="12"/>
    </row>
    <row r="680200" spans="8:8">
      <c r="H680200" s="12"/>
    </row>
    <row r="680201" spans="8:8">
      <c r="H680201" s="12"/>
    </row>
    <row r="680202" spans="8:8">
      <c r="H680202" s="12"/>
    </row>
    <row r="680203" spans="8:8">
      <c r="H680203" s="12"/>
    </row>
    <row r="680204" spans="8:8">
      <c r="H680204" s="12"/>
    </row>
    <row r="680205" spans="8:8">
      <c r="H680205" s="12"/>
    </row>
    <row r="680206" spans="8:8">
      <c r="H680206" s="12"/>
    </row>
    <row r="680207" spans="8:8">
      <c r="H680207" s="12"/>
    </row>
    <row r="680208" spans="8:8">
      <c r="H680208" s="12"/>
    </row>
    <row r="680209" spans="8:8">
      <c r="H680209" s="12"/>
    </row>
    <row r="680210" spans="8:8">
      <c r="H680210" s="12"/>
    </row>
    <row r="680211" spans="8:8">
      <c r="H680211" s="12"/>
    </row>
    <row r="680212" spans="8:8">
      <c r="H680212" s="12"/>
    </row>
    <row r="680213" spans="8:8">
      <c r="H680213" s="12"/>
    </row>
    <row r="680214" spans="8:8">
      <c r="H680214" s="12"/>
    </row>
    <row r="680215" spans="8:8">
      <c r="H680215" s="12"/>
    </row>
    <row r="680216" spans="8:8">
      <c r="H680216" s="12"/>
    </row>
    <row r="680217" spans="8:8">
      <c r="H680217" s="12"/>
    </row>
    <row r="680218" spans="8:8">
      <c r="H680218" s="12"/>
    </row>
    <row r="680219" spans="8:8">
      <c r="H680219" s="12"/>
    </row>
    <row r="680220" spans="8:8">
      <c r="H680220" s="12"/>
    </row>
    <row r="680221" spans="8:8">
      <c r="H680221" s="12"/>
    </row>
    <row r="680222" spans="8:8">
      <c r="H680222" s="12"/>
    </row>
    <row r="680223" spans="8:8">
      <c r="H680223" s="12"/>
    </row>
    <row r="680224" spans="8:8">
      <c r="H680224" s="12"/>
    </row>
    <row r="680225" spans="8:8">
      <c r="H680225" s="12"/>
    </row>
    <row r="680226" spans="8:8">
      <c r="H680226" s="12"/>
    </row>
    <row r="680227" spans="8:8">
      <c r="H680227" s="12"/>
    </row>
    <row r="680228" spans="8:8">
      <c r="H680228" s="12"/>
    </row>
    <row r="680229" spans="8:8">
      <c r="H680229" s="12"/>
    </row>
    <row r="680230" spans="8:8">
      <c r="H680230" s="12"/>
    </row>
    <row r="680231" spans="8:8">
      <c r="H680231" s="12"/>
    </row>
    <row r="680232" spans="8:8">
      <c r="H680232" s="12"/>
    </row>
    <row r="680233" spans="8:8">
      <c r="H680233" s="12"/>
    </row>
    <row r="680234" spans="8:8">
      <c r="H680234" s="12"/>
    </row>
    <row r="680235" spans="8:8">
      <c r="H680235" s="12"/>
    </row>
    <row r="680236" spans="8:8">
      <c r="H680236" s="12"/>
    </row>
    <row r="680237" spans="8:8">
      <c r="H680237" s="12"/>
    </row>
    <row r="680238" spans="8:8">
      <c r="H680238" s="12"/>
    </row>
    <row r="680239" spans="8:8">
      <c r="H680239" s="12"/>
    </row>
    <row r="680240" spans="8:8">
      <c r="H680240" s="12"/>
    </row>
    <row r="680241" spans="8:8">
      <c r="H680241" s="12"/>
    </row>
    <row r="680242" spans="8:8">
      <c r="H680242" s="12"/>
    </row>
    <row r="680243" spans="8:8">
      <c r="H680243" s="12"/>
    </row>
    <row r="680244" spans="8:8">
      <c r="H680244" s="12"/>
    </row>
    <row r="680245" spans="8:8">
      <c r="H680245" s="12"/>
    </row>
    <row r="680246" spans="8:8">
      <c r="H680246" s="12"/>
    </row>
    <row r="680247" spans="8:8">
      <c r="H680247" s="12"/>
    </row>
    <row r="680248" spans="8:8">
      <c r="H680248" s="12"/>
    </row>
    <row r="680249" spans="8:8">
      <c r="H680249" s="12"/>
    </row>
    <row r="680250" spans="8:8">
      <c r="H680250" s="12"/>
    </row>
    <row r="680251" spans="8:8">
      <c r="H680251" s="12"/>
    </row>
    <row r="680252" spans="8:8">
      <c r="H680252" s="12"/>
    </row>
    <row r="680253" spans="8:8">
      <c r="H680253" s="12"/>
    </row>
    <row r="680254" spans="8:8">
      <c r="H680254" s="12"/>
    </row>
    <row r="680255" spans="8:8">
      <c r="H680255" s="12"/>
    </row>
    <row r="680256" spans="8:8">
      <c r="H680256" s="12"/>
    </row>
    <row r="680257" spans="8:8">
      <c r="H680257" s="12"/>
    </row>
    <row r="680258" spans="8:8">
      <c r="H680258" s="12"/>
    </row>
    <row r="680259" spans="8:8">
      <c r="H680259" s="12"/>
    </row>
    <row r="680260" spans="8:8">
      <c r="H680260" s="12"/>
    </row>
    <row r="680261" spans="8:8">
      <c r="H680261" s="12"/>
    </row>
    <row r="680262" spans="8:8">
      <c r="H680262" s="12"/>
    </row>
    <row r="680263" spans="8:8">
      <c r="H680263" s="12"/>
    </row>
    <row r="680264" spans="8:8">
      <c r="H680264" s="12"/>
    </row>
    <row r="680265" spans="8:8">
      <c r="H680265" s="12"/>
    </row>
    <row r="680266" spans="8:8">
      <c r="H680266" s="12"/>
    </row>
    <row r="680267" spans="8:8">
      <c r="H680267" s="12"/>
    </row>
    <row r="680268" spans="8:8">
      <c r="H680268" s="12"/>
    </row>
    <row r="680269" spans="8:8">
      <c r="H680269" s="12"/>
    </row>
    <row r="680270" spans="8:8">
      <c r="H680270" s="12"/>
    </row>
    <row r="680271" spans="8:8">
      <c r="H680271" s="12"/>
    </row>
    <row r="680272" spans="8:8">
      <c r="H680272" s="12"/>
    </row>
    <row r="680273" spans="8:8">
      <c r="H680273" s="12"/>
    </row>
    <row r="680274" spans="8:8">
      <c r="H680274" s="12"/>
    </row>
    <row r="680275" spans="8:8">
      <c r="H680275" s="12"/>
    </row>
    <row r="680276" spans="8:8">
      <c r="H680276" s="12"/>
    </row>
    <row r="680277" spans="8:8">
      <c r="H680277" s="12"/>
    </row>
    <row r="680278" spans="8:8">
      <c r="H680278" s="12"/>
    </row>
    <row r="680279" spans="8:8">
      <c r="H680279" s="12"/>
    </row>
    <row r="680280" spans="8:8">
      <c r="H680280" s="12"/>
    </row>
    <row r="680281" spans="8:8">
      <c r="H680281" s="12"/>
    </row>
    <row r="680282" spans="8:8">
      <c r="H680282" s="12"/>
    </row>
    <row r="680283" spans="8:8">
      <c r="H680283" s="12"/>
    </row>
    <row r="680284" spans="8:8">
      <c r="H680284" s="12"/>
    </row>
    <row r="680285" spans="8:8">
      <c r="H680285" s="12"/>
    </row>
    <row r="680286" spans="8:8">
      <c r="H680286" s="12"/>
    </row>
    <row r="680287" spans="8:8">
      <c r="H680287" s="12"/>
    </row>
    <row r="680288" spans="8:8">
      <c r="H680288" s="12"/>
    </row>
    <row r="680289" spans="8:8">
      <c r="H680289" s="12"/>
    </row>
    <row r="680290" spans="8:8">
      <c r="H680290" s="12"/>
    </row>
    <row r="680291" spans="8:8">
      <c r="H680291" s="12"/>
    </row>
    <row r="680292" spans="8:8">
      <c r="H680292" s="12"/>
    </row>
    <row r="680293" spans="8:8">
      <c r="H680293" s="12"/>
    </row>
    <row r="680294" spans="8:8">
      <c r="H680294" s="12"/>
    </row>
    <row r="680295" spans="8:8">
      <c r="H680295" s="12"/>
    </row>
    <row r="680296" spans="8:8">
      <c r="H680296" s="12"/>
    </row>
    <row r="680297" spans="8:8">
      <c r="H680297" s="12"/>
    </row>
    <row r="680298" spans="8:8">
      <c r="H680298" s="12"/>
    </row>
    <row r="680299" spans="8:8">
      <c r="H680299" s="12"/>
    </row>
    <row r="680300" spans="8:8">
      <c r="H680300" s="12"/>
    </row>
    <row r="680301" spans="8:8">
      <c r="H680301" s="12"/>
    </row>
    <row r="680302" spans="8:8">
      <c r="H680302" s="12"/>
    </row>
    <row r="680303" spans="8:8">
      <c r="H680303" s="12"/>
    </row>
    <row r="680304" spans="8:8">
      <c r="H680304" s="12"/>
    </row>
    <row r="680305" spans="8:8">
      <c r="H680305" s="12"/>
    </row>
    <row r="680306" spans="8:8">
      <c r="H680306" s="12"/>
    </row>
    <row r="680307" spans="8:8">
      <c r="H680307" s="12"/>
    </row>
    <row r="680308" spans="8:8">
      <c r="H680308" s="12"/>
    </row>
    <row r="680309" spans="8:8">
      <c r="H680309" s="12"/>
    </row>
    <row r="680310" spans="8:8">
      <c r="H680310" s="12"/>
    </row>
    <row r="680311" spans="8:8">
      <c r="H680311" s="12"/>
    </row>
    <row r="680312" spans="8:8">
      <c r="H680312" s="12"/>
    </row>
    <row r="680313" spans="8:8">
      <c r="H680313" s="12"/>
    </row>
    <row r="680314" spans="8:8">
      <c r="H680314" s="12"/>
    </row>
    <row r="680315" spans="8:8">
      <c r="H680315" s="12"/>
    </row>
    <row r="680316" spans="8:8">
      <c r="H680316" s="12"/>
    </row>
    <row r="680317" spans="8:8">
      <c r="H680317" s="12"/>
    </row>
    <row r="680318" spans="8:8">
      <c r="H680318" s="12"/>
    </row>
    <row r="680319" spans="8:8">
      <c r="H680319" s="12"/>
    </row>
    <row r="680320" spans="8:8">
      <c r="H680320" s="12"/>
    </row>
    <row r="680321" spans="8:8">
      <c r="H680321" s="12"/>
    </row>
    <row r="680322" spans="8:8">
      <c r="H680322" s="12"/>
    </row>
    <row r="680323" spans="8:8">
      <c r="H680323" s="12"/>
    </row>
    <row r="680324" spans="8:8">
      <c r="H680324" s="12"/>
    </row>
    <row r="680325" spans="8:8">
      <c r="H680325" s="12"/>
    </row>
    <row r="680326" spans="8:8">
      <c r="H680326" s="12"/>
    </row>
    <row r="680327" spans="8:8">
      <c r="H680327" s="12"/>
    </row>
    <row r="680328" spans="8:8">
      <c r="H680328" s="12"/>
    </row>
    <row r="680329" spans="8:8">
      <c r="H680329" s="12"/>
    </row>
    <row r="680330" spans="8:8">
      <c r="H680330" s="12"/>
    </row>
    <row r="680331" spans="8:8">
      <c r="H680331" s="12"/>
    </row>
    <row r="680332" spans="8:8">
      <c r="H680332" s="12"/>
    </row>
    <row r="680333" spans="8:8">
      <c r="H680333" s="12"/>
    </row>
    <row r="680334" spans="8:8">
      <c r="H680334" s="12"/>
    </row>
    <row r="680335" spans="8:8">
      <c r="H680335" s="12"/>
    </row>
    <row r="680336" spans="8:8">
      <c r="H680336" s="12"/>
    </row>
    <row r="680337" spans="8:8">
      <c r="H680337" s="12"/>
    </row>
    <row r="680338" spans="8:8">
      <c r="H680338" s="12"/>
    </row>
    <row r="680339" spans="8:8">
      <c r="H680339" s="12"/>
    </row>
    <row r="680340" spans="8:8">
      <c r="H680340" s="12"/>
    </row>
    <row r="680341" spans="8:8">
      <c r="H680341" s="12"/>
    </row>
    <row r="680342" spans="8:8">
      <c r="H680342" s="12"/>
    </row>
    <row r="680343" spans="8:8">
      <c r="H680343" s="12"/>
    </row>
    <row r="680344" spans="8:8">
      <c r="H680344" s="12"/>
    </row>
    <row r="680345" spans="8:8">
      <c r="H680345" s="12"/>
    </row>
    <row r="680346" spans="8:8">
      <c r="H680346" s="12"/>
    </row>
    <row r="680347" spans="8:8">
      <c r="H680347" s="12"/>
    </row>
    <row r="680348" spans="8:8">
      <c r="H680348" s="12"/>
    </row>
    <row r="680349" spans="8:8">
      <c r="H680349" s="12"/>
    </row>
    <row r="680350" spans="8:8">
      <c r="H680350" s="12"/>
    </row>
    <row r="680351" spans="8:8">
      <c r="H680351" s="12"/>
    </row>
    <row r="680352" spans="8:8">
      <c r="H680352" s="12"/>
    </row>
    <row r="680353" spans="8:8">
      <c r="H680353" s="12"/>
    </row>
    <row r="680354" spans="8:8">
      <c r="H680354" s="12"/>
    </row>
    <row r="680355" spans="8:8">
      <c r="H680355" s="12"/>
    </row>
    <row r="680356" spans="8:8">
      <c r="H680356" s="12"/>
    </row>
    <row r="680357" spans="8:8">
      <c r="H680357" s="12"/>
    </row>
    <row r="680358" spans="8:8">
      <c r="H680358" s="12"/>
    </row>
    <row r="680359" spans="8:8">
      <c r="H680359" s="12"/>
    </row>
    <row r="680360" spans="8:8">
      <c r="H680360" s="12"/>
    </row>
    <row r="680361" spans="8:8">
      <c r="H680361" s="12"/>
    </row>
    <row r="680362" spans="8:8">
      <c r="H680362" s="12"/>
    </row>
    <row r="680363" spans="8:8">
      <c r="H680363" s="12"/>
    </row>
    <row r="680364" spans="8:8">
      <c r="H680364" s="12"/>
    </row>
    <row r="680365" spans="8:8">
      <c r="H680365" s="12"/>
    </row>
    <row r="680366" spans="8:8">
      <c r="H680366" s="12"/>
    </row>
    <row r="680367" spans="8:8">
      <c r="H680367" s="12"/>
    </row>
    <row r="680368" spans="8:8">
      <c r="H680368" s="12"/>
    </row>
    <row r="680369" spans="8:8">
      <c r="H680369" s="12"/>
    </row>
    <row r="680370" spans="8:8">
      <c r="H680370" s="12"/>
    </row>
    <row r="680371" spans="8:8">
      <c r="H680371" s="12"/>
    </row>
    <row r="680372" spans="8:8">
      <c r="H680372" s="12"/>
    </row>
    <row r="680373" spans="8:8">
      <c r="H680373" s="12"/>
    </row>
    <row r="680374" spans="8:8">
      <c r="H680374" s="12"/>
    </row>
    <row r="680375" spans="8:8">
      <c r="H680375" s="12"/>
    </row>
    <row r="680376" spans="8:8">
      <c r="H680376" s="12"/>
    </row>
    <row r="680377" spans="8:8">
      <c r="H680377" s="12"/>
    </row>
    <row r="680378" spans="8:8">
      <c r="H680378" s="12"/>
    </row>
    <row r="680379" spans="8:8">
      <c r="H680379" s="12"/>
    </row>
    <row r="680380" spans="8:8">
      <c r="H680380" s="12"/>
    </row>
    <row r="680381" spans="8:8">
      <c r="H680381" s="12"/>
    </row>
    <row r="680382" spans="8:8">
      <c r="H680382" s="12"/>
    </row>
    <row r="680383" spans="8:8">
      <c r="H680383" s="12"/>
    </row>
    <row r="680384" spans="8:8">
      <c r="H680384" s="12"/>
    </row>
    <row r="680385" spans="8:8">
      <c r="H680385" s="12"/>
    </row>
    <row r="680386" spans="8:8">
      <c r="H680386" s="12"/>
    </row>
    <row r="680387" spans="8:8">
      <c r="H680387" s="12"/>
    </row>
    <row r="680388" spans="8:8">
      <c r="H680388" s="12"/>
    </row>
    <row r="680389" spans="8:8">
      <c r="H680389" s="12"/>
    </row>
    <row r="680390" spans="8:8">
      <c r="H680390" s="12"/>
    </row>
    <row r="680391" spans="8:8">
      <c r="H680391" s="12"/>
    </row>
    <row r="680392" spans="8:8">
      <c r="H680392" s="12"/>
    </row>
    <row r="680393" spans="8:8">
      <c r="H680393" s="12"/>
    </row>
    <row r="680394" spans="8:8">
      <c r="H680394" s="12"/>
    </row>
    <row r="680395" spans="8:8">
      <c r="H680395" s="12"/>
    </row>
    <row r="680396" spans="8:8">
      <c r="H680396" s="12"/>
    </row>
    <row r="680397" spans="8:8">
      <c r="H680397" s="12"/>
    </row>
    <row r="680398" spans="8:8">
      <c r="H680398" s="12"/>
    </row>
    <row r="680399" spans="8:8">
      <c r="H680399" s="12"/>
    </row>
    <row r="680400" spans="8:8">
      <c r="H680400" s="12"/>
    </row>
    <row r="680401" spans="8:8">
      <c r="H680401" s="12"/>
    </row>
    <row r="680402" spans="8:8">
      <c r="H680402" s="12"/>
    </row>
    <row r="680403" spans="8:8">
      <c r="H680403" s="12"/>
    </row>
    <row r="680404" spans="8:8">
      <c r="H680404" s="12"/>
    </row>
    <row r="680405" spans="8:8">
      <c r="H680405" s="12"/>
    </row>
    <row r="680406" spans="8:8">
      <c r="H680406" s="12"/>
    </row>
    <row r="680407" spans="8:8">
      <c r="H680407" s="12"/>
    </row>
    <row r="680408" spans="8:8">
      <c r="H680408" s="12"/>
    </row>
    <row r="680409" spans="8:8">
      <c r="H680409" s="12"/>
    </row>
    <row r="680410" spans="8:8">
      <c r="H680410" s="12"/>
    </row>
    <row r="680411" spans="8:8">
      <c r="H680411" s="12"/>
    </row>
    <row r="680412" spans="8:8">
      <c r="H680412" s="12"/>
    </row>
    <row r="680413" spans="8:8">
      <c r="H680413" s="12"/>
    </row>
    <row r="680414" spans="8:8">
      <c r="H680414" s="12"/>
    </row>
    <row r="680415" spans="8:8">
      <c r="H680415" s="12"/>
    </row>
    <row r="680416" spans="8:8">
      <c r="H680416" s="12"/>
    </row>
    <row r="680417" spans="8:8">
      <c r="H680417" s="12"/>
    </row>
    <row r="680418" spans="8:8">
      <c r="H680418" s="12"/>
    </row>
    <row r="680419" spans="8:8">
      <c r="H680419" s="12"/>
    </row>
    <row r="680420" spans="8:8">
      <c r="H680420" s="12"/>
    </row>
    <row r="680421" spans="8:8">
      <c r="H680421" s="12"/>
    </row>
    <row r="680422" spans="8:8">
      <c r="H680422" s="12"/>
    </row>
    <row r="680423" spans="8:8">
      <c r="H680423" s="12"/>
    </row>
    <row r="680424" spans="8:8">
      <c r="H680424" s="12"/>
    </row>
    <row r="680425" spans="8:8">
      <c r="H680425" s="12"/>
    </row>
    <row r="680426" spans="8:8">
      <c r="H680426" s="12"/>
    </row>
    <row r="680427" spans="8:8">
      <c r="H680427" s="12"/>
    </row>
    <row r="680428" spans="8:8">
      <c r="H680428" s="12"/>
    </row>
    <row r="680429" spans="8:8">
      <c r="H680429" s="12"/>
    </row>
    <row r="680430" spans="8:8">
      <c r="H680430" s="12"/>
    </row>
    <row r="680431" spans="8:8">
      <c r="H680431" s="12"/>
    </row>
    <row r="680432" spans="8:8">
      <c r="H680432" s="12"/>
    </row>
    <row r="680433" spans="8:8">
      <c r="H680433" s="12"/>
    </row>
    <row r="680434" spans="8:8">
      <c r="H680434" s="12"/>
    </row>
    <row r="680435" spans="8:8">
      <c r="H680435" s="12"/>
    </row>
    <row r="680436" spans="8:8">
      <c r="H680436" s="12"/>
    </row>
    <row r="680437" spans="8:8">
      <c r="H680437" s="12"/>
    </row>
    <row r="680438" spans="8:8">
      <c r="H680438" s="12"/>
    </row>
    <row r="680439" spans="8:8">
      <c r="H680439" s="12"/>
    </row>
    <row r="680440" spans="8:8">
      <c r="H680440" s="12"/>
    </row>
    <row r="680441" spans="8:8">
      <c r="H680441" s="12"/>
    </row>
    <row r="680442" spans="8:8">
      <c r="H680442" s="12"/>
    </row>
    <row r="680443" spans="8:8">
      <c r="H680443" s="12"/>
    </row>
    <row r="680444" spans="8:8">
      <c r="H680444" s="12"/>
    </row>
    <row r="680445" spans="8:8">
      <c r="H680445" s="12"/>
    </row>
    <row r="680446" spans="8:8">
      <c r="H680446" s="12"/>
    </row>
    <row r="680447" spans="8:8">
      <c r="H680447" s="12"/>
    </row>
    <row r="680448" spans="8:8">
      <c r="H680448" s="12"/>
    </row>
    <row r="680449" spans="8:8">
      <c r="H680449" s="12"/>
    </row>
    <row r="680450" spans="8:8">
      <c r="H680450" s="12"/>
    </row>
    <row r="680451" spans="8:8">
      <c r="H680451" s="12"/>
    </row>
    <row r="680452" spans="8:8">
      <c r="H680452" s="12"/>
    </row>
    <row r="680453" spans="8:8">
      <c r="H680453" s="12"/>
    </row>
    <row r="680454" spans="8:8">
      <c r="H680454" s="12"/>
    </row>
    <row r="680455" spans="8:8">
      <c r="H680455" s="12"/>
    </row>
    <row r="680456" spans="8:8">
      <c r="H680456" s="12"/>
    </row>
    <row r="680457" spans="8:8">
      <c r="H680457" s="12"/>
    </row>
    <row r="680458" spans="8:8">
      <c r="H680458" s="12"/>
    </row>
    <row r="680459" spans="8:8">
      <c r="H680459" s="12"/>
    </row>
    <row r="680460" spans="8:8">
      <c r="H680460" s="12"/>
    </row>
    <row r="680461" spans="8:8">
      <c r="H680461" s="12"/>
    </row>
    <row r="680462" spans="8:8">
      <c r="H680462" s="12"/>
    </row>
    <row r="680463" spans="8:8">
      <c r="H680463" s="12"/>
    </row>
    <row r="680464" spans="8:8">
      <c r="H680464" s="12"/>
    </row>
    <row r="680465" spans="8:8">
      <c r="H680465" s="12"/>
    </row>
    <row r="680466" spans="8:8">
      <c r="H680466" s="12"/>
    </row>
    <row r="680467" spans="8:8">
      <c r="H680467" s="12"/>
    </row>
    <row r="680468" spans="8:8">
      <c r="H680468" s="12"/>
    </row>
    <row r="680469" spans="8:8">
      <c r="H680469" s="12"/>
    </row>
    <row r="680470" spans="8:8">
      <c r="H680470" s="12"/>
    </row>
    <row r="680471" spans="8:8">
      <c r="H680471" s="12"/>
    </row>
    <row r="680472" spans="8:8">
      <c r="H680472" s="12"/>
    </row>
    <row r="680473" spans="8:8">
      <c r="H680473" s="12"/>
    </row>
    <row r="680474" spans="8:8">
      <c r="H680474" s="12"/>
    </row>
    <row r="680475" spans="8:8">
      <c r="H680475" s="12"/>
    </row>
    <row r="680476" spans="8:8">
      <c r="H680476" s="12"/>
    </row>
    <row r="680477" spans="8:8">
      <c r="H680477" s="12"/>
    </row>
    <row r="680478" spans="8:8">
      <c r="H680478" s="12"/>
    </row>
    <row r="680479" spans="8:8">
      <c r="H680479" s="12"/>
    </row>
    <row r="680480" spans="8:8">
      <c r="H680480" s="12"/>
    </row>
    <row r="680481" spans="8:8">
      <c r="H680481" s="12"/>
    </row>
    <row r="680482" spans="8:8">
      <c r="H680482" s="12"/>
    </row>
    <row r="680483" spans="8:8">
      <c r="H680483" s="12"/>
    </row>
    <row r="680484" spans="8:8">
      <c r="H680484" s="12"/>
    </row>
    <row r="680485" spans="8:8">
      <c r="H680485" s="12"/>
    </row>
    <row r="680486" spans="8:8">
      <c r="H680486" s="12"/>
    </row>
    <row r="680487" spans="8:8">
      <c r="H680487" s="12"/>
    </row>
    <row r="680488" spans="8:8">
      <c r="H680488" s="12"/>
    </row>
    <row r="680489" spans="8:8">
      <c r="H680489" s="12"/>
    </row>
    <row r="680490" spans="8:8">
      <c r="H680490" s="12"/>
    </row>
    <row r="680491" spans="8:8">
      <c r="H680491" s="12"/>
    </row>
    <row r="680492" spans="8:8">
      <c r="H680492" s="12"/>
    </row>
    <row r="680493" spans="8:8">
      <c r="H680493" s="12"/>
    </row>
    <row r="680494" spans="8:8">
      <c r="H680494" s="12"/>
    </row>
    <row r="680495" spans="8:8">
      <c r="H680495" s="12"/>
    </row>
    <row r="680496" spans="8:8">
      <c r="H680496" s="12"/>
    </row>
    <row r="680497" spans="8:8">
      <c r="H680497" s="12"/>
    </row>
    <row r="680498" spans="8:8">
      <c r="H680498" s="12"/>
    </row>
    <row r="680499" spans="8:8">
      <c r="H680499" s="12"/>
    </row>
    <row r="680500" spans="8:8">
      <c r="H680500" s="12"/>
    </row>
    <row r="680501" spans="8:8">
      <c r="H680501" s="12"/>
    </row>
    <row r="680502" spans="8:8">
      <c r="H680502" s="12"/>
    </row>
    <row r="680503" spans="8:8">
      <c r="H680503" s="12"/>
    </row>
    <row r="680504" spans="8:8">
      <c r="H680504" s="12"/>
    </row>
    <row r="680505" spans="8:8">
      <c r="H680505" s="12"/>
    </row>
    <row r="680506" spans="8:8">
      <c r="H680506" s="12"/>
    </row>
    <row r="680507" spans="8:8">
      <c r="H680507" s="12"/>
    </row>
    <row r="680508" spans="8:8">
      <c r="H680508" s="12"/>
    </row>
    <row r="680509" spans="8:8">
      <c r="H680509" s="12"/>
    </row>
    <row r="680510" spans="8:8">
      <c r="H680510" s="12"/>
    </row>
    <row r="680511" spans="8:8">
      <c r="H680511" s="12"/>
    </row>
    <row r="680512" spans="8:8">
      <c r="H680512" s="12"/>
    </row>
    <row r="680513" spans="8:8">
      <c r="H680513" s="12"/>
    </row>
    <row r="680514" spans="8:8">
      <c r="H680514" s="12"/>
    </row>
    <row r="680515" spans="8:8">
      <c r="H680515" s="12"/>
    </row>
    <row r="680516" spans="8:8">
      <c r="H680516" s="12"/>
    </row>
    <row r="680517" spans="8:8">
      <c r="H680517" s="12"/>
    </row>
    <row r="680518" spans="8:8">
      <c r="H680518" s="12"/>
    </row>
    <row r="680519" spans="8:8">
      <c r="H680519" s="12"/>
    </row>
    <row r="680520" spans="8:8">
      <c r="H680520" s="12"/>
    </row>
    <row r="680521" spans="8:8">
      <c r="H680521" s="12"/>
    </row>
    <row r="680522" spans="8:8">
      <c r="H680522" s="12"/>
    </row>
    <row r="680523" spans="8:8">
      <c r="H680523" s="12"/>
    </row>
    <row r="680524" spans="8:8">
      <c r="H680524" s="12"/>
    </row>
    <row r="680525" spans="8:8">
      <c r="H680525" s="12"/>
    </row>
    <row r="680526" spans="8:8">
      <c r="H680526" s="12"/>
    </row>
    <row r="680527" spans="8:8">
      <c r="H680527" s="12"/>
    </row>
    <row r="680528" spans="8:8">
      <c r="H680528" s="12"/>
    </row>
    <row r="680529" spans="8:8">
      <c r="H680529" s="12"/>
    </row>
    <row r="680530" spans="8:8">
      <c r="H680530" s="12"/>
    </row>
    <row r="680531" spans="8:8">
      <c r="H680531" s="12"/>
    </row>
    <row r="680532" spans="8:8">
      <c r="H680532" s="12"/>
    </row>
    <row r="680533" spans="8:8">
      <c r="H680533" s="12"/>
    </row>
    <row r="680534" spans="8:8">
      <c r="H680534" s="12"/>
    </row>
    <row r="680535" spans="8:8">
      <c r="H680535" s="12"/>
    </row>
    <row r="680536" spans="8:8">
      <c r="H680536" s="12"/>
    </row>
    <row r="680537" spans="8:8">
      <c r="H680537" s="12"/>
    </row>
    <row r="680538" spans="8:8">
      <c r="H680538" s="12"/>
    </row>
    <row r="680539" spans="8:8">
      <c r="H680539" s="12"/>
    </row>
    <row r="680540" spans="8:8">
      <c r="H680540" s="12"/>
    </row>
    <row r="680541" spans="8:8">
      <c r="H680541" s="12"/>
    </row>
    <row r="680542" spans="8:8">
      <c r="H680542" s="12"/>
    </row>
    <row r="680543" spans="8:8">
      <c r="H680543" s="12"/>
    </row>
    <row r="680544" spans="8:8">
      <c r="H680544" s="12"/>
    </row>
    <row r="680545" spans="8:8">
      <c r="H680545" s="12"/>
    </row>
    <row r="680546" spans="8:8">
      <c r="H680546" s="12"/>
    </row>
    <row r="680547" spans="8:8">
      <c r="H680547" s="12"/>
    </row>
    <row r="680548" spans="8:8">
      <c r="H680548" s="12"/>
    </row>
    <row r="680549" spans="8:8">
      <c r="H680549" s="12"/>
    </row>
    <row r="680550" spans="8:8">
      <c r="H680550" s="12"/>
    </row>
    <row r="680551" spans="8:8">
      <c r="H680551" s="12"/>
    </row>
    <row r="680552" spans="8:8">
      <c r="H680552" s="12"/>
    </row>
    <row r="680553" spans="8:8">
      <c r="H680553" s="12"/>
    </row>
    <row r="680554" spans="8:8">
      <c r="H680554" s="12"/>
    </row>
    <row r="680555" spans="8:8">
      <c r="H680555" s="12"/>
    </row>
    <row r="680556" spans="8:8">
      <c r="H680556" s="12"/>
    </row>
    <row r="680557" spans="8:8">
      <c r="H680557" s="12"/>
    </row>
    <row r="680558" spans="8:8">
      <c r="H680558" s="12"/>
    </row>
    <row r="680559" spans="8:8">
      <c r="H680559" s="12"/>
    </row>
    <row r="680560" spans="8:8">
      <c r="H680560" s="12"/>
    </row>
    <row r="680561" spans="8:8">
      <c r="H680561" s="12"/>
    </row>
    <row r="680562" spans="8:8">
      <c r="H680562" s="12"/>
    </row>
    <row r="680563" spans="8:8">
      <c r="H680563" s="12"/>
    </row>
    <row r="680564" spans="8:8">
      <c r="H680564" s="12"/>
    </row>
    <row r="680565" spans="8:8">
      <c r="H680565" s="12"/>
    </row>
    <row r="680566" spans="8:8">
      <c r="H680566" s="12"/>
    </row>
    <row r="680567" spans="8:8">
      <c r="H680567" s="12"/>
    </row>
    <row r="680568" spans="8:8">
      <c r="H680568" s="12"/>
    </row>
    <row r="680569" spans="8:8">
      <c r="H680569" s="12"/>
    </row>
    <row r="680570" spans="8:8">
      <c r="H680570" s="12"/>
    </row>
    <row r="680571" spans="8:8">
      <c r="H680571" s="12"/>
    </row>
    <row r="680572" spans="8:8">
      <c r="H680572" s="12"/>
    </row>
    <row r="680573" spans="8:8">
      <c r="H680573" s="12"/>
    </row>
    <row r="680574" spans="8:8">
      <c r="H680574" s="12"/>
    </row>
    <row r="680575" spans="8:8">
      <c r="H680575" s="12"/>
    </row>
    <row r="680576" spans="8:8">
      <c r="H680576" s="12"/>
    </row>
    <row r="680577" spans="8:8">
      <c r="H680577" s="12"/>
    </row>
    <row r="680578" spans="8:8">
      <c r="H680578" s="12"/>
    </row>
    <row r="680579" spans="8:8">
      <c r="H680579" s="12"/>
    </row>
    <row r="680580" spans="8:8">
      <c r="H680580" s="12"/>
    </row>
    <row r="680581" spans="8:8">
      <c r="H680581" s="12"/>
    </row>
    <row r="680582" spans="8:8">
      <c r="H680582" s="12"/>
    </row>
    <row r="680583" spans="8:8">
      <c r="H680583" s="12"/>
    </row>
    <row r="680584" spans="8:8">
      <c r="H680584" s="12"/>
    </row>
    <row r="680585" spans="8:8">
      <c r="H680585" s="12"/>
    </row>
    <row r="680586" spans="8:8">
      <c r="H680586" s="12"/>
    </row>
    <row r="680587" spans="8:8">
      <c r="H680587" s="12"/>
    </row>
    <row r="680588" spans="8:8">
      <c r="H680588" s="12"/>
    </row>
    <row r="680589" spans="8:8">
      <c r="H680589" s="12"/>
    </row>
    <row r="680590" spans="8:8">
      <c r="H680590" s="12"/>
    </row>
    <row r="680591" spans="8:8">
      <c r="H680591" s="12"/>
    </row>
    <row r="680592" spans="8:8">
      <c r="H680592" s="12"/>
    </row>
    <row r="680593" spans="8:8">
      <c r="H680593" s="12"/>
    </row>
    <row r="680594" spans="8:8">
      <c r="H680594" s="12"/>
    </row>
    <row r="680595" spans="8:8">
      <c r="H680595" s="12"/>
    </row>
    <row r="680596" spans="8:8">
      <c r="H680596" s="12"/>
    </row>
    <row r="680597" spans="8:8">
      <c r="H680597" s="12"/>
    </row>
    <row r="680598" spans="8:8">
      <c r="H680598" s="12"/>
    </row>
    <row r="680599" spans="8:8">
      <c r="H680599" s="12"/>
    </row>
    <row r="680600" spans="8:8">
      <c r="H680600" s="12"/>
    </row>
    <row r="680601" spans="8:8">
      <c r="H680601" s="12"/>
    </row>
    <row r="680602" spans="8:8">
      <c r="H680602" s="12"/>
    </row>
    <row r="680603" spans="8:8">
      <c r="H680603" s="12"/>
    </row>
    <row r="680604" spans="8:8">
      <c r="H680604" s="12"/>
    </row>
    <row r="680605" spans="8:8">
      <c r="H680605" s="12"/>
    </row>
    <row r="680606" spans="8:8">
      <c r="H680606" s="12"/>
    </row>
    <row r="680607" spans="8:8">
      <c r="H680607" s="12"/>
    </row>
    <row r="680608" spans="8:8">
      <c r="H680608" s="12"/>
    </row>
    <row r="680609" spans="8:8">
      <c r="H680609" s="12"/>
    </row>
    <row r="680610" spans="8:8">
      <c r="H680610" s="12"/>
    </row>
    <row r="680611" spans="8:8">
      <c r="H680611" s="12"/>
    </row>
    <row r="680612" spans="8:8">
      <c r="H680612" s="12"/>
    </row>
    <row r="680613" spans="8:8">
      <c r="H680613" s="12"/>
    </row>
    <row r="680614" spans="8:8">
      <c r="H680614" s="12"/>
    </row>
    <row r="680615" spans="8:8">
      <c r="H680615" s="12"/>
    </row>
    <row r="680616" spans="8:8">
      <c r="H680616" s="12"/>
    </row>
    <row r="680617" spans="8:8">
      <c r="H680617" s="12"/>
    </row>
    <row r="680618" spans="8:8">
      <c r="H680618" s="12"/>
    </row>
    <row r="680619" spans="8:8">
      <c r="H680619" s="12"/>
    </row>
    <row r="680620" spans="8:8">
      <c r="H680620" s="12"/>
    </row>
    <row r="680621" spans="8:8">
      <c r="H680621" s="12"/>
    </row>
    <row r="680622" spans="8:8">
      <c r="H680622" s="12"/>
    </row>
    <row r="680623" spans="8:8">
      <c r="H680623" s="12"/>
    </row>
    <row r="680624" spans="8:8">
      <c r="H680624" s="12"/>
    </row>
    <row r="680625" spans="8:8">
      <c r="H680625" s="12"/>
    </row>
    <row r="680626" spans="8:8">
      <c r="H680626" s="12"/>
    </row>
    <row r="680627" spans="8:8">
      <c r="H680627" s="12"/>
    </row>
    <row r="680628" spans="8:8">
      <c r="H680628" s="12"/>
    </row>
    <row r="680629" spans="8:8">
      <c r="H680629" s="12"/>
    </row>
    <row r="680630" spans="8:8">
      <c r="H680630" s="12"/>
    </row>
    <row r="680631" spans="8:8">
      <c r="H680631" s="12"/>
    </row>
    <row r="680632" spans="8:8">
      <c r="H680632" s="12"/>
    </row>
    <row r="680633" spans="8:8">
      <c r="H680633" s="12"/>
    </row>
    <row r="680634" spans="8:8">
      <c r="H680634" s="12"/>
    </row>
    <row r="680635" spans="8:8">
      <c r="H680635" s="12"/>
    </row>
    <row r="680636" spans="8:8">
      <c r="H680636" s="12"/>
    </row>
    <row r="680637" spans="8:8">
      <c r="H680637" s="12"/>
    </row>
    <row r="680638" spans="8:8">
      <c r="H680638" s="12"/>
    </row>
    <row r="680639" spans="8:8">
      <c r="H680639" s="12"/>
    </row>
    <row r="680640" spans="8:8">
      <c r="H680640" s="12"/>
    </row>
    <row r="680641" spans="8:8">
      <c r="H680641" s="12"/>
    </row>
    <row r="680642" spans="8:8">
      <c r="H680642" s="12"/>
    </row>
    <row r="680643" spans="8:8">
      <c r="H680643" s="12"/>
    </row>
    <row r="680644" spans="8:8">
      <c r="H680644" s="12"/>
    </row>
    <row r="680645" spans="8:8">
      <c r="H680645" s="12"/>
    </row>
    <row r="680646" spans="8:8">
      <c r="H680646" s="12"/>
    </row>
    <row r="680647" spans="8:8">
      <c r="H680647" s="12"/>
    </row>
    <row r="680648" spans="8:8">
      <c r="H680648" s="12"/>
    </row>
    <row r="680649" spans="8:8">
      <c r="H680649" s="12"/>
    </row>
    <row r="680650" spans="8:8">
      <c r="H680650" s="12"/>
    </row>
    <row r="680651" spans="8:8">
      <c r="H680651" s="12"/>
    </row>
    <row r="680652" spans="8:8">
      <c r="H680652" s="12"/>
    </row>
    <row r="680653" spans="8:8">
      <c r="H680653" s="12"/>
    </row>
    <row r="680654" spans="8:8">
      <c r="H680654" s="12"/>
    </row>
    <row r="680655" spans="8:8">
      <c r="H680655" s="12"/>
    </row>
    <row r="680656" spans="8:8">
      <c r="H680656" s="12"/>
    </row>
    <row r="680657" spans="8:8">
      <c r="H680657" s="12"/>
    </row>
    <row r="680658" spans="8:8">
      <c r="H680658" s="12"/>
    </row>
    <row r="680659" spans="8:8">
      <c r="H680659" s="12"/>
    </row>
    <row r="680660" spans="8:8">
      <c r="H680660" s="12"/>
    </row>
    <row r="680661" spans="8:8">
      <c r="H680661" s="12"/>
    </row>
    <row r="680662" spans="8:8">
      <c r="H680662" s="12"/>
    </row>
    <row r="680663" spans="8:8">
      <c r="H680663" s="12"/>
    </row>
    <row r="680664" spans="8:8">
      <c r="H680664" s="12"/>
    </row>
    <row r="680665" spans="8:8">
      <c r="H680665" s="12"/>
    </row>
    <row r="680666" spans="8:8">
      <c r="H680666" s="12"/>
    </row>
    <row r="680667" spans="8:8">
      <c r="H680667" s="12"/>
    </row>
    <row r="680668" spans="8:8">
      <c r="H680668" s="12"/>
    </row>
    <row r="680669" spans="8:8">
      <c r="H680669" s="12"/>
    </row>
    <row r="680670" spans="8:8">
      <c r="H680670" s="12"/>
    </row>
    <row r="680671" spans="8:8">
      <c r="H680671" s="12"/>
    </row>
    <row r="680672" spans="8:8">
      <c r="H680672" s="12"/>
    </row>
    <row r="680673" spans="8:8">
      <c r="H680673" s="12"/>
    </row>
    <row r="680674" spans="8:8">
      <c r="H680674" s="12"/>
    </row>
    <row r="680675" spans="8:8">
      <c r="H680675" s="12"/>
    </row>
    <row r="680676" spans="8:8">
      <c r="H680676" s="12"/>
    </row>
    <row r="680677" spans="8:8">
      <c r="H680677" s="12"/>
    </row>
    <row r="680678" spans="8:8">
      <c r="H680678" s="12"/>
    </row>
    <row r="680679" spans="8:8">
      <c r="H680679" s="12"/>
    </row>
    <row r="680680" spans="8:8">
      <c r="H680680" s="12"/>
    </row>
    <row r="680681" spans="8:8">
      <c r="H680681" s="12"/>
    </row>
    <row r="680682" spans="8:8">
      <c r="H680682" s="12"/>
    </row>
    <row r="680683" spans="8:8">
      <c r="H680683" s="12"/>
    </row>
    <row r="680684" spans="8:8">
      <c r="H680684" s="12"/>
    </row>
    <row r="680685" spans="8:8">
      <c r="H680685" s="12"/>
    </row>
    <row r="680686" spans="8:8">
      <c r="H680686" s="12"/>
    </row>
    <row r="680687" spans="8:8">
      <c r="H680687" s="12"/>
    </row>
    <row r="680688" spans="8:8">
      <c r="H680688" s="12"/>
    </row>
    <row r="680689" spans="8:8">
      <c r="H680689" s="12"/>
    </row>
    <row r="680690" spans="8:8">
      <c r="H680690" s="12"/>
    </row>
    <row r="680691" spans="8:8">
      <c r="H680691" s="12"/>
    </row>
    <row r="680692" spans="8:8">
      <c r="H680692" s="12"/>
    </row>
    <row r="680693" spans="8:8">
      <c r="H680693" s="12"/>
    </row>
    <row r="680694" spans="8:8">
      <c r="H680694" s="12"/>
    </row>
    <row r="680695" spans="8:8">
      <c r="H680695" s="12"/>
    </row>
    <row r="680696" spans="8:8">
      <c r="H680696" s="12"/>
    </row>
    <row r="680697" spans="8:8">
      <c r="H680697" s="12"/>
    </row>
    <row r="680698" spans="8:8">
      <c r="H680698" s="12"/>
    </row>
    <row r="680699" spans="8:8">
      <c r="H680699" s="12"/>
    </row>
    <row r="680700" spans="8:8">
      <c r="H680700" s="12"/>
    </row>
    <row r="680701" spans="8:8">
      <c r="H680701" s="12"/>
    </row>
    <row r="680702" spans="8:8">
      <c r="H680702" s="12"/>
    </row>
    <row r="680703" spans="8:8">
      <c r="H680703" s="12"/>
    </row>
    <row r="680704" spans="8:8">
      <c r="H680704" s="12"/>
    </row>
    <row r="680705" spans="8:8">
      <c r="H680705" s="12"/>
    </row>
    <row r="680706" spans="8:8">
      <c r="H680706" s="12"/>
    </row>
    <row r="680707" spans="8:8">
      <c r="H680707" s="12"/>
    </row>
    <row r="680708" spans="8:8">
      <c r="H680708" s="12"/>
    </row>
    <row r="680709" spans="8:8">
      <c r="H680709" s="12"/>
    </row>
    <row r="680710" spans="8:8">
      <c r="H680710" s="12"/>
    </row>
    <row r="680711" spans="8:8">
      <c r="H680711" s="12"/>
    </row>
    <row r="680712" spans="8:8">
      <c r="H680712" s="12"/>
    </row>
    <row r="680713" spans="8:8">
      <c r="H680713" s="12"/>
    </row>
    <row r="680714" spans="8:8">
      <c r="H680714" s="12"/>
    </row>
    <row r="680715" spans="8:8">
      <c r="H680715" s="12"/>
    </row>
    <row r="680716" spans="8:8">
      <c r="H680716" s="12"/>
    </row>
    <row r="680717" spans="8:8">
      <c r="H680717" s="12"/>
    </row>
    <row r="680718" spans="8:8">
      <c r="H680718" s="12"/>
    </row>
    <row r="680719" spans="8:8">
      <c r="H680719" s="12"/>
    </row>
    <row r="680720" spans="8:8">
      <c r="H680720" s="12"/>
    </row>
    <row r="680721" spans="8:8">
      <c r="H680721" s="12"/>
    </row>
    <row r="680722" spans="8:8">
      <c r="H680722" s="12"/>
    </row>
    <row r="680723" spans="8:8">
      <c r="H680723" s="12"/>
    </row>
    <row r="680724" spans="8:8">
      <c r="H680724" s="12"/>
    </row>
    <row r="680725" spans="8:8">
      <c r="H680725" s="12"/>
    </row>
    <row r="680726" spans="8:8">
      <c r="H680726" s="12"/>
    </row>
    <row r="680727" spans="8:8">
      <c r="H680727" s="12"/>
    </row>
    <row r="680728" spans="8:8">
      <c r="H680728" s="12"/>
    </row>
    <row r="680729" spans="8:8">
      <c r="H680729" s="12"/>
    </row>
    <row r="680730" spans="8:8">
      <c r="H680730" s="12"/>
    </row>
    <row r="680731" spans="8:8">
      <c r="H680731" s="12"/>
    </row>
    <row r="680732" spans="8:8">
      <c r="H680732" s="12"/>
    </row>
    <row r="680733" spans="8:8">
      <c r="H680733" s="12"/>
    </row>
    <row r="680734" spans="8:8">
      <c r="H680734" s="12"/>
    </row>
    <row r="680735" spans="8:8">
      <c r="H680735" s="12"/>
    </row>
    <row r="680736" spans="8:8">
      <c r="H680736" s="12"/>
    </row>
    <row r="680737" spans="8:8">
      <c r="H680737" s="12"/>
    </row>
    <row r="680738" spans="8:8">
      <c r="H680738" s="12"/>
    </row>
    <row r="680739" spans="8:8">
      <c r="H680739" s="12"/>
    </row>
    <row r="680740" spans="8:8">
      <c r="H680740" s="12"/>
    </row>
    <row r="680741" spans="8:8">
      <c r="H680741" s="12"/>
    </row>
    <row r="680742" spans="8:8">
      <c r="H680742" s="12"/>
    </row>
    <row r="680743" spans="8:8">
      <c r="H680743" s="12"/>
    </row>
    <row r="680744" spans="8:8">
      <c r="H680744" s="12"/>
    </row>
    <row r="680745" spans="8:8">
      <c r="H680745" s="12"/>
    </row>
    <row r="680746" spans="8:8">
      <c r="H680746" s="12"/>
    </row>
    <row r="680747" spans="8:8">
      <c r="H680747" s="12"/>
    </row>
    <row r="680748" spans="8:8">
      <c r="H680748" s="12"/>
    </row>
    <row r="680749" spans="8:8">
      <c r="H680749" s="12"/>
    </row>
    <row r="680750" spans="8:8">
      <c r="H680750" s="12"/>
    </row>
    <row r="680751" spans="8:8">
      <c r="H680751" s="12"/>
    </row>
    <row r="680752" spans="8:8">
      <c r="H680752" s="12"/>
    </row>
    <row r="680753" spans="8:8">
      <c r="H680753" s="12"/>
    </row>
    <row r="680754" spans="8:8">
      <c r="H680754" s="12"/>
    </row>
    <row r="680755" spans="8:8">
      <c r="H680755" s="12"/>
    </row>
    <row r="680756" spans="8:8">
      <c r="H680756" s="12"/>
    </row>
    <row r="680757" spans="8:8">
      <c r="H680757" s="12"/>
    </row>
    <row r="680758" spans="8:8">
      <c r="H680758" s="12"/>
    </row>
    <row r="680759" spans="8:8">
      <c r="H680759" s="12"/>
    </row>
    <row r="680760" spans="8:8">
      <c r="H680760" s="12"/>
    </row>
    <row r="680761" spans="8:8">
      <c r="H680761" s="12"/>
    </row>
    <row r="680762" spans="8:8">
      <c r="H680762" s="12"/>
    </row>
    <row r="680763" spans="8:8">
      <c r="H680763" s="12"/>
    </row>
    <row r="680764" spans="8:8">
      <c r="H680764" s="12"/>
    </row>
    <row r="680765" spans="8:8">
      <c r="H680765" s="12"/>
    </row>
    <row r="680766" spans="8:8">
      <c r="H680766" s="12"/>
    </row>
    <row r="680767" spans="8:8">
      <c r="H680767" s="12"/>
    </row>
    <row r="680768" spans="8:8">
      <c r="H680768" s="12"/>
    </row>
    <row r="680769" spans="8:8">
      <c r="H680769" s="12"/>
    </row>
    <row r="680770" spans="8:8">
      <c r="H680770" s="12"/>
    </row>
    <row r="680771" spans="8:8">
      <c r="H680771" s="12"/>
    </row>
    <row r="680772" spans="8:8">
      <c r="H680772" s="12"/>
    </row>
    <row r="680773" spans="8:8">
      <c r="H680773" s="12"/>
    </row>
    <row r="680774" spans="8:8">
      <c r="H680774" s="12"/>
    </row>
    <row r="680775" spans="8:8">
      <c r="H680775" s="12"/>
    </row>
    <row r="680776" spans="8:8">
      <c r="H680776" s="12"/>
    </row>
    <row r="680777" spans="8:8">
      <c r="H680777" s="12"/>
    </row>
    <row r="680778" spans="8:8">
      <c r="H680778" s="12"/>
    </row>
    <row r="680779" spans="8:8">
      <c r="H680779" s="12"/>
    </row>
    <row r="680780" spans="8:8">
      <c r="H680780" s="12"/>
    </row>
    <row r="680781" spans="8:8">
      <c r="H680781" s="12"/>
    </row>
    <row r="680782" spans="8:8">
      <c r="H680782" s="12"/>
    </row>
    <row r="680783" spans="8:8">
      <c r="H680783" s="12"/>
    </row>
    <row r="680784" spans="8:8">
      <c r="H680784" s="12"/>
    </row>
    <row r="680785" spans="8:8">
      <c r="H680785" s="12"/>
    </row>
    <row r="680786" spans="8:8">
      <c r="H680786" s="12"/>
    </row>
    <row r="680787" spans="8:8">
      <c r="H680787" s="12"/>
    </row>
    <row r="680788" spans="8:8">
      <c r="H680788" s="12"/>
    </row>
    <row r="680789" spans="8:8">
      <c r="H680789" s="12"/>
    </row>
    <row r="680790" spans="8:8">
      <c r="H680790" s="12"/>
    </row>
    <row r="680791" spans="8:8">
      <c r="H680791" s="12"/>
    </row>
    <row r="680792" spans="8:8">
      <c r="H680792" s="12"/>
    </row>
    <row r="680793" spans="8:8">
      <c r="H680793" s="12"/>
    </row>
    <row r="680794" spans="8:8">
      <c r="H680794" s="12"/>
    </row>
    <row r="680795" spans="8:8">
      <c r="H680795" s="12"/>
    </row>
    <row r="680796" spans="8:8">
      <c r="H680796" s="12"/>
    </row>
    <row r="680797" spans="8:8">
      <c r="H680797" s="12"/>
    </row>
    <row r="680798" spans="8:8">
      <c r="H680798" s="12"/>
    </row>
    <row r="680799" spans="8:8">
      <c r="H680799" s="12"/>
    </row>
    <row r="680800" spans="8:8">
      <c r="H680800" s="12"/>
    </row>
    <row r="680801" spans="8:8">
      <c r="H680801" s="12"/>
    </row>
    <row r="680802" spans="8:8">
      <c r="H680802" s="12"/>
    </row>
    <row r="680803" spans="8:8">
      <c r="H680803" s="12"/>
    </row>
    <row r="680804" spans="8:8">
      <c r="H680804" s="12"/>
    </row>
    <row r="680805" spans="8:8">
      <c r="H680805" s="12"/>
    </row>
    <row r="680806" spans="8:8">
      <c r="H680806" s="12"/>
    </row>
    <row r="680807" spans="8:8">
      <c r="H680807" s="12"/>
    </row>
    <row r="680808" spans="8:8">
      <c r="H680808" s="12"/>
    </row>
    <row r="680809" spans="8:8">
      <c r="H680809" s="12"/>
    </row>
    <row r="680810" spans="8:8">
      <c r="H680810" s="12"/>
    </row>
    <row r="680811" spans="8:8">
      <c r="H680811" s="12"/>
    </row>
    <row r="680812" spans="8:8">
      <c r="H680812" s="12"/>
    </row>
    <row r="680813" spans="8:8">
      <c r="H680813" s="12"/>
    </row>
    <row r="680814" spans="8:8">
      <c r="H680814" s="12"/>
    </row>
    <row r="680815" spans="8:8">
      <c r="H680815" s="12"/>
    </row>
    <row r="680816" spans="8:8">
      <c r="H680816" s="12"/>
    </row>
    <row r="680817" spans="8:8">
      <c r="H680817" s="12"/>
    </row>
    <row r="680818" spans="8:8">
      <c r="H680818" s="12"/>
    </row>
    <row r="680819" spans="8:8">
      <c r="H680819" s="12"/>
    </row>
    <row r="680820" spans="8:8">
      <c r="H680820" s="12"/>
    </row>
    <row r="680821" spans="8:8">
      <c r="H680821" s="12"/>
    </row>
    <row r="680822" spans="8:8">
      <c r="H680822" s="12"/>
    </row>
    <row r="680823" spans="8:8">
      <c r="H680823" s="12"/>
    </row>
    <row r="680824" spans="8:8">
      <c r="H680824" s="12"/>
    </row>
    <row r="680825" spans="8:8">
      <c r="H680825" s="12"/>
    </row>
    <row r="680826" spans="8:8">
      <c r="H680826" s="12"/>
    </row>
    <row r="680827" spans="8:8">
      <c r="H680827" s="12"/>
    </row>
    <row r="680828" spans="8:8">
      <c r="H680828" s="12"/>
    </row>
    <row r="680829" spans="8:8">
      <c r="H680829" s="12"/>
    </row>
    <row r="680830" spans="8:8">
      <c r="H680830" s="12"/>
    </row>
    <row r="680831" spans="8:8">
      <c r="H680831" s="12"/>
    </row>
    <row r="680832" spans="8:8">
      <c r="H680832" s="12"/>
    </row>
    <row r="680833" spans="8:8">
      <c r="H680833" s="12"/>
    </row>
    <row r="680834" spans="8:8">
      <c r="H680834" s="12"/>
    </row>
    <row r="680835" spans="8:8">
      <c r="H680835" s="12"/>
    </row>
    <row r="680836" spans="8:8">
      <c r="H680836" s="12"/>
    </row>
    <row r="680837" spans="8:8">
      <c r="H680837" s="12"/>
    </row>
    <row r="680838" spans="8:8">
      <c r="H680838" s="12"/>
    </row>
    <row r="680839" spans="8:8">
      <c r="H680839" s="12"/>
    </row>
    <row r="680840" spans="8:8">
      <c r="H680840" s="12"/>
    </row>
    <row r="680841" spans="8:8">
      <c r="H680841" s="12"/>
    </row>
    <row r="680842" spans="8:8">
      <c r="H680842" s="12"/>
    </row>
    <row r="680843" spans="8:8">
      <c r="H680843" s="12"/>
    </row>
    <row r="680844" spans="8:8">
      <c r="H680844" s="12"/>
    </row>
    <row r="680845" spans="8:8">
      <c r="H680845" s="12"/>
    </row>
    <row r="680846" spans="8:8">
      <c r="H680846" s="12"/>
    </row>
    <row r="680847" spans="8:8">
      <c r="H680847" s="12"/>
    </row>
    <row r="680848" spans="8:8">
      <c r="H680848" s="12"/>
    </row>
    <row r="680849" spans="8:8">
      <c r="H680849" s="12"/>
    </row>
    <row r="680850" spans="8:8">
      <c r="H680850" s="12"/>
    </row>
    <row r="680851" spans="8:8">
      <c r="H680851" s="12"/>
    </row>
    <row r="680852" spans="8:8">
      <c r="H680852" s="12"/>
    </row>
    <row r="680853" spans="8:8">
      <c r="H680853" s="12"/>
    </row>
    <row r="680854" spans="8:8">
      <c r="H680854" s="12"/>
    </row>
    <row r="680855" spans="8:8">
      <c r="H680855" s="12"/>
    </row>
    <row r="680856" spans="8:8">
      <c r="H680856" s="12"/>
    </row>
    <row r="680857" spans="8:8">
      <c r="H680857" s="12"/>
    </row>
    <row r="680858" spans="8:8">
      <c r="H680858" s="12"/>
    </row>
    <row r="680859" spans="8:8">
      <c r="H680859" s="12"/>
    </row>
    <row r="680860" spans="8:8">
      <c r="H680860" s="12"/>
    </row>
    <row r="680861" spans="8:8">
      <c r="H680861" s="12"/>
    </row>
    <row r="680862" spans="8:8">
      <c r="H680862" s="12"/>
    </row>
    <row r="680863" spans="8:8">
      <c r="H680863" s="12"/>
    </row>
    <row r="680864" spans="8:8">
      <c r="H680864" s="12"/>
    </row>
    <row r="680865" spans="8:8">
      <c r="H680865" s="12"/>
    </row>
    <row r="680866" spans="8:8">
      <c r="H680866" s="12"/>
    </row>
    <row r="680867" spans="8:8">
      <c r="H680867" s="12"/>
    </row>
    <row r="680868" spans="8:8">
      <c r="H680868" s="12"/>
    </row>
    <row r="680869" spans="8:8">
      <c r="H680869" s="12"/>
    </row>
    <row r="680870" spans="8:8">
      <c r="H680870" s="12"/>
    </row>
    <row r="680871" spans="8:8">
      <c r="H680871" s="12"/>
    </row>
    <row r="680872" spans="8:8">
      <c r="H680872" s="12"/>
    </row>
    <row r="680873" spans="8:8">
      <c r="H680873" s="12"/>
    </row>
    <row r="680874" spans="8:8">
      <c r="H680874" s="12"/>
    </row>
    <row r="680875" spans="8:8">
      <c r="H680875" s="12"/>
    </row>
    <row r="680876" spans="8:8">
      <c r="H680876" s="12"/>
    </row>
    <row r="680877" spans="8:8">
      <c r="H680877" s="12"/>
    </row>
    <row r="680878" spans="8:8">
      <c r="H680878" s="12"/>
    </row>
    <row r="680879" spans="8:8">
      <c r="H680879" s="12"/>
    </row>
    <row r="680880" spans="8:8">
      <c r="H680880" s="12"/>
    </row>
    <row r="680881" spans="8:8">
      <c r="H680881" s="12"/>
    </row>
    <row r="680882" spans="8:8">
      <c r="H680882" s="12"/>
    </row>
    <row r="680883" spans="8:8">
      <c r="H680883" s="12"/>
    </row>
    <row r="680884" spans="8:8">
      <c r="H680884" s="12"/>
    </row>
    <row r="680885" spans="8:8">
      <c r="H680885" s="12"/>
    </row>
    <row r="680886" spans="8:8">
      <c r="H680886" s="12"/>
    </row>
    <row r="680887" spans="8:8">
      <c r="H680887" s="12"/>
    </row>
    <row r="680888" spans="8:8">
      <c r="H680888" s="12"/>
    </row>
    <row r="680889" spans="8:8">
      <c r="H680889" s="12"/>
    </row>
    <row r="680890" spans="8:8">
      <c r="H680890" s="12"/>
    </row>
    <row r="680891" spans="8:8">
      <c r="H680891" s="12"/>
    </row>
    <row r="680892" spans="8:8">
      <c r="H680892" s="12"/>
    </row>
    <row r="680893" spans="8:8">
      <c r="H680893" s="12"/>
    </row>
    <row r="680894" spans="8:8">
      <c r="H680894" s="12"/>
    </row>
    <row r="680895" spans="8:8">
      <c r="H680895" s="12"/>
    </row>
    <row r="680896" spans="8:8">
      <c r="H680896" s="12"/>
    </row>
    <row r="680897" spans="8:8">
      <c r="H680897" s="12"/>
    </row>
    <row r="680898" spans="8:8">
      <c r="H680898" s="12"/>
    </row>
    <row r="680899" spans="8:8">
      <c r="H680899" s="12"/>
    </row>
    <row r="680900" spans="8:8">
      <c r="H680900" s="12"/>
    </row>
    <row r="680901" spans="8:8">
      <c r="H680901" s="12"/>
    </row>
    <row r="680902" spans="8:8">
      <c r="H680902" s="12"/>
    </row>
    <row r="680903" spans="8:8">
      <c r="H680903" s="12"/>
    </row>
    <row r="680904" spans="8:8">
      <c r="H680904" s="12"/>
    </row>
    <row r="680905" spans="8:8">
      <c r="H680905" s="12"/>
    </row>
    <row r="680906" spans="8:8">
      <c r="H680906" s="12"/>
    </row>
    <row r="680907" spans="8:8">
      <c r="H680907" s="12"/>
    </row>
    <row r="680908" spans="8:8">
      <c r="H680908" s="12"/>
    </row>
    <row r="680909" spans="8:8">
      <c r="H680909" s="12"/>
    </row>
    <row r="680910" spans="8:8">
      <c r="H680910" s="12"/>
    </row>
    <row r="680911" spans="8:8">
      <c r="H680911" s="12"/>
    </row>
    <row r="680912" spans="8:8">
      <c r="H680912" s="12"/>
    </row>
    <row r="680913" spans="8:8">
      <c r="H680913" s="12"/>
    </row>
    <row r="680914" spans="8:8">
      <c r="H680914" s="12"/>
    </row>
    <row r="680915" spans="8:8">
      <c r="H680915" s="12"/>
    </row>
    <row r="680916" spans="8:8">
      <c r="H680916" s="12"/>
    </row>
    <row r="680917" spans="8:8">
      <c r="H680917" s="12"/>
    </row>
    <row r="680918" spans="8:8">
      <c r="H680918" s="12"/>
    </row>
    <row r="680919" spans="8:8">
      <c r="H680919" s="12"/>
    </row>
    <row r="680920" spans="8:8">
      <c r="H680920" s="12"/>
    </row>
    <row r="680921" spans="8:8">
      <c r="H680921" s="12"/>
    </row>
    <row r="680922" spans="8:8">
      <c r="H680922" s="12"/>
    </row>
    <row r="680923" spans="8:8">
      <c r="H680923" s="12"/>
    </row>
    <row r="680924" spans="8:8">
      <c r="H680924" s="12"/>
    </row>
    <row r="680925" spans="8:8">
      <c r="H680925" s="12"/>
    </row>
    <row r="680926" spans="8:8">
      <c r="H680926" s="12"/>
    </row>
    <row r="680927" spans="8:8">
      <c r="H680927" s="12"/>
    </row>
    <row r="680928" spans="8:8">
      <c r="H680928" s="12"/>
    </row>
    <row r="680929" spans="8:8">
      <c r="H680929" s="12"/>
    </row>
    <row r="680930" spans="8:8">
      <c r="H680930" s="12"/>
    </row>
    <row r="680931" spans="8:8">
      <c r="H680931" s="12"/>
    </row>
    <row r="680932" spans="8:8">
      <c r="H680932" s="12"/>
    </row>
    <row r="680933" spans="8:8">
      <c r="H680933" s="12"/>
    </row>
    <row r="680934" spans="8:8">
      <c r="H680934" s="12"/>
    </row>
    <row r="680935" spans="8:8">
      <c r="H680935" s="12"/>
    </row>
    <row r="680936" spans="8:8">
      <c r="H680936" s="12"/>
    </row>
    <row r="680937" spans="8:8">
      <c r="H680937" s="12"/>
    </row>
    <row r="680938" spans="8:8">
      <c r="H680938" s="12"/>
    </row>
    <row r="680939" spans="8:8">
      <c r="H680939" s="12"/>
    </row>
    <row r="680940" spans="8:8">
      <c r="H680940" s="12"/>
    </row>
    <row r="680941" spans="8:8">
      <c r="H680941" s="12"/>
    </row>
    <row r="680942" spans="8:8">
      <c r="H680942" s="12"/>
    </row>
    <row r="680943" spans="8:8">
      <c r="H680943" s="12"/>
    </row>
    <row r="680944" spans="8:8">
      <c r="H680944" s="12"/>
    </row>
    <row r="680945" spans="8:8">
      <c r="H680945" s="12"/>
    </row>
    <row r="680946" spans="8:8">
      <c r="H680946" s="12"/>
    </row>
    <row r="680947" spans="8:8">
      <c r="H680947" s="12"/>
    </row>
    <row r="680948" spans="8:8">
      <c r="H680948" s="12"/>
    </row>
    <row r="680949" spans="8:8">
      <c r="H680949" s="12"/>
    </row>
    <row r="680950" spans="8:8">
      <c r="H680950" s="12"/>
    </row>
    <row r="680951" spans="8:8">
      <c r="H680951" s="12"/>
    </row>
    <row r="680952" spans="8:8">
      <c r="H680952" s="12"/>
    </row>
    <row r="680953" spans="8:8">
      <c r="H680953" s="12"/>
    </row>
    <row r="680954" spans="8:8">
      <c r="H680954" s="12"/>
    </row>
    <row r="680955" spans="8:8">
      <c r="H680955" s="12"/>
    </row>
    <row r="680956" spans="8:8">
      <c r="H680956" s="12"/>
    </row>
    <row r="680957" spans="8:8">
      <c r="H680957" s="12"/>
    </row>
    <row r="680958" spans="8:8">
      <c r="H680958" s="12"/>
    </row>
    <row r="680959" spans="8:8">
      <c r="H680959" s="12"/>
    </row>
    <row r="680960" spans="8:8">
      <c r="H680960" s="12"/>
    </row>
    <row r="680961" spans="8:8">
      <c r="H680961" s="12"/>
    </row>
    <row r="680962" spans="8:8">
      <c r="H680962" s="12"/>
    </row>
    <row r="680963" spans="8:8">
      <c r="H680963" s="12"/>
    </row>
    <row r="680964" spans="8:8">
      <c r="H680964" s="12"/>
    </row>
    <row r="680965" spans="8:8">
      <c r="H680965" s="12"/>
    </row>
    <row r="680966" spans="8:8">
      <c r="H680966" s="12"/>
    </row>
    <row r="680967" spans="8:8">
      <c r="H680967" s="12"/>
    </row>
    <row r="680968" spans="8:8">
      <c r="H680968" s="12"/>
    </row>
    <row r="680969" spans="8:8">
      <c r="H680969" s="12"/>
    </row>
    <row r="680970" spans="8:8">
      <c r="H680970" s="12"/>
    </row>
    <row r="680971" spans="8:8">
      <c r="H680971" s="12"/>
    </row>
    <row r="680972" spans="8:8">
      <c r="H680972" s="12"/>
    </row>
    <row r="680973" spans="8:8">
      <c r="H680973" s="12"/>
    </row>
    <row r="680974" spans="8:8">
      <c r="H680974" s="12"/>
    </row>
    <row r="680975" spans="8:8">
      <c r="H680975" s="12"/>
    </row>
    <row r="680976" spans="8:8">
      <c r="H680976" s="12"/>
    </row>
    <row r="680977" spans="8:8">
      <c r="H680977" s="12"/>
    </row>
    <row r="680978" spans="8:8">
      <c r="H680978" s="12"/>
    </row>
    <row r="680979" spans="8:8">
      <c r="H680979" s="12"/>
    </row>
    <row r="680980" spans="8:8">
      <c r="H680980" s="12"/>
    </row>
    <row r="680981" spans="8:8">
      <c r="H680981" s="12"/>
    </row>
    <row r="680982" spans="8:8">
      <c r="H680982" s="12"/>
    </row>
    <row r="680983" spans="8:8">
      <c r="H680983" s="12"/>
    </row>
    <row r="680984" spans="8:8">
      <c r="H680984" s="12"/>
    </row>
    <row r="680985" spans="8:8">
      <c r="H680985" s="12"/>
    </row>
    <row r="680986" spans="8:8">
      <c r="H680986" s="12"/>
    </row>
    <row r="680987" spans="8:8">
      <c r="H680987" s="12"/>
    </row>
    <row r="680988" spans="8:8">
      <c r="H680988" s="12"/>
    </row>
    <row r="680989" spans="8:8">
      <c r="H680989" s="12"/>
    </row>
    <row r="680990" spans="8:8">
      <c r="H680990" s="12"/>
    </row>
    <row r="680991" spans="8:8">
      <c r="H680991" s="12"/>
    </row>
    <row r="680992" spans="8:8">
      <c r="H680992" s="12"/>
    </row>
    <row r="680993" spans="8:8">
      <c r="H680993" s="12"/>
    </row>
    <row r="680994" spans="8:8">
      <c r="H680994" s="12"/>
    </row>
    <row r="680995" spans="8:8">
      <c r="H680995" s="12"/>
    </row>
    <row r="680996" spans="8:8">
      <c r="H680996" s="12"/>
    </row>
    <row r="680997" spans="8:8">
      <c r="H680997" s="12"/>
    </row>
    <row r="680998" spans="8:8">
      <c r="H680998" s="12"/>
    </row>
    <row r="680999" spans="8:8">
      <c r="H680999" s="12"/>
    </row>
    <row r="681000" spans="8:8">
      <c r="H681000" s="12"/>
    </row>
    <row r="681001" spans="8:8">
      <c r="H681001" s="12"/>
    </row>
    <row r="681002" spans="8:8">
      <c r="H681002" s="12"/>
    </row>
    <row r="681003" spans="8:8">
      <c r="H681003" s="12"/>
    </row>
    <row r="681004" spans="8:8">
      <c r="H681004" s="12"/>
    </row>
    <row r="681005" spans="8:8">
      <c r="H681005" s="12"/>
    </row>
    <row r="681006" spans="8:8">
      <c r="H681006" s="12"/>
    </row>
    <row r="681007" spans="8:8">
      <c r="H681007" s="12"/>
    </row>
    <row r="681008" spans="8:8">
      <c r="H681008" s="12"/>
    </row>
    <row r="681009" spans="8:8">
      <c r="H681009" s="12"/>
    </row>
    <row r="681010" spans="8:8">
      <c r="H681010" s="12"/>
    </row>
    <row r="681011" spans="8:8">
      <c r="H681011" s="12"/>
    </row>
    <row r="681012" spans="8:8">
      <c r="H681012" s="12"/>
    </row>
    <row r="681013" spans="8:8">
      <c r="H681013" s="12"/>
    </row>
    <row r="681014" spans="8:8">
      <c r="H681014" s="12"/>
    </row>
    <row r="681015" spans="8:8">
      <c r="H681015" s="12"/>
    </row>
    <row r="681016" spans="8:8">
      <c r="H681016" s="12"/>
    </row>
    <row r="681017" spans="8:8">
      <c r="H681017" s="12"/>
    </row>
    <row r="681018" spans="8:8">
      <c r="H681018" s="12"/>
    </row>
    <row r="681019" spans="8:8">
      <c r="H681019" s="12"/>
    </row>
    <row r="681020" spans="8:8">
      <c r="H681020" s="12"/>
    </row>
    <row r="681021" spans="8:8">
      <c r="H681021" s="12"/>
    </row>
    <row r="681022" spans="8:8">
      <c r="H681022" s="12"/>
    </row>
    <row r="681023" spans="8:8">
      <c r="H681023" s="12"/>
    </row>
    <row r="681024" spans="8:8">
      <c r="H681024" s="12"/>
    </row>
    <row r="681025" spans="8:8">
      <c r="H681025" s="12"/>
    </row>
    <row r="681026" spans="8:8">
      <c r="H681026" s="12"/>
    </row>
    <row r="681027" spans="8:8">
      <c r="H681027" s="12"/>
    </row>
    <row r="681028" spans="8:8">
      <c r="H681028" s="12"/>
    </row>
    <row r="681029" spans="8:8">
      <c r="H681029" s="12"/>
    </row>
    <row r="681030" spans="8:8">
      <c r="H681030" s="12"/>
    </row>
    <row r="681031" spans="8:8">
      <c r="H681031" s="12"/>
    </row>
    <row r="681032" spans="8:8">
      <c r="H681032" s="12"/>
    </row>
    <row r="681033" spans="8:8">
      <c r="H681033" s="12"/>
    </row>
    <row r="681034" spans="8:8">
      <c r="H681034" s="12"/>
    </row>
    <row r="681035" spans="8:8">
      <c r="H681035" s="12"/>
    </row>
    <row r="681036" spans="8:8">
      <c r="H681036" s="12"/>
    </row>
    <row r="681037" spans="8:8">
      <c r="H681037" s="12"/>
    </row>
    <row r="681038" spans="8:8">
      <c r="H681038" s="12"/>
    </row>
    <row r="681039" spans="8:8">
      <c r="H681039" s="12"/>
    </row>
    <row r="681040" spans="8:8">
      <c r="H681040" s="12"/>
    </row>
    <row r="681041" spans="8:8">
      <c r="H681041" s="12"/>
    </row>
    <row r="681042" spans="8:8">
      <c r="H681042" s="12"/>
    </row>
    <row r="681043" spans="8:8">
      <c r="H681043" s="12"/>
    </row>
    <row r="681044" spans="8:8">
      <c r="H681044" s="12"/>
    </row>
    <row r="681045" spans="8:8">
      <c r="H681045" s="12"/>
    </row>
    <row r="681046" spans="8:8">
      <c r="H681046" s="12"/>
    </row>
    <row r="681047" spans="8:8">
      <c r="H681047" s="12"/>
    </row>
    <row r="681048" spans="8:8">
      <c r="H681048" s="12"/>
    </row>
    <row r="681049" spans="8:8">
      <c r="H681049" s="12"/>
    </row>
    <row r="681050" spans="8:8">
      <c r="H681050" s="12"/>
    </row>
    <row r="681051" spans="8:8">
      <c r="H681051" s="12"/>
    </row>
    <row r="681052" spans="8:8">
      <c r="H681052" s="12"/>
    </row>
    <row r="681053" spans="8:8">
      <c r="H681053" s="12"/>
    </row>
    <row r="681054" spans="8:8">
      <c r="H681054" s="12"/>
    </row>
    <row r="681055" spans="8:8">
      <c r="H681055" s="12"/>
    </row>
    <row r="681056" spans="8:8">
      <c r="H681056" s="12"/>
    </row>
    <row r="681057" spans="8:8">
      <c r="H681057" s="12"/>
    </row>
    <row r="681058" spans="8:8">
      <c r="H681058" s="12"/>
    </row>
    <row r="681059" spans="8:8">
      <c r="H681059" s="12"/>
    </row>
    <row r="681060" spans="8:8">
      <c r="H681060" s="12"/>
    </row>
    <row r="681061" spans="8:8">
      <c r="H681061" s="12"/>
    </row>
    <row r="681062" spans="8:8">
      <c r="H681062" s="12"/>
    </row>
    <row r="681063" spans="8:8">
      <c r="H681063" s="12"/>
    </row>
    <row r="681064" spans="8:8">
      <c r="H681064" s="12"/>
    </row>
    <row r="681065" spans="8:8">
      <c r="H681065" s="12"/>
    </row>
    <row r="681066" spans="8:8">
      <c r="H681066" s="12"/>
    </row>
    <row r="681067" spans="8:8">
      <c r="H681067" s="12"/>
    </row>
    <row r="681068" spans="8:8">
      <c r="H681068" s="12"/>
    </row>
    <row r="681069" spans="8:8">
      <c r="H681069" s="12"/>
    </row>
    <row r="681070" spans="8:8">
      <c r="H681070" s="12"/>
    </row>
    <row r="681071" spans="8:8">
      <c r="H681071" s="12"/>
    </row>
    <row r="681072" spans="8:8">
      <c r="H681072" s="12"/>
    </row>
    <row r="681073" spans="8:8">
      <c r="H681073" s="12"/>
    </row>
    <row r="681074" spans="8:8">
      <c r="H681074" s="12"/>
    </row>
    <row r="681075" spans="8:8">
      <c r="H681075" s="12"/>
    </row>
    <row r="681076" spans="8:8">
      <c r="H681076" s="12"/>
    </row>
    <row r="681077" spans="8:8">
      <c r="H681077" s="12"/>
    </row>
    <row r="681078" spans="8:8">
      <c r="H681078" s="12"/>
    </row>
    <row r="681079" spans="8:8">
      <c r="H681079" s="12"/>
    </row>
    <row r="681080" spans="8:8">
      <c r="H681080" s="12"/>
    </row>
    <row r="681081" spans="8:8">
      <c r="H681081" s="12"/>
    </row>
    <row r="681082" spans="8:8">
      <c r="H681082" s="12"/>
    </row>
    <row r="681083" spans="8:8">
      <c r="H681083" s="12"/>
    </row>
    <row r="681084" spans="8:8">
      <c r="H681084" s="12"/>
    </row>
    <row r="681085" spans="8:8">
      <c r="H681085" s="12"/>
    </row>
    <row r="681086" spans="8:8">
      <c r="H681086" s="12"/>
    </row>
    <row r="681087" spans="8:8">
      <c r="H681087" s="12"/>
    </row>
    <row r="681088" spans="8:8">
      <c r="H681088" s="12"/>
    </row>
    <row r="681089" spans="8:8">
      <c r="H681089" s="12"/>
    </row>
    <row r="681090" spans="8:8">
      <c r="H681090" s="12"/>
    </row>
    <row r="681091" spans="8:8">
      <c r="H681091" s="12"/>
    </row>
    <row r="681092" spans="8:8">
      <c r="H681092" s="12"/>
    </row>
    <row r="681093" spans="8:8">
      <c r="H681093" s="12"/>
    </row>
    <row r="681094" spans="8:8">
      <c r="H681094" s="12"/>
    </row>
    <row r="681095" spans="8:8">
      <c r="H681095" s="12"/>
    </row>
    <row r="681096" spans="8:8">
      <c r="H681096" s="12"/>
    </row>
    <row r="681097" spans="8:8">
      <c r="H681097" s="12"/>
    </row>
    <row r="681098" spans="8:8">
      <c r="H681098" s="12"/>
    </row>
    <row r="681099" spans="8:8">
      <c r="H681099" s="12"/>
    </row>
    <row r="681100" spans="8:8">
      <c r="H681100" s="12"/>
    </row>
    <row r="681101" spans="8:8">
      <c r="H681101" s="12"/>
    </row>
    <row r="681102" spans="8:8">
      <c r="H681102" s="12"/>
    </row>
    <row r="681103" spans="8:8">
      <c r="H681103" s="12"/>
    </row>
    <row r="681104" spans="8:8">
      <c r="H681104" s="12"/>
    </row>
    <row r="681105" spans="8:8">
      <c r="H681105" s="12"/>
    </row>
    <row r="681106" spans="8:8">
      <c r="H681106" s="12"/>
    </row>
    <row r="681107" spans="8:8">
      <c r="H681107" s="12"/>
    </row>
    <row r="681108" spans="8:8">
      <c r="H681108" s="12"/>
    </row>
    <row r="681109" spans="8:8">
      <c r="H681109" s="12"/>
    </row>
    <row r="681110" spans="8:8">
      <c r="H681110" s="12"/>
    </row>
    <row r="681111" spans="8:8">
      <c r="H681111" s="12"/>
    </row>
    <row r="681112" spans="8:8">
      <c r="H681112" s="12"/>
    </row>
    <row r="681113" spans="8:8">
      <c r="H681113" s="12"/>
    </row>
    <row r="681114" spans="8:8">
      <c r="H681114" s="12"/>
    </row>
    <row r="681115" spans="8:8">
      <c r="H681115" s="12"/>
    </row>
    <row r="681116" spans="8:8">
      <c r="H681116" s="12"/>
    </row>
    <row r="681117" spans="8:8">
      <c r="H681117" s="12"/>
    </row>
    <row r="681118" spans="8:8">
      <c r="H681118" s="12"/>
    </row>
    <row r="681119" spans="8:8">
      <c r="H681119" s="12"/>
    </row>
    <row r="681120" spans="8:8">
      <c r="H681120" s="12"/>
    </row>
    <row r="681121" spans="8:8">
      <c r="H681121" s="12"/>
    </row>
    <row r="681122" spans="8:8">
      <c r="H681122" s="12"/>
    </row>
    <row r="681123" spans="8:8">
      <c r="H681123" s="12"/>
    </row>
    <row r="681124" spans="8:8">
      <c r="H681124" s="12"/>
    </row>
    <row r="681125" spans="8:8">
      <c r="H681125" s="12"/>
    </row>
    <row r="681126" spans="8:8">
      <c r="H681126" s="12"/>
    </row>
    <row r="681127" spans="8:8">
      <c r="H681127" s="12"/>
    </row>
    <row r="681128" spans="8:8">
      <c r="H681128" s="12"/>
    </row>
    <row r="681129" spans="8:8">
      <c r="H681129" s="12"/>
    </row>
    <row r="681130" spans="8:8">
      <c r="H681130" s="12"/>
    </row>
    <row r="681131" spans="8:8">
      <c r="H681131" s="12"/>
    </row>
    <row r="681132" spans="8:8">
      <c r="H681132" s="12"/>
    </row>
    <row r="681133" spans="8:8">
      <c r="H681133" s="12"/>
    </row>
    <row r="681134" spans="8:8">
      <c r="H681134" s="12"/>
    </row>
    <row r="681135" spans="8:8">
      <c r="H681135" s="12"/>
    </row>
    <row r="681136" spans="8:8">
      <c r="H681136" s="12"/>
    </row>
    <row r="681137" spans="8:8">
      <c r="H681137" s="12"/>
    </row>
    <row r="681138" spans="8:8">
      <c r="H681138" s="12"/>
    </row>
    <row r="681139" spans="8:8">
      <c r="H681139" s="12"/>
    </row>
    <row r="681140" spans="8:8">
      <c r="H681140" s="12"/>
    </row>
    <row r="681141" spans="8:8">
      <c r="H681141" s="12"/>
    </row>
    <row r="681142" spans="8:8">
      <c r="H681142" s="12"/>
    </row>
    <row r="681143" spans="8:8">
      <c r="H681143" s="12"/>
    </row>
    <row r="681144" spans="8:8">
      <c r="H681144" s="12"/>
    </row>
    <row r="681145" spans="8:8">
      <c r="H681145" s="12"/>
    </row>
    <row r="681146" spans="8:8">
      <c r="H681146" s="12"/>
    </row>
    <row r="681147" spans="8:8">
      <c r="H681147" s="12"/>
    </row>
    <row r="681148" spans="8:8">
      <c r="H681148" s="12"/>
    </row>
    <row r="681149" spans="8:8">
      <c r="H681149" s="12"/>
    </row>
    <row r="681150" spans="8:8">
      <c r="H681150" s="12"/>
    </row>
    <row r="681151" spans="8:8">
      <c r="H681151" s="12"/>
    </row>
    <row r="681152" spans="8:8">
      <c r="H681152" s="12"/>
    </row>
    <row r="681153" spans="8:8">
      <c r="H681153" s="12"/>
    </row>
    <row r="681154" spans="8:8">
      <c r="H681154" s="12"/>
    </row>
    <row r="681155" spans="8:8">
      <c r="H681155" s="12"/>
    </row>
    <row r="681156" spans="8:8">
      <c r="H681156" s="12"/>
    </row>
    <row r="681157" spans="8:8">
      <c r="H681157" s="12"/>
    </row>
    <row r="681158" spans="8:8">
      <c r="H681158" s="12"/>
    </row>
    <row r="681159" spans="8:8">
      <c r="H681159" s="12"/>
    </row>
    <row r="681160" spans="8:8">
      <c r="H681160" s="12"/>
    </row>
    <row r="681161" spans="8:8">
      <c r="H681161" s="12"/>
    </row>
    <row r="681162" spans="8:8">
      <c r="H681162" s="12"/>
    </row>
    <row r="681163" spans="8:8">
      <c r="H681163" s="12"/>
    </row>
    <row r="681164" spans="8:8">
      <c r="H681164" s="12"/>
    </row>
    <row r="681165" spans="8:8">
      <c r="H681165" s="12"/>
    </row>
    <row r="681166" spans="8:8">
      <c r="H681166" s="12"/>
    </row>
    <row r="681167" spans="8:8">
      <c r="H681167" s="12"/>
    </row>
    <row r="681168" spans="8:8">
      <c r="H681168" s="12"/>
    </row>
    <row r="681169" spans="8:8">
      <c r="H681169" s="12"/>
    </row>
    <row r="681170" spans="8:8">
      <c r="H681170" s="12"/>
    </row>
    <row r="681171" spans="8:8">
      <c r="H681171" s="12"/>
    </row>
    <row r="681172" spans="8:8">
      <c r="H681172" s="12"/>
    </row>
    <row r="681173" spans="8:8">
      <c r="H681173" s="12"/>
    </row>
    <row r="681174" spans="8:8">
      <c r="H681174" s="12"/>
    </row>
    <row r="681175" spans="8:8">
      <c r="H681175" s="12"/>
    </row>
    <row r="681176" spans="8:8">
      <c r="H681176" s="12"/>
    </row>
    <row r="681177" spans="8:8">
      <c r="H681177" s="12"/>
    </row>
    <row r="681178" spans="8:8">
      <c r="H681178" s="12"/>
    </row>
    <row r="681179" spans="8:8">
      <c r="H681179" s="12"/>
    </row>
    <row r="681180" spans="8:8">
      <c r="H681180" s="12"/>
    </row>
    <row r="681181" spans="8:8">
      <c r="H681181" s="12"/>
    </row>
    <row r="681182" spans="8:8">
      <c r="H681182" s="12"/>
    </row>
    <row r="681183" spans="8:8">
      <c r="H681183" s="12"/>
    </row>
    <row r="681184" spans="8:8">
      <c r="H681184" s="12"/>
    </row>
    <row r="681185" spans="8:8">
      <c r="H681185" s="12"/>
    </row>
    <row r="681186" spans="8:8">
      <c r="H681186" s="12"/>
    </row>
    <row r="681187" spans="8:8">
      <c r="H681187" s="12"/>
    </row>
    <row r="681188" spans="8:8">
      <c r="H681188" s="12"/>
    </row>
    <row r="681189" spans="8:8">
      <c r="H681189" s="12"/>
    </row>
    <row r="681190" spans="8:8">
      <c r="H681190" s="12"/>
    </row>
    <row r="681191" spans="8:8">
      <c r="H681191" s="12"/>
    </row>
    <row r="681192" spans="8:8">
      <c r="H681192" s="12"/>
    </row>
    <row r="681193" spans="8:8">
      <c r="H681193" s="12"/>
    </row>
    <row r="681194" spans="8:8">
      <c r="H681194" s="12"/>
    </row>
    <row r="681195" spans="8:8">
      <c r="H681195" s="12"/>
    </row>
    <row r="681196" spans="8:8">
      <c r="H681196" s="12"/>
    </row>
    <row r="681197" spans="8:8">
      <c r="H681197" s="12"/>
    </row>
    <row r="681198" spans="8:8">
      <c r="H681198" s="12"/>
    </row>
    <row r="681199" spans="8:8">
      <c r="H681199" s="12"/>
    </row>
    <row r="681200" spans="8:8">
      <c r="H681200" s="12"/>
    </row>
    <row r="681201" spans="8:8">
      <c r="H681201" s="12"/>
    </row>
    <row r="681202" spans="8:8">
      <c r="H681202" s="12"/>
    </row>
    <row r="681203" spans="8:8">
      <c r="H681203" s="12"/>
    </row>
    <row r="681204" spans="8:8">
      <c r="H681204" s="12"/>
    </row>
    <row r="681205" spans="8:8">
      <c r="H681205" s="12"/>
    </row>
    <row r="681206" spans="8:8">
      <c r="H681206" s="12"/>
    </row>
    <row r="681207" spans="8:8">
      <c r="H681207" s="12"/>
    </row>
    <row r="681208" spans="8:8">
      <c r="H681208" s="12"/>
    </row>
    <row r="681209" spans="8:8">
      <c r="H681209" s="12"/>
    </row>
    <row r="681210" spans="8:8">
      <c r="H681210" s="12"/>
    </row>
    <row r="681211" spans="8:8">
      <c r="H681211" s="12"/>
    </row>
    <row r="681212" spans="8:8">
      <c r="H681212" s="12"/>
    </row>
    <row r="681213" spans="8:8">
      <c r="H681213" s="12"/>
    </row>
    <row r="681214" spans="8:8">
      <c r="H681214" s="12"/>
    </row>
    <row r="681215" spans="8:8">
      <c r="H681215" s="12"/>
    </row>
    <row r="681216" spans="8:8">
      <c r="H681216" s="12"/>
    </row>
    <row r="681217" spans="8:8">
      <c r="H681217" s="12"/>
    </row>
    <row r="681218" spans="8:8">
      <c r="H681218" s="12"/>
    </row>
    <row r="681219" spans="8:8">
      <c r="H681219" s="12"/>
    </row>
    <row r="681220" spans="8:8">
      <c r="H681220" s="12"/>
    </row>
    <row r="681221" spans="8:8">
      <c r="H681221" s="12"/>
    </row>
    <row r="681222" spans="8:8">
      <c r="H681222" s="12"/>
    </row>
    <row r="681223" spans="8:8">
      <c r="H681223" s="12"/>
    </row>
    <row r="681224" spans="8:8">
      <c r="H681224" s="12"/>
    </row>
    <row r="681225" spans="8:8">
      <c r="H681225" s="12"/>
    </row>
    <row r="681226" spans="8:8">
      <c r="H681226" s="12"/>
    </row>
    <row r="681227" spans="8:8">
      <c r="H681227" s="12"/>
    </row>
    <row r="681228" spans="8:8">
      <c r="H681228" s="12"/>
    </row>
    <row r="681229" spans="8:8">
      <c r="H681229" s="12"/>
    </row>
    <row r="681230" spans="8:8">
      <c r="H681230" s="12"/>
    </row>
    <row r="681231" spans="8:8">
      <c r="H681231" s="12"/>
    </row>
    <row r="681232" spans="8:8">
      <c r="H681232" s="12"/>
    </row>
    <row r="681233" spans="8:8">
      <c r="H681233" s="12"/>
    </row>
    <row r="681234" spans="8:8">
      <c r="H681234" s="12"/>
    </row>
    <row r="681235" spans="8:8">
      <c r="H681235" s="12"/>
    </row>
    <row r="681236" spans="8:8">
      <c r="H681236" s="12"/>
    </row>
    <row r="681237" spans="8:8">
      <c r="H681237" s="12"/>
    </row>
    <row r="681238" spans="8:8">
      <c r="H681238" s="12"/>
    </row>
    <row r="681239" spans="8:8">
      <c r="H681239" s="12"/>
    </row>
    <row r="681240" spans="8:8">
      <c r="H681240" s="12"/>
    </row>
    <row r="681241" spans="8:8">
      <c r="H681241" s="12"/>
    </row>
    <row r="681242" spans="8:8">
      <c r="H681242" s="12"/>
    </row>
    <row r="681243" spans="8:8">
      <c r="H681243" s="12"/>
    </row>
    <row r="681244" spans="8:8">
      <c r="H681244" s="12"/>
    </row>
    <row r="681245" spans="8:8">
      <c r="H681245" s="12"/>
    </row>
    <row r="681246" spans="8:8">
      <c r="H681246" s="12"/>
    </row>
    <row r="681247" spans="8:8">
      <c r="H681247" s="12"/>
    </row>
    <row r="681248" spans="8:8">
      <c r="H681248" s="12"/>
    </row>
    <row r="681249" spans="8:8">
      <c r="H681249" s="12"/>
    </row>
    <row r="681250" spans="8:8">
      <c r="H681250" s="12"/>
    </row>
    <row r="681251" spans="8:8">
      <c r="H681251" s="12"/>
    </row>
    <row r="681252" spans="8:8">
      <c r="H681252" s="12"/>
    </row>
    <row r="681253" spans="8:8">
      <c r="H681253" s="12"/>
    </row>
    <row r="681254" spans="8:8">
      <c r="H681254" s="12"/>
    </row>
    <row r="681255" spans="8:8">
      <c r="H681255" s="12"/>
    </row>
    <row r="681256" spans="8:8">
      <c r="H681256" s="12"/>
    </row>
    <row r="681257" spans="8:8">
      <c r="H681257" s="12"/>
    </row>
    <row r="681258" spans="8:8">
      <c r="H681258" s="12"/>
    </row>
    <row r="681259" spans="8:8">
      <c r="H681259" s="12"/>
    </row>
    <row r="681260" spans="8:8">
      <c r="H681260" s="12"/>
    </row>
    <row r="681261" spans="8:8">
      <c r="H681261" s="12"/>
    </row>
    <row r="681262" spans="8:8">
      <c r="H681262" s="12"/>
    </row>
    <row r="681263" spans="8:8">
      <c r="H681263" s="12"/>
    </row>
    <row r="681264" spans="8:8">
      <c r="H681264" s="12"/>
    </row>
    <row r="681265" spans="8:8">
      <c r="H681265" s="12"/>
    </row>
    <row r="681266" spans="8:8">
      <c r="H681266" s="12"/>
    </row>
    <row r="681267" spans="8:8">
      <c r="H681267" s="12"/>
    </row>
    <row r="681268" spans="8:8">
      <c r="H681268" s="12"/>
    </row>
    <row r="681269" spans="8:8">
      <c r="H681269" s="12"/>
    </row>
    <row r="681270" spans="8:8">
      <c r="H681270" s="12"/>
    </row>
    <row r="681271" spans="8:8">
      <c r="H681271" s="12"/>
    </row>
    <row r="681272" spans="8:8">
      <c r="H681272" s="12"/>
    </row>
    <row r="681273" spans="8:8">
      <c r="H681273" s="12"/>
    </row>
    <row r="681274" spans="8:8">
      <c r="H681274" s="12"/>
    </row>
    <row r="681275" spans="8:8">
      <c r="H681275" s="12"/>
    </row>
    <row r="681276" spans="8:8">
      <c r="H681276" s="12"/>
    </row>
    <row r="681277" spans="8:8">
      <c r="H681277" s="12"/>
    </row>
    <row r="681278" spans="8:8">
      <c r="H681278" s="12"/>
    </row>
    <row r="681279" spans="8:8">
      <c r="H681279" s="12"/>
    </row>
    <row r="681280" spans="8:8">
      <c r="H681280" s="12"/>
    </row>
    <row r="681281" spans="8:8">
      <c r="H681281" s="12"/>
    </row>
    <row r="681282" spans="8:8">
      <c r="H681282" s="12"/>
    </row>
    <row r="681283" spans="8:8">
      <c r="H681283" s="12"/>
    </row>
    <row r="681284" spans="8:8">
      <c r="H681284" s="12"/>
    </row>
    <row r="681285" spans="8:8">
      <c r="H681285" s="12"/>
    </row>
    <row r="681286" spans="8:8">
      <c r="H681286" s="12"/>
    </row>
    <row r="681287" spans="8:8">
      <c r="H681287" s="12"/>
    </row>
    <row r="681288" spans="8:8">
      <c r="H681288" s="12"/>
    </row>
    <row r="681289" spans="8:8">
      <c r="H681289" s="12"/>
    </row>
    <row r="681290" spans="8:8">
      <c r="H681290" s="12"/>
    </row>
    <row r="681291" spans="8:8">
      <c r="H681291" s="12"/>
    </row>
    <row r="681292" spans="8:8">
      <c r="H681292" s="12"/>
    </row>
    <row r="681293" spans="8:8">
      <c r="H681293" s="12"/>
    </row>
    <row r="681294" spans="8:8">
      <c r="H681294" s="12"/>
    </row>
    <row r="681295" spans="8:8">
      <c r="H681295" s="12"/>
    </row>
    <row r="681296" spans="8:8">
      <c r="H681296" s="12"/>
    </row>
    <row r="681297" spans="8:8">
      <c r="H681297" s="12"/>
    </row>
    <row r="681298" spans="8:8">
      <c r="H681298" s="12"/>
    </row>
    <row r="681299" spans="8:8">
      <c r="H681299" s="12"/>
    </row>
    <row r="681300" spans="8:8">
      <c r="H681300" s="12"/>
    </row>
    <row r="681301" spans="8:8">
      <c r="H681301" s="12"/>
    </row>
    <row r="681302" spans="8:8">
      <c r="H681302" s="12"/>
    </row>
    <row r="681303" spans="8:8">
      <c r="H681303" s="12"/>
    </row>
    <row r="681304" spans="8:8">
      <c r="H681304" s="12"/>
    </row>
    <row r="681305" spans="8:8">
      <c r="H681305" s="12"/>
    </row>
    <row r="681306" spans="8:8">
      <c r="H681306" s="12"/>
    </row>
    <row r="681307" spans="8:8">
      <c r="H681307" s="12"/>
    </row>
    <row r="681308" spans="8:8">
      <c r="H681308" s="12"/>
    </row>
    <row r="681309" spans="8:8">
      <c r="H681309" s="12"/>
    </row>
    <row r="681310" spans="8:8">
      <c r="H681310" s="12"/>
    </row>
    <row r="681311" spans="8:8">
      <c r="H681311" s="12"/>
    </row>
    <row r="681312" spans="8:8">
      <c r="H681312" s="12"/>
    </row>
    <row r="681313" spans="8:8">
      <c r="H681313" s="12"/>
    </row>
    <row r="681314" spans="8:8">
      <c r="H681314" s="12"/>
    </row>
    <row r="681315" spans="8:8">
      <c r="H681315" s="12"/>
    </row>
    <row r="681316" spans="8:8">
      <c r="H681316" s="12"/>
    </row>
    <row r="681317" spans="8:8">
      <c r="H681317" s="12"/>
    </row>
    <row r="681318" spans="8:8">
      <c r="H681318" s="12"/>
    </row>
    <row r="681319" spans="8:8">
      <c r="H681319" s="12"/>
    </row>
    <row r="681320" spans="8:8">
      <c r="H681320" s="12"/>
    </row>
    <row r="681321" spans="8:8">
      <c r="H681321" s="12"/>
    </row>
    <row r="681322" spans="8:8">
      <c r="H681322" s="12"/>
    </row>
    <row r="681323" spans="8:8">
      <c r="H681323" s="12"/>
    </row>
    <row r="681324" spans="8:8">
      <c r="H681324" s="12"/>
    </row>
    <row r="681325" spans="8:8">
      <c r="H681325" s="12"/>
    </row>
    <row r="681326" spans="8:8">
      <c r="H681326" s="12"/>
    </row>
    <row r="681327" spans="8:8">
      <c r="H681327" s="12"/>
    </row>
    <row r="681328" spans="8:8">
      <c r="H681328" s="12"/>
    </row>
    <row r="681329" spans="8:8">
      <c r="H681329" s="12"/>
    </row>
    <row r="681330" spans="8:8">
      <c r="H681330" s="12"/>
    </row>
    <row r="681331" spans="8:8">
      <c r="H681331" s="12"/>
    </row>
    <row r="681332" spans="8:8">
      <c r="H681332" s="12"/>
    </row>
    <row r="681333" spans="8:8">
      <c r="H681333" s="12"/>
    </row>
    <row r="681334" spans="8:8">
      <c r="H681334" s="12"/>
    </row>
    <row r="681335" spans="8:8">
      <c r="H681335" s="12"/>
    </row>
    <row r="681336" spans="8:8">
      <c r="H681336" s="12"/>
    </row>
    <row r="681337" spans="8:8">
      <c r="H681337" s="12"/>
    </row>
    <row r="681338" spans="8:8">
      <c r="H681338" s="12"/>
    </row>
    <row r="681339" spans="8:8">
      <c r="H681339" s="12"/>
    </row>
    <row r="681340" spans="8:8">
      <c r="H681340" s="12"/>
    </row>
    <row r="681341" spans="8:8">
      <c r="H681341" s="12"/>
    </row>
    <row r="681342" spans="8:8">
      <c r="H681342" s="12"/>
    </row>
    <row r="681343" spans="8:8">
      <c r="H681343" s="12"/>
    </row>
    <row r="681344" spans="8:8">
      <c r="H681344" s="12"/>
    </row>
    <row r="681345" spans="8:8">
      <c r="H681345" s="12"/>
    </row>
    <row r="681346" spans="8:8">
      <c r="H681346" s="12"/>
    </row>
    <row r="681347" spans="8:8">
      <c r="H681347" s="12"/>
    </row>
    <row r="681348" spans="8:8">
      <c r="H681348" s="12"/>
    </row>
    <row r="681349" spans="8:8">
      <c r="H681349" s="12"/>
    </row>
    <row r="681350" spans="8:8">
      <c r="H681350" s="12"/>
    </row>
    <row r="681351" spans="8:8">
      <c r="H681351" s="12"/>
    </row>
    <row r="681352" spans="8:8">
      <c r="H681352" s="12"/>
    </row>
    <row r="681353" spans="8:8">
      <c r="H681353" s="12"/>
    </row>
    <row r="681354" spans="8:8">
      <c r="H681354" s="12"/>
    </row>
    <row r="681355" spans="8:8">
      <c r="H681355" s="12"/>
    </row>
    <row r="681356" spans="8:8">
      <c r="H681356" s="12"/>
    </row>
    <row r="681357" spans="8:8">
      <c r="H681357" s="12"/>
    </row>
    <row r="681358" spans="8:8">
      <c r="H681358" s="12"/>
    </row>
    <row r="681359" spans="8:8">
      <c r="H681359" s="12"/>
    </row>
    <row r="681360" spans="8:8">
      <c r="H681360" s="12"/>
    </row>
    <row r="681361" spans="8:8">
      <c r="H681361" s="12"/>
    </row>
    <row r="681362" spans="8:8">
      <c r="H681362" s="12"/>
    </row>
    <row r="681363" spans="8:8">
      <c r="H681363" s="12"/>
    </row>
    <row r="681364" spans="8:8">
      <c r="H681364" s="12"/>
    </row>
    <row r="681365" spans="8:8">
      <c r="H681365" s="12"/>
    </row>
    <row r="681366" spans="8:8">
      <c r="H681366" s="12"/>
    </row>
    <row r="681367" spans="8:8">
      <c r="H681367" s="12"/>
    </row>
    <row r="681368" spans="8:8">
      <c r="H681368" s="12"/>
    </row>
    <row r="681369" spans="8:8">
      <c r="H681369" s="12"/>
    </row>
    <row r="681370" spans="8:8">
      <c r="H681370" s="12"/>
    </row>
    <row r="681371" spans="8:8">
      <c r="H681371" s="12"/>
    </row>
    <row r="681372" spans="8:8">
      <c r="H681372" s="12"/>
    </row>
    <row r="681373" spans="8:8">
      <c r="H681373" s="12"/>
    </row>
    <row r="681374" spans="8:8">
      <c r="H681374" s="12"/>
    </row>
    <row r="681375" spans="8:8">
      <c r="H681375" s="12"/>
    </row>
    <row r="681376" spans="8:8">
      <c r="H681376" s="12"/>
    </row>
    <row r="681377" spans="8:8">
      <c r="H681377" s="12"/>
    </row>
    <row r="681378" spans="8:8">
      <c r="H681378" s="12"/>
    </row>
    <row r="681379" spans="8:8">
      <c r="H681379" s="12"/>
    </row>
    <row r="681380" spans="8:8">
      <c r="H681380" s="12"/>
    </row>
    <row r="681381" spans="8:8">
      <c r="H681381" s="12"/>
    </row>
    <row r="681382" spans="8:8">
      <c r="H681382" s="12"/>
    </row>
    <row r="681383" spans="8:8">
      <c r="H681383" s="12"/>
    </row>
    <row r="681384" spans="8:8">
      <c r="H681384" s="12"/>
    </row>
    <row r="681385" spans="8:8">
      <c r="H681385" s="12"/>
    </row>
    <row r="681386" spans="8:8">
      <c r="H681386" s="12"/>
    </row>
    <row r="681387" spans="8:8">
      <c r="H681387" s="12"/>
    </row>
    <row r="681388" spans="8:8">
      <c r="H681388" s="12"/>
    </row>
    <row r="681389" spans="8:8">
      <c r="H681389" s="12"/>
    </row>
    <row r="681390" spans="8:8">
      <c r="H681390" s="12"/>
    </row>
    <row r="681391" spans="8:8">
      <c r="H681391" s="12"/>
    </row>
    <row r="681392" spans="8:8">
      <c r="H681392" s="12"/>
    </row>
    <row r="681393" spans="8:8">
      <c r="H681393" s="12"/>
    </row>
    <row r="681394" spans="8:8">
      <c r="H681394" s="12"/>
    </row>
    <row r="681395" spans="8:8">
      <c r="H681395" s="12"/>
    </row>
    <row r="681396" spans="8:8">
      <c r="H681396" s="12"/>
    </row>
    <row r="681397" spans="8:8">
      <c r="H681397" s="12"/>
    </row>
    <row r="681398" spans="8:8">
      <c r="H681398" s="12"/>
    </row>
    <row r="681399" spans="8:8">
      <c r="H681399" s="12"/>
    </row>
    <row r="681400" spans="8:8">
      <c r="H681400" s="12"/>
    </row>
    <row r="681401" spans="8:8">
      <c r="H681401" s="12"/>
    </row>
    <row r="681402" spans="8:8">
      <c r="H681402" s="12"/>
    </row>
    <row r="681403" spans="8:8">
      <c r="H681403" s="12"/>
    </row>
    <row r="681404" spans="8:8">
      <c r="H681404" s="12"/>
    </row>
    <row r="681405" spans="8:8">
      <c r="H681405" s="12"/>
    </row>
    <row r="681406" spans="8:8">
      <c r="H681406" s="12"/>
    </row>
    <row r="681407" spans="8:8">
      <c r="H681407" s="12"/>
    </row>
    <row r="681408" spans="8:8">
      <c r="H681408" s="12"/>
    </row>
    <row r="681409" spans="8:8">
      <c r="H681409" s="12"/>
    </row>
    <row r="681410" spans="8:8">
      <c r="H681410" s="12"/>
    </row>
    <row r="681411" spans="8:8">
      <c r="H681411" s="12"/>
    </row>
    <row r="681412" spans="8:8">
      <c r="H681412" s="12"/>
    </row>
    <row r="681413" spans="8:8">
      <c r="H681413" s="12"/>
    </row>
    <row r="681414" spans="8:8">
      <c r="H681414" s="12"/>
    </row>
    <row r="681415" spans="8:8">
      <c r="H681415" s="12"/>
    </row>
    <row r="681416" spans="8:8">
      <c r="H681416" s="12"/>
    </row>
    <row r="681417" spans="8:8">
      <c r="H681417" s="12"/>
    </row>
    <row r="681418" spans="8:8">
      <c r="H681418" s="12"/>
    </row>
    <row r="681419" spans="8:8">
      <c r="H681419" s="12"/>
    </row>
    <row r="681420" spans="8:8">
      <c r="H681420" s="12"/>
    </row>
    <row r="681421" spans="8:8">
      <c r="H681421" s="12"/>
    </row>
    <row r="681422" spans="8:8">
      <c r="H681422" s="12"/>
    </row>
    <row r="681423" spans="8:8">
      <c r="H681423" s="12"/>
    </row>
    <row r="681424" spans="8:8">
      <c r="H681424" s="12"/>
    </row>
    <row r="681425" spans="8:8">
      <c r="H681425" s="12"/>
    </row>
    <row r="681426" spans="8:8">
      <c r="H681426" s="12"/>
    </row>
    <row r="681427" spans="8:8">
      <c r="H681427" s="12"/>
    </row>
    <row r="681428" spans="8:8">
      <c r="H681428" s="12"/>
    </row>
    <row r="681429" spans="8:8">
      <c r="H681429" s="12"/>
    </row>
    <row r="681430" spans="8:8">
      <c r="H681430" s="12"/>
    </row>
    <row r="681431" spans="8:8">
      <c r="H681431" s="12"/>
    </row>
    <row r="681432" spans="8:8">
      <c r="H681432" s="12"/>
    </row>
    <row r="681433" spans="8:8">
      <c r="H681433" s="12"/>
    </row>
    <row r="681434" spans="8:8">
      <c r="H681434" s="12"/>
    </row>
    <row r="681435" spans="8:8">
      <c r="H681435" s="12"/>
    </row>
    <row r="681436" spans="8:8">
      <c r="H681436" s="12"/>
    </row>
    <row r="681437" spans="8:8">
      <c r="H681437" s="12"/>
    </row>
    <row r="681438" spans="8:8">
      <c r="H681438" s="12"/>
    </row>
    <row r="681439" spans="8:8">
      <c r="H681439" s="12"/>
    </row>
    <row r="681440" spans="8:8">
      <c r="H681440" s="12"/>
    </row>
    <row r="681441" spans="8:8">
      <c r="H681441" s="12"/>
    </row>
    <row r="681442" spans="8:8">
      <c r="H681442" s="12"/>
    </row>
    <row r="681443" spans="8:8">
      <c r="H681443" s="12"/>
    </row>
    <row r="681444" spans="8:8">
      <c r="H681444" s="12"/>
    </row>
    <row r="681445" spans="8:8">
      <c r="H681445" s="12"/>
    </row>
    <row r="681446" spans="8:8">
      <c r="H681446" s="12"/>
    </row>
    <row r="681447" spans="8:8">
      <c r="H681447" s="12"/>
    </row>
    <row r="681448" spans="8:8">
      <c r="H681448" s="12"/>
    </row>
    <row r="681449" spans="8:8">
      <c r="H681449" s="12"/>
    </row>
    <row r="681450" spans="8:8">
      <c r="H681450" s="12"/>
    </row>
    <row r="681451" spans="8:8">
      <c r="H681451" s="12"/>
    </row>
    <row r="681452" spans="8:8">
      <c r="H681452" s="12"/>
    </row>
    <row r="681453" spans="8:8">
      <c r="H681453" s="12"/>
    </row>
    <row r="681454" spans="8:8">
      <c r="H681454" s="12"/>
    </row>
    <row r="681455" spans="8:8">
      <c r="H681455" s="12"/>
    </row>
    <row r="681456" spans="8:8">
      <c r="H681456" s="12"/>
    </row>
    <row r="681457" spans="8:8">
      <c r="H681457" s="12"/>
    </row>
    <row r="681458" spans="8:8">
      <c r="H681458" s="12"/>
    </row>
    <row r="681459" spans="8:8">
      <c r="H681459" s="12"/>
    </row>
    <row r="681460" spans="8:8">
      <c r="H681460" s="12"/>
    </row>
    <row r="681461" spans="8:8">
      <c r="H681461" s="12"/>
    </row>
    <row r="681462" spans="8:8">
      <c r="H681462" s="12"/>
    </row>
    <row r="681463" spans="8:8">
      <c r="H681463" s="12"/>
    </row>
    <row r="681464" spans="8:8">
      <c r="H681464" s="12"/>
    </row>
    <row r="681465" spans="8:8">
      <c r="H681465" s="12"/>
    </row>
    <row r="681466" spans="8:8">
      <c r="H681466" s="12"/>
    </row>
    <row r="681467" spans="8:8">
      <c r="H681467" s="12"/>
    </row>
    <row r="681468" spans="8:8">
      <c r="H681468" s="12"/>
    </row>
    <row r="681469" spans="8:8">
      <c r="H681469" s="12"/>
    </row>
    <row r="681470" spans="8:8">
      <c r="H681470" s="12"/>
    </row>
    <row r="681471" spans="8:8">
      <c r="H681471" s="12"/>
    </row>
    <row r="681472" spans="8:8">
      <c r="H681472" s="12"/>
    </row>
    <row r="681473" spans="8:8">
      <c r="H681473" s="12"/>
    </row>
    <row r="681474" spans="8:8">
      <c r="H681474" s="12"/>
    </row>
    <row r="681475" spans="8:8">
      <c r="H681475" s="12"/>
    </row>
    <row r="681476" spans="8:8">
      <c r="H681476" s="12"/>
    </row>
    <row r="681477" spans="8:8">
      <c r="H681477" s="12"/>
    </row>
    <row r="681478" spans="8:8">
      <c r="H681478" s="12"/>
    </row>
    <row r="681479" spans="8:8">
      <c r="H681479" s="12"/>
    </row>
    <row r="681480" spans="8:8">
      <c r="H681480" s="12"/>
    </row>
    <row r="681481" spans="8:8">
      <c r="H681481" s="12"/>
    </row>
    <row r="681482" spans="8:8">
      <c r="H681482" s="12"/>
    </row>
    <row r="681483" spans="8:8">
      <c r="H681483" s="12"/>
    </row>
    <row r="681484" spans="8:8">
      <c r="H681484" s="12"/>
    </row>
    <row r="681485" spans="8:8">
      <c r="H681485" s="12"/>
    </row>
    <row r="681486" spans="8:8">
      <c r="H681486" s="12"/>
    </row>
    <row r="681487" spans="8:8">
      <c r="H681487" s="12"/>
    </row>
    <row r="681488" spans="8:8">
      <c r="H681488" s="12"/>
    </row>
    <row r="681489" spans="8:8">
      <c r="H681489" s="12"/>
    </row>
    <row r="681490" spans="8:8">
      <c r="H681490" s="12"/>
    </row>
    <row r="681491" spans="8:8">
      <c r="H681491" s="12"/>
    </row>
    <row r="681492" spans="8:8">
      <c r="H681492" s="12"/>
    </row>
    <row r="681493" spans="8:8">
      <c r="H681493" s="12"/>
    </row>
    <row r="681494" spans="8:8">
      <c r="H681494" s="12"/>
    </row>
    <row r="681495" spans="8:8">
      <c r="H681495" s="12"/>
    </row>
    <row r="681496" spans="8:8">
      <c r="H681496" s="12"/>
    </row>
    <row r="681497" spans="8:8">
      <c r="H681497" s="12"/>
    </row>
    <row r="681498" spans="8:8">
      <c r="H681498" s="12"/>
    </row>
    <row r="681499" spans="8:8">
      <c r="H681499" s="12"/>
    </row>
    <row r="681500" spans="8:8">
      <c r="H681500" s="12"/>
    </row>
    <row r="681501" spans="8:8">
      <c r="H681501" s="12"/>
    </row>
    <row r="681502" spans="8:8">
      <c r="H681502" s="12"/>
    </row>
    <row r="681503" spans="8:8">
      <c r="H681503" s="12"/>
    </row>
    <row r="681504" spans="8:8">
      <c r="H681504" s="12"/>
    </row>
    <row r="681505" spans="8:8">
      <c r="H681505" s="12"/>
    </row>
    <row r="681506" spans="8:8">
      <c r="H681506" s="12"/>
    </row>
    <row r="681507" spans="8:8">
      <c r="H681507" s="12"/>
    </row>
    <row r="681508" spans="8:8">
      <c r="H681508" s="12"/>
    </row>
    <row r="681509" spans="8:8">
      <c r="H681509" s="12"/>
    </row>
    <row r="681510" spans="8:8">
      <c r="H681510" s="12"/>
    </row>
    <row r="681511" spans="8:8">
      <c r="H681511" s="12"/>
    </row>
    <row r="681512" spans="8:8">
      <c r="H681512" s="12"/>
    </row>
    <row r="681513" spans="8:8">
      <c r="H681513" s="12"/>
    </row>
    <row r="681514" spans="8:8">
      <c r="H681514" s="12"/>
    </row>
    <row r="681515" spans="8:8">
      <c r="H681515" s="12"/>
    </row>
    <row r="681516" spans="8:8">
      <c r="H681516" s="12"/>
    </row>
    <row r="681517" spans="8:8">
      <c r="H681517" s="12"/>
    </row>
    <row r="681518" spans="8:8">
      <c r="H681518" s="12"/>
    </row>
    <row r="681519" spans="8:8">
      <c r="H681519" s="12"/>
    </row>
    <row r="681520" spans="8:8">
      <c r="H681520" s="12"/>
    </row>
    <row r="681521" spans="8:8">
      <c r="H681521" s="12"/>
    </row>
    <row r="681522" spans="8:8">
      <c r="H681522" s="12"/>
    </row>
    <row r="681523" spans="8:8">
      <c r="H681523" s="12"/>
    </row>
    <row r="681524" spans="8:8">
      <c r="H681524" s="12"/>
    </row>
    <row r="681525" spans="8:8">
      <c r="H681525" s="12"/>
    </row>
    <row r="681526" spans="8:8">
      <c r="H681526" s="12"/>
    </row>
    <row r="681527" spans="8:8">
      <c r="H681527" s="12"/>
    </row>
    <row r="681528" spans="8:8">
      <c r="H681528" s="12"/>
    </row>
    <row r="681529" spans="8:8">
      <c r="H681529" s="12"/>
    </row>
    <row r="681530" spans="8:8">
      <c r="H681530" s="12"/>
    </row>
    <row r="681531" spans="8:8">
      <c r="H681531" s="12"/>
    </row>
    <row r="681532" spans="8:8">
      <c r="H681532" s="12"/>
    </row>
    <row r="681533" spans="8:8">
      <c r="H681533" s="12"/>
    </row>
    <row r="681534" spans="8:8">
      <c r="H681534" s="12"/>
    </row>
    <row r="681535" spans="8:8">
      <c r="H681535" s="12"/>
    </row>
    <row r="681536" spans="8:8">
      <c r="H681536" s="12"/>
    </row>
    <row r="681537" spans="8:8">
      <c r="H681537" s="12"/>
    </row>
    <row r="681538" spans="8:8">
      <c r="H681538" s="12"/>
    </row>
    <row r="681539" spans="8:8">
      <c r="H681539" s="12"/>
    </row>
    <row r="681540" spans="8:8">
      <c r="H681540" s="12"/>
    </row>
    <row r="681541" spans="8:8">
      <c r="H681541" s="12"/>
    </row>
    <row r="681542" spans="8:8">
      <c r="H681542" s="12"/>
    </row>
    <row r="681543" spans="8:8">
      <c r="H681543" s="12"/>
    </row>
    <row r="681544" spans="8:8">
      <c r="H681544" s="12"/>
    </row>
    <row r="681545" spans="8:8">
      <c r="H681545" s="12"/>
    </row>
    <row r="681546" spans="8:8">
      <c r="H681546" s="12"/>
    </row>
    <row r="681547" spans="8:8">
      <c r="H681547" s="12"/>
    </row>
    <row r="681548" spans="8:8">
      <c r="H681548" s="12"/>
    </row>
    <row r="681549" spans="8:8">
      <c r="H681549" s="12"/>
    </row>
    <row r="681550" spans="8:8">
      <c r="H681550" s="12"/>
    </row>
    <row r="681551" spans="8:8">
      <c r="H681551" s="12"/>
    </row>
    <row r="681552" spans="8:8">
      <c r="H681552" s="12"/>
    </row>
    <row r="681553" spans="8:8">
      <c r="H681553" s="12"/>
    </row>
    <row r="681554" spans="8:8">
      <c r="H681554" s="12"/>
    </row>
    <row r="681555" spans="8:8">
      <c r="H681555" s="12"/>
    </row>
    <row r="681556" spans="8:8">
      <c r="H681556" s="12"/>
    </row>
    <row r="681557" spans="8:8">
      <c r="H681557" s="12"/>
    </row>
    <row r="681558" spans="8:8">
      <c r="H681558" s="12"/>
    </row>
    <row r="681559" spans="8:8">
      <c r="H681559" s="12"/>
    </row>
    <row r="681560" spans="8:8">
      <c r="H681560" s="12"/>
    </row>
    <row r="681561" spans="8:8">
      <c r="H681561" s="12"/>
    </row>
    <row r="681562" spans="8:8">
      <c r="H681562" s="12"/>
    </row>
    <row r="681563" spans="8:8">
      <c r="H681563" s="12"/>
    </row>
    <row r="681564" spans="8:8">
      <c r="H681564" s="12"/>
    </row>
    <row r="681565" spans="8:8">
      <c r="H681565" s="12"/>
    </row>
    <row r="681566" spans="8:8">
      <c r="H681566" s="12"/>
    </row>
    <row r="681567" spans="8:8">
      <c r="H681567" s="12"/>
    </row>
    <row r="681568" spans="8:8">
      <c r="H681568" s="12"/>
    </row>
    <row r="681569" spans="8:8">
      <c r="H681569" s="12"/>
    </row>
    <row r="681570" spans="8:8">
      <c r="H681570" s="12"/>
    </row>
    <row r="681571" spans="8:8">
      <c r="H681571" s="12"/>
    </row>
    <row r="681572" spans="8:8">
      <c r="H681572" s="12"/>
    </row>
    <row r="681573" spans="8:8">
      <c r="H681573" s="12"/>
    </row>
    <row r="681574" spans="8:8">
      <c r="H681574" s="12"/>
    </row>
    <row r="681575" spans="8:8">
      <c r="H681575" s="12"/>
    </row>
    <row r="681576" spans="8:8">
      <c r="H681576" s="12"/>
    </row>
    <row r="681577" spans="8:8">
      <c r="H681577" s="12"/>
    </row>
    <row r="681578" spans="8:8">
      <c r="H681578" s="12"/>
    </row>
    <row r="681579" spans="8:8">
      <c r="H681579" s="12"/>
    </row>
    <row r="681580" spans="8:8">
      <c r="H681580" s="12"/>
    </row>
    <row r="681581" spans="8:8">
      <c r="H681581" s="12"/>
    </row>
    <row r="681582" spans="8:8">
      <c r="H681582" s="12"/>
    </row>
    <row r="681583" spans="8:8">
      <c r="H681583" s="12"/>
    </row>
    <row r="681584" spans="8:8">
      <c r="H681584" s="12"/>
    </row>
    <row r="681585" spans="8:8">
      <c r="H681585" s="12"/>
    </row>
    <row r="681586" spans="8:8">
      <c r="H681586" s="12"/>
    </row>
    <row r="681587" spans="8:8">
      <c r="H681587" s="12"/>
    </row>
    <row r="681588" spans="8:8">
      <c r="H681588" s="12"/>
    </row>
    <row r="681589" spans="8:8">
      <c r="H681589" s="12"/>
    </row>
    <row r="681590" spans="8:8">
      <c r="H681590" s="12"/>
    </row>
    <row r="681591" spans="8:8">
      <c r="H681591" s="12"/>
    </row>
    <row r="681592" spans="8:8">
      <c r="H681592" s="12"/>
    </row>
    <row r="681593" spans="8:8">
      <c r="H681593" s="12"/>
    </row>
    <row r="681594" spans="8:8">
      <c r="H681594" s="12"/>
    </row>
    <row r="681595" spans="8:8">
      <c r="H681595" s="12"/>
    </row>
    <row r="681596" spans="8:8">
      <c r="H681596" s="12"/>
    </row>
    <row r="681597" spans="8:8">
      <c r="H681597" s="12"/>
    </row>
    <row r="681598" spans="8:8">
      <c r="H681598" s="12"/>
    </row>
    <row r="681599" spans="8:8">
      <c r="H681599" s="12"/>
    </row>
    <row r="681600" spans="8:8">
      <c r="H681600" s="12"/>
    </row>
    <row r="681601" spans="8:8">
      <c r="H681601" s="12"/>
    </row>
    <row r="681602" spans="8:8">
      <c r="H681602" s="12"/>
    </row>
    <row r="681603" spans="8:8">
      <c r="H681603" s="12"/>
    </row>
    <row r="681604" spans="8:8">
      <c r="H681604" s="12"/>
    </row>
    <row r="681605" spans="8:8">
      <c r="H681605" s="12"/>
    </row>
    <row r="681606" spans="8:8">
      <c r="H681606" s="12"/>
    </row>
    <row r="681607" spans="8:8">
      <c r="H681607" s="12"/>
    </row>
    <row r="681608" spans="8:8">
      <c r="H681608" s="12"/>
    </row>
    <row r="681609" spans="8:8">
      <c r="H681609" s="12"/>
    </row>
    <row r="681610" spans="8:8">
      <c r="H681610" s="12"/>
    </row>
    <row r="681611" spans="8:8">
      <c r="H681611" s="12"/>
    </row>
    <row r="681612" spans="8:8">
      <c r="H681612" s="12"/>
    </row>
    <row r="681613" spans="8:8">
      <c r="H681613" s="12"/>
    </row>
    <row r="681614" spans="8:8">
      <c r="H681614" s="12"/>
    </row>
    <row r="681615" spans="8:8">
      <c r="H681615" s="12"/>
    </row>
    <row r="681616" spans="8:8">
      <c r="H681616" s="12"/>
    </row>
    <row r="681617" spans="8:8">
      <c r="H681617" s="12"/>
    </row>
    <row r="681618" spans="8:8">
      <c r="H681618" s="12"/>
    </row>
    <row r="681619" spans="8:8">
      <c r="H681619" s="12"/>
    </row>
    <row r="681620" spans="8:8">
      <c r="H681620" s="12"/>
    </row>
    <row r="681621" spans="8:8">
      <c r="H681621" s="12"/>
    </row>
    <row r="681622" spans="8:8">
      <c r="H681622" s="12"/>
    </row>
    <row r="681623" spans="8:8">
      <c r="H681623" s="12"/>
    </row>
    <row r="681624" spans="8:8">
      <c r="H681624" s="12"/>
    </row>
    <row r="681625" spans="8:8">
      <c r="H681625" s="12"/>
    </row>
    <row r="681626" spans="8:8">
      <c r="H681626" s="12"/>
    </row>
    <row r="681627" spans="8:8">
      <c r="H681627" s="12"/>
    </row>
    <row r="681628" spans="8:8">
      <c r="H681628" s="12"/>
    </row>
    <row r="681629" spans="8:8">
      <c r="H681629" s="12"/>
    </row>
    <row r="681630" spans="8:8">
      <c r="H681630" s="12"/>
    </row>
    <row r="681631" spans="8:8">
      <c r="H681631" s="12"/>
    </row>
    <row r="681632" spans="8:8">
      <c r="H681632" s="12"/>
    </row>
    <row r="681633" spans="8:8">
      <c r="H681633" s="12"/>
    </row>
    <row r="681634" spans="8:8">
      <c r="H681634" s="12"/>
    </row>
    <row r="681635" spans="8:8">
      <c r="H681635" s="12"/>
    </row>
    <row r="681636" spans="8:8">
      <c r="H681636" s="12"/>
    </row>
    <row r="681637" spans="8:8">
      <c r="H681637" s="12"/>
    </row>
    <row r="681638" spans="8:8">
      <c r="H681638" s="12"/>
    </row>
    <row r="681639" spans="8:8">
      <c r="H681639" s="12"/>
    </row>
    <row r="681640" spans="8:8">
      <c r="H681640" s="12"/>
    </row>
    <row r="681641" spans="8:8">
      <c r="H681641" s="12"/>
    </row>
    <row r="681642" spans="8:8">
      <c r="H681642" s="12"/>
    </row>
    <row r="681643" spans="8:8">
      <c r="H681643" s="12"/>
    </row>
    <row r="681644" spans="8:8">
      <c r="H681644" s="12"/>
    </row>
    <row r="681645" spans="8:8">
      <c r="H681645" s="12"/>
    </row>
    <row r="681646" spans="8:8">
      <c r="H681646" s="12"/>
    </row>
    <row r="681647" spans="8:8">
      <c r="H681647" s="12"/>
    </row>
    <row r="681648" spans="8:8">
      <c r="H681648" s="12"/>
    </row>
    <row r="681649" spans="8:8">
      <c r="H681649" s="12"/>
    </row>
    <row r="681650" spans="8:8">
      <c r="H681650" s="12"/>
    </row>
    <row r="681651" spans="8:8">
      <c r="H681651" s="12"/>
    </row>
    <row r="681652" spans="8:8">
      <c r="H681652" s="12"/>
    </row>
    <row r="681653" spans="8:8">
      <c r="H681653" s="12"/>
    </row>
    <row r="681654" spans="8:8">
      <c r="H681654" s="12"/>
    </row>
    <row r="681655" spans="8:8">
      <c r="H681655" s="12"/>
    </row>
    <row r="681656" spans="8:8">
      <c r="H681656" s="12"/>
    </row>
    <row r="681657" spans="8:8">
      <c r="H681657" s="12"/>
    </row>
    <row r="681658" spans="8:8">
      <c r="H681658" s="12"/>
    </row>
    <row r="681659" spans="8:8">
      <c r="H681659" s="12"/>
    </row>
    <row r="681660" spans="8:8">
      <c r="H681660" s="12"/>
    </row>
    <row r="681661" spans="8:8">
      <c r="H681661" s="12"/>
    </row>
    <row r="681662" spans="8:8">
      <c r="H681662" s="12"/>
    </row>
    <row r="681663" spans="8:8">
      <c r="H681663" s="12"/>
    </row>
    <row r="681664" spans="8:8">
      <c r="H681664" s="12"/>
    </row>
    <row r="681665" spans="8:8">
      <c r="H681665" s="12"/>
    </row>
    <row r="681666" spans="8:8">
      <c r="H681666" s="12"/>
    </row>
    <row r="681667" spans="8:8">
      <c r="H681667" s="12"/>
    </row>
    <row r="681668" spans="8:8">
      <c r="H681668" s="12"/>
    </row>
    <row r="681669" spans="8:8">
      <c r="H681669" s="12"/>
    </row>
    <row r="681670" spans="8:8">
      <c r="H681670" s="12"/>
    </row>
    <row r="681671" spans="8:8">
      <c r="H681671" s="12"/>
    </row>
    <row r="681672" spans="8:8">
      <c r="H681672" s="12"/>
    </row>
    <row r="681673" spans="8:8">
      <c r="H681673" s="12"/>
    </row>
    <row r="681674" spans="8:8">
      <c r="H681674" s="12"/>
    </row>
    <row r="681675" spans="8:8">
      <c r="H681675" s="12"/>
    </row>
    <row r="681676" spans="8:8">
      <c r="H681676" s="12"/>
    </row>
    <row r="681677" spans="8:8">
      <c r="H681677" s="12"/>
    </row>
    <row r="681678" spans="8:8">
      <c r="H681678" s="12"/>
    </row>
    <row r="681679" spans="8:8">
      <c r="H681679" s="12"/>
    </row>
    <row r="681680" spans="8:8">
      <c r="H681680" s="12"/>
    </row>
    <row r="681681" spans="8:8">
      <c r="H681681" s="12"/>
    </row>
    <row r="681682" spans="8:8">
      <c r="H681682" s="12"/>
    </row>
    <row r="681683" spans="8:8">
      <c r="H681683" s="12"/>
    </row>
    <row r="681684" spans="8:8">
      <c r="H681684" s="12"/>
    </row>
    <row r="681685" spans="8:8">
      <c r="H681685" s="12"/>
    </row>
    <row r="681686" spans="8:8">
      <c r="H681686" s="12"/>
    </row>
    <row r="681687" spans="8:8">
      <c r="H681687" s="12"/>
    </row>
    <row r="681688" spans="8:8">
      <c r="H681688" s="12"/>
    </row>
    <row r="681689" spans="8:8">
      <c r="H681689" s="12"/>
    </row>
    <row r="681690" spans="8:8">
      <c r="H681690" s="12"/>
    </row>
    <row r="681691" spans="8:8">
      <c r="H681691" s="12"/>
    </row>
    <row r="681692" spans="8:8">
      <c r="H681692" s="12"/>
    </row>
    <row r="681693" spans="8:8">
      <c r="H681693" s="12"/>
    </row>
    <row r="681694" spans="8:8">
      <c r="H681694" s="12"/>
    </row>
    <row r="681695" spans="8:8">
      <c r="H681695" s="12"/>
    </row>
    <row r="681696" spans="8:8">
      <c r="H681696" s="12"/>
    </row>
    <row r="681697" spans="8:8">
      <c r="H681697" s="12"/>
    </row>
    <row r="681698" spans="8:8">
      <c r="H681698" s="12"/>
    </row>
    <row r="681699" spans="8:8">
      <c r="H681699" s="12"/>
    </row>
    <row r="681700" spans="8:8">
      <c r="H681700" s="12"/>
    </row>
    <row r="681701" spans="8:8">
      <c r="H681701" s="12"/>
    </row>
    <row r="681702" spans="8:8">
      <c r="H681702" s="12"/>
    </row>
    <row r="681703" spans="8:8">
      <c r="H681703" s="12"/>
    </row>
    <row r="681704" spans="8:8">
      <c r="H681704" s="12"/>
    </row>
    <row r="681705" spans="8:8">
      <c r="H681705" s="12"/>
    </row>
    <row r="681706" spans="8:8">
      <c r="H681706" s="12"/>
    </row>
    <row r="681707" spans="8:8">
      <c r="H681707" s="12"/>
    </row>
    <row r="681708" spans="8:8">
      <c r="H681708" s="12"/>
    </row>
    <row r="681709" spans="8:8">
      <c r="H681709" s="12"/>
    </row>
    <row r="681710" spans="8:8">
      <c r="H681710" s="12"/>
    </row>
    <row r="681711" spans="8:8">
      <c r="H681711" s="12"/>
    </row>
    <row r="681712" spans="8:8">
      <c r="H681712" s="12"/>
    </row>
    <row r="681713" spans="8:8">
      <c r="H681713" s="12"/>
    </row>
    <row r="681714" spans="8:8">
      <c r="H681714" s="12"/>
    </row>
    <row r="681715" spans="8:8">
      <c r="H681715" s="12"/>
    </row>
    <row r="681716" spans="8:8">
      <c r="H681716" s="12"/>
    </row>
    <row r="681717" spans="8:8">
      <c r="H681717" s="12"/>
    </row>
    <row r="681718" spans="8:8">
      <c r="H681718" s="12"/>
    </row>
    <row r="681719" spans="8:8">
      <c r="H681719" s="12"/>
    </row>
    <row r="681720" spans="8:8">
      <c r="H681720" s="12"/>
    </row>
    <row r="681721" spans="8:8">
      <c r="H681721" s="12"/>
    </row>
    <row r="681722" spans="8:8">
      <c r="H681722" s="12"/>
    </row>
    <row r="681723" spans="8:8">
      <c r="H681723" s="12"/>
    </row>
    <row r="681724" spans="8:8">
      <c r="H681724" s="12"/>
    </row>
    <row r="681725" spans="8:8">
      <c r="H681725" s="12"/>
    </row>
    <row r="681726" spans="8:8">
      <c r="H681726" s="12"/>
    </row>
    <row r="681727" spans="8:8">
      <c r="H681727" s="12"/>
    </row>
    <row r="681728" spans="8:8">
      <c r="H681728" s="12"/>
    </row>
    <row r="681729" spans="8:8">
      <c r="H681729" s="12"/>
    </row>
    <row r="681730" spans="8:8">
      <c r="H681730" s="12"/>
    </row>
    <row r="681731" spans="8:8">
      <c r="H681731" s="12"/>
    </row>
    <row r="681732" spans="8:8">
      <c r="H681732" s="12"/>
    </row>
    <row r="681733" spans="8:8">
      <c r="H681733" s="12"/>
    </row>
    <row r="681734" spans="8:8">
      <c r="H681734" s="12"/>
    </row>
    <row r="681735" spans="8:8">
      <c r="H681735" s="12"/>
    </row>
    <row r="681736" spans="8:8">
      <c r="H681736" s="12"/>
    </row>
    <row r="681737" spans="8:8">
      <c r="H681737" s="12"/>
    </row>
    <row r="681738" spans="8:8">
      <c r="H681738" s="12"/>
    </row>
    <row r="681739" spans="8:8">
      <c r="H681739" s="12"/>
    </row>
    <row r="681740" spans="8:8">
      <c r="H681740" s="12"/>
    </row>
    <row r="681741" spans="8:8">
      <c r="H681741" s="12"/>
    </row>
    <row r="681742" spans="8:8">
      <c r="H681742" s="12"/>
    </row>
    <row r="681743" spans="8:8">
      <c r="H681743" s="12"/>
    </row>
    <row r="681744" spans="8:8">
      <c r="H681744" s="12"/>
    </row>
    <row r="681745" spans="8:8">
      <c r="H681745" s="12"/>
    </row>
    <row r="681746" spans="8:8">
      <c r="H681746" s="12"/>
    </row>
    <row r="681747" spans="8:8">
      <c r="H681747" s="12"/>
    </row>
    <row r="681748" spans="8:8">
      <c r="H681748" s="12"/>
    </row>
    <row r="681749" spans="8:8">
      <c r="H681749" s="12"/>
    </row>
    <row r="681750" spans="8:8">
      <c r="H681750" s="12"/>
    </row>
    <row r="681751" spans="8:8">
      <c r="H681751" s="12"/>
    </row>
    <row r="681752" spans="8:8">
      <c r="H681752" s="12"/>
    </row>
    <row r="681753" spans="8:8">
      <c r="H681753" s="12"/>
    </row>
    <row r="681754" spans="8:8">
      <c r="H681754" s="12"/>
    </row>
    <row r="681755" spans="8:8">
      <c r="H681755" s="12"/>
    </row>
    <row r="681756" spans="8:8">
      <c r="H681756" s="12"/>
    </row>
    <row r="681757" spans="8:8">
      <c r="H681757" s="12"/>
    </row>
    <row r="681758" spans="8:8">
      <c r="H681758" s="12"/>
    </row>
    <row r="681759" spans="8:8">
      <c r="H681759" s="12"/>
    </row>
    <row r="681760" spans="8:8">
      <c r="H681760" s="12"/>
    </row>
    <row r="681761" spans="8:8">
      <c r="H681761" s="12"/>
    </row>
    <row r="681762" spans="8:8">
      <c r="H681762" s="12"/>
    </row>
    <row r="681763" spans="8:8">
      <c r="H681763" s="12"/>
    </row>
    <row r="681764" spans="8:8">
      <c r="H681764" s="12"/>
    </row>
    <row r="681765" spans="8:8">
      <c r="H681765" s="12"/>
    </row>
    <row r="681766" spans="8:8">
      <c r="H681766" s="12"/>
    </row>
    <row r="681767" spans="8:8">
      <c r="H681767" s="12"/>
    </row>
    <row r="681768" spans="8:8">
      <c r="H681768" s="12"/>
    </row>
    <row r="681769" spans="8:8">
      <c r="H681769" s="12"/>
    </row>
    <row r="681770" spans="8:8">
      <c r="H681770" s="12"/>
    </row>
    <row r="681771" spans="8:8">
      <c r="H681771" s="12"/>
    </row>
    <row r="681772" spans="8:8">
      <c r="H681772" s="12"/>
    </row>
    <row r="681773" spans="8:8">
      <c r="H681773" s="12"/>
    </row>
    <row r="681774" spans="8:8">
      <c r="H681774" s="12"/>
    </row>
    <row r="681775" spans="8:8">
      <c r="H681775" s="12"/>
    </row>
    <row r="681776" spans="8:8">
      <c r="H681776" s="12"/>
    </row>
    <row r="681777" spans="8:8">
      <c r="H681777" s="12"/>
    </row>
    <row r="681778" spans="8:8">
      <c r="H681778" s="12"/>
    </row>
    <row r="681779" spans="8:8">
      <c r="H681779" s="12"/>
    </row>
    <row r="681780" spans="8:8">
      <c r="H681780" s="12"/>
    </row>
    <row r="681781" spans="8:8">
      <c r="H681781" s="12"/>
    </row>
    <row r="681782" spans="8:8">
      <c r="H681782" s="12"/>
    </row>
    <row r="681783" spans="8:8">
      <c r="H681783" s="12"/>
    </row>
    <row r="681784" spans="8:8">
      <c r="H681784" s="12"/>
    </row>
    <row r="681785" spans="8:8">
      <c r="H681785" s="12"/>
    </row>
    <row r="681786" spans="8:8">
      <c r="H681786" s="12"/>
    </row>
    <row r="681787" spans="8:8">
      <c r="H681787" s="12"/>
    </row>
    <row r="681788" spans="8:8">
      <c r="H681788" s="12"/>
    </row>
    <row r="681789" spans="8:8">
      <c r="H681789" s="12"/>
    </row>
    <row r="681790" spans="8:8">
      <c r="H681790" s="12"/>
    </row>
    <row r="681791" spans="8:8">
      <c r="H681791" s="12"/>
    </row>
    <row r="681792" spans="8:8">
      <c r="H681792" s="12"/>
    </row>
    <row r="681793" spans="8:8">
      <c r="H681793" s="12"/>
    </row>
    <row r="681794" spans="8:8">
      <c r="H681794" s="12"/>
    </row>
    <row r="681795" spans="8:8">
      <c r="H681795" s="12"/>
    </row>
    <row r="681796" spans="8:8">
      <c r="H681796" s="12"/>
    </row>
    <row r="681797" spans="8:8">
      <c r="H681797" s="12"/>
    </row>
    <row r="681798" spans="8:8">
      <c r="H681798" s="12"/>
    </row>
    <row r="681799" spans="8:8">
      <c r="H681799" s="12"/>
    </row>
    <row r="681800" spans="8:8">
      <c r="H681800" s="12"/>
    </row>
    <row r="681801" spans="8:8">
      <c r="H681801" s="12"/>
    </row>
    <row r="681802" spans="8:8">
      <c r="H681802" s="12"/>
    </row>
    <row r="681803" spans="8:8">
      <c r="H681803" s="12"/>
    </row>
    <row r="681804" spans="8:8">
      <c r="H681804" s="12"/>
    </row>
    <row r="681805" spans="8:8">
      <c r="H681805" s="12"/>
    </row>
    <row r="681806" spans="8:8">
      <c r="H681806" s="12"/>
    </row>
    <row r="681807" spans="8:8">
      <c r="H681807" s="12"/>
    </row>
    <row r="681808" spans="8:8">
      <c r="H681808" s="12"/>
    </row>
    <row r="681809" spans="8:8">
      <c r="H681809" s="12"/>
    </row>
    <row r="681810" spans="8:8">
      <c r="H681810" s="12"/>
    </row>
    <row r="681811" spans="8:8">
      <c r="H681811" s="12"/>
    </row>
    <row r="681812" spans="8:8">
      <c r="H681812" s="12"/>
    </row>
    <row r="681813" spans="8:8">
      <c r="H681813" s="12"/>
    </row>
    <row r="681814" spans="8:8">
      <c r="H681814" s="12"/>
    </row>
    <row r="681815" spans="8:8">
      <c r="H681815" s="12"/>
    </row>
    <row r="681816" spans="8:8">
      <c r="H681816" s="12"/>
    </row>
    <row r="681817" spans="8:8">
      <c r="H681817" s="12"/>
    </row>
    <row r="681818" spans="8:8">
      <c r="H681818" s="12"/>
    </row>
    <row r="681819" spans="8:8">
      <c r="H681819" s="12"/>
    </row>
    <row r="681820" spans="8:8">
      <c r="H681820" s="12"/>
    </row>
    <row r="681821" spans="8:8">
      <c r="H681821" s="12"/>
    </row>
    <row r="681822" spans="8:8">
      <c r="H681822" s="12"/>
    </row>
    <row r="681823" spans="8:8">
      <c r="H681823" s="12"/>
    </row>
    <row r="681824" spans="8:8">
      <c r="H681824" s="12"/>
    </row>
    <row r="681825" spans="8:8">
      <c r="H681825" s="12"/>
    </row>
    <row r="681826" spans="8:8">
      <c r="H681826" s="12"/>
    </row>
    <row r="681827" spans="8:8">
      <c r="H681827" s="12"/>
    </row>
    <row r="681828" spans="8:8">
      <c r="H681828" s="12"/>
    </row>
    <row r="681829" spans="8:8">
      <c r="H681829" s="12"/>
    </row>
    <row r="681830" spans="8:8">
      <c r="H681830" s="12"/>
    </row>
    <row r="681831" spans="8:8">
      <c r="H681831" s="12"/>
    </row>
    <row r="681832" spans="8:8">
      <c r="H681832" s="12"/>
    </row>
    <row r="681833" spans="8:8">
      <c r="H681833" s="12"/>
    </row>
    <row r="681834" spans="8:8">
      <c r="H681834" s="12"/>
    </row>
    <row r="681835" spans="8:8">
      <c r="H681835" s="12"/>
    </row>
    <row r="681836" spans="8:8">
      <c r="H681836" s="12"/>
    </row>
    <row r="681837" spans="8:8">
      <c r="H681837" s="12"/>
    </row>
    <row r="681838" spans="8:8">
      <c r="H681838" s="12"/>
    </row>
    <row r="681839" spans="8:8">
      <c r="H681839" s="12"/>
    </row>
    <row r="681840" spans="8:8">
      <c r="H681840" s="12"/>
    </row>
    <row r="681841" spans="8:8">
      <c r="H681841" s="12"/>
    </row>
    <row r="681842" spans="8:8">
      <c r="H681842" s="12"/>
    </row>
    <row r="681843" spans="8:8">
      <c r="H681843" s="12"/>
    </row>
    <row r="681844" spans="8:8">
      <c r="H681844" s="12"/>
    </row>
    <row r="681845" spans="8:8">
      <c r="H681845" s="12"/>
    </row>
    <row r="681846" spans="8:8">
      <c r="H681846" s="12"/>
    </row>
    <row r="681847" spans="8:8">
      <c r="H681847" s="12"/>
    </row>
    <row r="681848" spans="8:8">
      <c r="H681848" s="12"/>
    </row>
    <row r="681849" spans="8:8">
      <c r="H681849" s="12"/>
    </row>
    <row r="681850" spans="8:8">
      <c r="H681850" s="12"/>
    </row>
    <row r="681851" spans="8:8">
      <c r="H681851" s="12"/>
    </row>
    <row r="681852" spans="8:8">
      <c r="H681852" s="12"/>
    </row>
    <row r="681853" spans="8:8">
      <c r="H681853" s="12"/>
    </row>
    <row r="681854" spans="8:8">
      <c r="H681854" s="12"/>
    </row>
    <row r="681855" spans="8:8">
      <c r="H681855" s="12"/>
    </row>
    <row r="681856" spans="8:8">
      <c r="H681856" s="12"/>
    </row>
    <row r="681857" spans="8:8">
      <c r="H681857" s="12"/>
    </row>
    <row r="681858" spans="8:8">
      <c r="H681858" s="12"/>
    </row>
    <row r="681859" spans="8:8">
      <c r="H681859" s="12"/>
    </row>
    <row r="681860" spans="8:8">
      <c r="H681860" s="12"/>
    </row>
    <row r="681861" spans="8:8">
      <c r="H681861" s="12"/>
    </row>
    <row r="681862" spans="8:8">
      <c r="H681862" s="12"/>
    </row>
    <row r="681863" spans="8:8">
      <c r="H681863" s="12"/>
    </row>
    <row r="681864" spans="8:8">
      <c r="H681864" s="12"/>
    </row>
    <row r="681865" spans="8:8">
      <c r="H681865" s="12"/>
    </row>
    <row r="681866" spans="8:8">
      <c r="H681866" s="12"/>
    </row>
    <row r="681867" spans="8:8">
      <c r="H681867" s="12"/>
    </row>
    <row r="681868" spans="8:8">
      <c r="H681868" s="12"/>
    </row>
    <row r="681869" spans="8:8">
      <c r="H681869" s="12"/>
    </row>
    <row r="681870" spans="8:8">
      <c r="H681870" s="12"/>
    </row>
    <row r="681871" spans="8:8">
      <c r="H681871" s="12"/>
    </row>
    <row r="681872" spans="8:8">
      <c r="H681872" s="12"/>
    </row>
    <row r="681873" spans="8:8">
      <c r="H681873" s="12"/>
    </row>
    <row r="681874" spans="8:8">
      <c r="H681874" s="12"/>
    </row>
    <row r="681875" spans="8:8">
      <c r="H681875" s="12"/>
    </row>
    <row r="681876" spans="8:8">
      <c r="H681876" s="12"/>
    </row>
    <row r="681877" spans="8:8">
      <c r="H681877" s="12"/>
    </row>
    <row r="681878" spans="8:8">
      <c r="H681878" s="12"/>
    </row>
    <row r="681879" spans="8:8">
      <c r="H681879" s="12"/>
    </row>
    <row r="681880" spans="8:8">
      <c r="H681880" s="12"/>
    </row>
    <row r="681881" spans="8:8">
      <c r="H681881" s="12"/>
    </row>
    <row r="681882" spans="8:8">
      <c r="H681882" s="12"/>
    </row>
    <row r="681883" spans="8:8">
      <c r="H681883" s="12"/>
    </row>
    <row r="681884" spans="8:8">
      <c r="H681884" s="12"/>
    </row>
    <row r="681885" spans="8:8">
      <c r="H681885" s="12"/>
    </row>
    <row r="681886" spans="8:8">
      <c r="H681886" s="12"/>
    </row>
    <row r="681887" spans="8:8">
      <c r="H681887" s="12"/>
    </row>
    <row r="681888" spans="8:8">
      <c r="H681888" s="12"/>
    </row>
    <row r="681889" spans="8:8">
      <c r="H681889" s="12"/>
    </row>
    <row r="681890" spans="8:8">
      <c r="H681890" s="12"/>
    </row>
    <row r="681891" spans="8:8">
      <c r="H681891" s="12"/>
    </row>
    <row r="681892" spans="8:8">
      <c r="H681892" s="12"/>
    </row>
    <row r="681893" spans="8:8">
      <c r="H681893" s="12"/>
    </row>
    <row r="681894" spans="8:8">
      <c r="H681894" s="12"/>
    </row>
    <row r="681895" spans="8:8">
      <c r="H681895" s="12"/>
    </row>
    <row r="681896" spans="8:8">
      <c r="H681896" s="12"/>
    </row>
    <row r="681897" spans="8:8">
      <c r="H681897" s="12"/>
    </row>
    <row r="681898" spans="8:8">
      <c r="H681898" s="12"/>
    </row>
    <row r="681899" spans="8:8">
      <c r="H681899" s="12"/>
    </row>
    <row r="681900" spans="8:8">
      <c r="H681900" s="12"/>
    </row>
    <row r="681901" spans="8:8">
      <c r="H681901" s="12"/>
    </row>
    <row r="681902" spans="8:8">
      <c r="H681902" s="12"/>
    </row>
    <row r="681903" spans="8:8">
      <c r="H681903" s="12"/>
    </row>
    <row r="681904" spans="8:8">
      <c r="H681904" s="12"/>
    </row>
    <row r="681905" spans="8:8">
      <c r="H681905" s="12"/>
    </row>
    <row r="681906" spans="8:8">
      <c r="H681906" s="12"/>
    </row>
    <row r="681907" spans="8:8">
      <c r="H681907" s="12"/>
    </row>
    <row r="681908" spans="8:8">
      <c r="H681908" s="12"/>
    </row>
    <row r="681909" spans="8:8">
      <c r="H681909" s="12"/>
    </row>
    <row r="681910" spans="8:8">
      <c r="H681910" s="12"/>
    </row>
    <row r="681911" spans="8:8">
      <c r="H681911" s="12"/>
    </row>
    <row r="681912" spans="8:8">
      <c r="H681912" s="12"/>
    </row>
    <row r="681913" spans="8:8">
      <c r="H681913" s="12"/>
    </row>
    <row r="681914" spans="8:8">
      <c r="H681914" s="12"/>
    </row>
    <row r="681915" spans="8:8">
      <c r="H681915" s="12"/>
    </row>
    <row r="681916" spans="8:8">
      <c r="H681916" s="12"/>
    </row>
    <row r="681917" spans="8:8">
      <c r="H681917" s="12"/>
    </row>
    <row r="681918" spans="8:8">
      <c r="H681918" s="12"/>
    </row>
    <row r="681919" spans="8:8">
      <c r="H681919" s="12"/>
    </row>
    <row r="681920" spans="8:8">
      <c r="H681920" s="12"/>
    </row>
    <row r="681921" spans="8:8">
      <c r="H681921" s="12"/>
    </row>
    <row r="681922" spans="8:8">
      <c r="H681922" s="12"/>
    </row>
    <row r="681923" spans="8:8">
      <c r="H681923" s="12"/>
    </row>
    <row r="681924" spans="8:8">
      <c r="H681924" s="12"/>
    </row>
    <row r="681925" spans="8:8">
      <c r="H681925" s="12"/>
    </row>
    <row r="681926" spans="8:8">
      <c r="H681926" s="12"/>
    </row>
    <row r="681927" spans="8:8">
      <c r="H681927" s="12"/>
    </row>
    <row r="681928" spans="8:8">
      <c r="H681928" s="12"/>
    </row>
    <row r="681929" spans="8:8">
      <c r="H681929" s="12"/>
    </row>
    <row r="681930" spans="8:8">
      <c r="H681930" s="12"/>
    </row>
    <row r="681931" spans="8:8">
      <c r="H681931" s="12"/>
    </row>
    <row r="681932" spans="8:8">
      <c r="H681932" s="12"/>
    </row>
    <row r="681933" spans="8:8">
      <c r="H681933" s="12"/>
    </row>
    <row r="681934" spans="8:8">
      <c r="H681934" s="12"/>
    </row>
    <row r="681935" spans="8:8">
      <c r="H681935" s="12"/>
    </row>
    <row r="681936" spans="8:8">
      <c r="H681936" s="12"/>
    </row>
    <row r="681937" spans="8:8">
      <c r="H681937" s="12"/>
    </row>
    <row r="681938" spans="8:8">
      <c r="H681938" s="12"/>
    </row>
    <row r="681939" spans="8:8">
      <c r="H681939" s="12"/>
    </row>
    <row r="681940" spans="8:8">
      <c r="H681940" s="12"/>
    </row>
    <row r="681941" spans="8:8">
      <c r="H681941" s="12"/>
    </row>
    <row r="681942" spans="8:8">
      <c r="H681942" s="12"/>
    </row>
    <row r="681943" spans="8:8">
      <c r="H681943" s="12"/>
    </row>
    <row r="681944" spans="8:8">
      <c r="H681944" s="12"/>
    </row>
    <row r="681945" spans="8:8">
      <c r="H681945" s="12"/>
    </row>
    <row r="681946" spans="8:8">
      <c r="H681946" s="12"/>
    </row>
    <row r="681947" spans="8:8">
      <c r="H681947" s="12"/>
    </row>
    <row r="681948" spans="8:8">
      <c r="H681948" s="12"/>
    </row>
    <row r="681949" spans="8:8">
      <c r="H681949" s="12"/>
    </row>
    <row r="681950" spans="8:8">
      <c r="H681950" s="12"/>
    </row>
    <row r="681951" spans="8:8">
      <c r="H681951" s="12"/>
    </row>
    <row r="681952" spans="8:8">
      <c r="H681952" s="12"/>
    </row>
    <row r="681953" spans="8:8">
      <c r="H681953" s="12"/>
    </row>
    <row r="681954" spans="8:8">
      <c r="H681954" s="12"/>
    </row>
    <row r="681955" spans="8:8">
      <c r="H681955" s="12"/>
    </row>
    <row r="681956" spans="8:8">
      <c r="H681956" s="12"/>
    </row>
    <row r="681957" spans="8:8">
      <c r="H681957" s="12"/>
    </row>
    <row r="681958" spans="8:8">
      <c r="H681958" s="12"/>
    </row>
    <row r="681959" spans="8:8">
      <c r="H681959" s="12"/>
    </row>
    <row r="681960" spans="8:8">
      <c r="H681960" s="12"/>
    </row>
    <row r="681961" spans="8:8">
      <c r="H681961" s="12"/>
    </row>
    <row r="681962" spans="8:8">
      <c r="H681962" s="12"/>
    </row>
    <row r="681963" spans="8:8">
      <c r="H681963" s="12"/>
    </row>
    <row r="681964" spans="8:8">
      <c r="H681964" s="12"/>
    </row>
    <row r="681965" spans="8:8">
      <c r="H681965" s="12"/>
    </row>
    <row r="681966" spans="8:8">
      <c r="H681966" s="12"/>
    </row>
    <row r="681967" spans="8:8">
      <c r="H681967" s="12"/>
    </row>
    <row r="681968" spans="8:8">
      <c r="H681968" s="12"/>
    </row>
    <row r="681969" spans="8:8">
      <c r="H681969" s="12"/>
    </row>
    <row r="681970" spans="8:8">
      <c r="H681970" s="12"/>
    </row>
    <row r="681971" spans="8:8">
      <c r="H681971" s="12"/>
    </row>
    <row r="681972" spans="8:8">
      <c r="H681972" s="12"/>
    </row>
    <row r="681973" spans="8:8">
      <c r="H681973" s="12"/>
    </row>
    <row r="681974" spans="8:8">
      <c r="H681974" s="12"/>
    </row>
    <row r="681975" spans="8:8">
      <c r="H681975" s="12"/>
    </row>
    <row r="681976" spans="8:8">
      <c r="H681976" s="12"/>
    </row>
    <row r="681977" spans="8:8">
      <c r="H681977" s="12"/>
    </row>
    <row r="681978" spans="8:8">
      <c r="H681978" s="12"/>
    </row>
    <row r="681979" spans="8:8">
      <c r="H681979" s="12"/>
    </row>
    <row r="681980" spans="8:8">
      <c r="H681980" s="12"/>
    </row>
    <row r="681981" spans="8:8">
      <c r="H681981" s="12"/>
    </row>
    <row r="681982" spans="8:8">
      <c r="H681982" s="12"/>
    </row>
    <row r="681983" spans="8:8">
      <c r="H681983" s="12"/>
    </row>
    <row r="681984" spans="8:8">
      <c r="H681984" s="12"/>
    </row>
    <row r="681985" spans="8:8">
      <c r="H681985" s="12"/>
    </row>
    <row r="681986" spans="8:8">
      <c r="H681986" s="12"/>
    </row>
    <row r="681987" spans="8:8">
      <c r="H681987" s="12"/>
    </row>
    <row r="681988" spans="8:8">
      <c r="H681988" s="12"/>
    </row>
    <row r="681989" spans="8:8">
      <c r="H681989" s="12"/>
    </row>
    <row r="681990" spans="8:8">
      <c r="H681990" s="12"/>
    </row>
    <row r="681991" spans="8:8">
      <c r="H681991" s="12"/>
    </row>
    <row r="681992" spans="8:8">
      <c r="H681992" s="12"/>
    </row>
    <row r="681993" spans="8:8">
      <c r="H681993" s="12"/>
    </row>
    <row r="681994" spans="8:8">
      <c r="H681994" s="12"/>
    </row>
    <row r="681995" spans="8:8">
      <c r="H681995" s="12"/>
    </row>
    <row r="681996" spans="8:8">
      <c r="H681996" s="12"/>
    </row>
    <row r="681997" spans="8:8">
      <c r="H681997" s="12"/>
    </row>
    <row r="681998" spans="8:8">
      <c r="H681998" s="12"/>
    </row>
    <row r="681999" spans="8:8">
      <c r="H681999" s="12"/>
    </row>
    <row r="682000" spans="8:8">
      <c r="H682000" s="12"/>
    </row>
    <row r="682001" spans="8:8">
      <c r="H682001" s="12"/>
    </row>
    <row r="682002" spans="8:8">
      <c r="H682002" s="12"/>
    </row>
    <row r="682003" spans="8:8">
      <c r="H682003" s="12"/>
    </row>
    <row r="682004" spans="8:8">
      <c r="H682004" s="12"/>
    </row>
    <row r="682005" spans="8:8">
      <c r="H682005" s="12"/>
    </row>
    <row r="682006" spans="8:8">
      <c r="H682006" s="12"/>
    </row>
    <row r="682007" spans="8:8">
      <c r="H682007" s="12"/>
    </row>
    <row r="682008" spans="8:8">
      <c r="H682008" s="12"/>
    </row>
    <row r="682009" spans="8:8">
      <c r="H682009" s="12"/>
    </row>
    <row r="682010" spans="8:8">
      <c r="H682010" s="12"/>
    </row>
    <row r="682011" spans="8:8">
      <c r="H682011" s="12"/>
    </row>
    <row r="682012" spans="8:8">
      <c r="H682012" s="12"/>
    </row>
    <row r="682013" spans="8:8">
      <c r="H682013" s="12"/>
    </row>
    <row r="682014" spans="8:8">
      <c r="H682014" s="12"/>
    </row>
    <row r="682015" spans="8:8">
      <c r="H682015" s="12"/>
    </row>
    <row r="682016" spans="8:8">
      <c r="H682016" s="12"/>
    </row>
    <row r="682017" spans="8:8">
      <c r="H682017" s="12"/>
    </row>
    <row r="682018" spans="8:8">
      <c r="H682018" s="12"/>
    </row>
    <row r="682019" spans="8:8">
      <c r="H682019" s="12"/>
    </row>
    <row r="682020" spans="8:8">
      <c r="H682020" s="12"/>
    </row>
    <row r="682021" spans="8:8">
      <c r="H682021" s="12"/>
    </row>
    <row r="682022" spans="8:8">
      <c r="H682022" s="12"/>
    </row>
    <row r="682023" spans="8:8">
      <c r="H682023" s="12"/>
    </row>
    <row r="682024" spans="8:8">
      <c r="H682024" s="12"/>
    </row>
    <row r="682025" spans="8:8">
      <c r="H682025" s="12"/>
    </row>
    <row r="682026" spans="8:8">
      <c r="H682026" s="12"/>
    </row>
    <row r="682027" spans="8:8">
      <c r="H682027" s="12"/>
    </row>
    <row r="682028" spans="8:8">
      <c r="H682028" s="12"/>
    </row>
    <row r="682029" spans="8:8">
      <c r="H682029" s="12"/>
    </row>
    <row r="682030" spans="8:8">
      <c r="H682030" s="12"/>
    </row>
    <row r="682031" spans="8:8">
      <c r="H682031" s="12"/>
    </row>
    <row r="682032" spans="8:8">
      <c r="H682032" s="12"/>
    </row>
    <row r="682033" spans="8:8">
      <c r="H682033" s="12"/>
    </row>
    <row r="682034" spans="8:8">
      <c r="H682034" s="12"/>
    </row>
    <row r="682035" spans="8:8">
      <c r="H682035" s="12"/>
    </row>
    <row r="682036" spans="8:8">
      <c r="H682036" s="12"/>
    </row>
    <row r="682037" spans="8:8">
      <c r="H682037" s="12"/>
    </row>
    <row r="682038" spans="8:8">
      <c r="H682038" s="12"/>
    </row>
    <row r="682039" spans="8:8">
      <c r="H682039" s="12"/>
    </row>
    <row r="682040" spans="8:8">
      <c r="H682040" s="12"/>
    </row>
    <row r="682041" spans="8:8">
      <c r="H682041" s="12"/>
    </row>
    <row r="682042" spans="8:8">
      <c r="H682042" s="12"/>
    </row>
    <row r="682043" spans="8:8">
      <c r="H682043" s="12"/>
    </row>
    <row r="682044" spans="8:8">
      <c r="H682044" s="12"/>
    </row>
    <row r="682045" spans="8:8">
      <c r="H682045" s="12"/>
    </row>
    <row r="682046" spans="8:8">
      <c r="H682046" s="12"/>
    </row>
    <row r="682047" spans="8:8">
      <c r="H682047" s="12"/>
    </row>
    <row r="682048" spans="8:8">
      <c r="H682048" s="12"/>
    </row>
    <row r="682049" spans="8:8">
      <c r="H682049" s="12"/>
    </row>
    <row r="682050" spans="8:8">
      <c r="H682050" s="12"/>
    </row>
    <row r="682051" spans="8:8">
      <c r="H682051" s="12"/>
    </row>
    <row r="682052" spans="8:8">
      <c r="H682052" s="12"/>
    </row>
    <row r="682053" spans="8:8">
      <c r="H682053" s="12"/>
    </row>
    <row r="682054" spans="8:8">
      <c r="H682054" s="12"/>
    </row>
    <row r="682055" spans="8:8">
      <c r="H682055" s="12"/>
    </row>
    <row r="682056" spans="8:8">
      <c r="H682056" s="12"/>
    </row>
    <row r="682057" spans="8:8">
      <c r="H682057" s="12"/>
    </row>
    <row r="682058" spans="8:8">
      <c r="H682058" s="12"/>
    </row>
    <row r="682059" spans="8:8">
      <c r="H682059" s="12"/>
    </row>
    <row r="682060" spans="8:8">
      <c r="H682060" s="12"/>
    </row>
    <row r="682061" spans="8:8">
      <c r="H682061" s="12"/>
    </row>
    <row r="682062" spans="8:8">
      <c r="H682062" s="12"/>
    </row>
    <row r="682063" spans="8:8">
      <c r="H682063" s="12"/>
    </row>
    <row r="682064" spans="8:8">
      <c r="H682064" s="12"/>
    </row>
    <row r="682065" spans="8:8">
      <c r="H682065" s="12"/>
    </row>
    <row r="682066" spans="8:8">
      <c r="H682066" s="12"/>
    </row>
    <row r="682067" spans="8:8">
      <c r="H682067" s="12"/>
    </row>
    <row r="682068" spans="8:8">
      <c r="H682068" s="12"/>
    </row>
    <row r="682069" spans="8:8">
      <c r="H682069" s="12"/>
    </row>
    <row r="682070" spans="8:8">
      <c r="H682070" s="12"/>
    </row>
    <row r="682071" spans="8:8">
      <c r="H682071" s="12"/>
    </row>
    <row r="682072" spans="8:8">
      <c r="H682072" s="12"/>
    </row>
    <row r="682073" spans="8:8">
      <c r="H682073" s="12"/>
    </row>
    <row r="682074" spans="8:8">
      <c r="H682074" s="12"/>
    </row>
    <row r="682075" spans="8:8">
      <c r="H682075" s="12"/>
    </row>
    <row r="682076" spans="8:8">
      <c r="H682076" s="12"/>
    </row>
    <row r="682077" spans="8:8">
      <c r="H682077" s="12"/>
    </row>
    <row r="682078" spans="8:8">
      <c r="H682078" s="12"/>
    </row>
    <row r="682079" spans="8:8">
      <c r="H682079" s="12"/>
    </row>
    <row r="682080" spans="8:8">
      <c r="H682080" s="12"/>
    </row>
    <row r="682081" spans="8:8">
      <c r="H682081" s="12"/>
    </row>
    <row r="682082" spans="8:8">
      <c r="H682082" s="12"/>
    </row>
    <row r="682083" spans="8:8">
      <c r="H682083" s="12"/>
    </row>
    <row r="682084" spans="8:8">
      <c r="H682084" s="12"/>
    </row>
    <row r="682085" spans="8:8">
      <c r="H682085" s="12"/>
    </row>
    <row r="682086" spans="8:8">
      <c r="H682086" s="12"/>
    </row>
    <row r="682087" spans="8:8">
      <c r="H682087" s="12"/>
    </row>
    <row r="682088" spans="8:8">
      <c r="H682088" s="12"/>
    </row>
    <row r="682089" spans="8:8">
      <c r="H682089" s="12"/>
    </row>
    <row r="682090" spans="8:8">
      <c r="H682090" s="12"/>
    </row>
    <row r="682091" spans="8:8">
      <c r="H682091" s="12"/>
    </row>
    <row r="682092" spans="8:8">
      <c r="H682092" s="12"/>
    </row>
    <row r="682093" spans="8:8">
      <c r="H682093" s="12"/>
    </row>
    <row r="682094" spans="8:8">
      <c r="H682094" s="12"/>
    </row>
    <row r="682095" spans="8:8">
      <c r="H682095" s="12"/>
    </row>
    <row r="682096" spans="8:8">
      <c r="H682096" s="12"/>
    </row>
    <row r="682097" spans="8:8">
      <c r="H682097" s="12"/>
    </row>
    <row r="682098" spans="8:8">
      <c r="H682098" s="12"/>
    </row>
    <row r="682099" spans="8:8">
      <c r="H682099" s="12"/>
    </row>
    <row r="682100" spans="8:8">
      <c r="H682100" s="12"/>
    </row>
    <row r="682101" spans="8:8">
      <c r="H682101" s="12"/>
    </row>
    <row r="682102" spans="8:8">
      <c r="H682102" s="12"/>
    </row>
    <row r="682103" spans="8:8">
      <c r="H682103" s="12"/>
    </row>
    <row r="682104" spans="8:8">
      <c r="H682104" s="12"/>
    </row>
    <row r="682105" spans="8:8">
      <c r="H682105" s="12"/>
    </row>
    <row r="682106" spans="8:8">
      <c r="H682106" s="12"/>
    </row>
    <row r="682107" spans="8:8">
      <c r="H682107" s="12"/>
    </row>
    <row r="682108" spans="8:8">
      <c r="H682108" s="12"/>
    </row>
    <row r="682109" spans="8:8">
      <c r="H682109" s="12"/>
    </row>
    <row r="682110" spans="8:8">
      <c r="H682110" s="12"/>
    </row>
    <row r="682111" spans="8:8">
      <c r="H682111" s="12"/>
    </row>
    <row r="682112" spans="8:8">
      <c r="H682112" s="12"/>
    </row>
    <row r="682113" spans="8:8">
      <c r="H682113" s="12"/>
    </row>
    <row r="682114" spans="8:8">
      <c r="H682114" s="12"/>
    </row>
    <row r="682115" spans="8:8">
      <c r="H682115" s="12"/>
    </row>
    <row r="682116" spans="8:8">
      <c r="H682116" s="12"/>
    </row>
    <row r="682117" spans="8:8">
      <c r="H682117" s="12"/>
    </row>
    <row r="682118" spans="8:8">
      <c r="H682118" s="12"/>
    </row>
    <row r="682119" spans="8:8">
      <c r="H682119" s="12"/>
    </row>
    <row r="682120" spans="8:8">
      <c r="H682120" s="12"/>
    </row>
    <row r="682121" spans="8:8">
      <c r="H682121" s="12"/>
    </row>
    <row r="682122" spans="8:8">
      <c r="H682122" s="12"/>
    </row>
    <row r="682123" spans="8:8">
      <c r="H682123" s="12"/>
    </row>
    <row r="682124" spans="8:8">
      <c r="H682124" s="12"/>
    </row>
    <row r="682125" spans="8:8">
      <c r="H682125" s="12"/>
    </row>
    <row r="682126" spans="8:8">
      <c r="H682126" s="12"/>
    </row>
    <row r="682127" spans="8:8">
      <c r="H682127" s="12"/>
    </row>
    <row r="682128" spans="8:8">
      <c r="H682128" s="12"/>
    </row>
    <row r="682129" spans="8:8">
      <c r="H682129" s="12"/>
    </row>
    <row r="682130" spans="8:8">
      <c r="H682130" s="12"/>
    </row>
    <row r="682131" spans="8:8">
      <c r="H682131" s="12"/>
    </row>
    <row r="682132" spans="8:8">
      <c r="H682132" s="12"/>
    </row>
    <row r="682133" spans="8:8">
      <c r="H682133" s="12"/>
    </row>
    <row r="682134" spans="8:8">
      <c r="H682134" s="12"/>
    </row>
    <row r="682135" spans="8:8">
      <c r="H682135" s="12"/>
    </row>
    <row r="682136" spans="8:8">
      <c r="H682136" s="12"/>
    </row>
    <row r="682137" spans="8:8">
      <c r="H682137" s="12"/>
    </row>
    <row r="682138" spans="8:8">
      <c r="H682138" s="12"/>
    </row>
    <row r="682139" spans="8:8">
      <c r="H682139" s="12"/>
    </row>
    <row r="682140" spans="8:8">
      <c r="H682140" s="12"/>
    </row>
    <row r="682141" spans="8:8">
      <c r="H682141" s="12"/>
    </row>
    <row r="682142" spans="8:8">
      <c r="H682142" s="12"/>
    </row>
    <row r="682143" spans="8:8">
      <c r="H682143" s="12"/>
    </row>
    <row r="682144" spans="8:8">
      <c r="H682144" s="12"/>
    </row>
    <row r="682145" spans="8:8">
      <c r="H682145" s="12"/>
    </row>
    <row r="682146" spans="8:8">
      <c r="H682146" s="12"/>
    </row>
    <row r="682147" spans="8:8">
      <c r="H682147" s="12"/>
    </row>
    <row r="682148" spans="8:8">
      <c r="H682148" s="12"/>
    </row>
    <row r="682149" spans="8:8">
      <c r="H682149" s="12"/>
    </row>
    <row r="682150" spans="8:8">
      <c r="H682150" s="12"/>
    </row>
    <row r="682151" spans="8:8">
      <c r="H682151" s="12"/>
    </row>
    <row r="682152" spans="8:8">
      <c r="H682152" s="12"/>
    </row>
    <row r="682153" spans="8:8">
      <c r="H682153" s="12"/>
    </row>
    <row r="682154" spans="8:8">
      <c r="H682154" s="12"/>
    </row>
    <row r="682155" spans="8:8">
      <c r="H682155" s="12"/>
    </row>
    <row r="682156" spans="8:8">
      <c r="H682156" s="12"/>
    </row>
    <row r="682157" spans="8:8">
      <c r="H682157" s="12"/>
    </row>
    <row r="682158" spans="8:8">
      <c r="H682158" s="12"/>
    </row>
    <row r="682159" spans="8:8">
      <c r="H682159" s="12"/>
    </row>
    <row r="682160" spans="8:8">
      <c r="H682160" s="12"/>
    </row>
    <row r="682161" spans="8:8">
      <c r="H682161" s="12"/>
    </row>
    <row r="682162" spans="8:8">
      <c r="H682162" s="12"/>
    </row>
    <row r="682163" spans="8:8">
      <c r="H682163" s="12"/>
    </row>
    <row r="682164" spans="8:8">
      <c r="H682164" s="12"/>
    </row>
    <row r="682165" spans="8:8">
      <c r="H682165" s="12"/>
    </row>
    <row r="682166" spans="8:8">
      <c r="H682166" s="12"/>
    </row>
    <row r="682167" spans="8:8">
      <c r="H682167" s="12"/>
    </row>
    <row r="682168" spans="8:8">
      <c r="H682168" s="12"/>
    </row>
    <row r="682169" spans="8:8">
      <c r="H682169" s="12"/>
    </row>
    <row r="682170" spans="8:8">
      <c r="H682170" s="12"/>
    </row>
    <row r="682171" spans="8:8">
      <c r="H682171" s="12"/>
    </row>
    <row r="682172" spans="8:8">
      <c r="H682172" s="12"/>
    </row>
    <row r="682173" spans="8:8">
      <c r="H682173" s="12"/>
    </row>
    <row r="682174" spans="8:8">
      <c r="H682174" s="12"/>
    </row>
    <row r="682175" spans="8:8">
      <c r="H682175" s="12"/>
    </row>
    <row r="682176" spans="8:8">
      <c r="H682176" s="12"/>
    </row>
    <row r="682177" spans="8:8">
      <c r="H682177" s="12"/>
    </row>
    <row r="682178" spans="8:8">
      <c r="H682178" s="12"/>
    </row>
    <row r="682179" spans="8:8">
      <c r="H682179" s="12"/>
    </row>
    <row r="682180" spans="8:8">
      <c r="H682180" s="12"/>
    </row>
    <row r="682181" spans="8:8">
      <c r="H682181" s="12"/>
    </row>
    <row r="682182" spans="8:8">
      <c r="H682182" s="12"/>
    </row>
    <row r="682183" spans="8:8">
      <c r="H682183" s="12"/>
    </row>
    <row r="682184" spans="8:8">
      <c r="H682184" s="12"/>
    </row>
    <row r="682185" spans="8:8">
      <c r="H682185" s="12"/>
    </row>
    <row r="682186" spans="8:8">
      <c r="H682186" s="12"/>
    </row>
    <row r="682187" spans="8:8">
      <c r="H682187" s="12"/>
    </row>
    <row r="682188" spans="8:8">
      <c r="H682188" s="12"/>
    </row>
    <row r="682189" spans="8:8">
      <c r="H682189" s="12"/>
    </row>
    <row r="682190" spans="8:8">
      <c r="H682190" s="12"/>
    </row>
    <row r="682191" spans="8:8">
      <c r="H682191" s="12"/>
    </row>
    <row r="682192" spans="8:8">
      <c r="H682192" s="12"/>
    </row>
    <row r="682193" spans="8:8">
      <c r="H682193" s="12"/>
    </row>
    <row r="682194" spans="8:8">
      <c r="H682194" s="12"/>
    </row>
    <row r="682195" spans="8:8">
      <c r="H682195" s="12"/>
    </row>
    <row r="682196" spans="8:8">
      <c r="H682196" s="12"/>
    </row>
    <row r="682197" spans="8:8">
      <c r="H682197" s="12"/>
    </row>
    <row r="682198" spans="8:8">
      <c r="H682198" s="12"/>
    </row>
    <row r="682199" spans="8:8">
      <c r="H682199" s="12"/>
    </row>
    <row r="682200" spans="8:8">
      <c r="H682200" s="12"/>
    </row>
    <row r="682201" spans="8:8">
      <c r="H682201" s="12"/>
    </row>
    <row r="682202" spans="8:8">
      <c r="H682202" s="12"/>
    </row>
    <row r="682203" spans="8:8">
      <c r="H682203" s="12"/>
    </row>
    <row r="682204" spans="8:8">
      <c r="H682204" s="12"/>
    </row>
    <row r="682205" spans="8:8">
      <c r="H682205" s="12"/>
    </row>
    <row r="682206" spans="8:8">
      <c r="H682206" s="12"/>
    </row>
    <row r="682207" spans="8:8">
      <c r="H682207" s="12"/>
    </row>
    <row r="682208" spans="8:8">
      <c r="H682208" s="12"/>
    </row>
    <row r="682209" spans="8:8">
      <c r="H682209" s="12"/>
    </row>
    <row r="682210" spans="8:8">
      <c r="H682210" s="12"/>
    </row>
    <row r="682211" spans="8:8">
      <c r="H682211" s="12"/>
    </row>
    <row r="682212" spans="8:8">
      <c r="H682212" s="12"/>
    </row>
    <row r="682213" spans="8:8">
      <c r="H682213" s="12"/>
    </row>
    <row r="682214" spans="8:8">
      <c r="H682214" s="12"/>
    </row>
    <row r="682215" spans="8:8">
      <c r="H682215" s="12"/>
    </row>
    <row r="682216" spans="8:8">
      <c r="H682216" s="12"/>
    </row>
    <row r="682217" spans="8:8">
      <c r="H682217" s="12"/>
    </row>
    <row r="682218" spans="8:8">
      <c r="H682218" s="12"/>
    </row>
    <row r="682219" spans="8:8">
      <c r="H682219" s="12"/>
    </row>
    <row r="682220" spans="8:8">
      <c r="H682220" s="12"/>
    </row>
    <row r="682221" spans="8:8">
      <c r="H682221" s="12"/>
    </row>
    <row r="682222" spans="8:8">
      <c r="H682222" s="12"/>
    </row>
    <row r="682223" spans="8:8">
      <c r="H682223" s="12"/>
    </row>
    <row r="682224" spans="8:8">
      <c r="H682224" s="12"/>
    </row>
    <row r="682225" spans="8:8">
      <c r="H682225" s="12"/>
    </row>
    <row r="682226" spans="8:8">
      <c r="H682226" s="12"/>
    </row>
    <row r="682227" spans="8:8">
      <c r="H682227" s="12"/>
    </row>
    <row r="682228" spans="8:8">
      <c r="H682228" s="12"/>
    </row>
    <row r="682229" spans="8:8">
      <c r="H682229" s="12"/>
    </row>
    <row r="682230" spans="8:8">
      <c r="H682230" s="12"/>
    </row>
    <row r="682231" spans="8:8">
      <c r="H682231" s="12"/>
    </row>
    <row r="682232" spans="8:8">
      <c r="H682232" s="12"/>
    </row>
    <row r="682233" spans="8:8">
      <c r="H682233" s="12"/>
    </row>
    <row r="682234" spans="8:8">
      <c r="H682234" s="12"/>
    </row>
    <row r="682235" spans="8:8">
      <c r="H682235" s="12"/>
    </row>
    <row r="682236" spans="8:8">
      <c r="H682236" s="12"/>
    </row>
    <row r="682237" spans="8:8">
      <c r="H682237" s="12"/>
    </row>
    <row r="682238" spans="8:8">
      <c r="H682238" s="12"/>
    </row>
    <row r="682239" spans="8:8">
      <c r="H682239" s="12"/>
    </row>
    <row r="682240" spans="8:8">
      <c r="H682240" s="12"/>
    </row>
    <row r="682241" spans="8:8">
      <c r="H682241" s="12"/>
    </row>
    <row r="682242" spans="8:8">
      <c r="H682242" s="12"/>
    </row>
    <row r="682243" spans="8:8">
      <c r="H682243" s="12"/>
    </row>
    <row r="682244" spans="8:8">
      <c r="H682244" s="12"/>
    </row>
    <row r="682245" spans="8:8">
      <c r="H682245" s="12"/>
    </row>
    <row r="682246" spans="8:8">
      <c r="H682246" s="12"/>
    </row>
    <row r="682247" spans="8:8">
      <c r="H682247" s="12"/>
    </row>
    <row r="682248" spans="8:8">
      <c r="H682248" s="12"/>
    </row>
    <row r="682249" spans="8:8">
      <c r="H682249" s="12"/>
    </row>
    <row r="682250" spans="8:8">
      <c r="H682250" s="12"/>
    </row>
    <row r="682251" spans="8:8">
      <c r="H682251" s="12"/>
    </row>
    <row r="682252" spans="8:8">
      <c r="H682252" s="12"/>
    </row>
    <row r="682253" spans="8:8">
      <c r="H682253" s="12"/>
    </row>
    <row r="682254" spans="8:8">
      <c r="H682254" s="12"/>
    </row>
    <row r="682255" spans="8:8">
      <c r="H682255" s="12"/>
    </row>
    <row r="682256" spans="8:8">
      <c r="H682256" s="12"/>
    </row>
    <row r="682257" spans="8:8">
      <c r="H682257" s="12"/>
    </row>
    <row r="682258" spans="8:8">
      <c r="H682258" s="12"/>
    </row>
    <row r="682259" spans="8:8">
      <c r="H682259" s="12"/>
    </row>
    <row r="682260" spans="8:8">
      <c r="H682260" s="12"/>
    </row>
    <row r="682261" spans="8:8">
      <c r="H682261" s="12"/>
    </row>
    <row r="682262" spans="8:8">
      <c r="H682262" s="12"/>
    </row>
    <row r="682263" spans="8:8">
      <c r="H682263" s="12"/>
    </row>
    <row r="682264" spans="8:8">
      <c r="H682264" s="12"/>
    </row>
    <row r="682265" spans="8:8">
      <c r="H682265" s="12"/>
    </row>
    <row r="682266" spans="8:8">
      <c r="H682266" s="12"/>
    </row>
    <row r="682267" spans="8:8">
      <c r="H682267" s="12"/>
    </row>
    <row r="682268" spans="8:8">
      <c r="H682268" s="12"/>
    </row>
    <row r="682269" spans="8:8">
      <c r="H682269" s="12"/>
    </row>
    <row r="682270" spans="8:8">
      <c r="H682270" s="12"/>
    </row>
    <row r="682271" spans="8:8">
      <c r="H682271" s="12"/>
    </row>
    <row r="682272" spans="8:8">
      <c r="H682272" s="12"/>
    </row>
    <row r="682273" spans="8:8">
      <c r="H682273" s="12"/>
    </row>
    <row r="682274" spans="8:8">
      <c r="H682274" s="12"/>
    </row>
    <row r="682275" spans="8:8">
      <c r="H682275" s="12"/>
    </row>
    <row r="682276" spans="8:8">
      <c r="H682276" s="12"/>
    </row>
    <row r="682277" spans="8:8">
      <c r="H682277" s="12"/>
    </row>
    <row r="682278" spans="8:8">
      <c r="H682278" s="12"/>
    </row>
    <row r="682279" spans="8:8">
      <c r="H682279" s="12"/>
    </row>
    <row r="682280" spans="8:8">
      <c r="H682280" s="12"/>
    </row>
    <row r="682281" spans="8:8">
      <c r="H682281" s="12"/>
    </row>
    <row r="682282" spans="8:8">
      <c r="H682282" s="12"/>
    </row>
    <row r="682283" spans="8:8">
      <c r="H682283" s="12"/>
    </row>
    <row r="682284" spans="8:8">
      <c r="H682284" s="12"/>
    </row>
    <row r="682285" spans="8:8">
      <c r="H682285" s="12"/>
    </row>
    <row r="682286" spans="8:8">
      <c r="H682286" s="12"/>
    </row>
    <row r="682287" spans="8:8">
      <c r="H682287" s="12"/>
    </row>
    <row r="682288" spans="8:8">
      <c r="H682288" s="12"/>
    </row>
    <row r="682289" spans="8:8">
      <c r="H682289" s="12"/>
    </row>
    <row r="682290" spans="8:8">
      <c r="H682290" s="12"/>
    </row>
    <row r="682291" spans="8:8">
      <c r="H682291" s="12"/>
    </row>
    <row r="682292" spans="8:8">
      <c r="H682292" s="12"/>
    </row>
    <row r="682293" spans="8:8">
      <c r="H682293" s="12"/>
    </row>
    <row r="682294" spans="8:8">
      <c r="H682294" s="12"/>
    </row>
    <row r="682295" spans="8:8">
      <c r="H682295" s="12"/>
    </row>
    <row r="682296" spans="8:8">
      <c r="H682296" s="12"/>
    </row>
    <row r="682297" spans="8:8">
      <c r="H682297" s="12"/>
    </row>
    <row r="682298" spans="8:8">
      <c r="H682298" s="12"/>
    </row>
    <row r="682299" spans="8:8">
      <c r="H682299" s="12"/>
    </row>
    <row r="682300" spans="8:8">
      <c r="H682300" s="12"/>
    </row>
    <row r="682301" spans="8:8">
      <c r="H682301" s="12"/>
    </row>
    <row r="682302" spans="8:8">
      <c r="H682302" s="12"/>
    </row>
    <row r="682303" spans="8:8">
      <c r="H682303" s="12"/>
    </row>
    <row r="682304" spans="8:8">
      <c r="H682304" s="12"/>
    </row>
    <row r="682305" spans="8:8">
      <c r="H682305" s="12"/>
    </row>
    <row r="682306" spans="8:8">
      <c r="H682306" s="12"/>
    </row>
    <row r="682307" spans="8:8">
      <c r="H682307" s="12"/>
    </row>
    <row r="682308" spans="8:8">
      <c r="H682308" s="12"/>
    </row>
    <row r="682309" spans="8:8">
      <c r="H682309" s="12"/>
    </row>
    <row r="682310" spans="8:8">
      <c r="H682310" s="12"/>
    </row>
    <row r="682311" spans="8:8">
      <c r="H682311" s="12"/>
    </row>
    <row r="682312" spans="8:8">
      <c r="H682312" s="12"/>
    </row>
    <row r="682313" spans="8:8">
      <c r="H682313" s="12"/>
    </row>
    <row r="682314" spans="8:8">
      <c r="H682314" s="12"/>
    </row>
    <row r="682315" spans="8:8">
      <c r="H682315" s="12"/>
    </row>
    <row r="682316" spans="8:8">
      <c r="H682316" s="12"/>
    </row>
    <row r="682317" spans="8:8">
      <c r="H682317" s="12"/>
    </row>
    <row r="682318" spans="8:8">
      <c r="H682318" s="12"/>
    </row>
    <row r="682319" spans="8:8">
      <c r="H682319" s="12"/>
    </row>
    <row r="682320" spans="8:8">
      <c r="H682320" s="12"/>
    </row>
    <row r="682321" spans="8:8">
      <c r="H682321" s="12"/>
    </row>
    <row r="682322" spans="8:8">
      <c r="H682322" s="12"/>
    </row>
    <row r="682323" spans="8:8">
      <c r="H682323" s="12"/>
    </row>
    <row r="682324" spans="8:8">
      <c r="H682324" s="12"/>
    </row>
    <row r="682325" spans="8:8">
      <c r="H682325" s="12"/>
    </row>
    <row r="682326" spans="8:8">
      <c r="H682326" s="12"/>
    </row>
    <row r="682327" spans="8:8">
      <c r="H682327" s="12"/>
    </row>
    <row r="682328" spans="8:8">
      <c r="H682328" s="12"/>
    </row>
    <row r="682329" spans="8:8">
      <c r="H682329" s="12"/>
    </row>
    <row r="682330" spans="8:8">
      <c r="H682330" s="12"/>
    </row>
    <row r="682331" spans="8:8">
      <c r="H682331" s="12"/>
    </row>
    <row r="682332" spans="8:8">
      <c r="H682332" s="12"/>
    </row>
    <row r="682333" spans="8:8">
      <c r="H682333" s="12"/>
    </row>
    <row r="682334" spans="8:8">
      <c r="H682334" s="12"/>
    </row>
    <row r="682335" spans="8:8">
      <c r="H682335" s="12"/>
    </row>
    <row r="682336" spans="8:8">
      <c r="H682336" s="12"/>
    </row>
    <row r="682337" spans="8:8">
      <c r="H682337" s="12"/>
    </row>
    <row r="682338" spans="8:8">
      <c r="H682338" s="12"/>
    </row>
    <row r="682339" spans="8:8">
      <c r="H682339" s="12"/>
    </row>
    <row r="682340" spans="8:8">
      <c r="H682340" s="12"/>
    </row>
    <row r="682341" spans="8:8">
      <c r="H682341" s="12"/>
    </row>
    <row r="682342" spans="8:8">
      <c r="H682342" s="12"/>
    </row>
    <row r="682343" spans="8:8">
      <c r="H682343" s="12"/>
    </row>
    <row r="682344" spans="8:8">
      <c r="H682344" s="12"/>
    </row>
    <row r="682345" spans="8:8">
      <c r="H682345" s="12"/>
    </row>
    <row r="682346" spans="8:8">
      <c r="H682346" s="12"/>
    </row>
    <row r="682347" spans="8:8">
      <c r="H682347" s="12"/>
    </row>
    <row r="682348" spans="8:8">
      <c r="H682348" s="12"/>
    </row>
    <row r="682349" spans="8:8">
      <c r="H682349" s="12"/>
    </row>
    <row r="682350" spans="8:8">
      <c r="H682350" s="12"/>
    </row>
    <row r="682351" spans="8:8">
      <c r="H682351" s="12"/>
    </row>
    <row r="682352" spans="8:8">
      <c r="H682352" s="12"/>
    </row>
    <row r="682353" spans="8:8">
      <c r="H682353" s="12"/>
    </row>
    <row r="682354" spans="8:8">
      <c r="H682354" s="12"/>
    </row>
    <row r="682355" spans="8:8">
      <c r="H682355" s="12"/>
    </row>
    <row r="682356" spans="8:8">
      <c r="H682356" s="12"/>
    </row>
    <row r="682357" spans="8:8">
      <c r="H682357" s="12"/>
    </row>
    <row r="682358" spans="8:8">
      <c r="H682358" s="12"/>
    </row>
    <row r="682359" spans="8:8">
      <c r="H682359" s="12"/>
    </row>
    <row r="682360" spans="8:8">
      <c r="H682360" s="12"/>
    </row>
    <row r="682361" spans="8:8">
      <c r="H682361" s="12"/>
    </row>
    <row r="682362" spans="8:8">
      <c r="H682362" s="12"/>
    </row>
    <row r="682363" spans="8:8">
      <c r="H682363" s="12"/>
    </row>
    <row r="682364" spans="8:8">
      <c r="H682364" s="12"/>
    </row>
    <row r="682365" spans="8:8">
      <c r="H682365" s="12"/>
    </row>
    <row r="682366" spans="8:8">
      <c r="H682366" s="12"/>
    </row>
    <row r="682367" spans="8:8">
      <c r="H682367" s="12"/>
    </row>
    <row r="682368" spans="8:8">
      <c r="H682368" s="12"/>
    </row>
    <row r="682369" spans="8:8">
      <c r="H682369" s="12"/>
    </row>
    <row r="682370" spans="8:8">
      <c r="H682370" s="12"/>
    </row>
    <row r="682371" spans="8:8">
      <c r="H682371" s="12"/>
    </row>
    <row r="682372" spans="8:8">
      <c r="H682372" s="12"/>
    </row>
    <row r="682373" spans="8:8">
      <c r="H682373" s="12"/>
    </row>
    <row r="682374" spans="8:8">
      <c r="H682374" s="12"/>
    </row>
    <row r="682375" spans="8:8">
      <c r="H682375" s="12"/>
    </row>
    <row r="682376" spans="8:8">
      <c r="H682376" s="12"/>
    </row>
    <row r="682377" spans="8:8">
      <c r="H682377" s="12"/>
    </row>
    <row r="682378" spans="8:8">
      <c r="H682378" s="12"/>
    </row>
    <row r="682379" spans="8:8">
      <c r="H682379" s="12"/>
    </row>
    <row r="682380" spans="8:8">
      <c r="H682380" s="12"/>
    </row>
    <row r="682381" spans="8:8">
      <c r="H682381" s="12"/>
    </row>
    <row r="682382" spans="8:8">
      <c r="H682382" s="12"/>
    </row>
    <row r="682383" spans="8:8">
      <c r="H682383" s="12"/>
    </row>
    <row r="682384" spans="8:8">
      <c r="H682384" s="12"/>
    </row>
    <row r="682385" spans="8:8">
      <c r="H682385" s="12"/>
    </row>
    <row r="682386" spans="8:8">
      <c r="H682386" s="12"/>
    </row>
    <row r="682387" spans="8:8">
      <c r="H682387" s="12"/>
    </row>
    <row r="682388" spans="8:8">
      <c r="H682388" s="12"/>
    </row>
    <row r="682389" spans="8:8">
      <c r="H682389" s="12"/>
    </row>
    <row r="682390" spans="8:8">
      <c r="H682390" s="12"/>
    </row>
    <row r="682391" spans="8:8">
      <c r="H682391" s="12"/>
    </row>
    <row r="682392" spans="8:8">
      <c r="H682392" s="12"/>
    </row>
    <row r="682393" spans="8:8">
      <c r="H682393" s="12"/>
    </row>
    <row r="682394" spans="8:8">
      <c r="H682394" s="12"/>
    </row>
    <row r="682395" spans="8:8">
      <c r="H682395" s="12"/>
    </row>
    <row r="682396" spans="8:8">
      <c r="H682396" s="12"/>
    </row>
    <row r="682397" spans="8:8">
      <c r="H682397" s="12"/>
    </row>
    <row r="682398" spans="8:8">
      <c r="H682398" s="12"/>
    </row>
    <row r="682399" spans="8:8">
      <c r="H682399" s="12"/>
    </row>
    <row r="682400" spans="8:8">
      <c r="H682400" s="12"/>
    </row>
    <row r="682401" spans="8:8">
      <c r="H682401" s="12"/>
    </row>
    <row r="682402" spans="8:8">
      <c r="H682402" s="12"/>
    </row>
    <row r="682403" spans="8:8">
      <c r="H682403" s="12"/>
    </row>
    <row r="682404" spans="8:8">
      <c r="H682404" s="12"/>
    </row>
    <row r="682405" spans="8:8">
      <c r="H682405" s="12"/>
    </row>
    <row r="682406" spans="8:8">
      <c r="H682406" s="12"/>
    </row>
    <row r="682407" spans="8:8">
      <c r="H682407" s="12"/>
    </row>
    <row r="682408" spans="8:8">
      <c r="H682408" s="12"/>
    </row>
    <row r="682409" spans="8:8">
      <c r="H682409" s="12"/>
    </row>
    <row r="682410" spans="8:8">
      <c r="H682410" s="12"/>
    </row>
    <row r="682411" spans="8:8">
      <c r="H682411" s="12"/>
    </row>
    <row r="682412" spans="8:8">
      <c r="H682412" s="12"/>
    </row>
    <row r="682413" spans="8:8">
      <c r="H682413" s="12"/>
    </row>
    <row r="682414" spans="8:8">
      <c r="H682414" s="12"/>
    </row>
    <row r="682415" spans="8:8">
      <c r="H682415" s="12"/>
    </row>
    <row r="682416" spans="8:8">
      <c r="H682416" s="12"/>
    </row>
    <row r="682417" spans="8:8">
      <c r="H682417" s="12"/>
    </row>
    <row r="682418" spans="8:8">
      <c r="H682418" s="12"/>
    </row>
    <row r="682419" spans="8:8">
      <c r="H682419" s="12"/>
    </row>
    <row r="682420" spans="8:8">
      <c r="H682420" s="12"/>
    </row>
    <row r="682421" spans="8:8">
      <c r="H682421" s="12"/>
    </row>
    <row r="682422" spans="8:8">
      <c r="H682422" s="12"/>
    </row>
    <row r="682423" spans="8:8">
      <c r="H682423" s="12"/>
    </row>
    <row r="682424" spans="8:8">
      <c r="H682424" s="12"/>
    </row>
    <row r="682425" spans="8:8">
      <c r="H682425" s="12"/>
    </row>
    <row r="682426" spans="8:8">
      <c r="H682426" s="12"/>
    </row>
    <row r="682427" spans="8:8">
      <c r="H682427" s="12"/>
    </row>
    <row r="682428" spans="8:8">
      <c r="H682428" s="12"/>
    </row>
    <row r="682429" spans="8:8">
      <c r="H682429" s="12"/>
    </row>
    <row r="682430" spans="8:8">
      <c r="H682430" s="12"/>
    </row>
    <row r="682431" spans="8:8">
      <c r="H682431" s="12"/>
    </row>
    <row r="682432" spans="8:8">
      <c r="H682432" s="12"/>
    </row>
    <row r="682433" spans="8:8">
      <c r="H682433" s="12"/>
    </row>
    <row r="682434" spans="8:8">
      <c r="H682434" s="12"/>
    </row>
    <row r="682435" spans="8:8">
      <c r="H682435" s="12"/>
    </row>
    <row r="682436" spans="8:8">
      <c r="H682436" s="12"/>
    </row>
    <row r="682437" spans="8:8">
      <c r="H682437" s="12"/>
    </row>
    <row r="682438" spans="8:8">
      <c r="H682438" s="12"/>
    </row>
    <row r="682439" spans="8:8">
      <c r="H682439" s="12"/>
    </row>
    <row r="682440" spans="8:8">
      <c r="H682440" s="12"/>
    </row>
    <row r="682441" spans="8:8">
      <c r="H682441" s="12"/>
    </row>
    <row r="682442" spans="8:8">
      <c r="H682442" s="12"/>
    </row>
    <row r="682443" spans="8:8">
      <c r="H682443" s="12"/>
    </row>
    <row r="682444" spans="8:8">
      <c r="H682444" s="12"/>
    </row>
    <row r="682445" spans="8:8">
      <c r="H682445" s="12"/>
    </row>
    <row r="682446" spans="8:8">
      <c r="H682446" s="12"/>
    </row>
    <row r="682447" spans="8:8">
      <c r="H682447" s="12"/>
    </row>
    <row r="682448" spans="8:8">
      <c r="H682448" s="12"/>
    </row>
    <row r="682449" spans="8:8">
      <c r="H682449" s="12"/>
    </row>
    <row r="682450" spans="8:8">
      <c r="H682450" s="12"/>
    </row>
    <row r="682451" spans="8:8">
      <c r="H682451" s="12"/>
    </row>
    <row r="682452" spans="8:8">
      <c r="H682452" s="12"/>
    </row>
    <row r="682453" spans="8:8">
      <c r="H682453" s="12"/>
    </row>
    <row r="682454" spans="8:8">
      <c r="H682454" s="12"/>
    </row>
    <row r="682455" spans="8:8">
      <c r="H682455" s="12"/>
    </row>
    <row r="682456" spans="8:8">
      <c r="H682456" s="12"/>
    </row>
    <row r="682457" spans="8:8">
      <c r="H682457" s="12"/>
    </row>
    <row r="682458" spans="8:8">
      <c r="H682458" s="12"/>
    </row>
    <row r="682459" spans="8:8">
      <c r="H682459" s="12"/>
    </row>
    <row r="682460" spans="8:8">
      <c r="H682460" s="12"/>
    </row>
    <row r="682461" spans="8:8">
      <c r="H682461" s="12"/>
    </row>
    <row r="682462" spans="8:8">
      <c r="H682462" s="12"/>
    </row>
    <row r="682463" spans="8:8">
      <c r="H682463" s="12"/>
    </row>
    <row r="682464" spans="8:8">
      <c r="H682464" s="12"/>
    </row>
    <row r="682465" spans="8:8">
      <c r="H682465" s="12"/>
    </row>
    <row r="682466" spans="8:8">
      <c r="H682466" s="12"/>
    </row>
    <row r="682467" spans="8:8">
      <c r="H682467" s="12"/>
    </row>
    <row r="682468" spans="8:8">
      <c r="H682468" s="12"/>
    </row>
    <row r="682469" spans="8:8">
      <c r="H682469" s="12"/>
    </row>
    <row r="682470" spans="8:8">
      <c r="H682470" s="12"/>
    </row>
    <row r="682471" spans="8:8">
      <c r="H682471" s="12"/>
    </row>
    <row r="682472" spans="8:8">
      <c r="H682472" s="12"/>
    </row>
    <row r="682473" spans="8:8">
      <c r="H682473" s="12"/>
    </row>
    <row r="682474" spans="8:8">
      <c r="H682474" s="12"/>
    </row>
    <row r="682475" spans="8:8">
      <c r="H682475" s="12"/>
    </row>
    <row r="682476" spans="8:8">
      <c r="H682476" s="12"/>
    </row>
    <row r="682477" spans="8:8">
      <c r="H682477" s="12"/>
    </row>
    <row r="682478" spans="8:8">
      <c r="H682478" s="12"/>
    </row>
    <row r="682479" spans="8:8">
      <c r="H682479" s="12"/>
    </row>
    <row r="682480" spans="8:8">
      <c r="H682480" s="12"/>
    </row>
    <row r="682481" spans="8:8">
      <c r="H682481" s="12"/>
    </row>
    <row r="682482" spans="8:8">
      <c r="H682482" s="12"/>
    </row>
    <row r="682483" spans="8:8">
      <c r="H682483" s="12"/>
    </row>
    <row r="682484" spans="8:8">
      <c r="H682484" s="12"/>
    </row>
    <row r="682485" spans="8:8">
      <c r="H682485" s="12"/>
    </row>
    <row r="682486" spans="8:8">
      <c r="H682486" s="12"/>
    </row>
    <row r="682487" spans="8:8">
      <c r="H682487" s="12"/>
    </row>
    <row r="682488" spans="8:8">
      <c r="H682488" s="12"/>
    </row>
    <row r="682489" spans="8:8">
      <c r="H682489" s="12"/>
    </row>
    <row r="682490" spans="8:8">
      <c r="H682490" s="12"/>
    </row>
    <row r="682491" spans="8:8">
      <c r="H682491" s="12"/>
    </row>
    <row r="682492" spans="8:8">
      <c r="H682492" s="12"/>
    </row>
    <row r="682493" spans="8:8">
      <c r="H682493" s="12"/>
    </row>
    <row r="682494" spans="8:8">
      <c r="H682494" s="12"/>
    </row>
    <row r="682495" spans="8:8">
      <c r="H682495" s="12"/>
    </row>
    <row r="682496" spans="8:8">
      <c r="H682496" s="12"/>
    </row>
    <row r="682497" spans="8:8">
      <c r="H682497" s="12"/>
    </row>
    <row r="682498" spans="8:8">
      <c r="H682498" s="12"/>
    </row>
    <row r="682499" spans="8:8">
      <c r="H682499" s="12"/>
    </row>
    <row r="682500" spans="8:8">
      <c r="H682500" s="12"/>
    </row>
    <row r="682501" spans="8:8">
      <c r="H682501" s="12"/>
    </row>
    <row r="682502" spans="8:8">
      <c r="H682502" s="12"/>
    </row>
    <row r="682503" spans="8:8">
      <c r="H682503" s="12"/>
    </row>
    <row r="682504" spans="8:8">
      <c r="H682504" s="12"/>
    </row>
    <row r="682505" spans="8:8">
      <c r="H682505" s="12"/>
    </row>
    <row r="682506" spans="8:8">
      <c r="H682506" s="12"/>
    </row>
    <row r="682507" spans="8:8">
      <c r="H682507" s="12"/>
    </row>
    <row r="682508" spans="8:8">
      <c r="H682508" s="12"/>
    </row>
    <row r="682509" spans="8:8">
      <c r="H682509" s="12"/>
    </row>
    <row r="682510" spans="8:8">
      <c r="H682510" s="12"/>
    </row>
    <row r="682511" spans="8:8">
      <c r="H682511" s="12"/>
    </row>
    <row r="682512" spans="8:8">
      <c r="H682512" s="12"/>
    </row>
    <row r="682513" spans="8:8">
      <c r="H682513" s="12"/>
    </row>
    <row r="682514" spans="8:8">
      <c r="H682514" s="12"/>
    </row>
    <row r="682515" spans="8:8">
      <c r="H682515" s="12"/>
    </row>
    <row r="682516" spans="8:8">
      <c r="H682516" s="12"/>
    </row>
    <row r="682517" spans="8:8">
      <c r="H682517" s="12"/>
    </row>
    <row r="682518" spans="8:8">
      <c r="H682518" s="12"/>
    </row>
    <row r="682519" spans="8:8">
      <c r="H682519" s="12"/>
    </row>
    <row r="682520" spans="8:8">
      <c r="H682520" s="12"/>
    </row>
    <row r="682521" spans="8:8">
      <c r="H682521" s="12"/>
    </row>
    <row r="682522" spans="8:8">
      <c r="H682522" s="12"/>
    </row>
    <row r="682523" spans="8:8">
      <c r="H682523" s="12"/>
    </row>
    <row r="682524" spans="8:8">
      <c r="H682524" s="12"/>
    </row>
    <row r="682525" spans="8:8">
      <c r="H682525" s="12"/>
    </row>
    <row r="682526" spans="8:8">
      <c r="H682526" s="12"/>
    </row>
    <row r="682527" spans="8:8">
      <c r="H682527" s="12"/>
    </row>
    <row r="682528" spans="8:8">
      <c r="H682528" s="12"/>
    </row>
    <row r="682529" spans="8:8">
      <c r="H682529" s="12"/>
    </row>
    <row r="682530" spans="8:8">
      <c r="H682530" s="12"/>
    </row>
    <row r="682531" spans="8:8">
      <c r="H682531" s="12"/>
    </row>
    <row r="682532" spans="8:8">
      <c r="H682532" s="12"/>
    </row>
    <row r="682533" spans="8:8">
      <c r="H682533" s="12"/>
    </row>
    <row r="682534" spans="8:8">
      <c r="H682534" s="12"/>
    </row>
    <row r="682535" spans="8:8">
      <c r="H682535" s="12"/>
    </row>
    <row r="682536" spans="8:8">
      <c r="H682536" s="12"/>
    </row>
    <row r="682537" spans="8:8">
      <c r="H682537" s="12"/>
    </row>
    <row r="682538" spans="8:8">
      <c r="H682538" s="12"/>
    </row>
    <row r="682539" spans="8:8">
      <c r="H682539" s="12"/>
    </row>
    <row r="682540" spans="8:8">
      <c r="H682540" s="12"/>
    </row>
    <row r="682541" spans="8:8">
      <c r="H682541" s="12"/>
    </row>
    <row r="682542" spans="8:8">
      <c r="H682542" s="12"/>
    </row>
    <row r="682543" spans="8:8">
      <c r="H682543" s="12"/>
    </row>
    <row r="682544" spans="8:8">
      <c r="H682544" s="12"/>
    </row>
    <row r="682545" spans="8:8">
      <c r="H682545" s="12"/>
    </row>
    <row r="682546" spans="8:8">
      <c r="H682546" s="12"/>
    </row>
    <row r="682547" spans="8:8">
      <c r="H682547" s="12"/>
    </row>
    <row r="682548" spans="8:8">
      <c r="H682548" s="12"/>
    </row>
    <row r="682549" spans="8:8">
      <c r="H682549" s="12"/>
    </row>
    <row r="682550" spans="8:8">
      <c r="H682550" s="12"/>
    </row>
    <row r="682551" spans="8:8">
      <c r="H682551" s="12"/>
    </row>
    <row r="682552" spans="8:8">
      <c r="H682552" s="12"/>
    </row>
    <row r="682553" spans="8:8">
      <c r="H682553" s="12"/>
    </row>
    <row r="682554" spans="8:8">
      <c r="H682554" s="12"/>
    </row>
    <row r="682555" spans="8:8">
      <c r="H682555" s="12"/>
    </row>
    <row r="682556" spans="8:8">
      <c r="H682556" s="12"/>
    </row>
    <row r="682557" spans="8:8">
      <c r="H682557" s="12"/>
    </row>
    <row r="682558" spans="8:8">
      <c r="H682558" s="12"/>
    </row>
    <row r="682559" spans="8:8">
      <c r="H682559" s="12"/>
    </row>
    <row r="682560" spans="8:8">
      <c r="H682560" s="12"/>
    </row>
    <row r="682561" spans="8:8">
      <c r="H682561" s="12"/>
    </row>
    <row r="682562" spans="8:8">
      <c r="H682562" s="12"/>
    </row>
    <row r="682563" spans="8:8">
      <c r="H682563" s="12"/>
    </row>
    <row r="682564" spans="8:8">
      <c r="H682564" s="12"/>
    </row>
    <row r="682565" spans="8:8">
      <c r="H682565" s="12"/>
    </row>
    <row r="682566" spans="8:8">
      <c r="H682566" s="12"/>
    </row>
    <row r="682567" spans="8:8">
      <c r="H682567" s="12"/>
    </row>
    <row r="682568" spans="8:8">
      <c r="H682568" s="12"/>
    </row>
    <row r="682569" spans="8:8">
      <c r="H682569" s="12"/>
    </row>
    <row r="682570" spans="8:8">
      <c r="H682570" s="12"/>
    </row>
    <row r="682571" spans="8:8">
      <c r="H682571" s="12"/>
    </row>
    <row r="682572" spans="8:8">
      <c r="H682572" s="12"/>
    </row>
    <row r="682573" spans="8:8">
      <c r="H682573" s="12"/>
    </row>
    <row r="682574" spans="8:8">
      <c r="H682574" s="12"/>
    </row>
    <row r="682575" spans="8:8">
      <c r="H682575" s="12"/>
    </row>
    <row r="682576" spans="8:8">
      <c r="H682576" s="12"/>
    </row>
    <row r="682577" spans="8:8">
      <c r="H682577" s="12"/>
    </row>
    <row r="682578" spans="8:8">
      <c r="H682578" s="12"/>
    </row>
    <row r="682579" spans="8:8">
      <c r="H682579" s="12"/>
    </row>
    <row r="682580" spans="8:8">
      <c r="H682580" s="12"/>
    </row>
    <row r="682581" spans="8:8">
      <c r="H682581" s="12"/>
    </row>
    <row r="682582" spans="8:8">
      <c r="H682582" s="12"/>
    </row>
    <row r="682583" spans="8:8">
      <c r="H682583" s="12"/>
    </row>
    <row r="682584" spans="8:8">
      <c r="H682584" s="12"/>
    </row>
    <row r="682585" spans="8:8">
      <c r="H682585" s="12"/>
    </row>
    <row r="682586" spans="8:8">
      <c r="H682586" s="12"/>
    </row>
    <row r="682587" spans="8:8">
      <c r="H682587" s="12"/>
    </row>
    <row r="682588" spans="8:8">
      <c r="H682588" s="12"/>
    </row>
    <row r="682589" spans="8:8">
      <c r="H682589" s="12"/>
    </row>
    <row r="682590" spans="8:8">
      <c r="H682590" s="12"/>
    </row>
    <row r="682591" spans="8:8">
      <c r="H682591" s="12"/>
    </row>
    <row r="682592" spans="8:8">
      <c r="H682592" s="12"/>
    </row>
    <row r="682593" spans="8:8">
      <c r="H682593" s="12"/>
    </row>
    <row r="682594" spans="8:8">
      <c r="H682594" s="12"/>
    </row>
    <row r="682595" spans="8:8">
      <c r="H682595" s="12"/>
    </row>
    <row r="682596" spans="8:8">
      <c r="H682596" s="12"/>
    </row>
    <row r="682597" spans="8:8">
      <c r="H682597" s="12"/>
    </row>
    <row r="682598" spans="8:8">
      <c r="H682598" s="12"/>
    </row>
    <row r="682599" spans="8:8">
      <c r="H682599" s="12"/>
    </row>
    <row r="682600" spans="8:8">
      <c r="H682600" s="12"/>
    </row>
    <row r="682601" spans="8:8">
      <c r="H682601" s="12"/>
    </row>
    <row r="682602" spans="8:8">
      <c r="H682602" s="12"/>
    </row>
    <row r="682603" spans="8:8">
      <c r="H682603" s="12"/>
    </row>
    <row r="682604" spans="8:8">
      <c r="H682604" s="12"/>
    </row>
    <row r="682605" spans="8:8">
      <c r="H682605" s="12"/>
    </row>
    <row r="682606" spans="8:8">
      <c r="H682606" s="12"/>
    </row>
    <row r="682607" spans="8:8">
      <c r="H682607" s="12"/>
    </row>
    <row r="682608" spans="8:8">
      <c r="H682608" s="12"/>
    </row>
    <row r="682609" spans="8:8">
      <c r="H682609" s="12"/>
    </row>
    <row r="682610" spans="8:8">
      <c r="H682610" s="12"/>
    </row>
    <row r="682611" spans="8:8">
      <c r="H682611" s="12"/>
    </row>
    <row r="682612" spans="8:8">
      <c r="H682612" s="12"/>
    </row>
    <row r="682613" spans="8:8">
      <c r="H682613" s="12"/>
    </row>
    <row r="682614" spans="8:8">
      <c r="H682614" s="12"/>
    </row>
    <row r="682615" spans="8:8">
      <c r="H682615" s="12"/>
    </row>
    <row r="682616" spans="8:8">
      <c r="H682616" s="12"/>
    </row>
    <row r="682617" spans="8:8">
      <c r="H682617" s="12"/>
    </row>
    <row r="682618" spans="8:8">
      <c r="H682618" s="12"/>
    </row>
    <row r="682619" spans="8:8">
      <c r="H682619" s="12"/>
    </row>
    <row r="682620" spans="8:8">
      <c r="H682620" s="12"/>
    </row>
    <row r="682621" spans="8:8">
      <c r="H682621" s="12"/>
    </row>
    <row r="682622" spans="8:8">
      <c r="H682622" s="12"/>
    </row>
    <row r="682623" spans="8:8">
      <c r="H682623" s="12"/>
    </row>
    <row r="682624" spans="8:8">
      <c r="H682624" s="12"/>
    </row>
    <row r="682625" spans="8:8">
      <c r="H682625" s="12"/>
    </row>
    <row r="682626" spans="8:8">
      <c r="H682626" s="12"/>
    </row>
    <row r="682627" spans="8:8">
      <c r="H682627" s="12"/>
    </row>
    <row r="682628" spans="8:8">
      <c r="H682628" s="12"/>
    </row>
    <row r="682629" spans="8:8">
      <c r="H682629" s="12"/>
    </row>
    <row r="682630" spans="8:8">
      <c r="H682630" s="12"/>
    </row>
    <row r="682631" spans="8:8">
      <c r="H682631" s="12"/>
    </row>
    <row r="682632" spans="8:8">
      <c r="H682632" s="12"/>
    </row>
    <row r="682633" spans="8:8">
      <c r="H682633" s="12"/>
    </row>
    <row r="682634" spans="8:8">
      <c r="H682634" s="12"/>
    </row>
    <row r="682635" spans="8:8">
      <c r="H682635" s="12"/>
    </row>
    <row r="682636" spans="8:8">
      <c r="H682636" s="12"/>
    </row>
    <row r="682637" spans="8:8">
      <c r="H682637" s="12"/>
    </row>
    <row r="682638" spans="8:8">
      <c r="H682638" s="12"/>
    </row>
    <row r="682639" spans="8:8">
      <c r="H682639" s="12"/>
    </row>
    <row r="682640" spans="8:8">
      <c r="H682640" s="12"/>
    </row>
    <row r="682641" spans="8:8">
      <c r="H682641" s="12"/>
    </row>
    <row r="682642" spans="8:8">
      <c r="H682642" s="12"/>
    </row>
    <row r="682643" spans="8:8">
      <c r="H682643" s="12"/>
    </row>
    <row r="682644" spans="8:8">
      <c r="H682644" s="12"/>
    </row>
    <row r="682645" spans="8:8">
      <c r="H682645" s="12"/>
    </row>
    <row r="682646" spans="8:8">
      <c r="H682646" s="12"/>
    </row>
    <row r="682647" spans="8:8">
      <c r="H682647" s="12"/>
    </row>
    <row r="682648" spans="8:8">
      <c r="H682648" s="12"/>
    </row>
    <row r="682649" spans="8:8">
      <c r="H682649" s="12"/>
    </row>
    <row r="682650" spans="8:8">
      <c r="H682650" s="12"/>
    </row>
    <row r="682651" spans="8:8">
      <c r="H682651" s="12"/>
    </row>
    <row r="682652" spans="8:8">
      <c r="H682652" s="12"/>
    </row>
    <row r="682653" spans="8:8">
      <c r="H682653" s="12"/>
    </row>
    <row r="682654" spans="8:8">
      <c r="H682654" s="12"/>
    </row>
    <row r="682655" spans="8:8">
      <c r="H682655" s="12"/>
    </row>
    <row r="682656" spans="8:8">
      <c r="H682656" s="12"/>
    </row>
    <row r="682657" spans="8:8">
      <c r="H682657" s="12"/>
    </row>
    <row r="682658" spans="8:8">
      <c r="H682658" s="12"/>
    </row>
    <row r="682659" spans="8:8">
      <c r="H682659" s="12"/>
    </row>
    <row r="682660" spans="8:8">
      <c r="H682660" s="12"/>
    </row>
    <row r="682661" spans="8:8">
      <c r="H682661" s="12"/>
    </row>
    <row r="682662" spans="8:8">
      <c r="H682662" s="12"/>
    </row>
    <row r="682663" spans="8:8">
      <c r="H682663" s="12"/>
    </row>
    <row r="682664" spans="8:8">
      <c r="H682664" s="12"/>
    </row>
    <row r="682665" spans="8:8">
      <c r="H682665" s="12"/>
    </row>
    <row r="682666" spans="8:8">
      <c r="H682666" s="12"/>
    </row>
    <row r="682667" spans="8:8">
      <c r="H682667" s="12"/>
    </row>
    <row r="682668" spans="8:8">
      <c r="H682668" s="12"/>
    </row>
    <row r="682669" spans="8:8">
      <c r="H682669" s="12"/>
    </row>
    <row r="682670" spans="8:8">
      <c r="H682670" s="12"/>
    </row>
    <row r="682671" spans="8:8">
      <c r="H682671" s="12"/>
    </row>
    <row r="682672" spans="8:8">
      <c r="H682672" s="12"/>
    </row>
    <row r="682673" spans="8:8">
      <c r="H682673" s="12"/>
    </row>
    <row r="682674" spans="8:8">
      <c r="H682674" s="12"/>
    </row>
    <row r="682675" spans="8:8">
      <c r="H682675" s="12"/>
    </row>
    <row r="682676" spans="8:8">
      <c r="H682676" s="12"/>
    </row>
    <row r="682677" spans="8:8">
      <c r="H682677" s="12"/>
    </row>
    <row r="682678" spans="8:8">
      <c r="H682678" s="12"/>
    </row>
    <row r="682679" spans="8:8">
      <c r="H682679" s="12"/>
    </row>
    <row r="682680" spans="8:8">
      <c r="H682680" s="12"/>
    </row>
    <row r="682681" spans="8:8">
      <c r="H682681" s="12"/>
    </row>
    <row r="682682" spans="8:8">
      <c r="H682682" s="12"/>
    </row>
    <row r="682683" spans="8:8">
      <c r="H682683" s="12"/>
    </row>
    <row r="682684" spans="8:8">
      <c r="H682684" s="12"/>
    </row>
    <row r="682685" spans="8:8">
      <c r="H682685" s="12"/>
    </row>
    <row r="682686" spans="8:8">
      <c r="H682686" s="12"/>
    </row>
    <row r="682687" spans="8:8">
      <c r="H682687" s="12"/>
    </row>
    <row r="682688" spans="8:8">
      <c r="H682688" s="12"/>
    </row>
    <row r="682689" spans="8:8">
      <c r="H682689" s="12"/>
    </row>
    <row r="682690" spans="8:8">
      <c r="H682690" s="12"/>
    </row>
    <row r="682691" spans="8:8">
      <c r="H682691" s="12"/>
    </row>
    <row r="682692" spans="8:8">
      <c r="H682692" s="12"/>
    </row>
    <row r="682693" spans="8:8">
      <c r="H682693" s="12"/>
    </row>
    <row r="682694" spans="8:8">
      <c r="H682694" s="12"/>
    </row>
    <row r="682695" spans="8:8">
      <c r="H682695" s="12"/>
    </row>
    <row r="682696" spans="8:8">
      <c r="H682696" s="12"/>
    </row>
    <row r="682697" spans="8:8">
      <c r="H682697" s="12"/>
    </row>
    <row r="682698" spans="8:8">
      <c r="H682698" s="12"/>
    </row>
    <row r="682699" spans="8:8">
      <c r="H682699" s="12"/>
    </row>
    <row r="682700" spans="8:8">
      <c r="H682700" s="12"/>
    </row>
    <row r="682701" spans="8:8">
      <c r="H682701" s="12"/>
    </row>
    <row r="682702" spans="8:8">
      <c r="H682702" s="12"/>
    </row>
    <row r="682703" spans="8:8">
      <c r="H682703" s="12"/>
    </row>
    <row r="682704" spans="8:8">
      <c r="H682704" s="12"/>
    </row>
    <row r="682705" spans="8:8">
      <c r="H682705" s="12"/>
    </row>
    <row r="682706" spans="8:8">
      <c r="H682706" s="12"/>
    </row>
    <row r="682707" spans="8:8">
      <c r="H682707" s="12"/>
    </row>
    <row r="682708" spans="8:8">
      <c r="H682708" s="12"/>
    </row>
    <row r="682709" spans="8:8">
      <c r="H682709" s="12"/>
    </row>
    <row r="682710" spans="8:8">
      <c r="H682710" s="12"/>
    </row>
    <row r="682711" spans="8:8">
      <c r="H682711" s="12"/>
    </row>
    <row r="682712" spans="8:8">
      <c r="H682712" s="12"/>
    </row>
    <row r="682713" spans="8:8">
      <c r="H682713" s="12"/>
    </row>
    <row r="682714" spans="8:8">
      <c r="H682714" s="12"/>
    </row>
    <row r="682715" spans="8:8">
      <c r="H682715" s="12"/>
    </row>
    <row r="682716" spans="8:8">
      <c r="H682716" s="12"/>
    </row>
    <row r="682717" spans="8:8">
      <c r="H682717" s="12"/>
    </row>
    <row r="682718" spans="8:8">
      <c r="H682718" s="12"/>
    </row>
    <row r="682719" spans="8:8">
      <c r="H682719" s="12"/>
    </row>
    <row r="682720" spans="8:8">
      <c r="H682720" s="12"/>
    </row>
    <row r="682721" spans="8:8">
      <c r="H682721" s="12"/>
    </row>
    <row r="682722" spans="8:8">
      <c r="H682722" s="12"/>
    </row>
    <row r="682723" spans="8:8">
      <c r="H682723" s="12"/>
    </row>
    <row r="682724" spans="8:8">
      <c r="H682724" s="12"/>
    </row>
    <row r="682725" spans="8:8">
      <c r="H682725" s="12"/>
    </row>
    <row r="682726" spans="8:8">
      <c r="H682726" s="12"/>
    </row>
    <row r="682727" spans="8:8">
      <c r="H682727" s="12"/>
    </row>
    <row r="682728" spans="8:8">
      <c r="H682728" s="12"/>
    </row>
    <row r="682729" spans="8:8">
      <c r="H682729" s="12"/>
    </row>
    <row r="682730" spans="8:8">
      <c r="H682730" s="12"/>
    </row>
    <row r="682731" spans="8:8">
      <c r="H682731" s="12"/>
    </row>
    <row r="682732" spans="8:8">
      <c r="H682732" s="12"/>
    </row>
    <row r="682733" spans="8:8">
      <c r="H682733" s="12"/>
    </row>
    <row r="682734" spans="8:8">
      <c r="H682734" s="12"/>
    </row>
    <row r="682735" spans="8:8">
      <c r="H682735" s="12"/>
    </row>
    <row r="682736" spans="8:8">
      <c r="H682736" s="12"/>
    </row>
    <row r="682737" spans="8:8">
      <c r="H682737" s="12"/>
    </row>
    <row r="682738" spans="8:8">
      <c r="H682738" s="12"/>
    </row>
    <row r="682739" spans="8:8">
      <c r="H682739" s="12"/>
    </row>
    <row r="682740" spans="8:8">
      <c r="H682740" s="12"/>
    </row>
    <row r="682741" spans="8:8">
      <c r="H682741" s="12"/>
    </row>
    <row r="682742" spans="8:8">
      <c r="H682742" s="12"/>
    </row>
    <row r="682743" spans="8:8">
      <c r="H682743" s="12"/>
    </row>
    <row r="682744" spans="8:8">
      <c r="H682744" s="12"/>
    </row>
    <row r="682745" spans="8:8">
      <c r="H682745" s="12"/>
    </row>
    <row r="682746" spans="8:8">
      <c r="H682746" s="12"/>
    </row>
    <row r="682747" spans="8:8">
      <c r="H682747" s="12"/>
    </row>
    <row r="682748" spans="8:8">
      <c r="H682748" s="12"/>
    </row>
    <row r="682749" spans="8:8">
      <c r="H682749" s="12"/>
    </row>
    <row r="682750" spans="8:8">
      <c r="H682750" s="12"/>
    </row>
    <row r="682751" spans="8:8">
      <c r="H682751" s="12"/>
    </row>
    <row r="682752" spans="8:8">
      <c r="H682752" s="12"/>
    </row>
    <row r="682753" spans="8:8">
      <c r="H682753" s="12"/>
    </row>
    <row r="682754" spans="8:8">
      <c r="H682754" s="12"/>
    </row>
    <row r="682755" spans="8:8">
      <c r="H682755" s="12"/>
    </row>
    <row r="682756" spans="8:8">
      <c r="H682756" s="12"/>
    </row>
    <row r="682757" spans="8:8">
      <c r="H682757" s="12"/>
    </row>
    <row r="682758" spans="8:8">
      <c r="H682758" s="12"/>
    </row>
    <row r="682759" spans="8:8">
      <c r="H682759" s="12"/>
    </row>
    <row r="682760" spans="8:8">
      <c r="H682760" s="12"/>
    </row>
    <row r="682761" spans="8:8">
      <c r="H682761" s="12"/>
    </row>
    <row r="682762" spans="8:8">
      <c r="H682762" s="12"/>
    </row>
    <row r="682763" spans="8:8">
      <c r="H682763" s="12"/>
    </row>
    <row r="682764" spans="8:8">
      <c r="H682764" s="12"/>
    </row>
    <row r="682765" spans="8:8">
      <c r="H682765" s="12"/>
    </row>
    <row r="682766" spans="8:8">
      <c r="H682766" s="12"/>
    </row>
    <row r="682767" spans="8:8">
      <c r="H682767" s="12"/>
    </row>
    <row r="682768" spans="8:8">
      <c r="H682768" s="12"/>
    </row>
    <row r="682769" spans="8:8">
      <c r="H682769" s="12"/>
    </row>
    <row r="682770" spans="8:8">
      <c r="H682770" s="12"/>
    </row>
    <row r="682771" spans="8:8">
      <c r="H682771" s="12"/>
    </row>
    <row r="682772" spans="8:8">
      <c r="H682772" s="12"/>
    </row>
    <row r="682773" spans="8:8">
      <c r="H682773" s="12"/>
    </row>
    <row r="682774" spans="8:8">
      <c r="H682774" s="12"/>
    </row>
    <row r="682775" spans="8:8">
      <c r="H682775" s="12"/>
    </row>
    <row r="682776" spans="8:8">
      <c r="H682776" s="12"/>
    </row>
    <row r="682777" spans="8:8">
      <c r="H682777" s="12"/>
    </row>
    <row r="682778" spans="8:8">
      <c r="H682778" s="12"/>
    </row>
    <row r="682779" spans="8:8">
      <c r="H682779" s="12"/>
    </row>
    <row r="682780" spans="8:8">
      <c r="H682780" s="12"/>
    </row>
    <row r="682781" spans="8:8">
      <c r="H682781" s="12"/>
    </row>
    <row r="682782" spans="8:8">
      <c r="H682782" s="12"/>
    </row>
    <row r="682783" spans="8:8">
      <c r="H682783" s="12"/>
    </row>
    <row r="682784" spans="8:8">
      <c r="H682784" s="12"/>
    </row>
    <row r="682785" spans="8:8">
      <c r="H682785" s="12"/>
    </row>
    <row r="682786" spans="8:8">
      <c r="H682786" s="12"/>
    </row>
    <row r="682787" spans="8:8">
      <c r="H682787" s="12"/>
    </row>
    <row r="682788" spans="8:8">
      <c r="H682788" s="12"/>
    </row>
    <row r="682789" spans="8:8">
      <c r="H682789" s="12"/>
    </row>
    <row r="682790" spans="8:8">
      <c r="H682790" s="12"/>
    </row>
    <row r="682791" spans="8:8">
      <c r="H682791" s="12"/>
    </row>
    <row r="682792" spans="8:8">
      <c r="H682792" s="12"/>
    </row>
    <row r="682793" spans="8:8">
      <c r="H682793" s="12"/>
    </row>
    <row r="682794" spans="8:8">
      <c r="H682794" s="12"/>
    </row>
    <row r="682795" spans="8:8">
      <c r="H682795" s="12"/>
    </row>
    <row r="682796" spans="8:8">
      <c r="H682796" s="12"/>
    </row>
    <row r="682797" spans="8:8">
      <c r="H682797" s="12"/>
    </row>
    <row r="682798" spans="8:8">
      <c r="H682798" s="12"/>
    </row>
    <row r="682799" spans="8:8">
      <c r="H682799" s="12"/>
    </row>
    <row r="682800" spans="8:8">
      <c r="H682800" s="12"/>
    </row>
    <row r="682801" spans="8:8">
      <c r="H682801" s="12"/>
    </row>
    <row r="682802" spans="8:8">
      <c r="H682802" s="12"/>
    </row>
    <row r="682803" spans="8:8">
      <c r="H682803" s="12"/>
    </row>
    <row r="682804" spans="8:8">
      <c r="H682804" s="12"/>
    </row>
    <row r="682805" spans="8:8">
      <c r="H682805" s="12"/>
    </row>
    <row r="682806" spans="8:8">
      <c r="H682806" s="12"/>
    </row>
    <row r="682807" spans="8:8">
      <c r="H682807" s="12"/>
    </row>
    <row r="682808" spans="8:8">
      <c r="H682808" s="12"/>
    </row>
    <row r="682809" spans="8:8">
      <c r="H682809" s="12"/>
    </row>
    <row r="682810" spans="8:8">
      <c r="H682810" s="12"/>
    </row>
    <row r="682811" spans="8:8">
      <c r="H682811" s="12"/>
    </row>
    <row r="682812" spans="8:8">
      <c r="H682812" s="12"/>
    </row>
    <row r="682813" spans="8:8">
      <c r="H682813" s="12"/>
    </row>
    <row r="682814" spans="8:8">
      <c r="H682814" s="12"/>
    </row>
    <row r="682815" spans="8:8">
      <c r="H682815" s="12"/>
    </row>
    <row r="682816" spans="8:8">
      <c r="H682816" s="12"/>
    </row>
    <row r="682817" spans="8:8">
      <c r="H682817" s="12"/>
    </row>
    <row r="682818" spans="8:8">
      <c r="H682818" s="12"/>
    </row>
    <row r="682819" spans="8:8">
      <c r="H682819" s="12"/>
    </row>
    <row r="682820" spans="8:8">
      <c r="H682820" s="12"/>
    </row>
    <row r="682821" spans="8:8">
      <c r="H682821" s="12"/>
    </row>
    <row r="682822" spans="8:8">
      <c r="H682822" s="12"/>
    </row>
    <row r="682823" spans="8:8">
      <c r="H682823" s="12"/>
    </row>
    <row r="682824" spans="8:8">
      <c r="H682824" s="12"/>
    </row>
    <row r="682825" spans="8:8">
      <c r="H682825" s="12"/>
    </row>
    <row r="682826" spans="8:8">
      <c r="H682826" s="12"/>
    </row>
    <row r="682827" spans="8:8">
      <c r="H682827" s="12"/>
    </row>
    <row r="682828" spans="8:8">
      <c r="H682828" s="12"/>
    </row>
    <row r="682829" spans="8:8">
      <c r="H682829" s="12"/>
    </row>
    <row r="682830" spans="8:8">
      <c r="H682830" s="12"/>
    </row>
    <row r="682831" spans="8:8">
      <c r="H682831" s="12"/>
    </row>
    <row r="682832" spans="8:8">
      <c r="H682832" s="12"/>
    </row>
    <row r="682833" spans="8:8">
      <c r="H682833" s="12"/>
    </row>
    <row r="682834" spans="8:8">
      <c r="H682834" s="12"/>
    </row>
    <row r="682835" spans="8:8">
      <c r="H682835" s="12"/>
    </row>
    <row r="682836" spans="8:8">
      <c r="H682836" s="12"/>
    </row>
    <row r="682837" spans="8:8">
      <c r="H682837" s="12"/>
    </row>
    <row r="682838" spans="8:8">
      <c r="H682838" s="12"/>
    </row>
    <row r="682839" spans="8:8">
      <c r="H682839" s="12"/>
    </row>
    <row r="682840" spans="8:8">
      <c r="H682840" s="12"/>
    </row>
    <row r="682841" spans="8:8">
      <c r="H682841" s="12"/>
    </row>
    <row r="682842" spans="8:8">
      <c r="H682842" s="12"/>
    </row>
    <row r="682843" spans="8:8">
      <c r="H682843" s="12"/>
    </row>
    <row r="682844" spans="8:8">
      <c r="H682844" s="12"/>
    </row>
    <row r="682845" spans="8:8">
      <c r="H682845" s="12"/>
    </row>
    <row r="682846" spans="8:8">
      <c r="H682846" s="12"/>
    </row>
    <row r="682847" spans="8:8">
      <c r="H682847" s="12"/>
    </row>
    <row r="682848" spans="8:8">
      <c r="H682848" s="12"/>
    </row>
    <row r="682849" spans="8:8">
      <c r="H682849" s="12"/>
    </row>
    <row r="682850" spans="8:8">
      <c r="H682850" s="12"/>
    </row>
    <row r="682851" spans="8:8">
      <c r="H682851" s="12"/>
    </row>
    <row r="682852" spans="8:8">
      <c r="H682852" s="12"/>
    </row>
    <row r="682853" spans="8:8">
      <c r="H682853" s="12"/>
    </row>
    <row r="682854" spans="8:8">
      <c r="H682854" s="12"/>
    </row>
    <row r="682855" spans="8:8">
      <c r="H682855" s="12"/>
    </row>
    <row r="682856" spans="8:8">
      <c r="H682856" s="12"/>
    </row>
    <row r="682857" spans="8:8">
      <c r="H682857" s="12"/>
    </row>
    <row r="682858" spans="8:8">
      <c r="H682858" s="12"/>
    </row>
    <row r="682859" spans="8:8">
      <c r="H682859" s="12"/>
    </row>
    <row r="682860" spans="8:8">
      <c r="H682860" s="12"/>
    </row>
    <row r="682861" spans="8:8">
      <c r="H682861" s="12"/>
    </row>
    <row r="682862" spans="8:8">
      <c r="H682862" s="12"/>
    </row>
    <row r="682863" spans="8:8">
      <c r="H682863" s="12"/>
    </row>
    <row r="682864" spans="8:8">
      <c r="H682864" s="12"/>
    </row>
    <row r="682865" spans="8:8">
      <c r="H682865" s="12"/>
    </row>
    <row r="682866" spans="8:8">
      <c r="H682866" s="12"/>
    </row>
    <row r="682867" spans="8:8">
      <c r="H682867" s="12"/>
    </row>
    <row r="682868" spans="8:8">
      <c r="H682868" s="12"/>
    </row>
    <row r="682869" spans="8:8">
      <c r="H682869" s="12"/>
    </row>
    <row r="682870" spans="8:8">
      <c r="H682870" s="12"/>
    </row>
    <row r="682871" spans="8:8">
      <c r="H682871" s="12"/>
    </row>
    <row r="682872" spans="8:8">
      <c r="H682872" s="12"/>
    </row>
    <row r="682873" spans="8:8">
      <c r="H682873" s="12"/>
    </row>
    <row r="682874" spans="8:8">
      <c r="H682874" s="12"/>
    </row>
    <row r="682875" spans="8:8">
      <c r="H682875" s="12"/>
    </row>
    <row r="682876" spans="8:8">
      <c r="H682876" s="12"/>
    </row>
    <row r="682877" spans="8:8">
      <c r="H682877" s="12"/>
    </row>
    <row r="682878" spans="8:8">
      <c r="H682878" s="12"/>
    </row>
    <row r="682879" spans="8:8">
      <c r="H682879" s="12"/>
    </row>
    <row r="682880" spans="8:8">
      <c r="H682880" s="12"/>
    </row>
    <row r="682881" spans="8:8">
      <c r="H682881" s="12"/>
    </row>
    <row r="682882" spans="8:8">
      <c r="H682882" s="12"/>
    </row>
    <row r="682883" spans="8:8">
      <c r="H682883" s="12"/>
    </row>
    <row r="682884" spans="8:8">
      <c r="H682884" s="12"/>
    </row>
    <row r="682885" spans="8:8">
      <c r="H682885" s="12"/>
    </row>
    <row r="682886" spans="8:8">
      <c r="H682886" s="12"/>
    </row>
    <row r="682887" spans="8:8">
      <c r="H682887" s="12"/>
    </row>
    <row r="682888" spans="8:8">
      <c r="H682888" s="12"/>
    </row>
    <row r="682889" spans="8:8">
      <c r="H682889" s="12"/>
    </row>
    <row r="682890" spans="8:8">
      <c r="H682890" s="12"/>
    </row>
    <row r="682891" spans="8:8">
      <c r="H682891" s="12"/>
    </row>
    <row r="682892" spans="8:8">
      <c r="H682892" s="12"/>
    </row>
    <row r="682893" spans="8:8">
      <c r="H682893" s="12"/>
    </row>
    <row r="682894" spans="8:8">
      <c r="H682894" s="12"/>
    </row>
    <row r="682895" spans="8:8">
      <c r="H682895" s="12"/>
    </row>
    <row r="682896" spans="8:8">
      <c r="H682896" s="12"/>
    </row>
    <row r="682897" spans="8:8">
      <c r="H682897" s="12"/>
    </row>
    <row r="682898" spans="8:8">
      <c r="H682898" s="12"/>
    </row>
    <row r="682899" spans="8:8">
      <c r="H682899" s="12"/>
    </row>
    <row r="682900" spans="8:8">
      <c r="H682900" s="12"/>
    </row>
    <row r="682901" spans="8:8">
      <c r="H682901" s="12"/>
    </row>
    <row r="682902" spans="8:8">
      <c r="H682902" s="12"/>
    </row>
    <row r="682903" spans="8:8">
      <c r="H682903" s="12"/>
    </row>
    <row r="682904" spans="8:8">
      <c r="H682904" s="12"/>
    </row>
    <row r="682905" spans="8:8">
      <c r="H682905" s="12"/>
    </row>
    <row r="682906" spans="8:8">
      <c r="H682906" s="12"/>
    </row>
    <row r="682907" spans="8:8">
      <c r="H682907" s="12"/>
    </row>
    <row r="682908" spans="8:8">
      <c r="H682908" s="12"/>
    </row>
    <row r="682909" spans="8:8">
      <c r="H682909" s="12"/>
    </row>
    <row r="682910" spans="8:8">
      <c r="H682910" s="12"/>
    </row>
    <row r="682911" spans="8:8">
      <c r="H682911" s="12"/>
    </row>
    <row r="682912" spans="8:8">
      <c r="H682912" s="12"/>
    </row>
    <row r="682913" spans="8:8">
      <c r="H682913" s="12"/>
    </row>
    <row r="682914" spans="8:8">
      <c r="H682914" s="12"/>
    </row>
    <row r="682915" spans="8:8">
      <c r="H682915" s="12"/>
    </row>
    <row r="682916" spans="8:8">
      <c r="H682916" s="12"/>
    </row>
    <row r="682917" spans="8:8">
      <c r="H682917" s="12"/>
    </row>
    <row r="682918" spans="8:8">
      <c r="H682918" s="12"/>
    </row>
    <row r="682919" spans="8:8">
      <c r="H682919" s="12"/>
    </row>
    <row r="682920" spans="8:8">
      <c r="H682920" s="12"/>
    </row>
    <row r="682921" spans="8:8">
      <c r="H682921" s="12"/>
    </row>
    <row r="682922" spans="8:8">
      <c r="H682922" s="12"/>
    </row>
    <row r="682923" spans="8:8">
      <c r="H682923" s="12"/>
    </row>
    <row r="682924" spans="8:8">
      <c r="H682924" s="12"/>
    </row>
    <row r="682925" spans="8:8">
      <c r="H682925" s="12"/>
    </row>
    <row r="682926" spans="8:8">
      <c r="H682926" s="12"/>
    </row>
    <row r="682927" spans="8:8">
      <c r="H682927" s="12"/>
    </row>
    <row r="682928" spans="8:8">
      <c r="H682928" s="12"/>
    </row>
    <row r="682929" spans="8:8">
      <c r="H682929" s="12"/>
    </row>
    <row r="682930" spans="8:8">
      <c r="H682930" s="12"/>
    </row>
    <row r="682931" spans="8:8">
      <c r="H682931" s="12"/>
    </row>
    <row r="682932" spans="8:8">
      <c r="H682932" s="12"/>
    </row>
    <row r="682933" spans="8:8">
      <c r="H682933" s="12"/>
    </row>
    <row r="682934" spans="8:8">
      <c r="H682934" s="12"/>
    </row>
    <row r="682935" spans="8:8">
      <c r="H682935" s="12"/>
    </row>
    <row r="682936" spans="8:8">
      <c r="H682936" s="12"/>
    </row>
    <row r="682937" spans="8:8">
      <c r="H682937" s="12"/>
    </row>
    <row r="682938" spans="8:8">
      <c r="H682938" s="12"/>
    </row>
    <row r="682939" spans="8:8">
      <c r="H682939" s="12"/>
    </row>
    <row r="682940" spans="8:8">
      <c r="H682940" s="12"/>
    </row>
    <row r="682941" spans="8:8">
      <c r="H682941" s="12"/>
    </row>
    <row r="682942" spans="8:8">
      <c r="H682942" s="12"/>
    </row>
    <row r="682943" spans="8:8">
      <c r="H682943" s="12"/>
    </row>
    <row r="682944" spans="8:8">
      <c r="H682944" s="12"/>
    </row>
    <row r="682945" spans="8:8">
      <c r="H682945" s="12"/>
    </row>
    <row r="682946" spans="8:8">
      <c r="H682946" s="12"/>
    </row>
    <row r="682947" spans="8:8">
      <c r="H682947" s="12"/>
    </row>
    <row r="682948" spans="8:8">
      <c r="H682948" s="12"/>
    </row>
    <row r="682949" spans="8:8">
      <c r="H682949" s="12"/>
    </row>
    <row r="682950" spans="8:8">
      <c r="H682950" s="12"/>
    </row>
    <row r="682951" spans="8:8">
      <c r="H682951" s="12"/>
    </row>
    <row r="682952" spans="8:8">
      <c r="H682952" s="12"/>
    </row>
    <row r="682953" spans="8:8">
      <c r="H682953" s="12"/>
    </row>
    <row r="682954" spans="8:8">
      <c r="H682954" s="12"/>
    </row>
    <row r="682955" spans="8:8">
      <c r="H682955" s="12"/>
    </row>
    <row r="682956" spans="8:8">
      <c r="H682956" s="12"/>
    </row>
    <row r="682957" spans="8:8">
      <c r="H682957" s="12"/>
    </row>
    <row r="682958" spans="8:8">
      <c r="H682958" s="12"/>
    </row>
    <row r="682959" spans="8:8">
      <c r="H682959" s="12"/>
    </row>
    <row r="682960" spans="8:8">
      <c r="H682960" s="12"/>
    </row>
    <row r="682961" spans="8:8">
      <c r="H682961" s="12"/>
    </row>
    <row r="682962" spans="8:8">
      <c r="H682962" s="12"/>
    </row>
    <row r="682963" spans="8:8">
      <c r="H682963" s="12"/>
    </row>
    <row r="682964" spans="8:8">
      <c r="H682964" s="12"/>
    </row>
    <row r="682965" spans="8:8">
      <c r="H682965" s="12"/>
    </row>
    <row r="682966" spans="8:8">
      <c r="H682966" s="12"/>
    </row>
    <row r="682967" spans="8:8">
      <c r="H682967" s="12"/>
    </row>
    <row r="682968" spans="8:8">
      <c r="H682968" s="12"/>
    </row>
    <row r="682969" spans="8:8">
      <c r="H682969" s="12"/>
    </row>
    <row r="682970" spans="8:8">
      <c r="H682970" s="12"/>
    </row>
    <row r="682971" spans="8:8">
      <c r="H682971" s="12"/>
    </row>
    <row r="682972" spans="8:8">
      <c r="H682972" s="12"/>
    </row>
    <row r="682973" spans="8:8">
      <c r="H682973" s="12"/>
    </row>
    <row r="682974" spans="8:8">
      <c r="H682974" s="12"/>
    </row>
    <row r="682975" spans="8:8">
      <c r="H682975" s="12"/>
    </row>
    <row r="682976" spans="8:8">
      <c r="H682976" s="12"/>
    </row>
    <row r="682977" spans="8:8">
      <c r="H682977" s="12"/>
    </row>
    <row r="682978" spans="8:8">
      <c r="H682978" s="12"/>
    </row>
    <row r="682979" spans="8:8">
      <c r="H682979" s="12"/>
    </row>
    <row r="682980" spans="8:8">
      <c r="H682980" s="12"/>
    </row>
    <row r="682981" spans="8:8">
      <c r="H682981" s="12"/>
    </row>
    <row r="682982" spans="8:8">
      <c r="H682982" s="12"/>
    </row>
    <row r="682983" spans="8:8">
      <c r="H682983" s="12"/>
    </row>
    <row r="682984" spans="8:8">
      <c r="H682984" s="12"/>
    </row>
    <row r="682985" spans="8:8">
      <c r="H682985" s="12"/>
    </row>
    <row r="682986" spans="8:8">
      <c r="H682986" s="12"/>
    </row>
    <row r="682987" spans="8:8">
      <c r="H682987" s="12"/>
    </row>
    <row r="682988" spans="8:8">
      <c r="H682988" s="12"/>
    </row>
    <row r="682989" spans="8:8">
      <c r="H682989" s="12"/>
    </row>
    <row r="682990" spans="8:8">
      <c r="H682990" s="12"/>
    </row>
    <row r="682991" spans="8:8">
      <c r="H682991" s="12"/>
    </row>
    <row r="682992" spans="8:8">
      <c r="H682992" s="12"/>
    </row>
    <row r="682993" spans="8:8">
      <c r="H682993" s="12"/>
    </row>
    <row r="682994" spans="8:8">
      <c r="H682994" s="12"/>
    </row>
    <row r="682995" spans="8:8">
      <c r="H682995" s="12"/>
    </row>
    <row r="682996" spans="8:8">
      <c r="H682996" s="12"/>
    </row>
    <row r="682997" spans="8:8">
      <c r="H682997" s="12"/>
    </row>
    <row r="682998" spans="8:8">
      <c r="H682998" s="12"/>
    </row>
    <row r="682999" spans="8:8">
      <c r="H682999" s="12"/>
    </row>
    <row r="683000" spans="8:8">
      <c r="H683000" s="12"/>
    </row>
    <row r="683001" spans="8:8">
      <c r="H683001" s="12"/>
    </row>
    <row r="683002" spans="8:8">
      <c r="H683002" s="12"/>
    </row>
    <row r="683003" spans="8:8">
      <c r="H683003" s="12"/>
    </row>
    <row r="683004" spans="8:8">
      <c r="H683004" s="12"/>
    </row>
    <row r="683005" spans="8:8">
      <c r="H683005" s="12"/>
    </row>
    <row r="683006" spans="8:8">
      <c r="H683006" s="12"/>
    </row>
    <row r="683007" spans="8:8">
      <c r="H683007" s="12"/>
    </row>
    <row r="683008" spans="8:8">
      <c r="H683008" s="12"/>
    </row>
    <row r="683009" spans="8:8">
      <c r="H683009" s="12"/>
    </row>
    <row r="683010" spans="8:8">
      <c r="H683010" s="12"/>
    </row>
    <row r="683011" spans="8:8">
      <c r="H683011" s="12"/>
    </row>
    <row r="683012" spans="8:8">
      <c r="H683012" s="12"/>
    </row>
    <row r="683013" spans="8:8">
      <c r="H683013" s="12"/>
    </row>
    <row r="683014" spans="8:8">
      <c r="H683014" s="12"/>
    </row>
    <row r="683015" spans="8:8">
      <c r="H683015" s="12"/>
    </row>
    <row r="683016" spans="8:8">
      <c r="H683016" s="12"/>
    </row>
    <row r="683017" spans="8:8">
      <c r="H683017" s="12"/>
    </row>
    <row r="683018" spans="8:8">
      <c r="H683018" s="12"/>
    </row>
    <row r="683019" spans="8:8">
      <c r="H683019" s="12"/>
    </row>
    <row r="683020" spans="8:8">
      <c r="H683020" s="12"/>
    </row>
    <row r="683021" spans="8:8">
      <c r="H683021" s="12"/>
    </row>
    <row r="683022" spans="8:8">
      <c r="H683022" s="12"/>
    </row>
    <row r="683023" spans="8:8">
      <c r="H683023" s="12"/>
    </row>
    <row r="683024" spans="8:8">
      <c r="H683024" s="12"/>
    </row>
    <row r="683025" spans="8:8">
      <c r="H683025" s="12"/>
    </row>
    <row r="683026" spans="8:8">
      <c r="H683026" s="12"/>
    </row>
    <row r="683027" spans="8:8">
      <c r="H683027" s="12"/>
    </row>
    <row r="683028" spans="8:8">
      <c r="H683028" s="12"/>
    </row>
    <row r="683029" spans="8:8">
      <c r="H683029" s="12"/>
    </row>
    <row r="683030" spans="8:8">
      <c r="H683030" s="12"/>
    </row>
    <row r="683031" spans="8:8">
      <c r="H683031" s="12"/>
    </row>
    <row r="683032" spans="8:8">
      <c r="H683032" s="12"/>
    </row>
    <row r="683033" spans="8:8">
      <c r="H683033" s="12"/>
    </row>
    <row r="683034" spans="8:8">
      <c r="H683034" s="12"/>
    </row>
    <row r="683035" spans="8:8">
      <c r="H683035" s="12"/>
    </row>
    <row r="683036" spans="8:8">
      <c r="H683036" s="12"/>
    </row>
    <row r="683037" spans="8:8">
      <c r="H683037" s="12"/>
    </row>
    <row r="683038" spans="8:8">
      <c r="H683038" s="12"/>
    </row>
    <row r="683039" spans="8:8">
      <c r="H683039" s="12"/>
    </row>
    <row r="683040" spans="8:8">
      <c r="H683040" s="12"/>
    </row>
    <row r="683041" spans="8:8">
      <c r="H683041" s="12"/>
    </row>
    <row r="683042" spans="8:8">
      <c r="H683042" s="12"/>
    </row>
    <row r="683043" spans="8:8">
      <c r="H683043" s="12"/>
    </row>
    <row r="683044" spans="8:8">
      <c r="H683044" s="12"/>
    </row>
    <row r="683045" spans="8:8">
      <c r="H683045" s="12"/>
    </row>
    <row r="683046" spans="8:8">
      <c r="H683046" s="12"/>
    </row>
    <row r="683047" spans="8:8">
      <c r="H683047" s="12"/>
    </row>
    <row r="683048" spans="8:8">
      <c r="H683048" s="12"/>
    </row>
    <row r="683049" spans="8:8">
      <c r="H683049" s="12"/>
    </row>
    <row r="683050" spans="8:8">
      <c r="H683050" s="12"/>
    </row>
    <row r="683051" spans="8:8">
      <c r="H683051" s="12"/>
    </row>
    <row r="683052" spans="8:8">
      <c r="H683052" s="12"/>
    </row>
    <row r="683053" spans="8:8">
      <c r="H683053" s="12"/>
    </row>
    <row r="683054" spans="8:8">
      <c r="H683054" s="12"/>
    </row>
    <row r="683055" spans="8:8">
      <c r="H683055" s="12"/>
    </row>
    <row r="683056" spans="8:8">
      <c r="H683056" s="12"/>
    </row>
    <row r="683057" spans="8:8">
      <c r="H683057" s="12"/>
    </row>
    <row r="683058" spans="8:8">
      <c r="H683058" s="12"/>
    </row>
    <row r="683059" spans="8:8">
      <c r="H683059" s="12"/>
    </row>
    <row r="683060" spans="8:8">
      <c r="H683060" s="12"/>
    </row>
    <row r="683061" spans="8:8">
      <c r="H683061" s="12"/>
    </row>
    <row r="683062" spans="8:8">
      <c r="H683062" s="12"/>
    </row>
    <row r="683063" spans="8:8">
      <c r="H683063" s="12"/>
    </row>
    <row r="683064" spans="8:8">
      <c r="H683064" s="12"/>
    </row>
    <row r="683065" spans="8:8">
      <c r="H683065" s="12"/>
    </row>
    <row r="683066" spans="8:8">
      <c r="H683066" s="12"/>
    </row>
    <row r="683067" spans="8:8">
      <c r="H683067" s="12"/>
    </row>
    <row r="683068" spans="8:8">
      <c r="H683068" s="12"/>
    </row>
    <row r="683069" spans="8:8">
      <c r="H683069" s="12"/>
    </row>
    <row r="683070" spans="8:8">
      <c r="H683070" s="12"/>
    </row>
    <row r="683071" spans="8:8">
      <c r="H683071" s="12"/>
    </row>
    <row r="683072" spans="8:8">
      <c r="H683072" s="12"/>
    </row>
    <row r="683073" spans="8:8">
      <c r="H683073" s="12"/>
    </row>
    <row r="683074" spans="8:8">
      <c r="H683074" s="12"/>
    </row>
    <row r="683075" spans="8:8">
      <c r="H683075" s="12"/>
    </row>
    <row r="683076" spans="8:8">
      <c r="H683076" s="12"/>
    </row>
    <row r="683077" spans="8:8">
      <c r="H683077" s="12"/>
    </row>
    <row r="683078" spans="8:8">
      <c r="H683078" s="12"/>
    </row>
    <row r="683079" spans="8:8">
      <c r="H683079" s="12"/>
    </row>
    <row r="683080" spans="8:8">
      <c r="H683080" s="12"/>
    </row>
    <row r="683081" spans="8:8">
      <c r="H683081" s="12"/>
    </row>
    <row r="683082" spans="8:8">
      <c r="H683082" s="12"/>
    </row>
    <row r="683083" spans="8:8">
      <c r="H683083" s="12"/>
    </row>
    <row r="683084" spans="8:8">
      <c r="H683084" s="12"/>
    </row>
    <row r="683085" spans="8:8">
      <c r="H683085" s="12"/>
    </row>
    <row r="683086" spans="8:8">
      <c r="H683086" s="12"/>
    </row>
    <row r="683087" spans="8:8">
      <c r="H683087" s="12"/>
    </row>
    <row r="683088" spans="8:8">
      <c r="H683088" s="12"/>
    </row>
    <row r="683089" spans="8:8">
      <c r="H683089" s="12"/>
    </row>
    <row r="683090" spans="8:8">
      <c r="H683090" s="12"/>
    </row>
    <row r="683091" spans="8:8">
      <c r="H683091" s="12"/>
    </row>
    <row r="683092" spans="8:8">
      <c r="H683092" s="12"/>
    </row>
    <row r="683093" spans="8:8">
      <c r="H683093" s="12"/>
    </row>
    <row r="683094" spans="8:8">
      <c r="H683094" s="12"/>
    </row>
    <row r="683095" spans="8:8">
      <c r="H683095" s="12"/>
    </row>
    <row r="683096" spans="8:8">
      <c r="H683096" s="12"/>
    </row>
    <row r="683097" spans="8:8">
      <c r="H683097" s="12"/>
    </row>
    <row r="683098" spans="8:8">
      <c r="H683098" s="12"/>
    </row>
    <row r="683099" spans="8:8">
      <c r="H683099" s="12"/>
    </row>
    <row r="683100" spans="8:8">
      <c r="H683100" s="12"/>
    </row>
    <row r="683101" spans="8:8">
      <c r="H683101" s="12"/>
    </row>
    <row r="683102" spans="8:8">
      <c r="H683102" s="12"/>
    </row>
    <row r="683103" spans="8:8">
      <c r="H683103" s="12"/>
    </row>
    <row r="683104" spans="8:8">
      <c r="H683104" s="12"/>
    </row>
    <row r="683105" spans="8:8">
      <c r="H683105" s="12"/>
    </row>
    <row r="683106" spans="8:8">
      <c r="H683106" s="12"/>
    </row>
    <row r="683107" spans="8:8">
      <c r="H683107" s="12"/>
    </row>
    <row r="683108" spans="8:8">
      <c r="H683108" s="12"/>
    </row>
    <row r="683109" spans="8:8">
      <c r="H683109" s="12"/>
    </row>
    <row r="683110" spans="8:8">
      <c r="H683110" s="12"/>
    </row>
    <row r="683111" spans="8:8">
      <c r="H683111" s="12"/>
    </row>
    <row r="683112" spans="8:8">
      <c r="H683112" s="12"/>
    </row>
    <row r="683113" spans="8:8">
      <c r="H683113" s="12"/>
    </row>
    <row r="683114" spans="8:8">
      <c r="H683114" s="12"/>
    </row>
    <row r="683115" spans="8:8">
      <c r="H683115" s="12"/>
    </row>
    <row r="683116" spans="8:8">
      <c r="H683116" s="12"/>
    </row>
    <row r="683117" spans="8:8">
      <c r="H683117" s="12"/>
    </row>
    <row r="683118" spans="8:8">
      <c r="H683118" s="12"/>
    </row>
    <row r="683119" spans="8:8">
      <c r="H683119" s="12"/>
    </row>
    <row r="683120" spans="8:8">
      <c r="H683120" s="12"/>
    </row>
    <row r="683121" spans="8:8">
      <c r="H683121" s="12"/>
    </row>
    <row r="683122" spans="8:8">
      <c r="H683122" s="12"/>
    </row>
    <row r="683123" spans="8:8">
      <c r="H683123" s="12"/>
    </row>
    <row r="683124" spans="8:8">
      <c r="H683124" s="12"/>
    </row>
    <row r="683125" spans="8:8">
      <c r="H683125" s="12"/>
    </row>
    <row r="683126" spans="8:8">
      <c r="H683126" s="12"/>
    </row>
    <row r="683127" spans="8:8">
      <c r="H683127" s="12"/>
    </row>
    <row r="683128" spans="8:8">
      <c r="H683128" s="12"/>
    </row>
    <row r="683129" spans="8:8">
      <c r="H683129" s="12"/>
    </row>
    <row r="683130" spans="8:8">
      <c r="H683130" s="12"/>
    </row>
    <row r="683131" spans="8:8">
      <c r="H683131" s="12"/>
    </row>
    <row r="683132" spans="8:8">
      <c r="H683132" s="12"/>
    </row>
    <row r="683133" spans="8:8">
      <c r="H683133" s="12"/>
    </row>
    <row r="683134" spans="8:8">
      <c r="H683134" s="12"/>
    </row>
    <row r="683135" spans="8:8">
      <c r="H683135" s="12"/>
    </row>
    <row r="683136" spans="8:8">
      <c r="H683136" s="12"/>
    </row>
    <row r="683137" spans="8:8">
      <c r="H683137" s="12"/>
    </row>
    <row r="683138" spans="8:8">
      <c r="H683138" s="12"/>
    </row>
    <row r="683139" spans="8:8">
      <c r="H683139" s="12"/>
    </row>
    <row r="683140" spans="8:8">
      <c r="H683140" s="12"/>
    </row>
    <row r="683141" spans="8:8">
      <c r="H683141" s="12"/>
    </row>
    <row r="683142" spans="8:8">
      <c r="H683142" s="12"/>
    </row>
    <row r="683143" spans="8:8">
      <c r="H683143" s="12"/>
    </row>
    <row r="683144" spans="8:8">
      <c r="H683144" s="12"/>
    </row>
    <row r="683145" spans="8:8">
      <c r="H683145" s="12"/>
    </row>
    <row r="683146" spans="8:8">
      <c r="H683146" s="12"/>
    </row>
    <row r="683147" spans="8:8">
      <c r="H683147" s="12"/>
    </row>
    <row r="683148" spans="8:8">
      <c r="H683148" s="12"/>
    </row>
    <row r="683149" spans="8:8">
      <c r="H683149" s="12"/>
    </row>
    <row r="683150" spans="8:8">
      <c r="H683150" s="12"/>
    </row>
    <row r="683151" spans="8:8">
      <c r="H683151" s="12"/>
    </row>
    <row r="683152" spans="8:8">
      <c r="H683152" s="12"/>
    </row>
    <row r="683153" spans="8:8">
      <c r="H683153" s="12"/>
    </row>
    <row r="683154" spans="8:8">
      <c r="H683154" s="12"/>
    </row>
    <row r="683155" spans="8:8">
      <c r="H683155" s="12"/>
    </row>
    <row r="683156" spans="8:8">
      <c r="H683156" s="12"/>
    </row>
    <row r="683157" spans="8:8">
      <c r="H683157" s="12"/>
    </row>
    <row r="683158" spans="8:8">
      <c r="H683158" s="12"/>
    </row>
    <row r="683159" spans="8:8">
      <c r="H683159" s="12"/>
    </row>
    <row r="683160" spans="8:8">
      <c r="H683160" s="12"/>
    </row>
    <row r="683161" spans="8:8">
      <c r="H683161" s="12"/>
    </row>
    <row r="683162" spans="8:8">
      <c r="H683162" s="12"/>
    </row>
    <row r="683163" spans="8:8">
      <c r="H683163" s="12"/>
    </row>
    <row r="683164" spans="8:8">
      <c r="H683164" s="12"/>
    </row>
    <row r="683165" spans="8:8">
      <c r="H683165" s="12"/>
    </row>
    <row r="683166" spans="8:8">
      <c r="H683166" s="12"/>
    </row>
    <row r="683167" spans="8:8">
      <c r="H683167" s="12"/>
    </row>
    <row r="683168" spans="8:8">
      <c r="H683168" s="12"/>
    </row>
    <row r="683169" spans="8:8">
      <c r="H683169" s="12"/>
    </row>
    <row r="683170" spans="8:8">
      <c r="H683170" s="12"/>
    </row>
    <row r="683171" spans="8:8">
      <c r="H683171" s="12"/>
    </row>
    <row r="683172" spans="8:8">
      <c r="H683172" s="12"/>
    </row>
    <row r="683173" spans="8:8">
      <c r="H683173" s="12"/>
    </row>
    <row r="683174" spans="8:8">
      <c r="H683174" s="12"/>
    </row>
    <row r="683175" spans="8:8">
      <c r="H683175" s="12"/>
    </row>
    <row r="683176" spans="8:8">
      <c r="H683176" s="12"/>
    </row>
    <row r="683177" spans="8:8">
      <c r="H683177" s="12"/>
    </row>
    <row r="683178" spans="8:8">
      <c r="H683178" s="12"/>
    </row>
    <row r="683179" spans="8:8">
      <c r="H683179" s="12"/>
    </row>
    <row r="683180" spans="8:8">
      <c r="H683180" s="12"/>
    </row>
    <row r="683181" spans="8:8">
      <c r="H683181" s="12"/>
    </row>
    <row r="683182" spans="8:8">
      <c r="H683182" s="12"/>
    </row>
    <row r="683183" spans="8:8">
      <c r="H683183" s="12"/>
    </row>
    <row r="683184" spans="8:8">
      <c r="H683184" s="12"/>
    </row>
    <row r="683185" spans="8:8">
      <c r="H683185" s="12"/>
    </row>
    <row r="683186" spans="8:8">
      <c r="H683186" s="12"/>
    </row>
    <row r="683187" spans="8:8">
      <c r="H683187" s="12"/>
    </row>
    <row r="683188" spans="8:8">
      <c r="H683188" s="12"/>
    </row>
    <row r="683189" spans="8:8">
      <c r="H683189" s="12"/>
    </row>
    <row r="683190" spans="8:8">
      <c r="H683190" s="12"/>
    </row>
    <row r="683191" spans="8:8">
      <c r="H683191" s="12"/>
    </row>
    <row r="683192" spans="8:8">
      <c r="H683192" s="12"/>
    </row>
    <row r="683193" spans="8:8">
      <c r="H683193" s="12"/>
    </row>
    <row r="683194" spans="8:8">
      <c r="H683194" s="12"/>
    </row>
    <row r="683195" spans="8:8">
      <c r="H683195" s="12"/>
    </row>
    <row r="683196" spans="8:8">
      <c r="H683196" s="12"/>
    </row>
    <row r="683197" spans="8:8">
      <c r="H683197" s="12"/>
    </row>
    <row r="683198" spans="8:8">
      <c r="H683198" s="12"/>
    </row>
    <row r="683199" spans="8:8">
      <c r="H683199" s="12"/>
    </row>
    <row r="683200" spans="8:8">
      <c r="H683200" s="12"/>
    </row>
    <row r="683201" spans="8:8">
      <c r="H683201" s="12"/>
    </row>
    <row r="683202" spans="8:8">
      <c r="H683202" s="12"/>
    </row>
    <row r="683203" spans="8:8">
      <c r="H683203" s="12"/>
    </row>
    <row r="683204" spans="8:8">
      <c r="H683204" s="12"/>
    </row>
    <row r="683205" spans="8:8">
      <c r="H683205" s="12"/>
    </row>
    <row r="683206" spans="8:8">
      <c r="H683206" s="12"/>
    </row>
    <row r="683207" spans="8:8">
      <c r="H683207" s="12"/>
    </row>
    <row r="683208" spans="8:8">
      <c r="H683208" s="12"/>
    </row>
    <row r="683209" spans="8:8">
      <c r="H683209" s="12"/>
    </row>
    <row r="683210" spans="8:8">
      <c r="H683210" s="12"/>
    </row>
    <row r="683211" spans="8:8">
      <c r="H683211" s="12"/>
    </row>
    <row r="683212" spans="8:8">
      <c r="H683212" s="12"/>
    </row>
    <row r="683213" spans="8:8">
      <c r="H683213" s="12"/>
    </row>
    <row r="683214" spans="8:8">
      <c r="H683214" s="12"/>
    </row>
    <row r="683215" spans="8:8">
      <c r="H683215" s="12"/>
    </row>
    <row r="683216" spans="8:8">
      <c r="H683216" s="12"/>
    </row>
    <row r="683217" spans="8:8">
      <c r="H683217" s="12"/>
    </row>
    <row r="683218" spans="8:8">
      <c r="H683218" s="12"/>
    </row>
    <row r="683219" spans="8:8">
      <c r="H683219" s="12"/>
    </row>
    <row r="683220" spans="8:8">
      <c r="H683220" s="12"/>
    </row>
    <row r="683221" spans="8:8">
      <c r="H683221" s="12"/>
    </row>
    <row r="683222" spans="8:8">
      <c r="H683222" s="12"/>
    </row>
    <row r="683223" spans="8:8">
      <c r="H683223" s="12"/>
    </row>
    <row r="683224" spans="8:8">
      <c r="H683224" s="12"/>
    </row>
    <row r="683225" spans="8:8">
      <c r="H683225" s="12"/>
    </row>
    <row r="683226" spans="8:8">
      <c r="H683226" s="12"/>
    </row>
    <row r="683227" spans="8:8">
      <c r="H683227" s="12"/>
    </row>
    <row r="683228" spans="8:8">
      <c r="H683228" s="12"/>
    </row>
    <row r="683229" spans="8:8">
      <c r="H683229" s="12"/>
    </row>
    <row r="683230" spans="8:8">
      <c r="H683230" s="12"/>
    </row>
    <row r="683231" spans="8:8">
      <c r="H683231" s="12"/>
    </row>
    <row r="683232" spans="8:8">
      <c r="H683232" s="12"/>
    </row>
    <row r="683233" spans="8:8">
      <c r="H683233" s="12"/>
    </row>
    <row r="683234" spans="8:8">
      <c r="H683234" s="12"/>
    </row>
    <row r="683235" spans="8:8">
      <c r="H683235" s="12"/>
    </row>
    <row r="683236" spans="8:8">
      <c r="H683236" s="12"/>
    </row>
    <row r="683237" spans="8:8">
      <c r="H683237" s="12"/>
    </row>
    <row r="683238" spans="8:8">
      <c r="H683238" s="12"/>
    </row>
    <row r="683239" spans="8:8">
      <c r="H683239" s="12"/>
    </row>
    <row r="683240" spans="8:8">
      <c r="H683240" s="12"/>
    </row>
    <row r="683241" spans="8:8">
      <c r="H683241" s="12"/>
    </row>
    <row r="683242" spans="8:8">
      <c r="H683242" s="12"/>
    </row>
    <row r="683243" spans="8:8">
      <c r="H683243" s="12"/>
    </row>
    <row r="683244" spans="8:8">
      <c r="H683244" s="12"/>
    </row>
    <row r="683245" spans="8:8">
      <c r="H683245" s="12"/>
    </row>
    <row r="683246" spans="8:8">
      <c r="H683246" s="12"/>
    </row>
    <row r="683247" spans="8:8">
      <c r="H683247" s="12"/>
    </row>
    <row r="683248" spans="8:8">
      <c r="H683248" s="12"/>
    </row>
    <row r="683249" spans="8:8">
      <c r="H683249" s="12"/>
    </row>
    <row r="683250" spans="8:8">
      <c r="H683250" s="12"/>
    </row>
    <row r="683251" spans="8:8">
      <c r="H683251" s="12"/>
    </row>
    <row r="683252" spans="8:8">
      <c r="H683252" s="12"/>
    </row>
    <row r="683253" spans="8:8">
      <c r="H683253" s="12"/>
    </row>
    <row r="683254" spans="8:8">
      <c r="H683254" s="12"/>
    </row>
    <row r="683255" spans="8:8">
      <c r="H683255" s="12"/>
    </row>
    <row r="683256" spans="8:8">
      <c r="H683256" s="12"/>
    </row>
    <row r="683257" spans="8:8">
      <c r="H683257" s="12"/>
    </row>
    <row r="683258" spans="8:8">
      <c r="H683258" s="12"/>
    </row>
    <row r="683259" spans="8:8">
      <c r="H683259" s="12"/>
    </row>
    <row r="683260" spans="8:8">
      <c r="H683260" s="12"/>
    </row>
    <row r="683261" spans="8:8">
      <c r="H683261" s="12"/>
    </row>
    <row r="683262" spans="8:8">
      <c r="H683262" s="12"/>
    </row>
    <row r="683263" spans="8:8">
      <c r="H683263" s="12"/>
    </row>
    <row r="683264" spans="8:8">
      <c r="H683264" s="12"/>
    </row>
    <row r="683265" spans="8:8">
      <c r="H683265" s="12"/>
    </row>
    <row r="683266" spans="8:8">
      <c r="H683266" s="12"/>
    </row>
    <row r="683267" spans="8:8">
      <c r="H683267" s="12"/>
    </row>
    <row r="683268" spans="8:8">
      <c r="H683268" s="12"/>
    </row>
    <row r="683269" spans="8:8">
      <c r="H683269" s="12"/>
    </row>
    <row r="683270" spans="8:8">
      <c r="H683270" s="12"/>
    </row>
    <row r="683271" spans="8:8">
      <c r="H683271" s="12"/>
    </row>
    <row r="683272" spans="8:8">
      <c r="H683272" s="12"/>
    </row>
    <row r="683273" spans="8:8">
      <c r="H683273" s="12"/>
    </row>
    <row r="683274" spans="8:8">
      <c r="H683274" s="12"/>
    </row>
    <row r="683275" spans="8:8">
      <c r="H683275" s="12"/>
    </row>
    <row r="683276" spans="8:8">
      <c r="H683276" s="12"/>
    </row>
    <row r="683277" spans="8:8">
      <c r="H683277" s="12"/>
    </row>
    <row r="683278" spans="8:8">
      <c r="H683278" s="12"/>
    </row>
    <row r="683279" spans="8:8">
      <c r="H683279" s="12"/>
    </row>
    <row r="683280" spans="8:8">
      <c r="H683280" s="12"/>
    </row>
    <row r="683281" spans="8:8">
      <c r="H683281" s="12"/>
    </row>
    <row r="683282" spans="8:8">
      <c r="H683282" s="12"/>
    </row>
    <row r="683283" spans="8:8">
      <c r="H683283" s="12"/>
    </row>
    <row r="683284" spans="8:8">
      <c r="H683284" s="12"/>
    </row>
    <row r="683285" spans="8:8">
      <c r="H683285" s="12"/>
    </row>
    <row r="683286" spans="8:8">
      <c r="H683286" s="12"/>
    </row>
    <row r="683287" spans="8:8">
      <c r="H683287" s="12"/>
    </row>
    <row r="683288" spans="8:8">
      <c r="H683288" s="12"/>
    </row>
    <row r="683289" spans="8:8">
      <c r="H683289" s="12"/>
    </row>
    <row r="683290" spans="8:8">
      <c r="H683290" s="12"/>
    </row>
    <row r="683291" spans="8:8">
      <c r="H683291" s="12"/>
    </row>
    <row r="683292" spans="8:8">
      <c r="H683292" s="12"/>
    </row>
    <row r="683293" spans="8:8">
      <c r="H683293" s="12"/>
    </row>
    <row r="683294" spans="8:8">
      <c r="H683294" s="12"/>
    </row>
    <row r="683295" spans="8:8">
      <c r="H683295" s="12"/>
    </row>
    <row r="683296" spans="8:8">
      <c r="H683296" s="12"/>
    </row>
    <row r="683297" spans="8:8">
      <c r="H683297" s="12"/>
    </row>
    <row r="683298" spans="8:8">
      <c r="H683298" s="12"/>
    </row>
    <row r="683299" spans="8:8">
      <c r="H683299" s="12"/>
    </row>
    <row r="683300" spans="8:8">
      <c r="H683300" s="12"/>
    </row>
    <row r="683301" spans="8:8">
      <c r="H683301" s="12"/>
    </row>
    <row r="683302" spans="8:8">
      <c r="H683302" s="12"/>
    </row>
    <row r="683303" spans="8:8">
      <c r="H683303" s="12"/>
    </row>
    <row r="683304" spans="8:8">
      <c r="H683304" s="12"/>
    </row>
    <row r="683305" spans="8:8">
      <c r="H683305" s="12"/>
    </row>
    <row r="683306" spans="8:8">
      <c r="H683306" s="12"/>
    </row>
    <row r="683307" spans="8:8">
      <c r="H683307" s="12"/>
    </row>
    <row r="683308" spans="8:8">
      <c r="H683308" s="12"/>
    </row>
    <row r="683309" spans="8:8">
      <c r="H683309" s="12"/>
    </row>
    <row r="683310" spans="8:8">
      <c r="H683310" s="12"/>
    </row>
    <row r="683311" spans="8:8">
      <c r="H683311" s="12"/>
    </row>
    <row r="683312" spans="8:8">
      <c r="H683312" s="12"/>
    </row>
    <row r="683313" spans="8:8">
      <c r="H683313" s="12"/>
    </row>
    <row r="683314" spans="8:8">
      <c r="H683314" s="12"/>
    </row>
    <row r="683315" spans="8:8">
      <c r="H683315" s="12"/>
    </row>
    <row r="683316" spans="8:8">
      <c r="H683316" s="12"/>
    </row>
    <row r="683317" spans="8:8">
      <c r="H683317" s="12"/>
    </row>
    <row r="683318" spans="8:8">
      <c r="H683318" s="12"/>
    </row>
    <row r="683319" spans="8:8">
      <c r="H683319" s="12"/>
    </row>
    <row r="683320" spans="8:8">
      <c r="H683320" s="12"/>
    </row>
    <row r="683321" spans="8:8">
      <c r="H683321" s="12"/>
    </row>
    <row r="683322" spans="8:8">
      <c r="H683322" s="12"/>
    </row>
    <row r="683323" spans="8:8">
      <c r="H683323" s="12"/>
    </row>
    <row r="683324" spans="8:8">
      <c r="H683324" s="12"/>
    </row>
    <row r="683325" spans="8:8">
      <c r="H683325" s="12"/>
    </row>
    <row r="683326" spans="8:8">
      <c r="H683326" s="12"/>
    </row>
    <row r="683327" spans="8:8">
      <c r="H683327" s="12"/>
    </row>
    <row r="683328" spans="8:8">
      <c r="H683328" s="12"/>
    </row>
    <row r="683329" spans="8:8">
      <c r="H683329" s="12"/>
    </row>
    <row r="683330" spans="8:8">
      <c r="H683330" s="12"/>
    </row>
    <row r="683331" spans="8:8">
      <c r="H683331" s="12"/>
    </row>
    <row r="683332" spans="8:8">
      <c r="H683332" s="12"/>
    </row>
    <row r="683333" spans="8:8">
      <c r="H683333" s="12"/>
    </row>
    <row r="683334" spans="8:8">
      <c r="H683334" s="12"/>
    </row>
    <row r="683335" spans="8:8">
      <c r="H683335" s="12"/>
    </row>
    <row r="683336" spans="8:8">
      <c r="H683336" s="12"/>
    </row>
    <row r="683337" spans="8:8">
      <c r="H683337" s="12"/>
    </row>
    <row r="683338" spans="8:8">
      <c r="H683338" s="12"/>
    </row>
    <row r="683339" spans="8:8">
      <c r="H683339" s="12"/>
    </row>
    <row r="683340" spans="8:8">
      <c r="H683340" s="12"/>
    </row>
    <row r="683341" spans="8:8">
      <c r="H683341" s="12"/>
    </row>
    <row r="683342" spans="8:8">
      <c r="H683342" s="12"/>
    </row>
    <row r="683343" spans="8:8">
      <c r="H683343" s="12"/>
    </row>
    <row r="683344" spans="8:8">
      <c r="H683344" s="12"/>
    </row>
    <row r="683345" spans="8:8">
      <c r="H683345" s="12"/>
    </row>
    <row r="683346" spans="8:8">
      <c r="H683346" s="12"/>
    </row>
    <row r="683347" spans="8:8">
      <c r="H683347" s="12"/>
    </row>
    <row r="683348" spans="8:8">
      <c r="H683348" s="12"/>
    </row>
    <row r="683349" spans="8:8">
      <c r="H683349" s="12"/>
    </row>
    <row r="683350" spans="8:8">
      <c r="H683350" s="12"/>
    </row>
    <row r="683351" spans="8:8">
      <c r="H683351" s="12"/>
    </row>
    <row r="683352" spans="8:8">
      <c r="H683352" s="12"/>
    </row>
    <row r="683353" spans="8:8">
      <c r="H683353" s="12"/>
    </row>
    <row r="683354" spans="8:8">
      <c r="H683354" s="12"/>
    </row>
    <row r="683355" spans="8:8">
      <c r="H683355" s="12"/>
    </row>
    <row r="683356" spans="8:8">
      <c r="H683356" s="12"/>
    </row>
    <row r="683357" spans="8:8">
      <c r="H683357" s="12"/>
    </row>
    <row r="683358" spans="8:8">
      <c r="H683358" s="12"/>
    </row>
    <row r="683359" spans="8:8">
      <c r="H683359" s="12"/>
    </row>
    <row r="683360" spans="8:8">
      <c r="H683360" s="12"/>
    </row>
    <row r="683361" spans="8:8">
      <c r="H683361" s="12"/>
    </row>
    <row r="683362" spans="8:8">
      <c r="H683362" s="12"/>
    </row>
    <row r="683363" spans="8:8">
      <c r="H683363" s="12"/>
    </row>
    <row r="683364" spans="8:8">
      <c r="H683364" s="12"/>
    </row>
    <row r="683365" spans="8:8">
      <c r="H683365" s="12"/>
    </row>
    <row r="683366" spans="8:8">
      <c r="H683366" s="12"/>
    </row>
    <row r="683367" spans="8:8">
      <c r="H683367" s="12"/>
    </row>
    <row r="683368" spans="8:8">
      <c r="H683368" s="12"/>
    </row>
    <row r="683369" spans="8:8">
      <c r="H683369" s="12"/>
    </row>
    <row r="683370" spans="8:8">
      <c r="H683370" s="12"/>
    </row>
    <row r="683371" spans="8:8">
      <c r="H683371" s="12"/>
    </row>
    <row r="683372" spans="8:8">
      <c r="H683372" s="12"/>
    </row>
    <row r="683373" spans="8:8">
      <c r="H683373" s="12"/>
    </row>
    <row r="683374" spans="8:8">
      <c r="H683374" s="12"/>
    </row>
    <row r="683375" spans="8:8">
      <c r="H683375" s="12"/>
    </row>
    <row r="683376" spans="8:8">
      <c r="H683376" s="12"/>
    </row>
    <row r="683377" spans="8:8">
      <c r="H683377" s="12"/>
    </row>
    <row r="683378" spans="8:8">
      <c r="H683378" s="12"/>
    </row>
    <row r="683379" spans="8:8">
      <c r="H683379" s="12"/>
    </row>
    <row r="683380" spans="8:8">
      <c r="H683380" s="12"/>
    </row>
    <row r="683381" spans="8:8">
      <c r="H683381" s="12"/>
    </row>
    <row r="683382" spans="8:8">
      <c r="H683382" s="12"/>
    </row>
    <row r="683383" spans="8:8">
      <c r="H683383" s="12"/>
    </row>
    <row r="683384" spans="8:8">
      <c r="H683384" s="12"/>
    </row>
    <row r="683385" spans="8:8">
      <c r="H683385" s="12"/>
    </row>
    <row r="683386" spans="8:8">
      <c r="H683386" s="12"/>
    </row>
    <row r="683387" spans="8:8">
      <c r="H683387" s="12"/>
    </row>
    <row r="683388" spans="8:8">
      <c r="H683388" s="12"/>
    </row>
    <row r="683389" spans="8:8">
      <c r="H683389" s="12"/>
    </row>
    <row r="683390" spans="8:8">
      <c r="H683390" s="12"/>
    </row>
    <row r="683391" spans="8:8">
      <c r="H683391" s="12"/>
    </row>
    <row r="683392" spans="8:8">
      <c r="H683392" s="12"/>
    </row>
    <row r="683393" spans="8:8">
      <c r="H683393" s="12"/>
    </row>
    <row r="683394" spans="8:8">
      <c r="H683394" s="12"/>
    </row>
    <row r="683395" spans="8:8">
      <c r="H683395" s="12"/>
    </row>
    <row r="683396" spans="8:8">
      <c r="H683396" s="12"/>
    </row>
    <row r="683397" spans="8:8">
      <c r="H683397" s="12"/>
    </row>
    <row r="683398" spans="8:8">
      <c r="H683398" s="12"/>
    </row>
    <row r="683399" spans="8:8">
      <c r="H683399" s="12"/>
    </row>
    <row r="683400" spans="8:8">
      <c r="H683400" s="12"/>
    </row>
    <row r="683401" spans="8:8">
      <c r="H683401" s="12"/>
    </row>
    <row r="683402" spans="8:8">
      <c r="H683402" s="12"/>
    </row>
    <row r="683403" spans="8:8">
      <c r="H683403" s="12"/>
    </row>
    <row r="683404" spans="8:8">
      <c r="H683404" s="12"/>
    </row>
    <row r="683405" spans="8:8">
      <c r="H683405" s="12"/>
    </row>
    <row r="683406" spans="8:8">
      <c r="H683406" s="12"/>
    </row>
    <row r="683407" spans="8:8">
      <c r="H683407" s="12"/>
    </row>
    <row r="683408" spans="8:8">
      <c r="H683408" s="12"/>
    </row>
    <row r="683409" spans="8:8">
      <c r="H683409" s="12"/>
    </row>
    <row r="683410" spans="8:8">
      <c r="H683410" s="12"/>
    </row>
    <row r="683411" spans="8:8">
      <c r="H683411" s="12"/>
    </row>
    <row r="683412" spans="8:8">
      <c r="H683412" s="12"/>
    </row>
    <row r="683413" spans="8:8">
      <c r="H683413" s="12"/>
    </row>
    <row r="683414" spans="8:8">
      <c r="H683414" s="12"/>
    </row>
    <row r="683415" spans="8:8">
      <c r="H683415" s="12"/>
    </row>
    <row r="683416" spans="8:8">
      <c r="H683416" s="12"/>
    </row>
    <row r="683417" spans="8:8">
      <c r="H683417" s="12"/>
    </row>
    <row r="683418" spans="8:8">
      <c r="H683418" s="12"/>
    </row>
    <row r="683419" spans="8:8">
      <c r="H683419" s="12"/>
    </row>
    <row r="683420" spans="8:8">
      <c r="H683420" s="12"/>
    </row>
    <row r="683421" spans="8:8">
      <c r="H683421" s="12"/>
    </row>
    <row r="683422" spans="8:8">
      <c r="H683422" s="12"/>
    </row>
    <row r="683423" spans="8:8">
      <c r="H683423" s="12"/>
    </row>
    <row r="683424" spans="8:8">
      <c r="H683424" s="12"/>
    </row>
    <row r="683425" spans="8:8">
      <c r="H683425" s="12"/>
    </row>
    <row r="683426" spans="8:8">
      <c r="H683426" s="12"/>
    </row>
    <row r="683427" spans="8:8">
      <c r="H683427" s="12"/>
    </row>
    <row r="683428" spans="8:8">
      <c r="H683428" s="12"/>
    </row>
    <row r="683429" spans="8:8">
      <c r="H683429" s="12"/>
    </row>
    <row r="683430" spans="8:8">
      <c r="H683430" s="12"/>
    </row>
    <row r="683431" spans="8:8">
      <c r="H683431" s="12"/>
    </row>
    <row r="683432" spans="8:8">
      <c r="H683432" s="12"/>
    </row>
    <row r="683433" spans="8:8">
      <c r="H683433" s="12"/>
    </row>
    <row r="683434" spans="8:8">
      <c r="H683434" s="12"/>
    </row>
    <row r="683435" spans="8:8">
      <c r="H683435" s="12"/>
    </row>
    <row r="683436" spans="8:8">
      <c r="H683436" s="12"/>
    </row>
    <row r="683437" spans="8:8">
      <c r="H683437" s="12"/>
    </row>
    <row r="683438" spans="8:8">
      <c r="H683438" s="12"/>
    </row>
    <row r="683439" spans="8:8">
      <c r="H683439" s="12"/>
    </row>
    <row r="683440" spans="8:8">
      <c r="H683440" s="12"/>
    </row>
    <row r="683441" spans="8:8">
      <c r="H683441" s="12"/>
    </row>
    <row r="683442" spans="8:8">
      <c r="H683442" s="12"/>
    </row>
    <row r="683443" spans="8:8">
      <c r="H683443" s="12"/>
    </row>
    <row r="683444" spans="8:8">
      <c r="H683444" s="12"/>
    </row>
    <row r="683445" spans="8:8">
      <c r="H683445" s="12"/>
    </row>
    <row r="683446" spans="8:8">
      <c r="H683446" s="12"/>
    </row>
    <row r="683447" spans="8:8">
      <c r="H683447" s="12"/>
    </row>
    <row r="683448" spans="8:8">
      <c r="H683448" s="12"/>
    </row>
    <row r="683449" spans="8:8">
      <c r="H683449" s="12"/>
    </row>
    <row r="683450" spans="8:8">
      <c r="H683450" s="12"/>
    </row>
    <row r="683451" spans="8:8">
      <c r="H683451" s="12"/>
    </row>
    <row r="683452" spans="8:8">
      <c r="H683452" s="12"/>
    </row>
    <row r="683453" spans="8:8">
      <c r="H683453" s="12"/>
    </row>
    <row r="683454" spans="8:8">
      <c r="H683454" s="12"/>
    </row>
    <row r="683455" spans="8:8">
      <c r="H683455" s="12"/>
    </row>
    <row r="683456" spans="8:8">
      <c r="H683456" s="12"/>
    </row>
    <row r="683457" spans="8:8">
      <c r="H683457" s="12"/>
    </row>
    <row r="683458" spans="8:8">
      <c r="H683458" s="12"/>
    </row>
    <row r="683459" spans="8:8">
      <c r="H683459" s="12"/>
    </row>
    <row r="683460" spans="8:8">
      <c r="H683460" s="12"/>
    </row>
    <row r="683461" spans="8:8">
      <c r="H683461" s="12"/>
    </row>
    <row r="683462" spans="8:8">
      <c r="H683462" s="12"/>
    </row>
    <row r="683463" spans="8:8">
      <c r="H683463" s="12"/>
    </row>
    <row r="683464" spans="8:8">
      <c r="H683464" s="12"/>
    </row>
    <row r="683465" spans="8:8">
      <c r="H683465" s="12"/>
    </row>
    <row r="683466" spans="8:8">
      <c r="H683466" s="12"/>
    </row>
    <row r="683467" spans="8:8">
      <c r="H683467" s="12"/>
    </row>
    <row r="683468" spans="8:8">
      <c r="H683468" s="12"/>
    </row>
    <row r="683469" spans="8:8">
      <c r="H683469" s="12"/>
    </row>
    <row r="683470" spans="8:8">
      <c r="H683470" s="12"/>
    </row>
    <row r="683471" spans="8:8">
      <c r="H683471" s="12"/>
    </row>
    <row r="683472" spans="8:8">
      <c r="H683472" s="12"/>
    </row>
    <row r="683473" spans="8:8">
      <c r="H683473" s="12"/>
    </row>
    <row r="683474" spans="8:8">
      <c r="H683474" s="12"/>
    </row>
    <row r="683475" spans="8:8">
      <c r="H683475" s="12"/>
    </row>
    <row r="683476" spans="8:8">
      <c r="H683476" s="12"/>
    </row>
    <row r="683477" spans="8:8">
      <c r="H683477" s="12"/>
    </row>
    <row r="683478" spans="8:8">
      <c r="H683478" s="12"/>
    </row>
    <row r="683479" spans="8:8">
      <c r="H683479" s="12"/>
    </row>
    <row r="683480" spans="8:8">
      <c r="H683480" s="12"/>
    </row>
    <row r="683481" spans="8:8">
      <c r="H683481" s="12"/>
    </row>
    <row r="683482" spans="8:8">
      <c r="H683482" s="12"/>
    </row>
    <row r="683483" spans="8:8">
      <c r="H683483" s="12"/>
    </row>
    <row r="683484" spans="8:8">
      <c r="H683484" s="12"/>
    </row>
    <row r="683485" spans="8:8">
      <c r="H683485" s="12"/>
    </row>
    <row r="683486" spans="8:8">
      <c r="H683486" s="12"/>
    </row>
    <row r="683487" spans="8:8">
      <c r="H683487" s="12"/>
    </row>
    <row r="683488" spans="8:8">
      <c r="H683488" s="12"/>
    </row>
    <row r="683489" spans="8:8">
      <c r="H683489" s="12"/>
    </row>
    <row r="683490" spans="8:8">
      <c r="H683490" s="12"/>
    </row>
    <row r="683491" spans="8:8">
      <c r="H683491" s="12"/>
    </row>
    <row r="683492" spans="8:8">
      <c r="H683492" s="12"/>
    </row>
    <row r="683493" spans="8:8">
      <c r="H683493" s="12"/>
    </row>
    <row r="683494" spans="8:8">
      <c r="H683494" s="12"/>
    </row>
    <row r="683495" spans="8:8">
      <c r="H683495" s="12"/>
    </row>
    <row r="683496" spans="8:8">
      <c r="H683496" s="12"/>
    </row>
    <row r="683497" spans="8:8">
      <c r="H683497" s="12"/>
    </row>
    <row r="683498" spans="8:8">
      <c r="H683498" s="12"/>
    </row>
    <row r="683499" spans="8:8">
      <c r="H683499" s="12"/>
    </row>
    <row r="683500" spans="8:8">
      <c r="H683500" s="12"/>
    </row>
    <row r="683501" spans="8:8">
      <c r="H683501" s="12"/>
    </row>
    <row r="683502" spans="8:8">
      <c r="H683502" s="12"/>
    </row>
    <row r="683503" spans="8:8">
      <c r="H683503" s="12"/>
    </row>
    <row r="683504" spans="8:8">
      <c r="H683504" s="12"/>
    </row>
    <row r="683505" spans="8:8">
      <c r="H683505" s="12"/>
    </row>
    <row r="683506" spans="8:8">
      <c r="H683506" s="12"/>
    </row>
    <row r="683507" spans="8:8">
      <c r="H683507" s="12"/>
    </row>
    <row r="683508" spans="8:8">
      <c r="H683508" s="12"/>
    </row>
    <row r="683509" spans="8:8">
      <c r="H683509" s="12"/>
    </row>
    <row r="683510" spans="8:8">
      <c r="H683510" s="12"/>
    </row>
    <row r="683511" spans="8:8">
      <c r="H683511" s="12"/>
    </row>
    <row r="683512" spans="8:8">
      <c r="H683512" s="12"/>
    </row>
    <row r="683513" spans="8:8">
      <c r="H683513" s="12"/>
    </row>
    <row r="683514" spans="8:8">
      <c r="H683514" s="12"/>
    </row>
    <row r="683515" spans="8:8">
      <c r="H683515" s="12"/>
    </row>
    <row r="683516" spans="8:8">
      <c r="H683516" s="12"/>
    </row>
    <row r="683517" spans="8:8">
      <c r="H683517" s="12"/>
    </row>
    <row r="683518" spans="8:8">
      <c r="H683518" s="12"/>
    </row>
    <row r="683519" spans="8:8">
      <c r="H683519" s="12"/>
    </row>
    <row r="683520" spans="8:8">
      <c r="H683520" s="12"/>
    </row>
    <row r="683521" spans="8:8">
      <c r="H683521" s="12"/>
    </row>
    <row r="683522" spans="8:8">
      <c r="H683522" s="12"/>
    </row>
    <row r="683523" spans="8:8">
      <c r="H683523" s="12"/>
    </row>
    <row r="683524" spans="8:8">
      <c r="H683524" s="12"/>
    </row>
    <row r="683525" spans="8:8">
      <c r="H683525" s="12"/>
    </row>
    <row r="683526" spans="8:8">
      <c r="H683526" s="12"/>
    </row>
    <row r="683527" spans="8:8">
      <c r="H683527" s="12"/>
    </row>
    <row r="683528" spans="8:8">
      <c r="H683528" s="12"/>
    </row>
    <row r="683529" spans="8:8">
      <c r="H683529" s="12"/>
    </row>
    <row r="683530" spans="8:8">
      <c r="H683530" s="12"/>
    </row>
    <row r="683531" spans="8:8">
      <c r="H683531" s="12"/>
    </row>
    <row r="683532" spans="8:8">
      <c r="H683532" s="12"/>
    </row>
    <row r="683533" spans="8:8">
      <c r="H683533" s="12"/>
    </row>
    <row r="683534" spans="8:8">
      <c r="H683534" s="12"/>
    </row>
    <row r="683535" spans="8:8">
      <c r="H683535" s="12"/>
    </row>
    <row r="683536" spans="8:8">
      <c r="H683536" s="12"/>
    </row>
    <row r="683537" spans="8:8">
      <c r="H683537" s="12"/>
    </row>
    <row r="683538" spans="8:8">
      <c r="H683538" s="12"/>
    </row>
    <row r="683539" spans="8:8">
      <c r="H683539" s="12"/>
    </row>
    <row r="683540" spans="8:8">
      <c r="H683540" s="12"/>
    </row>
    <row r="683541" spans="8:8">
      <c r="H683541" s="12"/>
    </row>
    <row r="683542" spans="8:8">
      <c r="H683542" s="12"/>
    </row>
    <row r="683543" spans="8:8">
      <c r="H683543" s="12"/>
    </row>
    <row r="683544" spans="8:8">
      <c r="H683544" s="12"/>
    </row>
    <row r="683545" spans="8:8">
      <c r="H683545" s="12"/>
    </row>
    <row r="683546" spans="8:8">
      <c r="H683546" s="12"/>
    </row>
    <row r="683547" spans="8:8">
      <c r="H683547" s="12"/>
    </row>
    <row r="683548" spans="8:8">
      <c r="H683548" s="12"/>
    </row>
    <row r="683549" spans="8:8">
      <c r="H683549" s="12"/>
    </row>
    <row r="683550" spans="8:8">
      <c r="H683550" s="12"/>
    </row>
    <row r="683551" spans="8:8">
      <c r="H683551" s="12"/>
    </row>
    <row r="683552" spans="8:8">
      <c r="H683552" s="12"/>
    </row>
    <row r="683553" spans="8:8">
      <c r="H683553" s="12"/>
    </row>
    <row r="683554" spans="8:8">
      <c r="H683554" s="12"/>
    </row>
    <row r="683555" spans="8:8">
      <c r="H683555" s="12"/>
    </row>
    <row r="683556" spans="8:8">
      <c r="H683556" s="12"/>
    </row>
    <row r="683557" spans="8:8">
      <c r="H683557" s="12"/>
    </row>
    <row r="683558" spans="8:8">
      <c r="H683558" s="12"/>
    </row>
    <row r="683559" spans="8:8">
      <c r="H683559" s="12"/>
    </row>
    <row r="683560" spans="8:8">
      <c r="H683560" s="12"/>
    </row>
    <row r="683561" spans="8:8">
      <c r="H683561" s="12"/>
    </row>
    <row r="683562" spans="8:8">
      <c r="H683562" s="12"/>
    </row>
    <row r="683563" spans="8:8">
      <c r="H683563" s="12"/>
    </row>
    <row r="683564" spans="8:8">
      <c r="H683564" s="12"/>
    </row>
    <row r="683565" spans="8:8">
      <c r="H683565" s="12"/>
    </row>
    <row r="683566" spans="8:8">
      <c r="H683566" s="12"/>
    </row>
    <row r="683567" spans="8:8">
      <c r="H683567" s="12"/>
    </row>
    <row r="683568" spans="8:8">
      <c r="H683568" s="12"/>
    </row>
    <row r="683569" spans="8:8">
      <c r="H683569" s="12"/>
    </row>
    <row r="683570" spans="8:8">
      <c r="H683570" s="12"/>
    </row>
    <row r="683571" spans="8:8">
      <c r="H683571" s="12"/>
    </row>
    <row r="683572" spans="8:8">
      <c r="H683572" s="12"/>
    </row>
    <row r="683573" spans="8:8">
      <c r="H683573" s="12"/>
    </row>
    <row r="683574" spans="8:8">
      <c r="H683574" s="12"/>
    </row>
    <row r="683575" spans="8:8">
      <c r="H683575" s="12"/>
    </row>
    <row r="683576" spans="8:8">
      <c r="H683576" s="12"/>
    </row>
    <row r="683577" spans="8:8">
      <c r="H683577" s="12"/>
    </row>
    <row r="683578" spans="8:8">
      <c r="H683578" s="12"/>
    </row>
    <row r="683579" spans="8:8">
      <c r="H683579" s="12"/>
    </row>
    <row r="683580" spans="8:8">
      <c r="H683580" s="12"/>
    </row>
    <row r="683581" spans="8:8">
      <c r="H683581" s="12"/>
    </row>
    <row r="683582" spans="8:8">
      <c r="H683582" s="12"/>
    </row>
    <row r="683583" spans="8:8">
      <c r="H683583" s="12"/>
    </row>
    <row r="683584" spans="8:8">
      <c r="H683584" s="12"/>
    </row>
    <row r="683585" spans="8:8">
      <c r="H683585" s="12"/>
    </row>
    <row r="683586" spans="8:8">
      <c r="H683586" s="12"/>
    </row>
    <row r="683587" spans="8:8">
      <c r="H683587" s="12"/>
    </row>
    <row r="683588" spans="8:8">
      <c r="H683588" s="12"/>
    </row>
    <row r="683589" spans="8:8">
      <c r="H683589" s="12"/>
    </row>
    <row r="683590" spans="8:8">
      <c r="H683590" s="12"/>
    </row>
    <row r="683591" spans="8:8">
      <c r="H683591" s="12"/>
    </row>
    <row r="683592" spans="8:8">
      <c r="H683592" s="12"/>
    </row>
    <row r="683593" spans="8:8">
      <c r="H683593" s="12"/>
    </row>
    <row r="683594" spans="8:8">
      <c r="H683594" s="12"/>
    </row>
    <row r="683595" spans="8:8">
      <c r="H683595" s="12"/>
    </row>
    <row r="683596" spans="8:8">
      <c r="H683596" s="12"/>
    </row>
    <row r="683597" spans="8:8">
      <c r="H683597" s="12"/>
    </row>
    <row r="683598" spans="8:8">
      <c r="H683598" s="12"/>
    </row>
    <row r="683599" spans="8:8">
      <c r="H683599" s="12"/>
    </row>
    <row r="683600" spans="8:8">
      <c r="H683600" s="12"/>
    </row>
    <row r="683601" spans="8:8">
      <c r="H683601" s="12"/>
    </row>
    <row r="683602" spans="8:8">
      <c r="H683602" s="12"/>
    </row>
    <row r="683603" spans="8:8">
      <c r="H683603" s="12"/>
    </row>
    <row r="683604" spans="8:8">
      <c r="H683604" s="12"/>
    </row>
    <row r="683605" spans="8:8">
      <c r="H683605" s="12"/>
    </row>
    <row r="683606" spans="8:8">
      <c r="H683606" s="12"/>
    </row>
    <row r="683607" spans="8:8">
      <c r="H683607" s="12"/>
    </row>
    <row r="683608" spans="8:8">
      <c r="H683608" s="12"/>
    </row>
    <row r="683609" spans="8:8">
      <c r="H683609" s="12"/>
    </row>
    <row r="683610" spans="8:8">
      <c r="H683610" s="12"/>
    </row>
    <row r="683611" spans="8:8">
      <c r="H683611" s="12"/>
    </row>
    <row r="683612" spans="8:8">
      <c r="H683612" s="12"/>
    </row>
    <row r="683613" spans="8:8">
      <c r="H683613" s="12"/>
    </row>
    <row r="683614" spans="8:8">
      <c r="H683614" s="12"/>
    </row>
    <row r="683615" spans="8:8">
      <c r="H683615" s="12"/>
    </row>
    <row r="683616" spans="8:8">
      <c r="H683616" s="12"/>
    </row>
    <row r="683617" spans="8:8">
      <c r="H683617" s="12"/>
    </row>
    <row r="683618" spans="8:8">
      <c r="H683618" s="12"/>
    </row>
    <row r="683619" spans="8:8">
      <c r="H683619" s="12"/>
    </row>
    <row r="683620" spans="8:8">
      <c r="H683620" s="12"/>
    </row>
    <row r="683621" spans="8:8">
      <c r="H683621" s="12"/>
    </row>
    <row r="683622" spans="8:8">
      <c r="H683622" s="12"/>
    </row>
    <row r="683623" spans="8:8">
      <c r="H683623" s="12"/>
    </row>
    <row r="683624" spans="8:8">
      <c r="H683624" s="12"/>
    </row>
    <row r="683625" spans="8:8">
      <c r="H683625" s="12"/>
    </row>
    <row r="683626" spans="8:8">
      <c r="H683626" s="12"/>
    </row>
    <row r="683627" spans="8:8">
      <c r="H683627" s="12"/>
    </row>
    <row r="683628" spans="8:8">
      <c r="H683628" s="12"/>
    </row>
    <row r="683629" spans="8:8">
      <c r="H683629" s="12"/>
    </row>
    <row r="683630" spans="8:8">
      <c r="H683630" s="12"/>
    </row>
    <row r="683631" spans="8:8">
      <c r="H683631" s="12"/>
    </row>
    <row r="683632" spans="8:8">
      <c r="H683632" s="12"/>
    </row>
    <row r="683633" spans="8:8">
      <c r="H683633" s="12"/>
    </row>
    <row r="683634" spans="8:8">
      <c r="H683634" s="12"/>
    </row>
    <row r="683635" spans="8:8">
      <c r="H683635" s="12"/>
    </row>
    <row r="683636" spans="8:8">
      <c r="H683636" s="12"/>
    </row>
    <row r="683637" spans="8:8">
      <c r="H683637" s="12"/>
    </row>
    <row r="683638" spans="8:8">
      <c r="H683638" s="12"/>
    </row>
    <row r="683639" spans="8:8">
      <c r="H683639" s="12"/>
    </row>
    <row r="683640" spans="8:8">
      <c r="H683640" s="12"/>
    </row>
    <row r="683641" spans="8:8">
      <c r="H683641" s="12"/>
    </row>
    <row r="683642" spans="8:8">
      <c r="H683642" s="12"/>
    </row>
    <row r="683643" spans="8:8">
      <c r="H683643" s="12"/>
    </row>
    <row r="683644" spans="8:8">
      <c r="H683644" s="12"/>
    </row>
    <row r="683645" spans="8:8">
      <c r="H683645" s="12"/>
    </row>
    <row r="683646" spans="8:8">
      <c r="H683646" s="12"/>
    </row>
    <row r="683647" spans="8:8">
      <c r="H683647" s="12"/>
    </row>
    <row r="683648" spans="8:8">
      <c r="H683648" s="12"/>
    </row>
    <row r="683649" spans="8:8">
      <c r="H683649" s="12"/>
    </row>
    <row r="683650" spans="8:8">
      <c r="H683650" s="12"/>
    </row>
    <row r="683651" spans="8:8">
      <c r="H683651" s="12"/>
    </row>
    <row r="683652" spans="8:8">
      <c r="H683652" s="12"/>
    </row>
    <row r="683653" spans="8:8">
      <c r="H683653" s="12"/>
    </row>
    <row r="683654" spans="8:8">
      <c r="H683654" s="12"/>
    </row>
    <row r="683655" spans="8:8">
      <c r="H683655" s="12"/>
    </row>
    <row r="683656" spans="8:8">
      <c r="H683656" s="12"/>
    </row>
    <row r="683657" spans="8:8">
      <c r="H683657" s="12"/>
    </row>
    <row r="683658" spans="8:8">
      <c r="H683658" s="12"/>
    </row>
    <row r="683659" spans="8:8">
      <c r="H683659" s="12"/>
    </row>
    <row r="683660" spans="8:8">
      <c r="H683660" s="12"/>
    </row>
    <row r="683661" spans="8:8">
      <c r="H683661" s="12"/>
    </row>
    <row r="683662" spans="8:8">
      <c r="H683662" s="12"/>
    </row>
    <row r="683663" spans="8:8">
      <c r="H683663" s="12"/>
    </row>
    <row r="683664" spans="8:8">
      <c r="H683664" s="12"/>
    </row>
    <row r="683665" spans="8:8">
      <c r="H683665" s="12"/>
    </row>
    <row r="683666" spans="8:8">
      <c r="H683666" s="12"/>
    </row>
    <row r="683667" spans="8:8">
      <c r="H683667" s="12"/>
    </row>
    <row r="683668" spans="8:8">
      <c r="H683668" s="12"/>
    </row>
    <row r="683669" spans="8:8">
      <c r="H683669" s="12"/>
    </row>
    <row r="683670" spans="8:8">
      <c r="H683670" s="12"/>
    </row>
    <row r="683671" spans="8:8">
      <c r="H683671" s="12"/>
    </row>
    <row r="683672" spans="8:8">
      <c r="H683672" s="12"/>
    </row>
    <row r="683673" spans="8:8">
      <c r="H683673" s="12"/>
    </row>
    <row r="683674" spans="8:8">
      <c r="H683674" s="12"/>
    </row>
    <row r="683675" spans="8:8">
      <c r="H683675" s="12"/>
    </row>
    <row r="683676" spans="8:8">
      <c r="H683676" s="12"/>
    </row>
    <row r="683677" spans="8:8">
      <c r="H683677" s="12"/>
    </row>
    <row r="683678" spans="8:8">
      <c r="H683678" s="12"/>
    </row>
    <row r="683679" spans="8:8">
      <c r="H683679" s="12"/>
    </row>
    <row r="683680" spans="8:8">
      <c r="H683680" s="12"/>
    </row>
    <row r="683681" spans="8:8">
      <c r="H683681" s="12"/>
    </row>
    <row r="683682" spans="8:8">
      <c r="H683682" s="12"/>
    </row>
    <row r="683683" spans="8:8">
      <c r="H683683" s="12"/>
    </row>
    <row r="683684" spans="8:8">
      <c r="H683684" s="12"/>
    </row>
    <row r="683685" spans="8:8">
      <c r="H683685" s="12"/>
    </row>
    <row r="683686" spans="8:8">
      <c r="H683686" s="12"/>
    </row>
    <row r="683687" spans="8:8">
      <c r="H683687" s="12"/>
    </row>
    <row r="683688" spans="8:8">
      <c r="H683688" s="12"/>
    </row>
    <row r="683689" spans="8:8">
      <c r="H683689" s="12"/>
    </row>
    <row r="683690" spans="8:8">
      <c r="H683690" s="12"/>
    </row>
    <row r="683691" spans="8:8">
      <c r="H683691" s="12"/>
    </row>
    <row r="683692" spans="8:8">
      <c r="H683692" s="12"/>
    </row>
    <row r="683693" spans="8:8">
      <c r="H683693" s="12"/>
    </row>
    <row r="683694" spans="8:8">
      <c r="H683694" s="12"/>
    </row>
    <row r="683695" spans="8:8">
      <c r="H683695" s="12"/>
    </row>
    <row r="683696" spans="8:8">
      <c r="H683696" s="12"/>
    </row>
    <row r="683697" spans="8:8">
      <c r="H683697" s="12"/>
    </row>
    <row r="683698" spans="8:8">
      <c r="H683698" s="12"/>
    </row>
    <row r="683699" spans="8:8">
      <c r="H683699" s="12"/>
    </row>
    <row r="683700" spans="8:8">
      <c r="H683700" s="12"/>
    </row>
    <row r="683701" spans="8:8">
      <c r="H683701" s="12"/>
    </row>
    <row r="683702" spans="8:8">
      <c r="H683702" s="12"/>
    </row>
    <row r="683703" spans="8:8">
      <c r="H683703" s="12"/>
    </row>
    <row r="683704" spans="8:8">
      <c r="H683704" s="12"/>
    </row>
    <row r="683705" spans="8:8">
      <c r="H683705" s="12"/>
    </row>
    <row r="683706" spans="8:8">
      <c r="H683706" s="12"/>
    </row>
    <row r="683707" spans="8:8">
      <c r="H683707" s="12"/>
    </row>
    <row r="683708" spans="8:8">
      <c r="H683708" s="12"/>
    </row>
    <row r="683709" spans="8:8">
      <c r="H683709" s="12"/>
    </row>
    <row r="683710" spans="8:8">
      <c r="H683710" s="12"/>
    </row>
    <row r="683711" spans="8:8">
      <c r="H683711" s="12"/>
    </row>
    <row r="683712" spans="8:8">
      <c r="H683712" s="12"/>
    </row>
    <row r="683713" spans="8:8">
      <c r="H683713" s="12"/>
    </row>
    <row r="683714" spans="8:8">
      <c r="H683714" s="12"/>
    </row>
    <row r="683715" spans="8:8">
      <c r="H683715" s="12"/>
    </row>
    <row r="683716" spans="8:8">
      <c r="H683716" s="12"/>
    </row>
    <row r="683717" spans="8:8">
      <c r="H683717" s="12"/>
    </row>
    <row r="683718" spans="8:8">
      <c r="H683718" s="12"/>
    </row>
    <row r="683719" spans="8:8">
      <c r="H683719" s="12"/>
    </row>
    <row r="683720" spans="8:8">
      <c r="H683720" s="12"/>
    </row>
    <row r="683721" spans="8:8">
      <c r="H683721" s="12"/>
    </row>
    <row r="683722" spans="8:8">
      <c r="H683722" s="12"/>
    </row>
    <row r="683723" spans="8:8">
      <c r="H683723" s="12"/>
    </row>
    <row r="683724" spans="8:8">
      <c r="H683724" s="12"/>
    </row>
    <row r="683725" spans="8:8">
      <c r="H683725" s="12"/>
    </row>
    <row r="683726" spans="8:8">
      <c r="H683726" s="12"/>
    </row>
    <row r="683727" spans="8:8">
      <c r="H683727" s="12"/>
    </row>
    <row r="683728" spans="8:8">
      <c r="H683728" s="12"/>
    </row>
    <row r="683729" spans="8:8">
      <c r="H683729" s="12"/>
    </row>
    <row r="683730" spans="8:8">
      <c r="H683730" s="12"/>
    </row>
    <row r="683731" spans="8:8">
      <c r="H683731" s="12"/>
    </row>
    <row r="683732" spans="8:8">
      <c r="H683732" s="12"/>
    </row>
    <row r="683733" spans="8:8">
      <c r="H683733" s="12"/>
    </row>
    <row r="683734" spans="8:8">
      <c r="H683734" s="12"/>
    </row>
    <row r="683735" spans="8:8">
      <c r="H683735" s="12"/>
    </row>
    <row r="683736" spans="8:8">
      <c r="H683736" s="12"/>
    </row>
    <row r="683737" spans="8:8">
      <c r="H683737" s="12"/>
    </row>
    <row r="683738" spans="8:8">
      <c r="H683738" s="12"/>
    </row>
    <row r="683739" spans="8:8">
      <c r="H683739" s="12"/>
    </row>
    <row r="683740" spans="8:8">
      <c r="H683740" s="12"/>
    </row>
    <row r="683741" spans="8:8">
      <c r="H683741" s="12"/>
    </row>
    <row r="683742" spans="8:8">
      <c r="H683742" s="12"/>
    </row>
    <row r="683743" spans="8:8">
      <c r="H683743" s="12"/>
    </row>
    <row r="683744" spans="8:8">
      <c r="H683744" s="12"/>
    </row>
    <row r="683745" spans="8:8">
      <c r="H683745" s="12"/>
    </row>
    <row r="683746" spans="8:8">
      <c r="H683746" s="12"/>
    </row>
    <row r="683747" spans="8:8">
      <c r="H683747" s="12"/>
    </row>
    <row r="683748" spans="8:8">
      <c r="H683748" s="12"/>
    </row>
    <row r="683749" spans="8:8">
      <c r="H683749" s="12"/>
    </row>
    <row r="683750" spans="8:8">
      <c r="H683750" s="12"/>
    </row>
    <row r="683751" spans="8:8">
      <c r="H683751" s="12"/>
    </row>
    <row r="683752" spans="8:8">
      <c r="H683752" s="12"/>
    </row>
    <row r="683753" spans="8:8">
      <c r="H683753" s="12"/>
    </row>
    <row r="683754" spans="8:8">
      <c r="H683754" s="12"/>
    </row>
    <row r="683755" spans="8:8">
      <c r="H683755" s="12"/>
    </row>
    <row r="683756" spans="8:8">
      <c r="H683756" s="12"/>
    </row>
    <row r="683757" spans="8:8">
      <c r="H683757" s="12"/>
    </row>
    <row r="683758" spans="8:8">
      <c r="H683758" s="12"/>
    </row>
    <row r="683759" spans="8:8">
      <c r="H683759" s="12"/>
    </row>
    <row r="683760" spans="8:8">
      <c r="H683760" s="12"/>
    </row>
    <row r="683761" spans="8:8">
      <c r="H683761" s="12"/>
    </row>
    <row r="683762" spans="8:8">
      <c r="H683762" s="12"/>
    </row>
    <row r="683763" spans="8:8">
      <c r="H683763" s="12"/>
    </row>
    <row r="683764" spans="8:8">
      <c r="H683764" s="12"/>
    </row>
    <row r="683765" spans="8:8">
      <c r="H683765" s="12"/>
    </row>
    <row r="683766" spans="8:8">
      <c r="H683766" s="12"/>
    </row>
    <row r="683767" spans="8:8">
      <c r="H683767" s="12"/>
    </row>
    <row r="683768" spans="8:8">
      <c r="H683768" s="12"/>
    </row>
    <row r="683769" spans="8:8">
      <c r="H683769" s="12"/>
    </row>
    <row r="683770" spans="8:8">
      <c r="H683770" s="12"/>
    </row>
    <row r="683771" spans="8:8">
      <c r="H683771" s="12"/>
    </row>
    <row r="683772" spans="8:8">
      <c r="H683772" s="12"/>
    </row>
    <row r="683773" spans="8:8">
      <c r="H683773" s="12"/>
    </row>
    <row r="683774" spans="8:8">
      <c r="H683774" s="12"/>
    </row>
    <row r="683775" spans="8:8">
      <c r="H683775" s="12"/>
    </row>
    <row r="683776" spans="8:8">
      <c r="H683776" s="12"/>
    </row>
    <row r="683777" spans="8:8">
      <c r="H683777" s="12"/>
    </row>
    <row r="683778" spans="8:8">
      <c r="H683778" s="12"/>
    </row>
    <row r="683779" spans="8:8">
      <c r="H683779" s="12"/>
    </row>
    <row r="683780" spans="8:8">
      <c r="H683780" s="12"/>
    </row>
    <row r="683781" spans="8:8">
      <c r="H683781" s="12"/>
    </row>
    <row r="683782" spans="8:8">
      <c r="H683782" s="12"/>
    </row>
    <row r="683783" spans="8:8">
      <c r="H683783" s="12"/>
    </row>
    <row r="683784" spans="8:8">
      <c r="H683784" s="12"/>
    </row>
    <row r="683785" spans="8:8">
      <c r="H683785" s="12"/>
    </row>
    <row r="683786" spans="8:8">
      <c r="H683786" s="12"/>
    </row>
    <row r="683787" spans="8:8">
      <c r="H683787" s="12"/>
    </row>
    <row r="683788" spans="8:8">
      <c r="H683788" s="12"/>
    </row>
    <row r="683789" spans="8:8">
      <c r="H683789" s="12"/>
    </row>
    <row r="683790" spans="8:8">
      <c r="H683790" s="12"/>
    </row>
    <row r="683791" spans="8:8">
      <c r="H683791" s="12"/>
    </row>
    <row r="683792" spans="8:8">
      <c r="H683792" s="12"/>
    </row>
    <row r="683793" spans="8:8">
      <c r="H683793" s="12"/>
    </row>
    <row r="683794" spans="8:8">
      <c r="H683794" s="12"/>
    </row>
    <row r="683795" spans="8:8">
      <c r="H683795" s="12"/>
    </row>
    <row r="683796" spans="8:8">
      <c r="H683796" s="12"/>
    </row>
    <row r="683797" spans="8:8">
      <c r="H683797" s="12"/>
    </row>
    <row r="683798" spans="8:8">
      <c r="H683798" s="12"/>
    </row>
    <row r="683799" spans="8:8">
      <c r="H683799" s="12"/>
    </row>
    <row r="683800" spans="8:8">
      <c r="H683800" s="12"/>
    </row>
    <row r="683801" spans="8:8">
      <c r="H683801" s="12"/>
    </row>
    <row r="683802" spans="8:8">
      <c r="H683802" s="12"/>
    </row>
    <row r="683803" spans="8:8">
      <c r="H683803" s="12"/>
    </row>
    <row r="683804" spans="8:8">
      <c r="H683804" s="12"/>
    </row>
    <row r="683805" spans="8:8">
      <c r="H683805" s="12"/>
    </row>
    <row r="683806" spans="8:8">
      <c r="H683806" s="12"/>
    </row>
    <row r="683807" spans="8:8">
      <c r="H683807" s="12"/>
    </row>
    <row r="683808" spans="8:8">
      <c r="H683808" s="12"/>
    </row>
    <row r="683809" spans="8:8">
      <c r="H683809" s="12"/>
    </row>
    <row r="683810" spans="8:8">
      <c r="H683810" s="12"/>
    </row>
    <row r="683811" spans="8:8">
      <c r="H683811" s="12"/>
    </row>
    <row r="683812" spans="8:8">
      <c r="H683812" s="12"/>
    </row>
    <row r="683813" spans="8:8">
      <c r="H683813" s="12"/>
    </row>
    <row r="683814" spans="8:8">
      <c r="H683814" s="12"/>
    </row>
    <row r="683815" spans="8:8">
      <c r="H683815" s="12"/>
    </row>
    <row r="683816" spans="8:8">
      <c r="H683816" s="12"/>
    </row>
    <row r="683817" spans="8:8">
      <c r="H683817" s="12"/>
    </row>
    <row r="683818" spans="8:8">
      <c r="H683818" s="12"/>
    </row>
    <row r="683819" spans="8:8">
      <c r="H683819" s="12"/>
    </row>
    <row r="683820" spans="8:8">
      <c r="H683820" s="12"/>
    </row>
    <row r="683821" spans="8:8">
      <c r="H683821" s="12"/>
    </row>
    <row r="683822" spans="8:8">
      <c r="H683822" s="12"/>
    </row>
    <row r="683823" spans="8:8">
      <c r="H683823" s="12"/>
    </row>
    <row r="683824" spans="8:8">
      <c r="H683824" s="12"/>
    </row>
    <row r="683825" spans="8:8">
      <c r="H683825" s="12"/>
    </row>
    <row r="683826" spans="8:8">
      <c r="H683826" s="12"/>
    </row>
    <row r="683827" spans="8:8">
      <c r="H683827" s="12"/>
    </row>
    <row r="683828" spans="8:8">
      <c r="H683828" s="12"/>
    </row>
    <row r="683829" spans="8:8">
      <c r="H683829" s="12"/>
    </row>
    <row r="683830" spans="8:8">
      <c r="H683830" s="12"/>
    </row>
    <row r="683831" spans="8:8">
      <c r="H683831" s="12"/>
    </row>
    <row r="683832" spans="8:8">
      <c r="H683832" s="12"/>
    </row>
    <row r="683833" spans="8:8">
      <c r="H683833" s="12"/>
    </row>
    <row r="683834" spans="8:8">
      <c r="H683834" s="12"/>
    </row>
    <row r="683835" spans="8:8">
      <c r="H683835" s="12"/>
    </row>
    <row r="683836" spans="8:8">
      <c r="H683836" s="12"/>
    </row>
    <row r="683837" spans="8:8">
      <c r="H683837" s="12"/>
    </row>
    <row r="683838" spans="8:8">
      <c r="H683838" s="12"/>
    </row>
    <row r="683839" spans="8:8">
      <c r="H683839" s="12"/>
    </row>
    <row r="683840" spans="8:8">
      <c r="H683840" s="12"/>
    </row>
    <row r="683841" spans="8:8">
      <c r="H683841" s="12"/>
    </row>
    <row r="683842" spans="8:8">
      <c r="H683842" s="12"/>
    </row>
    <row r="683843" spans="8:8">
      <c r="H683843" s="12"/>
    </row>
    <row r="683844" spans="8:8">
      <c r="H683844" s="12"/>
    </row>
    <row r="683845" spans="8:8">
      <c r="H683845" s="12"/>
    </row>
    <row r="683846" spans="8:8">
      <c r="H683846" s="12"/>
    </row>
    <row r="683847" spans="8:8">
      <c r="H683847" s="12"/>
    </row>
    <row r="683848" spans="8:8">
      <c r="H683848" s="12"/>
    </row>
    <row r="683849" spans="8:8">
      <c r="H683849" s="12"/>
    </row>
    <row r="683850" spans="8:8">
      <c r="H683850" s="12"/>
    </row>
    <row r="683851" spans="8:8">
      <c r="H683851" s="12"/>
    </row>
    <row r="683852" spans="8:8">
      <c r="H683852" s="12"/>
    </row>
    <row r="683853" spans="8:8">
      <c r="H683853" s="12"/>
    </row>
    <row r="683854" spans="8:8">
      <c r="H683854" s="12"/>
    </row>
    <row r="683855" spans="8:8">
      <c r="H683855" s="12"/>
    </row>
    <row r="683856" spans="8:8">
      <c r="H683856" s="12"/>
    </row>
    <row r="683857" spans="8:8">
      <c r="H683857" s="12"/>
    </row>
    <row r="683858" spans="8:8">
      <c r="H683858" s="12"/>
    </row>
    <row r="683859" spans="8:8">
      <c r="H683859" s="12"/>
    </row>
    <row r="683860" spans="8:8">
      <c r="H683860" s="12"/>
    </row>
    <row r="683861" spans="8:8">
      <c r="H683861" s="12"/>
    </row>
    <row r="683862" spans="8:8">
      <c r="H683862" s="12"/>
    </row>
    <row r="683863" spans="8:8">
      <c r="H683863" s="12"/>
    </row>
    <row r="683864" spans="8:8">
      <c r="H683864" s="12"/>
    </row>
    <row r="683865" spans="8:8">
      <c r="H683865" s="12"/>
    </row>
    <row r="683866" spans="8:8">
      <c r="H683866" s="12"/>
    </row>
    <row r="683867" spans="8:8">
      <c r="H683867" s="12"/>
    </row>
    <row r="683868" spans="8:8">
      <c r="H683868" s="12"/>
    </row>
    <row r="683869" spans="8:8">
      <c r="H683869" s="12"/>
    </row>
    <row r="683870" spans="8:8">
      <c r="H683870" s="12"/>
    </row>
    <row r="683871" spans="8:8">
      <c r="H683871" s="12"/>
    </row>
    <row r="683872" spans="8:8">
      <c r="H683872" s="12"/>
    </row>
    <row r="683873" spans="8:8">
      <c r="H683873" s="12"/>
    </row>
    <row r="683874" spans="8:8">
      <c r="H683874" s="12"/>
    </row>
    <row r="683875" spans="8:8">
      <c r="H683875" s="12"/>
    </row>
    <row r="683876" spans="8:8">
      <c r="H683876" s="12"/>
    </row>
    <row r="683877" spans="8:8">
      <c r="H683877" s="12"/>
    </row>
    <row r="683878" spans="8:8">
      <c r="H683878" s="12"/>
    </row>
    <row r="683879" spans="8:8">
      <c r="H683879" s="12"/>
    </row>
    <row r="683880" spans="8:8">
      <c r="H683880" s="12"/>
    </row>
    <row r="683881" spans="8:8">
      <c r="H683881" s="12"/>
    </row>
    <row r="683882" spans="8:8">
      <c r="H683882" s="12"/>
    </row>
    <row r="683883" spans="8:8">
      <c r="H683883" s="12"/>
    </row>
    <row r="683884" spans="8:8">
      <c r="H683884" s="12"/>
    </row>
    <row r="683885" spans="8:8">
      <c r="H683885" s="12"/>
    </row>
    <row r="683886" spans="8:8">
      <c r="H683886" s="12"/>
    </row>
    <row r="683887" spans="8:8">
      <c r="H683887" s="12"/>
    </row>
    <row r="683888" spans="8:8">
      <c r="H683888" s="12"/>
    </row>
    <row r="683889" spans="8:8">
      <c r="H683889" s="12"/>
    </row>
    <row r="683890" spans="8:8">
      <c r="H683890" s="12"/>
    </row>
    <row r="683891" spans="8:8">
      <c r="H683891" s="12"/>
    </row>
    <row r="683892" spans="8:8">
      <c r="H683892" s="12"/>
    </row>
    <row r="683893" spans="8:8">
      <c r="H683893" s="12"/>
    </row>
    <row r="683894" spans="8:8">
      <c r="H683894" s="12"/>
    </row>
    <row r="683895" spans="8:8">
      <c r="H683895" s="12"/>
    </row>
    <row r="683896" spans="8:8">
      <c r="H683896" s="12"/>
    </row>
    <row r="683897" spans="8:8">
      <c r="H683897" s="12"/>
    </row>
    <row r="683898" spans="8:8">
      <c r="H683898" s="12"/>
    </row>
    <row r="683899" spans="8:8">
      <c r="H683899" s="12"/>
    </row>
    <row r="683900" spans="8:8">
      <c r="H683900" s="12"/>
    </row>
    <row r="683901" spans="8:8">
      <c r="H683901" s="12"/>
    </row>
    <row r="683902" spans="8:8">
      <c r="H683902" s="12"/>
    </row>
    <row r="683903" spans="8:8">
      <c r="H683903" s="12"/>
    </row>
    <row r="683904" spans="8:8">
      <c r="H683904" s="12"/>
    </row>
    <row r="683905" spans="8:8">
      <c r="H683905" s="12"/>
    </row>
    <row r="683906" spans="8:8">
      <c r="H683906" s="12"/>
    </row>
    <row r="683907" spans="8:8">
      <c r="H683907" s="12"/>
    </row>
    <row r="683908" spans="8:8">
      <c r="H683908" s="12"/>
    </row>
    <row r="683909" spans="8:8">
      <c r="H683909" s="12"/>
    </row>
    <row r="683910" spans="8:8">
      <c r="H683910" s="12"/>
    </row>
    <row r="683911" spans="8:8">
      <c r="H683911" s="12"/>
    </row>
    <row r="683912" spans="8:8">
      <c r="H683912" s="12"/>
    </row>
    <row r="683913" spans="8:8">
      <c r="H683913" s="12"/>
    </row>
    <row r="683914" spans="8:8">
      <c r="H683914" s="12"/>
    </row>
    <row r="683915" spans="8:8">
      <c r="H683915" s="12"/>
    </row>
    <row r="683916" spans="8:8">
      <c r="H683916" s="12"/>
    </row>
    <row r="683917" spans="8:8">
      <c r="H683917" s="12"/>
    </row>
    <row r="683918" spans="8:8">
      <c r="H683918" s="12"/>
    </row>
    <row r="683919" spans="8:8">
      <c r="H683919" s="12"/>
    </row>
    <row r="683920" spans="8:8">
      <c r="H683920" s="12"/>
    </row>
    <row r="683921" spans="8:8">
      <c r="H683921" s="12"/>
    </row>
    <row r="683922" spans="8:8">
      <c r="H683922" s="12"/>
    </row>
    <row r="683923" spans="8:8">
      <c r="H683923" s="12"/>
    </row>
    <row r="683924" spans="8:8">
      <c r="H683924" s="12"/>
    </row>
    <row r="683925" spans="8:8">
      <c r="H683925" s="12"/>
    </row>
    <row r="683926" spans="8:8">
      <c r="H683926" s="12"/>
    </row>
    <row r="683927" spans="8:8">
      <c r="H683927" s="12"/>
    </row>
    <row r="683928" spans="8:8">
      <c r="H683928" s="12"/>
    </row>
    <row r="683929" spans="8:8">
      <c r="H683929" s="12"/>
    </row>
    <row r="683930" spans="8:8">
      <c r="H683930" s="12"/>
    </row>
    <row r="683931" spans="8:8">
      <c r="H683931" s="12"/>
    </row>
    <row r="683932" spans="8:8">
      <c r="H683932" s="12"/>
    </row>
    <row r="683933" spans="8:8">
      <c r="H683933" s="12"/>
    </row>
    <row r="683934" spans="8:8">
      <c r="H683934" s="12"/>
    </row>
    <row r="683935" spans="8:8">
      <c r="H683935" s="12"/>
    </row>
    <row r="683936" spans="8:8">
      <c r="H683936" s="12"/>
    </row>
    <row r="683937" spans="8:8">
      <c r="H683937" s="12"/>
    </row>
    <row r="683938" spans="8:8">
      <c r="H683938" s="12"/>
    </row>
    <row r="683939" spans="8:8">
      <c r="H683939" s="12"/>
    </row>
    <row r="683940" spans="8:8">
      <c r="H683940" s="12"/>
    </row>
    <row r="683941" spans="8:8">
      <c r="H683941" s="12"/>
    </row>
    <row r="683942" spans="8:8">
      <c r="H683942" s="12"/>
    </row>
    <row r="683943" spans="8:8">
      <c r="H683943" s="12"/>
    </row>
    <row r="683944" spans="8:8">
      <c r="H683944" s="12"/>
    </row>
    <row r="683945" spans="8:8">
      <c r="H683945" s="12"/>
    </row>
    <row r="683946" spans="8:8">
      <c r="H683946" s="12"/>
    </row>
    <row r="683947" spans="8:8">
      <c r="H683947" s="12"/>
    </row>
    <row r="683948" spans="8:8">
      <c r="H683948" s="12"/>
    </row>
    <row r="683949" spans="8:8">
      <c r="H683949" s="12"/>
    </row>
    <row r="683950" spans="8:8">
      <c r="H683950" s="12"/>
    </row>
    <row r="683951" spans="8:8">
      <c r="H683951" s="12"/>
    </row>
    <row r="683952" spans="8:8">
      <c r="H683952" s="12"/>
    </row>
    <row r="683953" spans="8:8">
      <c r="H683953" s="12"/>
    </row>
    <row r="683954" spans="8:8">
      <c r="H683954" s="12"/>
    </row>
    <row r="683955" spans="8:8">
      <c r="H683955" s="12"/>
    </row>
    <row r="683956" spans="8:8">
      <c r="H683956" s="12"/>
    </row>
    <row r="683957" spans="8:8">
      <c r="H683957" s="12"/>
    </row>
    <row r="683958" spans="8:8">
      <c r="H683958" s="12"/>
    </row>
    <row r="683959" spans="8:8">
      <c r="H683959" s="12"/>
    </row>
    <row r="683960" spans="8:8">
      <c r="H683960" s="12"/>
    </row>
    <row r="683961" spans="8:8">
      <c r="H683961" s="12"/>
    </row>
    <row r="683962" spans="8:8">
      <c r="H683962" s="12"/>
    </row>
    <row r="683963" spans="8:8">
      <c r="H683963" s="12"/>
    </row>
    <row r="683964" spans="8:8">
      <c r="H683964" s="12"/>
    </row>
    <row r="683965" spans="8:8">
      <c r="H683965" s="12"/>
    </row>
    <row r="683966" spans="8:8">
      <c r="H683966" s="12"/>
    </row>
    <row r="683967" spans="8:8">
      <c r="H683967" s="12"/>
    </row>
    <row r="683968" spans="8:8">
      <c r="H683968" s="12"/>
    </row>
    <row r="683969" spans="8:8">
      <c r="H683969" s="12"/>
    </row>
    <row r="683970" spans="8:8">
      <c r="H683970" s="12"/>
    </row>
    <row r="683971" spans="8:8">
      <c r="H683971" s="12"/>
    </row>
    <row r="683972" spans="8:8">
      <c r="H683972" s="12"/>
    </row>
    <row r="683973" spans="8:8">
      <c r="H683973" s="12"/>
    </row>
    <row r="683974" spans="8:8">
      <c r="H683974" s="12"/>
    </row>
    <row r="683975" spans="8:8">
      <c r="H683975" s="12"/>
    </row>
    <row r="683976" spans="8:8">
      <c r="H683976" s="12"/>
    </row>
    <row r="683977" spans="8:8">
      <c r="H683977" s="12"/>
    </row>
    <row r="683978" spans="8:8">
      <c r="H683978" s="12"/>
    </row>
    <row r="683979" spans="8:8">
      <c r="H683979" s="12"/>
    </row>
    <row r="683980" spans="8:8">
      <c r="H683980" s="12"/>
    </row>
    <row r="683981" spans="8:8">
      <c r="H683981" s="12"/>
    </row>
    <row r="683982" spans="8:8">
      <c r="H683982" s="12"/>
    </row>
    <row r="683983" spans="8:8">
      <c r="H683983" s="12"/>
    </row>
    <row r="683984" spans="8:8">
      <c r="H683984" s="12"/>
    </row>
    <row r="683985" spans="8:8">
      <c r="H683985" s="12"/>
    </row>
    <row r="683986" spans="8:8">
      <c r="H683986" s="12"/>
    </row>
    <row r="683987" spans="8:8">
      <c r="H683987" s="12"/>
    </row>
    <row r="683988" spans="8:8">
      <c r="H683988" s="12"/>
    </row>
    <row r="683989" spans="8:8">
      <c r="H683989" s="12"/>
    </row>
    <row r="683990" spans="8:8">
      <c r="H683990" s="12"/>
    </row>
    <row r="683991" spans="8:8">
      <c r="H683991" s="12"/>
    </row>
    <row r="683992" spans="8:8">
      <c r="H683992" s="12"/>
    </row>
    <row r="683993" spans="8:8">
      <c r="H683993" s="12"/>
    </row>
    <row r="683994" spans="8:8">
      <c r="H683994" s="12"/>
    </row>
    <row r="683995" spans="8:8">
      <c r="H683995" s="12"/>
    </row>
    <row r="683996" spans="8:8">
      <c r="H683996" s="12"/>
    </row>
    <row r="683997" spans="8:8">
      <c r="H683997" s="12"/>
    </row>
    <row r="683998" spans="8:8">
      <c r="H683998" s="12"/>
    </row>
    <row r="683999" spans="8:8">
      <c r="H683999" s="12"/>
    </row>
    <row r="684000" spans="8:8">
      <c r="H684000" s="12"/>
    </row>
    <row r="684001" spans="8:8">
      <c r="H684001" s="12"/>
    </row>
    <row r="684002" spans="8:8">
      <c r="H684002" s="12"/>
    </row>
    <row r="684003" spans="8:8">
      <c r="H684003" s="12"/>
    </row>
    <row r="684004" spans="8:8">
      <c r="H684004" s="12"/>
    </row>
    <row r="684005" spans="8:8">
      <c r="H684005" s="12"/>
    </row>
    <row r="684006" spans="8:8">
      <c r="H684006" s="12"/>
    </row>
    <row r="684007" spans="8:8">
      <c r="H684007" s="12"/>
    </row>
    <row r="684008" spans="8:8">
      <c r="H684008" s="12"/>
    </row>
    <row r="684009" spans="8:8">
      <c r="H684009" s="12"/>
    </row>
    <row r="684010" spans="8:8">
      <c r="H684010" s="12"/>
    </row>
    <row r="684011" spans="8:8">
      <c r="H684011" s="12"/>
    </row>
    <row r="684012" spans="8:8">
      <c r="H684012" s="12"/>
    </row>
    <row r="684013" spans="8:8">
      <c r="H684013" s="12"/>
    </row>
    <row r="684014" spans="8:8">
      <c r="H684014" s="12"/>
    </row>
    <row r="684015" spans="8:8">
      <c r="H684015" s="12"/>
    </row>
    <row r="684016" spans="8:8">
      <c r="H684016" s="12"/>
    </row>
    <row r="684017" spans="8:8">
      <c r="H684017" s="12"/>
    </row>
    <row r="684018" spans="8:8">
      <c r="H684018" s="12"/>
    </row>
    <row r="684019" spans="8:8">
      <c r="H684019" s="12"/>
    </row>
    <row r="684020" spans="8:8">
      <c r="H684020" s="12"/>
    </row>
    <row r="684021" spans="8:8">
      <c r="H684021" s="12"/>
    </row>
    <row r="684022" spans="8:8">
      <c r="H684022" s="12"/>
    </row>
    <row r="684023" spans="8:8">
      <c r="H684023" s="12"/>
    </row>
    <row r="684024" spans="8:8">
      <c r="H684024" s="12"/>
    </row>
    <row r="684025" spans="8:8">
      <c r="H684025" s="12"/>
    </row>
    <row r="684026" spans="8:8">
      <c r="H684026" s="12"/>
    </row>
    <row r="684027" spans="8:8">
      <c r="H684027" s="12"/>
    </row>
    <row r="684028" spans="8:8">
      <c r="H684028" s="12"/>
    </row>
    <row r="684029" spans="8:8">
      <c r="H684029" s="12"/>
    </row>
    <row r="684030" spans="8:8">
      <c r="H684030" s="12"/>
    </row>
    <row r="684031" spans="8:8">
      <c r="H684031" s="12"/>
    </row>
    <row r="684032" spans="8:8">
      <c r="H684032" s="12"/>
    </row>
    <row r="684033" spans="8:8">
      <c r="H684033" s="12"/>
    </row>
    <row r="684034" spans="8:8">
      <c r="H684034" s="12"/>
    </row>
    <row r="684035" spans="8:8">
      <c r="H684035" s="12"/>
    </row>
    <row r="684036" spans="8:8">
      <c r="H684036" s="12"/>
    </row>
    <row r="684037" spans="8:8">
      <c r="H684037" s="12"/>
    </row>
    <row r="684038" spans="8:8">
      <c r="H684038" s="12"/>
    </row>
    <row r="684039" spans="8:8">
      <c r="H684039" s="12"/>
    </row>
    <row r="684040" spans="8:8">
      <c r="H684040" s="12"/>
    </row>
    <row r="684041" spans="8:8">
      <c r="H684041" s="12"/>
    </row>
    <row r="684042" spans="8:8">
      <c r="H684042" s="12"/>
    </row>
    <row r="684043" spans="8:8">
      <c r="H684043" s="12"/>
    </row>
    <row r="684044" spans="8:8">
      <c r="H684044" s="12"/>
    </row>
    <row r="684045" spans="8:8">
      <c r="H684045" s="12"/>
    </row>
    <row r="684046" spans="8:8">
      <c r="H684046" s="12"/>
    </row>
    <row r="684047" spans="8:8">
      <c r="H684047" s="12"/>
    </row>
    <row r="684048" spans="8:8">
      <c r="H684048" s="12"/>
    </row>
    <row r="684049" spans="8:8">
      <c r="H684049" s="12"/>
    </row>
    <row r="684050" spans="8:8">
      <c r="H684050" s="12"/>
    </row>
    <row r="684051" spans="8:8">
      <c r="H684051" s="12"/>
    </row>
    <row r="684052" spans="8:8">
      <c r="H684052" s="12"/>
    </row>
    <row r="684053" spans="8:8">
      <c r="H684053" s="12"/>
    </row>
    <row r="684054" spans="8:8">
      <c r="H684054" s="12"/>
    </row>
    <row r="684055" spans="8:8">
      <c r="H684055" s="12"/>
    </row>
    <row r="684056" spans="8:8">
      <c r="H684056" s="12"/>
    </row>
    <row r="684057" spans="8:8">
      <c r="H684057" s="12"/>
    </row>
    <row r="684058" spans="8:8">
      <c r="H684058" s="12"/>
    </row>
    <row r="684059" spans="8:8">
      <c r="H684059" s="12"/>
    </row>
    <row r="684060" spans="8:8">
      <c r="H684060" s="12"/>
    </row>
    <row r="684061" spans="8:8">
      <c r="H684061" s="12"/>
    </row>
    <row r="684062" spans="8:8">
      <c r="H684062" s="12"/>
    </row>
    <row r="684063" spans="8:8">
      <c r="H684063" s="12"/>
    </row>
    <row r="684064" spans="8:8">
      <c r="H684064" s="12"/>
    </row>
    <row r="684065" spans="8:8">
      <c r="H684065" s="12"/>
    </row>
    <row r="684066" spans="8:8">
      <c r="H684066" s="12"/>
    </row>
    <row r="684067" spans="8:8">
      <c r="H684067" s="12"/>
    </row>
    <row r="684068" spans="8:8">
      <c r="H684068" s="12"/>
    </row>
    <row r="684069" spans="8:8">
      <c r="H684069" s="12"/>
    </row>
    <row r="684070" spans="8:8">
      <c r="H684070" s="12"/>
    </row>
    <row r="684071" spans="8:8">
      <c r="H684071" s="12"/>
    </row>
    <row r="684072" spans="8:8">
      <c r="H684072" s="12"/>
    </row>
    <row r="684073" spans="8:8">
      <c r="H684073" s="12"/>
    </row>
    <row r="684074" spans="8:8">
      <c r="H684074" s="12"/>
    </row>
    <row r="684075" spans="8:8">
      <c r="H684075" s="12"/>
    </row>
    <row r="684076" spans="8:8">
      <c r="H684076" s="12"/>
    </row>
    <row r="684077" spans="8:8">
      <c r="H684077" s="12"/>
    </row>
    <row r="684078" spans="8:8">
      <c r="H684078" s="12"/>
    </row>
    <row r="684079" spans="8:8">
      <c r="H684079" s="12"/>
    </row>
    <row r="684080" spans="8:8">
      <c r="H684080" s="12"/>
    </row>
    <row r="684081" spans="8:8">
      <c r="H684081" s="12"/>
    </row>
    <row r="684082" spans="8:8">
      <c r="H684082" s="12"/>
    </row>
    <row r="684083" spans="8:8">
      <c r="H684083" s="12"/>
    </row>
    <row r="684084" spans="8:8">
      <c r="H684084" s="12"/>
    </row>
    <row r="684085" spans="8:8">
      <c r="H684085" s="12"/>
    </row>
    <row r="684086" spans="8:8">
      <c r="H684086" s="12"/>
    </row>
    <row r="684087" spans="8:8">
      <c r="H684087" s="12"/>
    </row>
    <row r="684088" spans="8:8">
      <c r="H684088" s="12"/>
    </row>
    <row r="684089" spans="8:8">
      <c r="H684089" s="12"/>
    </row>
    <row r="684090" spans="8:8">
      <c r="H684090" s="12"/>
    </row>
    <row r="684091" spans="8:8">
      <c r="H684091" s="12"/>
    </row>
    <row r="684092" spans="8:8">
      <c r="H684092" s="12"/>
    </row>
    <row r="684093" spans="8:8">
      <c r="H684093" s="12"/>
    </row>
    <row r="684094" spans="8:8">
      <c r="H684094" s="12"/>
    </row>
    <row r="684095" spans="8:8">
      <c r="H684095" s="12"/>
    </row>
    <row r="684096" spans="8:8">
      <c r="H684096" s="12"/>
    </row>
    <row r="684097" spans="8:8">
      <c r="H684097" s="12"/>
    </row>
    <row r="684098" spans="8:8">
      <c r="H684098" s="12"/>
    </row>
    <row r="684099" spans="8:8">
      <c r="H684099" s="12"/>
    </row>
    <row r="684100" spans="8:8">
      <c r="H684100" s="12"/>
    </row>
    <row r="684101" spans="8:8">
      <c r="H684101" s="12"/>
    </row>
    <row r="684102" spans="8:8">
      <c r="H684102" s="12"/>
    </row>
    <row r="684103" spans="8:8">
      <c r="H684103" s="12"/>
    </row>
    <row r="684104" spans="8:8">
      <c r="H684104" s="12"/>
    </row>
    <row r="684105" spans="8:8">
      <c r="H684105" s="12"/>
    </row>
    <row r="684106" spans="8:8">
      <c r="H684106" s="12"/>
    </row>
    <row r="684107" spans="8:8">
      <c r="H684107" s="12"/>
    </row>
    <row r="684108" spans="8:8">
      <c r="H684108" s="12"/>
    </row>
    <row r="684109" spans="8:8">
      <c r="H684109" s="12"/>
    </row>
    <row r="684110" spans="8:8">
      <c r="H684110" s="12"/>
    </row>
    <row r="684111" spans="8:8">
      <c r="H684111" s="12"/>
    </row>
    <row r="684112" spans="8:8">
      <c r="H684112" s="12"/>
    </row>
    <row r="684113" spans="8:8">
      <c r="H684113" s="12"/>
    </row>
    <row r="684114" spans="8:8">
      <c r="H684114" s="12"/>
    </row>
    <row r="684115" spans="8:8">
      <c r="H684115" s="12"/>
    </row>
    <row r="684116" spans="8:8">
      <c r="H684116" s="12"/>
    </row>
    <row r="684117" spans="8:8">
      <c r="H684117" s="12"/>
    </row>
    <row r="684118" spans="8:8">
      <c r="H684118" s="12"/>
    </row>
    <row r="684119" spans="8:8">
      <c r="H684119" s="12"/>
    </row>
    <row r="684120" spans="8:8">
      <c r="H684120" s="12"/>
    </row>
    <row r="684121" spans="8:8">
      <c r="H684121" s="12"/>
    </row>
    <row r="684122" spans="8:8">
      <c r="H684122" s="12"/>
    </row>
    <row r="684123" spans="8:8">
      <c r="H684123" s="12"/>
    </row>
    <row r="684124" spans="8:8">
      <c r="H684124" s="12"/>
    </row>
    <row r="684125" spans="8:8">
      <c r="H684125" s="12"/>
    </row>
    <row r="684126" spans="8:8">
      <c r="H684126" s="12"/>
    </row>
    <row r="684127" spans="8:8">
      <c r="H684127" s="12"/>
    </row>
    <row r="684128" spans="8:8">
      <c r="H684128" s="12"/>
    </row>
    <row r="684129" spans="8:8">
      <c r="H684129" s="12"/>
    </row>
    <row r="684130" spans="8:8">
      <c r="H684130" s="12"/>
    </row>
    <row r="684131" spans="8:8">
      <c r="H684131" s="12"/>
    </row>
    <row r="684132" spans="8:8">
      <c r="H684132" s="12"/>
    </row>
    <row r="684133" spans="8:8">
      <c r="H684133" s="12"/>
    </row>
    <row r="684134" spans="8:8">
      <c r="H684134" s="12"/>
    </row>
    <row r="684135" spans="8:8">
      <c r="H684135" s="12"/>
    </row>
    <row r="684136" spans="8:8">
      <c r="H684136" s="12"/>
    </row>
    <row r="684137" spans="8:8">
      <c r="H684137" s="12"/>
    </row>
    <row r="684138" spans="8:8">
      <c r="H684138" s="12"/>
    </row>
    <row r="684139" spans="8:8">
      <c r="H684139" s="12"/>
    </row>
    <row r="684140" spans="8:8">
      <c r="H684140" s="12"/>
    </row>
    <row r="684141" spans="8:8">
      <c r="H684141" s="12"/>
    </row>
    <row r="684142" spans="8:8">
      <c r="H684142" s="12"/>
    </row>
    <row r="684143" spans="8:8">
      <c r="H684143" s="12"/>
    </row>
    <row r="684144" spans="8:8">
      <c r="H684144" s="12"/>
    </row>
    <row r="684145" spans="8:8">
      <c r="H684145" s="12"/>
    </row>
    <row r="684146" spans="8:8">
      <c r="H684146" s="12"/>
    </row>
    <row r="684147" spans="8:8">
      <c r="H684147" s="12"/>
    </row>
    <row r="684148" spans="8:8">
      <c r="H684148" s="12"/>
    </row>
    <row r="684149" spans="8:8">
      <c r="H684149" s="12"/>
    </row>
    <row r="684150" spans="8:8">
      <c r="H684150" s="12"/>
    </row>
    <row r="684151" spans="8:8">
      <c r="H684151" s="12"/>
    </row>
    <row r="684152" spans="8:8">
      <c r="H684152" s="12"/>
    </row>
    <row r="684153" spans="8:8">
      <c r="H684153" s="12"/>
    </row>
    <row r="684154" spans="8:8">
      <c r="H684154" s="12"/>
    </row>
    <row r="684155" spans="8:8">
      <c r="H684155" s="12"/>
    </row>
    <row r="684156" spans="8:8">
      <c r="H684156" s="12"/>
    </row>
    <row r="684157" spans="8:8">
      <c r="H684157" s="12"/>
    </row>
    <row r="684158" spans="8:8">
      <c r="H684158" s="12"/>
    </row>
    <row r="684159" spans="8:8">
      <c r="H684159" s="12"/>
    </row>
    <row r="684160" spans="8:8">
      <c r="H684160" s="12"/>
    </row>
    <row r="684161" spans="8:8">
      <c r="H684161" s="12"/>
    </row>
    <row r="684162" spans="8:8">
      <c r="H684162" s="12"/>
    </row>
    <row r="684163" spans="8:8">
      <c r="H684163" s="12"/>
    </row>
    <row r="684164" spans="8:8">
      <c r="H684164" s="12"/>
    </row>
    <row r="684165" spans="8:8">
      <c r="H684165" s="12"/>
    </row>
    <row r="684166" spans="8:8">
      <c r="H684166" s="12"/>
    </row>
    <row r="684167" spans="8:8">
      <c r="H684167" s="12"/>
    </row>
    <row r="684168" spans="8:8">
      <c r="H684168" s="12"/>
    </row>
    <row r="684169" spans="8:8">
      <c r="H684169" s="12"/>
    </row>
    <row r="684170" spans="8:8">
      <c r="H684170" s="12"/>
    </row>
    <row r="684171" spans="8:8">
      <c r="H684171" s="12"/>
    </row>
    <row r="684172" spans="8:8">
      <c r="H684172" s="12"/>
    </row>
    <row r="684173" spans="8:8">
      <c r="H684173" s="12"/>
    </row>
    <row r="684174" spans="8:8">
      <c r="H684174" s="12"/>
    </row>
    <row r="684175" spans="8:8">
      <c r="H684175" s="12"/>
    </row>
    <row r="684176" spans="8:8">
      <c r="H684176" s="12"/>
    </row>
    <row r="684177" spans="8:8">
      <c r="H684177" s="12"/>
    </row>
    <row r="684178" spans="8:8">
      <c r="H684178" s="12"/>
    </row>
    <row r="684179" spans="8:8">
      <c r="H684179" s="12"/>
    </row>
    <row r="684180" spans="8:8">
      <c r="H684180" s="12"/>
    </row>
    <row r="684181" spans="8:8">
      <c r="H684181" s="12"/>
    </row>
    <row r="684182" spans="8:8">
      <c r="H684182" s="12"/>
    </row>
    <row r="684183" spans="8:8">
      <c r="H684183" s="12"/>
    </row>
    <row r="684184" spans="8:8">
      <c r="H684184" s="12"/>
    </row>
    <row r="684185" spans="8:8">
      <c r="H684185" s="12"/>
    </row>
    <row r="684186" spans="8:8">
      <c r="H684186" s="12"/>
    </row>
    <row r="684187" spans="8:8">
      <c r="H684187" s="12"/>
    </row>
    <row r="684188" spans="8:8">
      <c r="H684188" s="12"/>
    </row>
    <row r="684189" spans="8:8">
      <c r="H684189" s="12"/>
    </row>
    <row r="684190" spans="8:8">
      <c r="H684190" s="12"/>
    </row>
    <row r="684191" spans="8:8">
      <c r="H684191" s="12"/>
    </row>
    <row r="684192" spans="8:8">
      <c r="H684192" s="12"/>
    </row>
    <row r="684193" spans="8:8">
      <c r="H684193" s="12"/>
    </row>
    <row r="684194" spans="8:8">
      <c r="H684194" s="12"/>
    </row>
    <row r="684195" spans="8:8">
      <c r="H684195" s="12"/>
    </row>
    <row r="684196" spans="8:8">
      <c r="H684196" s="12"/>
    </row>
    <row r="684197" spans="8:8">
      <c r="H684197" s="12"/>
    </row>
    <row r="684198" spans="8:8">
      <c r="H684198" s="12"/>
    </row>
    <row r="684199" spans="8:8">
      <c r="H684199" s="12"/>
    </row>
    <row r="684200" spans="8:8">
      <c r="H684200" s="12"/>
    </row>
    <row r="684201" spans="8:8">
      <c r="H684201" s="12"/>
    </row>
    <row r="684202" spans="8:8">
      <c r="H684202" s="12"/>
    </row>
    <row r="684203" spans="8:8">
      <c r="H684203" s="12"/>
    </row>
    <row r="684204" spans="8:8">
      <c r="H684204" s="12"/>
    </row>
    <row r="684205" spans="8:8">
      <c r="H684205" s="12"/>
    </row>
    <row r="684206" spans="8:8">
      <c r="H684206" s="12"/>
    </row>
    <row r="684207" spans="8:8">
      <c r="H684207" s="12"/>
    </row>
    <row r="684208" spans="8:8">
      <c r="H684208" s="12"/>
    </row>
    <row r="684209" spans="8:8">
      <c r="H684209" s="12"/>
    </row>
    <row r="684210" spans="8:8">
      <c r="H684210" s="12"/>
    </row>
    <row r="684211" spans="8:8">
      <c r="H684211" s="12"/>
    </row>
    <row r="684212" spans="8:8">
      <c r="H684212" s="12"/>
    </row>
    <row r="684213" spans="8:8">
      <c r="H684213" s="12"/>
    </row>
    <row r="684214" spans="8:8">
      <c r="H684214" s="12"/>
    </row>
    <row r="684215" spans="8:8">
      <c r="H684215" s="12"/>
    </row>
    <row r="684216" spans="8:8">
      <c r="H684216" s="12"/>
    </row>
    <row r="684217" spans="8:8">
      <c r="H684217" s="12"/>
    </row>
    <row r="684218" spans="8:8">
      <c r="H684218" s="12"/>
    </row>
    <row r="684219" spans="8:8">
      <c r="H684219" s="12"/>
    </row>
    <row r="684220" spans="8:8">
      <c r="H684220" s="12"/>
    </row>
    <row r="684221" spans="8:8">
      <c r="H684221" s="12"/>
    </row>
    <row r="684222" spans="8:8">
      <c r="H684222" s="12"/>
    </row>
    <row r="684223" spans="8:8">
      <c r="H684223" s="12"/>
    </row>
    <row r="684224" spans="8:8">
      <c r="H684224" s="12"/>
    </row>
    <row r="684225" spans="8:8">
      <c r="H684225" s="12"/>
    </row>
    <row r="684226" spans="8:8">
      <c r="H684226" s="12"/>
    </row>
    <row r="684227" spans="8:8">
      <c r="H684227" s="12"/>
    </row>
    <row r="684228" spans="8:8">
      <c r="H684228" s="12"/>
    </row>
    <row r="684229" spans="8:8">
      <c r="H684229" s="12"/>
    </row>
    <row r="684230" spans="8:8">
      <c r="H684230" s="12"/>
    </row>
    <row r="684231" spans="8:8">
      <c r="H684231" s="12"/>
    </row>
    <row r="684232" spans="8:8">
      <c r="H684232" s="12"/>
    </row>
    <row r="684233" spans="8:8">
      <c r="H684233" s="12"/>
    </row>
    <row r="684234" spans="8:8">
      <c r="H684234" s="12"/>
    </row>
    <row r="684235" spans="8:8">
      <c r="H684235" s="12"/>
    </row>
    <row r="684236" spans="8:8">
      <c r="H684236" s="12"/>
    </row>
    <row r="684237" spans="8:8">
      <c r="H684237" s="12"/>
    </row>
    <row r="684238" spans="8:8">
      <c r="H684238" s="12"/>
    </row>
    <row r="684239" spans="8:8">
      <c r="H684239" s="12"/>
    </row>
    <row r="684240" spans="8:8">
      <c r="H684240" s="12"/>
    </row>
    <row r="684241" spans="8:8">
      <c r="H684241" s="12"/>
    </row>
    <row r="684242" spans="8:8">
      <c r="H684242" s="12"/>
    </row>
    <row r="684243" spans="8:8">
      <c r="H684243" s="12"/>
    </row>
    <row r="684244" spans="8:8">
      <c r="H684244" s="12"/>
    </row>
    <row r="684245" spans="8:8">
      <c r="H684245" s="12"/>
    </row>
    <row r="684246" spans="8:8">
      <c r="H684246" s="12"/>
    </row>
    <row r="684247" spans="8:8">
      <c r="H684247" s="12"/>
    </row>
    <row r="684248" spans="8:8">
      <c r="H684248" s="12"/>
    </row>
    <row r="684249" spans="8:8">
      <c r="H684249" s="12"/>
    </row>
    <row r="684250" spans="8:8">
      <c r="H684250" s="12"/>
    </row>
    <row r="684251" spans="8:8">
      <c r="H684251" s="12"/>
    </row>
    <row r="684252" spans="8:8">
      <c r="H684252" s="12"/>
    </row>
    <row r="684253" spans="8:8">
      <c r="H684253" s="12"/>
    </row>
    <row r="684254" spans="8:8">
      <c r="H684254" s="12"/>
    </row>
    <row r="684255" spans="8:8">
      <c r="H684255" s="12"/>
    </row>
    <row r="684256" spans="8:8">
      <c r="H684256" s="12"/>
    </row>
    <row r="684257" spans="8:8">
      <c r="H684257" s="12"/>
    </row>
    <row r="684258" spans="8:8">
      <c r="H684258" s="12"/>
    </row>
    <row r="684259" spans="8:8">
      <c r="H684259" s="12"/>
    </row>
    <row r="684260" spans="8:8">
      <c r="H684260" s="12"/>
    </row>
    <row r="684261" spans="8:8">
      <c r="H684261" s="12"/>
    </row>
    <row r="684262" spans="8:8">
      <c r="H684262" s="12"/>
    </row>
    <row r="684263" spans="8:8">
      <c r="H684263" s="12"/>
    </row>
    <row r="684264" spans="8:8">
      <c r="H684264" s="12"/>
    </row>
    <row r="684265" spans="8:8">
      <c r="H684265" s="12"/>
    </row>
    <row r="684266" spans="8:8">
      <c r="H684266" s="12"/>
    </row>
    <row r="684267" spans="8:8">
      <c r="H684267" s="12"/>
    </row>
    <row r="684268" spans="8:8">
      <c r="H684268" s="12"/>
    </row>
    <row r="684269" spans="8:8">
      <c r="H684269" s="12"/>
    </row>
    <row r="684270" spans="8:8">
      <c r="H684270" s="12"/>
    </row>
    <row r="684271" spans="8:8">
      <c r="H684271" s="12"/>
    </row>
    <row r="684272" spans="8:8">
      <c r="H684272" s="12"/>
    </row>
    <row r="684273" spans="8:8">
      <c r="H684273" s="12"/>
    </row>
    <row r="684274" spans="8:8">
      <c r="H684274" s="12"/>
    </row>
    <row r="684275" spans="8:8">
      <c r="H684275" s="12"/>
    </row>
    <row r="684276" spans="8:8">
      <c r="H684276" s="12"/>
    </row>
    <row r="684277" spans="8:8">
      <c r="H684277" s="12"/>
    </row>
    <row r="684278" spans="8:8">
      <c r="H684278" s="12"/>
    </row>
    <row r="684279" spans="8:8">
      <c r="H684279" s="12"/>
    </row>
    <row r="684280" spans="8:8">
      <c r="H684280" s="12"/>
    </row>
    <row r="684281" spans="8:8">
      <c r="H684281" s="12"/>
    </row>
    <row r="684282" spans="8:8">
      <c r="H684282" s="12"/>
    </row>
    <row r="684283" spans="8:8">
      <c r="H684283" s="12"/>
    </row>
    <row r="684284" spans="8:8">
      <c r="H684284" s="12"/>
    </row>
    <row r="684285" spans="8:8">
      <c r="H684285" s="12"/>
    </row>
    <row r="684286" spans="8:8">
      <c r="H684286" s="12"/>
    </row>
    <row r="684287" spans="8:8">
      <c r="H684287" s="12"/>
    </row>
    <row r="684288" spans="8:8">
      <c r="H684288" s="12"/>
    </row>
    <row r="684289" spans="8:8">
      <c r="H684289" s="12"/>
    </row>
    <row r="684290" spans="8:8">
      <c r="H684290" s="12"/>
    </row>
    <row r="684291" spans="8:8">
      <c r="H684291" s="12"/>
    </row>
    <row r="684292" spans="8:8">
      <c r="H684292" s="12"/>
    </row>
    <row r="684293" spans="8:8">
      <c r="H684293" s="12"/>
    </row>
    <row r="684294" spans="8:8">
      <c r="H684294" s="12"/>
    </row>
    <row r="684295" spans="8:8">
      <c r="H684295" s="12"/>
    </row>
    <row r="684296" spans="8:8">
      <c r="H684296" s="12"/>
    </row>
    <row r="684297" spans="8:8">
      <c r="H684297" s="12"/>
    </row>
    <row r="684298" spans="8:8">
      <c r="H684298" s="12"/>
    </row>
    <row r="684299" spans="8:8">
      <c r="H684299" s="12"/>
    </row>
    <row r="684300" spans="8:8">
      <c r="H684300" s="12"/>
    </row>
    <row r="684301" spans="8:8">
      <c r="H684301" s="12"/>
    </row>
    <row r="684302" spans="8:8">
      <c r="H684302" s="12"/>
    </row>
    <row r="684303" spans="8:8">
      <c r="H684303" s="12"/>
    </row>
    <row r="684304" spans="8:8">
      <c r="H684304" s="12"/>
    </row>
    <row r="684305" spans="8:8">
      <c r="H684305" s="12"/>
    </row>
    <row r="684306" spans="8:8">
      <c r="H684306" s="12"/>
    </row>
    <row r="684307" spans="8:8">
      <c r="H684307" s="12"/>
    </row>
    <row r="684308" spans="8:8">
      <c r="H684308" s="12"/>
    </row>
    <row r="684309" spans="8:8">
      <c r="H684309" s="12"/>
    </row>
    <row r="684310" spans="8:8">
      <c r="H684310" s="12"/>
    </row>
    <row r="684311" spans="8:8">
      <c r="H684311" s="12"/>
    </row>
    <row r="684312" spans="8:8">
      <c r="H684312" s="12"/>
    </row>
    <row r="684313" spans="8:8">
      <c r="H684313" s="12"/>
    </row>
    <row r="684314" spans="8:8">
      <c r="H684314" s="12"/>
    </row>
    <row r="684315" spans="8:8">
      <c r="H684315" s="12"/>
    </row>
    <row r="684316" spans="8:8">
      <c r="H684316" s="12"/>
    </row>
    <row r="684317" spans="8:8">
      <c r="H684317" s="12"/>
    </row>
    <row r="684318" spans="8:8">
      <c r="H684318" s="12"/>
    </row>
    <row r="684319" spans="8:8">
      <c r="H684319" s="12"/>
    </row>
    <row r="684320" spans="8:8">
      <c r="H684320" s="12"/>
    </row>
    <row r="684321" spans="8:8">
      <c r="H684321" s="12"/>
    </row>
    <row r="684322" spans="8:8">
      <c r="H684322" s="12"/>
    </row>
    <row r="684323" spans="8:8">
      <c r="H684323" s="12"/>
    </row>
    <row r="684324" spans="8:8">
      <c r="H684324" s="12"/>
    </row>
    <row r="684325" spans="8:8">
      <c r="H684325" s="12"/>
    </row>
    <row r="684326" spans="8:8">
      <c r="H684326" s="12"/>
    </row>
    <row r="684327" spans="8:8">
      <c r="H684327" s="12"/>
    </row>
    <row r="684328" spans="8:8">
      <c r="H684328" s="12"/>
    </row>
    <row r="684329" spans="8:8">
      <c r="H684329" s="12"/>
    </row>
    <row r="684330" spans="8:8">
      <c r="H684330" s="12"/>
    </row>
    <row r="684331" spans="8:8">
      <c r="H684331" s="12"/>
    </row>
    <row r="684332" spans="8:8">
      <c r="H684332" s="12"/>
    </row>
    <row r="684333" spans="8:8">
      <c r="H684333" s="12"/>
    </row>
    <row r="684334" spans="8:8">
      <c r="H684334" s="12"/>
    </row>
    <row r="684335" spans="8:8">
      <c r="H684335" s="12"/>
    </row>
    <row r="684336" spans="8:8">
      <c r="H684336" s="12"/>
    </row>
    <row r="684337" spans="8:8">
      <c r="H684337" s="12"/>
    </row>
    <row r="684338" spans="8:8">
      <c r="H684338" s="12"/>
    </row>
    <row r="684339" spans="8:8">
      <c r="H684339" s="12"/>
    </row>
    <row r="684340" spans="8:8">
      <c r="H684340" s="12"/>
    </row>
    <row r="684341" spans="8:8">
      <c r="H684341" s="12"/>
    </row>
    <row r="684342" spans="8:8">
      <c r="H684342" s="12"/>
    </row>
    <row r="684343" spans="8:8">
      <c r="H684343" s="12"/>
    </row>
    <row r="684344" spans="8:8">
      <c r="H684344" s="12"/>
    </row>
    <row r="684345" spans="8:8">
      <c r="H684345" s="12"/>
    </row>
    <row r="684346" spans="8:8">
      <c r="H684346" s="12"/>
    </row>
    <row r="684347" spans="8:8">
      <c r="H684347" s="12"/>
    </row>
    <row r="684348" spans="8:8">
      <c r="H684348" s="12"/>
    </row>
    <row r="684349" spans="8:8">
      <c r="H684349" s="12"/>
    </row>
    <row r="684350" spans="8:8">
      <c r="H684350" s="12"/>
    </row>
    <row r="684351" spans="8:8">
      <c r="H684351" s="12"/>
    </row>
    <row r="684352" spans="8:8">
      <c r="H684352" s="12"/>
    </row>
    <row r="684353" spans="8:8">
      <c r="H684353" s="12"/>
    </row>
    <row r="684354" spans="8:8">
      <c r="H684354" s="12"/>
    </row>
    <row r="684355" spans="8:8">
      <c r="H684355" s="12"/>
    </row>
    <row r="684356" spans="8:8">
      <c r="H684356" s="12"/>
    </row>
    <row r="684357" spans="8:8">
      <c r="H684357" s="12"/>
    </row>
    <row r="684358" spans="8:8">
      <c r="H684358" s="12"/>
    </row>
    <row r="684359" spans="8:8">
      <c r="H684359" s="12"/>
    </row>
    <row r="684360" spans="8:8">
      <c r="H684360" s="12"/>
    </row>
    <row r="684361" spans="8:8">
      <c r="H684361" s="12"/>
    </row>
    <row r="684362" spans="8:8">
      <c r="H684362" s="12"/>
    </row>
    <row r="684363" spans="8:8">
      <c r="H684363" s="12"/>
    </row>
    <row r="684364" spans="8:8">
      <c r="H684364" s="12"/>
    </row>
    <row r="684365" spans="8:8">
      <c r="H684365" s="12"/>
    </row>
    <row r="684366" spans="8:8">
      <c r="H684366" s="12"/>
    </row>
    <row r="684367" spans="8:8">
      <c r="H684367" s="12"/>
    </row>
    <row r="684368" spans="8:8">
      <c r="H684368" s="12"/>
    </row>
    <row r="684369" spans="8:8">
      <c r="H684369" s="12"/>
    </row>
    <row r="684370" spans="8:8">
      <c r="H684370" s="12"/>
    </row>
    <row r="684371" spans="8:8">
      <c r="H684371" s="12"/>
    </row>
    <row r="684372" spans="8:8">
      <c r="H684372" s="12"/>
    </row>
    <row r="684373" spans="8:8">
      <c r="H684373" s="12"/>
    </row>
    <row r="684374" spans="8:8">
      <c r="H684374" s="12"/>
    </row>
    <row r="684375" spans="8:8">
      <c r="H684375" s="12"/>
    </row>
    <row r="684376" spans="8:8">
      <c r="H684376" s="12"/>
    </row>
    <row r="684377" spans="8:8">
      <c r="H684377" s="12"/>
    </row>
    <row r="684378" spans="8:8">
      <c r="H684378" s="12"/>
    </row>
    <row r="684379" spans="8:8">
      <c r="H684379" s="12"/>
    </row>
    <row r="684380" spans="8:8">
      <c r="H684380" s="12"/>
    </row>
    <row r="684381" spans="8:8">
      <c r="H684381" s="12"/>
    </row>
    <row r="684382" spans="8:8">
      <c r="H684382" s="12"/>
    </row>
    <row r="684383" spans="8:8">
      <c r="H684383" s="12"/>
    </row>
    <row r="684384" spans="8:8">
      <c r="H684384" s="12"/>
    </row>
    <row r="684385" spans="8:8">
      <c r="H684385" s="12"/>
    </row>
    <row r="684386" spans="8:8">
      <c r="H684386" s="12"/>
    </row>
    <row r="684387" spans="8:8">
      <c r="H684387" s="12"/>
    </row>
    <row r="684388" spans="8:8">
      <c r="H684388" s="12"/>
    </row>
    <row r="684389" spans="8:8">
      <c r="H684389" s="12"/>
    </row>
    <row r="684390" spans="8:8">
      <c r="H684390" s="12"/>
    </row>
    <row r="684391" spans="8:8">
      <c r="H684391" s="12"/>
    </row>
    <row r="684392" spans="8:8">
      <c r="H684392" s="12"/>
    </row>
    <row r="684393" spans="8:8">
      <c r="H684393" s="12"/>
    </row>
    <row r="684394" spans="8:8">
      <c r="H684394" s="12"/>
    </row>
    <row r="684395" spans="8:8">
      <c r="H684395" s="12"/>
    </row>
    <row r="684396" spans="8:8">
      <c r="H684396" s="12"/>
    </row>
    <row r="684397" spans="8:8">
      <c r="H684397" s="12"/>
    </row>
    <row r="684398" spans="8:8">
      <c r="H684398" s="12"/>
    </row>
    <row r="684399" spans="8:8">
      <c r="H684399" s="12"/>
    </row>
    <row r="684400" spans="8:8">
      <c r="H684400" s="12"/>
    </row>
    <row r="684401" spans="8:8">
      <c r="H684401" s="12"/>
    </row>
    <row r="684402" spans="8:8">
      <c r="H684402" s="12"/>
    </row>
    <row r="684403" spans="8:8">
      <c r="H684403" s="12"/>
    </row>
    <row r="684404" spans="8:8">
      <c r="H684404" s="12"/>
    </row>
    <row r="684405" spans="8:8">
      <c r="H684405" s="12"/>
    </row>
    <row r="684406" spans="8:8">
      <c r="H684406" s="12"/>
    </row>
    <row r="684407" spans="8:8">
      <c r="H684407" s="12"/>
    </row>
    <row r="684408" spans="8:8">
      <c r="H684408" s="12"/>
    </row>
    <row r="684409" spans="8:8">
      <c r="H684409" s="12"/>
    </row>
    <row r="684410" spans="8:8">
      <c r="H684410" s="12"/>
    </row>
    <row r="684411" spans="8:8">
      <c r="H684411" s="12"/>
    </row>
    <row r="684412" spans="8:8">
      <c r="H684412" s="12"/>
    </row>
    <row r="684413" spans="8:8">
      <c r="H684413" s="12"/>
    </row>
    <row r="684414" spans="8:8">
      <c r="H684414" s="12"/>
    </row>
    <row r="684415" spans="8:8">
      <c r="H684415" s="12"/>
    </row>
    <row r="684416" spans="8:8">
      <c r="H684416" s="12"/>
    </row>
    <row r="684417" spans="8:8">
      <c r="H684417" s="12"/>
    </row>
    <row r="684418" spans="8:8">
      <c r="H684418" s="12"/>
    </row>
    <row r="684419" spans="8:8">
      <c r="H684419" s="12"/>
    </row>
    <row r="684420" spans="8:8">
      <c r="H684420" s="12"/>
    </row>
    <row r="684421" spans="8:8">
      <c r="H684421" s="12"/>
    </row>
    <row r="684422" spans="8:8">
      <c r="H684422" s="12"/>
    </row>
    <row r="684423" spans="8:8">
      <c r="H684423" s="12"/>
    </row>
    <row r="684424" spans="8:8">
      <c r="H684424" s="12"/>
    </row>
    <row r="684425" spans="8:8">
      <c r="H684425" s="12"/>
    </row>
    <row r="684426" spans="8:8">
      <c r="H684426" s="12"/>
    </row>
    <row r="684427" spans="8:8">
      <c r="H684427" s="12"/>
    </row>
    <row r="684428" spans="8:8">
      <c r="H684428" s="12"/>
    </row>
    <row r="684429" spans="8:8">
      <c r="H684429" s="12"/>
    </row>
    <row r="684430" spans="8:8">
      <c r="H684430" s="12"/>
    </row>
    <row r="684431" spans="8:8">
      <c r="H684431" s="12"/>
    </row>
    <row r="684432" spans="8:8">
      <c r="H684432" s="12"/>
    </row>
    <row r="684433" spans="8:8">
      <c r="H684433" s="12"/>
    </row>
    <row r="684434" spans="8:8">
      <c r="H684434" s="12"/>
    </row>
    <row r="684435" spans="8:8">
      <c r="H684435" s="12"/>
    </row>
    <row r="684436" spans="8:8">
      <c r="H684436" s="12"/>
    </row>
    <row r="684437" spans="8:8">
      <c r="H684437" s="12"/>
    </row>
    <row r="684438" spans="8:8">
      <c r="H684438" s="12"/>
    </row>
    <row r="684439" spans="8:8">
      <c r="H684439" s="12"/>
    </row>
    <row r="684440" spans="8:8">
      <c r="H684440" s="12"/>
    </row>
    <row r="684441" spans="8:8">
      <c r="H684441" s="12"/>
    </row>
    <row r="684442" spans="8:8">
      <c r="H684442" s="12"/>
    </row>
    <row r="684443" spans="8:8">
      <c r="H684443" s="12"/>
    </row>
    <row r="684444" spans="8:8">
      <c r="H684444" s="12"/>
    </row>
    <row r="684445" spans="8:8">
      <c r="H684445" s="12"/>
    </row>
    <row r="684446" spans="8:8">
      <c r="H684446" s="12"/>
    </row>
    <row r="684447" spans="8:8">
      <c r="H684447" s="12"/>
    </row>
    <row r="684448" spans="8:8">
      <c r="H684448" s="12"/>
    </row>
    <row r="684449" spans="8:8">
      <c r="H684449" s="12"/>
    </row>
    <row r="684450" spans="8:8">
      <c r="H684450" s="12"/>
    </row>
    <row r="684451" spans="8:8">
      <c r="H684451" s="12"/>
    </row>
    <row r="684452" spans="8:8">
      <c r="H684452" s="12"/>
    </row>
    <row r="684453" spans="8:8">
      <c r="H684453" s="12"/>
    </row>
    <row r="684454" spans="8:8">
      <c r="H684454" s="12"/>
    </row>
    <row r="684455" spans="8:8">
      <c r="H684455" s="12"/>
    </row>
    <row r="684456" spans="8:8">
      <c r="H684456" s="12"/>
    </row>
    <row r="684457" spans="8:8">
      <c r="H684457" s="12"/>
    </row>
    <row r="684458" spans="8:8">
      <c r="H684458" s="12"/>
    </row>
    <row r="684459" spans="8:8">
      <c r="H684459" s="12"/>
    </row>
    <row r="684460" spans="8:8">
      <c r="H684460" s="12"/>
    </row>
    <row r="684461" spans="8:8">
      <c r="H684461" s="12"/>
    </row>
    <row r="684462" spans="8:8">
      <c r="H684462" s="12"/>
    </row>
    <row r="684463" spans="8:8">
      <c r="H684463" s="12"/>
    </row>
    <row r="684464" spans="8:8">
      <c r="H684464" s="12"/>
    </row>
    <row r="684465" spans="8:8">
      <c r="H684465" s="12"/>
    </row>
    <row r="684466" spans="8:8">
      <c r="H684466" s="12"/>
    </row>
    <row r="684467" spans="8:8">
      <c r="H684467" s="12"/>
    </row>
    <row r="684468" spans="8:8">
      <c r="H684468" s="12"/>
    </row>
    <row r="684469" spans="8:8">
      <c r="H684469" s="12"/>
    </row>
    <row r="684470" spans="8:8">
      <c r="H684470" s="12"/>
    </row>
    <row r="684471" spans="8:8">
      <c r="H684471" s="12"/>
    </row>
    <row r="684472" spans="8:8">
      <c r="H684472" s="12"/>
    </row>
    <row r="684473" spans="8:8">
      <c r="H684473" s="12"/>
    </row>
    <row r="684474" spans="8:8">
      <c r="H684474" s="12"/>
    </row>
    <row r="684475" spans="8:8">
      <c r="H684475" s="12"/>
    </row>
    <row r="684476" spans="8:8">
      <c r="H684476" s="12"/>
    </row>
    <row r="684477" spans="8:8">
      <c r="H684477" s="12"/>
    </row>
    <row r="684478" spans="8:8">
      <c r="H684478" s="12"/>
    </row>
    <row r="684479" spans="8:8">
      <c r="H684479" s="12"/>
    </row>
    <row r="684480" spans="8:8">
      <c r="H684480" s="12"/>
    </row>
    <row r="684481" spans="8:8">
      <c r="H684481" s="12"/>
    </row>
    <row r="684482" spans="8:8">
      <c r="H684482" s="12"/>
    </row>
    <row r="684483" spans="8:8">
      <c r="H684483" s="12"/>
    </row>
    <row r="684484" spans="8:8">
      <c r="H684484" s="12"/>
    </row>
    <row r="684485" spans="8:8">
      <c r="H684485" s="12"/>
    </row>
    <row r="684486" spans="8:8">
      <c r="H684486" s="12"/>
    </row>
    <row r="684487" spans="8:8">
      <c r="H684487" s="12"/>
    </row>
    <row r="684488" spans="8:8">
      <c r="H684488" s="12"/>
    </row>
    <row r="684489" spans="8:8">
      <c r="H684489" s="12"/>
    </row>
    <row r="684490" spans="8:8">
      <c r="H684490" s="12"/>
    </row>
    <row r="684491" spans="8:8">
      <c r="H684491" s="12"/>
    </row>
    <row r="684492" spans="8:8">
      <c r="H684492" s="12"/>
    </row>
    <row r="684493" spans="8:8">
      <c r="H684493" s="12"/>
    </row>
    <row r="684494" spans="8:8">
      <c r="H684494" s="12"/>
    </row>
    <row r="684495" spans="8:8">
      <c r="H684495" s="12"/>
    </row>
    <row r="684496" spans="8:8">
      <c r="H684496" s="12"/>
    </row>
    <row r="684497" spans="8:8">
      <c r="H684497" s="12"/>
    </row>
    <row r="684498" spans="8:8">
      <c r="H684498" s="12"/>
    </row>
    <row r="684499" spans="8:8">
      <c r="H684499" s="12"/>
    </row>
    <row r="684500" spans="8:8">
      <c r="H684500" s="12"/>
    </row>
    <row r="684501" spans="8:8">
      <c r="H684501" s="12"/>
    </row>
    <row r="684502" spans="8:8">
      <c r="H684502" s="12"/>
    </row>
    <row r="684503" spans="8:8">
      <c r="H684503" s="12"/>
    </row>
    <row r="684504" spans="8:8">
      <c r="H684504" s="12"/>
    </row>
    <row r="684505" spans="8:8">
      <c r="H684505" s="12"/>
    </row>
    <row r="684506" spans="8:8">
      <c r="H684506" s="12"/>
    </row>
    <row r="684507" spans="8:8">
      <c r="H684507" s="12"/>
    </row>
    <row r="684508" spans="8:8">
      <c r="H684508" s="12"/>
    </row>
    <row r="684509" spans="8:8">
      <c r="H684509" s="12"/>
    </row>
    <row r="684510" spans="8:8">
      <c r="H684510" s="12"/>
    </row>
    <row r="684511" spans="8:8">
      <c r="H684511" s="12"/>
    </row>
    <row r="684512" spans="8:8">
      <c r="H684512" s="12"/>
    </row>
    <row r="684513" spans="8:8">
      <c r="H684513" s="12"/>
    </row>
    <row r="684514" spans="8:8">
      <c r="H684514" s="12"/>
    </row>
    <row r="684515" spans="8:8">
      <c r="H684515" s="12"/>
    </row>
    <row r="684516" spans="8:8">
      <c r="H684516" s="12"/>
    </row>
    <row r="684517" spans="8:8">
      <c r="H684517" s="12"/>
    </row>
    <row r="684518" spans="8:8">
      <c r="H684518" s="12"/>
    </row>
    <row r="684519" spans="8:8">
      <c r="H684519" s="12"/>
    </row>
    <row r="684520" spans="8:8">
      <c r="H684520" s="12"/>
    </row>
    <row r="684521" spans="8:8">
      <c r="H684521" s="12"/>
    </row>
    <row r="684522" spans="8:8">
      <c r="H684522" s="12"/>
    </row>
    <row r="684523" spans="8:8">
      <c r="H684523" s="12"/>
    </row>
    <row r="684524" spans="8:8">
      <c r="H684524" s="12"/>
    </row>
    <row r="684525" spans="8:8">
      <c r="H684525" s="12"/>
    </row>
    <row r="684526" spans="8:8">
      <c r="H684526" s="12"/>
    </row>
    <row r="684527" spans="8:8">
      <c r="H684527" s="12"/>
    </row>
    <row r="684528" spans="8:8">
      <c r="H684528" s="12"/>
    </row>
    <row r="684529" spans="8:8">
      <c r="H684529" s="12"/>
    </row>
    <row r="684530" spans="8:8">
      <c r="H684530" s="12"/>
    </row>
    <row r="684531" spans="8:8">
      <c r="H684531" s="12"/>
    </row>
    <row r="684532" spans="8:8">
      <c r="H684532" s="12"/>
    </row>
    <row r="684533" spans="8:8">
      <c r="H684533" s="12"/>
    </row>
    <row r="684534" spans="8:8">
      <c r="H684534" s="12"/>
    </row>
    <row r="684535" spans="8:8">
      <c r="H684535" s="12"/>
    </row>
    <row r="684536" spans="8:8">
      <c r="H684536" s="12"/>
    </row>
    <row r="684537" spans="8:8">
      <c r="H684537" s="12"/>
    </row>
    <row r="684538" spans="8:8">
      <c r="H684538" s="12"/>
    </row>
    <row r="684539" spans="8:8">
      <c r="H684539" s="12"/>
    </row>
    <row r="684540" spans="8:8">
      <c r="H684540" s="12"/>
    </row>
    <row r="684541" spans="8:8">
      <c r="H684541" s="12"/>
    </row>
    <row r="684542" spans="8:8">
      <c r="H684542" s="12"/>
    </row>
    <row r="684543" spans="8:8">
      <c r="H684543" s="12"/>
    </row>
    <row r="684544" spans="8:8">
      <c r="H684544" s="12"/>
    </row>
    <row r="684545" spans="8:8">
      <c r="H684545" s="12"/>
    </row>
    <row r="684546" spans="8:8">
      <c r="H684546" s="12"/>
    </row>
    <row r="684547" spans="8:8">
      <c r="H684547" s="12"/>
    </row>
    <row r="684548" spans="8:8">
      <c r="H684548" s="12"/>
    </row>
    <row r="684549" spans="8:8">
      <c r="H684549" s="12"/>
    </row>
    <row r="684550" spans="8:8">
      <c r="H684550" s="12"/>
    </row>
    <row r="684551" spans="8:8">
      <c r="H684551" s="12"/>
    </row>
    <row r="684552" spans="8:8">
      <c r="H684552" s="12"/>
    </row>
    <row r="684553" spans="8:8">
      <c r="H684553" s="12"/>
    </row>
    <row r="684554" spans="8:8">
      <c r="H684554" s="12"/>
    </row>
    <row r="684555" spans="8:8">
      <c r="H684555" s="12"/>
    </row>
    <row r="684556" spans="8:8">
      <c r="H684556" s="12"/>
    </row>
    <row r="684557" spans="8:8">
      <c r="H684557" s="12"/>
    </row>
    <row r="684558" spans="8:8">
      <c r="H684558" s="12"/>
    </row>
    <row r="684559" spans="8:8">
      <c r="H684559" s="12"/>
    </row>
    <row r="684560" spans="8:8">
      <c r="H684560" s="12"/>
    </row>
    <row r="684561" spans="8:8">
      <c r="H684561" s="12"/>
    </row>
    <row r="684562" spans="8:8">
      <c r="H684562" s="12"/>
    </row>
    <row r="684563" spans="8:8">
      <c r="H684563" s="12"/>
    </row>
    <row r="684564" spans="8:8">
      <c r="H684564" s="12"/>
    </row>
    <row r="684565" spans="8:8">
      <c r="H684565" s="12"/>
    </row>
    <row r="684566" spans="8:8">
      <c r="H684566" s="12"/>
    </row>
    <row r="684567" spans="8:8">
      <c r="H684567" s="12"/>
    </row>
    <row r="684568" spans="8:8">
      <c r="H684568" s="12"/>
    </row>
    <row r="684569" spans="8:8">
      <c r="H684569" s="12"/>
    </row>
    <row r="684570" spans="8:8">
      <c r="H684570" s="12"/>
    </row>
    <row r="684571" spans="8:8">
      <c r="H684571" s="12"/>
    </row>
    <row r="684572" spans="8:8">
      <c r="H684572" s="12"/>
    </row>
    <row r="684573" spans="8:8">
      <c r="H684573" s="12"/>
    </row>
    <row r="684574" spans="8:8">
      <c r="H684574" s="12"/>
    </row>
    <row r="684575" spans="8:8">
      <c r="H684575" s="12"/>
    </row>
    <row r="684576" spans="8:8">
      <c r="H684576" s="12"/>
    </row>
    <row r="684577" spans="8:8">
      <c r="H684577" s="12"/>
    </row>
    <row r="684578" spans="8:8">
      <c r="H684578" s="12"/>
    </row>
    <row r="684579" spans="8:8">
      <c r="H684579" s="12"/>
    </row>
    <row r="684580" spans="8:8">
      <c r="H684580" s="12"/>
    </row>
    <row r="684581" spans="8:8">
      <c r="H684581" s="12"/>
    </row>
    <row r="684582" spans="8:8">
      <c r="H684582" s="12"/>
    </row>
    <row r="684583" spans="8:8">
      <c r="H684583" s="12"/>
    </row>
    <row r="684584" spans="8:8">
      <c r="H684584" s="12"/>
    </row>
    <row r="684585" spans="8:8">
      <c r="H684585" s="12"/>
    </row>
    <row r="684586" spans="8:8">
      <c r="H684586" s="12"/>
    </row>
    <row r="684587" spans="8:8">
      <c r="H684587" s="12"/>
    </row>
    <row r="684588" spans="8:8">
      <c r="H684588" s="12"/>
    </row>
    <row r="684589" spans="8:8">
      <c r="H684589" s="12"/>
    </row>
    <row r="684590" spans="8:8">
      <c r="H684590" s="12"/>
    </row>
    <row r="684591" spans="8:8">
      <c r="H684591" s="12"/>
    </row>
    <row r="684592" spans="8:8">
      <c r="H684592" s="12"/>
    </row>
    <row r="684593" spans="8:8">
      <c r="H684593" s="12"/>
    </row>
    <row r="684594" spans="8:8">
      <c r="H684594" s="12"/>
    </row>
    <row r="684595" spans="8:8">
      <c r="H684595" s="12"/>
    </row>
    <row r="684596" spans="8:8">
      <c r="H684596" s="12"/>
    </row>
    <row r="684597" spans="8:8">
      <c r="H684597" s="12"/>
    </row>
    <row r="684598" spans="8:8">
      <c r="H684598" s="12"/>
    </row>
    <row r="684599" spans="8:8">
      <c r="H684599" s="12"/>
    </row>
    <row r="684600" spans="8:8">
      <c r="H684600" s="12"/>
    </row>
    <row r="684601" spans="8:8">
      <c r="H684601" s="12"/>
    </row>
    <row r="684602" spans="8:8">
      <c r="H684602" s="12"/>
    </row>
    <row r="684603" spans="8:8">
      <c r="H684603" s="12"/>
    </row>
    <row r="684604" spans="8:8">
      <c r="H684604" s="12"/>
    </row>
    <row r="684605" spans="8:8">
      <c r="H684605" s="12"/>
    </row>
    <row r="684606" spans="8:8">
      <c r="H684606" s="12"/>
    </row>
    <row r="684607" spans="8:8">
      <c r="H684607" s="12"/>
    </row>
    <row r="684608" spans="8:8">
      <c r="H684608" s="12"/>
    </row>
    <row r="684609" spans="8:8">
      <c r="H684609" s="12"/>
    </row>
    <row r="684610" spans="8:8">
      <c r="H684610" s="12"/>
    </row>
    <row r="684611" spans="8:8">
      <c r="H684611" s="12"/>
    </row>
    <row r="684612" spans="8:8">
      <c r="H684612" s="12"/>
    </row>
    <row r="684613" spans="8:8">
      <c r="H684613" s="12"/>
    </row>
    <row r="684614" spans="8:8">
      <c r="H684614" s="12"/>
    </row>
    <row r="684615" spans="8:8">
      <c r="H684615" s="12"/>
    </row>
    <row r="684616" spans="8:8">
      <c r="H684616" s="12"/>
    </row>
    <row r="684617" spans="8:8">
      <c r="H684617" s="12"/>
    </row>
    <row r="684618" spans="8:8">
      <c r="H684618" s="12"/>
    </row>
    <row r="684619" spans="8:8">
      <c r="H684619" s="12"/>
    </row>
    <row r="684620" spans="8:8">
      <c r="H684620" s="12"/>
    </row>
    <row r="684621" spans="8:8">
      <c r="H684621" s="12"/>
    </row>
    <row r="684622" spans="8:8">
      <c r="H684622" s="12"/>
    </row>
    <row r="684623" spans="8:8">
      <c r="H684623" s="12"/>
    </row>
    <row r="684624" spans="8:8">
      <c r="H684624" s="12"/>
    </row>
    <row r="684625" spans="8:8">
      <c r="H684625" s="12"/>
    </row>
    <row r="684626" spans="8:8">
      <c r="H684626" s="12"/>
    </row>
    <row r="684627" spans="8:8">
      <c r="H684627" s="12"/>
    </row>
    <row r="684628" spans="8:8">
      <c r="H684628" s="12"/>
    </row>
    <row r="684629" spans="8:8">
      <c r="H684629" s="12"/>
    </row>
    <row r="684630" spans="8:8">
      <c r="H684630" s="12"/>
    </row>
    <row r="684631" spans="8:8">
      <c r="H684631" s="12"/>
    </row>
    <row r="684632" spans="8:8">
      <c r="H684632" s="12"/>
    </row>
    <row r="684633" spans="8:8">
      <c r="H684633" s="12"/>
    </row>
    <row r="684634" spans="8:8">
      <c r="H684634" s="12"/>
    </row>
    <row r="684635" spans="8:8">
      <c r="H684635" s="12"/>
    </row>
    <row r="684636" spans="8:8">
      <c r="H684636" s="12"/>
    </row>
    <row r="684637" spans="8:8">
      <c r="H684637" s="12"/>
    </row>
    <row r="684638" spans="8:8">
      <c r="H684638" s="12"/>
    </row>
    <row r="684639" spans="8:8">
      <c r="H684639" s="12"/>
    </row>
    <row r="684640" spans="8:8">
      <c r="H684640" s="12"/>
    </row>
    <row r="684641" spans="8:8">
      <c r="H684641" s="12"/>
    </row>
    <row r="684642" spans="8:8">
      <c r="H684642" s="12"/>
    </row>
    <row r="684643" spans="8:8">
      <c r="H684643" s="12"/>
    </row>
    <row r="684644" spans="8:8">
      <c r="H684644" s="12"/>
    </row>
    <row r="684645" spans="8:8">
      <c r="H684645" s="12"/>
    </row>
    <row r="684646" spans="8:8">
      <c r="H684646" s="12"/>
    </row>
    <row r="684647" spans="8:8">
      <c r="H684647" s="12"/>
    </row>
    <row r="684648" spans="8:8">
      <c r="H684648" s="12"/>
    </row>
    <row r="684649" spans="8:8">
      <c r="H684649" s="12"/>
    </row>
    <row r="684650" spans="8:8">
      <c r="H684650" s="12"/>
    </row>
    <row r="684651" spans="8:8">
      <c r="H684651" s="12"/>
    </row>
    <row r="684652" spans="8:8">
      <c r="H684652" s="12"/>
    </row>
    <row r="684653" spans="8:8">
      <c r="H684653" s="12"/>
    </row>
    <row r="684654" spans="8:8">
      <c r="H684654" s="12"/>
    </row>
    <row r="684655" spans="8:8">
      <c r="H684655" s="12"/>
    </row>
    <row r="684656" spans="8:8">
      <c r="H684656" s="12"/>
    </row>
    <row r="684657" spans="8:8">
      <c r="H684657" s="12"/>
    </row>
    <row r="684658" spans="8:8">
      <c r="H684658" s="12"/>
    </row>
    <row r="684659" spans="8:8">
      <c r="H684659" s="12"/>
    </row>
    <row r="684660" spans="8:8">
      <c r="H684660" s="12"/>
    </row>
    <row r="684661" spans="8:8">
      <c r="H684661" s="12"/>
    </row>
    <row r="684662" spans="8:8">
      <c r="H684662" s="12"/>
    </row>
    <row r="684663" spans="8:8">
      <c r="H684663" s="12"/>
    </row>
    <row r="684664" spans="8:8">
      <c r="H684664" s="12"/>
    </row>
    <row r="684665" spans="8:8">
      <c r="H684665" s="12"/>
    </row>
    <row r="684666" spans="8:8">
      <c r="H684666" s="12"/>
    </row>
    <row r="684667" spans="8:8">
      <c r="H684667" s="12"/>
    </row>
    <row r="684668" spans="8:8">
      <c r="H684668" s="12"/>
    </row>
    <row r="684669" spans="8:8">
      <c r="H684669" s="12"/>
    </row>
    <row r="684670" spans="8:8">
      <c r="H684670" s="12"/>
    </row>
    <row r="684671" spans="8:8">
      <c r="H684671" s="12"/>
    </row>
    <row r="684672" spans="8:8">
      <c r="H684672" s="12"/>
    </row>
    <row r="684673" spans="8:8">
      <c r="H684673" s="12"/>
    </row>
    <row r="684674" spans="8:8">
      <c r="H684674" s="12"/>
    </row>
    <row r="684675" spans="8:8">
      <c r="H684675" s="12"/>
    </row>
    <row r="684676" spans="8:8">
      <c r="H684676" s="12"/>
    </row>
    <row r="684677" spans="8:8">
      <c r="H684677" s="12"/>
    </row>
    <row r="684678" spans="8:8">
      <c r="H684678" s="12"/>
    </row>
    <row r="684679" spans="8:8">
      <c r="H684679" s="12"/>
    </row>
    <row r="684680" spans="8:8">
      <c r="H684680" s="12"/>
    </row>
    <row r="684681" spans="8:8">
      <c r="H684681" s="12"/>
    </row>
    <row r="684682" spans="8:8">
      <c r="H684682" s="12"/>
    </row>
    <row r="684683" spans="8:8">
      <c r="H684683" s="12"/>
    </row>
    <row r="684684" spans="8:8">
      <c r="H684684" s="12"/>
    </row>
    <row r="684685" spans="8:8">
      <c r="H684685" s="12"/>
    </row>
    <row r="684686" spans="8:8">
      <c r="H684686" s="12"/>
    </row>
    <row r="684687" spans="8:8">
      <c r="H684687" s="12"/>
    </row>
    <row r="684688" spans="8:8">
      <c r="H684688" s="12"/>
    </row>
    <row r="684689" spans="8:8">
      <c r="H684689" s="12"/>
    </row>
    <row r="684690" spans="8:8">
      <c r="H684690" s="12"/>
    </row>
    <row r="684691" spans="8:8">
      <c r="H684691" s="12"/>
    </row>
    <row r="684692" spans="8:8">
      <c r="H684692" s="12"/>
    </row>
    <row r="684693" spans="8:8">
      <c r="H684693" s="12"/>
    </row>
    <row r="684694" spans="8:8">
      <c r="H684694" s="12"/>
    </row>
    <row r="684695" spans="8:8">
      <c r="H684695" s="12"/>
    </row>
    <row r="684696" spans="8:8">
      <c r="H684696" s="12"/>
    </row>
    <row r="684697" spans="8:8">
      <c r="H684697" s="12"/>
    </row>
    <row r="684698" spans="8:8">
      <c r="H684698" s="12"/>
    </row>
    <row r="684699" spans="8:8">
      <c r="H684699" s="12"/>
    </row>
    <row r="684700" spans="8:8">
      <c r="H684700" s="12"/>
    </row>
    <row r="684701" spans="8:8">
      <c r="H684701" s="12"/>
    </row>
    <row r="684702" spans="8:8">
      <c r="H684702" s="12"/>
    </row>
    <row r="684703" spans="8:8">
      <c r="H684703" s="12"/>
    </row>
    <row r="684704" spans="8:8">
      <c r="H684704" s="12"/>
    </row>
    <row r="684705" spans="8:8">
      <c r="H684705" s="12"/>
    </row>
    <row r="684706" spans="8:8">
      <c r="H684706" s="12"/>
    </row>
    <row r="684707" spans="8:8">
      <c r="H684707" s="12"/>
    </row>
    <row r="684708" spans="8:8">
      <c r="H684708" s="12"/>
    </row>
    <row r="684709" spans="8:8">
      <c r="H684709" s="12"/>
    </row>
    <row r="684710" spans="8:8">
      <c r="H684710" s="12"/>
    </row>
    <row r="684711" spans="8:8">
      <c r="H684711" s="12"/>
    </row>
    <row r="684712" spans="8:8">
      <c r="H684712" s="12"/>
    </row>
    <row r="684713" spans="8:8">
      <c r="H684713" s="12"/>
    </row>
    <row r="684714" spans="8:8">
      <c r="H684714" s="12"/>
    </row>
    <row r="684715" spans="8:8">
      <c r="H684715" s="12"/>
    </row>
    <row r="684716" spans="8:8">
      <c r="H684716" s="12"/>
    </row>
    <row r="684717" spans="8:8">
      <c r="H684717" s="12"/>
    </row>
    <row r="684718" spans="8:8">
      <c r="H684718" s="12"/>
    </row>
    <row r="684719" spans="8:8">
      <c r="H684719" s="12"/>
    </row>
    <row r="684720" spans="8:8">
      <c r="H684720" s="12"/>
    </row>
    <row r="684721" spans="8:8">
      <c r="H684721" s="12"/>
    </row>
    <row r="684722" spans="8:8">
      <c r="H684722" s="12"/>
    </row>
    <row r="684723" spans="8:8">
      <c r="H684723" s="12"/>
    </row>
    <row r="684724" spans="8:8">
      <c r="H684724" s="12"/>
    </row>
    <row r="684725" spans="8:8">
      <c r="H684725" s="12"/>
    </row>
    <row r="684726" spans="8:8">
      <c r="H684726" s="12"/>
    </row>
    <row r="684727" spans="8:8">
      <c r="H684727" s="12"/>
    </row>
    <row r="684728" spans="8:8">
      <c r="H684728" s="12"/>
    </row>
    <row r="684729" spans="8:8">
      <c r="H684729" s="12"/>
    </row>
    <row r="684730" spans="8:8">
      <c r="H684730" s="12"/>
    </row>
    <row r="684731" spans="8:8">
      <c r="H684731" s="12"/>
    </row>
    <row r="684732" spans="8:8">
      <c r="H684732" s="12"/>
    </row>
    <row r="684733" spans="8:8">
      <c r="H684733" s="12"/>
    </row>
    <row r="684734" spans="8:8">
      <c r="H684734" s="12"/>
    </row>
    <row r="684735" spans="8:8">
      <c r="H684735" s="12"/>
    </row>
    <row r="684736" spans="8:8">
      <c r="H684736" s="12"/>
    </row>
    <row r="684737" spans="8:8">
      <c r="H684737" s="12"/>
    </row>
    <row r="684738" spans="8:8">
      <c r="H684738" s="12"/>
    </row>
    <row r="684739" spans="8:8">
      <c r="H684739" s="12"/>
    </row>
    <row r="684740" spans="8:8">
      <c r="H684740" s="12"/>
    </row>
    <row r="684741" spans="8:8">
      <c r="H684741" s="12"/>
    </row>
    <row r="684742" spans="8:8">
      <c r="H684742" s="12"/>
    </row>
    <row r="684743" spans="8:8">
      <c r="H684743" s="12"/>
    </row>
    <row r="684744" spans="8:8">
      <c r="H684744" s="12"/>
    </row>
    <row r="684745" spans="8:8">
      <c r="H684745" s="12"/>
    </row>
    <row r="684746" spans="8:8">
      <c r="H684746" s="12"/>
    </row>
    <row r="684747" spans="8:8">
      <c r="H684747" s="12"/>
    </row>
    <row r="684748" spans="8:8">
      <c r="H684748" s="12"/>
    </row>
    <row r="684749" spans="8:8">
      <c r="H684749" s="12"/>
    </row>
    <row r="684750" spans="8:8">
      <c r="H684750" s="12"/>
    </row>
    <row r="684751" spans="8:8">
      <c r="H684751" s="12"/>
    </row>
    <row r="684752" spans="8:8">
      <c r="H684752" s="12"/>
    </row>
    <row r="684753" spans="8:8">
      <c r="H684753" s="12"/>
    </row>
    <row r="684754" spans="8:8">
      <c r="H684754" s="12"/>
    </row>
    <row r="684755" spans="8:8">
      <c r="H684755" s="12"/>
    </row>
    <row r="684756" spans="8:8">
      <c r="H684756" s="12"/>
    </row>
    <row r="684757" spans="8:8">
      <c r="H684757" s="12"/>
    </row>
    <row r="684758" spans="8:8">
      <c r="H684758" s="12"/>
    </row>
    <row r="684759" spans="8:8">
      <c r="H684759" s="12"/>
    </row>
    <row r="684760" spans="8:8">
      <c r="H684760" s="12"/>
    </row>
    <row r="684761" spans="8:8">
      <c r="H684761" s="12"/>
    </row>
    <row r="684762" spans="8:8">
      <c r="H684762" s="12"/>
    </row>
    <row r="684763" spans="8:8">
      <c r="H684763" s="12"/>
    </row>
    <row r="684764" spans="8:8">
      <c r="H684764" s="12"/>
    </row>
    <row r="684765" spans="8:8">
      <c r="H684765" s="12"/>
    </row>
    <row r="684766" spans="8:8">
      <c r="H684766" s="12"/>
    </row>
    <row r="684767" spans="8:8">
      <c r="H684767" s="12"/>
    </row>
    <row r="684768" spans="8:8">
      <c r="H684768" s="12"/>
    </row>
    <row r="684769" spans="8:8">
      <c r="H684769" s="12"/>
    </row>
    <row r="684770" spans="8:8">
      <c r="H684770" s="12"/>
    </row>
    <row r="684771" spans="8:8">
      <c r="H684771" s="12"/>
    </row>
    <row r="684772" spans="8:8">
      <c r="H684772" s="12"/>
    </row>
    <row r="684773" spans="8:8">
      <c r="H684773" s="12"/>
    </row>
    <row r="684774" spans="8:8">
      <c r="H684774" s="12"/>
    </row>
    <row r="684775" spans="8:8">
      <c r="H684775" s="12"/>
    </row>
    <row r="684776" spans="8:8">
      <c r="H684776" s="12"/>
    </row>
    <row r="684777" spans="8:8">
      <c r="H684777" s="12"/>
    </row>
    <row r="684778" spans="8:8">
      <c r="H684778" s="12"/>
    </row>
    <row r="684779" spans="8:8">
      <c r="H684779" s="12"/>
    </row>
    <row r="684780" spans="8:8">
      <c r="H684780" s="12"/>
    </row>
    <row r="684781" spans="8:8">
      <c r="H684781" s="12"/>
    </row>
    <row r="684782" spans="8:8">
      <c r="H684782" s="12"/>
    </row>
    <row r="684783" spans="8:8">
      <c r="H684783" s="12"/>
    </row>
    <row r="684784" spans="8:8">
      <c r="H684784" s="12"/>
    </row>
    <row r="684785" spans="8:8">
      <c r="H684785" s="12"/>
    </row>
    <row r="684786" spans="8:8">
      <c r="H684786" s="12"/>
    </row>
    <row r="684787" spans="8:8">
      <c r="H684787" s="12"/>
    </row>
    <row r="684788" spans="8:8">
      <c r="H684788" s="12"/>
    </row>
    <row r="684789" spans="8:8">
      <c r="H684789" s="12"/>
    </row>
    <row r="684790" spans="8:8">
      <c r="H684790" s="12"/>
    </row>
    <row r="684791" spans="8:8">
      <c r="H684791" s="12"/>
    </row>
    <row r="684792" spans="8:8">
      <c r="H684792" s="12"/>
    </row>
    <row r="684793" spans="8:8">
      <c r="H684793" s="12"/>
    </row>
    <row r="684794" spans="8:8">
      <c r="H684794" s="12"/>
    </row>
    <row r="684795" spans="8:8">
      <c r="H684795" s="12"/>
    </row>
    <row r="684796" spans="8:8">
      <c r="H684796" s="12"/>
    </row>
    <row r="684797" spans="8:8">
      <c r="H684797" s="12"/>
    </row>
    <row r="684798" spans="8:8">
      <c r="H684798" s="12"/>
    </row>
    <row r="684799" spans="8:8">
      <c r="H684799" s="12"/>
    </row>
    <row r="684800" spans="8:8">
      <c r="H684800" s="12"/>
    </row>
    <row r="684801" spans="8:8">
      <c r="H684801" s="12"/>
    </row>
    <row r="684802" spans="8:8">
      <c r="H684802" s="12"/>
    </row>
    <row r="684803" spans="8:8">
      <c r="H684803" s="12"/>
    </row>
    <row r="684804" spans="8:8">
      <c r="H684804" s="12"/>
    </row>
    <row r="684805" spans="8:8">
      <c r="H684805" s="12"/>
    </row>
    <row r="684806" spans="8:8">
      <c r="H684806" s="12"/>
    </row>
    <row r="684807" spans="8:8">
      <c r="H684807" s="12"/>
    </row>
    <row r="684808" spans="8:8">
      <c r="H684808" s="12"/>
    </row>
    <row r="684809" spans="8:8">
      <c r="H684809" s="12"/>
    </row>
    <row r="684810" spans="8:8">
      <c r="H684810" s="12"/>
    </row>
    <row r="684811" spans="8:8">
      <c r="H684811" s="12"/>
    </row>
    <row r="684812" spans="8:8">
      <c r="H684812" s="12"/>
    </row>
    <row r="684813" spans="8:8">
      <c r="H684813" s="12"/>
    </row>
    <row r="684814" spans="8:8">
      <c r="H684814" s="12"/>
    </row>
    <row r="684815" spans="8:8">
      <c r="H684815" s="12"/>
    </row>
    <row r="684816" spans="8:8">
      <c r="H684816" s="12"/>
    </row>
    <row r="684817" spans="8:8">
      <c r="H684817" s="12"/>
    </row>
    <row r="684818" spans="8:8">
      <c r="H684818" s="12"/>
    </row>
    <row r="684819" spans="8:8">
      <c r="H684819" s="12"/>
    </row>
    <row r="684820" spans="8:8">
      <c r="H684820" s="12"/>
    </row>
    <row r="684821" spans="8:8">
      <c r="H684821" s="12"/>
    </row>
    <row r="684822" spans="8:8">
      <c r="H684822" s="12"/>
    </row>
    <row r="684823" spans="8:8">
      <c r="H684823" s="12"/>
    </row>
    <row r="684824" spans="8:8">
      <c r="H684824" s="12"/>
    </row>
    <row r="684825" spans="8:8">
      <c r="H684825" s="12"/>
    </row>
    <row r="684826" spans="8:8">
      <c r="H684826" s="12"/>
    </row>
    <row r="684827" spans="8:8">
      <c r="H684827" s="12"/>
    </row>
    <row r="684828" spans="8:8">
      <c r="H684828" s="12"/>
    </row>
    <row r="684829" spans="8:8">
      <c r="H684829" s="12"/>
    </row>
    <row r="684830" spans="8:8">
      <c r="H684830" s="12"/>
    </row>
    <row r="684831" spans="8:8">
      <c r="H684831" s="12"/>
    </row>
    <row r="684832" spans="8:8">
      <c r="H684832" s="12"/>
    </row>
    <row r="684833" spans="8:8">
      <c r="H684833" s="12"/>
    </row>
    <row r="684834" spans="8:8">
      <c r="H684834" s="12"/>
    </row>
    <row r="684835" spans="8:8">
      <c r="H684835" s="12"/>
    </row>
    <row r="684836" spans="8:8">
      <c r="H684836" s="12"/>
    </row>
    <row r="684837" spans="8:8">
      <c r="H684837" s="12"/>
    </row>
    <row r="684838" spans="8:8">
      <c r="H684838" s="12"/>
    </row>
    <row r="684839" spans="8:8">
      <c r="H684839" s="12"/>
    </row>
    <row r="684840" spans="8:8">
      <c r="H684840" s="12"/>
    </row>
    <row r="684841" spans="8:8">
      <c r="H684841" s="12"/>
    </row>
    <row r="684842" spans="8:8">
      <c r="H684842" s="12"/>
    </row>
    <row r="684843" spans="8:8">
      <c r="H684843" s="12"/>
    </row>
    <row r="684844" spans="8:8">
      <c r="H684844" s="12"/>
    </row>
    <row r="684845" spans="8:8">
      <c r="H684845" s="12"/>
    </row>
    <row r="684846" spans="8:8">
      <c r="H684846" s="12"/>
    </row>
    <row r="684847" spans="8:8">
      <c r="H684847" s="12"/>
    </row>
    <row r="684848" spans="8:8">
      <c r="H684848" s="12"/>
    </row>
    <row r="684849" spans="8:8">
      <c r="H684849" s="12"/>
    </row>
    <row r="684850" spans="8:8">
      <c r="H684850" s="12"/>
    </row>
    <row r="684851" spans="8:8">
      <c r="H684851" s="12"/>
    </row>
    <row r="684852" spans="8:8">
      <c r="H684852" s="12"/>
    </row>
    <row r="684853" spans="8:8">
      <c r="H684853" s="12"/>
    </row>
    <row r="684854" spans="8:8">
      <c r="H684854" s="12"/>
    </row>
    <row r="684855" spans="8:8">
      <c r="H684855" s="12"/>
    </row>
    <row r="684856" spans="8:8">
      <c r="H684856" s="12"/>
    </row>
    <row r="684857" spans="8:8">
      <c r="H684857" s="12"/>
    </row>
    <row r="684858" spans="8:8">
      <c r="H684858" s="12"/>
    </row>
    <row r="684859" spans="8:8">
      <c r="H684859" s="12"/>
    </row>
    <row r="684860" spans="8:8">
      <c r="H684860" s="12"/>
    </row>
    <row r="684861" spans="8:8">
      <c r="H684861" s="12"/>
    </row>
    <row r="684862" spans="8:8">
      <c r="H684862" s="12"/>
    </row>
    <row r="684863" spans="8:8">
      <c r="H684863" s="12"/>
    </row>
    <row r="684864" spans="8:8">
      <c r="H684864" s="12"/>
    </row>
    <row r="684865" spans="8:8">
      <c r="H684865" s="12"/>
    </row>
    <row r="684866" spans="8:8">
      <c r="H684866" s="12"/>
    </row>
    <row r="684867" spans="8:8">
      <c r="H684867" s="12"/>
    </row>
    <row r="684868" spans="8:8">
      <c r="H684868" s="12"/>
    </row>
    <row r="684869" spans="8:8">
      <c r="H684869" s="12"/>
    </row>
    <row r="684870" spans="8:8">
      <c r="H684870" s="12"/>
    </row>
    <row r="684871" spans="8:8">
      <c r="H684871" s="12"/>
    </row>
    <row r="684872" spans="8:8">
      <c r="H684872" s="12"/>
    </row>
    <row r="684873" spans="8:8">
      <c r="H684873" s="12"/>
    </row>
    <row r="684874" spans="8:8">
      <c r="H684874" s="12"/>
    </row>
    <row r="684875" spans="8:8">
      <c r="H684875" s="12"/>
    </row>
    <row r="684876" spans="8:8">
      <c r="H684876" s="12"/>
    </row>
    <row r="684877" spans="8:8">
      <c r="H684877" s="12"/>
    </row>
    <row r="684878" spans="8:8">
      <c r="H684878" s="12"/>
    </row>
    <row r="684879" spans="8:8">
      <c r="H684879" s="12"/>
    </row>
    <row r="684880" spans="8:8">
      <c r="H684880" s="12"/>
    </row>
    <row r="684881" spans="8:8">
      <c r="H684881" s="12"/>
    </row>
    <row r="684882" spans="8:8">
      <c r="H684882" s="12"/>
    </row>
    <row r="684883" spans="8:8">
      <c r="H684883" s="12"/>
    </row>
    <row r="684884" spans="8:8">
      <c r="H684884" s="12"/>
    </row>
    <row r="684885" spans="8:8">
      <c r="H684885" s="12"/>
    </row>
    <row r="684886" spans="8:8">
      <c r="H684886" s="12"/>
    </row>
    <row r="684887" spans="8:8">
      <c r="H684887" s="12"/>
    </row>
    <row r="684888" spans="8:8">
      <c r="H684888" s="12"/>
    </row>
    <row r="684889" spans="8:8">
      <c r="H684889" s="12"/>
    </row>
    <row r="684890" spans="8:8">
      <c r="H684890" s="12"/>
    </row>
    <row r="684891" spans="8:8">
      <c r="H684891" s="12"/>
    </row>
    <row r="684892" spans="8:8">
      <c r="H684892" s="12"/>
    </row>
    <row r="684893" spans="8:8">
      <c r="H684893" s="12"/>
    </row>
    <row r="684894" spans="8:8">
      <c r="H684894" s="12"/>
    </row>
    <row r="684895" spans="8:8">
      <c r="H684895" s="12"/>
    </row>
    <row r="684896" spans="8:8">
      <c r="H684896" s="12"/>
    </row>
    <row r="684897" spans="8:8">
      <c r="H684897" s="12"/>
    </row>
    <row r="684898" spans="8:8">
      <c r="H684898" s="12"/>
    </row>
    <row r="684899" spans="8:8">
      <c r="H684899" s="12"/>
    </row>
    <row r="684900" spans="8:8">
      <c r="H684900" s="12"/>
    </row>
    <row r="684901" spans="8:8">
      <c r="H684901" s="12"/>
    </row>
    <row r="684902" spans="8:8">
      <c r="H684902" s="12"/>
    </row>
    <row r="684903" spans="8:8">
      <c r="H684903" s="12"/>
    </row>
    <row r="684904" spans="8:8">
      <c r="H684904" s="12"/>
    </row>
    <row r="684905" spans="8:8">
      <c r="H684905" s="12"/>
    </row>
    <row r="684906" spans="8:8">
      <c r="H684906" s="12"/>
    </row>
    <row r="684907" spans="8:8">
      <c r="H684907" s="12"/>
    </row>
    <row r="684908" spans="8:8">
      <c r="H684908" s="12"/>
    </row>
    <row r="684909" spans="8:8">
      <c r="H684909" s="12"/>
    </row>
    <row r="684910" spans="8:8">
      <c r="H684910" s="12"/>
    </row>
    <row r="684911" spans="8:8">
      <c r="H684911" s="12"/>
    </row>
    <row r="684912" spans="8:8">
      <c r="H684912" s="12"/>
    </row>
    <row r="684913" spans="8:8">
      <c r="H684913" s="12"/>
    </row>
    <row r="684914" spans="8:8">
      <c r="H684914" s="12"/>
    </row>
    <row r="684915" spans="8:8">
      <c r="H684915" s="12"/>
    </row>
    <row r="684916" spans="8:8">
      <c r="H684916" s="12"/>
    </row>
    <row r="684917" spans="8:8">
      <c r="H684917" s="12"/>
    </row>
    <row r="684918" spans="8:8">
      <c r="H684918" s="12"/>
    </row>
    <row r="684919" spans="8:8">
      <c r="H684919" s="12"/>
    </row>
    <row r="684920" spans="8:8">
      <c r="H684920" s="12"/>
    </row>
    <row r="684921" spans="8:8">
      <c r="H684921" s="12"/>
    </row>
    <row r="684922" spans="8:8">
      <c r="H684922" s="12"/>
    </row>
    <row r="684923" spans="8:8">
      <c r="H684923" s="12"/>
    </row>
    <row r="684924" spans="8:8">
      <c r="H684924" s="12"/>
    </row>
    <row r="684925" spans="8:8">
      <c r="H684925" s="12"/>
    </row>
    <row r="684926" spans="8:8">
      <c r="H684926" s="12"/>
    </row>
    <row r="684927" spans="8:8">
      <c r="H684927" s="12"/>
    </row>
    <row r="684928" spans="8:8">
      <c r="H684928" s="12"/>
    </row>
    <row r="684929" spans="8:8">
      <c r="H684929" s="12"/>
    </row>
    <row r="684930" spans="8:8">
      <c r="H684930" s="12"/>
    </row>
    <row r="684931" spans="8:8">
      <c r="H684931" s="12"/>
    </row>
    <row r="684932" spans="8:8">
      <c r="H684932" s="12"/>
    </row>
    <row r="684933" spans="8:8">
      <c r="H684933" s="12"/>
    </row>
    <row r="684934" spans="8:8">
      <c r="H684934" s="12"/>
    </row>
    <row r="684935" spans="8:8">
      <c r="H684935" s="12"/>
    </row>
    <row r="684936" spans="8:8">
      <c r="H684936" s="12"/>
    </row>
    <row r="684937" spans="8:8">
      <c r="H684937" s="12"/>
    </row>
    <row r="684938" spans="8:8">
      <c r="H684938" s="12"/>
    </row>
    <row r="684939" spans="8:8">
      <c r="H684939" s="12"/>
    </row>
    <row r="684940" spans="8:8">
      <c r="H684940" s="12"/>
    </row>
    <row r="684941" spans="8:8">
      <c r="H684941" s="12"/>
    </row>
    <row r="684942" spans="8:8">
      <c r="H684942" s="12"/>
    </row>
    <row r="684943" spans="8:8">
      <c r="H684943" s="12"/>
    </row>
    <row r="684944" spans="8:8">
      <c r="H684944" s="12"/>
    </row>
    <row r="684945" spans="8:8">
      <c r="H684945" s="12"/>
    </row>
    <row r="684946" spans="8:8">
      <c r="H684946" s="12"/>
    </row>
    <row r="684947" spans="8:8">
      <c r="H684947" s="12"/>
    </row>
    <row r="684948" spans="8:8">
      <c r="H684948" s="12"/>
    </row>
    <row r="684949" spans="8:8">
      <c r="H684949" s="12"/>
    </row>
    <row r="684950" spans="8:8">
      <c r="H684950" s="12"/>
    </row>
    <row r="684951" spans="8:8">
      <c r="H684951" s="12"/>
    </row>
    <row r="684952" spans="8:8">
      <c r="H684952" s="12"/>
    </row>
    <row r="684953" spans="8:8">
      <c r="H684953" s="12"/>
    </row>
    <row r="684954" spans="8:8">
      <c r="H684954" s="12"/>
    </row>
    <row r="684955" spans="8:8">
      <c r="H684955" s="12"/>
    </row>
    <row r="684956" spans="8:8">
      <c r="H684956" s="12"/>
    </row>
    <row r="684957" spans="8:8">
      <c r="H684957" s="12"/>
    </row>
    <row r="684958" spans="8:8">
      <c r="H684958" s="12"/>
    </row>
    <row r="684959" spans="8:8">
      <c r="H684959" s="12"/>
    </row>
    <row r="684960" spans="8:8">
      <c r="H684960" s="12"/>
    </row>
    <row r="684961" spans="8:8">
      <c r="H684961" s="12"/>
    </row>
    <row r="684962" spans="8:8">
      <c r="H684962" s="12"/>
    </row>
    <row r="684963" spans="8:8">
      <c r="H684963" s="12"/>
    </row>
    <row r="684964" spans="8:8">
      <c r="H684964" s="12"/>
    </row>
    <row r="684965" spans="8:8">
      <c r="H684965" s="12"/>
    </row>
    <row r="684966" spans="8:8">
      <c r="H684966" s="12"/>
    </row>
    <row r="684967" spans="8:8">
      <c r="H684967" s="12"/>
    </row>
    <row r="684968" spans="8:8">
      <c r="H684968" s="12"/>
    </row>
    <row r="684969" spans="8:8">
      <c r="H684969" s="12"/>
    </row>
    <row r="684970" spans="8:8">
      <c r="H684970" s="12"/>
    </row>
    <row r="684971" spans="8:8">
      <c r="H684971" s="12"/>
    </row>
    <row r="684972" spans="8:8">
      <c r="H684972" s="12"/>
    </row>
    <row r="684973" spans="8:8">
      <c r="H684973" s="12"/>
    </row>
    <row r="684974" spans="8:8">
      <c r="H684974" s="12"/>
    </row>
    <row r="684975" spans="8:8">
      <c r="H684975" s="12"/>
    </row>
    <row r="684976" spans="8:8">
      <c r="H684976" s="12"/>
    </row>
    <row r="684977" spans="8:8">
      <c r="H684977" s="12"/>
    </row>
    <row r="684978" spans="8:8">
      <c r="H684978" s="12"/>
    </row>
    <row r="684979" spans="8:8">
      <c r="H684979" s="12"/>
    </row>
    <row r="684980" spans="8:8">
      <c r="H684980" s="12"/>
    </row>
    <row r="684981" spans="8:8">
      <c r="H684981" s="12"/>
    </row>
    <row r="684982" spans="8:8">
      <c r="H684982" s="12"/>
    </row>
    <row r="684983" spans="8:8">
      <c r="H684983" s="12"/>
    </row>
    <row r="684984" spans="8:8">
      <c r="H684984" s="12"/>
    </row>
    <row r="684985" spans="8:8">
      <c r="H684985" s="12"/>
    </row>
    <row r="684986" spans="8:8">
      <c r="H684986" s="12"/>
    </row>
    <row r="684987" spans="8:8">
      <c r="H684987" s="12"/>
    </row>
    <row r="684988" spans="8:8">
      <c r="H684988" s="12"/>
    </row>
    <row r="684989" spans="8:8">
      <c r="H684989" s="12"/>
    </row>
    <row r="684990" spans="8:8">
      <c r="H684990" s="12"/>
    </row>
    <row r="684991" spans="8:8">
      <c r="H684991" s="12"/>
    </row>
    <row r="684992" spans="8:8">
      <c r="H684992" s="12"/>
    </row>
    <row r="684993" spans="8:8">
      <c r="H684993" s="12"/>
    </row>
    <row r="684994" spans="8:8">
      <c r="H684994" s="12"/>
    </row>
    <row r="684995" spans="8:8">
      <c r="H684995" s="12"/>
    </row>
    <row r="684996" spans="8:8">
      <c r="H684996" s="12"/>
    </row>
    <row r="684997" spans="8:8">
      <c r="H684997" s="12"/>
    </row>
    <row r="684998" spans="8:8">
      <c r="H684998" s="12"/>
    </row>
    <row r="684999" spans="8:8">
      <c r="H684999" s="12"/>
    </row>
    <row r="685000" spans="8:8">
      <c r="H685000" s="12"/>
    </row>
    <row r="685001" spans="8:8">
      <c r="H685001" s="12"/>
    </row>
    <row r="685002" spans="8:8">
      <c r="H685002" s="12"/>
    </row>
    <row r="685003" spans="8:8">
      <c r="H685003" s="12"/>
    </row>
    <row r="685004" spans="8:8">
      <c r="H685004" s="12"/>
    </row>
    <row r="685005" spans="8:8">
      <c r="H685005" s="12"/>
    </row>
    <row r="685006" spans="8:8">
      <c r="H685006" s="12"/>
    </row>
    <row r="685007" spans="8:8">
      <c r="H685007" s="12"/>
    </row>
    <row r="685008" spans="8:8">
      <c r="H685008" s="12"/>
    </row>
    <row r="685009" spans="8:8">
      <c r="H685009" s="12"/>
    </row>
    <row r="685010" spans="8:8">
      <c r="H685010" s="12"/>
    </row>
    <row r="685011" spans="8:8">
      <c r="H685011" s="12"/>
    </row>
    <row r="685012" spans="8:8">
      <c r="H685012" s="12"/>
    </row>
    <row r="685013" spans="8:8">
      <c r="H685013" s="12"/>
    </row>
    <row r="685014" spans="8:8">
      <c r="H685014" s="12"/>
    </row>
    <row r="685015" spans="8:8">
      <c r="H685015" s="12"/>
    </row>
    <row r="685016" spans="8:8">
      <c r="H685016" s="12"/>
    </row>
    <row r="685017" spans="8:8">
      <c r="H685017" s="12"/>
    </row>
    <row r="685018" spans="8:8">
      <c r="H685018" s="12"/>
    </row>
    <row r="685019" spans="8:8">
      <c r="H685019" s="12"/>
    </row>
    <row r="685020" spans="8:8">
      <c r="H685020" s="12"/>
    </row>
    <row r="685021" spans="8:8">
      <c r="H685021" s="12"/>
    </row>
    <row r="685022" spans="8:8">
      <c r="H685022" s="12"/>
    </row>
    <row r="685023" spans="8:8">
      <c r="H685023" s="12"/>
    </row>
    <row r="685024" spans="8:8">
      <c r="H685024" s="12"/>
    </row>
    <row r="685025" spans="8:8">
      <c r="H685025" s="12"/>
    </row>
    <row r="685026" spans="8:8">
      <c r="H685026" s="12"/>
    </row>
    <row r="685027" spans="8:8">
      <c r="H685027" s="12"/>
    </row>
    <row r="685028" spans="8:8">
      <c r="H685028" s="12"/>
    </row>
    <row r="685029" spans="8:8">
      <c r="H685029" s="12"/>
    </row>
    <row r="685030" spans="8:8">
      <c r="H685030" s="12"/>
    </row>
    <row r="685031" spans="8:8">
      <c r="H685031" s="12"/>
    </row>
    <row r="685032" spans="8:8">
      <c r="H685032" s="12"/>
    </row>
    <row r="685033" spans="8:8">
      <c r="H685033" s="12"/>
    </row>
    <row r="685034" spans="8:8">
      <c r="H685034" s="12"/>
    </row>
    <row r="685035" spans="8:8">
      <c r="H685035" s="12"/>
    </row>
    <row r="685036" spans="8:8">
      <c r="H685036" s="12"/>
    </row>
    <row r="685037" spans="8:8">
      <c r="H685037" s="12"/>
    </row>
    <row r="685038" spans="8:8">
      <c r="H685038" s="12"/>
    </row>
    <row r="685039" spans="8:8">
      <c r="H685039" s="12"/>
    </row>
    <row r="685040" spans="8:8">
      <c r="H685040" s="12"/>
    </row>
    <row r="685041" spans="8:8">
      <c r="H685041" s="12"/>
    </row>
    <row r="685042" spans="8:8">
      <c r="H685042" s="12"/>
    </row>
    <row r="685043" spans="8:8">
      <c r="H685043" s="12"/>
    </row>
    <row r="685044" spans="8:8">
      <c r="H685044" s="12"/>
    </row>
    <row r="685045" spans="8:8">
      <c r="H685045" s="12"/>
    </row>
    <row r="685046" spans="8:8">
      <c r="H685046" s="12"/>
    </row>
    <row r="685047" spans="8:8">
      <c r="H685047" s="12"/>
    </row>
    <row r="685048" spans="8:8">
      <c r="H685048" s="12"/>
    </row>
    <row r="685049" spans="8:8">
      <c r="H685049" s="12"/>
    </row>
    <row r="685050" spans="8:8">
      <c r="H685050" s="12"/>
    </row>
    <row r="685051" spans="8:8">
      <c r="H685051" s="12"/>
    </row>
    <row r="685052" spans="8:8">
      <c r="H685052" s="12"/>
    </row>
    <row r="685053" spans="8:8">
      <c r="H685053" s="12"/>
    </row>
    <row r="685054" spans="8:8">
      <c r="H685054" s="12"/>
    </row>
    <row r="685055" spans="8:8">
      <c r="H685055" s="12"/>
    </row>
    <row r="685056" spans="8:8">
      <c r="H685056" s="12"/>
    </row>
    <row r="685057" spans="8:8">
      <c r="H685057" s="12"/>
    </row>
    <row r="685058" spans="8:8">
      <c r="H685058" s="12"/>
    </row>
    <row r="685059" spans="8:8">
      <c r="H685059" s="12"/>
    </row>
    <row r="685060" spans="8:8">
      <c r="H685060" s="12"/>
    </row>
    <row r="685061" spans="8:8">
      <c r="H685061" s="12"/>
    </row>
    <row r="685062" spans="8:8">
      <c r="H685062" s="12"/>
    </row>
    <row r="685063" spans="8:8">
      <c r="H685063" s="12"/>
    </row>
    <row r="685064" spans="8:8">
      <c r="H685064" s="12"/>
    </row>
    <row r="685065" spans="8:8">
      <c r="H685065" s="12"/>
    </row>
    <row r="685066" spans="8:8">
      <c r="H685066" s="12"/>
    </row>
    <row r="685067" spans="8:8">
      <c r="H685067" s="12"/>
    </row>
    <row r="685068" spans="8:8">
      <c r="H685068" s="12"/>
    </row>
    <row r="685069" spans="8:8">
      <c r="H685069" s="12"/>
    </row>
    <row r="685070" spans="8:8">
      <c r="H685070" s="12"/>
    </row>
    <row r="685071" spans="8:8">
      <c r="H685071" s="12"/>
    </row>
    <row r="685072" spans="8:8">
      <c r="H685072" s="12"/>
    </row>
    <row r="685073" spans="8:8">
      <c r="H685073" s="12"/>
    </row>
    <row r="685074" spans="8:8">
      <c r="H685074" s="12"/>
    </row>
    <row r="685075" spans="8:8">
      <c r="H685075" s="12"/>
    </row>
    <row r="685076" spans="8:8">
      <c r="H685076" s="12"/>
    </row>
    <row r="685077" spans="8:8">
      <c r="H685077" s="12"/>
    </row>
    <row r="685078" spans="8:8">
      <c r="H685078" s="12"/>
    </row>
    <row r="685079" spans="8:8">
      <c r="H685079" s="12"/>
    </row>
    <row r="685080" spans="8:8">
      <c r="H685080" s="12"/>
    </row>
    <row r="685081" spans="8:8">
      <c r="H685081" s="12"/>
    </row>
    <row r="685082" spans="8:8">
      <c r="H685082" s="12"/>
    </row>
    <row r="685083" spans="8:8">
      <c r="H685083" s="12"/>
    </row>
    <row r="685084" spans="8:8">
      <c r="H685084" s="12"/>
    </row>
    <row r="685085" spans="8:8">
      <c r="H685085" s="12"/>
    </row>
    <row r="685086" spans="8:8">
      <c r="H685086" s="12"/>
    </row>
    <row r="685087" spans="8:8">
      <c r="H685087" s="12"/>
    </row>
    <row r="685088" spans="8:8">
      <c r="H685088" s="12"/>
    </row>
    <row r="685089" spans="8:8">
      <c r="H685089" s="12"/>
    </row>
    <row r="685090" spans="8:8">
      <c r="H685090" s="12"/>
    </row>
    <row r="685091" spans="8:8">
      <c r="H685091" s="12"/>
    </row>
    <row r="685092" spans="8:8">
      <c r="H685092" s="12"/>
    </row>
    <row r="685093" spans="8:8">
      <c r="H685093" s="12"/>
    </row>
    <row r="685094" spans="8:8">
      <c r="H685094" s="12"/>
    </row>
    <row r="685095" spans="8:8">
      <c r="H685095" s="12"/>
    </row>
    <row r="685096" spans="8:8">
      <c r="H685096" s="12"/>
    </row>
    <row r="685097" spans="8:8">
      <c r="H685097" s="12"/>
    </row>
    <row r="685098" spans="8:8">
      <c r="H685098" s="12"/>
    </row>
    <row r="685099" spans="8:8">
      <c r="H685099" s="12"/>
    </row>
    <row r="685100" spans="8:8">
      <c r="H685100" s="12"/>
    </row>
    <row r="685101" spans="8:8">
      <c r="H685101" s="12"/>
    </row>
    <row r="685102" spans="8:8">
      <c r="H685102" s="12"/>
    </row>
    <row r="685103" spans="8:8">
      <c r="H685103" s="12"/>
    </row>
    <row r="685104" spans="8:8">
      <c r="H685104" s="12"/>
    </row>
    <row r="685105" spans="8:8">
      <c r="H685105" s="12"/>
    </row>
    <row r="685106" spans="8:8">
      <c r="H685106" s="12"/>
    </row>
    <row r="685107" spans="8:8">
      <c r="H685107" s="12"/>
    </row>
    <row r="685108" spans="8:8">
      <c r="H685108" s="12"/>
    </row>
    <row r="685109" spans="8:8">
      <c r="H685109" s="12"/>
    </row>
    <row r="685110" spans="8:8">
      <c r="H685110" s="12"/>
    </row>
    <row r="685111" spans="8:8">
      <c r="H685111" s="12"/>
    </row>
    <row r="685112" spans="8:8">
      <c r="H685112" s="12"/>
    </row>
    <row r="685113" spans="8:8">
      <c r="H685113" s="12"/>
    </row>
    <row r="685114" spans="8:8">
      <c r="H685114" s="12"/>
    </row>
    <row r="685115" spans="8:8">
      <c r="H685115" s="12"/>
    </row>
    <row r="685116" spans="8:8">
      <c r="H685116" s="12"/>
    </row>
    <row r="685117" spans="8:8">
      <c r="H685117" s="12"/>
    </row>
    <row r="685118" spans="8:8">
      <c r="H685118" s="12"/>
    </row>
    <row r="685119" spans="8:8">
      <c r="H685119" s="12"/>
    </row>
    <row r="685120" spans="8:8">
      <c r="H685120" s="12"/>
    </row>
    <row r="685121" spans="8:8">
      <c r="H685121" s="12"/>
    </row>
    <row r="685122" spans="8:8">
      <c r="H685122" s="12"/>
    </row>
    <row r="685123" spans="8:8">
      <c r="H685123" s="12"/>
    </row>
    <row r="685124" spans="8:8">
      <c r="H685124" s="12"/>
    </row>
    <row r="685125" spans="8:8">
      <c r="H685125" s="12"/>
    </row>
    <row r="685126" spans="8:8">
      <c r="H685126" s="12"/>
    </row>
    <row r="685127" spans="8:8">
      <c r="H685127" s="12"/>
    </row>
    <row r="685128" spans="8:8">
      <c r="H685128" s="12"/>
    </row>
    <row r="685129" spans="8:8">
      <c r="H685129" s="12"/>
    </row>
    <row r="685130" spans="8:8">
      <c r="H685130" s="12"/>
    </row>
    <row r="685131" spans="8:8">
      <c r="H685131" s="12"/>
    </row>
    <row r="685132" spans="8:8">
      <c r="H685132" s="12"/>
    </row>
    <row r="685133" spans="8:8">
      <c r="H685133" s="12"/>
    </row>
    <row r="685134" spans="8:8">
      <c r="H685134" s="12"/>
    </row>
    <row r="685135" spans="8:8">
      <c r="H685135" s="12"/>
    </row>
    <row r="685136" spans="8:8">
      <c r="H685136" s="12"/>
    </row>
    <row r="685137" spans="8:8">
      <c r="H685137" s="12"/>
    </row>
    <row r="685138" spans="8:8">
      <c r="H685138" s="12"/>
    </row>
    <row r="685139" spans="8:8">
      <c r="H685139" s="12"/>
    </row>
    <row r="685140" spans="8:8">
      <c r="H685140" s="12"/>
    </row>
    <row r="685141" spans="8:8">
      <c r="H685141" s="12"/>
    </row>
    <row r="685142" spans="8:8">
      <c r="H685142" s="12"/>
    </row>
    <row r="685143" spans="8:8">
      <c r="H685143" s="12"/>
    </row>
    <row r="685144" spans="8:8">
      <c r="H685144" s="12"/>
    </row>
    <row r="685145" spans="8:8">
      <c r="H685145" s="12"/>
    </row>
    <row r="685146" spans="8:8">
      <c r="H685146" s="12"/>
    </row>
    <row r="685147" spans="8:8">
      <c r="H685147" s="12"/>
    </row>
    <row r="685148" spans="8:8">
      <c r="H685148" s="12"/>
    </row>
    <row r="685149" spans="8:8">
      <c r="H685149" s="12"/>
    </row>
    <row r="685150" spans="8:8">
      <c r="H685150" s="12"/>
    </row>
    <row r="685151" spans="8:8">
      <c r="H685151" s="12"/>
    </row>
    <row r="685152" spans="8:8">
      <c r="H685152" s="12"/>
    </row>
    <row r="685153" spans="8:8">
      <c r="H685153" s="12"/>
    </row>
    <row r="685154" spans="8:8">
      <c r="H685154" s="12"/>
    </row>
    <row r="685155" spans="8:8">
      <c r="H685155" s="12"/>
    </row>
    <row r="685156" spans="8:8">
      <c r="H685156" s="12"/>
    </row>
    <row r="685157" spans="8:8">
      <c r="H685157" s="12"/>
    </row>
    <row r="685158" spans="8:8">
      <c r="H685158" s="12"/>
    </row>
    <row r="685159" spans="8:8">
      <c r="H685159" s="12"/>
    </row>
    <row r="685160" spans="8:8">
      <c r="H685160" s="12"/>
    </row>
    <row r="685161" spans="8:8">
      <c r="H685161" s="12"/>
    </row>
    <row r="685162" spans="8:8">
      <c r="H685162" s="12"/>
    </row>
    <row r="685163" spans="8:8">
      <c r="H685163" s="12"/>
    </row>
    <row r="685164" spans="8:8">
      <c r="H685164" s="12"/>
    </row>
    <row r="685165" spans="8:8">
      <c r="H685165" s="12"/>
    </row>
    <row r="685166" spans="8:8">
      <c r="H685166" s="12"/>
    </row>
    <row r="685167" spans="8:8">
      <c r="H685167" s="12"/>
    </row>
    <row r="685168" spans="8:8">
      <c r="H685168" s="12"/>
    </row>
    <row r="685169" spans="8:8">
      <c r="H685169" s="12"/>
    </row>
    <row r="685170" spans="8:8">
      <c r="H685170" s="12"/>
    </row>
    <row r="685171" spans="8:8">
      <c r="H685171" s="12"/>
    </row>
    <row r="685172" spans="8:8">
      <c r="H685172" s="12"/>
    </row>
    <row r="685173" spans="8:8">
      <c r="H685173" s="12"/>
    </row>
    <row r="685174" spans="8:8">
      <c r="H685174" s="12"/>
    </row>
    <row r="685175" spans="8:8">
      <c r="H685175" s="12"/>
    </row>
    <row r="685176" spans="8:8">
      <c r="H685176" s="12"/>
    </row>
    <row r="685177" spans="8:8">
      <c r="H685177" s="12"/>
    </row>
    <row r="685178" spans="8:8">
      <c r="H685178" s="12"/>
    </row>
    <row r="685179" spans="8:8">
      <c r="H685179" s="12"/>
    </row>
    <row r="685180" spans="8:8">
      <c r="H685180" s="12"/>
    </row>
    <row r="685181" spans="8:8">
      <c r="H685181" s="12"/>
    </row>
    <row r="685182" spans="8:8">
      <c r="H685182" s="12"/>
    </row>
    <row r="685183" spans="8:8">
      <c r="H685183" s="12"/>
    </row>
    <row r="685184" spans="8:8">
      <c r="H685184" s="12"/>
    </row>
    <row r="685185" spans="8:8">
      <c r="H685185" s="12"/>
    </row>
    <row r="685186" spans="8:8">
      <c r="H685186" s="12"/>
    </row>
    <row r="685187" spans="8:8">
      <c r="H685187" s="12"/>
    </row>
    <row r="685188" spans="8:8">
      <c r="H685188" s="12"/>
    </row>
    <row r="685189" spans="8:8">
      <c r="H685189" s="12"/>
    </row>
    <row r="685190" spans="8:8">
      <c r="H685190" s="12"/>
    </row>
    <row r="685191" spans="8:8">
      <c r="H685191" s="12"/>
    </row>
    <row r="685192" spans="8:8">
      <c r="H685192" s="12"/>
    </row>
    <row r="685193" spans="8:8">
      <c r="H685193" s="12"/>
    </row>
    <row r="685194" spans="8:8">
      <c r="H685194" s="12"/>
    </row>
    <row r="685195" spans="8:8">
      <c r="H685195" s="12"/>
    </row>
    <row r="685196" spans="8:8">
      <c r="H685196" s="12"/>
    </row>
    <row r="685197" spans="8:8">
      <c r="H685197" s="12"/>
    </row>
    <row r="685198" spans="8:8">
      <c r="H685198" s="12"/>
    </row>
    <row r="685199" spans="8:8">
      <c r="H685199" s="12"/>
    </row>
    <row r="685200" spans="8:8">
      <c r="H685200" s="12"/>
    </row>
    <row r="685201" spans="8:8">
      <c r="H685201" s="12"/>
    </row>
    <row r="685202" spans="8:8">
      <c r="H685202" s="12"/>
    </row>
    <row r="685203" spans="8:8">
      <c r="H685203" s="12"/>
    </row>
    <row r="685204" spans="8:8">
      <c r="H685204" s="12"/>
    </row>
    <row r="685205" spans="8:8">
      <c r="H685205" s="12"/>
    </row>
    <row r="685206" spans="8:8">
      <c r="H685206" s="12"/>
    </row>
    <row r="685207" spans="8:8">
      <c r="H685207" s="12"/>
    </row>
    <row r="685208" spans="8:8">
      <c r="H685208" s="12"/>
    </row>
    <row r="685209" spans="8:8">
      <c r="H685209" s="12"/>
    </row>
    <row r="685210" spans="8:8">
      <c r="H685210" s="12"/>
    </row>
    <row r="685211" spans="8:8">
      <c r="H685211" s="12"/>
    </row>
    <row r="685212" spans="8:8">
      <c r="H685212" s="12"/>
    </row>
    <row r="685213" spans="8:8">
      <c r="H685213" s="12"/>
    </row>
    <row r="685214" spans="8:8">
      <c r="H685214" s="12"/>
    </row>
    <row r="685215" spans="8:8">
      <c r="H685215" s="12"/>
    </row>
    <row r="685216" spans="8:8">
      <c r="H685216" s="12"/>
    </row>
    <row r="685217" spans="8:8">
      <c r="H685217" s="12"/>
    </row>
    <row r="685218" spans="8:8">
      <c r="H685218" s="12"/>
    </row>
    <row r="685219" spans="8:8">
      <c r="H685219" s="12"/>
    </row>
    <row r="685220" spans="8:8">
      <c r="H685220" s="12"/>
    </row>
    <row r="685221" spans="8:8">
      <c r="H685221" s="12"/>
    </row>
    <row r="685222" spans="8:8">
      <c r="H685222" s="12"/>
    </row>
    <row r="685223" spans="8:8">
      <c r="H685223" s="12"/>
    </row>
    <row r="685224" spans="8:8">
      <c r="H685224" s="12"/>
    </row>
    <row r="685225" spans="8:8">
      <c r="H685225" s="12"/>
    </row>
    <row r="685226" spans="8:8">
      <c r="H685226" s="12"/>
    </row>
    <row r="685227" spans="8:8">
      <c r="H685227" s="12"/>
    </row>
    <row r="685228" spans="8:8">
      <c r="H685228" s="12"/>
    </row>
    <row r="685229" spans="8:8">
      <c r="H685229" s="12"/>
    </row>
    <row r="685230" spans="8:8">
      <c r="H685230" s="12"/>
    </row>
    <row r="685231" spans="8:8">
      <c r="H685231" s="12"/>
    </row>
    <row r="685232" spans="8:8">
      <c r="H685232" s="12"/>
    </row>
    <row r="685233" spans="8:8">
      <c r="H685233" s="12"/>
    </row>
    <row r="685234" spans="8:8">
      <c r="H685234" s="12"/>
    </row>
    <row r="685235" spans="8:8">
      <c r="H685235" s="12"/>
    </row>
    <row r="685236" spans="8:8">
      <c r="H685236" s="12"/>
    </row>
    <row r="685237" spans="8:8">
      <c r="H685237" s="12"/>
    </row>
    <row r="685238" spans="8:8">
      <c r="H685238" s="12"/>
    </row>
    <row r="685239" spans="8:8">
      <c r="H685239" s="12"/>
    </row>
    <row r="685240" spans="8:8">
      <c r="H685240" s="12"/>
    </row>
    <row r="685241" spans="8:8">
      <c r="H685241" s="12"/>
    </row>
    <row r="685242" spans="8:8">
      <c r="H685242" s="12"/>
    </row>
    <row r="685243" spans="8:8">
      <c r="H685243" s="12"/>
    </row>
    <row r="685244" spans="8:8">
      <c r="H685244" s="12"/>
    </row>
    <row r="685245" spans="8:8">
      <c r="H685245" s="12"/>
    </row>
    <row r="685246" spans="8:8">
      <c r="H685246" s="12"/>
    </row>
    <row r="685247" spans="8:8">
      <c r="H685247" s="12"/>
    </row>
    <row r="685248" spans="8:8">
      <c r="H685248" s="12"/>
    </row>
    <row r="685249" spans="8:8">
      <c r="H685249" s="12"/>
    </row>
    <row r="685250" spans="8:8">
      <c r="H685250" s="12"/>
    </row>
    <row r="685251" spans="8:8">
      <c r="H685251" s="12"/>
    </row>
    <row r="685252" spans="8:8">
      <c r="H685252" s="12"/>
    </row>
    <row r="685253" spans="8:8">
      <c r="H685253" s="12"/>
    </row>
    <row r="685254" spans="8:8">
      <c r="H685254" s="12"/>
    </row>
    <row r="685255" spans="8:8">
      <c r="H685255" s="12"/>
    </row>
    <row r="685256" spans="8:8">
      <c r="H685256" s="12"/>
    </row>
    <row r="685257" spans="8:8">
      <c r="H685257" s="12"/>
    </row>
    <row r="685258" spans="8:8">
      <c r="H685258" s="12"/>
    </row>
    <row r="685259" spans="8:8">
      <c r="H685259" s="12"/>
    </row>
    <row r="685260" spans="8:8">
      <c r="H685260" s="12"/>
    </row>
    <row r="685261" spans="8:8">
      <c r="H685261" s="12"/>
    </row>
    <row r="685262" spans="8:8">
      <c r="H685262" s="12"/>
    </row>
    <row r="685263" spans="8:8">
      <c r="H685263" s="12"/>
    </row>
    <row r="685264" spans="8:8">
      <c r="H685264" s="12"/>
    </row>
    <row r="685265" spans="8:8">
      <c r="H685265" s="12"/>
    </row>
    <row r="685266" spans="8:8">
      <c r="H685266" s="12"/>
    </row>
    <row r="685267" spans="8:8">
      <c r="H685267" s="12"/>
    </row>
    <row r="685268" spans="8:8">
      <c r="H685268" s="12"/>
    </row>
    <row r="685269" spans="8:8">
      <c r="H685269" s="12"/>
    </row>
    <row r="685270" spans="8:8">
      <c r="H685270" s="12"/>
    </row>
    <row r="685271" spans="8:8">
      <c r="H685271" s="12"/>
    </row>
    <row r="685272" spans="8:8">
      <c r="H685272" s="12"/>
    </row>
    <row r="685273" spans="8:8">
      <c r="H685273" s="12"/>
    </row>
    <row r="685274" spans="8:8">
      <c r="H685274" s="12"/>
    </row>
    <row r="685275" spans="8:8">
      <c r="H685275" s="12"/>
    </row>
    <row r="685276" spans="8:8">
      <c r="H685276" s="12"/>
    </row>
    <row r="685277" spans="8:8">
      <c r="H685277" s="12"/>
    </row>
    <row r="685278" spans="8:8">
      <c r="H685278" s="12"/>
    </row>
    <row r="685279" spans="8:8">
      <c r="H685279" s="12"/>
    </row>
    <row r="685280" spans="8:8">
      <c r="H685280" s="12"/>
    </row>
    <row r="685281" spans="8:8">
      <c r="H685281" s="12"/>
    </row>
    <row r="685282" spans="8:8">
      <c r="H685282" s="12"/>
    </row>
    <row r="685283" spans="8:8">
      <c r="H685283" s="12"/>
    </row>
    <row r="685284" spans="8:8">
      <c r="H685284" s="12"/>
    </row>
    <row r="685285" spans="8:8">
      <c r="H685285" s="12"/>
    </row>
    <row r="685286" spans="8:8">
      <c r="H685286" s="12"/>
    </row>
    <row r="685287" spans="8:8">
      <c r="H685287" s="12"/>
    </row>
    <row r="685288" spans="8:8">
      <c r="H685288" s="12"/>
    </row>
    <row r="685289" spans="8:8">
      <c r="H685289" s="12"/>
    </row>
    <row r="685290" spans="8:8">
      <c r="H685290" s="12"/>
    </row>
    <row r="685291" spans="8:8">
      <c r="H685291" s="12"/>
    </row>
    <row r="685292" spans="8:8">
      <c r="H685292" s="12"/>
    </row>
    <row r="685293" spans="8:8">
      <c r="H685293" s="12"/>
    </row>
    <row r="685294" spans="8:8">
      <c r="H685294" s="12"/>
    </row>
    <row r="685295" spans="8:8">
      <c r="H685295" s="12"/>
    </row>
    <row r="685296" spans="8:8">
      <c r="H685296" s="12"/>
    </row>
    <row r="685297" spans="8:8">
      <c r="H685297" s="12"/>
    </row>
    <row r="685298" spans="8:8">
      <c r="H685298" s="12"/>
    </row>
    <row r="685299" spans="8:8">
      <c r="H685299" s="12"/>
    </row>
    <row r="685300" spans="8:8">
      <c r="H685300" s="12"/>
    </row>
    <row r="685301" spans="8:8">
      <c r="H685301" s="12"/>
    </row>
    <row r="685302" spans="8:8">
      <c r="H685302" s="12"/>
    </row>
    <row r="685303" spans="8:8">
      <c r="H685303" s="12"/>
    </row>
    <row r="685304" spans="8:8">
      <c r="H685304" s="12"/>
    </row>
    <row r="685305" spans="8:8">
      <c r="H685305" s="12"/>
    </row>
    <row r="685306" spans="8:8">
      <c r="H685306" s="12"/>
    </row>
    <row r="685307" spans="8:8">
      <c r="H685307" s="12"/>
    </row>
    <row r="685308" spans="8:8">
      <c r="H685308" s="12"/>
    </row>
    <row r="685309" spans="8:8">
      <c r="H685309" s="12"/>
    </row>
    <row r="685310" spans="8:8">
      <c r="H685310" s="12"/>
    </row>
    <row r="685311" spans="8:8">
      <c r="H685311" s="12"/>
    </row>
    <row r="685312" spans="8:8">
      <c r="H685312" s="12"/>
    </row>
    <row r="685313" spans="8:8">
      <c r="H685313" s="12"/>
    </row>
    <row r="685314" spans="8:8">
      <c r="H685314" s="12"/>
    </row>
    <row r="685315" spans="8:8">
      <c r="H685315" s="12"/>
    </row>
    <row r="685316" spans="8:8">
      <c r="H685316" s="12"/>
    </row>
    <row r="685317" spans="8:8">
      <c r="H685317" s="12"/>
    </row>
    <row r="685318" spans="8:8">
      <c r="H685318" s="12"/>
    </row>
    <row r="685319" spans="8:8">
      <c r="H685319" s="12"/>
    </row>
    <row r="685320" spans="8:8">
      <c r="H685320" s="12"/>
    </row>
    <row r="685321" spans="8:8">
      <c r="H685321" s="12"/>
    </row>
    <row r="685322" spans="8:8">
      <c r="H685322" s="12"/>
    </row>
    <row r="685323" spans="8:8">
      <c r="H685323" s="12"/>
    </row>
    <row r="685324" spans="8:8">
      <c r="H685324" s="12"/>
    </row>
    <row r="685325" spans="8:8">
      <c r="H685325" s="12"/>
    </row>
    <row r="685326" spans="8:8">
      <c r="H685326" s="12"/>
    </row>
    <row r="685327" spans="8:8">
      <c r="H685327" s="12"/>
    </row>
    <row r="685328" spans="8:8">
      <c r="H685328" s="12"/>
    </row>
    <row r="685329" spans="8:8">
      <c r="H685329" s="12"/>
    </row>
    <row r="685330" spans="8:8">
      <c r="H685330" s="12"/>
    </row>
    <row r="685331" spans="8:8">
      <c r="H685331" s="12"/>
    </row>
    <row r="685332" spans="8:8">
      <c r="H685332" s="12"/>
    </row>
    <row r="685333" spans="8:8">
      <c r="H685333" s="12"/>
    </row>
    <row r="685334" spans="8:8">
      <c r="H685334" s="12"/>
    </row>
    <row r="685335" spans="8:8">
      <c r="H685335" s="12"/>
    </row>
    <row r="685336" spans="8:8">
      <c r="H685336" s="12"/>
    </row>
    <row r="685337" spans="8:8">
      <c r="H685337" s="12"/>
    </row>
    <row r="685338" spans="8:8">
      <c r="H685338" s="12"/>
    </row>
    <row r="685339" spans="8:8">
      <c r="H685339" s="12"/>
    </row>
    <row r="685340" spans="8:8">
      <c r="H685340" s="12"/>
    </row>
    <row r="685341" spans="8:8">
      <c r="H685341" s="12"/>
    </row>
    <row r="685342" spans="8:8">
      <c r="H685342" s="12"/>
    </row>
    <row r="685343" spans="8:8">
      <c r="H685343" s="12"/>
    </row>
    <row r="685344" spans="8:8">
      <c r="H685344" s="12"/>
    </row>
    <row r="685345" spans="8:8">
      <c r="H685345" s="12"/>
    </row>
    <row r="685346" spans="8:8">
      <c r="H685346" s="12"/>
    </row>
    <row r="685347" spans="8:8">
      <c r="H685347" s="12"/>
    </row>
    <row r="685348" spans="8:8">
      <c r="H685348" s="12"/>
    </row>
    <row r="685349" spans="8:8">
      <c r="H685349" s="12"/>
    </row>
    <row r="685350" spans="8:8">
      <c r="H685350" s="12"/>
    </row>
    <row r="685351" spans="8:8">
      <c r="H685351" s="12"/>
    </row>
    <row r="685352" spans="8:8">
      <c r="H685352" s="12"/>
    </row>
    <row r="685353" spans="8:8">
      <c r="H685353" s="12"/>
    </row>
    <row r="685354" spans="8:8">
      <c r="H685354" s="12"/>
    </row>
    <row r="685355" spans="8:8">
      <c r="H685355" s="12"/>
    </row>
    <row r="685356" spans="8:8">
      <c r="H685356" s="12"/>
    </row>
    <row r="685357" spans="8:8">
      <c r="H685357" s="12"/>
    </row>
    <row r="685358" spans="8:8">
      <c r="H685358" s="12"/>
    </row>
    <row r="685359" spans="8:8">
      <c r="H685359" s="12"/>
    </row>
    <row r="685360" spans="8:8">
      <c r="H685360" s="12"/>
    </row>
    <row r="685361" spans="8:8">
      <c r="H685361" s="12"/>
    </row>
    <row r="685362" spans="8:8">
      <c r="H685362" s="12"/>
    </row>
    <row r="685363" spans="8:8">
      <c r="H685363" s="12"/>
    </row>
    <row r="685364" spans="8:8">
      <c r="H685364" s="12"/>
    </row>
    <row r="685365" spans="8:8">
      <c r="H685365" s="12"/>
    </row>
    <row r="685366" spans="8:8">
      <c r="H685366" s="12"/>
    </row>
    <row r="685367" spans="8:8">
      <c r="H685367" s="12"/>
    </row>
    <row r="685368" spans="8:8">
      <c r="H685368" s="12"/>
    </row>
    <row r="685369" spans="8:8">
      <c r="H685369" s="12"/>
    </row>
    <row r="685370" spans="8:8">
      <c r="H685370" s="12"/>
    </row>
    <row r="685371" spans="8:8">
      <c r="H685371" s="12"/>
    </row>
    <row r="685372" spans="8:8">
      <c r="H685372" s="12"/>
    </row>
    <row r="685373" spans="8:8">
      <c r="H685373" s="12"/>
    </row>
    <row r="685374" spans="8:8">
      <c r="H685374" s="12"/>
    </row>
    <row r="685375" spans="8:8">
      <c r="H685375" s="12"/>
    </row>
    <row r="685376" spans="8:8">
      <c r="H685376" s="12"/>
    </row>
    <row r="685377" spans="8:8">
      <c r="H685377" s="12"/>
    </row>
    <row r="685378" spans="8:8">
      <c r="H685378" s="12"/>
    </row>
    <row r="685379" spans="8:8">
      <c r="H685379" s="12"/>
    </row>
    <row r="685380" spans="8:8">
      <c r="H685380" s="12"/>
    </row>
    <row r="685381" spans="8:8">
      <c r="H685381" s="12"/>
    </row>
    <row r="685382" spans="8:8">
      <c r="H685382" s="12"/>
    </row>
    <row r="685383" spans="8:8">
      <c r="H685383" s="12"/>
    </row>
    <row r="685384" spans="8:8">
      <c r="H685384" s="12"/>
    </row>
    <row r="685385" spans="8:8">
      <c r="H685385" s="12"/>
    </row>
    <row r="685386" spans="8:8">
      <c r="H685386" s="12"/>
    </row>
    <row r="685387" spans="8:8">
      <c r="H685387" s="12"/>
    </row>
    <row r="685388" spans="8:8">
      <c r="H685388" s="12"/>
    </row>
    <row r="685389" spans="8:8">
      <c r="H685389" s="12"/>
    </row>
    <row r="685390" spans="8:8">
      <c r="H685390" s="12"/>
    </row>
    <row r="685391" spans="8:8">
      <c r="H685391" s="12"/>
    </row>
    <row r="685392" spans="8:8">
      <c r="H685392" s="12"/>
    </row>
    <row r="685393" spans="8:8">
      <c r="H685393" s="12"/>
    </row>
    <row r="685394" spans="8:8">
      <c r="H685394" s="12"/>
    </row>
    <row r="685395" spans="8:8">
      <c r="H685395" s="12"/>
    </row>
    <row r="685396" spans="8:8">
      <c r="H685396" s="12"/>
    </row>
    <row r="685397" spans="8:8">
      <c r="H685397" s="12"/>
    </row>
    <row r="685398" spans="8:8">
      <c r="H685398" s="12"/>
    </row>
    <row r="685399" spans="8:8">
      <c r="H685399" s="12"/>
    </row>
    <row r="685400" spans="8:8">
      <c r="H685400" s="12"/>
    </row>
    <row r="685401" spans="8:8">
      <c r="H685401" s="12"/>
    </row>
    <row r="685402" spans="8:8">
      <c r="H685402" s="12"/>
    </row>
    <row r="685403" spans="8:8">
      <c r="H685403" s="12"/>
    </row>
    <row r="685404" spans="8:8">
      <c r="H685404" s="12"/>
    </row>
    <row r="685405" spans="8:8">
      <c r="H685405" s="12"/>
    </row>
    <row r="685406" spans="8:8">
      <c r="H685406" s="12"/>
    </row>
    <row r="685407" spans="8:8">
      <c r="H685407" s="12"/>
    </row>
    <row r="685408" spans="8:8">
      <c r="H685408" s="12"/>
    </row>
    <row r="685409" spans="8:8">
      <c r="H685409" s="12"/>
    </row>
    <row r="685410" spans="8:8">
      <c r="H685410" s="12"/>
    </row>
    <row r="685411" spans="8:8">
      <c r="H685411" s="12"/>
    </row>
    <row r="685412" spans="8:8">
      <c r="H685412" s="12"/>
    </row>
    <row r="685413" spans="8:8">
      <c r="H685413" s="12"/>
    </row>
    <row r="685414" spans="8:8">
      <c r="H685414" s="12"/>
    </row>
    <row r="685415" spans="8:8">
      <c r="H685415" s="12"/>
    </row>
    <row r="685416" spans="8:8">
      <c r="H685416" s="12"/>
    </row>
    <row r="685417" spans="8:8">
      <c r="H685417" s="12"/>
    </row>
    <row r="685418" spans="8:8">
      <c r="H685418" s="12"/>
    </row>
    <row r="685419" spans="8:8">
      <c r="H685419" s="12"/>
    </row>
    <row r="685420" spans="8:8">
      <c r="H685420" s="12"/>
    </row>
    <row r="685421" spans="8:8">
      <c r="H685421" s="12"/>
    </row>
    <row r="685422" spans="8:8">
      <c r="H685422" s="12"/>
    </row>
    <row r="685423" spans="8:8">
      <c r="H685423" s="12"/>
    </row>
    <row r="685424" spans="8:8">
      <c r="H685424" s="12"/>
    </row>
    <row r="685425" spans="8:8">
      <c r="H685425" s="12"/>
    </row>
    <row r="685426" spans="8:8">
      <c r="H685426" s="12"/>
    </row>
    <row r="685427" spans="8:8">
      <c r="H685427" s="12"/>
    </row>
    <row r="685428" spans="8:8">
      <c r="H685428" s="12"/>
    </row>
    <row r="685429" spans="8:8">
      <c r="H685429" s="12"/>
    </row>
    <row r="685430" spans="8:8">
      <c r="H685430" s="12"/>
    </row>
    <row r="685431" spans="8:8">
      <c r="H685431" s="12"/>
    </row>
    <row r="685432" spans="8:8">
      <c r="H685432" s="12"/>
    </row>
    <row r="685433" spans="8:8">
      <c r="H685433" s="12"/>
    </row>
    <row r="685434" spans="8:8">
      <c r="H685434" s="12"/>
    </row>
    <row r="685435" spans="8:8">
      <c r="H685435" s="12"/>
    </row>
    <row r="685436" spans="8:8">
      <c r="H685436" s="12"/>
    </row>
    <row r="685437" spans="8:8">
      <c r="H685437" s="12"/>
    </row>
    <row r="685438" spans="8:8">
      <c r="H685438" s="12"/>
    </row>
    <row r="685439" spans="8:8">
      <c r="H685439" s="12"/>
    </row>
    <row r="685440" spans="8:8">
      <c r="H685440" s="12"/>
    </row>
    <row r="685441" spans="8:8">
      <c r="H685441" s="12"/>
    </row>
    <row r="685442" spans="8:8">
      <c r="H685442" s="12"/>
    </row>
    <row r="685443" spans="8:8">
      <c r="H685443" s="12"/>
    </row>
    <row r="685444" spans="8:8">
      <c r="H685444" s="12"/>
    </row>
    <row r="685445" spans="8:8">
      <c r="H685445" s="12"/>
    </row>
    <row r="685446" spans="8:8">
      <c r="H685446" s="12"/>
    </row>
    <row r="685447" spans="8:8">
      <c r="H685447" s="12"/>
    </row>
    <row r="685448" spans="8:8">
      <c r="H685448" s="12"/>
    </row>
    <row r="685449" spans="8:8">
      <c r="H685449" s="12"/>
    </row>
    <row r="685450" spans="8:8">
      <c r="H685450" s="12"/>
    </row>
    <row r="685451" spans="8:8">
      <c r="H685451" s="12"/>
    </row>
    <row r="685452" spans="8:8">
      <c r="H685452" s="12"/>
    </row>
    <row r="685453" spans="8:8">
      <c r="H685453" s="12"/>
    </row>
    <row r="685454" spans="8:8">
      <c r="H685454" s="12"/>
    </row>
    <row r="685455" spans="8:8">
      <c r="H685455" s="12"/>
    </row>
    <row r="685456" spans="8:8">
      <c r="H685456" s="12"/>
    </row>
    <row r="685457" spans="8:8">
      <c r="H685457" s="12"/>
    </row>
    <row r="685458" spans="8:8">
      <c r="H685458" s="12"/>
    </row>
    <row r="685459" spans="8:8">
      <c r="H685459" s="12"/>
    </row>
    <row r="685460" spans="8:8">
      <c r="H685460" s="12"/>
    </row>
    <row r="685461" spans="8:8">
      <c r="H685461" s="12"/>
    </row>
    <row r="685462" spans="8:8">
      <c r="H685462" s="12"/>
    </row>
    <row r="685463" spans="8:8">
      <c r="H685463" s="12"/>
    </row>
    <row r="685464" spans="8:8">
      <c r="H685464" s="12"/>
    </row>
    <row r="685465" spans="8:8">
      <c r="H685465" s="12"/>
    </row>
    <row r="685466" spans="8:8">
      <c r="H685466" s="12"/>
    </row>
    <row r="685467" spans="8:8">
      <c r="H685467" s="12"/>
    </row>
    <row r="685468" spans="8:8">
      <c r="H685468" s="12"/>
    </row>
    <row r="685469" spans="8:8">
      <c r="H685469" s="12"/>
    </row>
    <row r="685470" spans="8:8">
      <c r="H685470" s="12"/>
    </row>
    <row r="685471" spans="8:8">
      <c r="H685471" s="12"/>
    </row>
    <row r="685472" spans="8:8">
      <c r="H685472" s="12"/>
    </row>
    <row r="685473" spans="8:8">
      <c r="H685473" s="12"/>
    </row>
    <row r="685474" spans="8:8">
      <c r="H685474" s="12"/>
    </row>
    <row r="685475" spans="8:8">
      <c r="H685475" s="12"/>
    </row>
    <row r="685476" spans="8:8">
      <c r="H685476" s="12"/>
    </row>
    <row r="685477" spans="8:8">
      <c r="H685477" s="12"/>
    </row>
    <row r="685478" spans="8:8">
      <c r="H685478" s="12"/>
    </row>
    <row r="685479" spans="8:8">
      <c r="H685479" s="12"/>
    </row>
    <row r="685480" spans="8:8">
      <c r="H685480" s="12"/>
    </row>
    <row r="685481" spans="8:8">
      <c r="H685481" s="12"/>
    </row>
    <row r="685482" spans="8:8">
      <c r="H685482" s="12"/>
    </row>
    <row r="685483" spans="8:8">
      <c r="H685483" s="12"/>
    </row>
    <row r="685484" spans="8:8">
      <c r="H685484" s="12"/>
    </row>
    <row r="685485" spans="8:8">
      <c r="H685485" s="12"/>
    </row>
    <row r="685486" spans="8:8">
      <c r="H685486" s="12"/>
    </row>
    <row r="685487" spans="8:8">
      <c r="H685487" s="12"/>
    </row>
    <row r="685488" spans="8:8">
      <c r="H685488" s="12"/>
    </row>
    <row r="685489" spans="8:8">
      <c r="H685489" s="12"/>
    </row>
    <row r="685490" spans="8:8">
      <c r="H685490" s="12"/>
    </row>
    <row r="685491" spans="8:8">
      <c r="H685491" s="12"/>
    </row>
    <row r="685492" spans="8:8">
      <c r="H685492" s="12"/>
    </row>
    <row r="685493" spans="8:8">
      <c r="H685493" s="12"/>
    </row>
    <row r="685494" spans="8:8">
      <c r="H685494" s="12"/>
    </row>
    <row r="685495" spans="8:8">
      <c r="H685495" s="12"/>
    </row>
    <row r="685496" spans="8:8">
      <c r="H685496" s="12"/>
    </row>
    <row r="685497" spans="8:8">
      <c r="H685497" s="12"/>
    </row>
    <row r="685498" spans="8:8">
      <c r="H685498" s="12"/>
    </row>
    <row r="685499" spans="8:8">
      <c r="H685499" s="12"/>
    </row>
    <row r="685500" spans="8:8">
      <c r="H685500" s="12"/>
    </row>
    <row r="685501" spans="8:8">
      <c r="H685501" s="12"/>
    </row>
    <row r="685502" spans="8:8">
      <c r="H685502" s="12"/>
    </row>
    <row r="685503" spans="8:8">
      <c r="H685503" s="12"/>
    </row>
    <row r="685504" spans="8:8">
      <c r="H685504" s="12"/>
    </row>
    <row r="685505" spans="8:8">
      <c r="H685505" s="12"/>
    </row>
    <row r="685506" spans="8:8">
      <c r="H685506" s="12"/>
    </row>
    <row r="685507" spans="8:8">
      <c r="H685507" s="12"/>
    </row>
    <row r="685508" spans="8:8">
      <c r="H685508" s="12"/>
    </row>
    <row r="685509" spans="8:8">
      <c r="H685509" s="12"/>
    </row>
    <row r="685510" spans="8:8">
      <c r="H685510" s="12"/>
    </row>
    <row r="685511" spans="8:8">
      <c r="H685511" s="12"/>
    </row>
    <row r="685512" spans="8:8">
      <c r="H685512" s="12"/>
    </row>
    <row r="685513" spans="8:8">
      <c r="H685513" s="12"/>
    </row>
    <row r="685514" spans="8:8">
      <c r="H685514" s="12"/>
    </row>
    <row r="685515" spans="8:8">
      <c r="H685515" s="12"/>
    </row>
    <row r="685516" spans="8:8">
      <c r="H685516" s="12"/>
    </row>
    <row r="685517" spans="8:8">
      <c r="H685517" s="12"/>
    </row>
    <row r="685518" spans="8:8">
      <c r="H685518" s="12"/>
    </row>
    <row r="685519" spans="8:8">
      <c r="H685519" s="12"/>
    </row>
    <row r="685520" spans="8:8">
      <c r="H685520" s="12"/>
    </row>
    <row r="685521" spans="8:8">
      <c r="H685521" s="12"/>
    </row>
    <row r="685522" spans="8:8">
      <c r="H685522" s="12"/>
    </row>
    <row r="685523" spans="8:8">
      <c r="H685523" s="12"/>
    </row>
    <row r="685524" spans="8:8">
      <c r="H685524" s="12"/>
    </row>
    <row r="685525" spans="8:8">
      <c r="H685525" s="12"/>
    </row>
    <row r="685526" spans="8:8">
      <c r="H685526" s="12"/>
    </row>
    <row r="685527" spans="8:8">
      <c r="H685527" s="12"/>
    </row>
    <row r="685528" spans="8:8">
      <c r="H685528" s="12"/>
    </row>
    <row r="685529" spans="8:8">
      <c r="H685529" s="12"/>
    </row>
    <row r="685530" spans="8:8">
      <c r="H685530" s="12"/>
    </row>
    <row r="685531" spans="8:8">
      <c r="H685531" s="12"/>
    </row>
    <row r="685532" spans="8:8">
      <c r="H685532" s="12"/>
    </row>
    <row r="685533" spans="8:8">
      <c r="H685533" s="12"/>
    </row>
    <row r="685534" spans="8:8">
      <c r="H685534" s="12"/>
    </row>
    <row r="685535" spans="8:8">
      <c r="H685535" s="12"/>
    </row>
    <row r="685536" spans="8:8">
      <c r="H685536" s="12"/>
    </row>
    <row r="685537" spans="8:8">
      <c r="H685537" s="12"/>
    </row>
    <row r="685538" spans="8:8">
      <c r="H685538" s="12"/>
    </row>
    <row r="685539" spans="8:8">
      <c r="H685539" s="12"/>
    </row>
    <row r="685540" spans="8:8">
      <c r="H685540" s="12"/>
    </row>
    <row r="685541" spans="8:8">
      <c r="H685541" s="12"/>
    </row>
    <row r="685542" spans="8:8">
      <c r="H685542" s="12"/>
    </row>
    <row r="685543" spans="8:8">
      <c r="H685543" s="12"/>
    </row>
    <row r="685544" spans="8:8">
      <c r="H685544" s="12"/>
    </row>
    <row r="685545" spans="8:8">
      <c r="H685545" s="12"/>
    </row>
    <row r="685546" spans="8:8">
      <c r="H685546" s="12"/>
    </row>
    <row r="685547" spans="8:8">
      <c r="H685547" s="12"/>
    </row>
    <row r="685548" spans="8:8">
      <c r="H685548" s="12"/>
    </row>
    <row r="685549" spans="8:8">
      <c r="H685549" s="12"/>
    </row>
    <row r="685550" spans="8:8">
      <c r="H685550" s="12"/>
    </row>
    <row r="685551" spans="8:8">
      <c r="H685551" s="12"/>
    </row>
    <row r="685552" spans="8:8">
      <c r="H685552" s="12"/>
    </row>
    <row r="685553" spans="8:8">
      <c r="H685553" s="12"/>
    </row>
    <row r="685554" spans="8:8">
      <c r="H685554" s="12"/>
    </row>
    <row r="685555" spans="8:8">
      <c r="H685555" s="12"/>
    </row>
    <row r="685556" spans="8:8">
      <c r="H685556" s="12"/>
    </row>
    <row r="685557" spans="8:8">
      <c r="H685557" s="12"/>
    </row>
    <row r="685558" spans="8:8">
      <c r="H685558" s="12"/>
    </row>
    <row r="685559" spans="8:8">
      <c r="H685559" s="12"/>
    </row>
    <row r="685560" spans="8:8">
      <c r="H685560" s="12"/>
    </row>
    <row r="685561" spans="8:8">
      <c r="H685561" s="12"/>
    </row>
    <row r="685562" spans="8:8">
      <c r="H685562" s="12"/>
    </row>
    <row r="685563" spans="8:8">
      <c r="H685563" s="12"/>
    </row>
    <row r="685564" spans="8:8">
      <c r="H685564" s="12"/>
    </row>
    <row r="685565" spans="8:8">
      <c r="H685565" s="12"/>
    </row>
    <row r="685566" spans="8:8">
      <c r="H685566" s="12"/>
    </row>
    <row r="685567" spans="8:8">
      <c r="H685567" s="12"/>
    </row>
    <row r="685568" spans="8:8">
      <c r="H685568" s="12"/>
    </row>
    <row r="685569" spans="8:8">
      <c r="H685569" s="12"/>
    </row>
    <row r="685570" spans="8:8">
      <c r="H685570" s="12"/>
    </row>
    <row r="685571" spans="8:8">
      <c r="H685571" s="12"/>
    </row>
    <row r="685572" spans="8:8">
      <c r="H685572" s="12"/>
    </row>
    <row r="685573" spans="8:8">
      <c r="H685573" s="12"/>
    </row>
    <row r="685574" spans="8:8">
      <c r="H685574" s="12"/>
    </row>
    <row r="685575" spans="8:8">
      <c r="H685575" s="12"/>
    </row>
    <row r="685576" spans="8:8">
      <c r="H685576" s="12"/>
    </row>
    <row r="685577" spans="8:8">
      <c r="H685577" s="12"/>
    </row>
    <row r="685578" spans="8:8">
      <c r="H685578" s="12"/>
    </row>
    <row r="685579" spans="8:8">
      <c r="H685579" s="12"/>
    </row>
    <row r="685580" spans="8:8">
      <c r="H685580" s="12"/>
    </row>
    <row r="685581" spans="8:8">
      <c r="H685581" s="12"/>
    </row>
    <row r="685582" spans="8:8">
      <c r="H685582" s="12"/>
    </row>
    <row r="685583" spans="8:8">
      <c r="H685583" s="12"/>
    </row>
    <row r="685584" spans="8:8">
      <c r="H685584" s="12"/>
    </row>
    <row r="685585" spans="8:8">
      <c r="H685585" s="12"/>
    </row>
    <row r="685586" spans="8:8">
      <c r="H685586" s="12"/>
    </row>
    <row r="685587" spans="8:8">
      <c r="H685587" s="12"/>
    </row>
    <row r="685588" spans="8:8">
      <c r="H685588" s="12"/>
    </row>
    <row r="685589" spans="8:8">
      <c r="H685589" s="12"/>
    </row>
    <row r="685590" spans="8:8">
      <c r="H685590" s="12"/>
    </row>
    <row r="685591" spans="8:8">
      <c r="H685591" s="12"/>
    </row>
    <row r="685592" spans="8:8">
      <c r="H685592" s="12"/>
    </row>
    <row r="685593" spans="8:8">
      <c r="H685593" s="12"/>
    </row>
    <row r="685594" spans="8:8">
      <c r="H685594" s="12"/>
    </row>
    <row r="685595" spans="8:8">
      <c r="H685595" s="12"/>
    </row>
    <row r="685596" spans="8:8">
      <c r="H685596" s="12"/>
    </row>
    <row r="685597" spans="8:8">
      <c r="H685597" s="12"/>
    </row>
    <row r="685598" spans="8:8">
      <c r="H685598" s="12"/>
    </row>
    <row r="685599" spans="8:8">
      <c r="H685599" s="12"/>
    </row>
    <row r="685600" spans="8:8">
      <c r="H685600" s="12"/>
    </row>
    <row r="685601" spans="8:8">
      <c r="H685601" s="12"/>
    </row>
    <row r="685602" spans="8:8">
      <c r="H685602" s="12"/>
    </row>
    <row r="685603" spans="8:8">
      <c r="H685603" s="12"/>
    </row>
    <row r="685604" spans="8:8">
      <c r="H685604" s="12"/>
    </row>
    <row r="685605" spans="8:8">
      <c r="H685605" s="12"/>
    </row>
    <row r="685606" spans="8:8">
      <c r="H685606" s="12"/>
    </row>
    <row r="685607" spans="8:8">
      <c r="H685607" s="12"/>
    </row>
    <row r="685608" spans="8:8">
      <c r="H685608" s="12"/>
    </row>
    <row r="685609" spans="8:8">
      <c r="H685609" s="12"/>
    </row>
    <row r="685610" spans="8:8">
      <c r="H685610" s="12"/>
    </row>
    <row r="685611" spans="8:8">
      <c r="H685611" s="12"/>
    </row>
    <row r="685612" spans="8:8">
      <c r="H685612" s="12"/>
    </row>
    <row r="685613" spans="8:8">
      <c r="H685613" s="12"/>
    </row>
    <row r="685614" spans="8:8">
      <c r="H685614" s="12"/>
    </row>
    <row r="685615" spans="8:8">
      <c r="H685615" s="12"/>
    </row>
    <row r="685616" spans="8:8">
      <c r="H685616" s="12"/>
    </row>
    <row r="685617" spans="8:8">
      <c r="H685617" s="12"/>
    </row>
    <row r="685618" spans="8:8">
      <c r="H685618" s="12"/>
    </row>
    <row r="685619" spans="8:8">
      <c r="H685619" s="12"/>
    </row>
    <row r="685620" spans="8:8">
      <c r="H685620" s="12"/>
    </row>
    <row r="685621" spans="8:8">
      <c r="H685621" s="12"/>
    </row>
    <row r="685622" spans="8:8">
      <c r="H685622" s="12"/>
    </row>
    <row r="685623" spans="8:8">
      <c r="H685623" s="12"/>
    </row>
    <row r="685624" spans="8:8">
      <c r="H685624" s="12"/>
    </row>
    <row r="685625" spans="8:8">
      <c r="H685625" s="12"/>
    </row>
    <row r="685626" spans="8:8">
      <c r="H685626" s="12"/>
    </row>
    <row r="685627" spans="8:8">
      <c r="H685627" s="12"/>
    </row>
    <row r="685628" spans="8:8">
      <c r="H685628" s="12"/>
    </row>
    <row r="685629" spans="8:8">
      <c r="H685629" s="12"/>
    </row>
    <row r="685630" spans="8:8">
      <c r="H685630" s="12"/>
    </row>
    <row r="685631" spans="8:8">
      <c r="H685631" s="12"/>
    </row>
    <row r="685632" spans="8:8">
      <c r="H685632" s="12"/>
    </row>
    <row r="685633" spans="8:8">
      <c r="H685633" s="12"/>
    </row>
    <row r="685634" spans="8:8">
      <c r="H685634" s="12"/>
    </row>
    <row r="685635" spans="8:8">
      <c r="H685635" s="12"/>
    </row>
    <row r="685636" spans="8:8">
      <c r="H685636" s="12"/>
    </row>
    <row r="685637" spans="8:8">
      <c r="H685637" s="12"/>
    </row>
    <row r="685638" spans="8:8">
      <c r="H685638" s="12"/>
    </row>
    <row r="685639" spans="8:8">
      <c r="H685639" s="12"/>
    </row>
    <row r="685640" spans="8:8">
      <c r="H685640" s="12"/>
    </row>
    <row r="685641" spans="8:8">
      <c r="H685641" s="12"/>
    </row>
    <row r="685642" spans="8:8">
      <c r="H685642" s="12"/>
    </row>
    <row r="685643" spans="8:8">
      <c r="H685643" s="12"/>
    </row>
    <row r="685644" spans="8:8">
      <c r="H685644" s="12"/>
    </row>
    <row r="685645" spans="8:8">
      <c r="H685645" s="12"/>
    </row>
    <row r="685646" spans="8:8">
      <c r="H685646" s="12"/>
    </row>
    <row r="685647" spans="8:8">
      <c r="H685647" s="12"/>
    </row>
    <row r="685648" spans="8:8">
      <c r="H685648" s="12"/>
    </row>
    <row r="685649" spans="8:8">
      <c r="H685649" s="12"/>
    </row>
    <row r="685650" spans="8:8">
      <c r="H685650" s="12"/>
    </row>
    <row r="685651" spans="8:8">
      <c r="H685651" s="12"/>
    </row>
    <row r="685652" spans="8:8">
      <c r="H685652" s="12"/>
    </row>
    <row r="685653" spans="8:8">
      <c r="H685653" s="12"/>
    </row>
    <row r="685654" spans="8:8">
      <c r="H685654" s="12"/>
    </row>
    <row r="685655" spans="8:8">
      <c r="H685655" s="12"/>
    </row>
    <row r="685656" spans="8:8">
      <c r="H685656" s="12"/>
    </row>
    <row r="685657" spans="8:8">
      <c r="H685657" s="12"/>
    </row>
    <row r="685658" spans="8:8">
      <c r="H685658" s="12"/>
    </row>
    <row r="685659" spans="8:8">
      <c r="H685659" s="12"/>
    </row>
    <row r="685660" spans="8:8">
      <c r="H685660" s="12"/>
    </row>
    <row r="685661" spans="8:8">
      <c r="H685661" s="12"/>
    </row>
    <row r="685662" spans="8:8">
      <c r="H685662" s="12"/>
    </row>
    <row r="685663" spans="8:8">
      <c r="H685663" s="12"/>
    </row>
    <row r="685664" spans="8:8">
      <c r="H685664" s="12"/>
    </row>
    <row r="685665" spans="8:8">
      <c r="H685665" s="12"/>
    </row>
    <row r="685666" spans="8:8">
      <c r="H685666" s="12"/>
    </row>
    <row r="685667" spans="8:8">
      <c r="H685667" s="12"/>
    </row>
    <row r="685668" spans="8:8">
      <c r="H685668" s="12"/>
    </row>
    <row r="685669" spans="8:8">
      <c r="H685669" s="12"/>
    </row>
    <row r="685670" spans="8:8">
      <c r="H685670" s="12"/>
    </row>
    <row r="685671" spans="8:8">
      <c r="H685671" s="12"/>
    </row>
    <row r="685672" spans="8:8">
      <c r="H685672" s="12"/>
    </row>
    <row r="685673" spans="8:8">
      <c r="H685673" s="12"/>
    </row>
    <row r="685674" spans="8:8">
      <c r="H685674" s="12"/>
    </row>
    <row r="685675" spans="8:8">
      <c r="H685675" s="12"/>
    </row>
    <row r="685676" spans="8:8">
      <c r="H685676" s="12"/>
    </row>
    <row r="685677" spans="8:8">
      <c r="H685677" s="12"/>
    </row>
    <row r="685678" spans="8:8">
      <c r="H685678" s="12"/>
    </row>
    <row r="685679" spans="8:8">
      <c r="H685679" s="12"/>
    </row>
    <row r="685680" spans="8:8">
      <c r="H685680" s="12"/>
    </row>
    <row r="685681" spans="8:8">
      <c r="H685681" s="12"/>
    </row>
    <row r="685682" spans="8:8">
      <c r="H685682" s="12"/>
    </row>
    <row r="685683" spans="8:8">
      <c r="H685683" s="12"/>
    </row>
    <row r="685684" spans="8:8">
      <c r="H685684" s="12"/>
    </row>
    <row r="685685" spans="8:8">
      <c r="H685685" s="12"/>
    </row>
    <row r="685686" spans="8:8">
      <c r="H685686" s="12"/>
    </row>
    <row r="685687" spans="8:8">
      <c r="H685687" s="12"/>
    </row>
    <row r="685688" spans="8:8">
      <c r="H685688" s="12"/>
    </row>
    <row r="685689" spans="8:8">
      <c r="H685689" s="12"/>
    </row>
    <row r="685690" spans="8:8">
      <c r="H685690" s="12"/>
    </row>
    <row r="685691" spans="8:8">
      <c r="H685691" s="12"/>
    </row>
    <row r="685692" spans="8:8">
      <c r="H685692" s="12"/>
    </row>
    <row r="685693" spans="8:8">
      <c r="H685693" s="12"/>
    </row>
    <row r="685694" spans="8:8">
      <c r="H685694" s="12"/>
    </row>
    <row r="685695" spans="8:8">
      <c r="H685695" s="12"/>
    </row>
    <row r="685696" spans="8:8">
      <c r="H685696" s="12"/>
    </row>
    <row r="685697" spans="8:8">
      <c r="H685697" s="12"/>
    </row>
    <row r="685698" spans="8:8">
      <c r="H685698" s="12"/>
    </row>
    <row r="685699" spans="8:8">
      <c r="H685699" s="12"/>
    </row>
    <row r="685700" spans="8:8">
      <c r="H685700" s="12"/>
    </row>
    <row r="685701" spans="8:8">
      <c r="H685701" s="12"/>
    </row>
    <row r="685702" spans="8:8">
      <c r="H685702" s="12"/>
    </row>
    <row r="685703" spans="8:8">
      <c r="H685703" s="12"/>
    </row>
    <row r="685704" spans="8:8">
      <c r="H685704" s="12"/>
    </row>
    <row r="685705" spans="8:8">
      <c r="H685705" s="12"/>
    </row>
    <row r="685706" spans="8:8">
      <c r="H685706" s="12"/>
    </row>
    <row r="685707" spans="8:8">
      <c r="H685707" s="12"/>
    </row>
    <row r="685708" spans="8:8">
      <c r="H685708" s="12"/>
    </row>
    <row r="685709" spans="8:8">
      <c r="H685709" s="12"/>
    </row>
    <row r="685710" spans="8:8">
      <c r="H685710" s="12"/>
    </row>
    <row r="685711" spans="8:8">
      <c r="H685711" s="12"/>
    </row>
    <row r="685712" spans="8:8">
      <c r="H685712" s="12"/>
    </row>
    <row r="685713" spans="8:8">
      <c r="H685713" s="12"/>
    </row>
    <row r="685714" spans="8:8">
      <c r="H685714" s="12"/>
    </row>
    <row r="685715" spans="8:8">
      <c r="H685715" s="12"/>
    </row>
    <row r="685716" spans="8:8">
      <c r="H685716" s="12"/>
    </row>
    <row r="685717" spans="8:8">
      <c r="H685717" s="12"/>
    </row>
    <row r="685718" spans="8:8">
      <c r="H685718" s="12"/>
    </row>
    <row r="685719" spans="8:8">
      <c r="H685719" s="12"/>
    </row>
    <row r="685720" spans="8:8">
      <c r="H685720" s="12"/>
    </row>
    <row r="685721" spans="8:8">
      <c r="H685721" s="12"/>
    </row>
    <row r="685722" spans="8:8">
      <c r="H685722" s="12"/>
    </row>
    <row r="685723" spans="8:8">
      <c r="H685723" s="12"/>
    </row>
    <row r="685724" spans="8:8">
      <c r="H685724" s="12"/>
    </row>
    <row r="685725" spans="8:8">
      <c r="H685725" s="12"/>
    </row>
    <row r="685726" spans="8:8">
      <c r="H685726" s="12"/>
    </row>
    <row r="685727" spans="8:8">
      <c r="H685727" s="12"/>
    </row>
    <row r="685728" spans="8:8">
      <c r="H685728" s="12"/>
    </row>
    <row r="685729" spans="8:8">
      <c r="H685729" s="12"/>
    </row>
    <row r="685730" spans="8:8">
      <c r="H685730" s="12"/>
    </row>
    <row r="685731" spans="8:8">
      <c r="H685731" s="12"/>
    </row>
    <row r="685732" spans="8:8">
      <c r="H685732" s="12"/>
    </row>
    <row r="685733" spans="8:8">
      <c r="H685733" s="12"/>
    </row>
    <row r="685734" spans="8:8">
      <c r="H685734" s="12"/>
    </row>
    <row r="685735" spans="8:8">
      <c r="H685735" s="12"/>
    </row>
    <row r="685736" spans="8:8">
      <c r="H685736" s="12"/>
    </row>
    <row r="685737" spans="8:8">
      <c r="H685737" s="12"/>
    </row>
    <row r="685738" spans="8:8">
      <c r="H685738" s="12"/>
    </row>
    <row r="685739" spans="8:8">
      <c r="H685739" s="12"/>
    </row>
    <row r="685740" spans="8:8">
      <c r="H685740" s="12"/>
    </row>
    <row r="685741" spans="8:8">
      <c r="H685741" s="12"/>
    </row>
    <row r="685742" spans="8:8">
      <c r="H685742" s="12"/>
    </row>
    <row r="685743" spans="8:8">
      <c r="H685743" s="12"/>
    </row>
    <row r="685744" spans="8:8">
      <c r="H685744" s="12"/>
    </row>
    <row r="685745" spans="8:8">
      <c r="H685745" s="12"/>
    </row>
    <row r="685746" spans="8:8">
      <c r="H685746" s="12"/>
    </row>
    <row r="685747" spans="8:8">
      <c r="H685747" s="12"/>
    </row>
    <row r="685748" spans="8:8">
      <c r="H685748" s="12"/>
    </row>
    <row r="685749" spans="8:8">
      <c r="H685749" s="12"/>
    </row>
    <row r="685750" spans="8:8">
      <c r="H685750" s="12"/>
    </row>
    <row r="685751" spans="8:8">
      <c r="H685751" s="12"/>
    </row>
    <row r="685752" spans="8:8">
      <c r="H685752" s="12"/>
    </row>
    <row r="685753" spans="8:8">
      <c r="H685753" s="12"/>
    </row>
    <row r="685754" spans="8:8">
      <c r="H685754" s="12"/>
    </row>
    <row r="685755" spans="8:8">
      <c r="H685755" s="12"/>
    </row>
    <row r="685756" spans="8:8">
      <c r="H685756" s="12"/>
    </row>
    <row r="685757" spans="8:8">
      <c r="H685757" s="12"/>
    </row>
    <row r="685758" spans="8:8">
      <c r="H685758" s="12"/>
    </row>
    <row r="685759" spans="8:8">
      <c r="H685759" s="12"/>
    </row>
    <row r="685760" spans="8:8">
      <c r="H685760" s="12"/>
    </row>
    <row r="685761" spans="8:8">
      <c r="H685761" s="12"/>
    </row>
    <row r="685762" spans="8:8">
      <c r="H685762" s="12"/>
    </row>
    <row r="685763" spans="8:8">
      <c r="H685763" s="12"/>
    </row>
    <row r="685764" spans="8:8">
      <c r="H685764" s="12"/>
    </row>
    <row r="685765" spans="8:8">
      <c r="H685765" s="12"/>
    </row>
    <row r="685766" spans="8:8">
      <c r="H685766" s="12"/>
    </row>
    <row r="685767" spans="8:8">
      <c r="H685767" s="12"/>
    </row>
    <row r="685768" spans="8:8">
      <c r="H685768" s="12"/>
    </row>
    <row r="685769" spans="8:8">
      <c r="H685769" s="12"/>
    </row>
    <row r="685770" spans="8:8">
      <c r="H685770" s="12"/>
    </row>
    <row r="685771" spans="8:8">
      <c r="H685771" s="12"/>
    </row>
    <row r="685772" spans="8:8">
      <c r="H685772" s="12"/>
    </row>
    <row r="685773" spans="8:8">
      <c r="H685773" s="12"/>
    </row>
    <row r="685774" spans="8:8">
      <c r="H685774" s="12"/>
    </row>
    <row r="685775" spans="8:8">
      <c r="H685775" s="12"/>
    </row>
    <row r="685776" spans="8:8">
      <c r="H685776" s="12"/>
    </row>
    <row r="685777" spans="8:8">
      <c r="H685777" s="12"/>
    </row>
    <row r="685778" spans="8:8">
      <c r="H685778" s="12"/>
    </row>
    <row r="685779" spans="8:8">
      <c r="H685779" s="12"/>
    </row>
    <row r="685780" spans="8:8">
      <c r="H685780" s="12"/>
    </row>
    <row r="685781" spans="8:8">
      <c r="H685781" s="12"/>
    </row>
    <row r="685782" spans="8:8">
      <c r="H685782" s="12"/>
    </row>
    <row r="685783" spans="8:8">
      <c r="H685783" s="12"/>
    </row>
    <row r="685784" spans="8:8">
      <c r="H685784" s="12"/>
    </row>
    <row r="685785" spans="8:8">
      <c r="H685785" s="12"/>
    </row>
    <row r="685786" spans="8:8">
      <c r="H685786" s="12"/>
    </row>
    <row r="685787" spans="8:8">
      <c r="H685787" s="12"/>
    </row>
    <row r="685788" spans="8:8">
      <c r="H685788" s="12"/>
    </row>
    <row r="685789" spans="8:8">
      <c r="H685789" s="12"/>
    </row>
    <row r="685790" spans="8:8">
      <c r="H685790" s="12"/>
    </row>
    <row r="685791" spans="8:8">
      <c r="H685791" s="12"/>
    </row>
    <row r="685792" spans="8:8">
      <c r="H685792" s="12"/>
    </row>
    <row r="685793" spans="8:8">
      <c r="H685793" s="12"/>
    </row>
    <row r="685794" spans="8:8">
      <c r="H685794" s="12"/>
    </row>
    <row r="685795" spans="8:8">
      <c r="H685795" s="12"/>
    </row>
    <row r="685796" spans="8:8">
      <c r="H685796" s="12"/>
    </row>
    <row r="685797" spans="8:8">
      <c r="H685797" s="12"/>
    </row>
    <row r="685798" spans="8:8">
      <c r="H685798" s="12"/>
    </row>
    <row r="685799" spans="8:8">
      <c r="H685799" s="12"/>
    </row>
    <row r="685800" spans="8:8">
      <c r="H685800" s="12"/>
    </row>
    <row r="685801" spans="8:8">
      <c r="H685801" s="12"/>
    </row>
    <row r="685802" spans="8:8">
      <c r="H685802" s="12"/>
    </row>
    <row r="685803" spans="8:8">
      <c r="H685803" s="12"/>
    </row>
    <row r="685804" spans="8:8">
      <c r="H685804" s="12"/>
    </row>
    <row r="685805" spans="8:8">
      <c r="H685805" s="12"/>
    </row>
    <row r="685806" spans="8:8">
      <c r="H685806" s="12"/>
    </row>
    <row r="685807" spans="8:8">
      <c r="H685807" s="12"/>
    </row>
    <row r="685808" spans="8:8">
      <c r="H685808" s="12"/>
    </row>
    <row r="685809" spans="8:8">
      <c r="H685809" s="12"/>
    </row>
    <row r="685810" spans="8:8">
      <c r="H685810" s="12"/>
    </row>
    <row r="685811" spans="8:8">
      <c r="H685811" s="12"/>
    </row>
    <row r="685812" spans="8:8">
      <c r="H685812" s="12"/>
    </row>
    <row r="685813" spans="8:8">
      <c r="H685813" s="12"/>
    </row>
    <row r="685814" spans="8:8">
      <c r="H685814" s="12"/>
    </row>
    <row r="685815" spans="8:8">
      <c r="H685815" s="12"/>
    </row>
    <row r="685816" spans="8:8">
      <c r="H685816" s="12"/>
    </row>
    <row r="685817" spans="8:8">
      <c r="H685817" s="12"/>
    </row>
    <row r="685818" spans="8:8">
      <c r="H685818" s="12"/>
    </row>
    <row r="685819" spans="8:8">
      <c r="H685819" s="12"/>
    </row>
    <row r="685820" spans="8:8">
      <c r="H685820" s="12"/>
    </row>
    <row r="685821" spans="8:8">
      <c r="H685821" s="12"/>
    </row>
    <row r="685822" spans="8:8">
      <c r="H685822" s="12"/>
    </row>
    <row r="685823" spans="8:8">
      <c r="H685823" s="12"/>
    </row>
    <row r="685824" spans="8:8">
      <c r="H685824" s="12"/>
    </row>
    <row r="685825" spans="8:8">
      <c r="H685825" s="12"/>
    </row>
    <row r="685826" spans="8:8">
      <c r="H685826" s="12"/>
    </row>
    <row r="685827" spans="8:8">
      <c r="H685827" s="12"/>
    </row>
    <row r="685828" spans="8:8">
      <c r="H685828" s="12"/>
    </row>
    <row r="685829" spans="8:8">
      <c r="H685829" s="12"/>
    </row>
    <row r="685830" spans="8:8">
      <c r="H685830" s="12"/>
    </row>
    <row r="685831" spans="8:8">
      <c r="H685831" s="12"/>
    </row>
    <row r="685832" spans="8:8">
      <c r="H685832" s="12"/>
    </row>
    <row r="685833" spans="8:8">
      <c r="H685833" s="12"/>
    </row>
    <row r="685834" spans="8:8">
      <c r="H685834" s="12"/>
    </row>
    <row r="685835" spans="8:8">
      <c r="H685835" s="12"/>
    </row>
    <row r="685836" spans="8:8">
      <c r="H685836" s="12"/>
    </row>
    <row r="685837" spans="8:8">
      <c r="H685837" s="12"/>
    </row>
    <row r="685838" spans="8:8">
      <c r="H685838" s="12"/>
    </row>
    <row r="685839" spans="8:8">
      <c r="H685839" s="12"/>
    </row>
    <row r="685840" spans="8:8">
      <c r="H685840" s="12"/>
    </row>
    <row r="685841" spans="8:8">
      <c r="H685841" s="12"/>
    </row>
    <row r="685842" spans="8:8">
      <c r="H685842" s="12"/>
    </row>
    <row r="685843" spans="8:8">
      <c r="H685843" s="12"/>
    </row>
    <row r="685844" spans="8:8">
      <c r="H685844" s="12"/>
    </row>
    <row r="685845" spans="8:8">
      <c r="H685845" s="12"/>
    </row>
    <row r="685846" spans="8:8">
      <c r="H685846" s="12"/>
    </row>
    <row r="685847" spans="8:8">
      <c r="H685847" s="12"/>
    </row>
    <row r="685848" spans="8:8">
      <c r="H685848" s="12"/>
    </row>
    <row r="685849" spans="8:8">
      <c r="H685849" s="12"/>
    </row>
    <row r="685850" spans="8:8">
      <c r="H685850" s="12"/>
    </row>
    <row r="685851" spans="8:8">
      <c r="H685851" s="12"/>
    </row>
    <row r="685852" spans="8:8">
      <c r="H685852" s="12"/>
    </row>
    <row r="685853" spans="8:8">
      <c r="H685853" s="12"/>
    </row>
    <row r="685854" spans="8:8">
      <c r="H685854" s="12"/>
    </row>
    <row r="685855" spans="8:8">
      <c r="H685855" s="12"/>
    </row>
    <row r="685856" spans="8:8">
      <c r="H685856" s="12"/>
    </row>
    <row r="685857" spans="8:8">
      <c r="H685857" s="12"/>
    </row>
    <row r="685858" spans="8:8">
      <c r="H685858" s="12"/>
    </row>
    <row r="685859" spans="8:8">
      <c r="H685859" s="12"/>
    </row>
    <row r="685860" spans="8:8">
      <c r="H685860" s="12"/>
    </row>
    <row r="685861" spans="8:8">
      <c r="H685861" s="12"/>
    </row>
    <row r="685862" spans="8:8">
      <c r="H685862" s="12"/>
    </row>
    <row r="685863" spans="8:8">
      <c r="H685863" s="12"/>
    </row>
    <row r="685864" spans="8:8">
      <c r="H685864" s="12"/>
    </row>
    <row r="685865" spans="8:8">
      <c r="H685865" s="12"/>
    </row>
    <row r="685866" spans="8:8">
      <c r="H685866" s="12"/>
    </row>
    <row r="685867" spans="8:8">
      <c r="H685867" s="12"/>
    </row>
    <row r="685868" spans="8:8">
      <c r="H685868" s="12"/>
    </row>
    <row r="685869" spans="8:8">
      <c r="H685869" s="12"/>
    </row>
    <row r="685870" spans="8:8">
      <c r="H685870" s="12"/>
    </row>
    <row r="685871" spans="8:8">
      <c r="H685871" s="12"/>
    </row>
    <row r="685872" spans="8:8">
      <c r="H685872" s="12"/>
    </row>
    <row r="685873" spans="8:8">
      <c r="H685873" s="12"/>
    </row>
    <row r="685874" spans="8:8">
      <c r="H685874" s="12"/>
    </row>
    <row r="685875" spans="8:8">
      <c r="H685875" s="12"/>
    </row>
    <row r="685876" spans="8:8">
      <c r="H685876" s="12"/>
    </row>
    <row r="685877" spans="8:8">
      <c r="H685877" s="12"/>
    </row>
    <row r="685878" spans="8:8">
      <c r="H685878" s="12"/>
    </row>
    <row r="685879" spans="8:8">
      <c r="H685879" s="12"/>
    </row>
    <row r="685880" spans="8:8">
      <c r="H685880" s="12"/>
    </row>
    <row r="685881" spans="8:8">
      <c r="H685881" s="12"/>
    </row>
    <row r="685882" spans="8:8">
      <c r="H685882" s="12"/>
    </row>
    <row r="685883" spans="8:8">
      <c r="H685883" s="12"/>
    </row>
    <row r="685884" spans="8:8">
      <c r="H685884" s="12"/>
    </row>
    <row r="685885" spans="8:8">
      <c r="H685885" s="12"/>
    </row>
    <row r="685886" spans="8:8">
      <c r="H685886" s="12"/>
    </row>
    <row r="685887" spans="8:8">
      <c r="H685887" s="12"/>
    </row>
    <row r="685888" spans="8:8">
      <c r="H685888" s="12"/>
    </row>
    <row r="685889" spans="8:8">
      <c r="H685889" s="12"/>
    </row>
    <row r="685890" spans="8:8">
      <c r="H685890" s="12"/>
    </row>
    <row r="685891" spans="8:8">
      <c r="H685891" s="12"/>
    </row>
    <row r="685892" spans="8:8">
      <c r="H685892" s="12"/>
    </row>
    <row r="685893" spans="8:8">
      <c r="H685893" s="12"/>
    </row>
    <row r="685894" spans="8:8">
      <c r="H685894" s="12"/>
    </row>
    <row r="685895" spans="8:8">
      <c r="H685895" s="12"/>
    </row>
    <row r="685896" spans="8:8">
      <c r="H685896" s="12"/>
    </row>
    <row r="685897" spans="8:8">
      <c r="H685897" s="12"/>
    </row>
    <row r="685898" spans="8:8">
      <c r="H685898" s="12"/>
    </row>
    <row r="685899" spans="8:8">
      <c r="H685899" s="12"/>
    </row>
    <row r="685900" spans="8:8">
      <c r="H685900" s="12"/>
    </row>
    <row r="685901" spans="8:8">
      <c r="H685901" s="12"/>
    </row>
    <row r="685902" spans="8:8">
      <c r="H685902" s="12"/>
    </row>
    <row r="685903" spans="8:8">
      <c r="H685903" s="12"/>
    </row>
    <row r="685904" spans="8:8">
      <c r="H685904" s="12"/>
    </row>
    <row r="685905" spans="8:8">
      <c r="H685905" s="12"/>
    </row>
    <row r="685906" spans="8:8">
      <c r="H685906" s="12"/>
    </row>
    <row r="685907" spans="8:8">
      <c r="H685907" s="12"/>
    </row>
    <row r="685908" spans="8:8">
      <c r="H685908" s="12"/>
    </row>
    <row r="685909" spans="8:8">
      <c r="H685909" s="12"/>
    </row>
    <row r="685910" spans="8:8">
      <c r="H685910" s="12"/>
    </row>
    <row r="685911" spans="8:8">
      <c r="H685911" s="12"/>
    </row>
    <row r="685912" spans="8:8">
      <c r="H685912" s="12"/>
    </row>
    <row r="685913" spans="8:8">
      <c r="H685913" s="12"/>
    </row>
    <row r="685914" spans="8:8">
      <c r="H685914" s="12"/>
    </row>
    <row r="685915" spans="8:8">
      <c r="H685915" s="12"/>
    </row>
    <row r="685916" spans="8:8">
      <c r="H685916" s="12"/>
    </row>
    <row r="685917" spans="8:8">
      <c r="H685917" s="12"/>
    </row>
    <row r="685918" spans="8:8">
      <c r="H685918" s="12"/>
    </row>
    <row r="685919" spans="8:8">
      <c r="H685919" s="12"/>
    </row>
    <row r="685920" spans="8:8">
      <c r="H685920" s="12"/>
    </row>
    <row r="685921" spans="8:8">
      <c r="H685921" s="12"/>
    </row>
    <row r="685922" spans="8:8">
      <c r="H685922" s="12"/>
    </row>
    <row r="685923" spans="8:8">
      <c r="H685923" s="12"/>
    </row>
    <row r="685924" spans="8:8">
      <c r="H685924" s="12"/>
    </row>
    <row r="685925" spans="8:8">
      <c r="H685925" s="12"/>
    </row>
    <row r="685926" spans="8:8">
      <c r="H685926" s="12"/>
    </row>
    <row r="685927" spans="8:8">
      <c r="H685927" s="12"/>
    </row>
    <row r="685928" spans="8:8">
      <c r="H685928" s="12"/>
    </row>
    <row r="685929" spans="8:8">
      <c r="H685929" s="12"/>
    </row>
    <row r="685930" spans="8:8">
      <c r="H685930" s="12"/>
    </row>
    <row r="685931" spans="8:8">
      <c r="H685931" s="12"/>
    </row>
    <row r="685932" spans="8:8">
      <c r="H685932" s="12"/>
    </row>
    <row r="685933" spans="8:8">
      <c r="H685933" s="12"/>
    </row>
    <row r="685934" spans="8:8">
      <c r="H685934" s="12"/>
    </row>
    <row r="685935" spans="8:8">
      <c r="H685935" s="12"/>
    </row>
    <row r="685936" spans="8:8">
      <c r="H685936" s="12"/>
    </row>
    <row r="685937" spans="8:8">
      <c r="H685937" s="12"/>
    </row>
    <row r="685938" spans="8:8">
      <c r="H685938" s="12"/>
    </row>
    <row r="685939" spans="8:8">
      <c r="H685939" s="12"/>
    </row>
    <row r="685940" spans="8:8">
      <c r="H685940" s="12"/>
    </row>
    <row r="685941" spans="8:8">
      <c r="H685941" s="12"/>
    </row>
    <row r="685942" spans="8:8">
      <c r="H685942" s="12"/>
    </row>
    <row r="685943" spans="8:8">
      <c r="H685943" s="12"/>
    </row>
    <row r="685944" spans="8:8">
      <c r="H685944" s="12"/>
    </row>
    <row r="685945" spans="8:8">
      <c r="H685945" s="12"/>
    </row>
    <row r="685946" spans="8:8">
      <c r="H685946" s="12"/>
    </row>
    <row r="685947" spans="8:8">
      <c r="H685947" s="12"/>
    </row>
    <row r="685948" spans="8:8">
      <c r="H685948" s="12"/>
    </row>
    <row r="685949" spans="8:8">
      <c r="H685949" s="12"/>
    </row>
    <row r="685950" spans="8:8">
      <c r="H685950" s="12"/>
    </row>
    <row r="685951" spans="8:8">
      <c r="H685951" s="12"/>
    </row>
    <row r="685952" spans="8:8">
      <c r="H685952" s="12"/>
    </row>
    <row r="685953" spans="8:8">
      <c r="H685953" s="12"/>
    </row>
    <row r="685954" spans="8:8">
      <c r="H685954" s="12"/>
    </row>
    <row r="685955" spans="8:8">
      <c r="H685955" s="12"/>
    </row>
    <row r="685956" spans="8:8">
      <c r="H685956" s="12"/>
    </row>
    <row r="685957" spans="8:8">
      <c r="H685957" s="12"/>
    </row>
    <row r="685958" spans="8:8">
      <c r="H685958" s="12"/>
    </row>
    <row r="685959" spans="8:8">
      <c r="H685959" s="12"/>
    </row>
    <row r="685960" spans="8:8">
      <c r="H685960" s="12"/>
    </row>
    <row r="685961" spans="8:8">
      <c r="H685961" s="12"/>
    </row>
    <row r="685962" spans="8:8">
      <c r="H685962" s="12"/>
    </row>
    <row r="685963" spans="8:8">
      <c r="H685963" s="12"/>
    </row>
    <row r="685964" spans="8:8">
      <c r="H685964" s="12"/>
    </row>
    <row r="685965" spans="8:8">
      <c r="H685965" s="12"/>
    </row>
    <row r="685966" spans="8:8">
      <c r="H685966" s="12"/>
    </row>
    <row r="685967" spans="8:8">
      <c r="H685967" s="12"/>
    </row>
    <row r="685968" spans="8:8">
      <c r="H685968" s="12"/>
    </row>
    <row r="685969" spans="8:8">
      <c r="H685969" s="12"/>
    </row>
    <row r="685970" spans="8:8">
      <c r="H685970" s="12"/>
    </row>
    <row r="685971" spans="8:8">
      <c r="H685971" s="12"/>
    </row>
    <row r="685972" spans="8:8">
      <c r="H685972" s="12"/>
    </row>
    <row r="685973" spans="8:8">
      <c r="H685973" s="12"/>
    </row>
    <row r="685974" spans="8:8">
      <c r="H685974" s="12"/>
    </row>
    <row r="685975" spans="8:8">
      <c r="H685975" s="12"/>
    </row>
    <row r="685976" spans="8:8">
      <c r="H685976" s="12"/>
    </row>
    <row r="685977" spans="8:8">
      <c r="H685977" s="12"/>
    </row>
    <row r="685978" spans="8:8">
      <c r="H685978" s="12"/>
    </row>
    <row r="685979" spans="8:8">
      <c r="H685979" s="12"/>
    </row>
    <row r="685980" spans="8:8">
      <c r="H685980" s="12"/>
    </row>
    <row r="685981" spans="8:8">
      <c r="H685981" s="12"/>
    </row>
    <row r="685982" spans="8:8">
      <c r="H685982" s="12"/>
    </row>
    <row r="685983" spans="8:8">
      <c r="H685983" s="12"/>
    </row>
    <row r="685984" spans="8:8">
      <c r="H685984" s="12"/>
    </row>
    <row r="685985" spans="8:8">
      <c r="H685985" s="12"/>
    </row>
    <row r="685986" spans="8:8">
      <c r="H685986" s="12"/>
    </row>
    <row r="685987" spans="8:8">
      <c r="H685987" s="12"/>
    </row>
    <row r="685988" spans="8:8">
      <c r="H685988" s="12"/>
    </row>
    <row r="685989" spans="8:8">
      <c r="H685989" s="12"/>
    </row>
    <row r="685990" spans="8:8">
      <c r="H685990" s="12"/>
    </row>
    <row r="685991" spans="8:8">
      <c r="H685991" s="12"/>
    </row>
    <row r="685992" spans="8:8">
      <c r="H685992" s="12"/>
    </row>
    <row r="685993" spans="8:8">
      <c r="H685993" s="12"/>
    </row>
    <row r="685994" spans="8:8">
      <c r="H685994" s="12"/>
    </row>
    <row r="685995" spans="8:8">
      <c r="H685995" s="12"/>
    </row>
    <row r="685996" spans="8:8">
      <c r="H685996" s="12"/>
    </row>
    <row r="685997" spans="8:8">
      <c r="H685997" s="12"/>
    </row>
    <row r="685998" spans="8:8">
      <c r="H685998" s="12"/>
    </row>
    <row r="685999" spans="8:8">
      <c r="H685999" s="12"/>
    </row>
    <row r="686000" spans="8:8">
      <c r="H686000" s="12"/>
    </row>
    <row r="686001" spans="8:8">
      <c r="H686001" s="12"/>
    </row>
    <row r="686002" spans="8:8">
      <c r="H686002" s="12"/>
    </row>
    <row r="686003" spans="8:8">
      <c r="H686003" s="12"/>
    </row>
    <row r="686004" spans="8:8">
      <c r="H686004" s="12"/>
    </row>
    <row r="686005" spans="8:8">
      <c r="H686005" s="12"/>
    </row>
    <row r="686006" spans="8:8">
      <c r="H686006" s="12"/>
    </row>
    <row r="686007" spans="8:8">
      <c r="H686007" s="12"/>
    </row>
    <row r="686008" spans="8:8">
      <c r="H686008" s="12"/>
    </row>
    <row r="686009" spans="8:8">
      <c r="H686009" s="12"/>
    </row>
    <row r="686010" spans="8:8">
      <c r="H686010" s="12"/>
    </row>
    <row r="686011" spans="8:8">
      <c r="H686011" s="12"/>
    </row>
    <row r="686012" spans="8:8">
      <c r="H686012" s="12"/>
    </row>
    <row r="686013" spans="8:8">
      <c r="H686013" s="12"/>
    </row>
    <row r="686014" spans="8:8">
      <c r="H686014" s="12"/>
    </row>
    <row r="686015" spans="8:8">
      <c r="H686015" s="12"/>
    </row>
    <row r="686016" spans="8:8">
      <c r="H686016" s="12"/>
    </row>
    <row r="686017" spans="8:8">
      <c r="H686017" s="12"/>
    </row>
    <row r="686018" spans="8:8">
      <c r="H686018" s="12"/>
    </row>
    <row r="686019" spans="8:8">
      <c r="H686019" s="12"/>
    </row>
    <row r="686020" spans="8:8">
      <c r="H686020" s="12"/>
    </row>
    <row r="686021" spans="8:8">
      <c r="H686021" s="12"/>
    </row>
    <row r="686022" spans="8:8">
      <c r="H686022" s="12"/>
    </row>
    <row r="686023" spans="8:8">
      <c r="H686023" s="12"/>
    </row>
    <row r="686024" spans="8:8">
      <c r="H686024" s="12"/>
    </row>
    <row r="686025" spans="8:8">
      <c r="H686025" s="12"/>
    </row>
    <row r="686026" spans="8:8">
      <c r="H686026" s="12"/>
    </row>
    <row r="686027" spans="8:8">
      <c r="H686027" s="12"/>
    </row>
    <row r="686028" spans="8:8">
      <c r="H686028" s="12"/>
    </row>
    <row r="686029" spans="8:8">
      <c r="H686029" s="12"/>
    </row>
    <row r="686030" spans="8:8">
      <c r="H686030" s="12"/>
    </row>
    <row r="686031" spans="8:8">
      <c r="H686031" s="12"/>
    </row>
    <row r="686032" spans="8:8">
      <c r="H686032" s="12"/>
    </row>
    <row r="686033" spans="8:8">
      <c r="H686033" s="12"/>
    </row>
    <row r="686034" spans="8:8">
      <c r="H686034" s="12"/>
    </row>
    <row r="686035" spans="8:8">
      <c r="H686035" s="12"/>
    </row>
    <row r="686036" spans="8:8">
      <c r="H686036" s="12"/>
    </row>
    <row r="686037" spans="8:8">
      <c r="H686037" s="12"/>
    </row>
    <row r="686038" spans="8:8">
      <c r="H686038" s="12"/>
    </row>
    <row r="686039" spans="8:8">
      <c r="H686039" s="12"/>
    </row>
    <row r="686040" spans="8:8">
      <c r="H686040" s="12"/>
    </row>
    <row r="686041" spans="8:8">
      <c r="H686041" s="12"/>
    </row>
    <row r="686042" spans="8:8">
      <c r="H686042" s="12"/>
    </row>
    <row r="686043" spans="8:8">
      <c r="H686043" s="12"/>
    </row>
    <row r="686044" spans="8:8">
      <c r="H686044" s="12"/>
    </row>
    <row r="686045" spans="8:8">
      <c r="H686045" s="12"/>
    </row>
    <row r="686046" spans="8:8">
      <c r="H686046" s="12"/>
    </row>
    <row r="686047" spans="8:8">
      <c r="H686047" s="12"/>
    </row>
    <row r="686048" spans="8:8">
      <c r="H686048" s="12"/>
    </row>
    <row r="686049" spans="8:8">
      <c r="H686049" s="12"/>
    </row>
    <row r="686050" spans="8:8">
      <c r="H686050" s="12"/>
    </row>
    <row r="686051" spans="8:8">
      <c r="H686051" s="12"/>
    </row>
    <row r="686052" spans="8:8">
      <c r="H686052" s="12"/>
    </row>
    <row r="686053" spans="8:8">
      <c r="H686053" s="12"/>
    </row>
    <row r="686054" spans="8:8">
      <c r="H686054" s="12"/>
    </row>
    <row r="686055" spans="8:8">
      <c r="H686055" s="12"/>
    </row>
    <row r="686056" spans="8:8">
      <c r="H686056" s="12"/>
    </row>
    <row r="686057" spans="8:8">
      <c r="H686057" s="12"/>
    </row>
    <row r="686058" spans="8:8">
      <c r="H686058" s="12"/>
    </row>
    <row r="686059" spans="8:8">
      <c r="H686059" s="12"/>
    </row>
    <row r="686060" spans="8:8">
      <c r="H686060" s="12"/>
    </row>
    <row r="686061" spans="8:8">
      <c r="H686061" s="12"/>
    </row>
    <row r="686062" spans="8:8">
      <c r="H686062" s="12"/>
    </row>
    <row r="686063" spans="8:8">
      <c r="H686063" s="12"/>
    </row>
    <row r="686064" spans="8:8">
      <c r="H686064" s="12"/>
    </row>
    <row r="686065" spans="8:8">
      <c r="H686065" s="12"/>
    </row>
    <row r="686066" spans="8:8">
      <c r="H686066" s="12"/>
    </row>
    <row r="686067" spans="8:8">
      <c r="H686067" s="12"/>
    </row>
    <row r="686068" spans="8:8">
      <c r="H686068" s="12"/>
    </row>
    <row r="686069" spans="8:8">
      <c r="H686069" s="12"/>
    </row>
    <row r="686070" spans="8:8">
      <c r="H686070" s="12"/>
    </row>
    <row r="686071" spans="8:8">
      <c r="H686071" s="12"/>
    </row>
    <row r="686072" spans="8:8">
      <c r="H686072" s="12"/>
    </row>
    <row r="686073" spans="8:8">
      <c r="H686073" s="12"/>
    </row>
    <row r="686074" spans="8:8">
      <c r="H686074" s="12"/>
    </row>
    <row r="686075" spans="8:8">
      <c r="H686075" s="12"/>
    </row>
    <row r="686076" spans="8:8">
      <c r="H686076" s="12"/>
    </row>
    <row r="686077" spans="8:8">
      <c r="H686077" s="12"/>
    </row>
    <row r="686078" spans="8:8">
      <c r="H686078" s="12"/>
    </row>
    <row r="686079" spans="8:8">
      <c r="H686079" s="12"/>
    </row>
    <row r="686080" spans="8:8">
      <c r="H686080" s="12"/>
    </row>
    <row r="686081" spans="8:8">
      <c r="H686081" s="12"/>
    </row>
    <row r="686082" spans="8:8">
      <c r="H686082" s="12"/>
    </row>
    <row r="686083" spans="8:8">
      <c r="H686083" s="12"/>
    </row>
    <row r="686084" spans="8:8">
      <c r="H686084" s="12"/>
    </row>
    <row r="686085" spans="8:8">
      <c r="H686085" s="12"/>
    </row>
    <row r="686086" spans="8:8">
      <c r="H686086" s="12"/>
    </row>
    <row r="686087" spans="8:8">
      <c r="H686087" s="12"/>
    </row>
    <row r="686088" spans="8:8">
      <c r="H686088" s="12"/>
    </row>
    <row r="686089" spans="8:8">
      <c r="H686089" s="12"/>
    </row>
    <row r="686090" spans="8:8">
      <c r="H686090" s="12"/>
    </row>
    <row r="686091" spans="8:8">
      <c r="H686091" s="12"/>
    </row>
    <row r="686092" spans="8:8">
      <c r="H686092" s="12"/>
    </row>
    <row r="686093" spans="8:8">
      <c r="H686093" s="12"/>
    </row>
    <row r="686094" spans="8:8">
      <c r="H686094" s="12"/>
    </row>
    <row r="686095" spans="8:8">
      <c r="H686095" s="12"/>
    </row>
    <row r="686096" spans="8:8">
      <c r="H686096" s="12"/>
    </row>
    <row r="686097" spans="8:8">
      <c r="H686097" s="12"/>
    </row>
    <row r="686098" spans="8:8">
      <c r="H686098" s="12"/>
    </row>
    <row r="686099" spans="8:8">
      <c r="H686099" s="12"/>
    </row>
    <row r="686100" spans="8:8">
      <c r="H686100" s="12"/>
    </row>
    <row r="686101" spans="8:8">
      <c r="H686101" s="12"/>
    </row>
    <row r="686102" spans="8:8">
      <c r="H686102" s="12"/>
    </row>
    <row r="686103" spans="8:8">
      <c r="H686103" s="12"/>
    </row>
    <row r="686104" spans="8:8">
      <c r="H686104" s="12"/>
    </row>
    <row r="686105" spans="8:8">
      <c r="H686105" s="12"/>
    </row>
    <row r="686106" spans="8:8">
      <c r="H686106" s="12"/>
    </row>
    <row r="686107" spans="8:8">
      <c r="H686107" s="12"/>
    </row>
    <row r="686108" spans="8:8">
      <c r="H686108" s="12"/>
    </row>
    <row r="686109" spans="8:8">
      <c r="H686109" s="12"/>
    </row>
    <row r="686110" spans="8:8">
      <c r="H686110" s="12"/>
    </row>
    <row r="686111" spans="8:8">
      <c r="H686111" s="12"/>
    </row>
    <row r="686112" spans="8:8">
      <c r="H686112" s="12"/>
    </row>
    <row r="686113" spans="8:8">
      <c r="H686113" s="12"/>
    </row>
    <row r="686114" spans="8:8">
      <c r="H686114" s="12"/>
    </row>
    <row r="686115" spans="8:8">
      <c r="H686115" s="12"/>
    </row>
    <row r="686116" spans="8:8">
      <c r="H686116" s="12"/>
    </row>
    <row r="686117" spans="8:8">
      <c r="H686117" s="12"/>
    </row>
    <row r="686118" spans="8:8">
      <c r="H686118" s="12"/>
    </row>
    <row r="686119" spans="8:8">
      <c r="H686119" s="12"/>
    </row>
    <row r="686120" spans="8:8">
      <c r="H686120" s="12"/>
    </row>
    <row r="686121" spans="8:8">
      <c r="H686121" s="12"/>
    </row>
    <row r="686122" spans="8:8">
      <c r="H686122" s="12"/>
    </row>
    <row r="686123" spans="8:8">
      <c r="H686123" s="12"/>
    </row>
    <row r="686124" spans="8:8">
      <c r="H686124" s="12"/>
    </row>
    <row r="686125" spans="8:8">
      <c r="H686125" s="12"/>
    </row>
    <row r="686126" spans="8:8">
      <c r="H686126" s="12"/>
    </row>
    <row r="686127" spans="8:8">
      <c r="H686127" s="12"/>
    </row>
    <row r="686128" spans="8:8">
      <c r="H686128" s="12"/>
    </row>
    <row r="686129" spans="8:8">
      <c r="H686129" s="12"/>
    </row>
    <row r="686130" spans="8:8">
      <c r="H686130" s="12"/>
    </row>
    <row r="686131" spans="8:8">
      <c r="H686131" s="12"/>
    </row>
    <row r="686132" spans="8:8">
      <c r="H686132" s="12"/>
    </row>
    <row r="686133" spans="8:8">
      <c r="H686133" s="12"/>
    </row>
    <row r="686134" spans="8:8">
      <c r="H686134" s="12"/>
    </row>
    <row r="686135" spans="8:8">
      <c r="H686135" s="12"/>
    </row>
    <row r="686136" spans="8:8">
      <c r="H686136" s="12"/>
    </row>
    <row r="686137" spans="8:8">
      <c r="H686137" s="12"/>
    </row>
    <row r="686138" spans="8:8">
      <c r="H686138" s="12"/>
    </row>
    <row r="686139" spans="8:8">
      <c r="H686139" s="12"/>
    </row>
    <row r="686140" spans="8:8">
      <c r="H686140" s="12"/>
    </row>
    <row r="686141" spans="8:8">
      <c r="H686141" s="12"/>
    </row>
    <row r="686142" spans="8:8">
      <c r="H686142" s="12"/>
    </row>
    <row r="686143" spans="8:8">
      <c r="H686143" s="12"/>
    </row>
    <row r="686144" spans="8:8">
      <c r="H686144" s="12"/>
    </row>
    <row r="686145" spans="8:8">
      <c r="H686145" s="12"/>
    </row>
    <row r="686146" spans="8:8">
      <c r="H686146" s="12"/>
    </row>
    <row r="686147" spans="8:8">
      <c r="H686147" s="12"/>
    </row>
    <row r="686148" spans="8:8">
      <c r="H686148" s="12"/>
    </row>
    <row r="686149" spans="8:8">
      <c r="H686149" s="12"/>
    </row>
    <row r="686150" spans="8:8">
      <c r="H686150" s="12"/>
    </row>
    <row r="686151" spans="8:8">
      <c r="H686151" s="12"/>
    </row>
    <row r="686152" spans="8:8">
      <c r="H686152" s="12"/>
    </row>
    <row r="686153" spans="8:8">
      <c r="H686153" s="12"/>
    </row>
    <row r="686154" spans="8:8">
      <c r="H686154" s="12"/>
    </row>
    <row r="686155" spans="8:8">
      <c r="H686155" s="12"/>
    </row>
    <row r="686156" spans="8:8">
      <c r="H686156" s="12"/>
    </row>
    <row r="686157" spans="8:8">
      <c r="H686157" s="12"/>
    </row>
    <row r="686158" spans="8:8">
      <c r="H686158" s="12"/>
    </row>
    <row r="686159" spans="8:8">
      <c r="H686159" s="12"/>
    </row>
    <row r="686160" spans="8:8">
      <c r="H686160" s="12"/>
    </row>
    <row r="686161" spans="8:8">
      <c r="H686161" s="12"/>
    </row>
    <row r="686162" spans="8:8">
      <c r="H686162" s="12"/>
    </row>
    <row r="686163" spans="8:8">
      <c r="H686163" s="12"/>
    </row>
    <row r="686164" spans="8:8">
      <c r="H686164" s="12"/>
    </row>
    <row r="686165" spans="8:8">
      <c r="H686165" s="12"/>
    </row>
    <row r="686166" spans="8:8">
      <c r="H686166" s="12"/>
    </row>
    <row r="686167" spans="8:8">
      <c r="H686167" s="12"/>
    </row>
    <row r="686168" spans="8:8">
      <c r="H686168" s="12"/>
    </row>
    <row r="686169" spans="8:8">
      <c r="H686169" s="12"/>
    </row>
    <row r="686170" spans="8:8">
      <c r="H686170" s="12"/>
    </row>
    <row r="686171" spans="8:8">
      <c r="H686171" s="12"/>
    </row>
    <row r="686172" spans="8:8">
      <c r="H686172" s="12"/>
    </row>
    <row r="686173" spans="8:8">
      <c r="H686173" s="12"/>
    </row>
    <row r="686174" spans="8:8">
      <c r="H686174" s="12"/>
    </row>
    <row r="686175" spans="8:8">
      <c r="H686175" s="12"/>
    </row>
    <row r="686176" spans="8:8">
      <c r="H686176" s="12"/>
    </row>
    <row r="686177" spans="8:8">
      <c r="H686177" s="12"/>
    </row>
    <row r="686178" spans="8:8">
      <c r="H686178" s="12"/>
    </row>
    <row r="686179" spans="8:8">
      <c r="H686179" s="12"/>
    </row>
    <row r="686180" spans="8:8">
      <c r="H686180" s="12"/>
    </row>
    <row r="686181" spans="8:8">
      <c r="H686181" s="12"/>
    </row>
    <row r="686182" spans="8:8">
      <c r="H686182" s="12"/>
    </row>
    <row r="686183" spans="8:8">
      <c r="H686183" s="12"/>
    </row>
    <row r="686184" spans="8:8">
      <c r="H686184" s="12"/>
    </row>
    <row r="686185" spans="8:8">
      <c r="H686185" s="12"/>
    </row>
    <row r="686186" spans="8:8">
      <c r="H686186" s="12"/>
    </row>
    <row r="686187" spans="8:8">
      <c r="H686187" s="12"/>
    </row>
    <row r="686188" spans="8:8">
      <c r="H686188" s="12"/>
    </row>
    <row r="686189" spans="8:8">
      <c r="H686189" s="12"/>
    </row>
    <row r="686190" spans="8:8">
      <c r="H686190" s="12"/>
    </row>
    <row r="686191" spans="8:8">
      <c r="H686191" s="12"/>
    </row>
    <row r="686192" spans="8:8">
      <c r="H686192" s="12"/>
    </row>
    <row r="686193" spans="8:8">
      <c r="H686193" s="12"/>
    </row>
    <row r="686194" spans="8:8">
      <c r="H686194" s="12"/>
    </row>
    <row r="686195" spans="8:8">
      <c r="H686195" s="12"/>
    </row>
    <row r="686196" spans="8:8">
      <c r="H686196" s="12"/>
    </row>
    <row r="686197" spans="8:8">
      <c r="H686197" s="12"/>
    </row>
    <row r="686198" spans="8:8">
      <c r="H686198" s="12"/>
    </row>
    <row r="686199" spans="8:8">
      <c r="H686199" s="12"/>
    </row>
    <row r="686200" spans="8:8">
      <c r="H686200" s="12"/>
    </row>
    <row r="686201" spans="8:8">
      <c r="H686201" s="12"/>
    </row>
    <row r="686202" spans="8:8">
      <c r="H686202" s="12"/>
    </row>
    <row r="686203" spans="8:8">
      <c r="H686203" s="12"/>
    </row>
    <row r="686204" spans="8:8">
      <c r="H686204" s="12"/>
    </row>
    <row r="686205" spans="8:8">
      <c r="H686205" s="12"/>
    </row>
    <row r="686206" spans="8:8">
      <c r="H686206" s="12"/>
    </row>
    <row r="686207" spans="8:8">
      <c r="H686207" s="12"/>
    </row>
    <row r="686208" spans="8:8">
      <c r="H686208" s="12"/>
    </row>
    <row r="686209" spans="8:8">
      <c r="H686209" s="12"/>
    </row>
    <row r="686210" spans="8:8">
      <c r="H686210" s="12"/>
    </row>
    <row r="686211" spans="8:8">
      <c r="H686211" s="12"/>
    </row>
    <row r="686212" spans="8:8">
      <c r="H686212" s="12"/>
    </row>
    <row r="686213" spans="8:8">
      <c r="H686213" s="12"/>
    </row>
    <row r="686214" spans="8:8">
      <c r="H686214" s="12"/>
    </row>
    <row r="686215" spans="8:8">
      <c r="H686215" s="12"/>
    </row>
    <row r="686216" spans="8:8">
      <c r="H686216" s="12"/>
    </row>
    <row r="686217" spans="8:8">
      <c r="H686217" s="12"/>
    </row>
    <row r="686218" spans="8:8">
      <c r="H686218" s="12"/>
    </row>
    <row r="686219" spans="8:8">
      <c r="H686219" s="12"/>
    </row>
    <row r="686220" spans="8:8">
      <c r="H686220" s="12"/>
    </row>
    <row r="686221" spans="8:8">
      <c r="H686221" s="12"/>
    </row>
    <row r="686222" spans="8:8">
      <c r="H686222" s="12"/>
    </row>
    <row r="686223" spans="8:8">
      <c r="H686223" s="12"/>
    </row>
    <row r="686224" spans="8:8">
      <c r="H686224" s="12"/>
    </row>
    <row r="686225" spans="8:8">
      <c r="H686225" s="12"/>
    </row>
    <row r="686226" spans="8:8">
      <c r="H686226" s="12"/>
    </row>
    <row r="686227" spans="8:8">
      <c r="H686227" s="12"/>
    </row>
    <row r="686228" spans="8:8">
      <c r="H686228" s="12"/>
    </row>
    <row r="686229" spans="8:8">
      <c r="H686229" s="12"/>
    </row>
    <row r="686230" spans="8:8">
      <c r="H686230" s="12"/>
    </row>
    <row r="686231" spans="8:8">
      <c r="H686231" s="12"/>
    </row>
    <row r="686232" spans="8:8">
      <c r="H686232" s="12"/>
    </row>
    <row r="686233" spans="8:8">
      <c r="H686233" s="12"/>
    </row>
    <row r="686234" spans="8:8">
      <c r="H686234" s="12"/>
    </row>
    <row r="686235" spans="8:8">
      <c r="H686235" s="12"/>
    </row>
    <row r="686236" spans="8:8">
      <c r="H686236" s="12"/>
    </row>
    <row r="686237" spans="8:8">
      <c r="H686237" s="12"/>
    </row>
    <row r="686238" spans="8:8">
      <c r="H686238" s="12"/>
    </row>
    <row r="686239" spans="8:8">
      <c r="H686239" s="12"/>
    </row>
    <row r="686240" spans="8:8">
      <c r="H686240" s="12"/>
    </row>
    <row r="686241" spans="8:8">
      <c r="H686241" s="12"/>
    </row>
    <row r="686242" spans="8:8">
      <c r="H686242" s="12"/>
    </row>
    <row r="686243" spans="8:8">
      <c r="H686243" s="12"/>
    </row>
    <row r="686244" spans="8:8">
      <c r="H686244" s="12"/>
    </row>
    <row r="686245" spans="8:8">
      <c r="H686245" s="12"/>
    </row>
    <row r="686246" spans="8:8">
      <c r="H686246" s="12"/>
    </row>
    <row r="686247" spans="8:8">
      <c r="H686247" s="12"/>
    </row>
    <row r="686248" spans="8:8">
      <c r="H686248" s="12"/>
    </row>
    <row r="686249" spans="8:8">
      <c r="H686249" s="12"/>
    </row>
    <row r="686250" spans="8:8">
      <c r="H686250" s="12"/>
    </row>
    <row r="686251" spans="8:8">
      <c r="H686251" s="12"/>
    </row>
    <row r="686252" spans="8:8">
      <c r="H686252" s="12"/>
    </row>
    <row r="686253" spans="8:8">
      <c r="H686253" s="12"/>
    </row>
    <row r="686254" spans="8:8">
      <c r="H686254" s="12"/>
    </row>
    <row r="686255" spans="8:8">
      <c r="H686255" s="12"/>
    </row>
    <row r="686256" spans="8:8">
      <c r="H686256" s="12"/>
    </row>
    <row r="686257" spans="8:8">
      <c r="H686257" s="12"/>
    </row>
    <row r="686258" spans="8:8">
      <c r="H686258" s="12"/>
    </row>
    <row r="686259" spans="8:8">
      <c r="H686259" s="12"/>
    </row>
    <row r="686260" spans="8:8">
      <c r="H686260" s="12"/>
    </row>
    <row r="686261" spans="8:8">
      <c r="H686261" s="12"/>
    </row>
    <row r="686262" spans="8:8">
      <c r="H686262" s="12"/>
    </row>
    <row r="686263" spans="8:8">
      <c r="H686263" s="12"/>
    </row>
    <row r="686264" spans="8:8">
      <c r="H686264" s="12"/>
    </row>
    <row r="686265" spans="8:8">
      <c r="H686265" s="12"/>
    </row>
    <row r="686266" spans="8:8">
      <c r="H686266" s="12"/>
    </row>
    <row r="686267" spans="8:8">
      <c r="H686267" s="12"/>
    </row>
    <row r="686268" spans="8:8">
      <c r="H686268" s="12"/>
    </row>
    <row r="686269" spans="8:8">
      <c r="H686269" s="12"/>
    </row>
    <row r="686270" spans="8:8">
      <c r="H686270" s="12"/>
    </row>
    <row r="686271" spans="8:8">
      <c r="H686271" s="12"/>
    </row>
    <row r="686272" spans="8:8">
      <c r="H686272" s="12"/>
    </row>
    <row r="686273" spans="8:8">
      <c r="H686273" s="12"/>
    </row>
    <row r="686274" spans="8:8">
      <c r="H686274" s="12"/>
    </row>
    <row r="686275" spans="8:8">
      <c r="H686275" s="12"/>
    </row>
    <row r="686276" spans="8:8">
      <c r="H686276" s="12"/>
    </row>
    <row r="686277" spans="8:8">
      <c r="H686277" s="12"/>
    </row>
    <row r="686278" spans="8:8">
      <c r="H686278" s="12"/>
    </row>
    <row r="686279" spans="8:8">
      <c r="H686279" s="12"/>
    </row>
    <row r="686280" spans="8:8">
      <c r="H686280" s="12"/>
    </row>
    <row r="686281" spans="8:8">
      <c r="H686281" s="12"/>
    </row>
    <row r="686282" spans="8:8">
      <c r="H686282" s="12"/>
    </row>
    <row r="686283" spans="8:8">
      <c r="H686283" s="12"/>
    </row>
    <row r="686284" spans="8:8">
      <c r="H686284" s="12"/>
    </row>
    <row r="686285" spans="8:8">
      <c r="H686285" s="12"/>
    </row>
    <row r="686286" spans="8:8">
      <c r="H686286" s="12"/>
    </row>
    <row r="686287" spans="8:8">
      <c r="H686287" s="12"/>
    </row>
    <row r="686288" spans="8:8">
      <c r="H686288" s="12"/>
    </row>
    <row r="686289" spans="8:8">
      <c r="H686289" s="12"/>
    </row>
    <row r="686290" spans="8:8">
      <c r="H686290" s="12"/>
    </row>
    <row r="686291" spans="8:8">
      <c r="H686291" s="12"/>
    </row>
    <row r="686292" spans="8:8">
      <c r="H686292" s="12"/>
    </row>
    <row r="686293" spans="8:8">
      <c r="H686293" s="12"/>
    </row>
    <row r="686294" spans="8:8">
      <c r="H686294" s="12"/>
    </row>
    <row r="686295" spans="8:8">
      <c r="H686295" s="12"/>
    </row>
    <row r="686296" spans="8:8">
      <c r="H686296" s="12"/>
    </row>
    <row r="686297" spans="8:8">
      <c r="H686297" s="12"/>
    </row>
    <row r="686298" spans="8:8">
      <c r="H686298" s="12"/>
    </row>
    <row r="686299" spans="8:8">
      <c r="H686299" s="12"/>
    </row>
    <row r="686300" spans="8:8">
      <c r="H686300" s="12"/>
    </row>
    <row r="686301" spans="8:8">
      <c r="H686301" s="12"/>
    </row>
    <row r="686302" spans="8:8">
      <c r="H686302" s="12"/>
    </row>
    <row r="686303" spans="8:8">
      <c r="H686303" s="12"/>
    </row>
    <row r="686304" spans="8:8">
      <c r="H686304" s="12"/>
    </row>
    <row r="686305" spans="8:8">
      <c r="H686305" s="12"/>
    </row>
    <row r="686306" spans="8:8">
      <c r="H686306" s="12"/>
    </row>
    <row r="686307" spans="8:8">
      <c r="H686307" s="12"/>
    </row>
    <row r="686308" spans="8:8">
      <c r="H686308" s="12"/>
    </row>
    <row r="686309" spans="8:8">
      <c r="H686309" s="12"/>
    </row>
    <row r="686310" spans="8:8">
      <c r="H686310" s="12"/>
    </row>
    <row r="686311" spans="8:8">
      <c r="H686311" s="12"/>
    </row>
    <row r="686312" spans="8:8">
      <c r="H686312" s="12"/>
    </row>
    <row r="686313" spans="8:8">
      <c r="H686313" s="12"/>
    </row>
    <row r="686314" spans="8:8">
      <c r="H686314" s="12"/>
    </row>
    <row r="686315" spans="8:8">
      <c r="H686315" s="12"/>
    </row>
    <row r="686316" spans="8:8">
      <c r="H686316" s="12"/>
    </row>
    <row r="686317" spans="8:8">
      <c r="H686317" s="12"/>
    </row>
    <row r="686318" spans="8:8">
      <c r="H686318" s="12"/>
    </row>
    <row r="686319" spans="8:8">
      <c r="H686319" s="12"/>
    </row>
    <row r="686320" spans="8:8">
      <c r="H686320" s="12"/>
    </row>
    <row r="686321" spans="8:8">
      <c r="H686321" s="12"/>
    </row>
    <row r="686322" spans="8:8">
      <c r="H686322" s="12"/>
    </row>
    <row r="686323" spans="8:8">
      <c r="H686323" s="12"/>
    </row>
    <row r="686324" spans="8:8">
      <c r="H686324" s="12"/>
    </row>
    <row r="686325" spans="8:8">
      <c r="H686325" s="12"/>
    </row>
    <row r="686326" spans="8:8">
      <c r="H686326" s="12"/>
    </row>
    <row r="686327" spans="8:8">
      <c r="H686327" s="12"/>
    </row>
    <row r="686328" spans="8:8">
      <c r="H686328" s="12"/>
    </row>
    <row r="686329" spans="8:8">
      <c r="H686329" s="12"/>
    </row>
    <row r="686330" spans="8:8">
      <c r="H686330" s="12"/>
    </row>
    <row r="686331" spans="8:8">
      <c r="H686331" s="12"/>
    </row>
    <row r="686332" spans="8:8">
      <c r="H686332" s="12"/>
    </row>
    <row r="686333" spans="8:8">
      <c r="H686333" s="12"/>
    </row>
    <row r="686334" spans="8:8">
      <c r="H686334" s="12"/>
    </row>
    <row r="686335" spans="8:8">
      <c r="H686335" s="12"/>
    </row>
    <row r="686336" spans="8:8">
      <c r="H686336" s="12"/>
    </row>
    <row r="686337" spans="8:8">
      <c r="H686337" s="12"/>
    </row>
    <row r="686338" spans="8:8">
      <c r="H686338" s="12"/>
    </row>
    <row r="686339" spans="8:8">
      <c r="H686339" s="12"/>
    </row>
    <row r="686340" spans="8:8">
      <c r="H686340" s="12"/>
    </row>
    <row r="686341" spans="8:8">
      <c r="H686341" s="12"/>
    </row>
    <row r="686342" spans="8:8">
      <c r="H686342" s="12"/>
    </row>
    <row r="686343" spans="8:8">
      <c r="H686343" s="12"/>
    </row>
    <row r="686344" spans="8:8">
      <c r="H686344" s="12"/>
    </row>
    <row r="686345" spans="8:8">
      <c r="H686345" s="12"/>
    </row>
    <row r="686346" spans="8:8">
      <c r="H686346" s="12"/>
    </row>
    <row r="686347" spans="8:8">
      <c r="H686347" s="12"/>
    </row>
    <row r="686348" spans="8:8">
      <c r="H686348" s="12"/>
    </row>
    <row r="686349" spans="8:8">
      <c r="H686349" s="12"/>
    </row>
    <row r="686350" spans="8:8">
      <c r="H686350" s="12"/>
    </row>
    <row r="686351" spans="8:8">
      <c r="H686351" s="12"/>
    </row>
    <row r="686352" spans="8:8">
      <c r="H686352" s="12"/>
    </row>
    <row r="686353" spans="8:8">
      <c r="H686353" s="12"/>
    </row>
    <row r="686354" spans="8:8">
      <c r="H686354" s="12"/>
    </row>
    <row r="686355" spans="8:8">
      <c r="H686355" s="12"/>
    </row>
    <row r="686356" spans="8:8">
      <c r="H686356" s="12"/>
    </row>
    <row r="686357" spans="8:8">
      <c r="H686357" s="12"/>
    </row>
    <row r="686358" spans="8:8">
      <c r="H686358" s="12"/>
    </row>
    <row r="686359" spans="8:8">
      <c r="H686359" s="12"/>
    </row>
    <row r="686360" spans="8:8">
      <c r="H686360" s="12"/>
    </row>
    <row r="686361" spans="8:8">
      <c r="H686361" s="12"/>
    </row>
    <row r="686362" spans="8:8">
      <c r="H686362" s="12"/>
    </row>
    <row r="686363" spans="8:8">
      <c r="H686363" s="12"/>
    </row>
    <row r="686364" spans="8:8">
      <c r="H686364" s="12"/>
    </row>
    <row r="686365" spans="8:8">
      <c r="H686365" s="12"/>
    </row>
    <row r="686366" spans="8:8">
      <c r="H686366" s="12"/>
    </row>
    <row r="686367" spans="8:8">
      <c r="H686367" s="12"/>
    </row>
    <row r="686368" spans="8:8">
      <c r="H686368" s="12"/>
    </row>
    <row r="686369" spans="8:8">
      <c r="H686369" s="12"/>
    </row>
    <row r="686370" spans="8:8">
      <c r="H686370" s="12"/>
    </row>
    <row r="686371" spans="8:8">
      <c r="H686371" s="12"/>
    </row>
    <row r="686372" spans="8:8">
      <c r="H686372" s="12"/>
    </row>
    <row r="686373" spans="8:8">
      <c r="H686373" s="12"/>
    </row>
    <row r="686374" spans="8:8">
      <c r="H686374" s="12"/>
    </row>
    <row r="686375" spans="8:8">
      <c r="H686375" s="12"/>
    </row>
    <row r="686376" spans="8:8">
      <c r="H686376" s="12"/>
    </row>
    <row r="686377" spans="8:8">
      <c r="H686377" s="12"/>
    </row>
    <row r="686378" spans="8:8">
      <c r="H686378" s="12"/>
    </row>
    <row r="686379" spans="8:8">
      <c r="H686379" s="12"/>
    </row>
    <row r="686380" spans="8:8">
      <c r="H686380" s="12"/>
    </row>
    <row r="686381" spans="8:8">
      <c r="H686381" s="12"/>
    </row>
    <row r="686382" spans="8:8">
      <c r="H686382" s="12"/>
    </row>
    <row r="686383" spans="8:8">
      <c r="H686383" s="12"/>
    </row>
    <row r="686384" spans="8:8">
      <c r="H686384" s="12"/>
    </row>
    <row r="686385" spans="8:8">
      <c r="H686385" s="12"/>
    </row>
    <row r="686386" spans="8:8">
      <c r="H686386" s="12"/>
    </row>
    <row r="686387" spans="8:8">
      <c r="H686387" s="12"/>
    </row>
    <row r="686388" spans="8:8">
      <c r="H686388" s="12"/>
    </row>
    <row r="686389" spans="8:8">
      <c r="H686389" s="12"/>
    </row>
    <row r="686390" spans="8:8">
      <c r="H686390" s="12"/>
    </row>
    <row r="686391" spans="8:8">
      <c r="H686391" s="12"/>
    </row>
    <row r="686392" spans="8:8">
      <c r="H686392" s="12"/>
    </row>
    <row r="686393" spans="8:8">
      <c r="H686393" s="12"/>
    </row>
    <row r="686394" spans="8:8">
      <c r="H686394" s="12"/>
    </row>
    <row r="686395" spans="8:8">
      <c r="H686395" s="12"/>
    </row>
    <row r="686396" spans="8:8">
      <c r="H686396" s="12"/>
    </row>
    <row r="686397" spans="8:8">
      <c r="H686397" s="12"/>
    </row>
    <row r="686398" spans="8:8">
      <c r="H686398" s="12"/>
    </row>
    <row r="686399" spans="8:8">
      <c r="H686399" s="12"/>
    </row>
    <row r="686400" spans="8:8">
      <c r="H686400" s="12"/>
    </row>
    <row r="686401" spans="8:8">
      <c r="H686401" s="12"/>
    </row>
    <row r="686402" spans="8:8">
      <c r="H686402" s="12"/>
    </row>
    <row r="686403" spans="8:8">
      <c r="H686403" s="12"/>
    </row>
    <row r="686404" spans="8:8">
      <c r="H686404" s="12"/>
    </row>
    <row r="686405" spans="8:8">
      <c r="H686405" s="12"/>
    </row>
    <row r="686406" spans="8:8">
      <c r="H686406" s="12"/>
    </row>
    <row r="686407" spans="8:8">
      <c r="H686407" s="12"/>
    </row>
    <row r="686408" spans="8:8">
      <c r="H686408" s="12"/>
    </row>
    <row r="686409" spans="8:8">
      <c r="H686409" s="12"/>
    </row>
    <row r="686410" spans="8:8">
      <c r="H686410" s="12"/>
    </row>
    <row r="686411" spans="8:8">
      <c r="H686411" s="12"/>
    </row>
    <row r="686412" spans="8:8">
      <c r="H686412" s="12"/>
    </row>
    <row r="686413" spans="8:8">
      <c r="H686413" s="12"/>
    </row>
    <row r="686414" spans="8:8">
      <c r="H686414" s="12"/>
    </row>
    <row r="686415" spans="8:8">
      <c r="H686415" s="12"/>
    </row>
    <row r="686416" spans="8:8">
      <c r="H686416" s="12"/>
    </row>
    <row r="686417" spans="8:8">
      <c r="H686417" s="12"/>
    </row>
    <row r="686418" spans="8:8">
      <c r="H686418" s="12"/>
    </row>
    <row r="686419" spans="8:8">
      <c r="H686419" s="12"/>
    </row>
    <row r="686420" spans="8:8">
      <c r="H686420" s="12"/>
    </row>
    <row r="686421" spans="8:8">
      <c r="H686421" s="12"/>
    </row>
    <row r="686422" spans="8:8">
      <c r="H686422" s="12"/>
    </row>
    <row r="686423" spans="8:8">
      <c r="H686423" s="12"/>
    </row>
    <row r="686424" spans="8:8">
      <c r="H686424" s="12"/>
    </row>
    <row r="686425" spans="8:8">
      <c r="H686425" s="12"/>
    </row>
    <row r="686426" spans="8:8">
      <c r="H686426" s="12"/>
    </row>
    <row r="686427" spans="8:8">
      <c r="H686427" s="12"/>
    </row>
    <row r="686428" spans="8:8">
      <c r="H686428" s="12"/>
    </row>
    <row r="686429" spans="8:8">
      <c r="H686429" s="12"/>
    </row>
    <row r="686430" spans="8:8">
      <c r="H686430" s="12"/>
    </row>
    <row r="686431" spans="8:8">
      <c r="H686431" s="12"/>
    </row>
    <row r="686432" spans="8:8">
      <c r="H686432" s="12"/>
    </row>
    <row r="686433" spans="8:8">
      <c r="H686433" s="12"/>
    </row>
    <row r="686434" spans="8:8">
      <c r="H686434" s="12"/>
    </row>
    <row r="686435" spans="8:8">
      <c r="H686435" s="12"/>
    </row>
    <row r="686436" spans="8:8">
      <c r="H686436" s="12"/>
    </row>
    <row r="686437" spans="8:8">
      <c r="H686437" s="12"/>
    </row>
    <row r="686438" spans="8:8">
      <c r="H686438" s="12"/>
    </row>
    <row r="686439" spans="8:8">
      <c r="H686439" s="12"/>
    </row>
    <row r="686440" spans="8:8">
      <c r="H686440" s="12"/>
    </row>
    <row r="686441" spans="8:8">
      <c r="H686441" s="12"/>
    </row>
    <row r="686442" spans="8:8">
      <c r="H686442" s="12"/>
    </row>
    <row r="686443" spans="8:8">
      <c r="H686443" s="12"/>
    </row>
    <row r="686444" spans="8:8">
      <c r="H686444" s="12"/>
    </row>
    <row r="686445" spans="8:8">
      <c r="H686445" s="12"/>
    </row>
    <row r="686446" spans="8:8">
      <c r="H686446" s="12"/>
    </row>
    <row r="686447" spans="8:8">
      <c r="H686447" s="12"/>
    </row>
    <row r="686448" spans="8:8">
      <c r="H686448" s="12"/>
    </row>
    <row r="686449" spans="8:8">
      <c r="H686449" s="12"/>
    </row>
    <row r="686450" spans="8:8">
      <c r="H686450" s="12"/>
    </row>
    <row r="686451" spans="8:8">
      <c r="H686451" s="12"/>
    </row>
    <row r="686452" spans="8:8">
      <c r="H686452" s="12"/>
    </row>
    <row r="686453" spans="8:8">
      <c r="H686453" s="12"/>
    </row>
    <row r="686454" spans="8:8">
      <c r="H686454" s="12"/>
    </row>
    <row r="686455" spans="8:8">
      <c r="H686455" s="12"/>
    </row>
    <row r="686456" spans="8:8">
      <c r="H686456" s="12"/>
    </row>
    <row r="686457" spans="8:8">
      <c r="H686457" s="12"/>
    </row>
    <row r="686458" spans="8:8">
      <c r="H686458" s="12"/>
    </row>
    <row r="686459" spans="8:8">
      <c r="H686459" s="12"/>
    </row>
    <row r="686460" spans="8:8">
      <c r="H686460" s="12"/>
    </row>
    <row r="686461" spans="8:8">
      <c r="H686461" s="12"/>
    </row>
    <row r="686462" spans="8:8">
      <c r="H686462" s="12"/>
    </row>
    <row r="686463" spans="8:8">
      <c r="H686463" s="12"/>
    </row>
    <row r="686464" spans="8:8">
      <c r="H686464" s="12"/>
    </row>
    <row r="686465" spans="8:8">
      <c r="H686465" s="12"/>
    </row>
    <row r="686466" spans="8:8">
      <c r="H686466" s="12"/>
    </row>
    <row r="686467" spans="8:8">
      <c r="H686467" s="12"/>
    </row>
    <row r="686468" spans="8:8">
      <c r="H686468" s="12"/>
    </row>
    <row r="686469" spans="8:8">
      <c r="H686469" s="12"/>
    </row>
    <row r="686470" spans="8:8">
      <c r="H686470" s="12"/>
    </row>
    <row r="686471" spans="8:8">
      <c r="H686471" s="12"/>
    </row>
    <row r="686472" spans="8:8">
      <c r="H686472" s="12"/>
    </row>
    <row r="686473" spans="8:8">
      <c r="H686473" s="12"/>
    </row>
    <row r="686474" spans="8:8">
      <c r="H686474" s="12"/>
    </row>
    <row r="686475" spans="8:8">
      <c r="H686475" s="12"/>
    </row>
    <row r="686476" spans="8:8">
      <c r="H686476" s="12"/>
    </row>
    <row r="686477" spans="8:8">
      <c r="H686477" s="12"/>
    </row>
    <row r="686478" spans="8:8">
      <c r="H686478" s="12"/>
    </row>
    <row r="686479" spans="8:8">
      <c r="H686479" s="12"/>
    </row>
    <row r="686480" spans="8:8">
      <c r="H686480" s="12"/>
    </row>
    <row r="686481" spans="8:8">
      <c r="H686481" s="12"/>
    </row>
    <row r="686482" spans="8:8">
      <c r="H686482" s="12"/>
    </row>
    <row r="686483" spans="8:8">
      <c r="H686483" s="12"/>
    </row>
    <row r="686484" spans="8:8">
      <c r="H686484" s="12"/>
    </row>
    <row r="686485" spans="8:8">
      <c r="H686485" s="12"/>
    </row>
    <row r="686486" spans="8:8">
      <c r="H686486" s="12"/>
    </row>
    <row r="686487" spans="8:8">
      <c r="H686487" s="12"/>
    </row>
    <row r="686488" spans="8:8">
      <c r="H686488" s="12"/>
    </row>
    <row r="686489" spans="8:8">
      <c r="H686489" s="12"/>
    </row>
    <row r="686490" spans="8:8">
      <c r="H686490" s="12"/>
    </row>
    <row r="686491" spans="8:8">
      <c r="H686491" s="12"/>
    </row>
    <row r="686492" spans="8:8">
      <c r="H686492" s="12"/>
    </row>
    <row r="686493" spans="8:8">
      <c r="H686493" s="12"/>
    </row>
    <row r="686494" spans="8:8">
      <c r="H686494" s="12"/>
    </row>
    <row r="686495" spans="8:8">
      <c r="H686495" s="12"/>
    </row>
    <row r="686496" spans="8:8">
      <c r="H686496" s="12"/>
    </row>
    <row r="686497" spans="8:8">
      <c r="H686497" s="12"/>
    </row>
    <row r="686498" spans="8:8">
      <c r="H686498" s="12"/>
    </row>
    <row r="686499" spans="8:8">
      <c r="H686499" s="12"/>
    </row>
    <row r="686500" spans="8:8">
      <c r="H686500" s="12"/>
    </row>
    <row r="686501" spans="8:8">
      <c r="H686501" s="12"/>
    </row>
    <row r="686502" spans="8:8">
      <c r="H686502" s="12"/>
    </row>
    <row r="686503" spans="8:8">
      <c r="H686503" s="12"/>
    </row>
    <row r="686504" spans="8:8">
      <c r="H686504" s="12"/>
    </row>
    <row r="686505" spans="8:8">
      <c r="H686505" s="12"/>
    </row>
    <row r="686506" spans="8:8">
      <c r="H686506" s="12"/>
    </row>
    <row r="686507" spans="8:8">
      <c r="H686507" s="12"/>
    </row>
    <row r="686508" spans="8:8">
      <c r="H686508" s="12"/>
    </row>
    <row r="686509" spans="8:8">
      <c r="H686509" s="12"/>
    </row>
    <row r="686510" spans="8:8">
      <c r="H686510" s="12"/>
    </row>
    <row r="686511" spans="8:8">
      <c r="H686511" s="12"/>
    </row>
    <row r="686512" spans="8:8">
      <c r="H686512" s="12"/>
    </row>
    <row r="686513" spans="8:8">
      <c r="H686513" s="12"/>
    </row>
    <row r="686514" spans="8:8">
      <c r="H686514" s="12"/>
    </row>
    <row r="686515" spans="8:8">
      <c r="H686515" s="12"/>
    </row>
    <row r="686516" spans="8:8">
      <c r="H686516" s="12"/>
    </row>
    <row r="686517" spans="8:8">
      <c r="H686517" s="12"/>
    </row>
    <row r="686518" spans="8:8">
      <c r="H686518" s="12"/>
    </row>
    <row r="686519" spans="8:8">
      <c r="H686519" s="12"/>
    </row>
    <row r="686520" spans="8:8">
      <c r="H686520" s="12"/>
    </row>
    <row r="686521" spans="8:8">
      <c r="H686521" s="12"/>
    </row>
    <row r="686522" spans="8:8">
      <c r="H686522" s="12"/>
    </row>
    <row r="686523" spans="8:8">
      <c r="H686523" s="12"/>
    </row>
    <row r="686524" spans="8:8">
      <c r="H686524" s="12"/>
    </row>
    <row r="686525" spans="8:8">
      <c r="H686525" s="12"/>
    </row>
    <row r="686526" spans="8:8">
      <c r="H686526" s="12"/>
    </row>
    <row r="686527" spans="8:8">
      <c r="H686527" s="12"/>
    </row>
    <row r="686528" spans="8:8">
      <c r="H686528" s="12"/>
    </row>
    <row r="686529" spans="8:8">
      <c r="H686529" s="12"/>
    </row>
    <row r="686530" spans="8:8">
      <c r="H686530" s="12"/>
    </row>
    <row r="686531" spans="8:8">
      <c r="H686531" s="12"/>
    </row>
    <row r="686532" spans="8:8">
      <c r="H686532" s="12"/>
    </row>
    <row r="686533" spans="8:8">
      <c r="H686533" s="12"/>
    </row>
    <row r="686534" spans="8:8">
      <c r="H686534" s="12"/>
    </row>
    <row r="686535" spans="8:8">
      <c r="H686535" s="12"/>
    </row>
    <row r="686536" spans="8:8">
      <c r="H686536" s="12"/>
    </row>
    <row r="686537" spans="8:8">
      <c r="H686537" s="12"/>
    </row>
    <row r="686538" spans="8:8">
      <c r="H686538" s="12"/>
    </row>
    <row r="686539" spans="8:8">
      <c r="H686539" s="12"/>
    </row>
    <row r="686540" spans="8:8">
      <c r="H686540" s="12"/>
    </row>
    <row r="686541" spans="8:8">
      <c r="H686541" s="12"/>
    </row>
    <row r="686542" spans="8:8">
      <c r="H686542" s="12"/>
    </row>
    <row r="686543" spans="8:8">
      <c r="H686543" s="12"/>
    </row>
    <row r="686544" spans="8:8">
      <c r="H686544" s="12"/>
    </row>
    <row r="686545" spans="8:8">
      <c r="H686545" s="12"/>
    </row>
    <row r="686546" spans="8:8">
      <c r="H686546" s="12"/>
    </row>
    <row r="686547" spans="8:8">
      <c r="H686547" s="12"/>
    </row>
    <row r="686548" spans="8:8">
      <c r="H686548" s="12"/>
    </row>
    <row r="686549" spans="8:8">
      <c r="H686549" s="12"/>
    </row>
    <row r="686550" spans="8:8">
      <c r="H686550" s="12"/>
    </row>
    <row r="686551" spans="8:8">
      <c r="H686551" s="12"/>
    </row>
    <row r="686552" spans="8:8">
      <c r="H686552" s="12"/>
    </row>
    <row r="686553" spans="8:8">
      <c r="H686553" s="12"/>
    </row>
    <row r="686554" spans="8:8">
      <c r="H686554" s="12"/>
    </row>
    <row r="686555" spans="8:8">
      <c r="H686555" s="12"/>
    </row>
    <row r="686556" spans="8:8">
      <c r="H686556" s="12"/>
    </row>
    <row r="686557" spans="8:8">
      <c r="H686557" s="12"/>
    </row>
    <row r="686558" spans="8:8">
      <c r="H686558" s="12"/>
    </row>
    <row r="686559" spans="8:8">
      <c r="H686559" s="12"/>
    </row>
    <row r="686560" spans="8:8">
      <c r="H686560" s="12"/>
    </row>
    <row r="686561" spans="8:8">
      <c r="H686561" s="12"/>
    </row>
    <row r="686562" spans="8:8">
      <c r="H686562" s="12"/>
    </row>
    <row r="686563" spans="8:8">
      <c r="H686563" s="12"/>
    </row>
    <row r="686564" spans="8:8">
      <c r="H686564" s="12"/>
    </row>
    <row r="686565" spans="8:8">
      <c r="H686565" s="12"/>
    </row>
    <row r="686566" spans="8:8">
      <c r="H686566" s="12"/>
    </row>
    <row r="686567" spans="8:8">
      <c r="H686567" s="12"/>
    </row>
    <row r="686568" spans="8:8">
      <c r="H686568" s="12"/>
    </row>
    <row r="686569" spans="8:8">
      <c r="H686569" s="12"/>
    </row>
    <row r="686570" spans="8:8">
      <c r="H686570" s="12"/>
    </row>
    <row r="686571" spans="8:8">
      <c r="H686571" s="12"/>
    </row>
    <row r="686572" spans="8:8">
      <c r="H686572" s="12"/>
    </row>
    <row r="686573" spans="8:8">
      <c r="H686573" s="12"/>
    </row>
    <row r="686574" spans="8:8">
      <c r="H686574" s="12"/>
    </row>
    <row r="686575" spans="8:8">
      <c r="H686575" s="12"/>
    </row>
    <row r="686576" spans="8:8">
      <c r="H686576" s="12"/>
    </row>
    <row r="686577" spans="8:8">
      <c r="H686577" s="12"/>
    </row>
    <row r="686578" spans="8:8">
      <c r="H686578" s="12"/>
    </row>
    <row r="686579" spans="8:8">
      <c r="H686579" s="12"/>
    </row>
    <row r="686580" spans="8:8">
      <c r="H686580" s="12"/>
    </row>
    <row r="686581" spans="8:8">
      <c r="H686581" s="12"/>
    </row>
    <row r="686582" spans="8:8">
      <c r="H686582" s="12"/>
    </row>
    <row r="686583" spans="8:8">
      <c r="H686583" s="12"/>
    </row>
    <row r="686584" spans="8:8">
      <c r="H686584" s="12"/>
    </row>
    <row r="686585" spans="8:8">
      <c r="H686585" s="12"/>
    </row>
    <row r="686586" spans="8:8">
      <c r="H686586" s="12"/>
    </row>
    <row r="686587" spans="8:8">
      <c r="H686587" s="12"/>
    </row>
    <row r="686588" spans="8:8">
      <c r="H686588" s="12"/>
    </row>
    <row r="686589" spans="8:8">
      <c r="H686589" s="12"/>
    </row>
    <row r="686590" spans="8:8">
      <c r="H686590" s="12"/>
    </row>
    <row r="686591" spans="8:8">
      <c r="H686591" s="12"/>
    </row>
    <row r="686592" spans="8:8">
      <c r="H686592" s="12"/>
    </row>
    <row r="686593" spans="8:8">
      <c r="H686593" s="12"/>
    </row>
    <row r="686594" spans="8:8">
      <c r="H686594" s="12"/>
    </row>
    <row r="686595" spans="8:8">
      <c r="H686595" s="12"/>
    </row>
    <row r="686596" spans="8:8">
      <c r="H686596" s="12"/>
    </row>
    <row r="686597" spans="8:8">
      <c r="H686597" s="12"/>
    </row>
    <row r="686598" spans="8:8">
      <c r="H686598" s="12"/>
    </row>
    <row r="686599" spans="8:8">
      <c r="H686599" s="12"/>
    </row>
    <row r="686600" spans="8:8">
      <c r="H686600" s="12"/>
    </row>
    <row r="686601" spans="8:8">
      <c r="H686601" s="12"/>
    </row>
    <row r="686602" spans="8:8">
      <c r="H686602" s="12"/>
    </row>
    <row r="686603" spans="8:8">
      <c r="H686603" s="12"/>
    </row>
    <row r="686604" spans="8:8">
      <c r="H686604" s="12"/>
    </row>
    <row r="686605" spans="8:8">
      <c r="H686605" s="12"/>
    </row>
    <row r="686606" spans="8:8">
      <c r="H686606" s="12"/>
    </row>
    <row r="686607" spans="8:8">
      <c r="H686607" s="12"/>
    </row>
    <row r="686608" spans="8:8">
      <c r="H686608" s="12"/>
    </row>
    <row r="686609" spans="8:8">
      <c r="H686609" s="12"/>
    </row>
    <row r="686610" spans="8:8">
      <c r="H686610" s="12"/>
    </row>
    <row r="686611" spans="8:8">
      <c r="H686611" s="12"/>
    </row>
    <row r="686612" spans="8:8">
      <c r="H686612" s="12"/>
    </row>
    <row r="686613" spans="8:8">
      <c r="H686613" s="12"/>
    </row>
    <row r="686614" spans="8:8">
      <c r="H686614" s="12"/>
    </row>
    <row r="686615" spans="8:8">
      <c r="H686615" s="12"/>
    </row>
    <row r="686616" spans="8:8">
      <c r="H686616" s="12"/>
    </row>
    <row r="686617" spans="8:8">
      <c r="H686617" s="12"/>
    </row>
    <row r="686618" spans="8:8">
      <c r="H686618" s="12"/>
    </row>
    <row r="686619" spans="8:8">
      <c r="H686619" s="12"/>
    </row>
    <row r="686620" spans="8:8">
      <c r="H686620" s="12"/>
    </row>
    <row r="686621" spans="8:8">
      <c r="H686621" s="12"/>
    </row>
    <row r="686622" spans="8:8">
      <c r="H686622" s="12"/>
    </row>
    <row r="686623" spans="8:8">
      <c r="H686623" s="12"/>
    </row>
    <row r="686624" spans="8:8">
      <c r="H686624" s="12"/>
    </row>
    <row r="686625" spans="8:8">
      <c r="H686625" s="12"/>
    </row>
    <row r="686626" spans="8:8">
      <c r="H686626" s="12"/>
    </row>
    <row r="686627" spans="8:8">
      <c r="H686627" s="12"/>
    </row>
    <row r="686628" spans="8:8">
      <c r="H686628" s="12"/>
    </row>
    <row r="686629" spans="8:8">
      <c r="H686629" s="12"/>
    </row>
    <row r="686630" spans="8:8">
      <c r="H686630" s="12"/>
    </row>
    <row r="686631" spans="8:8">
      <c r="H686631" s="12"/>
    </row>
    <row r="686632" spans="8:8">
      <c r="H686632" s="12"/>
    </row>
    <row r="686633" spans="8:8">
      <c r="H686633" s="12"/>
    </row>
    <row r="686634" spans="8:8">
      <c r="H686634" s="12"/>
    </row>
    <row r="686635" spans="8:8">
      <c r="H686635" s="12"/>
    </row>
    <row r="686636" spans="8:8">
      <c r="H686636" s="12"/>
    </row>
    <row r="686637" spans="8:8">
      <c r="H686637" s="12"/>
    </row>
    <row r="686638" spans="8:8">
      <c r="H686638" s="12"/>
    </row>
    <row r="686639" spans="8:8">
      <c r="H686639" s="12"/>
    </row>
    <row r="686640" spans="8:8">
      <c r="H686640" s="12"/>
    </row>
    <row r="686641" spans="8:8">
      <c r="H686641" s="12"/>
    </row>
    <row r="686642" spans="8:8">
      <c r="H686642" s="12"/>
    </row>
    <row r="686643" spans="8:8">
      <c r="H686643" s="12"/>
    </row>
    <row r="686644" spans="8:8">
      <c r="H686644" s="12"/>
    </row>
    <row r="686645" spans="8:8">
      <c r="H686645" s="12"/>
    </row>
    <row r="686646" spans="8:8">
      <c r="H686646" s="12"/>
    </row>
    <row r="686647" spans="8:8">
      <c r="H686647" s="12"/>
    </row>
    <row r="686648" spans="8:8">
      <c r="H686648" s="12"/>
    </row>
    <row r="686649" spans="8:8">
      <c r="H686649" s="12"/>
    </row>
    <row r="686650" spans="8:8">
      <c r="H686650" s="12"/>
    </row>
    <row r="686651" spans="8:8">
      <c r="H686651" s="12"/>
    </row>
    <row r="686652" spans="8:8">
      <c r="H686652" s="12"/>
    </row>
    <row r="686653" spans="8:8">
      <c r="H686653" s="12"/>
    </row>
    <row r="686654" spans="8:8">
      <c r="H686654" s="12"/>
    </row>
    <row r="686655" spans="8:8">
      <c r="H686655" s="12"/>
    </row>
    <row r="686656" spans="8:8">
      <c r="H686656" s="12"/>
    </row>
    <row r="686657" spans="8:8">
      <c r="H686657" s="12"/>
    </row>
    <row r="686658" spans="8:8">
      <c r="H686658" s="12"/>
    </row>
    <row r="686659" spans="8:8">
      <c r="H686659" s="12"/>
    </row>
    <row r="686660" spans="8:8">
      <c r="H686660" s="12"/>
    </row>
    <row r="686661" spans="8:8">
      <c r="H686661" s="12"/>
    </row>
    <row r="686662" spans="8:8">
      <c r="H686662" s="12"/>
    </row>
    <row r="686663" spans="8:8">
      <c r="H686663" s="12"/>
    </row>
    <row r="686664" spans="8:8">
      <c r="H686664" s="12"/>
    </row>
    <row r="686665" spans="8:8">
      <c r="H686665" s="12"/>
    </row>
    <row r="686666" spans="8:8">
      <c r="H686666" s="12"/>
    </row>
    <row r="686667" spans="8:8">
      <c r="H686667" s="12"/>
    </row>
    <row r="686668" spans="8:8">
      <c r="H686668" s="12"/>
    </row>
    <row r="686669" spans="8:8">
      <c r="H686669" s="12"/>
    </row>
    <row r="686670" spans="8:8">
      <c r="H686670" s="12"/>
    </row>
    <row r="686671" spans="8:8">
      <c r="H686671" s="12"/>
    </row>
    <row r="686672" spans="8:8">
      <c r="H686672" s="12"/>
    </row>
    <row r="686673" spans="8:8">
      <c r="H686673" s="12"/>
    </row>
    <row r="686674" spans="8:8">
      <c r="H686674" s="12"/>
    </row>
    <row r="686675" spans="8:8">
      <c r="H686675" s="12"/>
    </row>
    <row r="686676" spans="8:8">
      <c r="H686676" s="12"/>
    </row>
    <row r="686677" spans="8:8">
      <c r="H686677" s="12"/>
    </row>
    <row r="686678" spans="8:8">
      <c r="H686678" s="12"/>
    </row>
    <row r="686679" spans="8:8">
      <c r="H686679" s="12"/>
    </row>
    <row r="686680" spans="8:8">
      <c r="H686680" s="12"/>
    </row>
    <row r="686681" spans="8:8">
      <c r="H686681" s="12"/>
    </row>
    <row r="686682" spans="8:8">
      <c r="H686682" s="12"/>
    </row>
    <row r="686683" spans="8:8">
      <c r="H686683" s="12"/>
    </row>
    <row r="686684" spans="8:8">
      <c r="H686684" s="12"/>
    </row>
    <row r="686685" spans="8:8">
      <c r="H686685" s="12"/>
    </row>
    <row r="686686" spans="8:8">
      <c r="H686686" s="12"/>
    </row>
    <row r="686687" spans="8:8">
      <c r="H686687" s="12"/>
    </row>
    <row r="686688" spans="8:8">
      <c r="H686688" s="12"/>
    </row>
    <row r="686689" spans="8:8">
      <c r="H686689" s="12"/>
    </row>
    <row r="686690" spans="8:8">
      <c r="H686690" s="12"/>
    </row>
    <row r="686691" spans="8:8">
      <c r="H686691" s="12"/>
    </row>
    <row r="686692" spans="8:8">
      <c r="H686692" s="12"/>
    </row>
    <row r="686693" spans="8:8">
      <c r="H686693" s="12"/>
    </row>
    <row r="686694" spans="8:8">
      <c r="H686694" s="12"/>
    </row>
    <row r="686695" spans="8:8">
      <c r="H686695" s="12"/>
    </row>
    <row r="686696" spans="8:8">
      <c r="H686696" s="12"/>
    </row>
    <row r="686697" spans="8:8">
      <c r="H686697" s="12"/>
    </row>
    <row r="686698" spans="8:8">
      <c r="H686698" s="12"/>
    </row>
    <row r="686699" spans="8:8">
      <c r="H686699" s="12"/>
    </row>
    <row r="686700" spans="8:8">
      <c r="H686700" s="12"/>
    </row>
    <row r="686701" spans="8:8">
      <c r="H686701" s="12"/>
    </row>
    <row r="686702" spans="8:8">
      <c r="H686702" s="12"/>
    </row>
    <row r="686703" spans="8:8">
      <c r="H686703" s="12"/>
    </row>
    <row r="686704" spans="8:8">
      <c r="H686704" s="12"/>
    </row>
    <row r="686705" spans="8:8">
      <c r="H686705" s="12"/>
    </row>
    <row r="686706" spans="8:8">
      <c r="H686706" s="12"/>
    </row>
    <row r="686707" spans="8:8">
      <c r="H686707" s="12"/>
    </row>
    <row r="686708" spans="8:8">
      <c r="H686708" s="12"/>
    </row>
    <row r="686709" spans="8:8">
      <c r="H686709" s="12"/>
    </row>
    <row r="686710" spans="8:8">
      <c r="H686710" s="12"/>
    </row>
    <row r="686711" spans="8:8">
      <c r="H686711" s="12"/>
    </row>
    <row r="686712" spans="8:8">
      <c r="H686712" s="12"/>
    </row>
    <row r="686713" spans="8:8">
      <c r="H686713" s="12"/>
    </row>
    <row r="686714" spans="8:8">
      <c r="H686714" s="12"/>
    </row>
    <row r="686715" spans="8:8">
      <c r="H686715" s="12"/>
    </row>
    <row r="686716" spans="8:8">
      <c r="H686716" s="12"/>
    </row>
    <row r="686717" spans="8:8">
      <c r="H686717" s="12"/>
    </row>
    <row r="686718" spans="8:8">
      <c r="H686718" s="12"/>
    </row>
    <row r="686719" spans="8:8">
      <c r="H686719" s="12"/>
    </row>
    <row r="686720" spans="8:8">
      <c r="H686720" s="12"/>
    </row>
    <row r="686721" spans="8:8">
      <c r="H686721" s="12"/>
    </row>
    <row r="686722" spans="8:8">
      <c r="H686722" s="12"/>
    </row>
    <row r="686723" spans="8:8">
      <c r="H686723" s="12"/>
    </row>
    <row r="686724" spans="8:8">
      <c r="H686724" s="12"/>
    </row>
    <row r="686725" spans="8:8">
      <c r="H686725" s="12"/>
    </row>
    <row r="686726" spans="8:8">
      <c r="H686726" s="12"/>
    </row>
    <row r="686727" spans="8:8">
      <c r="H686727" s="12"/>
    </row>
    <row r="686728" spans="8:8">
      <c r="H686728" s="12"/>
    </row>
    <row r="686729" spans="8:8">
      <c r="H686729" s="12"/>
    </row>
    <row r="686730" spans="8:8">
      <c r="H686730" s="12"/>
    </row>
    <row r="686731" spans="8:8">
      <c r="H686731" s="12"/>
    </row>
    <row r="686732" spans="8:8">
      <c r="H686732" s="12"/>
    </row>
    <row r="686733" spans="8:8">
      <c r="H686733" s="12"/>
    </row>
    <row r="686734" spans="8:8">
      <c r="H686734" s="12"/>
    </row>
    <row r="686735" spans="8:8">
      <c r="H686735" s="12"/>
    </row>
    <row r="686736" spans="8:8">
      <c r="H686736" s="12"/>
    </row>
    <row r="686737" spans="8:8">
      <c r="H686737" s="12"/>
    </row>
    <row r="686738" spans="8:8">
      <c r="H686738" s="12"/>
    </row>
    <row r="686739" spans="8:8">
      <c r="H686739" s="12"/>
    </row>
    <row r="686740" spans="8:8">
      <c r="H686740" s="12"/>
    </row>
    <row r="686741" spans="8:8">
      <c r="H686741" s="12"/>
    </row>
    <row r="686742" spans="8:8">
      <c r="H686742" s="12"/>
    </row>
    <row r="686743" spans="8:8">
      <c r="H686743" s="12"/>
    </row>
    <row r="686744" spans="8:8">
      <c r="H686744" s="12"/>
    </row>
    <row r="686745" spans="8:8">
      <c r="H686745" s="12"/>
    </row>
    <row r="686746" spans="8:8">
      <c r="H686746" s="12"/>
    </row>
    <row r="686747" spans="8:8">
      <c r="H686747" s="12"/>
    </row>
    <row r="686748" spans="8:8">
      <c r="H686748" s="12"/>
    </row>
    <row r="686749" spans="8:8">
      <c r="H686749" s="12"/>
    </row>
    <row r="686750" spans="8:8">
      <c r="H686750" s="12"/>
    </row>
    <row r="686751" spans="8:8">
      <c r="H686751" s="12"/>
    </row>
    <row r="686752" spans="8:8">
      <c r="H686752" s="12"/>
    </row>
    <row r="686753" spans="8:8">
      <c r="H686753" s="12"/>
    </row>
    <row r="686754" spans="8:8">
      <c r="H686754" s="12"/>
    </row>
    <row r="686755" spans="8:8">
      <c r="H686755" s="12"/>
    </row>
    <row r="686756" spans="8:8">
      <c r="H686756" s="12"/>
    </row>
    <row r="686757" spans="8:8">
      <c r="H686757" s="12"/>
    </row>
    <row r="686758" spans="8:8">
      <c r="H686758" s="12"/>
    </row>
    <row r="686759" spans="8:8">
      <c r="H686759" s="12"/>
    </row>
    <row r="686760" spans="8:8">
      <c r="H686760" s="12"/>
    </row>
    <row r="686761" spans="8:8">
      <c r="H686761" s="12"/>
    </row>
    <row r="686762" spans="8:8">
      <c r="H686762" s="12"/>
    </row>
    <row r="686763" spans="8:8">
      <c r="H686763" s="12"/>
    </row>
    <row r="686764" spans="8:8">
      <c r="H686764" s="12"/>
    </row>
    <row r="686765" spans="8:8">
      <c r="H686765" s="12"/>
    </row>
    <row r="686766" spans="8:8">
      <c r="H686766" s="12"/>
    </row>
    <row r="686767" spans="8:8">
      <c r="H686767" s="12"/>
    </row>
    <row r="686768" spans="8:8">
      <c r="H686768" s="12"/>
    </row>
    <row r="686769" spans="8:8">
      <c r="H686769" s="12"/>
    </row>
    <row r="686770" spans="8:8">
      <c r="H686770" s="12"/>
    </row>
    <row r="686771" spans="8:8">
      <c r="H686771" s="12"/>
    </row>
    <row r="686772" spans="8:8">
      <c r="H686772" s="12"/>
    </row>
    <row r="686773" spans="8:8">
      <c r="H686773" s="12"/>
    </row>
    <row r="686774" spans="8:8">
      <c r="H686774" s="12"/>
    </row>
    <row r="686775" spans="8:8">
      <c r="H686775" s="12"/>
    </row>
    <row r="686776" spans="8:8">
      <c r="H686776" s="12"/>
    </row>
    <row r="686777" spans="8:8">
      <c r="H686777" s="12"/>
    </row>
    <row r="686778" spans="8:8">
      <c r="H686778" s="12"/>
    </row>
    <row r="686779" spans="8:8">
      <c r="H686779" s="12"/>
    </row>
    <row r="686780" spans="8:8">
      <c r="H686780" s="12"/>
    </row>
    <row r="686781" spans="8:8">
      <c r="H686781" s="12"/>
    </row>
    <row r="686782" spans="8:8">
      <c r="H686782" s="12"/>
    </row>
    <row r="686783" spans="8:8">
      <c r="H686783" s="12"/>
    </row>
    <row r="686784" spans="8:8">
      <c r="H686784" s="12"/>
    </row>
    <row r="686785" spans="8:8">
      <c r="H686785" s="12"/>
    </row>
    <row r="686786" spans="8:8">
      <c r="H686786" s="12"/>
    </row>
    <row r="686787" spans="8:8">
      <c r="H686787" s="12"/>
    </row>
    <row r="686788" spans="8:8">
      <c r="H686788" s="12"/>
    </row>
    <row r="686789" spans="8:8">
      <c r="H686789" s="12"/>
    </row>
    <row r="686790" spans="8:8">
      <c r="H686790" s="12"/>
    </row>
    <row r="686791" spans="8:8">
      <c r="H686791" s="12"/>
    </row>
    <row r="686792" spans="8:8">
      <c r="H686792" s="12"/>
    </row>
    <row r="686793" spans="8:8">
      <c r="H686793" s="12"/>
    </row>
    <row r="686794" spans="8:8">
      <c r="H686794" s="12"/>
    </row>
    <row r="686795" spans="8:8">
      <c r="H686795" s="12"/>
    </row>
    <row r="686796" spans="8:8">
      <c r="H686796" s="12"/>
    </row>
    <row r="686797" spans="8:8">
      <c r="H686797" s="12"/>
    </row>
    <row r="686798" spans="8:8">
      <c r="H686798" s="12"/>
    </row>
    <row r="686799" spans="8:8">
      <c r="H686799" s="12"/>
    </row>
    <row r="686800" spans="8:8">
      <c r="H686800" s="12"/>
    </row>
    <row r="686801" spans="8:8">
      <c r="H686801" s="12"/>
    </row>
    <row r="686802" spans="8:8">
      <c r="H686802" s="12"/>
    </row>
    <row r="686803" spans="8:8">
      <c r="H686803" s="12"/>
    </row>
    <row r="686804" spans="8:8">
      <c r="H686804" s="12"/>
    </row>
    <row r="686805" spans="8:8">
      <c r="H686805" s="12"/>
    </row>
    <row r="686806" spans="8:8">
      <c r="H686806" s="12"/>
    </row>
    <row r="686807" spans="8:8">
      <c r="H686807" s="12"/>
    </row>
    <row r="686808" spans="8:8">
      <c r="H686808" s="12"/>
    </row>
    <row r="686809" spans="8:8">
      <c r="H686809" s="12"/>
    </row>
    <row r="686810" spans="8:8">
      <c r="H686810" s="12"/>
    </row>
    <row r="686811" spans="8:8">
      <c r="H686811" s="12"/>
    </row>
    <row r="686812" spans="8:8">
      <c r="H686812" s="12"/>
    </row>
    <row r="686813" spans="8:8">
      <c r="H686813" s="12"/>
    </row>
    <row r="686814" spans="8:8">
      <c r="H686814" s="12"/>
    </row>
    <row r="686815" spans="8:8">
      <c r="H686815" s="12"/>
    </row>
    <row r="686816" spans="8:8">
      <c r="H686816" s="12"/>
    </row>
    <row r="686817" spans="8:8">
      <c r="H686817" s="12"/>
    </row>
    <row r="686818" spans="8:8">
      <c r="H686818" s="12"/>
    </row>
    <row r="686819" spans="8:8">
      <c r="H686819" s="12"/>
    </row>
    <row r="686820" spans="8:8">
      <c r="H686820" s="12"/>
    </row>
    <row r="686821" spans="8:8">
      <c r="H686821" s="12"/>
    </row>
    <row r="686822" spans="8:8">
      <c r="H686822" s="12"/>
    </row>
    <row r="686823" spans="8:8">
      <c r="H686823" s="12"/>
    </row>
    <row r="686824" spans="8:8">
      <c r="H686824" s="12"/>
    </row>
    <row r="686825" spans="8:8">
      <c r="H686825" s="12"/>
    </row>
    <row r="686826" spans="8:8">
      <c r="H686826" s="12"/>
    </row>
    <row r="686827" spans="8:8">
      <c r="H686827" s="12"/>
    </row>
    <row r="686828" spans="8:8">
      <c r="H686828" s="12"/>
    </row>
    <row r="686829" spans="8:8">
      <c r="H686829" s="12"/>
    </row>
    <row r="686830" spans="8:8">
      <c r="H686830" s="12"/>
    </row>
    <row r="686831" spans="8:8">
      <c r="H686831" s="12"/>
    </row>
    <row r="686832" spans="8:8">
      <c r="H686832" s="12"/>
    </row>
    <row r="686833" spans="8:8">
      <c r="H686833" s="12"/>
    </row>
    <row r="686834" spans="8:8">
      <c r="H686834" s="12"/>
    </row>
    <row r="686835" spans="8:8">
      <c r="H686835" s="12"/>
    </row>
    <row r="686836" spans="8:8">
      <c r="H686836" s="12"/>
    </row>
    <row r="686837" spans="8:8">
      <c r="H686837" s="12"/>
    </row>
    <row r="686838" spans="8:8">
      <c r="H686838" s="12"/>
    </row>
    <row r="686839" spans="8:8">
      <c r="H686839" s="12"/>
    </row>
    <row r="686840" spans="8:8">
      <c r="H686840" s="12"/>
    </row>
    <row r="686841" spans="8:8">
      <c r="H686841" s="12"/>
    </row>
    <row r="686842" spans="8:8">
      <c r="H686842" s="12"/>
    </row>
    <row r="686843" spans="8:8">
      <c r="H686843" s="12"/>
    </row>
    <row r="686844" spans="8:8">
      <c r="H686844" s="12"/>
    </row>
    <row r="686845" spans="8:8">
      <c r="H686845" s="12"/>
    </row>
    <row r="686846" spans="8:8">
      <c r="H686846" s="12"/>
    </row>
    <row r="686847" spans="8:8">
      <c r="H686847" s="12"/>
    </row>
    <row r="686848" spans="8:8">
      <c r="H686848" s="12"/>
    </row>
    <row r="686849" spans="8:8">
      <c r="H686849" s="12"/>
    </row>
    <row r="686850" spans="8:8">
      <c r="H686850" s="12"/>
    </row>
    <row r="686851" spans="8:8">
      <c r="H686851" s="12"/>
    </row>
    <row r="686852" spans="8:8">
      <c r="H686852" s="12"/>
    </row>
    <row r="686853" spans="8:8">
      <c r="H686853" s="12"/>
    </row>
    <row r="686854" spans="8:8">
      <c r="H686854" s="12"/>
    </row>
    <row r="686855" spans="8:8">
      <c r="H686855" s="12"/>
    </row>
    <row r="686856" spans="8:8">
      <c r="H686856" s="12"/>
    </row>
    <row r="686857" spans="8:8">
      <c r="H686857" s="12"/>
    </row>
    <row r="686858" spans="8:8">
      <c r="H686858" s="12"/>
    </row>
    <row r="686859" spans="8:8">
      <c r="H686859" s="12"/>
    </row>
    <row r="686860" spans="8:8">
      <c r="H686860" s="12"/>
    </row>
    <row r="686861" spans="8:8">
      <c r="H686861" s="12"/>
    </row>
    <row r="686862" spans="8:8">
      <c r="H686862" s="12"/>
    </row>
    <row r="686863" spans="8:8">
      <c r="H686863" s="12"/>
    </row>
    <row r="686864" spans="8:8">
      <c r="H686864" s="12"/>
    </row>
    <row r="686865" spans="8:8">
      <c r="H686865" s="12"/>
    </row>
    <row r="686866" spans="8:8">
      <c r="H686866" s="12"/>
    </row>
    <row r="686867" spans="8:8">
      <c r="H686867" s="12"/>
    </row>
    <row r="686868" spans="8:8">
      <c r="H686868" s="12"/>
    </row>
    <row r="686869" spans="8:8">
      <c r="H686869" s="12"/>
    </row>
    <row r="686870" spans="8:8">
      <c r="H686870" s="12"/>
    </row>
    <row r="686871" spans="8:8">
      <c r="H686871" s="12"/>
    </row>
    <row r="686872" spans="8:8">
      <c r="H686872" s="12"/>
    </row>
    <row r="686873" spans="8:8">
      <c r="H686873" s="12"/>
    </row>
    <row r="686874" spans="8:8">
      <c r="H686874" s="12"/>
    </row>
    <row r="686875" spans="8:8">
      <c r="H686875" s="12"/>
    </row>
    <row r="686876" spans="8:8">
      <c r="H686876" s="12"/>
    </row>
    <row r="686877" spans="8:8">
      <c r="H686877" s="12"/>
    </row>
    <row r="686878" spans="8:8">
      <c r="H686878" s="12"/>
    </row>
    <row r="686879" spans="8:8">
      <c r="H686879" s="12"/>
    </row>
    <row r="686880" spans="8:8">
      <c r="H686880" s="12"/>
    </row>
    <row r="686881" spans="8:8">
      <c r="H686881" s="12"/>
    </row>
    <row r="686882" spans="8:8">
      <c r="H686882" s="12"/>
    </row>
    <row r="686883" spans="8:8">
      <c r="H686883" s="12"/>
    </row>
    <row r="686884" spans="8:8">
      <c r="H686884" s="12"/>
    </row>
    <row r="686885" spans="8:8">
      <c r="H686885" s="12"/>
    </row>
    <row r="686886" spans="8:8">
      <c r="H686886" s="12"/>
    </row>
    <row r="686887" spans="8:8">
      <c r="H686887" s="12"/>
    </row>
    <row r="686888" spans="8:8">
      <c r="H686888" s="12"/>
    </row>
    <row r="686889" spans="8:8">
      <c r="H686889" s="12"/>
    </row>
    <row r="686890" spans="8:8">
      <c r="H686890" s="12"/>
    </row>
    <row r="686891" spans="8:8">
      <c r="H686891" s="12"/>
    </row>
    <row r="686892" spans="8:8">
      <c r="H686892" s="12"/>
    </row>
    <row r="686893" spans="8:8">
      <c r="H686893" s="12"/>
    </row>
    <row r="686894" spans="8:8">
      <c r="H686894" s="12"/>
    </row>
    <row r="686895" spans="8:8">
      <c r="H686895" s="12"/>
    </row>
    <row r="686896" spans="8:8">
      <c r="H686896" s="12"/>
    </row>
    <row r="686897" spans="8:8">
      <c r="H686897" s="12"/>
    </row>
    <row r="686898" spans="8:8">
      <c r="H686898" s="12"/>
    </row>
    <row r="686899" spans="8:8">
      <c r="H686899" s="12"/>
    </row>
    <row r="686900" spans="8:8">
      <c r="H686900" s="12"/>
    </row>
    <row r="686901" spans="8:8">
      <c r="H686901" s="12"/>
    </row>
    <row r="686902" spans="8:8">
      <c r="H686902" s="12"/>
    </row>
    <row r="686903" spans="8:8">
      <c r="H686903" s="12"/>
    </row>
    <row r="686904" spans="8:8">
      <c r="H686904" s="12"/>
    </row>
    <row r="686905" spans="8:8">
      <c r="H686905" s="12"/>
    </row>
    <row r="686906" spans="8:8">
      <c r="H686906" s="12"/>
    </row>
    <row r="686907" spans="8:8">
      <c r="H686907" s="12"/>
    </row>
    <row r="686908" spans="8:8">
      <c r="H686908" s="12"/>
    </row>
    <row r="686909" spans="8:8">
      <c r="H686909" s="12"/>
    </row>
    <row r="686910" spans="8:8">
      <c r="H686910" s="12"/>
    </row>
    <row r="686911" spans="8:8">
      <c r="H686911" s="12"/>
    </row>
    <row r="686912" spans="8:8">
      <c r="H686912" s="12"/>
    </row>
    <row r="686913" spans="8:8">
      <c r="H686913" s="12"/>
    </row>
    <row r="686914" spans="8:8">
      <c r="H686914" s="12"/>
    </row>
    <row r="686915" spans="8:8">
      <c r="H686915" s="12"/>
    </row>
    <row r="686916" spans="8:8">
      <c r="H686916" s="12"/>
    </row>
    <row r="686917" spans="8:8">
      <c r="H686917" s="12"/>
    </row>
    <row r="686918" spans="8:8">
      <c r="H686918" s="12"/>
    </row>
    <row r="686919" spans="8:8">
      <c r="H686919" s="12"/>
    </row>
    <row r="686920" spans="8:8">
      <c r="H686920" s="12"/>
    </row>
    <row r="686921" spans="8:8">
      <c r="H686921" s="12"/>
    </row>
    <row r="686922" spans="8:8">
      <c r="H686922" s="12"/>
    </row>
    <row r="686923" spans="8:8">
      <c r="H686923" s="12"/>
    </row>
    <row r="686924" spans="8:8">
      <c r="H686924" s="12"/>
    </row>
    <row r="686925" spans="8:8">
      <c r="H686925" s="12"/>
    </row>
    <row r="686926" spans="8:8">
      <c r="H686926" s="12"/>
    </row>
    <row r="686927" spans="8:8">
      <c r="H686927" s="12"/>
    </row>
    <row r="686928" spans="8:8">
      <c r="H686928" s="12"/>
    </row>
    <row r="686929" spans="8:8">
      <c r="H686929" s="12"/>
    </row>
    <row r="686930" spans="8:8">
      <c r="H686930" s="12"/>
    </row>
    <row r="686931" spans="8:8">
      <c r="H686931" s="12"/>
    </row>
    <row r="686932" spans="8:8">
      <c r="H686932" s="12"/>
    </row>
    <row r="686933" spans="8:8">
      <c r="H686933" s="12"/>
    </row>
    <row r="686934" spans="8:8">
      <c r="H686934" s="12"/>
    </row>
    <row r="686935" spans="8:8">
      <c r="H686935" s="12"/>
    </row>
    <row r="686936" spans="8:8">
      <c r="H686936" s="12"/>
    </row>
    <row r="686937" spans="8:8">
      <c r="H686937" s="12"/>
    </row>
    <row r="686938" spans="8:8">
      <c r="H686938" s="12"/>
    </row>
    <row r="686939" spans="8:8">
      <c r="H686939" s="12"/>
    </row>
    <row r="686940" spans="8:8">
      <c r="H686940" s="12"/>
    </row>
    <row r="686941" spans="8:8">
      <c r="H686941" s="12"/>
    </row>
    <row r="686942" spans="8:8">
      <c r="H686942" s="12"/>
    </row>
    <row r="686943" spans="8:8">
      <c r="H686943" s="12"/>
    </row>
    <row r="686944" spans="8:8">
      <c r="H686944" s="12"/>
    </row>
    <row r="686945" spans="8:8">
      <c r="H686945" s="12"/>
    </row>
    <row r="686946" spans="8:8">
      <c r="H686946" s="12"/>
    </row>
    <row r="686947" spans="8:8">
      <c r="H686947" s="12"/>
    </row>
    <row r="686948" spans="8:8">
      <c r="H686948" s="12"/>
    </row>
    <row r="686949" spans="8:8">
      <c r="H686949" s="12"/>
    </row>
    <row r="686950" spans="8:8">
      <c r="H686950" s="12"/>
    </row>
    <row r="686951" spans="8:8">
      <c r="H686951" s="12"/>
    </row>
    <row r="686952" spans="8:8">
      <c r="H686952" s="12"/>
    </row>
    <row r="686953" spans="8:8">
      <c r="H686953" s="12"/>
    </row>
    <row r="686954" spans="8:8">
      <c r="H686954" s="12"/>
    </row>
    <row r="686955" spans="8:8">
      <c r="H686955" s="12"/>
    </row>
    <row r="686956" spans="8:8">
      <c r="H686956" s="12"/>
    </row>
    <row r="686957" spans="8:8">
      <c r="H686957" s="12"/>
    </row>
    <row r="686958" spans="8:8">
      <c r="H686958" s="12"/>
    </row>
    <row r="686959" spans="8:8">
      <c r="H686959" s="12"/>
    </row>
    <row r="686960" spans="8:8">
      <c r="H686960" s="12"/>
    </row>
    <row r="686961" spans="8:8">
      <c r="H686961" s="12"/>
    </row>
    <row r="686962" spans="8:8">
      <c r="H686962" s="12"/>
    </row>
    <row r="686963" spans="8:8">
      <c r="H686963" s="12"/>
    </row>
    <row r="686964" spans="8:8">
      <c r="H686964" s="12"/>
    </row>
    <row r="686965" spans="8:8">
      <c r="H686965" s="12"/>
    </row>
    <row r="686966" spans="8:8">
      <c r="H686966" s="12"/>
    </row>
    <row r="686967" spans="8:8">
      <c r="H686967" s="12"/>
    </row>
    <row r="686968" spans="8:8">
      <c r="H686968" s="12"/>
    </row>
    <row r="686969" spans="8:8">
      <c r="H686969" s="12"/>
    </row>
    <row r="686970" spans="8:8">
      <c r="H686970" s="12"/>
    </row>
    <row r="686971" spans="8:8">
      <c r="H686971" s="12"/>
    </row>
    <row r="686972" spans="8:8">
      <c r="H686972" s="12"/>
    </row>
    <row r="686973" spans="8:8">
      <c r="H686973" s="12"/>
    </row>
    <row r="686974" spans="8:8">
      <c r="H686974" s="12"/>
    </row>
    <row r="686975" spans="8:8">
      <c r="H686975" s="12"/>
    </row>
    <row r="686976" spans="8:8">
      <c r="H686976" s="12"/>
    </row>
    <row r="686977" spans="8:8">
      <c r="H686977" s="12"/>
    </row>
    <row r="686978" spans="8:8">
      <c r="H686978" s="12"/>
    </row>
    <row r="686979" spans="8:8">
      <c r="H686979" s="12"/>
    </row>
    <row r="686980" spans="8:8">
      <c r="H686980" s="12"/>
    </row>
    <row r="686981" spans="8:8">
      <c r="H686981" s="12"/>
    </row>
    <row r="686982" spans="8:8">
      <c r="H686982" s="12"/>
    </row>
    <row r="686983" spans="8:8">
      <c r="H686983" s="12"/>
    </row>
    <row r="686984" spans="8:8">
      <c r="H686984" s="12"/>
    </row>
    <row r="686985" spans="8:8">
      <c r="H686985" s="12"/>
    </row>
    <row r="686986" spans="8:8">
      <c r="H686986" s="12"/>
    </row>
    <row r="686987" spans="8:8">
      <c r="H686987" s="12"/>
    </row>
    <row r="686988" spans="8:8">
      <c r="H686988" s="12"/>
    </row>
    <row r="686989" spans="8:8">
      <c r="H686989" s="12"/>
    </row>
    <row r="686990" spans="8:8">
      <c r="H686990" s="12"/>
    </row>
    <row r="686991" spans="8:8">
      <c r="H686991" s="12"/>
    </row>
    <row r="686992" spans="8:8">
      <c r="H686992" s="12"/>
    </row>
    <row r="686993" spans="8:8">
      <c r="H686993" s="12"/>
    </row>
    <row r="686994" spans="8:8">
      <c r="H686994" s="12"/>
    </row>
    <row r="686995" spans="8:8">
      <c r="H686995" s="12"/>
    </row>
    <row r="686996" spans="8:8">
      <c r="H686996" s="12"/>
    </row>
    <row r="686997" spans="8:8">
      <c r="H686997" s="12"/>
    </row>
    <row r="686998" spans="8:8">
      <c r="H686998" s="12"/>
    </row>
    <row r="686999" spans="8:8">
      <c r="H686999" s="12"/>
    </row>
    <row r="687000" spans="8:8">
      <c r="H687000" s="12"/>
    </row>
    <row r="687001" spans="8:8">
      <c r="H687001" s="12"/>
    </row>
    <row r="687002" spans="8:8">
      <c r="H687002" s="12"/>
    </row>
    <row r="687003" spans="8:8">
      <c r="H687003" s="12"/>
    </row>
    <row r="687004" spans="8:8">
      <c r="H687004" s="12"/>
    </row>
    <row r="687005" spans="8:8">
      <c r="H687005" s="12"/>
    </row>
    <row r="687006" spans="8:8">
      <c r="H687006" s="12"/>
    </row>
    <row r="687007" spans="8:8">
      <c r="H687007" s="12"/>
    </row>
    <row r="687008" spans="8:8">
      <c r="H687008" s="12"/>
    </row>
    <row r="687009" spans="8:8">
      <c r="H687009" s="12"/>
    </row>
    <row r="687010" spans="8:8">
      <c r="H687010" s="12"/>
    </row>
    <row r="687011" spans="8:8">
      <c r="H687011" s="12"/>
    </row>
    <row r="687012" spans="8:8">
      <c r="H687012" s="12"/>
    </row>
    <row r="687013" spans="8:8">
      <c r="H687013" s="12"/>
    </row>
    <row r="687014" spans="8:8">
      <c r="H687014" s="12"/>
    </row>
    <row r="687015" spans="8:8">
      <c r="H687015" s="12"/>
    </row>
    <row r="687016" spans="8:8">
      <c r="H687016" s="12"/>
    </row>
    <row r="687017" spans="8:8">
      <c r="H687017" s="12"/>
    </row>
    <row r="687018" spans="8:8">
      <c r="H687018" s="12"/>
    </row>
    <row r="687019" spans="8:8">
      <c r="H687019" s="12"/>
    </row>
    <row r="687020" spans="8:8">
      <c r="H687020" s="12"/>
    </row>
    <row r="687021" spans="8:8">
      <c r="H687021" s="12"/>
    </row>
    <row r="687022" spans="8:8">
      <c r="H687022" s="12"/>
    </row>
    <row r="687023" spans="8:8">
      <c r="H687023" s="12"/>
    </row>
    <row r="687024" spans="8:8">
      <c r="H687024" s="12"/>
    </row>
    <row r="687025" spans="8:8">
      <c r="H687025" s="12"/>
    </row>
    <row r="687026" spans="8:8">
      <c r="H687026" s="12"/>
    </row>
    <row r="687027" spans="8:8">
      <c r="H687027" s="12"/>
    </row>
    <row r="687028" spans="8:8">
      <c r="H687028" s="12"/>
    </row>
    <row r="687029" spans="8:8">
      <c r="H687029" s="12"/>
    </row>
    <row r="687030" spans="8:8">
      <c r="H687030" s="12"/>
    </row>
    <row r="687031" spans="8:8">
      <c r="H687031" s="12"/>
    </row>
    <row r="687032" spans="8:8">
      <c r="H687032" s="12"/>
    </row>
    <row r="687033" spans="8:8">
      <c r="H687033" s="12"/>
    </row>
    <row r="687034" spans="8:8">
      <c r="H687034" s="12"/>
    </row>
    <row r="687035" spans="8:8">
      <c r="H687035" s="12"/>
    </row>
    <row r="687036" spans="8:8">
      <c r="H687036" s="12"/>
    </row>
    <row r="687037" spans="8:8">
      <c r="H687037" s="12"/>
    </row>
    <row r="687038" spans="8:8">
      <c r="H687038" s="12"/>
    </row>
    <row r="687039" spans="8:8">
      <c r="H687039" s="12"/>
    </row>
    <row r="687040" spans="8:8">
      <c r="H687040" s="12"/>
    </row>
    <row r="687041" spans="8:8">
      <c r="H687041" s="12"/>
    </row>
    <row r="687042" spans="8:8">
      <c r="H687042" s="12"/>
    </row>
    <row r="687043" spans="8:8">
      <c r="H687043" s="12"/>
    </row>
    <row r="687044" spans="8:8">
      <c r="H687044" s="12"/>
    </row>
    <row r="687045" spans="8:8">
      <c r="H687045" s="12"/>
    </row>
    <row r="687046" spans="8:8">
      <c r="H687046" s="12"/>
    </row>
    <row r="687047" spans="8:8">
      <c r="H687047" s="12"/>
    </row>
    <row r="687048" spans="8:8">
      <c r="H687048" s="12"/>
    </row>
    <row r="687049" spans="8:8">
      <c r="H687049" s="12"/>
    </row>
    <row r="687050" spans="8:8">
      <c r="H687050" s="12"/>
    </row>
    <row r="687051" spans="8:8">
      <c r="H687051" s="12"/>
    </row>
    <row r="687052" spans="8:8">
      <c r="H687052" s="12"/>
    </row>
    <row r="687053" spans="8:8">
      <c r="H687053" s="12"/>
    </row>
    <row r="687054" spans="8:8">
      <c r="H687054" s="12"/>
    </row>
    <row r="687055" spans="8:8">
      <c r="H687055" s="12"/>
    </row>
    <row r="687056" spans="8:8">
      <c r="H687056" s="12"/>
    </row>
    <row r="687057" spans="8:8">
      <c r="H687057" s="12"/>
    </row>
    <row r="687058" spans="8:8">
      <c r="H687058" s="12"/>
    </row>
    <row r="687059" spans="8:8">
      <c r="H687059" s="12"/>
    </row>
    <row r="687060" spans="8:8">
      <c r="H687060" s="12"/>
    </row>
    <row r="687061" spans="8:8">
      <c r="H687061" s="12"/>
    </row>
    <row r="687062" spans="8:8">
      <c r="H687062" s="12"/>
    </row>
    <row r="687063" spans="8:8">
      <c r="H687063" s="12"/>
    </row>
    <row r="687064" spans="8:8">
      <c r="H687064" s="12"/>
    </row>
    <row r="687065" spans="8:8">
      <c r="H687065" s="12"/>
    </row>
    <row r="687066" spans="8:8">
      <c r="H687066" s="12"/>
    </row>
    <row r="687067" spans="8:8">
      <c r="H687067" s="12"/>
    </row>
    <row r="687068" spans="8:8">
      <c r="H687068" s="12"/>
    </row>
    <row r="687069" spans="8:8">
      <c r="H687069" s="12"/>
    </row>
    <row r="687070" spans="8:8">
      <c r="H687070" s="12"/>
    </row>
    <row r="687071" spans="8:8">
      <c r="H687071" s="12"/>
    </row>
    <row r="687072" spans="8:8">
      <c r="H687072" s="12"/>
    </row>
    <row r="687073" spans="8:8">
      <c r="H687073" s="12"/>
    </row>
    <row r="687074" spans="8:8">
      <c r="H687074" s="12"/>
    </row>
    <row r="687075" spans="8:8">
      <c r="H687075" s="12"/>
    </row>
    <row r="687076" spans="8:8">
      <c r="H687076" s="12"/>
    </row>
    <row r="687077" spans="8:8">
      <c r="H687077" s="12"/>
    </row>
    <row r="687078" spans="8:8">
      <c r="H687078" s="12"/>
    </row>
    <row r="687079" spans="8:8">
      <c r="H687079" s="12"/>
    </row>
    <row r="687080" spans="8:8">
      <c r="H687080" s="12"/>
    </row>
    <row r="687081" spans="8:8">
      <c r="H687081" s="12"/>
    </row>
    <row r="687082" spans="8:8">
      <c r="H687082" s="12"/>
    </row>
    <row r="687083" spans="8:8">
      <c r="H687083" s="12"/>
    </row>
    <row r="687084" spans="8:8">
      <c r="H687084" s="12"/>
    </row>
    <row r="687085" spans="8:8">
      <c r="H687085" s="12"/>
    </row>
    <row r="687086" spans="8:8">
      <c r="H687086" s="12"/>
    </row>
    <row r="687087" spans="8:8">
      <c r="H687087" s="12"/>
    </row>
    <row r="687088" spans="8:8">
      <c r="H687088" s="12"/>
    </row>
    <row r="687089" spans="8:8">
      <c r="H687089" s="12"/>
    </row>
    <row r="687090" spans="8:8">
      <c r="H687090" s="12"/>
    </row>
    <row r="687091" spans="8:8">
      <c r="H687091" s="12"/>
    </row>
    <row r="687092" spans="8:8">
      <c r="H687092" s="12"/>
    </row>
    <row r="687093" spans="8:8">
      <c r="H687093" s="12"/>
    </row>
    <row r="687094" spans="8:8">
      <c r="H687094" s="12"/>
    </row>
    <row r="687095" spans="8:8">
      <c r="H687095" s="12"/>
    </row>
    <row r="687096" spans="8:8">
      <c r="H687096" s="12"/>
    </row>
    <row r="687097" spans="8:8">
      <c r="H687097" s="12"/>
    </row>
    <row r="687098" spans="8:8">
      <c r="H687098" s="12"/>
    </row>
    <row r="687099" spans="8:8">
      <c r="H687099" s="12"/>
    </row>
    <row r="687100" spans="8:8">
      <c r="H687100" s="12"/>
    </row>
    <row r="687101" spans="8:8">
      <c r="H687101" s="12"/>
    </row>
    <row r="687102" spans="8:8">
      <c r="H687102" s="12"/>
    </row>
    <row r="687103" spans="8:8">
      <c r="H687103" s="12"/>
    </row>
    <row r="687104" spans="8:8">
      <c r="H687104" s="12"/>
    </row>
    <row r="687105" spans="8:8">
      <c r="H687105" s="12"/>
    </row>
    <row r="687106" spans="8:8">
      <c r="H687106" s="12"/>
    </row>
    <row r="687107" spans="8:8">
      <c r="H687107" s="12"/>
    </row>
    <row r="687108" spans="8:8">
      <c r="H687108" s="12"/>
    </row>
    <row r="687109" spans="8:8">
      <c r="H687109" s="12"/>
    </row>
    <row r="687110" spans="8:8">
      <c r="H687110" s="12"/>
    </row>
    <row r="687111" spans="8:8">
      <c r="H687111" s="12"/>
    </row>
    <row r="687112" spans="8:8">
      <c r="H687112" s="12"/>
    </row>
    <row r="687113" spans="8:8">
      <c r="H687113" s="12"/>
    </row>
    <row r="687114" spans="8:8">
      <c r="H687114" s="12"/>
    </row>
    <row r="687115" spans="8:8">
      <c r="H687115" s="12"/>
    </row>
    <row r="687116" spans="8:8">
      <c r="H687116" s="12"/>
    </row>
    <row r="687117" spans="8:8">
      <c r="H687117" s="12"/>
    </row>
    <row r="687118" spans="8:8">
      <c r="H687118" s="12"/>
    </row>
    <row r="687119" spans="8:8">
      <c r="H687119" s="12"/>
    </row>
    <row r="687120" spans="8:8">
      <c r="H687120" s="12"/>
    </row>
    <row r="687121" spans="8:8">
      <c r="H687121" s="12"/>
    </row>
    <row r="687122" spans="8:8">
      <c r="H687122" s="12"/>
    </row>
    <row r="687123" spans="8:8">
      <c r="H687123" s="12"/>
    </row>
    <row r="687124" spans="8:8">
      <c r="H687124" s="12"/>
    </row>
    <row r="687125" spans="8:8">
      <c r="H687125" s="12"/>
    </row>
    <row r="687126" spans="8:8">
      <c r="H687126" s="12"/>
    </row>
    <row r="687127" spans="8:8">
      <c r="H687127" s="12"/>
    </row>
    <row r="687128" spans="8:8">
      <c r="H687128" s="12"/>
    </row>
    <row r="687129" spans="8:8">
      <c r="H687129" s="12"/>
    </row>
    <row r="687130" spans="8:8">
      <c r="H687130" s="12"/>
    </row>
    <row r="687131" spans="8:8">
      <c r="H687131" s="12"/>
    </row>
    <row r="687132" spans="8:8">
      <c r="H687132" s="12"/>
    </row>
    <row r="687133" spans="8:8">
      <c r="H687133" s="12"/>
    </row>
    <row r="687134" spans="8:8">
      <c r="H687134" s="12"/>
    </row>
    <row r="687135" spans="8:8">
      <c r="H687135" s="12"/>
    </row>
    <row r="687136" spans="8:8">
      <c r="H687136" s="12"/>
    </row>
    <row r="687137" spans="8:8">
      <c r="H687137" s="12"/>
    </row>
    <row r="687138" spans="8:8">
      <c r="H687138" s="12"/>
    </row>
    <row r="687139" spans="8:8">
      <c r="H687139" s="12"/>
    </row>
    <row r="687140" spans="8:8">
      <c r="H687140" s="12"/>
    </row>
    <row r="687141" spans="8:8">
      <c r="H687141" s="12"/>
    </row>
    <row r="687142" spans="8:8">
      <c r="H687142" s="12"/>
    </row>
    <row r="687143" spans="8:8">
      <c r="H687143" s="12"/>
    </row>
    <row r="687144" spans="8:8">
      <c r="H687144" s="12"/>
    </row>
    <row r="687145" spans="8:8">
      <c r="H687145" s="12"/>
    </row>
    <row r="687146" spans="8:8">
      <c r="H687146" s="12"/>
    </row>
    <row r="687147" spans="8:8">
      <c r="H687147" s="12"/>
    </row>
    <row r="687148" spans="8:8">
      <c r="H687148" s="12"/>
    </row>
    <row r="687149" spans="8:8">
      <c r="H687149" s="12"/>
    </row>
    <row r="687150" spans="8:8">
      <c r="H687150" s="12"/>
    </row>
    <row r="687151" spans="8:8">
      <c r="H687151" s="12"/>
    </row>
    <row r="687152" spans="8:8">
      <c r="H687152" s="12"/>
    </row>
    <row r="687153" spans="8:8">
      <c r="H687153" s="12"/>
    </row>
    <row r="687154" spans="8:8">
      <c r="H687154" s="12"/>
    </row>
    <row r="687155" spans="8:8">
      <c r="H687155" s="12"/>
    </row>
    <row r="687156" spans="8:8">
      <c r="H687156" s="12"/>
    </row>
    <row r="687157" spans="8:8">
      <c r="H687157" s="12"/>
    </row>
    <row r="687158" spans="8:8">
      <c r="H687158" s="12"/>
    </row>
    <row r="687159" spans="8:8">
      <c r="H687159" s="12"/>
    </row>
    <row r="687160" spans="8:8">
      <c r="H687160" s="12"/>
    </row>
    <row r="687161" spans="8:8">
      <c r="H687161" s="12"/>
    </row>
    <row r="687162" spans="8:8">
      <c r="H687162" s="12"/>
    </row>
    <row r="687163" spans="8:8">
      <c r="H687163" s="12"/>
    </row>
    <row r="687164" spans="8:8">
      <c r="H687164" s="12"/>
    </row>
    <row r="687165" spans="8:8">
      <c r="H687165" s="12"/>
    </row>
    <row r="687166" spans="8:8">
      <c r="H687166" s="12"/>
    </row>
    <row r="687167" spans="8:8">
      <c r="H687167" s="12"/>
    </row>
    <row r="687168" spans="8:8">
      <c r="H687168" s="12"/>
    </row>
    <row r="687169" spans="8:8">
      <c r="H687169" s="12"/>
    </row>
    <row r="687170" spans="8:8">
      <c r="H687170" s="12"/>
    </row>
    <row r="687171" spans="8:8">
      <c r="H687171" s="12"/>
    </row>
    <row r="687172" spans="8:8">
      <c r="H687172" s="12"/>
    </row>
    <row r="687173" spans="8:8">
      <c r="H687173" s="12"/>
    </row>
    <row r="687174" spans="8:8">
      <c r="H687174" s="12"/>
    </row>
    <row r="687175" spans="8:8">
      <c r="H687175" s="12"/>
    </row>
    <row r="687176" spans="8:8">
      <c r="H687176" s="12"/>
    </row>
    <row r="687177" spans="8:8">
      <c r="H687177" s="12"/>
    </row>
    <row r="687178" spans="8:8">
      <c r="H687178" s="12"/>
    </row>
    <row r="687179" spans="8:8">
      <c r="H687179" s="12"/>
    </row>
    <row r="687180" spans="8:8">
      <c r="H687180" s="12"/>
    </row>
    <row r="687181" spans="8:8">
      <c r="H687181" s="12"/>
    </row>
    <row r="687182" spans="8:8">
      <c r="H687182" s="12"/>
    </row>
    <row r="687183" spans="8:8">
      <c r="H687183" s="12"/>
    </row>
    <row r="687184" spans="8:8">
      <c r="H687184" s="12"/>
    </row>
    <row r="687185" spans="8:8">
      <c r="H687185" s="12"/>
    </row>
    <row r="687186" spans="8:8">
      <c r="H687186" s="12"/>
    </row>
    <row r="687187" spans="8:8">
      <c r="H687187" s="12"/>
    </row>
    <row r="687188" spans="8:8">
      <c r="H687188" s="12"/>
    </row>
    <row r="687189" spans="8:8">
      <c r="H687189" s="12"/>
    </row>
    <row r="687190" spans="8:8">
      <c r="H687190" s="12"/>
    </row>
    <row r="687191" spans="8:8">
      <c r="H687191" s="12"/>
    </row>
    <row r="687192" spans="8:8">
      <c r="H687192" s="12"/>
    </row>
    <row r="687193" spans="8:8">
      <c r="H687193" s="12"/>
    </row>
    <row r="687194" spans="8:8">
      <c r="H687194" s="12"/>
    </row>
    <row r="687195" spans="8:8">
      <c r="H687195" s="12"/>
    </row>
    <row r="687196" spans="8:8">
      <c r="H687196" s="12"/>
    </row>
    <row r="687197" spans="8:8">
      <c r="H687197" s="12"/>
    </row>
    <row r="687198" spans="8:8">
      <c r="H687198" s="12"/>
    </row>
    <row r="687199" spans="8:8">
      <c r="H687199" s="12"/>
    </row>
    <row r="687200" spans="8:8">
      <c r="H687200" s="12"/>
    </row>
    <row r="687201" spans="8:8">
      <c r="H687201" s="12"/>
    </row>
    <row r="687202" spans="8:8">
      <c r="H687202" s="12"/>
    </row>
    <row r="687203" spans="8:8">
      <c r="H687203" s="12"/>
    </row>
    <row r="687204" spans="8:8">
      <c r="H687204" s="12"/>
    </row>
    <row r="687205" spans="8:8">
      <c r="H687205" s="12"/>
    </row>
    <row r="687206" spans="8:8">
      <c r="H687206" s="12"/>
    </row>
    <row r="687207" spans="8:8">
      <c r="H687207" s="12"/>
    </row>
    <row r="687208" spans="8:8">
      <c r="H687208" s="12"/>
    </row>
    <row r="687209" spans="8:8">
      <c r="H687209" s="12"/>
    </row>
    <row r="687210" spans="8:8">
      <c r="H687210" s="12"/>
    </row>
    <row r="687211" spans="8:8">
      <c r="H687211" s="12"/>
    </row>
    <row r="687212" spans="8:8">
      <c r="H687212" s="12"/>
    </row>
    <row r="687213" spans="8:8">
      <c r="H687213" s="12"/>
    </row>
    <row r="687214" spans="8:8">
      <c r="H687214" s="12"/>
    </row>
    <row r="687215" spans="8:8">
      <c r="H687215" s="12"/>
    </row>
    <row r="687216" spans="8:8">
      <c r="H687216" s="12"/>
    </row>
    <row r="687217" spans="8:8">
      <c r="H687217" s="12"/>
    </row>
    <row r="687218" spans="8:8">
      <c r="H687218" s="12"/>
    </row>
    <row r="687219" spans="8:8">
      <c r="H687219" s="12"/>
    </row>
    <row r="687220" spans="8:8">
      <c r="H687220" s="12"/>
    </row>
    <row r="687221" spans="8:8">
      <c r="H687221" s="12"/>
    </row>
    <row r="687222" spans="8:8">
      <c r="H687222" s="12"/>
    </row>
    <row r="687223" spans="8:8">
      <c r="H687223" s="12"/>
    </row>
    <row r="687224" spans="8:8">
      <c r="H687224" s="12"/>
    </row>
    <row r="687225" spans="8:8">
      <c r="H687225" s="12"/>
    </row>
    <row r="687226" spans="8:8">
      <c r="H687226" s="12"/>
    </row>
    <row r="687227" spans="8:8">
      <c r="H687227" s="12"/>
    </row>
    <row r="687228" spans="8:8">
      <c r="H687228" s="12"/>
    </row>
    <row r="687229" spans="8:8">
      <c r="H687229" s="12"/>
    </row>
    <row r="687230" spans="8:8">
      <c r="H687230" s="12"/>
    </row>
    <row r="687231" spans="8:8">
      <c r="H687231" s="12"/>
    </row>
    <row r="687232" spans="8:8">
      <c r="H687232" s="12"/>
    </row>
    <row r="687233" spans="8:8">
      <c r="H687233" s="12"/>
    </row>
    <row r="687234" spans="8:8">
      <c r="H687234" s="12"/>
    </row>
    <row r="687235" spans="8:8">
      <c r="H687235" s="12"/>
    </row>
    <row r="687236" spans="8:8">
      <c r="H687236" s="12"/>
    </row>
    <row r="687237" spans="8:8">
      <c r="H687237" s="12"/>
    </row>
    <row r="687238" spans="8:8">
      <c r="H687238" s="12"/>
    </row>
    <row r="687239" spans="8:8">
      <c r="H687239" s="12"/>
    </row>
    <row r="687240" spans="8:8">
      <c r="H687240" s="12"/>
    </row>
    <row r="687241" spans="8:8">
      <c r="H687241" s="12"/>
    </row>
    <row r="687242" spans="8:8">
      <c r="H687242" s="12"/>
    </row>
    <row r="687243" spans="8:8">
      <c r="H687243" s="12"/>
    </row>
    <row r="687244" spans="8:8">
      <c r="H687244" s="12"/>
    </row>
    <row r="687245" spans="8:8">
      <c r="H687245" s="12"/>
    </row>
    <row r="687246" spans="8:8">
      <c r="H687246" s="12"/>
    </row>
    <row r="687247" spans="8:8">
      <c r="H687247" s="12"/>
    </row>
    <row r="687248" spans="8:8">
      <c r="H687248" s="12"/>
    </row>
    <row r="687249" spans="8:8">
      <c r="H687249" s="12"/>
    </row>
    <row r="687250" spans="8:8">
      <c r="H687250" s="12"/>
    </row>
    <row r="687251" spans="8:8">
      <c r="H687251" s="12"/>
    </row>
    <row r="687252" spans="8:8">
      <c r="H687252" s="12"/>
    </row>
    <row r="687253" spans="8:8">
      <c r="H687253" s="12"/>
    </row>
    <row r="687254" spans="8:8">
      <c r="H687254" s="12"/>
    </row>
    <row r="687255" spans="8:8">
      <c r="H687255" s="12"/>
    </row>
    <row r="687256" spans="8:8">
      <c r="H687256" s="12"/>
    </row>
    <row r="687257" spans="8:8">
      <c r="H687257" s="12"/>
    </row>
    <row r="687258" spans="8:8">
      <c r="H687258" s="12"/>
    </row>
    <row r="687259" spans="8:8">
      <c r="H687259" s="12"/>
    </row>
    <row r="687260" spans="8:8">
      <c r="H687260" s="12"/>
    </row>
    <row r="687261" spans="8:8">
      <c r="H687261" s="12"/>
    </row>
    <row r="687262" spans="8:8">
      <c r="H687262" s="12"/>
    </row>
    <row r="687263" spans="8:8">
      <c r="H687263" s="12"/>
    </row>
    <row r="687264" spans="8:8">
      <c r="H687264" s="12"/>
    </row>
    <row r="687265" spans="8:8">
      <c r="H687265" s="12"/>
    </row>
    <row r="687266" spans="8:8">
      <c r="H687266" s="12"/>
    </row>
    <row r="687267" spans="8:8">
      <c r="H687267" s="12"/>
    </row>
    <row r="687268" spans="8:8">
      <c r="H687268" s="12"/>
    </row>
    <row r="687269" spans="8:8">
      <c r="H687269" s="12"/>
    </row>
    <row r="687270" spans="8:8">
      <c r="H687270" s="12"/>
    </row>
    <row r="687271" spans="8:8">
      <c r="H687271" s="12"/>
    </row>
    <row r="687272" spans="8:8">
      <c r="H687272" s="12"/>
    </row>
    <row r="687273" spans="8:8">
      <c r="H687273" s="12"/>
    </row>
    <row r="687274" spans="8:8">
      <c r="H687274" s="12"/>
    </row>
    <row r="687275" spans="8:8">
      <c r="H687275" s="12"/>
    </row>
    <row r="687276" spans="8:8">
      <c r="H687276" s="12"/>
    </row>
    <row r="687277" spans="8:8">
      <c r="H687277" s="12"/>
    </row>
    <row r="687278" spans="8:8">
      <c r="H687278" s="12"/>
    </row>
    <row r="687279" spans="8:8">
      <c r="H687279" s="12"/>
    </row>
    <row r="687280" spans="8:8">
      <c r="H687280" s="12"/>
    </row>
    <row r="687281" spans="8:8">
      <c r="H687281" s="12"/>
    </row>
    <row r="687282" spans="8:8">
      <c r="H687282" s="12"/>
    </row>
    <row r="687283" spans="8:8">
      <c r="H687283" s="12"/>
    </row>
    <row r="687284" spans="8:8">
      <c r="H687284" s="12"/>
    </row>
    <row r="687285" spans="8:8">
      <c r="H687285" s="12"/>
    </row>
    <row r="687286" spans="8:8">
      <c r="H687286" s="12"/>
    </row>
    <row r="687287" spans="8:8">
      <c r="H687287" s="12"/>
    </row>
    <row r="687288" spans="8:8">
      <c r="H687288" s="12"/>
    </row>
    <row r="687289" spans="8:8">
      <c r="H687289" s="12"/>
    </row>
    <row r="687290" spans="8:8">
      <c r="H687290" s="12"/>
    </row>
    <row r="687291" spans="8:8">
      <c r="H687291" s="12"/>
    </row>
    <row r="687292" spans="8:8">
      <c r="H687292" s="12"/>
    </row>
    <row r="687293" spans="8:8">
      <c r="H687293" s="12"/>
    </row>
    <row r="687294" spans="8:8">
      <c r="H687294" s="12"/>
    </row>
    <row r="687295" spans="8:8">
      <c r="H687295" s="12"/>
    </row>
    <row r="687296" spans="8:8">
      <c r="H687296" s="12"/>
    </row>
    <row r="687297" spans="8:8">
      <c r="H687297" s="12"/>
    </row>
    <row r="687298" spans="8:8">
      <c r="H687298" s="12"/>
    </row>
    <row r="687299" spans="8:8">
      <c r="H687299" s="12"/>
    </row>
    <row r="687300" spans="8:8">
      <c r="H687300" s="12"/>
    </row>
    <row r="687301" spans="8:8">
      <c r="H687301" s="12"/>
    </row>
    <row r="687302" spans="8:8">
      <c r="H687302" s="12"/>
    </row>
    <row r="687303" spans="8:8">
      <c r="H687303" s="12"/>
    </row>
    <row r="687304" spans="8:8">
      <c r="H687304" s="12"/>
    </row>
    <row r="687305" spans="8:8">
      <c r="H687305" s="12"/>
    </row>
    <row r="687306" spans="8:8">
      <c r="H687306" s="12"/>
    </row>
    <row r="687307" spans="8:8">
      <c r="H687307" s="12"/>
    </row>
    <row r="687308" spans="8:8">
      <c r="H687308" s="12"/>
    </row>
    <row r="687309" spans="8:8">
      <c r="H687309" s="12"/>
    </row>
    <row r="687310" spans="8:8">
      <c r="H687310" s="12"/>
    </row>
    <row r="687311" spans="8:8">
      <c r="H687311" s="12"/>
    </row>
    <row r="687312" spans="8:8">
      <c r="H687312" s="12"/>
    </row>
    <row r="687313" spans="8:8">
      <c r="H687313" s="12"/>
    </row>
    <row r="687314" spans="8:8">
      <c r="H687314" s="12"/>
    </row>
    <row r="687315" spans="8:8">
      <c r="H687315" s="12"/>
    </row>
    <row r="687316" spans="8:8">
      <c r="H687316" s="12"/>
    </row>
    <row r="687317" spans="8:8">
      <c r="H687317" s="12"/>
    </row>
    <row r="687318" spans="8:8">
      <c r="H687318" s="12"/>
    </row>
    <row r="687319" spans="8:8">
      <c r="H687319" s="12"/>
    </row>
    <row r="687320" spans="8:8">
      <c r="H687320" s="12"/>
    </row>
    <row r="687321" spans="8:8">
      <c r="H687321" s="12"/>
    </row>
    <row r="687322" spans="8:8">
      <c r="H687322" s="12"/>
    </row>
    <row r="687323" spans="8:8">
      <c r="H687323" s="12"/>
    </row>
    <row r="687324" spans="8:8">
      <c r="H687324" s="12"/>
    </row>
    <row r="687325" spans="8:8">
      <c r="H687325" s="12"/>
    </row>
    <row r="687326" spans="8:8">
      <c r="H687326" s="12"/>
    </row>
    <row r="687327" spans="8:8">
      <c r="H687327" s="12"/>
    </row>
    <row r="687328" spans="8:8">
      <c r="H687328" s="12"/>
    </row>
    <row r="687329" spans="8:8">
      <c r="H687329" s="12"/>
    </row>
    <row r="687330" spans="8:8">
      <c r="H687330" s="12"/>
    </row>
    <row r="687331" spans="8:8">
      <c r="H687331" s="12"/>
    </row>
    <row r="687332" spans="8:8">
      <c r="H687332" s="12"/>
    </row>
    <row r="687333" spans="8:8">
      <c r="H687333" s="12"/>
    </row>
    <row r="687334" spans="8:8">
      <c r="H687334" s="12"/>
    </row>
    <row r="687335" spans="8:8">
      <c r="H687335" s="12"/>
    </row>
    <row r="687336" spans="8:8">
      <c r="H687336" s="12"/>
    </row>
    <row r="687337" spans="8:8">
      <c r="H687337" s="12"/>
    </row>
    <row r="687338" spans="8:8">
      <c r="H687338" s="12"/>
    </row>
    <row r="687339" spans="8:8">
      <c r="H687339" s="12"/>
    </row>
    <row r="687340" spans="8:8">
      <c r="H687340" s="12"/>
    </row>
    <row r="687341" spans="8:8">
      <c r="H687341" s="12"/>
    </row>
    <row r="687342" spans="8:8">
      <c r="H687342" s="12"/>
    </row>
    <row r="687343" spans="8:8">
      <c r="H687343" s="12"/>
    </row>
    <row r="687344" spans="8:8">
      <c r="H687344" s="12"/>
    </row>
    <row r="687345" spans="8:8">
      <c r="H687345" s="12"/>
    </row>
    <row r="687346" spans="8:8">
      <c r="H687346" s="12"/>
    </row>
    <row r="687347" spans="8:8">
      <c r="H687347" s="12"/>
    </row>
    <row r="687348" spans="8:8">
      <c r="H687348" s="12"/>
    </row>
    <row r="687349" spans="8:8">
      <c r="H687349" s="12"/>
    </row>
    <row r="687350" spans="8:8">
      <c r="H687350" s="12"/>
    </row>
    <row r="687351" spans="8:8">
      <c r="H687351" s="12"/>
    </row>
    <row r="687352" spans="8:8">
      <c r="H687352" s="12"/>
    </row>
    <row r="687353" spans="8:8">
      <c r="H687353" s="12"/>
    </row>
    <row r="687354" spans="8:8">
      <c r="H687354" s="12"/>
    </row>
    <row r="687355" spans="8:8">
      <c r="H687355" s="12"/>
    </row>
    <row r="687356" spans="8:8">
      <c r="H687356" s="12"/>
    </row>
    <row r="687357" spans="8:8">
      <c r="H687357" s="12"/>
    </row>
    <row r="687358" spans="8:8">
      <c r="H687358" s="12"/>
    </row>
    <row r="687359" spans="8:8">
      <c r="H687359" s="12"/>
    </row>
    <row r="687360" spans="8:8">
      <c r="H687360" s="12"/>
    </row>
    <row r="687361" spans="8:8">
      <c r="H687361" s="12"/>
    </row>
    <row r="687362" spans="8:8">
      <c r="H687362" s="12"/>
    </row>
    <row r="687363" spans="8:8">
      <c r="H687363" s="12"/>
    </row>
    <row r="687364" spans="8:8">
      <c r="H687364" s="12"/>
    </row>
    <row r="687365" spans="8:8">
      <c r="H687365" s="12"/>
    </row>
    <row r="687366" spans="8:8">
      <c r="H687366" s="12"/>
    </row>
    <row r="687367" spans="8:8">
      <c r="H687367" s="12"/>
    </row>
    <row r="687368" spans="8:8">
      <c r="H687368" s="12"/>
    </row>
    <row r="687369" spans="8:8">
      <c r="H687369" s="12"/>
    </row>
    <row r="687370" spans="8:8">
      <c r="H687370" s="12"/>
    </row>
    <row r="687371" spans="8:8">
      <c r="H687371" s="12"/>
    </row>
    <row r="687372" spans="8:8">
      <c r="H687372" s="12"/>
    </row>
    <row r="687373" spans="8:8">
      <c r="H687373" s="12"/>
    </row>
    <row r="687374" spans="8:8">
      <c r="H687374" s="12"/>
    </row>
    <row r="687375" spans="8:8">
      <c r="H687375" s="12"/>
    </row>
    <row r="687376" spans="8:8">
      <c r="H687376" s="12"/>
    </row>
    <row r="687377" spans="8:8">
      <c r="H687377" s="12"/>
    </row>
    <row r="687378" spans="8:8">
      <c r="H687378" s="12"/>
    </row>
    <row r="687379" spans="8:8">
      <c r="H687379" s="12"/>
    </row>
    <row r="687380" spans="8:8">
      <c r="H687380" s="12"/>
    </row>
    <row r="687381" spans="8:8">
      <c r="H687381" s="12"/>
    </row>
    <row r="687382" spans="8:8">
      <c r="H687382" s="12"/>
    </row>
    <row r="687383" spans="8:8">
      <c r="H687383" s="12"/>
    </row>
    <row r="687384" spans="8:8">
      <c r="H687384" s="12"/>
    </row>
    <row r="687385" spans="8:8">
      <c r="H687385" s="12"/>
    </row>
    <row r="687386" spans="8:8">
      <c r="H687386" s="12"/>
    </row>
    <row r="687387" spans="8:8">
      <c r="H687387" s="12"/>
    </row>
    <row r="687388" spans="8:8">
      <c r="H687388" s="12"/>
    </row>
    <row r="687389" spans="8:8">
      <c r="H687389" s="12"/>
    </row>
    <row r="687390" spans="8:8">
      <c r="H687390" s="12"/>
    </row>
    <row r="687391" spans="8:8">
      <c r="H687391" s="12"/>
    </row>
    <row r="687392" spans="8:8">
      <c r="H687392" s="12"/>
    </row>
    <row r="687393" spans="8:8">
      <c r="H687393" s="12"/>
    </row>
    <row r="687394" spans="8:8">
      <c r="H687394" s="12"/>
    </row>
    <row r="687395" spans="8:8">
      <c r="H687395" s="12"/>
    </row>
    <row r="687396" spans="8:8">
      <c r="H687396" s="12"/>
    </row>
    <row r="687397" spans="8:8">
      <c r="H687397" s="12"/>
    </row>
    <row r="687398" spans="8:8">
      <c r="H687398" s="12"/>
    </row>
    <row r="687399" spans="8:8">
      <c r="H687399" s="12"/>
    </row>
    <row r="687400" spans="8:8">
      <c r="H687400" s="12"/>
    </row>
    <row r="687401" spans="8:8">
      <c r="H687401" s="12"/>
    </row>
    <row r="687402" spans="8:8">
      <c r="H687402" s="12"/>
    </row>
    <row r="687403" spans="8:8">
      <c r="H687403" s="12"/>
    </row>
    <row r="687404" spans="8:8">
      <c r="H687404" s="12"/>
    </row>
    <row r="687405" spans="8:8">
      <c r="H687405" s="12"/>
    </row>
    <row r="687406" spans="8:8">
      <c r="H687406" s="12"/>
    </row>
    <row r="687407" spans="8:8">
      <c r="H687407" s="12"/>
    </row>
    <row r="687408" spans="8:8">
      <c r="H687408" s="12"/>
    </row>
    <row r="687409" spans="8:8">
      <c r="H687409" s="12"/>
    </row>
    <row r="687410" spans="8:8">
      <c r="H687410" s="12"/>
    </row>
    <row r="687411" spans="8:8">
      <c r="H687411" s="12"/>
    </row>
    <row r="687412" spans="8:8">
      <c r="H687412" s="12"/>
    </row>
    <row r="687413" spans="8:8">
      <c r="H687413" s="12"/>
    </row>
    <row r="687414" spans="8:8">
      <c r="H687414" s="12"/>
    </row>
    <row r="687415" spans="8:8">
      <c r="H687415" s="12"/>
    </row>
    <row r="687416" spans="8:8">
      <c r="H687416" s="12"/>
    </row>
    <row r="687417" spans="8:8">
      <c r="H687417" s="12"/>
    </row>
    <row r="687418" spans="8:8">
      <c r="H687418" s="12"/>
    </row>
    <row r="687419" spans="8:8">
      <c r="H687419" s="12"/>
    </row>
    <row r="687420" spans="8:8">
      <c r="H687420" s="12"/>
    </row>
    <row r="687421" spans="8:8">
      <c r="H687421" s="12"/>
    </row>
    <row r="687422" spans="8:8">
      <c r="H687422" s="12"/>
    </row>
    <row r="687423" spans="8:8">
      <c r="H687423" s="12"/>
    </row>
    <row r="687424" spans="8:8">
      <c r="H687424" s="12"/>
    </row>
    <row r="687425" spans="8:8">
      <c r="H687425" s="12"/>
    </row>
    <row r="687426" spans="8:8">
      <c r="H687426" s="12"/>
    </row>
    <row r="687427" spans="8:8">
      <c r="H687427" s="12"/>
    </row>
    <row r="687428" spans="8:8">
      <c r="H687428" s="12"/>
    </row>
    <row r="687429" spans="8:8">
      <c r="H687429" s="12"/>
    </row>
    <row r="687430" spans="8:8">
      <c r="H687430" s="12"/>
    </row>
    <row r="687431" spans="8:8">
      <c r="H687431" s="12"/>
    </row>
    <row r="687432" spans="8:8">
      <c r="H687432" s="12"/>
    </row>
    <row r="687433" spans="8:8">
      <c r="H687433" s="12"/>
    </row>
    <row r="687434" spans="8:8">
      <c r="H687434" s="12"/>
    </row>
    <row r="687435" spans="8:8">
      <c r="H687435" s="12"/>
    </row>
    <row r="687436" spans="8:8">
      <c r="H687436" s="12"/>
    </row>
    <row r="687437" spans="8:8">
      <c r="H687437" s="12"/>
    </row>
    <row r="687438" spans="8:8">
      <c r="H687438" s="12"/>
    </row>
    <row r="687439" spans="8:8">
      <c r="H687439" s="12"/>
    </row>
    <row r="687440" spans="8:8">
      <c r="H687440" s="12"/>
    </row>
    <row r="687441" spans="8:8">
      <c r="H687441" s="12"/>
    </row>
    <row r="687442" spans="8:8">
      <c r="H687442" s="12"/>
    </row>
    <row r="687443" spans="8:8">
      <c r="H687443" s="12"/>
    </row>
    <row r="687444" spans="8:8">
      <c r="H687444" s="12"/>
    </row>
    <row r="687445" spans="8:8">
      <c r="H687445" s="12"/>
    </row>
    <row r="687446" spans="8:8">
      <c r="H687446" s="12"/>
    </row>
    <row r="687447" spans="8:8">
      <c r="H687447" s="12"/>
    </row>
    <row r="687448" spans="8:8">
      <c r="H687448" s="12"/>
    </row>
    <row r="687449" spans="8:8">
      <c r="H687449" s="12"/>
    </row>
    <row r="687450" spans="8:8">
      <c r="H687450" s="12"/>
    </row>
    <row r="687451" spans="8:8">
      <c r="H687451" s="12"/>
    </row>
    <row r="687452" spans="8:8">
      <c r="H687452" s="12"/>
    </row>
    <row r="687453" spans="8:8">
      <c r="H687453" s="12"/>
    </row>
    <row r="687454" spans="8:8">
      <c r="H687454" s="12"/>
    </row>
    <row r="687455" spans="8:8">
      <c r="H687455" s="12"/>
    </row>
    <row r="687456" spans="8:8">
      <c r="H687456" s="12"/>
    </row>
    <row r="687457" spans="8:8">
      <c r="H687457" s="12"/>
    </row>
    <row r="687458" spans="8:8">
      <c r="H687458" s="12"/>
    </row>
    <row r="687459" spans="8:8">
      <c r="H687459" s="12"/>
    </row>
    <row r="687460" spans="8:8">
      <c r="H687460" s="12"/>
    </row>
    <row r="687461" spans="8:8">
      <c r="H687461" s="12"/>
    </row>
    <row r="687462" spans="8:8">
      <c r="H687462" s="12"/>
    </row>
    <row r="687463" spans="8:8">
      <c r="H687463" s="12"/>
    </row>
    <row r="687464" spans="8:8">
      <c r="H687464" s="12"/>
    </row>
    <row r="687465" spans="8:8">
      <c r="H687465" s="12"/>
    </row>
    <row r="687466" spans="8:8">
      <c r="H687466" s="12"/>
    </row>
    <row r="687467" spans="8:8">
      <c r="H687467" s="12"/>
    </row>
    <row r="687468" spans="8:8">
      <c r="H687468" s="12"/>
    </row>
    <row r="687469" spans="8:8">
      <c r="H687469" s="12"/>
    </row>
    <row r="687470" spans="8:8">
      <c r="H687470" s="12"/>
    </row>
    <row r="687471" spans="8:8">
      <c r="H687471" s="12"/>
    </row>
    <row r="687472" spans="8:8">
      <c r="H687472" s="12"/>
    </row>
    <row r="687473" spans="8:8">
      <c r="H687473" s="12"/>
    </row>
    <row r="687474" spans="8:8">
      <c r="H687474" s="12"/>
    </row>
    <row r="687475" spans="8:8">
      <c r="H687475" s="12"/>
    </row>
    <row r="687476" spans="8:8">
      <c r="H687476" s="12"/>
    </row>
    <row r="687477" spans="8:8">
      <c r="H687477" s="12"/>
    </row>
    <row r="687478" spans="8:8">
      <c r="H687478" s="12"/>
    </row>
    <row r="687479" spans="8:8">
      <c r="H687479" s="12"/>
    </row>
    <row r="687480" spans="8:8">
      <c r="H687480" s="12"/>
    </row>
    <row r="687481" spans="8:8">
      <c r="H687481" s="12"/>
    </row>
    <row r="687482" spans="8:8">
      <c r="H687482" s="12"/>
    </row>
    <row r="687483" spans="8:8">
      <c r="H687483" s="12"/>
    </row>
    <row r="687484" spans="8:8">
      <c r="H687484" s="12"/>
    </row>
    <row r="687485" spans="8:8">
      <c r="H687485" s="12"/>
    </row>
    <row r="687486" spans="8:8">
      <c r="H687486" s="12"/>
    </row>
    <row r="687487" spans="8:8">
      <c r="H687487" s="12"/>
    </row>
    <row r="687488" spans="8:8">
      <c r="H687488" s="12"/>
    </row>
    <row r="687489" spans="8:8">
      <c r="H687489" s="12"/>
    </row>
    <row r="687490" spans="8:8">
      <c r="H687490" s="12"/>
    </row>
    <row r="687491" spans="8:8">
      <c r="H687491" s="12"/>
    </row>
    <row r="687492" spans="8:8">
      <c r="H687492" s="12"/>
    </row>
    <row r="687493" spans="8:8">
      <c r="H687493" s="12"/>
    </row>
    <row r="687494" spans="8:8">
      <c r="H687494" s="12"/>
    </row>
    <row r="687495" spans="8:8">
      <c r="H687495" s="12"/>
    </row>
    <row r="687496" spans="8:8">
      <c r="H687496" s="12"/>
    </row>
    <row r="687497" spans="8:8">
      <c r="H687497" s="12"/>
    </row>
    <row r="687498" spans="8:8">
      <c r="H687498" s="12"/>
    </row>
    <row r="687499" spans="8:8">
      <c r="H687499" s="12"/>
    </row>
    <row r="687500" spans="8:8">
      <c r="H687500" s="12"/>
    </row>
    <row r="687501" spans="8:8">
      <c r="H687501" s="12"/>
    </row>
    <row r="687502" spans="8:8">
      <c r="H687502" s="12"/>
    </row>
    <row r="687503" spans="8:8">
      <c r="H687503" s="12"/>
    </row>
    <row r="687504" spans="8:8">
      <c r="H687504" s="12"/>
    </row>
    <row r="687505" spans="8:8">
      <c r="H687505" s="12"/>
    </row>
    <row r="687506" spans="8:8">
      <c r="H687506" s="12"/>
    </row>
    <row r="687507" spans="8:8">
      <c r="H687507" s="12"/>
    </row>
    <row r="687508" spans="8:8">
      <c r="H687508" s="12"/>
    </row>
    <row r="687509" spans="8:8">
      <c r="H687509" s="12"/>
    </row>
    <row r="687510" spans="8:8">
      <c r="H687510" s="12"/>
    </row>
    <row r="687511" spans="8:8">
      <c r="H687511" s="12"/>
    </row>
    <row r="687512" spans="8:8">
      <c r="H687512" s="12"/>
    </row>
    <row r="687513" spans="8:8">
      <c r="H687513" s="12"/>
    </row>
    <row r="687514" spans="8:8">
      <c r="H687514" s="12"/>
    </row>
    <row r="687515" spans="8:8">
      <c r="H687515" s="12"/>
    </row>
    <row r="687516" spans="8:8">
      <c r="H687516" s="12"/>
    </row>
    <row r="687517" spans="8:8">
      <c r="H687517" s="12"/>
    </row>
    <row r="687518" spans="8:8">
      <c r="H687518" s="12"/>
    </row>
    <row r="687519" spans="8:8">
      <c r="H687519" s="12"/>
    </row>
    <row r="687520" spans="8:8">
      <c r="H687520" s="12"/>
    </row>
    <row r="687521" spans="8:8">
      <c r="H687521" s="12"/>
    </row>
    <row r="687522" spans="8:8">
      <c r="H687522" s="12"/>
    </row>
    <row r="687523" spans="8:8">
      <c r="H687523" s="12"/>
    </row>
    <row r="687524" spans="8:8">
      <c r="H687524" s="12"/>
    </row>
    <row r="687525" spans="8:8">
      <c r="H687525" s="12"/>
    </row>
    <row r="687526" spans="8:8">
      <c r="H687526" s="12"/>
    </row>
    <row r="687527" spans="8:8">
      <c r="H687527" s="12"/>
    </row>
    <row r="687528" spans="8:8">
      <c r="H687528" s="12"/>
    </row>
    <row r="687529" spans="8:8">
      <c r="H687529" s="12"/>
    </row>
    <row r="687530" spans="8:8">
      <c r="H687530" s="12"/>
    </row>
    <row r="687531" spans="8:8">
      <c r="H687531" s="12"/>
    </row>
    <row r="687532" spans="8:8">
      <c r="H687532" s="12"/>
    </row>
    <row r="687533" spans="8:8">
      <c r="H687533" s="12"/>
    </row>
    <row r="687534" spans="8:8">
      <c r="H687534" s="12"/>
    </row>
    <row r="687535" spans="8:8">
      <c r="H687535" s="12"/>
    </row>
    <row r="687536" spans="8:8">
      <c r="H687536" s="12"/>
    </row>
    <row r="687537" spans="8:8">
      <c r="H687537" s="12"/>
    </row>
    <row r="687538" spans="8:8">
      <c r="H687538" s="12"/>
    </row>
    <row r="687539" spans="8:8">
      <c r="H687539" s="12"/>
    </row>
    <row r="687540" spans="8:8">
      <c r="H687540" s="12"/>
    </row>
    <row r="687541" spans="8:8">
      <c r="H687541" s="12"/>
    </row>
    <row r="687542" spans="8:8">
      <c r="H687542" s="12"/>
    </row>
    <row r="687543" spans="8:8">
      <c r="H687543" s="12"/>
    </row>
    <row r="687544" spans="8:8">
      <c r="H687544" s="12"/>
    </row>
    <row r="687545" spans="8:8">
      <c r="H687545" s="12"/>
    </row>
    <row r="687546" spans="8:8">
      <c r="H687546" s="12"/>
    </row>
    <row r="687547" spans="8:8">
      <c r="H687547" s="12"/>
    </row>
    <row r="687548" spans="8:8">
      <c r="H687548" s="12"/>
    </row>
    <row r="687549" spans="8:8">
      <c r="H687549" s="12"/>
    </row>
    <row r="687550" spans="8:8">
      <c r="H687550" s="12"/>
    </row>
    <row r="687551" spans="8:8">
      <c r="H687551" s="12"/>
    </row>
    <row r="687552" spans="8:8">
      <c r="H687552" s="12"/>
    </row>
    <row r="687553" spans="8:8">
      <c r="H687553" s="12"/>
    </row>
    <row r="687554" spans="8:8">
      <c r="H687554" s="12"/>
    </row>
    <row r="687555" spans="8:8">
      <c r="H687555" s="12"/>
    </row>
    <row r="687556" spans="8:8">
      <c r="H687556" s="12"/>
    </row>
    <row r="687557" spans="8:8">
      <c r="H687557" s="12"/>
    </row>
    <row r="687558" spans="8:8">
      <c r="H687558" s="12"/>
    </row>
    <row r="687559" spans="8:8">
      <c r="H687559" s="12"/>
    </row>
    <row r="687560" spans="8:8">
      <c r="H687560" s="12"/>
    </row>
    <row r="687561" spans="8:8">
      <c r="H687561" s="12"/>
    </row>
    <row r="687562" spans="8:8">
      <c r="H687562" s="12"/>
    </row>
    <row r="687563" spans="8:8">
      <c r="H687563" s="12"/>
    </row>
    <row r="687564" spans="8:8">
      <c r="H687564" s="12"/>
    </row>
    <row r="687565" spans="8:8">
      <c r="H687565" s="12"/>
    </row>
    <row r="687566" spans="8:8">
      <c r="H687566" s="12"/>
    </row>
    <row r="687567" spans="8:8">
      <c r="H687567" s="12"/>
    </row>
    <row r="687568" spans="8:8">
      <c r="H687568" s="12"/>
    </row>
    <row r="687569" spans="8:8">
      <c r="H687569" s="12"/>
    </row>
    <row r="687570" spans="8:8">
      <c r="H687570" s="12"/>
    </row>
    <row r="687571" spans="8:8">
      <c r="H687571" s="12"/>
    </row>
    <row r="687572" spans="8:8">
      <c r="H687572" s="12"/>
    </row>
    <row r="687573" spans="8:8">
      <c r="H687573" s="12"/>
    </row>
    <row r="687574" spans="8:8">
      <c r="H687574" s="12"/>
    </row>
    <row r="687575" spans="8:8">
      <c r="H687575" s="12"/>
    </row>
    <row r="687576" spans="8:8">
      <c r="H687576" s="12"/>
    </row>
    <row r="687577" spans="8:8">
      <c r="H687577" s="12"/>
    </row>
    <row r="687578" spans="8:8">
      <c r="H687578" s="12"/>
    </row>
    <row r="687579" spans="8:8">
      <c r="H687579" s="12"/>
    </row>
    <row r="687580" spans="8:8">
      <c r="H687580" s="12"/>
    </row>
    <row r="687581" spans="8:8">
      <c r="H687581" s="12"/>
    </row>
    <row r="687582" spans="8:8">
      <c r="H687582" s="12"/>
    </row>
    <row r="687583" spans="8:8">
      <c r="H687583" s="12"/>
    </row>
    <row r="687584" spans="8:8">
      <c r="H687584" s="12"/>
    </row>
    <row r="687585" spans="8:8">
      <c r="H687585" s="12"/>
    </row>
    <row r="687586" spans="8:8">
      <c r="H687586" s="12"/>
    </row>
    <row r="687587" spans="8:8">
      <c r="H687587" s="12"/>
    </row>
    <row r="687588" spans="8:8">
      <c r="H687588" s="12"/>
    </row>
    <row r="687589" spans="8:8">
      <c r="H687589" s="12"/>
    </row>
    <row r="687590" spans="8:8">
      <c r="H687590" s="12"/>
    </row>
    <row r="687591" spans="8:8">
      <c r="H687591" s="12"/>
    </row>
    <row r="687592" spans="8:8">
      <c r="H687592" s="12"/>
    </row>
    <row r="687593" spans="8:8">
      <c r="H687593" s="12"/>
    </row>
    <row r="687594" spans="8:8">
      <c r="H687594" s="12"/>
    </row>
    <row r="687595" spans="8:8">
      <c r="H687595" s="12"/>
    </row>
    <row r="687596" spans="8:8">
      <c r="H687596" s="12"/>
    </row>
    <row r="687597" spans="8:8">
      <c r="H687597" s="12"/>
    </row>
    <row r="687598" spans="8:8">
      <c r="H687598" s="12"/>
    </row>
    <row r="687599" spans="8:8">
      <c r="H687599" s="12"/>
    </row>
    <row r="687600" spans="8:8">
      <c r="H687600" s="12"/>
    </row>
    <row r="687601" spans="8:8">
      <c r="H687601" s="12"/>
    </row>
    <row r="687602" spans="8:8">
      <c r="H687602" s="12"/>
    </row>
    <row r="687603" spans="8:8">
      <c r="H687603" s="12"/>
    </row>
    <row r="687604" spans="8:8">
      <c r="H687604" s="12"/>
    </row>
    <row r="687605" spans="8:8">
      <c r="H687605" s="12"/>
    </row>
    <row r="687606" spans="8:8">
      <c r="H687606" s="12"/>
    </row>
    <row r="687607" spans="8:8">
      <c r="H687607" s="12"/>
    </row>
    <row r="687608" spans="8:8">
      <c r="H687608" s="12"/>
    </row>
    <row r="687609" spans="8:8">
      <c r="H687609" s="12"/>
    </row>
    <row r="687610" spans="8:8">
      <c r="H687610" s="12"/>
    </row>
    <row r="687611" spans="8:8">
      <c r="H687611" s="12"/>
    </row>
    <row r="687612" spans="8:8">
      <c r="H687612" s="12"/>
    </row>
    <row r="687613" spans="8:8">
      <c r="H687613" s="12"/>
    </row>
    <row r="687614" spans="8:8">
      <c r="H687614" s="12"/>
    </row>
    <row r="687615" spans="8:8">
      <c r="H687615" s="12"/>
    </row>
    <row r="687616" spans="8:8">
      <c r="H687616" s="12"/>
    </row>
    <row r="687617" spans="8:8">
      <c r="H687617" s="12"/>
    </row>
    <row r="687618" spans="8:8">
      <c r="H687618" s="12"/>
    </row>
    <row r="687619" spans="8:8">
      <c r="H687619" s="12"/>
    </row>
    <row r="687620" spans="8:8">
      <c r="H687620" s="12"/>
    </row>
    <row r="687621" spans="8:8">
      <c r="H687621" s="12"/>
    </row>
    <row r="687622" spans="8:8">
      <c r="H687622" s="12"/>
    </row>
    <row r="687623" spans="8:8">
      <c r="H687623" s="12"/>
    </row>
    <row r="687624" spans="8:8">
      <c r="H687624" s="12"/>
    </row>
    <row r="687625" spans="8:8">
      <c r="H687625" s="12"/>
    </row>
    <row r="687626" spans="8:8">
      <c r="H687626" s="12"/>
    </row>
    <row r="687627" spans="8:8">
      <c r="H687627" s="12"/>
    </row>
    <row r="687628" spans="8:8">
      <c r="H687628" s="12"/>
    </row>
    <row r="687629" spans="8:8">
      <c r="H687629" s="12"/>
    </row>
    <row r="687630" spans="8:8">
      <c r="H687630" s="12"/>
    </row>
    <row r="687631" spans="8:8">
      <c r="H687631" s="12"/>
    </row>
    <row r="687632" spans="8:8">
      <c r="H687632" s="12"/>
    </row>
    <row r="687633" spans="8:8">
      <c r="H687633" s="12"/>
    </row>
    <row r="687634" spans="8:8">
      <c r="H687634" s="12"/>
    </row>
    <row r="687635" spans="8:8">
      <c r="H687635" s="12"/>
    </row>
    <row r="687636" spans="8:8">
      <c r="H687636" s="12"/>
    </row>
    <row r="687637" spans="8:8">
      <c r="H687637" s="12"/>
    </row>
    <row r="687638" spans="8:8">
      <c r="H687638" s="12"/>
    </row>
    <row r="687639" spans="8:8">
      <c r="H687639" s="12"/>
    </row>
    <row r="687640" spans="8:8">
      <c r="H687640" s="12"/>
    </row>
    <row r="687641" spans="8:8">
      <c r="H687641" s="12"/>
    </row>
    <row r="687642" spans="8:8">
      <c r="H687642" s="12"/>
    </row>
    <row r="687643" spans="8:8">
      <c r="H687643" s="12"/>
    </row>
    <row r="687644" spans="8:8">
      <c r="H687644" s="12"/>
    </row>
    <row r="687645" spans="8:8">
      <c r="H687645" s="12"/>
    </row>
    <row r="687646" spans="8:8">
      <c r="H687646" s="12"/>
    </row>
    <row r="687647" spans="8:8">
      <c r="H687647" s="12"/>
    </row>
    <row r="687648" spans="8:8">
      <c r="H687648" s="12"/>
    </row>
    <row r="687649" spans="8:8">
      <c r="H687649" s="12"/>
    </row>
    <row r="687650" spans="8:8">
      <c r="H687650" s="12"/>
    </row>
    <row r="687651" spans="8:8">
      <c r="H687651" s="12"/>
    </row>
    <row r="687652" spans="8:8">
      <c r="H687652" s="12"/>
    </row>
    <row r="687653" spans="8:8">
      <c r="H687653" s="12"/>
    </row>
    <row r="687654" spans="8:8">
      <c r="H687654" s="12"/>
    </row>
    <row r="687655" spans="8:8">
      <c r="H687655" s="12"/>
    </row>
    <row r="687656" spans="8:8">
      <c r="H687656" s="12"/>
    </row>
    <row r="687657" spans="8:8">
      <c r="H687657" s="12"/>
    </row>
    <row r="687658" spans="8:8">
      <c r="H687658" s="12"/>
    </row>
    <row r="687659" spans="8:8">
      <c r="H687659" s="12"/>
    </row>
    <row r="687660" spans="8:8">
      <c r="H687660" s="12"/>
    </row>
    <row r="687661" spans="8:8">
      <c r="H687661" s="12"/>
    </row>
    <row r="687662" spans="8:8">
      <c r="H687662" s="12"/>
    </row>
    <row r="687663" spans="8:8">
      <c r="H687663" s="12"/>
    </row>
    <row r="687664" spans="8:8">
      <c r="H687664" s="12"/>
    </row>
    <row r="687665" spans="8:8">
      <c r="H687665" s="12"/>
    </row>
    <row r="687666" spans="8:8">
      <c r="H687666" s="12"/>
    </row>
    <row r="687667" spans="8:8">
      <c r="H687667" s="12"/>
    </row>
    <row r="687668" spans="8:8">
      <c r="H687668" s="12"/>
    </row>
    <row r="687669" spans="8:8">
      <c r="H687669" s="12"/>
    </row>
    <row r="687670" spans="8:8">
      <c r="H687670" s="12"/>
    </row>
    <row r="687671" spans="8:8">
      <c r="H687671" s="12"/>
    </row>
    <row r="687672" spans="8:8">
      <c r="H687672" s="12"/>
    </row>
    <row r="687673" spans="8:8">
      <c r="H687673" s="12"/>
    </row>
    <row r="687674" spans="8:8">
      <c r="H687674" s="12"/>
    </row>
    <row r="687675" spans="8:8">
      <c r="H687675" s="12"/>
    </row>
    <row r="687676" spans="8:8">
      <c r="H687676" s="12"/>
    </row>
    <row r="687677" spans="8:8">
      <c r="H687677" s="12"/>
    </row>
    <row r="687678" spans="8:8">
      <c r="H687678" s="12"/>
    </row>
    <row r="687679" spans="8:8">
      <c r="H687679" s="12"/>
    </row>
    <row r="687680" spans="8:8">
      <c r="H687680" s="12"/>
    </row>
    <row r="687681" spans="8:8">
      <c r="H687681" s="12"/>
    </row>
    <row r="687682" spans="8:8">
      <c r="H687682" s="12"/>
    </row>
    <row r="687683" spans="8:8">
      <c r="H687683" s="12"/>
    </row>
    <row r="687684" spans="8:8">
      <c r="H687684" s="12"/>
    </row>
    <row r="687685" spans="8:8">
      <c r="H687685" s="12"/>
    </row>
    <row r="687686" spans="8:8">
      <c r="H687686" s="12"/>
    </row>
    <row r="687687" spans="8:8">
      <c r="H687687" s="12"/>
    </row>
    <row r="687688" spans="8:8">
      <c r="H687688" s="12"/>
    </row>
    <row r="687689" spans="8:8">
      <c r="H687689" s="12"/>
    </row>
    <row r="687690" spans="8:8">
      <c r="H687690" s="12"/>
    </row>
    <row r="687691" spans="8:8">
      <c r="H687691" s="12"/>
    </row>
    <row r="687692" spans="8:8">
      <c r="H687692" s="12"/>
    </row>
    <row r="687693" spans="8:8">
      <c r="H687693" s="12"/>
    </row>
    <row r="687694" spans="8:8">
      <c r="H687694" s="12"/>
    </row>
    <row r="687695" spans="8:8">
      <c r="H687695" s="12"/>
    </row>
    <row r="687696" spans="8:8">
      <c r="H687696" s="12"/>
    </row>
    <row r="687697" spans="8:8">
      <c r="H687697" s="12"/>
    </row>
    <row r="687698" spans="8:8">
      <c r="H687698" s="12"/>
    </row>
    <row r="687699" spans="8:8">
      <c r="H687699" s="12"/>
    </row>
    <row r="687700" spans="8:8">
      <c r="H687700" s="12"/>
    </row>
    <row r="687701" spans="8:8">
      <c r="H687701" s="12"/>
    </row>
    <row r="687702" spans="8:8">
      <c r="H687702" s="12"/>
    </row>
    <row r="687703" spans="8:8">
      <c r="H687703" s="12"/>
    </row>
    <row r="687704" spans="8:8">
      <c r="H687704" s="12"/>
    </row>
    <row r="687705" spans="8:8">
      <c r="H687705" s="12"/>
    </row>
    <row r="687706" spans="8:8">
      <c r="H687706" s="12"/>
    </row>
    <row r="687707" spans="8:8">
      <c r="H687707" s="12"/>
    </row>
    <row r="687708" spans="8:8">
      <c r="H687708" s="12"/>
    </row>
    <row r="687709" spans="8:8">
      <c r="H687709" s="12"/>
    </row>
    <row r="687710" spans="8:8">
      <c r="H687710" s="12"/>
    </row>
    <row r="687711" spans="8:8">
      <c r="H687711" s="12"/>
    </row>
    <row r="687712" spans="8:8">
      <c r="H687712" s="12"/>
    </row>
    <row r="687713" spans="8:8">
      <c r="H687713" s="12"/>
    </row>
    <row r="687714" spans="8:8">
      <c r="H687714" s="12"/>
    </row>
    <row r="687715" spans="8:8">
      <c r="H687715" s="12"/>
    </row>
    <row r="687716" spans="8:8">
      <c r="H687716" s="12"/>
    </row>
    <row r="687717" spans="8:8">
      <c r="H687717" s="12"/>
    </row>
    <row r="687718" spans="8:8">
      <c r="H687718" s="12"/>
    </row>
    <row r="687719" spans="8:8">
      <c r="H687719" s="12"/>
    </row>
    <row r="687720" spans="8:8">
      <c r="H687720" s="12"/>
    </row>
    <row r="687721" spans="8:8">
      <c r="H687721" s="12"/>
    </row>
    <row r="687722" spans="8:8">
      <c r="H687722" s="12"/>
    </row>
    <row r="687723" spans="8:8">
      <c r="H687723" s="12"/>
    </row>
    <row r="687724" spans="8:8">
      <c r="H687724" s="12"/>
    </row>
    <row r="687725" spans="8:8">
      <c r="H687725" s="12"/>
    </row>
    <row r="687726" spans="8:8">
      <c r="H687726" s="12"/>
    </row>
    <row r="687727" spans="8:8">
      <c r="H687727" s="12"/>
    </row>
    <row r="687728" spans="8:8">
      <c r="H687728" s="12"/>
    </row>
    <row r="687729" spans="8:8">
      <c r="H687729" s="12"/>
    </row>
    <row r="687730" spans="8:8">
      <c r="H687730" s="12"/>
    </row>
    <row r="687731" spans="8:8">
      <c r="H687731" s="12"/>
    </row>
    <row r="687732" spans="8:8">
      <c r="H687732" s="12"/>
    </row>
    <row r="687733" spans="8:8">
      <c r="H687733" s="12"/>
    </row>
    <row r="687734" spans="8:8">
      <c r="H687734" s="12"/>
    </row>
    <row r="687735" spans="8:8">
      <c r="H687735" s="12"/>
    </row>
    <row r="687736" spans="8:8">
      <c r="H687736" s="12"/>
    </row>
    <row r="687737" spans="8:8">
      <c r="H687737" s="12"/>
    </row>
    <row r="687738" spans="8:8">
      <c r="H687738" s="12"/>
    </row>
    <row r="687739" spans="8:8">
      <c r="H687739" s="12"/>
    </row>
    <row r="687740" spans="8:8">
      <c r="H687740" s="12"/>
    </row>
    <row r="687741" spans="8:8">
      <c r="H687741" s="12"/>
    </row>
    <row r="687742" spans="8:8">
      <c r="H687742" s="12"/>
    </row>
    <row r="687743" spans="8:8">
      <c r="H687743" s="12"/>
    </row>
    <row r="687744" spans="8:8">
      <c r="H687744" s="12"/>
    </row>
    <row r="687745" spans="8:8">
      <c r="H687745" s="12"/>
    </row>
    <row r="687746" spans="8:8">
      <c r="H687746" s="12"/>
    </row>
    <row r="687747" spans="8:8">
      <c r="H687747" s="12"/>
    </row>
    <row r="687748" spans="8:8">
      <c r="H687748" s="12"/>
    </row>
    <row r="687749" spans="8:8">
      <c r="H687749" s="12"/>
    </row>
    <row r="687750" spans="8:8">
      <c r="H687750" s="12"/>
    </row>
    <row r="687751" spans="8:8">
      <c r="H687751" s="12"/>
    </row>
    <row r="687752" spans="8:8">
      <c r="H687752" s="12"/>
    </row>
    <row r="687753" spans="8:8">
      <c r="H687753" s="12"/>
    </row>
    <row r="687754" spans="8:8">
      <c r="H687754" s="12"/>
    </row>
    <row r="687755" spans="8:8">
      <c r="H687755" s="12"/>
    </row>
    <row r="687756" spans="8:8">
      <c r="H687756" s="12"/>
    </row>
    <row r="687757" spans="8:8">
      <c r="H687757" s="12"/>
    </row>
    <row r="687758" spans="8:8">
      <c r="H687758" s="12"/>
    </row>
    <row r="687759" spans="8:8">
      <c r="H687759" s="12"/>
    </row>
    <row r="687760" spans="8:8">
      <c r="H687760" s="12"/>
    </row>
    <row r="687761" spans="8:8">
      <c r="H687761" s="12"/>
    </row>
    <row r="687762" spans="8:8">
      <c r="H687762" s="12"/>
    </row>
    <row r="687763" spans="8:8">
      <c r="H687763" s="12"/>
    </row>
    <row r="687764" spans="8:8">
      <c r="H687764" s="12"/>
    </row>
    <row r="687765" spans="8:8">
      <c r="H687765" s="12"/>
    </row>
    <row r="687766" spans="8:8">
      <c r="H687766" s="12"/>
    </row>
    <row r="687767" spans="8:8">
      <c r="H687767" s="12"/>
    </row>
    <row r="687768" spans="8:8">
      <c r="H687768" s="12"/>
    </row>
    <row r="687769" spans="8:8">
      <c r="H687769" s="12"/>
    </row>
    <row r="687770" spans="8:8">
      <c r="H687770" s="12"/>
    </row>
    <row r="687771" spans="8:8">
      <c r="H687771" s="12"/>
    </row>
    <row r="687772" spans="8:8">
      <c r="H687772" s="12"/>
    </row>
    <row r="687773" spans="8:8">
      <c r="H687773" s="12"/>
    </row>
    <row r="687774" spans="8:8">
      <c r="H687774" s="12"/>
    </row>
    <row r="687775" spans="8:8">
      <c r="H687775" s="12"/>
    </row>
    <row r="687776" spans="8:8">
      <c r="H687776" s="12"/>
    </row>
    <row r="687777" spans="8:8">
      <c r="H687777" s="12"/>
    </row>
    <row r="687778" spans="8:8">
      <c r="H687778" s="12"/>
    </row>
    <row r="687779" spans="8:8">
      <c r="H687779" s="12"/>
    </row>
    <row r="687780" spans="8:8">
      <c r="H687780" s="12"/>
    </row>
    <row r="687781" spans="8:8">
      <c r="H687781" s="12"/>
    </row>
    <row r="687782" spans="8:8">
      <c r="H687782" s="12"/>
    </row>
    <row r="687783" spans="8:8">
      <c r="H687783" s="12"/>
    </row>
    <row r="687784" spans="8:8">
      <c r="H687784" s="12"/>
    </row>
    <row r="687785" spans="8:8">
      <c r="H687785" s="12"/>
    </row>
    <row r="687786" spans="8:8">
      <c r="H687786" s="12"/>
    </row>
    <row r="687787" spans="8:8">
      <c r="H687787" s="12"/>
    </row>
    <row r="687788" spans="8:8">
      <c r="H687788" s="12"/>
    </row>
    <row r="687789" spans="8:8">
      <c r="H687789" s="12"/>
    </row>
    <row r="687790" spans="8:8">
      <c r="H687790" s="12"/>
    </row>
    <row r="687791" spans="8:8">
      <c r="H687791" s="12"/>
    </row>
    <row r="687792" spans="8:8">
      <c r="H687792" s="12"/>
    </row>
    <row r="687793" spans="8:8">
      <c r="H687793" s="12"/>
    </row>
    <row r="687794" spans="8:8">
      <c r="H687794" s="12"/>
    </row>
    <row r="687795" spans="8:8">
      <c r="H687795" s="12"/>
    </row>
    <row r="687796" spans="8:8">
      <c r="H687796" s="12"/>
    </row>
    <row r="687797" spans="8:8">
      <c r="H687797" s="12"/>
    </row>
    <row r="687798" spans="8:8">
      <c r="H687798" s="12"/>
    </row>
    <row r="687799" spans="8:8">
      <c r="H687799" s="12"/>
    </row>
    <row r="687800" spans="8:8">
      <c r="H687800" s="12"/>
    </row>
    <row r="687801" spans="8:8">
      <c r="H687801" s="12"/>
    </row>
    <row r="687802" spans="8:8">
      <c r="H687802" s="12"/>
    </row>
    <row r="687803" spans="8:8">
      <c r="H687803" s="12"/>
    </row>
    <row r="687804" spans="8:8">
      <c r="H687804" s="12"/>
    </row>
    <row r="687805" spans="8:8">
      <c r="H687805" s="12"/>
    </row>
    <row r="687806" spans="8:8">
      <c r="H687806" s="12"/>
    </row>
    <row r="687807" spans="8:8">
      <c r="H687807" s="12"/>
    </row>
    <row r="687808" spans="8:8">
      <c r="H687808" s="12"/>
    </row>
    <row r="687809" spans="8:8">
      <c r="H687809" s="12"/>
    </row>
    <row r="687810" spans="8:8">
      <c r="H687810" s="12"/>
    </row>
    <row r="687811" spans="8:8">
      <c r="H687811" s="12"/>
    </row>
    <row r="687812" spans="8:8">
      <c r="H687812" s="12"/>
    </row>
    <row r="687813" spans="8:8">
      <c r="H687813" s="12"/>
    </row>
    <row r="687814" spans="8:8">
      <c r="H687814" s="12"/>
    </row>
    <row r="687815" spans="8:8">
      <c r="H687815" s="12"/>
    </row>
    <row r="687816" spans="8:8">
      <c r="H687816" s="12"/>
    </row>
    <row r="687817" spans="8:8">
      <c r="H687817" s="12"/>
    </row>
    <row r="687818" spans="8:8">
      <c r="H687818" s="12"/>
    </row>
    <row r="687819" spans="8:8">
      <c r="H687819" s="12"/>
    </row>
    <row r="687820" spans="8:8">
      <c r="H687820" s="12"/>
    </row>
    <row r="687821" spans="8:8">
      <c r="H687821" s="12"/>
    </row>
    <row r="687822" spans="8:8">
      <c r="H687822" s="12"/>
    </row>
    <row r="687823" spans="8:8">
      <c r="H687823" s="12"/>
    </row>
    <row r="687824" spans="8:8">
      <c r="H687824" s="12"/>
    </row>
    <row r="687825" spans="8:8">
      <c r="H687825" s="12"/>
    </row>
    <row r="687826" spans="8:8">
      <c r="H687826" s="12"/>
    </row>
    <row r="687827" spans="8:8">
      <c r="H687827" s="12"/>
    </row>
    <row r="687828" spans="8:8">
      <c r="H687828" s="12"/>
    </row>
    <row r="687829" spans="8:8">
      <c r="H687829" s="12"/>
    </row>
    <row r="687830" spans="8:8">
      <c r="H687830" s="12"/>
    </row>
    <row r="687831" spans="8:8">
      <c r="H687831" s="12"/>
    </row>
    <row r="687832" spans="8:8">
      <c r="H687832" s="12"/>
    </row>
    <row r="687833" spans="8:8">
      <c r="H687833" s="12"/>
    </row>
    <row r="687834" spans="8:8">
      <c r="H687834" s="12"/>
    </row>
    <row r="687835" spans="8:8">
      <c r="H687835" s="12"/>
    </row>
    <row r="687836" spans="8:8">
      <c r="H687836" s="12"/>
    </row>
    <row r="687837" spans="8:8">
      <c r="H687837" s="12"/>
    </row>
    <row r="687838" spans="8:8">
      <c r="H687838" s="12"/>
    </row>
    <row r="687839" spans="8:8">
      <c r="H687839" s="12"/>
    </row>
    <row r="687840" spans="8:8">
      <c r="H687840" s="12"/>
    </row>
    <row r="687841" spans="8:8">
      <c r="H687841" s="12"/>
    </row>
    <row r="687842" spans="8:8">
      <c r="H687842" s="12"/>
    </row>
    <row r="687843" spans="8:8">
      <c r="H687843" s="12"/>
    </row>
    <row r="687844" spans="8:8">
      <c r="H687844" s="12"/>
    </row>
    <row r="687845" spans="8:8">
      <c r="H687845" s="12"/>
    </row>
    <row r="687846" spans="8:8">
      <c r="H687846" s="12"/>
    </row>
    <row r="687847" spans="8:8">
      <c r="H687847" s="12"/>
    </row>
    <row r="687848" spans="8:8">
      <c r="H687848" s="12"/>
    </row>
    <row r="687849" spans="8:8">
      <c r="H687849" s="12"/>
    </row>
    <row r="687850" spans="8:8">
      <c r="H687850" s="12"/>
    </row>
    <row r="687851" spans="8:8">
      <c r="H687851" s="12"/>
    </row>
    <row r="687852" spans="8:8">
      <c r="H687852" s="12"/>
    </row>
    <row r="687853" spans="8:8">
      <c r="H687853" s="12"/>
    </row>
    <row r="687854" spans="8:8">
      <c r="H687854" s="12"/>
    </row>
    <row r="687855" spans="8:8">
      <c r="H687855" s="12"/>
    </row>
    <row r="687856" spans="8:8">
      <c r="H687856" s="12"/>
    </row>
    <row r="687857" spans="8:8">
      <c r="H687857" s="12"/>
    </row>
    <row r="687858" spans="8:8">
      <c r="H687858" s="12"/>
    </row>
    <row r="687859" spans="8:8">
      <c r="H687859" s="12"/>
    </row>
    <row r="687860" spans="8:8">
      <c r="H687860" s="12"/>
    </row>
    <row r="687861" spans="8:8">
      <c r="H687861" s="12"/>
    </row>
    <row r="687862" spans="8:8">
      <c r="H687862" s="12"/>
    </row>
    <row r="687863" spans="8:8">
      <c r="H687863" s="12"/>
    </row>
    <row r="687864" spans="8:8">
      <c r="H687864" s="12"/>
    </row>
    <row r="687865" spans="8:8">
      <c r="H687865" s="12"/>
    </row>
    <row r="687866" spans="8:8">
      <c r="H687866" s="12"/>
    </row>
    <row r="687867" spans="8:8">
      <c r="H687867" s="12"/>
    </row>
    <row r="687868" spans="8:8">
      <c r="H687868" s="12"/>
    </row>
    <row r="687869" spans="8:8">
      <c r="H687869" s="12"/>
    </row>
    <row r="687870" spans="8:8">
      <c r="H687870" s="12"/>
    </row>
    <row r="687871" spans="8:8">
      <c r="H687871" s="12"/>
    </row>
    <row r="687872" spans="8:8">
      <c r="H687872" s="12"/>
    </row>
    <row r="687873" spans="8:8">
      <c r="H687873" s="12"/>
    </row>
    <row r="687874" spans="8:8">
      <c r="H687874" s="12"/>
    </row>
    <row r="687875" spans="8:8">
      <c r="H687875" s="12"/>
    </row>
    <row r="687876" spans="8:8">
      <c r="H687876" s="12"/>
    </row>
    <row r="687877" spans="8:8">
      <c r="H687877" s="12"/>
    </row>
    <row r="687878" spans="8:8">
      <c r="H687878" s="12"/>
    </row>
    <row r="687879" spans="8:8">
      <c r="H687879" s="12"/>
    </row>
    <row r="687880" spans="8:8">
      <c r="H687880" s="12"/>
    </row>
    <row r="687881" spans="8:8">
      <c r="H687881" s="12"/>
    </row>
    <row r="687882" spans="8:8">
      <c r="H687882" s="12"/>
    </row>
    <row r="687883" spans="8:8">
      <c r="H687883" s="12"/>
    </row>
    <row r="687884" spans="8:8">
      <c r="H687884" s="12"/>
    </row>
    <row r="687885" spans="8:8">
      <c r="H687885" s="12"/>
    </row>
    <row r="687886" spans="8:8">
      <c r="H687886" s="12"/>
    </row>
    <row r="687887" spans="8:8">
      <c r="H687887" s="12"/>
    </row>
    <row r="687888" spans="8:8">
      <c r="H687888" s="12"/>
    </row>
    <row r="687889" spans="8:8">
      <c r="H687889" s="12"/>
    </row>
    <row r="687890" spans="8:8">
      <c r="H687890" s="12"/>
    </row>
    <row r="687891" spans="8:8">
      <c r="H687891" s="12"/>
    </row>
    <row r="687892" spans="8:8">
      <c r="H687892" s="12"/>
    </row>
    <row r="687893" spans="8:8">
      <c r="H687893" s="12"/>
    </row>
    <row r="687894" spans="8:8">
      <c r="H687894" s="12"/>
    </row>
    <row r="687895" spans="8:8">
      <c r="H687895" s="12"/>
    </row>
    <row r="687896" spans="8:8">
      <c r="H687896" s="12"/>
    </row>
    <row r="687897" spans="8:8">
      <c r="H687897" s="12"/>
    </row>
    <row r="687898" spans="8:8">
      <c r="H687898" s="12"/>
    </row>
    <row r="687899" spans="8:8">
      <c r="H687899" s="12"/>
    </row>
    <row r="687900" spans="8:8">
      <c r="H687900" s="12"/>
    </row>
    <row r="687901" spans="8:8">
      <c r="H687901" s="12"/>
    </row>
    <row r="687902" spans="8:8">
      <c r="H687902" s="12"/>
    </row>
    <row r="687903" spans="8:8">
      <c r="H687903" s="12"/>
    </row>
    <row r="687904" spans="8:8">
      <c r="H687904" s="12"/>
    </row>
    <row r="687905" spans="8:8">
      <c r="H687905" s="12"/>
    </row>
    <row r="687906" spans="8:8">
      <c r="H687906" s="12"/>
    </row>
    <row r="687907" spans="8:8">
      <c r="H687907" s="12"/>
    </row>
    <row r="687908" spans="8:8">
      <c r="H687908" s="12"/>
    </row>
    <row r="687909" spans="8:8">
      <c r="H687909" s="12"/>
    </row>
    <row r="687910" spans="8:8">
      <c r="H687910" s="12"/>
    </row>
    <row r="687911" spans="8:8">
      <c r="H687911" s="12"/>
    </row>
    <row r="687912" spans="8:8">
      <c r="H687912" s="12"/>
    </row>
    <row r="687913" spans="8:8">
      <c r="H687913" s="12"/>
    </row>
    <row r="687914" spans="8:8">
      <c r="H687914" s="12"/>
    </row>
    <row r="687915" spans="8:8">
      <c r="H687915" s="12"/>
    </row>
    <row r="687916" spans="8:8">
      <c r="H687916" s="12"/>
    </row>
    <row r="687917" spans="8:8">
      <c r="H687917" s="12"/>
    </row>
    <row r="687918" spans="8:8">
      <c r="H687918" s="12"/>
    </row>
    <row r="687919" spans="8:8">
      <c r="H687919" s="12"/>
    </row>
    <row r="687920" spans="8:8">
      <c r="H687920" s="12"/>
    </row>
    <row r="687921" spans="8:8">
      <c r="H687921" s="12"/>
    </row>
    <row r="687922" spans="8:8">
      <c r="H687922" s="12"/>
    </row>
    <row r="687923" spans="8:8">
      <c r="H687923" s="12"/>
    </row>
    <row r="687924" spans="8:8">
      <c r="H687924" s="12"/>
    </row>
    <row r="687925" spans="8:8">
      <c r="H687925" s="12"/>
    </row>
    <row r="687926" spans="8:8">
      <c r="H687926" s="12"/>
    </row>
    <row r="687927" spans="8:8">
      <c r="H687927" s="12"/>
    </row>
    <row r="687928" spans="8:8">
      <c r="H687928" s="12"/>
    </row>
    <row r="687929" spans="8:8">
      <c r="H687929" s="12"/>
    </row>
    <row r="687930" spans="8:8">
      <c r="H687930" s="12"/>
    </row>
    <row r="687931" spans="8:8">
      <c r="H687931" s="12"/>
    </row>
    <row r="687932" spans="8:8">
      <c r="H687932" s="12"/>
    </row>
    <row r="687933" spans="8:8">
      <c r="H687933" s="12"/>
    </row>
    <row r="687934" spans="8:8">
      <c r="H687934" s="12"/>
    </row>
    <row r="687935" spans="8:8">
      <c r="H687935" s="12"/>
    </row>
    <row r="687936" spans="8:8">
      <c r="H687936" s="12"/>
    </row>
    <row r="687937" spans="8:8">
      <c r="H687937" s="12"/>
    </row>
    <row r="687938" spans="8:8">
      <c r="H687938" s="12"/>
    </row>
    <row r="687939" spans="8:8">
      <c r="H687939" s="12"/>
    </row>
    <row r="687940" spans="8:8">
      <c r="H687940" s="12"/>
    </row>
    <row r="687941" spans="8:8">
      <c r="H687941" s="12"/>
    </row>
    <row r="687942" spans="8:8">
      <c r="H687942" s="12"/>
    </row>
    <row r="687943" spans="8:8">
      <c r="H687943" s="12"/>
    </row>
    <row r="687944" spans="8:8">
      <c r="H687944" s="12"/>
    </row>
    <row r="687945" spans="8:8">
      <c r="H687945" s="12"/>
    </row>
    <row r="687946" spans="8:8">
      <c r="H687946" s="12"/>
    </row>
    <row r="687947" spans="8:8">
      <c r="H687947" s="12"/>
    </row>
    <row r="687948" spans="8:8">
      <c r="H687948" s="12"/>
    </row>
    <row r="687949" spans="8:8">
      <c r="H687949" s="12"/>
    </row>
    <row r="687950" spans="8:8">
      <c r="H687950" s="12"/>
    </row>
    <row r="687951" spans="8:8">
      <c r="H687951" s="12"/>
    </row>
    <row r="687952" spans="8:8">
      <c r="H687952" s="12"/>
    </row>
    <row r="687953" spans="8:8">
      <c r="H687953" s="12"/>
    </row>
    <row r="687954" spans="8:8">
      <c r="H687954" s="12"/>
    </row>
    <row r="687955" spans="8:8">
      <c r="H687955" s="12"/>
    </row>
    <row r="687956" spans="8:8">
      <c r="H687956" s="12"/>
    </row>
    <row r="687957" spans="8:8">
      <c r="H687957" s="12"/>
    </row>
    <row r="687958" spans="8:8">
      <c r="H687958" s="12"/>
    </row>
    <row r="687959" spans="8:8">
      <c r="H687959" s="12"/>
    </row>
    <row r="687960" spans="8:8">
      <c r="H687960" s="12"/>
    </row>
    <row r="687961" spans="8:8">
      <c r="H687961" s="12"/>
    </row>
    <row r="687962" spans="8:8">
      <c r="H687962" s="12"/>
    </row>
    <row r="687963" spans="8:8">
      <c r="H687963" s="12"/>
    </row>
    <row r="687964" spans="8:8">
      <c r="H687964" s="12"/>
    </row>
    <row r="687965" spans="8:8">
      <c r="H687965" s="12"/>
    </row>
    <row r="687966" spans="8:8">
      <c r="H687966" s="12"/>
    </row>
    <row r="687967" spans="8:8">
      <c r="H687967" s="12"/>
    </row>
    <row r="687968" spans="8:8">
      <c r="H687968" s="12"/>
    </row>
    <row r="687969" spans="8:8">
      <c r="H687969" s="12"/>
    </row>
    <row r="687970" spans="8:8">
      <c r="H687970" s="12"/>
    </row>
    <row r="687971" spans="8:8">
      <c r="H687971" s="12"/>
    </row>
    <row r="687972" spans="8:8">
      <c r="H687972" s="12"/>
    </row>
    <row r="687973" spans="8:8">
      <c r="H687973" s="12"/>
    </row>
    <row r="687974" spans="8:8">
      <c r="H687974" s="12"/>
    </row>
    <row r="687975" spans="8:8">
      <c r="H687975" s="12"/>
    </row>
    <row r="687976" spans="8:8">
      <c r="H687976" s="12"/>
    </row>
    <row r="687977" spans="8:8">
      <c r="H687977" s="12"/>
    </row>
    <row r="687978" spans="8:8">
      <c r="H687978" s="12"/>
    </row>
    <row r="687979" spans="8:8">
      <c r="H687979" s="12"/>
    </row>
    <row r="687980" spans="8:8">
      <c r="H687980" s="12"/>
    </row>
    <row r="687981" spans="8:8">
      <c r="H687981" s="12"/>
    </row>
    <row r="687982" spans="8:8">
      <c r="H687982" s="12"/>
    </row>
    <row r="687983" spans="8:8">
      <c r="H687983" s="12"/>
    </row>
    <row r="687984" spans="8:8">
      <c r="H687984" s="12"/>
    </row>
    <row r="687985" spans="8:8">
      <c r="H687985" s="12"/>
    </row>
    <row r="687986" spans="8:8">
      <c r="H687986" s="12"/>
    </row>
    <row r="687987" spans="8:8">
      <c r="H687987" s="12"/>
    </row>
    <row r="687988" spans="8:8">
      <c r="H687988" s="12"/>
    </row>
    <row r="687989" spans="8:8">
      <c r="H687989" s="12"/>
    </row>
    <row r="687990" spans="8:8">
      <c r="H687990" s="12"/>
    </row>
    <row r="687991" spans="8:8">
      <c r="H687991" s="12"/>
    </row>
    <row r="687992" spans="8:8">
      <c r="H687992" s="12"/>
    </row>
    <row r="687993" spans="8:8">
      <c r="H687993" s="12"/>
    </row>
    <row r="687994" spans="8:8">
      <c r="H687994" s="12"/>
    </row>
    <row r="687995" spans="8:8">
      <c r="H687995" s="12"/>
    </row>
    <row r="687996" spans="8:8">
      <c r="H687996" s="12"/>
    </row>
    <row r="687997" spans="8:8">
      <c r="H687997" s="12"/>
    </row>
    <row r="687998" spans="8:8">
      <c r="H687998" s="12"/>
    </row>
    <row r="687999" spans="8:8">
      <c r="H687999" s="12"/>
    </row>
    <row r="688000" spans="8:8">
      <c r="H688000" s="12"/>
    </row>
    <row r="688001" spans="8:8">
      <c r="H688001" s="12"/>
    </row>
    <row r="688002" spans="8:8">
      <c r="H688002" s="12"/>
    </row>
    <row r="688003" spans="8:8">
      <c r="H688003" s="12"/>
    </row>
    <row r="688004" spans="8:8">
      <c r="H688004" s="12"/>
    </row>
    <row r="688005" spans="8:8">
      <c r="H688005" s="12"/>
    </row>
    <row r="688006" spans="8:8">
      <c r="H688006" s="12"/>
    </row>
    <row r="688007" spans="8:8">
      <c r="H688007" s="12"/>
    </row>
    <row r="688008" spans="8:8">
      <c r="H688008" s="12"/>
    </row>
    <row r="688009" spans="8:8">
      <c r="H688009" s="12"/>
    </row>
    <row r="688010" spans="8:8">
      <c r="H688010" s="12"/>
    </row>
    <row r="688011" spans="8:8">
      <c r="H688011" s="12"/>
    </row>
    <row r="688012" spans="8:8">
      <c r="H688012" s="12"/>
    </row>
    <row r="688013" spans="8:8">
      <c r="H688013" s="12"/>
    </row>
    <row r="688014" spans="8:8">
      <c r="H688014" s="12"/>
    </row>
    <row r="688015" spans="8:8">
      <c r="H688015" s="12"/>
    </row>
    <row r="688016" spans="8:8">
      <c r="H688016" s="12"/>
    </row>
    <row r="688017" spans="8:8">
      <c r="H688017" s="12"/>
    </row>
    <row r="688018" spans="8:8">
      <c r="H688018" s="12"/>
    </row>
    <row r="688019" spans="8:8">
      <c r="H688019" s="12"/>
    </row>
    <row r="688020" spans="8:8">
      <c r="H688020" s="12"/>
    </row>
    <row r="688021" spans="8:8">
      <c r="H688021" s="12"/>
    </row>
    <row r="688022" spans="8:8">
      <c r="H688022" s="12"/>
    </row>
    <row r="688023" spans="8:8">
      <c r="H688023" s="12"/>
    </row>
    <row r="688024" spans="8:8">
      <c r="H688024" s="12"/>
    </row>
    <row r="688025" spans="8:8">
      <c r="H688025" s="12"/>
    </row>
    <row r="688026" spans="8:8">
      <c r="H688026" s="12"/>
    </row>
    <row r="688027" spans="8:8">
      <c r="H688027" s="12"/>
    </row>
    <row r="688028" spans="8:8">
      <c r="H688028" s="12"/>
    </row>
    <row r="688029" spans="8:8">
      <c r="H688029" s="12"/>
    </row>
    <row r="688030" spans="8:8">
      <c r="H688030" s="12"/>
    </row>
    <row r="688031" spans="8:8">
      <c r="H688031" s="12"/>
    </row>
    <row r="688032" spans="8:8">
      <c r="H688032" s="12"/>
    </row>
    <row r="688033" spans="8:8">
      <c r="H688033" s="12"/>
    </row>
    <row r="688034" spans="8:8">
      <c r="H688034" s="12"/>
    </row>
    <row r="688035" spans="8:8">
      <c r="H688035" s="12"/>
    </row>
    <row r="688036" spans="8:8">
      <c r="H688036" s="12"/>
    </row>
    <row r="688037" spans="8:8">
      <c r="H688037" s="12"/>
    </row>
    <row r="688038" spans="8:8">
      <c r="H688038" s="12"/>
    </row>
    <row r="688039" spans="8:8">
      <c r="H688039" s="12"/>
    </row>
    <row r="688040" spans="8:8">
      <c r="H688040" s="12"/>
    </row>
    <row r="688041" spans="8:8">
      <c r="H688041" s="12"/>
    </row>
    <row r="688042" spans="8:8">
      <c r="H688042" s="12"/>
    </row>
    <row r="688043" spans="8:8">
      <c r="H688043" s="12"/>
    </row>
    <row r="688044" spans="8:8">
      <c r="H688044" s="12"/>
    </row>
    <row r="688045" spans="8:8">
      <c r="H688045" s="12"/>
    </row>
    <row r="688046" spans="8:8">
      <c r="H688046" s="12"/>
    </row>
    <row r="688047" spans="8:8">
      <c r="H688047" s="12"/>
    </row>
    <row r="688048" spans="8:8">
      <c r="H688048" s="12"/>
    </row>
    <row r="688049" spans="8:8">
      <c r="H688049" s="12"/>
    </row>
    <row r="688050" spans="8:8">
      <c r="H688050" s="12"/>
    </row>
    <row r="688051" spans="8:8">
      <c r="H688051" s="12"/>
    </row>
    <row r="688052" spans="8:8">
      <c r="H688052" s="12"/>
    </row>
    <row r="688053" spans="8:8">
      <c r="H688053" s="12"/>
    </row>
    <row r="688054" spans="8:8">
      <c r="H688054" s="12"/>
    </row>
    <row r="688055" spans="8:8">
      <c r="H688055" s="12"/>
    </row>
    <row r="688056" spans="8:8">
      <c r="H688056" s="12"/>
    </row>
    <row r="688057" spans="8:8">
      <c r="H688057" s="12"/>
    </row>
    <row r="688058" spans="8:8">
      <c r="H688058" s="12"/>
    </row>
    <row r="688059" spans="8:8">
      <c r="H688059" s="12"/>
    </row>
    <row r="688060" spans="8:8">
      <c r="H688060" s="12"/>
    </row>
    <row r="688061" spans="8:8">
      <c r="H688061" s="12"/>
    </row>
    <row r="688062" spans="8:8">
      <c r="H688062" s="12"/>
    </row>
    <row r="688063" spans="8:8">
      <c r="H688063" s="12"/>
    </row>
    <row r="688064" spans="8:8">
      <c r="H688064" s="12"/>
    </row>
    <row r="688065" spans="8:8">
      <c r="H688065" s="12"/>
    </row>
    <row r="688066" spans="8:8">
      <c r="H688066" s="12"/>
    </row>
    <row r="688067" spans="8:8">
      <c r="H688067" s="12"/>
    </row>
    <row r="688068" spans="8:8">
      <c r="H688068" s="12"/>
    </row>
    <row r="688069" spans="8:8">
      <c r="H688069" s="12"/>
    </row>
    <row r="688070" spans="8:8">
      <c r="H688070" s="12"/>
    </row>
    <row r="688071" spans="8:8">
      <c r="H688071" s="12"/>
    </row>
    <row r="688072" spans="8:8">
      <c r="H688072" s="12"/>
    </row>
    <row r="688073" spans="8:8">
      <c r="H688073" s="12"/>
    </row>
    <row r="688074" spans="8:8">
      <c r="H688074" s="12"/>
    </row>
    <row r="688075" spans="8:8">
      <c r="H688075" s="12"/>
    </row>
    <row r="688076" spans="8:8">
      <c r="H688076" s="12"/>
    </row>
    <row r="688077" spans="8:8">
      <c r="H688077" s="12"/>
    </row>
    <row r="688078" spans="8:8">
      <c r="H688078" s="12"/>
    </row>
    <row r="688079" spans="8:8">
      <c r="H688079" s="12"/>
    </row>
    <row r="688080" spans="8:8">
      <c r="H688080" s="12"/>
    </row>
    <row r="688081" spans="8:8">
      <c r="H688081" s="12"/>
    </row>
    <row r="688082" spans="8:8">
      <c r="H688082" s="12"/>
    </row>
    <row r="688083" spans="8:8">
      <c r="H688083" s="12"/>
    </row>
    <row r="688084" spans="8:8">
      <c r="H688084" s="12"/>
    </row>
    <row r="688085" spans="8:8">
      <c r="H688085" s="12"/>
    </row>
    <row r="688086" spans="8:8">
      <c r="H688086" s="12"/>
    </row>
    <row r="688087" spans="8:8">
      <c r="H688087" s="12"/>
    </row>
    <row r="688088" spans="8:8">
      <c r="H688088" s="12"/>
    </row>
    <row r="688089" spans="8:8">
      <c r="H688089" s="12"/>
    </row>
    <row r="688090" spans="8:8">
      <c r="H688090" s="12"/>
    </row>
    <row r="688091" spans="8:8">
      <c r="H688091" s="12"/>
    </row>
    <row r="688092" spans="8:8">
      <c r="H688092" s="12"/>
    </row>
    <row r="688093" spans="8:8">
      <c r="H688093" s="12"/>
    </row>
    <row r="688094" spans="8:8">
      <c r="H688094" s="12"/>
    </row>
    <row r="688095" spans="8:8">
      <c r="H688095" s="12"/>
    </row>
    <row r="688096" spans="8:8">
      <c r="H688096" s="12"/>
    </row>
    <row r="688097" spans="8:8">
      <c r="H688097" s="12"/>
    </row>
    <row r="688098" spans="8:8">
      <c r="H688098" s="12"/>
    </row>
    <row r="688099" spans="8:8">
      <c r="H688099" s="12"/>
    </row>
    <row r="688100" spans="8:8">
      <c r="H688100" s="12"/>
    </row>
    <row r="688101" spans="8:8">
      <c r="H688101" s="12"/>
    </row>
    <row r="688102" spans="8:8">
      <c r="H688102" s="12"/>
    </row>
    <row r="688103" spans="8:8">
      <c r="H688103" s="12"/>
    </row>
    <row r="688104" spans="8:8">
      <c r="H688104" s="12"/>
    </row>
    <row r="688105" spans="8:8">
      <c r="H688105" s="12"/>
    </row>
    <row r="688106" spans="8:8">
      <c r="H688106" s="12"/>
    </row>
    <row r="688107" spans="8:8">
      <c r="H688107" s="12"/>
    </row>
    <row r="688108" spans="8:8">
      <c r="H688108" s="12"/>
    </row>
    <row r="688109" spans="8:8">
      <c r="H688109" s="12"/>
    </row>
    <row r="688110" spans="8:8">
      <c r="H688110" s="12"/>
    </row>
    <row r="688111" spans="8:8">
      <c r="H688111" s="12"/>
    </row>
    <row r="688112" spans="8:8">
      <c r="H688112" s="12"/>
    </row>
    <row r="688113" spans="8:8">
      <c r="H688113" s="12"/>
    </row>
    <row r="688114" spans="8:8">
      <c r="H688114" s="12"/>
    </row>
    <row r="688115" spans="8:8">
      <c r="H688115" s="12"/>
    </row>
    <row r="688116" spans="8:8">
      <c r="H688116" s="12"/>
    </row>
    <row r="688117" spans="8:8">
      <c r="H688117" s="12"/>
    </row>
    <row r="688118" spans="8:8">
      <c r="H688118" s="12"/>
    </row>
    <row r="688119" spans="8:8">
      <c r="H688119" s="12"/>
    </row>
    <row r="688120" spans="8:8">
      <c r="H688120" s="12"/>
    </row>
    <row r="688121" spans="8:8">
      <c r="H688121" s="12"/>
    </row>
    <row r="688122" spans="8:8">
      <c r="H688122" s="12"/>
    </row>
    <row r="688123" spans="8:8">
      <c r="H688123" s="12"/>
    </row>
    <row r="688124" spans="8:8">
      <c r="H688124" s="12"/>
    </row>
    <row r="688125" spans="8:8">
      <c r="H688125" s="12"/>
    </row>
    <row r="688126" spans="8:8">
      <c r="H688126" s="12"/>
    </row>
    <row r="688127" spans="8:8">
      <c r="H688127" s="12"/>
    </row>
    <row r="688128" spans="8:8">
      <c r="H688128" s="12"/>
    </row>
    <row r="688129" spans="8:8">
      <c r="H688129" s="12"/>
    </row>
    <row r="688130" spans="8:8">
      <c r="H688130" s="12"/>
    </row>
    <row r="688131" spans="8:8">
      <c r="H688131" s="12"/>
    </row>
    <row r="688132" spans="8:8">
      <c r="H688132" s="12"/>
    </row>
    <row r="688133" spans="8:8">
      <c r="H688133" s="12"/>
    </row>
    <row r="688134" spans="8:8">
      <c r="H688134" s="12"/>
    </row>
    <row r="688135" spans="8:8">
      <c r="H688135" s="12"/>
    </row>
    <row r="688136" spans="8:8">
      <c r="H688136" s="12"/>
    </row>
    <row r="688137" spans="8:8">
      <c r="H688137" s="12"/>
    </row>
    <row r="688138" spans="8:8">
      <c r="H688138" s="12"/>
    </row>
    <row r="688139" spans="8:8">
      <c r="H688139" s="12"/>
    </row>
    <row r="688140" spans="8:8">
      <c r="H688140" s="12"/>
    </row>
    <row r="688141" spans="8:8">
      <c r="H688141" s="12"/>
    </row>
    <row r="688142" spans="8:8">
      <c r="H688142" s="12"/>
    </row>
    <row r="688143" spans="8:8">
      <c r="H688143" s="12"/>
    </row>
    <row r="688144" spans="8:8">
      <c r="H688144" s="12"/>
    </row>
    <row r="688145" spans="8:8">
      <c r="H688145" s="12"/>
    </row>
    <row r="688146" spans="8:8">
      <c r="H688146" s="12"/>
    </row>
    <row r="688147" spans="8:8">
      <c r="H688147" s="12"/>
    </row>
    <row r="688148" spans="8:8">
      <c r="H688148" s="12"/>
    </row>
    <row r="688149" spans="8:8">
      <c r="H688149" s="12"/>
    </row>
    <row r="688150" spans="8:8">
      <c r="H688150" s="12"/>
    </row>
    <row r="688151" spans="8:8">
      <c r="H688151" s="12"/>
    </row>
    <row r="688152" spans="8:8">
      <c r="H688152" s="12"/>
    </row>
    <row r="688153" spans="8:8">
      <c r="H688153" s="12"/>
    </row>
    <row r="688154" spans="8:8">
      <c r="H688154" s="12"/>
    </row>
    <row r="688155" spans="8:8">
      <c r="H688155" s="12"/>
    </row>
    <row r="688156" spans="8:8">
      <c r="H688156" s="12"/>
    </row>
    <row r="688157" spans="8:8">
      <c r="H688157" s="12"/>
    </row>
    <row r="688158" spans="8:8">
      <c r="H688158" s="12"/>
    </row>
    <row r="688159" spans="8:8">
      <c r="H688159" s="12"/>
    </row>
    <row r="688160" spans="8:8">
      <c r="H688160" s="12"/>
    </row>
    <row r="688161" spans="8:8">
      <c r="H688161" s="12"/>
    </row>
    <row r="688162" spans="8:8">
      <c r="H688162" s="12"/>
    </row>
    <row r="688163" spans="8:8">
      <c r="H688163" s="12"/>
    </row>
    <row r="688164" spans="8:8">
      <c r="H688164" s="12"/>
    </row>
    <row r="688165" spans="8:8">
      <c r="H688165" s="12"/>
    </row>
    <row r="688166" spans="8:8">
      <c r="H688166" s="12"/>
    </row>
    <row r="688167" spans="8:8">
      <c r="H688167" s="12"/>
    </row>
    <row r="688168" spans="8:8">
      <c r="H688168" s="12"/>
    </row>
    <row r="688169" spans="8:8">
      <c r="H688169" s="12"/>
    </row>
    <row r="688170" spans="8:8">
      <c r="H688170" s="12"/>
    </row>
    <row r="688171" spans="8:8">
      <c r="H688171" s="12"/>
    </row>
    <row r="688172" spans="8:8">
      <c r="H688172" s="12"/>
    </row>
    <row r="688173" spans="8:8">
      <c r="H688173" s="12"/>
    </row>
    <row r="688174" spans="8:8">
      <c r="H688174" s="12"/>
    </row>
    <row r="688175" spans="8:8">
      <c r="H688175" s="12"/>
    </row>
    <row r="688176" spans="8:8">
      <c r="H688176" s="12"/>
    </row>
    <row r="688177" spans="8:8">
      <c r="H688177" s="12"/>
    </row>
    <row r="688178" spans="8:8">
      <c r="H688178" s="12"/>
    </row>
    <row r="688179" spans="8:8">
      <c r="H688179" s="12"/>
    </row>
    <row r="688180" spans="8:8">
      <c r="H688180" s="12"/>
    </row>
    <row r="688181" spans="8:8">
      <c r="H688181" s="12"/>
    </row>
    <row r="688182" spans="8:8">
      <c r="H688182" s="12"/>
    </row>
    <row r="688183" spans="8:8">
      <c r="H688183" s="12"/>
    </row>
    <row r="688184" spans="8:8">
      <c r="H688184" s="12"/>
    </row>
    <row r="688185" spans="8:8">
      <c r="H688185" s="12"/>
    </row>
    <row r="688186" spans="8:8">
      <c r="H688186" s="12"/>
    </row>
    <row r="688187" spans="8:8">
      <c r="H688187" s="12"/>
    </row>
    <row r="688188" spans="8:8">
      <c r="H688188" s="12"/>
    </row>
    <row r="688189" spans="8:8">
      <c r="H688189" s="12"/>
    </row>
    <row r="688190" spans="8:8">
      <c r="H688190" s="12"/>
    </row>
    <row r="688191" spans="8:8">
      <c r="H688191" s="12"/>
    </row>
    <row r="688192" spans="8:8">
      <c r="H688192" s="12"/>
    </row>
    <row r="688193" spans="8:8">
      <c r="H688193" s="12"/>
    </row>
    <row r="688194" spans="8:8">
      <c r="H688194" s="12"/>
    </row>
    <row r="688195" spans="8:8">
      <c r="H688195" s="12"/>
    </row>
    <row r="688196" spans="8:8">
      <c r="H688196" s="12"/>
    </row>
    <row r="688197" spans="8:8">
      <c r="H688197" s="12"/>
    </row>
    <row r="688198" spans="8:8">
      <c r="H688198" s="12"/>
    </row>
    <row r="688199" spans="8:8">
      <c r="H688199" s="12"/>
    </row>
    <row r="688200" spans="8:8">
      <c r="H688200" s="12"/>
    </row>
    <row r="688201" spans="8:8">
      <c r="H688201" s="12"/>
    </row>
    <row r="688202" spans="8:8">
      <c r="H688202" s="12"/>
    </row>
    <row r="688203" spans="8:8">
      <c r="H688203" s="12"/>
    </row>
    <row r="688204" spans="8:8">
      <c r="H688204" s="12"/>
    </row>
    <row r="688205" spans="8:8">
      <c r="H688205" s="12"/>
    </row>
    <row r="688206" spans="8:8">
      <c r="H688206" s="12"/>
    </row>
    <row r="688207" spans="8:8">
      <c r="H688207" s="12"/>
    </row>
    <row r="688208" spans="8:8">
      <c r="H688208" s="12"/>
    </row>
    <row r="688209" spans="8:8">
      <c r="H688209" s="12"/>
    </row>
    <row r="688210" spans="8:8">
      <c r="H688210" s="12"/>
    </row>
    <row r="688211" spans="8:8">
      <c r="H688211" s="12"/>
    </row>
    <row r="688212" spans="8:8">
      <c r="H688212" s="12"/>
    </row>
    <row r="688213" spans="8:8">
      <c r="H688213" s="12"/>
    </row>
    <row r="688214" spans="8:8">
      <c r="H688214" s="12"/>
    </row>
    <row r="688215" spans="8:8">
      <c r="H688215" s="12"/>
    </row>
    <row r="688216" spans="8:8">
      <c r="H688216" s="12"/>
    </row>
    <row r="688217" spans="8:8">
      <c r="H688217" s="12"/>
    </row>
    <row r="688218" spans="8:8">
      <c r="H688218" s="12"/>
    </row>
    <row r="688219" spans="8:8">
      <c r="H688219" s="12"/>
    </row>
    <row r="688220" spans="8:8">
      <c r="H688220" s="12"/>
    </row>
    <row r="688221" spans="8:8">
      <c r="H688221" s="12"/>
    </row>
    <row r="688222" spans="8:8">
      <c r="H688222" s="12"/>
    </row>
    <row r="688223" spans="8:8">
      <c r="H688223" s="12"/>
    </row>
    <row r="688224" spans="8:8">
      <c r="H688224" s="12"/>
    </row>
    <row r="688225" spans="8:8">
      <c r="H688225" s="12"/>
    </row>
    <row r="688226" spans="8:8">
      <c r="H688226" s="12"/>
    </row>
    <row r="688227" spans="8:8">
      <c r="H688227" s="12"/>
    </row>
    <row r="688228" spans="8:8">
      <c r="H688228" s="12"/>
    </row>
    <row r="688229" spans="8:8">
      <c r="H688229" s="12"/>
    </row>
    <row r="688230" spans="8:8">
      <c r="H688230" s="12"/>
    </row>
    <row r="688231" spans="8:8">
      <c r="H688231" s="12"/>
    </row>
    <row r="688232" spans="8:8">
      <c r="H688232" s="12"/>
    </row>
    <row r="688233" spans="8:8">
      <c r="H688233" s="12"/>
    </row>
    <row r="688234" spans="8:8">
      <c r="H688234" s="12"/>
    </row>
    <row r="688235" spans="8:8">
      <c r="H688235" s="12"/>
    </row>
    <row r="688236" spans="8:8">
      <c r="H688236" s="12"/>
    </row>
    <row r="688237" spans="8:8">
      <c r="H688237" s="12"/>
    </row>
    <row r="688238" spans="8:8">
      <c r="H688238" s="12"/>
    </row>
    <row r="688239" spans="8:8">
      <c r="H688239" s="12"/>
    </row>
    <row r="688240" spans="8:8">
      <c r="H688240" s="12"/>
    </row>
    <row r="688241" spans="8:8">
      <c r="H688241" s="12"/>
    </row>
    <row r="688242" spans="8:8">
      <c r="H688242" s="12"/>
    </row>
    <row r="688243" spans="8:8">
      <c r="H688243" s="12"/>
    </row>
    <row r="688244" spans="8:8">
      <c r="H688244" s="12"/>
    </row>
    <row r="688245" spans="8:8">
      <c r="H688245" s="12"/>
    </row>
    <row r="688246" spans="8:8">
      <c r="H688246" s="12"/>
    </row>
    <row r="688247" spans="8:8">
      <c r="H688247" s="12"/>
    </row>
    <row r="688248" spans="8:8">
      <c r="H688248" s="12"/>
    </row>
    <row r="688249" spans="8:8">
      <c r="H688249" s="12"/>
    </row>
    <row r="688250" spans="8:8">
      <c r="H688250" s="12"/>
    </row>
    <row r="688251" spans="8:8">
      <c r="H688251" s="12"/>
    </row>
    <row r="688252" spans="8:8">
      <c r="H688252" s="12"/>
    </row>
    <row r="688253" spans="8:8">
      <c r="H688253" s="12"/>
    </row>
    <row r="688254" spans="8:8">
      <c r="H688254" s="12"/>
    </row>
    <row r="688255" spans="8:8">
      <c r="H688255" s="12"/>
    </row>
    <row r="688256" spans="8:8">
      <c r="H688256" s="12"/>
    </row>
    <row r="688257" spans="8:8">
      <c r="H688257" s="12"/>
    </row>
    <row r="688258" spans="8:8">
      <c r="H688258" s="12"/>
    </row>
    <row r="688259" spans="8:8">
      <c r="H688259" s="12"/>
    </row>
    <row r="688260" spans="8:8">
      <c r="H688260" s="12"/>
    </row>
    <row r="688261" spans="8:8">
      <c r="H688261" s="12"/>
    </row>
    <row r="688262" spans="8:8">
      <c r="H688262" s="12"/>
    </row>
    <row r="688263" spans="8:8">
      <c r="H688263" s="12"/>
    </row>
    <row r="688264" spans="8:8">
      <c r="H688264" s="12"/>
    </row>
    <row r="688265" spans="8:8">
      <c r="H688265" s="12"/>
    </row>
    <row r="688266" spans="8:8">
      <c r="H688266" s="12"/>
    </row>
    <row r="688267" spans="8:8">
      <c r="H688267" s="12"/>
    </row>
    <row r="688268" spans="8:8">
      <c r="H688268" s="12"/>
    </row>
    <row r="688269" spans="8:8">
      <c r="H688269" s="12"/>
    </row>
    <row r="688270" spans="8:8">
      <c r="H688270" s="12"/>
    </row>
    <row r="688271" spans="8:8">
      <c r="H688271" s="12"/>
    </row>
    <row r="688272" spans="8:8">
      <c r="H688272" s="12"/>
    </row>
    <row r="688273" spans="8:8">
      <c r="H688273" s="12"/>
    </row>
    <row r="688274" spans="8:8">
      <c r="H688274" s="12"/>
    </row>
    <row r="688275" spans="8:8">
      <c r="H688275" s="12"/>
    </row>
    <row r="688276" spans="8:8">
      <c r="H688276" s="12"/>
    </row>
    <row r="688277" spans="8:8">
      <c r="H688277" s="12"/>
    </row>
    <row r="688278" spans="8:8">
      <c r="H688278" s="12"/>
    </row>
    <row r="688279" spans="8:8">
      <c r="H688279" s="12"/>
    </row>
    <row r="688280" spans="8:8">
      <c r="H688280" s="12"/>
    </row>
    <row r="688281" spans="8:8">
      <c r="H688281" s="12"/>
    </row>
    <row r="688282" spans="8:8">
      <c r="H688282" s="12"/>
    </row>
    <row r="688283" spans="8:8">
      <c r="H688283" s="12"/>
    </row>
    <row r="688284" spans="8:8">
      <c r="H688284" s="12"/>
    </row>
    <row r="688285" spans="8:8">
      <c r="H688285" s="12"/>
    </row>
    <row r="688286" spans="8:8">
      <c r="H688286" s="12"/>
    </row>
    <row r="688287" spans="8:8">
      <c r="H688287" s="12"/>
    </row>
    <row r="688288" spans="8:8">
      <c r="H688288" s="12"/>
    </row>
    <row r="688289" spans="8:8">
      <c r="H688289" s="12"/>
    </row>
    <row r="688290" spans="8:8">
      <c r="H688290" s="12"/>
    </row>
    <row r="688291" spans="8:8">
      <c r="H688291" s="12"/>
    </row>
    <row r="688292" spans="8:8">
      <c r="H688292" s="12"/>
    </row>
    <row r="688293" spans="8:8">
      <c r="H688293" s="12"/>
    </row>
    <row r="688294" spans="8:8">
      <c r="H688294" s="12"/>
    </row>
    <row r="688295" spans="8:8">
      <c r="H688295" s="12"/>
    </row>
    <row r="688296" spans="8:8">
      <c r="H688296" s="12"/>
    </row>
    <row r="688297" spans="8:8">
      <c r="H688297" s="12"/>
    </row>
    <row r="688298" spans="8:8">
      <c r="H688298" s="12"/>
    </row>
    <row r="688299" spans="8:8">
      <c r="H688299" s="12"/>
    </row>
    <row r="688300" spans="8:8">
      <c r="H688300" s="12"/>
    </row>
    <row r="688301" spans="8:8">
      <c r="H688301" s="12"/>
    </row>
    <row r="688302" spans="8:8">
      <c r="H688302" s="12"/>
    </row>
    <row r="688303" spans="8:8">
      <c r="H688303" s="12"/>
    </row>
    <row r="688304" spans="8:8">
      <c r="H688304" s="12"/>
    </row>
    <row r="688305" spans="8:8">
      <c r="H688305" s="12"/>
    </row>
    <row r="688306" spans="8:8">
      <c r="H688306" s="12"/>
    </row>
    <row r="688307" spans="8:8">
      <c r="H688307" s="12"/>
    </row>
    <row r="688308" spans="8:8">
      <c r="H688308" s="12"/>
    </row>
    <row r="688309" spans="8:8">
      <c r="H688309" s="12"/>
    </row>
    <row r="688310" spans="8:8">
      <c r="H688310" s="12"/>
    </row>
    <row r="688311" spans="8:8">
      <c r="H688311" s="12"/>
    </row>
    <row r="688312" spans="8:8">
      <c r="H688312" s="12"/>
    </row>
    <row r="688313" spans="8:8">
      <c r="H688313" s="12"/>
    </row>
    <row r="688314" spans="8:8">
      <c r="H688314" s="12"/>
    </row>
    <row r="688315" spans="8:8">
      <c r="H688315" s="12"/>
    </row>
    <row r="688316" spans="8:8">
      <c r="H688316" s="12"/>
    </row>
    <row r="688317" spans="8:8">
      <c r="H688317" s="12"/>
    </row>
    <row r="688318" spans="8:8">
      <c r="H688318" s="12"/>
    </row>
    <row r="688319" spans="8:8">
      <c r="H688319" s="12"/>
    </row>
    <row r="688320" spans="8:8">
      <c r="H688320" s="12"/>
    </row>
    <row r="688321" spans="8:8">
      <c r="H688321" s="12"/>
    </row>
    <row r="688322" spans="8:8">
      <c r="H688322" s="12"/>
    </row>
    <row r="688323" spans="8:8">
      <c r="H688323" s="12"/>
    </row>
    <row r="688324" spans="8:8">
      <c r="H688324" s="12"/>
    </row>
    <row r="688325" spans="8:8">
      <c r="H688325" s="12"/>
    </row>
    <row r="688326" spans="8:8">
      <c r="H688326" s="12"/>
    </row>
    <row r="688327" spans="8:8">
      <c r="H688327" s="12"/>
    </row>
    <row r="688328" spans="8:8">
      <c r="H688328" s="12"/>
    </row>
    <row r="688329" spans="8:8">
      <c r="H688329" s="12"/>
    </row>
    <row r="688330" spans="8:8">
      <c r="H688330" s="12"/>
    </row>
    <row r="688331" spans="8:8">
      <c r="H688331" s="12"/>
    </row>
    <row r="688332" spans="8:8">
      <c r="H688332" s="12"/>
    </row>
    <row r="688333" spans="8:8">
      <c r="H688333" s="12"/>
    </row>
    <row r="688334" spans="8:8">
      <c r="H688334" s="12"/>
    </row>
    <row r="688335" spans="8:8">
      <c r="H688335" s="12"/>
    </row>
    <row r="688336" spans="8:8">
      <c r="H688336" s="12"/>
    </row>
    <row r="688337" spans="8:8">
      <c r="H688337" s="12"/>
    </row>
    <row r="688338" spans="8:8">
      <c r="H688338" s="12"/>
    </row>
    <row r="688339" spans="8:8">
      <c r="H688339" s="12"/>
    </row>
    <row r="688340" spans="8:8">
      <c r="H688340" s="12"/>
    </row>
    <row r="688341" spans="8:8">
      <c r="H688341" s="12"/>
    </row>
    <row r="688342" spans="8:8">
      <c r="H688342" s="12"/>
    </row>
    <row r="688343" spans="8:8">
      <c r="H688343" s="12"/>
    </row>
    <row r="688344" spans="8:8">
      <c r="H688344" s="12"/>
    </row>
    <row r="688345" spans="8:8">
      <c r="H688345" s="12"/>
    </row>
    <row r="688346" spans="8:8">
      <c r="H688346" s="12"/>
    </row>
    <row r="688347" spans="8:8">
      <c r="H688347" s="12"/>
    </row>
    <row r="688348" spans="8:8">
      <c r="H688348" s="12"/>
    </row>
    <row r="688349" spans="8:8">
      <c r="H688349" s="12"/>
    </row>
    <row r="688350" spans="8:8">
      <c r="H688350" s="12"/>
    </row>
    <row r="688351" spans="8:8">
      <c r="H688351" s="12"/>
    </row>
    <row r="688352" spans="8:8">
      <c r="H688352" s="12"/>
    </row>
    <row r="688353" spans="8:8">
      <c r="H688353" s="12"/>
    </row>
    <row r="688354" spans="8:8">
      <c r="H688354" s="12"/>
    </row>
    <row r="688355" spans="8:8">
      <c r="H688355" s="12"/>
    </row>
    <row r="688356" spans="8:8">
      <c r="H688356" s="12"/>
    </row>
    <row r="688357" spans="8:8">
      <c r="H688357" s="12"/>
    </row>
    <row r="688358" spans="8:8">
      <c r="H688358" s="12"/>
    </row>
    <row r="688359" spans="8:8">
      <c r="H688359" s="12"/>
    </row>
    <row r="688360" spans="8:8">
      <c r="H688360" s="12"/>
    </row>
    <row r="688361" spans="8:8">
      <c r="H688361" s="12"/>
    </row>
    <row r="688362" spans="8:8">
      <c r="H688362" s="12"/>
    </row>
    <row r="688363" spans="8:8">
      <c r="H688363" s="12"/>
    </row>
    <row r="688364" spans="8:8">
      <c r="H688364" s="12"/>
    </row>
    <row r="688365" spans="8:8">
      <c r="H688365" s="12"/>
    </row>
    <row r="688366" spans="8:8">
      <c r="H688366" s="12"/>
    </row>
    <row r="688367" spans="8:8">
      <c r="H688367" s="12"/>
    </row>
    <row r="688368" spans="8:8">
      <c r="H688368" s="12"/>
    </row>
    <row r="688369" spans="8:8">
      <c r="H688369" s="12"/>
    </row>
    <row r="688370" spans="8:8">
      <c r="H688370" s="12"/>
    </row>
    <row r="688371" spans="8:8">
      <c r="H688371" s="12"/>
    </row>
    <row r="688372" spans="8:8">
      <c r="H688372" s="12"/>
    </row>
    <row r="688373" spans="8:8">
      <c r="H688373" s="12"/>
    </row>
    <row r="688374" spans="8:8">
      <c r="H688374" s="12"/>
    </row>
    <row r="688375" spans="8:8">
      <c r="H688375" s="12"/>
    </row>
    <row r="688376" spans="8:8">
      <c r="H688376" s="12"/>
    </row>
    <row r="688377" spans="8:8">
      <c r="H688377" s="12"/>
    </row>
    <row r="688378" spans="8:8">
      <c r="H688378" s="12"/>
    </row>
    <row r="688379" spans="8:8">
      <c r="H688379" s="12"/>
    </row>
    <row r="688380" spans="8:8">
      <c r="H688380" s="12"/>
    </row>
    <row r="688381" spans="8:8">
      <c r="H688381" s="12"/>
    </row>
    <row r="688382" spans="8:8">
      <c r="H688382" s="12"/>
    </row>
    <row r="688383" spans="8:8">
      <c r="H688383" s="12"/>
    </row>
    <row r="688384" spans="8:8">
      <c r="H688384" s="12"/>
    </row>
    <row r="688385" spans="8:8">
      <c r="H688385" s="12"/>
    </row>
    <row r="688386" spans="8:8">
      <c r="H688386" s="12"/>
    </row>
    <row r="688387" spans="8:8">
      <c r="H688387" s="12"/>
    </row>
    <row r="688388" spans="8:8">
      <c r="H688388" s="12"/>
    </row>
    <row r="688389" spans="8:8">
      <c r="H688389" s="12"/>
    </row>
    <row r="688390" spans="8:8">
      <c r="H688390" s="12"/>
    </row>
    <row r="688391" spans="8:8">
      <c r="H688391" s="12"/>
    </row>
    <row r="688392" spans="8:8">
      <c r="H688392" s="12"/>
    </row>
    <row r="688393" spans="8:8">
      <c r="H688393" s="12"/>
    </row>
    <row r="688394" spans="8:8">
      <c r="H688394" s="12"/>
    </row>
    <row r="688395" spans="8:8">
      <c r="H688395" s="12"/>
    </row>
    <row r="688396" spans="8:8">
      <c r="H688396" s="12"/>
    </row>
    <row r="688397" spans="8:8">
      <c r="H688397" s="12"/>
    </row>
    <row r="688398" spans="8:8">
      <c r="H688398" s="12"/>
    </row>
    <row r="688399" spans="8:8">
      <c r="H688399" s="12"/>
    </row>
    <row r="688400" spans="8:8">
      <c r="H688400" s="12"/>
    </row>
    <row r="688401" spans="8:8">
      <c r="H688401" s="12"/>
    </row>
    <row r="688402" spans="8:8">
      <c r="H688402" s="12"/>
    </row>
    <row r="688403" spans="8:8">
      <c r="H688403" s="12"/>
    </row>
    <row r="688404" spans="8:8">
      <c r="H688404" s="12"/>
    </row>
    <row r="688405" spans="8:8">
      <c r="H688405" s="12"/>
    </row>
    <row r="688406" spans="8:8">
      <c r="H688406" s="12"/>
    </row>
    <row r="688407" spans="8:8">
      <c r="H688407" s="12"/>
    </row>
    <row r="688408" spans="8:8">
      <c r="H688408" s="12"/>
    </row>
    <row r="688409" spans="8:8">
      <c r="H688409" s="12"/>
    </row>
    <row r="688410" spans="8:8">
      <c r="H688410" s="12"/>
    </row>
    <row r="688411" spans="8:8">
      <c r="H688411" s="12"/>
    </row>
    <row r="688412" spans="8:8">
      <c r="H688412" s="12"/>
    </row>
    <row r="688413" spans="8:8">
      <c r="H688413" s="12"/>
    </row>
    <row r="688414" spans="8:8">
      <c r="H688414" s="12"/>
    </row>
    <row r="688415" spans="8:8">
      <c r="H688415" s="12"/>
    </row>
    <row r="688416" spans="8:8">
      <c r="H688416" s="12"/>
    </row>
    <row r="688417" spans="8:8">
      <c r="H688417" s="12"/>
    </row>
    <row r="688418" spans="8:8">
      <c r="H688418" s="12"/>
    </row>
    <row r="688419" spans="8:8">
      <c r="H688419" s="12"/>
    </row>
    <row r="688420" spans="8:8">
      <c r="H688420" s="12"/>
    </row>
    <row r="688421" spans="8:8">
      <c r="H688421" s="12"/>
    </row>
    <row r="688422" spans="8:8">
      <c r="H688422" s="12"/>
    </row>
    <row r="688423" spans="8:8">
      <c r="H688423" s="12"/>
    </row>
    <row r="688424" spans="8:8">
      <c r="H688424" s="12"/>
    </row>
    <row r="688425" spans="8:8">
      <c r="H688425" s="12"/>
    </row>
    <row r="688426" spans="8:8">
      <c r="H688426" s="12"/>
    </row>
    <row r="688427" spans="8:8">
      <c r="H688427" s="12"/>
    </row>
    <row r="688428" spans="8:8">
      <c r="H688428" s="12"/>
    </row>
    <row r="688429" spans="8:8">
      <c r="H688429" s="12"/>
    </row>
    <row r="688430" spans="8:8">
      <c r="H688430" s="12"/>
    </row>
    <row r="688431" spans="8:8">
      <c r="H688431" s="12"/>
    </row>
    <row r="688432" spans="8:8">
      <c r="H688432" s="12"/>
    </row>
    <row r="688433" spans="8:8">
      <c r="H688433" s="12"/>
    </row>
    <row r="688434" spans="8:8">
      <c r="H688434" s="12"/>
    </row>
    <row r="688435" spans="8:8">
      <c r="H688435" s="12"/>
    </row>
    <row r="688436" spans="8:8">
      <c r="H688436" s="12"/>
    </row>
    <row r="688437" spans="8:8">
      <c r="H688437" s="12"/>
    </row>
    <row r="688438" spans="8:8">
      <c r="H688438" s="12"/>
    </row>
    <row r="688439" spans="8:8">
      <c r="H688439" s="12"/>
    </row>
    <row r="688440" spans="8:8">
      <c r="H688440" s="12"/>
    </row>
    <row r="688441" spans="8:8">
      <c r="H688441" s="12"/>
    </row>
    <row r="688442" spans="8:8">
      <c r="H688442" s="12"/>
    </row>
    <row r="688443" spans="8:8">
      <c r="H688443" s="12"/>
    </row>
    <row r="688444" spans="8:8">
      <c r="H688444" s="12"/>
    </row>
    <row r="688445" spans="8:8">
      <c r="H688445" s="12"/>
    </row>
    <row r="688446" spans="8:8">
      <c r="H688446" s="12"/>
    </row>
    <row r="688447" spans="8:8">
      <c r="H688447" s="12"/>
    </row>
    <row r="688448" spans="8:8">
      <c r="H688448" s="12"/>
    </row>
    <row r="688449" spans="8:8">
      <c r="H688449" s="12"/>
    </row>
    <row r="688450" spans="8:8">
      <c r="H688450" s="12"/>
    </row>
    <row r="688451" spans="8:8">
      <c r="H688451" s="12"/>
    </row>
    <row r="688452" spans="8:8">
      <c r="H688452" s="12"/>
    </row>
    <row r="688453" spans="8:8">
      <c r="H688453" s="12"/>
    </row>
    <row r="688454" spans="8:8">
      <c r="H688454" s="12"/>
    </row>
    <row r="688455" spans="8:8">
      <c r="H688455" s="12"/>
    </row>
    <row r="688456" spans="8:8">
      <c r="H688456" s="12"/>
    </row>
    <row r="688457" spans="8:8">
      <c r="H688457" s="12"/>
    </row>
    <row r="688458" spans="8:8">
      <c r="H688458" s="12"/>
    </row>
    <row r="688459" spans="8:8">
      <c r="H688459" s="12"/>
    </row>
    <row r="688460" spans="8:8">
      <c r="H688460" s="12"/>
    </row>
    <row r="688461" spans="8:8">
      <c r="H688461" s="12"/>
    </row>
    <row r="688462" spans="8:8">
      <c r="H688462" s="12"/>
    </row>
    <row r="688463" spans="8:8">
      <c r="H688463" s="12"/>
    </row>
    <row r="688464" spans="8:8">
      <c r="H688464" s="12"/>
    </row>
    <row r="688465" spans="8:8">
      <c r="H688465" s="12"/>
    </row>
    <row r="688466" spans="8:8">
      <c r="H688466" s="12"/>
    </row>
    <row r="688467" spans="8:8">
      <c r="H688467" s="12"/>
    </row>
    <row r="688468" spans="8:8">
      <c r="H688468" s="12"/>
    </row>
    <row r="688469" spans="8:8">
      <c r="H688469" s="12"/>
    </row>
    <row r="688470" spans="8:8">
      <c r="H688470" s="12"/>
    </row>
    <row r="688471" spans="8:8">
      <c r="H688471" s="12"/>
    </row>
    <row r="688472" spans="8:8">
      <c r="H688472" s="12"/>
    </row>
    <row r="688473" spans="8:8">
      <c r="H688473" s="12"/>
    </row>
    <row r="688474" spans="8:8">
      <c r="H688474" s="12"/>
    </row>
    <row r="688475" spans="8:8">
      <c r="H688475" s="12"/>
    </row>
    <row r="688476" spans="8:8">
      <c r="H688476" s="12"/>
    </row>
    <row r="688477" spans="8:8">
      <c r="H688477" s="12"/>
    </row>
    <row r="688478" spans="8:8">
      <c r="H688478" s="12"/>
    </row>
    <row r="688479" spans="8:8">
      <c r="H688479" s="12"/>
    </row>
    <row r="688480" spans="8:8">
      <c r="H688480" s="12"/>
    </row>
    <row r="688481" spans="8:8">
      <c r="H688481" s="12"/>
    </row>
    <row r="688482" spans="8:8">
      <c r="H688482" s="12"/>
    </row>
    <row r="688483" spans="8:8">
      <c r="H688483" s="12"/>
    </row>
    <row r="688484" spans="8:8">
      <c r="H688484" s="12"/>
    </row>
    <row r="688485" spans="8:8">
      <c r="H688485" s="12"/>
    </row>
    <row r="688486" spans="8:8">
      <c r="H688486" s="12"/>
    </row>
    <row r="688487" spans="8:8">
      <c r="H688487" s="12"/>
    </row>
    <row r="688488" spans="8:8">
      <c r="H688488" s="12"/>
    </row>
    <row r="688489" spans="8:8">
      <c r="H688489" s="12"/>
    </row>
    <row r="688490" spans="8:8">
      <c r="H688490" s="12"/>
    </row>
    <row r="688491" spans="8:8">
      <c r="H688491" s="12"/>
    </row>
    <row r="688492" spans="8:8">
      <c r="H688492" s="12"/>
    </row>
    <row r="688493" spans="8:8">
      <c r="H688493" s="12"/>
    </row>
    <row r="688494" spans="8:8">
      <c r="H688494" s="12"/>
    </row>
    <row r="688495" spans="8:8">
      <c r="H688495" s="12"/>
    </row>
    <row r="688496" spans="8:8">
      <c r="H688496" s="12"/>
    </row>
    <row r="688497" spans="8:8">
      <c r="H688497" s="12"/>
    </row>
    <row r="688498" spans="8:8">
      <c r="H688498" s="12"/>
    </row>
    <row r="688499" spans="8:8">
      <c r="H688499" s="12"/>
    </row>
    <row r="688500" spans="8:8">
      <c r="H688500" s="12"/>
    </row>
    <row r="688501" spans="8:8">
      <c r="H688501" s="12"/>
    </row>
    <row r="688502" spans="8:8">
      <c r="H688502" s="12"/>
    </row>
    <row r="688503" spans="8:8">
      <c r="H688503" s="12"/>
    </row>
    <row r="688504" spans="8:8">
      <c r="H688504" s="12"/>
    </row>
    <row r="688505" spans="8:8">
      <c r="H688505" s="12"/>
    </row>
    <row r="688506" spans="8:8">
      <c r="H688506" s="12"/>
    </row>
    <row r="688507" spans="8:8">
      <c r="H688507" s="12"/>
    </row>
    <row r="688508" spans="8:8">
      <c r="H688508" s="12"/>
    </row>
    <row r="688509" spans="8:8">
      <c r="H688509" s="12"/>
    </row>
    <row r="688510" spans="8:8">
      <c r="H688510" s="12"/>
    </row>
    <row r="688511" spans="8:8">
      <c r="H688511" s="12"/>
    </row>
    <row r="688512" spans="8:8">
      <c r="H688512" s="12"/>
    </row>
    <row r="688513" spans="8:8">
      <c r="H688513" s="12"/>
    </row>
    <row r="688514" spans="8:8">
      <c r="H688514" s="12"/>
    </row>
    <row r="688515" spans="8:8">
      <c r="H688515" s="12"/>
    </row>
    <row r="688516" spans="8:8">
      <c r="H688516" s="12"/>
    </row>
    <row r="688517" spans="8:8">
      <c r="H688517" s="12"/>
    </row>
    <row r="688518" spans="8:8">
      <c r="H688518" s="12"/>
    </row>
    <row r="688519" spans="8:8">
      <c r="H688519" s="12"/>
    </row>
    <row r="688520" spans="8:8">
      <c r="H688520" s="12"/>
    </row>
    <row r="688521" spans="8:8">
      <c r="H688521" s="12"/>
    </row>
    <row r="688522" spans="8:8">
      <c r="H688522" s="12"/>
    </row>
    <row r="688523" spans="8:8">
      <c r="H688523" s="12"/>
    </row>
    <row r="688524" spans="8:8">
      <c r="H688524" s="12"/>
    </row>
    <row r="688525" spans="8:8">
      <c r="H688525" s="12"/>
    </row>
    <row r="688526" spans="8:8">
      <c r="H688526" s="12"/>
    </row>
    <row r="688527" spans="8:8">
      <c r="H688527" s="12"/>
    </row>
    <row r="688528" spans="8:8">
      <c r="H688528" s="12"/>
    </row>
    <row r="688529" spans="8:8">
      <c r="H688529" s="12"/>
    </row>
    <row r="688530" spans="8:8">
      <c r="H688530" s="12"/>
    </row>
    <row r="688531" spans="8:8">
      <c r="H688531" s="12"/>
    </row>
    <row r="688532" spans="8:8">
      <c r="H688532" s="12"/>
    </row>
    <row r="688533" spans="8:8">
      <c r="H688533" s="12"/>
    </row>
    <row r="688534" spans="8:8">
      <c r="H688534" s="12"/>
    </row>
    <row r="688535" spans="8:8">
      <c r="H688535" s="12"/>
    </row>
    <row r="688536" spans="8:8">
      <c r="H688536" s="12"/>
    </row>
    <row r="688537" spans="8:8">
      <c r="H688537" s="12"/>
    </row>
    <row r="688538" spans="8:8">
      <c r="H688538" s="12"/>
    </row>
    <row r="688539" spans="8:8">
      <c r="H688539" s="12"/>
    </row>
    <row r="688540" spans="8:8">
      <c r="H688540" s="12"/>
    </row>
    <row r="688541" spans="8:8">
      <c r="H688541" s="12"/>
    </row>
    <row r="688542" spans="8:8">
      <c r="H688542" s="12"/>
    </row>
    <row r="688543" spans="8:8">
      <c r="H688543" s="12"/>
    </row>
    <row r="688544" spans="8:8">
      <c r="H688544" s="12"/>
    </row>
    <row r="688545" spans="8:8">
      <c r="H688545" s="12"/>
    </row>
    <row r="688546" spans="8:8">
      <c r="H688546" s="12"/>
    </row>
    <row r="688547" spans="8:8">
      <c r="H688547" s="12"/>
    </row>
    <row r="688548" spans="8:8">
      <c r="H688548" s="12"/>
    </row>
    <row r="688549" spans="8:8">
      <c r="H688549" s="12"/>
    </row>
    <row r="688550" spans="8:8">
      <c r="H688550" s="12"/>
    </row>
    <row r="688551" spans="8:8">
      <c r="H688551" s="12"/>
    </row>
    <row r="688552" spans="8:8">
      <c r="H688552" s="12"/>
    </row>
    <row r="688553" spans="8:8">
      <c r="H688553" s="12"/>
    </row>
    <row r="688554" spans="8:8">
      <c r="H688554" s="12"/>
    </row>
    <row r="688555" spans="8:8">
      <c r="H688555" s="12"/>
    </row>
    <row r="688556" spans="8:8">
      <c r="H688556" s="12"/>
    </row>
    <row r="688557" spans="8:8">
      <c r="H688557" s="12"/>
    </row>
    <row r="688558" spans="8:8">
      <c r="H688558" s="12"/>
    </row>
    <row r="688559" spans="8:8">
      <c r="H688559" s="12"/>
    </row>
    <row r="688560" spans="8:8">
      <c r="H688560" s="12"/>
    </row>
    <row r="688561" spans="8:8">
      <c r="H688561" s="12"/>
    </row>
    <row r="688562" spans="8:8">
      <c r="H688562" s="12"/>
    </row>
    <row r="688563" spans="8:8">
      <c r="H688563" s="12"/>
    </row>
    <row r="688564" spans="8:8">
      <c r="H688564" s="12"/>
    </row>
    <row r="688565" spans="8:8">
      <c r="H688565" s="12"/>
    </row>
    <row r="688566" spans="8:8">
      <c r="H688566" s="12"/>
    </row>
    <row r="688567" spans="8:8">
      <c r="H688567" s="12"/>
    </row>
    <row r="688568" spans="8:8">
      <c r="H688568" s="12"/>
    </row>
    <row r="688569" spans="8:8">
      <c r="H688569" s="12"/>
    </row>
    <row r="688570" spans="8:8">
      <c r="H688570" s="12"/>
    </row>
    <row r="688571" spans="8:8">
      <c r="H688571" s="12"/>
    </row>
    <row r="688572" spans="8:8">
      <c r="H688572" s="12"/>
    </row>
    <row r="688573" spans="8:8">
      <c r="H688573" s="12"/>
    </row>
    <row r="688574" spans="8:8">
      <c r="H688574" s="12"/>
    </row>
    <row r="688575" spans="8:8">
      <c r="H688575" s="12"/>
    </row>
    <row r="688576" spans="8:8">
      <c r="H688576" s="12"/>
    </row>
    <row r="688577" spans="8:8">
      <c r="H688577" s="12"/>
    </row>
    <row r="688578" spans="8:8">
      <c r="H688578" s="12"/>
    </row>
    <row r="688579" spans="8:8">
      <c r="H688579" s="12"/>
    </row>
    <row r="688580" spans="8:8">
      <c r="H688580" s="12"/>
    </row>
    <row r="688581" spans="8:8">
      <c r="H688581" s="12"/>
    </row>
    <row r="688582" spans="8:8">
      <c r="H688582" s="12"/>
    </row>
    <row r="688583" spans="8:8">
      <c r="H688583" s="12"/>
    </row>
    <row r="688584" spans="8:8">
      <c r="H688584" s="12"/>
    </row>
    <row r="688585" spans="8:8">
      <c r="H688585" s="12"/>
    </row>
    <row r="688586" spans="8:8">
      <c r="H688586" s="12"/>
    </row>
    <row r="688587" spans="8:8">
      <c r="H688587" s="12"/>
    </row>
    <row r="688588" spans="8:8">
      <c r="H688588" s="12"/>
    </row>
    <row r="688589" spans="8:8">
      <c r="H688589" s="12"/>
    </row>
    <row r="688590" spans="8:8">
      <c r="H688590" s="12"/>
    </row>
    <row r="688591" spans="8:8">
      <c r="H688591" s="12"/>
    </row>
    <row r="688592" spans="8:8">
      <c r="H688592" s="12"/>
    </row>
    <row r="688593" spans="8:8">
      <c r="H688593" s="12"/>
    </row>
    <row r="688594" spans="8:8">
      <c r="H688594" s="12"/>
    </row>
    <row r="688595" spans="8:8">
      <c r="H688595" s="12"/>
    </row>
    <row r="688596" spans="8:8">
      <c r="H688596" s="12"/>
    </row>
    <row r="688597" spans="8:8">
      <c r="H688597" s="12"/>
    </row>
    <row r="688598" spans="8:8">
      <c r="H688598" s="12"/>
    </row>
    <row r="688599" spans="8:8">
      <c r="H688599" s="12"/>
    </row>
    <row r="688600" spans="8:8">
      <c r="H688600" s="12"/>
    </row>
    <row r="688601" spans="8:8">
      <c r="H688601" s="12"/>
    </row>
    <row r="688602" spans="8:8">
      <c r="H688602" s="12"/>
    </row>
    <row r="688603" spans="8:8">
      <c r="H688603" s="12"/>
    </row>
    <row r="688604" spans="8:8">
      <c r="H688604" s="12"/>
    </row>
    <row r="688605" spans="8:8">
      <c r="H688605" s="12"/>
    </row>
    <row r="688606" spans="8:8">
      <c r="H688606" s="12"/>
    </row>
    <row r="688607" spans="8:8">
      <c r="H688607" s="12"/>
    </row>
    <row r="688608" spans="8:8">
      <c r="H688608" s="12"/>
    </row>
    <row r="688609" spans="8:8">
      <c r="H688609" s="12"/>
    </row>
    <row r="688610" spans="8:8">
      <c r="H688610" s="12"/>
    </row>
    <row r="688611" spans="8:8">
      <c r="H688611" s="12"/>
    </row>
    <row r="688612" spans="8:8">
      <c r="H688612" s="12"/>
    </row>
    <row r="688613" spans="8:8">
      <c r="H688613" s="12"/>
    </row>
    <row r="688614" spans="8:8">
      <c r="H688614" s="12"/>
    </row>
    <row r="688615" spans="8:8">
      <c r="H688615" s="12"/>
    </row>
    <row r="688616" spans="8:8">
      <c r="H688616" s="12"/>
    </row>
    <row r="688617" spans="8:8">
      <c r="H688617" s="12"/>
    </row>
    <row r="688618" spans="8:8">
      <c r="H688618" s="12"/>
    </row>
    <row r="688619" spans="8:8">
      <c r="H688619" s="12"/>
    </row>
    <row r="688620" spans="8:8">
      <c r="H688620" s="12"/>
    </row>
    <row r="688621" spans="8:8">
      <c r="H688621" s="12"/>
    </row>
    <row r="688622" spans="8:8">
      <c r="H688622" s="12"/>
    </row>
    <row r="688623" spans="8:8">
      <c r="H688623" s="12"/>
    </row>
    <row r="688624" spans="8:8">
      <c r="H688624" s="12"/>
    </row>
    <row r="688625" spans="8:8">
      <c r="H688625" s="12"/>
    </row>
    <row r="688626" spans="8:8">
      <c r="H688626" s="12"/>
    </row>
    <row r="688627" spans="8:8">
      <c r="H688627" s="12"/>
    </row>
    <row r="688628" spans="8:8">
      <c r="H688628" s="12"/>
    </row>
    <row r="688629" spans="8:8">
      <c r="H688629" s="12"/>
    </row>
    <row r="688630" spans="8:8">
      <c r="H688630" s="12"/>
    </row>
    <row r="688631" spans="8:8">
      <c r="H688631" s="12"/>
    </row>
    <row r="688632" spans="8:8">
      <c r="H688632" s="12"/>
    </row>
    <row r="688633" spans="8:8">
      <c r="H688633" s="12"/>
    </row>
    <row r="688634" spans="8:8">
      <c r="H688634" s="12"/>
    </row>
    <row r="688635" spans="8:8">
      <c r="H688635" s="12"/>
    </row>
    <row r="688636" spans="8:8">
      <c r="H688636" s="12"/>
    </row>
    <row r="688637" spans="8:8">
      <c r="H688637" s="12"/>
    </row>
    <row r="688638" spans="8:8">
      <c r="H688638" s="12"/>
    </row>
    <row r="688639" spans="8:8">
      <c r="H688639" s="12"/>
    </row>
    <row r="688640" spans="8:8">
      <c r="H688640" s="12"/>
    </row>
    <row r="688641" spans="8:8">
      <c r="H688641" s="12"/>
    </row>
    <row r="688642" spans="8:8">
      <c r="H688642" s="12"/>
    </row>
    <row r="688643" spans="8:8">
      <c r="H688643" s="12"/>
    </row>
    <row r="688644" spans="8:8">
      <c r="H688644" s="12"/>
    </row>
    <row r="688645" spans="8:8">
      <c r="H688645" s="12"/>
    </row>
    <row r="688646" spans="8:8">
      <c r="H688646" s="12"/>
    </row>
    <row r="688647" spans="8:8">
      <c r="H688647" s="12"/>
    </row>
    <row r="688648" spans="8:8">
      <c r="H688648" s="12"/>
    </row>
    <row r="688649" spans="8:8">
      <c r="H688649" s="12"/>
    </row>
    <row r="688650" spans="8:8">
      <c r="H688650" s="12"/>
    </row>
    <row r="688651" spans="8:8">
      <c r="H688651" s="12"/>
    </row>
    <row r="688652" spans="8:8">
      <c r="H688652" s="12"/>
    </row>
    <row r="688653" spans="8:8">
      <c r="H688653" s="12"/>
    </row>
    <row r="688654" spans="8:8">
      <c r="H688654" s="12"/>
    </row>
    <row r="688655" spans="8:8">
      <c r="H688655" s="12"/>
    </row>
    <row r="688656" spans="8:8">
      <c r="H688656" s="12"/>
    </row>
    <row r="688657" spans="8:8">
      <c r="H688657" s="12"/>
    </row>
    <row r="688658" spans="8:8">
      <c r="H688658" s="12"/>
    </row>
    <row r="688659" spans="8:8">
      <c r="H688659" s="12"/>
    </row>
    <row r="688660" spans="8:8">
      <c r="H688660" s="12"/>
    </row>
    <row r="688661" spans="8:8">
      <c r="H688661" s="12"/>
    </row>
    <row r="688662" spans="8:8">
      <c r="H688662" s="12"/>
    </row>
    <row r="688663" spans="8:8">
      <c r="H688663" s="12"/>
    </row>
    <row r="688664" spans="8:8">
      <c r="H688664" s="12"/>
    </row>
    <row r="688665" spans="8:8">
      <c r="H688665" s="12"/>
    </row>
    <row r="688666" spans="8:8">
      <c r="H688666" s="12"/>
    </row>
    <row r="688667" spans="8:8">
      <c r="H688667" s="12"/>
    </row>
    <row r="688668" spans="8:8">
      <c r="H688668" s="12"/>
    </row>
    <row r="688669" spans="8:8">
      <c r="H688669" s="12"/>
    </row>
    <row r="688670" spans="8:8">
      <c r="H688670" s="12"/>
    </row>
    <row r="688671" spans="8:8">
      <c r="H688671" s="12"/>
    </row>
    <row r="688672" spans="8:8">
      <c r="H688672" s="12"/>
    </row>
    <row r="688673" spans="8:8">
      <c r="H688673" s="12"/>
    </row>
    <row r="688674" spans="8:8">
      <c r="H688674" s="12"/>
    </row>
    <row r="688675" spans="8:8">
      <c r="H688675" s="12"/>
    </row>
    <row r="688676" spans="8:8">
      <c r="H688676" s="12"/>
    </row>
    <row r="688677" spans="8:8">
      <c r="H688677" s="12"/>
    </row>
    <row r="688678" spans="8:8">
      <c r="H688678" s="12"/>
    </row>
    <row r="688679" spans="8:8">
      <c r="H688679" s="12"/>
    </row>
    <row r="688680" spans="8:8">
      <c r="H688680" s="12"/>
    </row>
    <row r="688681" spans="8:8">
      <c r="H688681" s="12"/>
    </row>
    <row r="688682" spans="8:8">
      <c r="H688682" s="12"/>
    </row>
    <row r="688683" spans="8:8">
      <c r="H688683" s="12"/>
    </row>
    <row r="688684" spans="8:8">
      <c r="H688684" s="12"/>
    </row>
    <row r="688685" spans="8:8">
      <c r="H688685" s="12"/>
    </row>
    <row r="688686" spans="8:8">
      <c r="H688686" s="12"/>
    </row>
    <row r="688687" spans="8:8">
      <c r="H688687" s="12"/>
    </row>
    <row r="688688" spans="8:8">
      <c r="H688688" s="12"/>
    </row>
    <row r="688689" spans="8:8">
      <c r="H688689" s="12"/>
    </row>
    <row r="688690" spans="8:8">
      <c r="H688690" s="12"/>
    </row>
    <row r="688691" spans="8:8">
      <c r="H688691" s="12"/>
    </row>
    <row r="688692" spans="8:8">
      <c r="H688692" s="12"/>
    </row>
    <row r="688693" spans="8:8">
      <c r="H688693" s="12"/>
    </row>
    <row r="688694" spans="8:8">
      <c r="H688694" s="12"/>
    </row>
    <row r="688695" spans="8:8">
      <c r="H688695" s="12"/>
    </row>
    <row r="688696" spans="8:8">
      <c r="H688696" s="12"/>
    </row>
    <row r="688697" spans="8:8">
      <c r="H688697" s="12"/>
    </row>
    <row r="688698" spans="8:8">
      <c r="H688698" s="12"/>
    </row>
    <row r="688699" spans="8:8">
      <c r="H688699" s="12"/>
    </row>
    <row r="688700" spans="8:8">
      <c r="H688700" s="12"/>
    </row>
    <row r="688701" spans="8:8">
      <c r="H688701" s="12"/>
    </row>
    <row r="688702" spans="8:8">
      <c r="H688702" s="12"/>
    </row>
    <row r="688703" spans="8:8">
      <c r="H688703" s="12"/>
    </row>
    <row r="688704" spans="8:8">
      <c r="H688704" s="12"/>
    </row>
    <row r="688705" spans="8:8">
      <c r="H688705" s="12"/>
    </row>
    <row r="688706" spans="8:8">
      <c r="H688706" s="12"/>
    </row>
    <row r="688707" spans="8:8">
      <c r="H688707" s="12"/>
    </row>
    <row r="688708" spans="8:8">
      <c r="H688708" s="12"/>
    </row>
    <row r="688709" spans="8:8">
      <c r="H688709" s="12"/>
    </row>
    <row r="688710" spans="8:8">
      <c r="H688710" s="12"/>
    </row>
    <row r="688711" spans="8:8">
      <c r="H688711" s="12"/>
    </row>
    <row r="688712" spans="8:8">
      <c r="H688712" s="12"/>
    </row>
    <row r="688713" spans="8:8">
      <c r="H688713" s="12"/>
    </row>
    <row r="688714" spans="8:8">
      <c r="H688714" s="12"/>
    </row>
    <row r="688715" spans="8:8">
      <c r="H688715" s="12"/>
    </row>
    <row r="688716" spans="8:8">
      <c r="H688716" s="12"/>
    </row>
    <row r="688717" spans="8:8">
      <c r="H688717" s="12"/>
    </row>
    <row r="688718" spans="8:8">
      <c r="H688718" s="12"/>
    </row>
    <row r="688719" spans="8:8">
      <c r="H688719" s="12"/>
    </row>
    <row r="688720" spans="8:8">
      <c r="H688720" s="12"/>
    </row>
    <row r="688721" spans="8:8">
      <c r="H688721" s="12"/>
    </row>
    <row r="688722" spans="8:8">
      <c r="H688722" s="12"/>
    </row>
    <row r="688723" spans="8:8">
      <c r="H688723" s="12"/>
    </row>
    <row r="688724" spans="8:8">
      <c r="H688724" s="12"/>
    </row>
    <row r="688725" spans="8:8">
      <c r="H688725" s="12"/>
    </row>
    <row r="688726" spans="8:8">
      <c r="H688726" s="12"/>
    </row>
    <row r="688727" spans="8:8">
      <c r="H688727" s="12"/>
    </row>
    <row r="688728" spans="8:8">
      <c r="H688728" s="12"/>
    </row>
    <row r="688729" spans="8:8">
      <c r="H688729" s="12"/>
    </row>
    <row r="688730" spans="8:8">
      <c r="H688730" s="12"/>
    </row>
    <row r="688731" spans="8:8">
      <c r="H688731" s="12"/>
    </row>
    <row r="688732" spans="8:8">
      <c r="H688732" s="12"/>
    </row>
    <row r="688733" spans="8:8">
      <c r="H688733" s="12"/>
    </row>
    <row r="688734" spans="8:8">
      <c r="H688734" s="12"/>
    </row>
    <row r="688735" spans="8:8">
      <c r="H688735" s="12"/>
    </row>
    <row r="688736" spans="8:8">
      <c r="H688736" s="12"/>
    </row>
    <row r="688737" spans="8:8">
      <c r="H688737" s="12"/>
    </row>
    <row r="688738" spans="8:8">
      <c r="H688738" s="12"/>
    </row>
    <row r="688739" spans="8:8">
      <c r="H688739" s="12"/>
    </row>
    <row r="688740" spans="8:8">
      <c r="H688740" s="12"/>
    </row>
    <row r="688741" spans="8:8">
      <c r="H688741" s="12"/>
    </row>
    <row r="688742" spans="8:8">
      <c r="H688742" s="12"/>
    </row>
    <row r="688743" spans="8:8">
      <c r="H688743" s="12"/>
    </row>
    <row r="688744" spans="8:8">
      <c r="H688744" s="12"/>
    </row>
    <row r="688745" spans="8:8">
      <c r="H688745" s="12"/>
    </row>
    <row r="688746" spans="8:8">
      <c r="H688746" s="12"/>
    </row>
    <row r="688747" spans="8:8">
      <c r="H688747" s="12"/>
    </row>
    <row r="688748" spans="8:8">
      <c r="H688748" s="12"/>
    </row>
    <row r="688749" spans="8:8">
      <c r="H688749" s="12"/>
    </row>
    <row r="688750" spans="8:8">
      <c r="H688750" s="12"/>
    </row>
    <row r="688751" spans="8:8">
      <c r="H688751" s="12"/>
    </row>
    <row r="688752" spans="8:8">
      <c r="H688752" s="12"/>
    </row>
    <row r="688753" spans="8:8">
      <c r="H688753" s="12"/>
    </row>
    <row r="688754" spans="8:8">
      <c r="H688754" s="12"/>
    </row>
    <row r="688755" spans="8:8">
      <c r="H688755" s="12"/>
    </row>
    <row r="688756" spans="8:8">
      <c r="H688756" s="12"/>
    </row>
    <row r="688757" spans="8:8">
      <c r="H688757" s="12"/>
    </row>
    <row r="688758" spans="8:8">
      <c r="H688758" s="12"/>
    </row>
    <row r="688759" spans="8:8">
      <c r="H688759" s="12"/>
    </row>
    <row r="688760" spans="8:8">
      <c r="H688760" s="12"/>
    </row>
    <row r="688761" spans="8:8">
      <c r="H688761" s="12"/>
    </row>
    <row r="688762" spans="8:8">
      <c r="H688762" s="12"/>
    </row>
    <row r="688763" spans="8:8">
      <c r="H688763" s="12"/>
    </row>
    <row r="688764" spans="8:8">
      <c r="H688764" s="12"/>
    </row>
    <row r="688765" spans="8:8">
      <c r="H688765" s="12"/>
    </row>
    <row r="688766" spans="8:8">
      <c r="H688766" s="12"/>
    </row>
    <row r="688767" spans="8:8">
      <c r="H688767" s="12"/>
    </row>
    <row r="688768" spans="8:8">
      <c r="H688768" s="12"/>
    </row>
    <row r="688769" spans="8:8">
      <c r="H688769" s="12"/>
    </row>
    <row r="688770" spans="8:8">
      <c r="H688770" s="12"/>
    </row>
    <row r="688771" spans="8:8">
      <c r="H688771" s="12"/>
    </row>
    <row r="688772" spans="8:8">
      <c r="H688772" s="12"/>
    </row>
    <row r="688773" spans="8:8">
      <c r="H688773" s="12"/>
    </row>
    <row r="688774" spans="8:8">
      <c r="H688774" s="12"/>
    </row>
    <row r="688775" spans="8:8">
      <c r="H688775" s="12"/>
    </row>
    <row r="688776" spans="8:8">
      <c r="H688776" s="12"/>
    </row>
    <row r="688777" spans="8:8">
      <c r="H688777" s="12"/>
    </row>
    <row r="688778" spans="8:8">
      <c r="H688778" s="12"/>
    </row>
    <row r="688779" spans="8:8">
      <c r="H688779" s="12"/>
    </row>
    <row r="688780" spans="8:8">
      <c r="H688780" s="12"/>
    </row>
    <row r="688781" spans="8:8">
      <c r="H688781" s="12"/>
    </row>
    <row r="688782" spans="8:8">
      <c r="H688782" s="12"/>
    </row>
    <row r="688783" spans="8:8">
      <c r="H688783" s="12"/>
    </row>
    <row r="688784" spans="8:8">
      <c r="H688784" s="12"/>
    </row>
    <row r="688785" spans="8:8">
      <c r="H688785" s="12"/>
    </row>
    <row r="688786" spans="8:8">
      <c r="H688786" s="12"/>
    </row>
    <row r="688787" spans="8:8">
      <c r="H688787" s="12"/>
    </row>
    <row r="688788" spans="8:8">
      <c r="H688788" s="12"/>
    </row>
    <row r="688789" spans="8:8">
      <c r="H688789" s="12"/>
    </row>
    <row r="688790" spans="8:8">
      <c r="H688790" s="12"/>
    </row>
    <row r="688791" spans="8:8">
      <c r="H688791" s="12"/>
    </row>
    <row r="688792" spans="8:8">
      <c r="H688792" s="12"/>
    </row>
    <row r="688793" spans="8:8">
      <c r="H688793" s="12"/>
    </row>
    <row r="688794" spans="8:8">
      <c r="H688794" s="12"/>
    </row>
    <row r="688795" spans="8:8">
      <c r="H688795" s="12"/>
    </row>
    <row r="688796" spans="8:8">
      <c r="H688796" s="12"/>
    </row>
    <row r="688797" spans="8:8">
      <c r="H688797" s="12"/>
    </row>
    <row r="688798" spans="8:8">
      <c r="H688798" s="12"/>
    </row>
    <row r="688799" spans="8:8">
      <c r="H688799" s="12"/>
    </row>
    <row r="688800" spans="8:8">
      <c r="H688800" s="12"/>
    </row>
    <row r="688801" spans="8:8">
      <c r="H688801" s="12"/>
    </row>
    <row r="688802" spans="8:8">
      <c r="H688802" s="12"/>
    </row>
    <row r="688803" spans="8:8">
      <c r="H688803" s="12"/>
    </row>
    <row r="688804" spans="8:8">
      <c r="H688804" s="12"/>
    </row>
    <row r="688805" spans="8:8">
      <c r="H688805" s="12"/>
    </row>
    <row r="688806" spans="8:8">
      <c r="H688806" s="12"/>
    </row>
    <row r="688807" spans="8:8">
      <c r="H688807" s="12"/>
    </row>
    <row r="688808" spans="8:8">
      <c r="H688808" s="12"/>
    </row>
    <row r="688809" spans="8:8">
      <c r="H688809" s="12"/>
    </row>
    <row r="688810" spans="8:8">
      <c r="H688810" s="12"/>
    </row>
    <row r="688811" spans="8:8">
      <c r="H688811" s="12"/>
    </row>
    <row r="688812" spans="8:8">
      <c r="H688812" s="12"/>
    </row>
    <row r="688813" spans="8:8">
      <c r="H688813" s="12"/>
    </row>
    <row r="688814" spans="8:8">
      <c r="H688814" s="12"/>
    </row>
    <row r="688815" spans="8:8">
      <c r="H688815" s="12"/>
    </row>
    <row r="688816" spans="8:8">
      <c r="H688816" s="12"/>
    </row>
    <row r="688817" spans="8:8">
      <c r="H688817" s="12"/>
    </row>
    <row r="688818" spans="8:8">
      <c r="H688818" s="12"/>
    </row>
    <row r="688819" spans="8:8">
      <c r="H688819" s="12"/>
    </row>
    <row r="688820" spans="8:8">
      <c r="H688820" s="12"/>
    </row>
    <row r="688821" spans="8:8">
      <c r="H688821" s="12"/>
    </row>
    <row r="688822" spans="8:8">
      <c r="H688822" s="12"/>
    </row>
    <row r="688823" spans="8:8">
      <c r="H688823" s="12"/>
    </row>
    <row r="688824" spans="8:8">
      <c r="H688824" s="12"/>
    </row>
    <row r="688825" spans="8:8">
      <c r="H688825" s="12"/>
    </row>
    <row r="688826" spans="8:8">
      <c r="H688826" s="12"/>
    </row>
    <row r="688827" spans="8:8">
      <c r="H688827" s="12"/>
    </row>
    <row r="688828" spans="8:8">
      <c r="H688828" s="12"/>
    </row>
    <row r="688829" spans="8:8">
      <c r="H688829" s="12"/>
    </row>
    <row r="688830" spans="8:8">
      <c r="H688830" s="12"/>
    </row>
    <row r="688831" spans="8:8">
      <c r="H688831" s="12"/>
    </row>
    <row r="688832" spans="8:8">
      <c r="H688832" s="12"/>
    </row>
    <row r="688833" spans="8:8">
      <c r="H688833" s="12"/>
    </row>
    <row r="688834" spans="8:8">
      <c r="H688834" s="12"/>
    </row>
    <row r="688835" spans="8:8">
      <c r="H688835" s="12"/>
    </row>
    <row r="688836" spans="8:8">
      <c r="H688836" s="12"/>
    </row>
    <row r="688837" spans="8:8">
      <c r="H688837" s="12"/>
    </row>
    <row r="688838" spans="8:8">
      <c r="H688838" s="12"/>
    </row>
    <row r="688839" spans="8:8">
      <c r="H688839" s="12"/>
    </row>
    <row r="688840" spans="8:8">
      <c r="H688840" s="12"/>
    </row>
    <row r="688841" spans="8:8">
      <c r="H688841" s="12"/>
    </row>
    <row r="688842" spans="8:8">
      <c r="H688842" s="12"/>
    </row>
    <row r="688843" spans="8:8">
      <c r="H688843" s="12"/>
    </row>
    <row r="688844" spans="8:8">
      <c r="H688844" s="12"/>
    </row>
    <row r="688845" spans="8:8">
      <c r="H688845" s="12"/>
    </row>
    <row r="688846" spans="8:8">
      <c r="H688846" s="12"/>
    </row>
    <row r="688847" spans="8:8">
      <c r="H688847" s="12"/>
    </row>
    <row r="688848" spans="8:8">
      <c r="H688848" s="12"/>
    </row>
    <row r="688849" spans="8:8">
      <c r="H688849" s="12"/>
    </row>
    <row r="688850" spans="8:8">
      <c r="H688850" s="12"/>
    </row>
    <row r="688851" spans="8:8">
      <c r="H688851" s="12"/>
    </row>
    <row r="688852" spans="8:8">
      <c r="H688852" s="12"/>
    </row>
    <row r="688853" spans="8:8">
      <c r="H688853" s="12"/>
    </row>
    <row r="688854" spans="8:8">
      <c r="H688854" s="12"/>
    </row>
    <row r="688855" spans="8:8">
      <c r="H688855" s="12"/>
    </row>
    <row r="688856" spans="8:8">
      <c r="H688856" s="12"/>
    </row>
    <row r="688857" spans="8:8">
      <c r="H688857" s="12"/>
    </row>
    <row r="688858" spans="8:8">
      <c r="H688858" s="12"/>
    </row>
    <row r="688859" spans="8:8">
      <c r="H688859" s="12"/>
    </row>
    <row r="688860" spans="8:8">
      <c r="H688860" s="12"/>
    </row>
    <row r="688861" spans="8:8">
      <c r="H688861" s="12"/>
    </row>
    <row r="688862" spans="8:8">
      <c r="H688862" s="12"/>
    </row>
    <row r="688863" spans="8:8">
      <c r="H688863" s="12"/>
    </row>
    <row r="688864" spans="8:8">
      <c r="H688864" s="12"/>
    </row>
    <row r="688865" spans="8:8">
      <c r="H688865" s="12"/>
    </row>
    <row r="688866" spans="8:8">
      <c r="H688866" s="12"/>
    </row>
    <row r="688867" spans="8:8">
      <c r="H688867" s="12"/>
    </row>
    <row r="688868" spans="8:8">
      <c r="H688868" s="12"/>
    </row>
    <row r="688869" spans="8:8">
      <c r="H688869" s="12"/>
    </row>
    <row r="688870" spans="8:8">
      <c r="H688870" s="12"/>
    </row>
    <row r="688871" spans="8:8">
      <c r="H688871" s="12"/>
    </row>
    <row r="688872" spans="8:8">
      <c r="H688872" s="12"/>
    </row>
    <row r="688873" spans="8:8">
      <c r="H688873" s="12"/>
    </row>
    <row r="688874" spans="8:8">
      <c r="H688874" s="12"/>
    </row>
    <row r="688875" spans="8:8">
      <c r="H688875" s="12"/>
    </row>
    <row r="688876" spans="8:8">
      <c r="H688876" s="12"/>
    </row>
    <row r="688877" spans="8:8">
      <c r="H688877" s="12"/>
    </row>
    <row r="688878" spans="8:8">
      <c r="H688878" s="12"/>
    </row>
    <row r="688879" spans="8:8">
      <c r="H688879" s="12"/>
    </row>
    <row r="688880" spans="8:8">
      <c r="H688880" s="12"/>
    </row>
    <row r="688881" spans="8:8">
      <c r="H688881" s="12"/>
    </row>
    <row r="688882" spans="8:8">
      <c r="H688882" s="12"/>
    </row>
    <row r="688883" spans="8:8">
      <c r="H688883" s="12"/>
    </row>
    <row r="688884" spans="8:8">
      <c r="H688884" s="12"/>
    </row>
    <row r="688885" spans="8:8">
      <c r="H688885" s="12"/>
    </row>
    <row r="688886" spans="8:8">
      <c r="H688886" s="12"/>
    </row>
    <row r="688887" spans="8:8">
      <c r="H688887" s="12"/>
    </row>
    <row r="688888" spans="8:8">
      <c r="H688888" s="12"/>
    </row>
    <row r="688889" spans="8:8">
      <c r="H688889" s="12"/>
    </row>
    <row r="688890" spans="8:8">
      <c r="H688890" s="12"/>
    </row>
    <row r="688891" spans="8:8">
      <c r="H688891" s="12"/>
    </row>
    <row r="688892" spans="8:8">
      <c r="H688892" s="12"/>
    </row>
    <row r="688893" spans="8:8">
      <c r="H688893" s="12"/>
    </row>
    <row r="688894" spans="8:8">
      <c r="H688894" s="12"/>
    </row>
    <row r="688895" spans="8:8">
      <c r="H688895" s="12"/>
    </row>
    <row r="688896" spans="8:8">
      <c r="H688896" s="12"/>
    </row>
    <row r="688897" spans="8:8">
      <c r="H688897" s="12"/>
    </row>
    <row r="688898" spans="8:8">
      <c r="H688898" s="12"/>
    </row>
    <row r="688899" spans="8:8">
      <c r="H688899" s="12"/>
    </row>
    <row r="688900" spans="8:8">
      <c r="H688900" s="12"/>
    </row>
    <row r="688901" spans="8:8">
      <c r="H688901" s="12"/>
    </row>
    <row r="688902" spans="8:8">
      <c r="H688902" s="12"/>
    </row>
    <row r="688903" spans="8:8">
      <c r="H688903" s="12"/>
    </row>
    <row r="688904" spans="8:8">
      <c r="H688904" s="12"/>
    </row>
    <row r="688905" spans="8:8">
      <c r="H688905" s="12"/>
    </row>
    <row r="688906" spans="8:8">
      <c r="H688906" s="12"/>
    </row>
    <row r="688907" spans="8:8">
      <c r="H688907" s="12"/>
    </row>
    <row r="688908" spans="8:8">
      <c r="H688908" s="12"/>
    </row>
    <row r="688909" spans="8:8">
      <c r="H688909" s="12"/>
    </row>
    <row r="688910" spans="8:8">
      <c r="H688910" s="12"/>
    </row>
    <row r="688911" spans="8:8">
      <c r="H688911" s="12"/>
    </row>
    <row r="688912" spans="8:8">
      <c r="H688912" s="12"/>
    </row>
    <row r="688913" spans="8:8">
      <c r="H688913" s="12"/>
    </row>
    <row r="688914" spans="8:8">
      <c r="H688914" s="12"/>
    </row>
    <row r="688915" spans="8:8">
      <c r="H688915" s="12"/>
    </row>
    <row r="688916" spans="8:8">
      <c r="H688916" s="12"/>
    </row>
    <row r="688917" spans="8:8">
      <c r="H688917" s="12"/>
    </row>
    <row r="688918" spans="8:8">
      <c r="H688918" s="12"/>
    </row>
    <row r="688919" spans="8:8">
      <c r="H688919" s="12"/>
    </row>
    <row r="688920" spans="8:8">
      <c r="H688920" s="12"/>
    </row>
    <row r="688921" spans="8:8">
      <c r="H688921" s="12"/>
    </row>
    <row r="688922" spans="8:8">
      <c r="H688922" s="12"/>
    </row>
    <row r="688923" spans="8:8">
      <c r="H688923" s="12"/>
    </row>
    <row r="688924" spans="8:8">
      <c r="H688924" s="12"/>
    </row>
    <row r="688925" spans="8:8">
      <c r="H688925" s="12"/>
    </row>
    <row r="688926" spans="8:8">
      <c r="H688926" s="12"/>
    </row>
    <row r="688927" spans="8:8">
      <c r="H688927" s="12"/>
    </row>
    <row r="688928" spans="8:8">
      <c r="H688928" s="12"/>
    </row>
    <row r="688929" spans="8:8">
      <c r="H688929" s="12"/>
    </row>
    <row r="688930" spans="8:8">
      <c r="H688930" s="12"/>
    </row>
    <row r="688931" spans="8:8">
      <c r="H688931" s="12"/>
    </row>
    <row r="688932" spans="8:8">
      <c r="H688932" s="12"/>
    </row>
    <row r="688933" spans="8:8">
      <c r="H688933" s="12"/>
    </row>
    <row r="688934" spans="8:8">
      <c r="H688934" s="12"/>
    </row>
    <row r="688935" spans="8:8">
      <c r="H688935" s="12"/>
    </row>
    <row r="688936" spans="8:8">
      <c r="H688936" s="12"/>
    </row>
    <row r="688937" spans="8:8">
      <c r="H688937" s="12"/>
    </row>
    <row r="688938" spans="8:8">
      <c r="H688938" s="12"/>
    </row>
    <row r="688939" spans="8:8">
      <c r="H688939" s="12"/>
    </row>
    <row r="688940" spans="8:8">
      <c r="H688940" s="12"/>
    </row>
    <row r="688941" spans="8:8">
      <c r="H688941" s="12"/>
    </row>
    <row r="688942" spans="8:8">
      <c r="H688942" s="12"/>
    </row>
    <row r="688943" spans="8:8">
      <c r="H688943" s="12"/>
    </row>
    <row r="688944" spans="8:8">
      <c r="H688944" s="12"/>
    </row>
    <row r="688945" spans="8:8">
      <c r="H688945" s="12"/>
    </row>
    <row r="688946" spans="8:8">
      <c r="H688946" s="12"/>
    </row>
    <row r="688947" spans="8:8">
      <c r="H688947" s="12"/>
    </row>
    <row r="688948" spans="8:8">
      <c r="H688948" s="12"/>
    </row>
    <row r="688949" spans="8:8">
      <c r="H688949" s="12"/>
    </row>
    <row r="688950" spans="8:8">
      <c r="H688950" s="12"/>
    </row>
    <row r="688951" spans="8:8">
      <c r="H688951" s="12"/>
    </row>
    <row r="688952" spans="8:8">
      <c r="H688952" s="12"/>
    </row>
    <row r="688953" spans="8:8">
      <c r="H688953" s="12"/>
    </row>
    <row r="688954" spans="8:8">
      <c r="H688954" s="12"/>
    </row>
    <row r="688955" spans="8:8">
      <c r="H688955" s="12"/>
    </row>
    <row r="688956" spans="8:8">
      <c r="H688956" s="12"/>
    </row>
    <row r="688957" spans="8:8">
      <c r="H688957" s="12"/>
    </row>
    <row r="688958" spans="8:8">
      <c r="H688958" s="12"/>
    </row>
    <row r="688959" spans="8:8">
      <c r="H688959" s="12"/>
    </row>
    <row r="688960" spans="8:8">
      <c r="H688960" s="12"/>
    </row>
    <row r="688961" spans="8:8">
      <c r="H688961" s="12"/>
    </row>
    <row r="688962" spans="8:8">
      <c r="H688962" s="12"/>
    </row>
    <row r="688963" spans="8:8">
      <c r="H688963" s="12"/>
    </row>
    <row r="688964" spans="8:8">
      <c r="H688964" s="12"/>
    </row>
    <row r="688965" spans="8:8">
      <c r="H688965" s="12"/>
    </row>
    <row r="688966" spans="8:8">
      <c r="H688966" s="12"/>
    </row>
    <row r="688967" spans="8:8">
      <c r="H688967" s="12"/>
    </row>
    <row r="688968" spans="8:8">
      <c r="H688968" s="12"/>
    </row>
    <row r="688969" spans="8:8">
      <c r="H688969" s="12"/>
    </row>
    <row r="688970" spans="8:8">
      <c r="H688970" s="12"/>
    </row>
    <row r="688971" spans="8:8">
      <c r="H688971" s="12"/>
    </row>
    <row r="688972" spans="8:8">
      <c r="H688972" s="12"/>
    </row>
    <row r="688973" spans="8:8">
      <c r="H688973" s="12"/>
    </row>
    <row r="688974" spans="8:8">
      <c r="H688974" s="12"/>
    </row>
    <row r="688975" spans="8:8">
      <c r="H688975" s="12"/>
    </row>
    <row r="688976" spans="8:8">
      <c r="H688976" s="12"/>
    </row>
    <row r="688977" spans="8:8">
      <c r="H688977" s="12"/>
    </row>
    <row r="688978" spans="8:8">
      <c r="H688978" s="12"/>
    </row>
    <row r="688979" spans="8:8">
      <c r="H688979" s="12"/>
    </row>
    <row r="688980" spans="8:8">
      <c r="H688980" s="12"/>
    </row>
    <row r="688981" spans="8:8">
      <c r="H688981" s="12"/>
    </row>
    <row r="688982" spans="8:8">
      <c r="H688982" s="12"/>
    </row>
    <row r="688983" spans="8:8">
      <c r="H688983" s="12"/>
    </row>
    <row r="688984" spans="8:8">
      <c r="H688984" s="12"/>
    </row>
    <row r="688985" spans="8:8">
      <c r="H688985" s="12"/>
    </row>
    <row r="688986" spans="8:8">
      <c r="H688986" s="12"/>
    </row>
    <row r="688987" spans="8:8">
      <c r="H688987" s="12"/>
    </row>
    <row r="688988" spans="8:8">
      <c r="H688988" s="12"/>
    </row>
    <row r="688989" spans="8:8">
      <c r="H688989" s="12"/>
    </row>
    <row r="688990" spans="8:8">
      <c r="H688990" s="12"/>
    </row>
    <row r="688991" spans="8:8">
      <c r="H688991" s="12"/>
    </row>
    <row r="688992" spans="8:8">
      <c r="H688992" s="12"/>
    </row>
    <row r="688993" spans="8:8">
      <c r="H688993" s="12"/>
    </row>
    <row r="688994" spans="8:8">
      <c r="H688994" s="12"/>
    </row>
    <row r="688995" spans="8:8">
      <c r="H688995" s="12"/>
    </row>
    <row r="688996" spans="8:8">
      <c r="H688996" s="12"/>
    </row>
    <row r="688997" spans="8:8">
      <c r="H688997" s="12"/>
    </row>
    <row r="688998" spans="8:8">
      <c r="H688998" s="12"/>
    </row>
    <row r="688999" spans="8:8">
      <c r="H688999" s="12"/>
    </row>
    <row r="689000" spans="8:8">
      <c r="H689000" s="12"/>
    </row>
    <row r="689001" spans="8:8">
      <c r="H689001" s="12"/>
    </row>
    <row r="689002" spans="8:8">
      <c r="H689002" s="12"/>
    </row>
    <row r="689003" spans="8:8">
      <c r="H689003" s="12"/>
    </row>
    <row r="689004" spans="8:8">
      <c r="H689004" s="12"/>
    </row>
    <row r="689005" spans="8:8">
      <c r="H689005" s="12"/>
    </row>
    <row r="689006" spans="8:8">
      <c r="H689006" s="12"/>
    </row>
    <row r="689007" spans="8:8">
      <c r="H689007" s="12"/>
    </row>
    <row r="689008" spans="8:8">
      <c r="H689008" s="12"/>
    </row>
    <row r="689009" spans="8:8">
      <c r="H689009" s="12"/>
    </row>
    <row r="689010" spans="8:8">
      <c r="H689010" s="12"/>
    </row>
    <row r="689011" spans="8:8">
      <c r="H689011" s="12"/>
    </row>
    <row r="689012" spans="8:8">
      <c r="H689012" s="12"/>
    </row>
    <row r="689013" spans="8:8">
      <c r="H689013" s="12"/>
    </row>
    <row r="689014" spans="8:8">
      <c r="H689014" s="12"/>
    </row>
    <row r="689015" spans="8:8">
      <c r="H689015" s="12"/>
    </row>
    <row r="689016" spans="8:8">
      <c r="H689016" s="12"/>
    </row>
    <row r="689017" spans="8:8">
      <c r="H689017" s="12"/>
    </row>
    <row r="689018" spans="8:8">
      <c r="H689018" s="12"/>
    </row>
    <row r="689019" spans="8:8">
      <c r="H689019" s="12"/>
    </row>
    <row r="689020" spans="8:8">
      <c r="H689020" s="12"/>
    </row>
    <row r="689021" spans="8:8">
      <c r="H689021" s="12"/>
    </row>
    <row r="689022" spans="8:8">
      <c r="H689022" s="12"/>
    </row>
    <row r="689023" spans="8:8">
      <c r="H689023" s="12"/>
    </row>
    <row r="689024" spans="8:8">
      <c r="H689024" s="12"/>
    </row>
    <row r="689025" spans="8:8">
      <c r="H689025" s="12"/>
    </row>
    <row r="689026" spans="8:8">
      <c r="H689026" s="12"/>
    </row>
    <row r="689027" spans="8:8">
      <c r="H689027" s="12"/>
    </row>
    <row r="689028" spans="8:8">
      <c r="H689028" s="12"/>
    </row>
    <row r="689029" spans="8:8">
      <c r="H689029" s="12"/>
    </row>
    <row r="689030" spans="8:8">
      <c r="H689030" s="12"/>
    </row>
    <row r="689031" spans="8:8">
      <c r="H689031" s="12"/>
    </row>
    <row r="689032" spans="8:8">
      <c r="H689032" s="12"/>
    </row>
    <row r="689033" spans="8:8">
      <c r="H689033" s="12"/>
    </row>
    <row r="689034" spans="8:8">
      <c r="H689034" s="12"/>
    </row>
    <row r="689035" spans="8:8">
      <c r="H689035" s="12"/>
    </row>
    <row r="689036" spans="8:8">
      <c r="H689036" s="12"/>
    </row>
    <row r="689037" spans="8:8">
      <c r="H689037" s="12"/>
    </row>
    <row r="689038" spans="8:8">
      <c r="H689038" s="12"/>
    </row>
    <row r="689039" spans="8:8">
      <c r="H689039" s="12"/>
    </row>
    <row r="689040" spans="8:8">
      <c r="H689040" s="12"/>
    </row>
    <row r="689041" spans="8:8">
      <c r="H689041" s="12"/>
    </row>
    <row r="689042" spans="8:8">
      <c r="H689042" s="12"/>
    </row>
    <row r="689043" spans="8:8">
      <c r="H689043" s="12"/>
    </row>
    <row r="689044" spans="8:8">
      <c r="H689044" s="12"/>
    </row>
    <row r="689045" spans="8:8">
      <c r="H689045" s="12"/>
    </row>
    <row r="689046" spans="8:8">
      <c r="H689046" s="12"/>
    </row>
    <row r="689047" spans="8:8">
      <c r="H689047" s="12"/>
    </row>
    <row r="689048" spans="8:8">
      <c r="H689048" s="12"/>
    </row>
    <row r="689049" spans="8:8">
      <c r="H689049" s="12"/>
    </row>
    <row r="689050" spans="8:8">
      <c r="H689050" s="12"/>
    </row>
    <row r="689051" spans="8:8">
      <c r="H689051" s="12"/>
    </row>
    <row r="689052" spans="8:8">
      <c r="H689052" s="12"/>
    </row>
    <row r="689053" spans="8:8">
      <c r="H689053" s="12"/>
    </row>
    <row r="689054" spans="8:8">
      <c r="H689054" s="12"/>
    </row>
    <row r="689055" spans="8:8">
      <c r="H689055" s="12"/>
    </row>
    <row r="689056" spans="8:8">
      <c r="H689056" s="12"/>
    </row>
    <row r="689057" spans="8:8">
      <c r="H689057" s="12"/>
    </row>
    <row r="689058" spans="8:8">
      <c r="H689058" s="12"/>
    </row>
    <row r="689059" spans="8:8">
      <c r="H689059" s="12"/>
    </row>
    <row r="689060" spans="8:8">
      <c r="H689060" s="12"/>
    </row>
    <row r="689061" spans="8:8">
      <c r="H689061" s="12"/>
    </row>
    <row r="689062" spans="8:8">
      <c r="H689062" s="12"/>
    </row>
    <row r="689063" spans="8:8">
      <c r="H689063" s="12"/>
    </row>
    <row r="689064" spans="8:8">
      <c r="H689064" s="12"/>
    </row>
    <row r="689065" spans="8:8">
      <c r="H689065" s="12"/>
    </row>
    <row r="689066" spans="8:8">
      <c r="H689066" s="12"/>
    </row>
    <row r="689067" spans="8:8">
      <c r="H689067" s="12"/>
    </row>
    <row r="689068" spans="8:8">
      <c r="H689068" s="12"/>
    </row>
    <row r="689069" spans="8:8">
      <c r="H689069" s="12"/>
    </row>
    <row r="689070" spans="8:8">
      <c r="H689070" s="12"/>
    </row>
    <row r="689071" spans="8:8">
      <c r="H689071" s="12"/>
    </row>
    <row r="689072" spans="8:8">
      <c r="H689072" s="12"/>
    </row>
    <row r="689073" spans="8:8">
      <c r="H689073" s="12"/>
    </row>
    <row r="689074" spans="8:8">
      <c r="H689074" s="12"/>
    </row>
    <row r="689075" spans="8:8">
      <c r="H689075" s="12"/>
    </row>
    <row r="689076" spans="8:8">
      <c r="H689076" s="12"/>
    </row>
    <row r="689077" spans="8:8">
      <c r="H689077" s="12"/>
    </row>
    <row r="689078" spans="8:8">
      <c r="H689078" s="12"/>
    </row>
    <row r="689079" spans="8:8">
      <c r="H689079" s="12"/>
    </row>
    <row r="689080" spans="8:8">
      <c r="H689080" s="12"/>
    </row>
    <row r="689081" spans="8:8">
      <c r="H689081" s="12"/>
    </row>
    <row r="689082" spans="8:8">
      <c r="H689082" s="12"/>
    </row>
    <row r="689083" spans="8:8">
      <c r="H689083" s="12"/>
    </row>
    <row r="689084" spans="8:8">
      <c r="H689084" s="12"/>
    </row>
    <row r="689085" spans="8:8">
      <c r="H689085" s="12"/>
    </row>
    <row r="689086" spans="8:8">
      <c r="H689086" s="12"/>
    </row>
    <row r="689087" spans="8:8">
      <c r="H689087" s="12"/>
    </row>
    <row r="689088" spans="8:8">
      <c r="H689088" s="12"/>
    </row>
    <row r="689089" spans="8:8">
      <c r="H689089" s="12"/>
    </row>
    <row r="689090" spans="8:8">
      <c r="H689090" s="12"/>
    </row>
    <row r="689091" spans="8:8">
      <c r="H689091" s="12"/>
    </row>
    <row r="689092" spans="8:8">
      <c r="H689092" s="12"/>
    </row>
    <row r="689093" spans="8:8">
      <c r="H689093" s="12"/>
    </row>
    <row r="689094" spans="8:8">
      <c r="H689094" s="12"/>
    </row>
    <row r="689095" spans="8:8">
      <c r="H689095" s="12"/>
    </row>
    <row r="689096" spans="8:8">
      <c r="H689096" s="12"/>
    </row>
    <row r="689097" spans="8:8">
      <c r="H689097" s="12"/>
    </row>
    <row r="689098" spans="8:8">
      <c r="H689098" s="12"/>
    </row>
    <row r="689099" spans="8:8">
      <c r="H689099" s="12"/>
    </row>
    <row r="689100" spans="8:8">
      <c r="H689100" s="12"/>
    </row>
    <row r="689101" spans="8:8">
      <c r="H689101" s="12"/>
    </row>
    <row r="689102" spans="8:8">
      <c r="H689102" s="12"/>
    </row>
    <row r="689103" spans="8:8">
      <c r="H689103" s="12"/>
    </row>
    <row r="689104" spans="8:8">
      <c r="H689104" s="12"/>
    </row>
    <row r="689105" spans="8:8">
      <c r="H689105" s="12"/>
    </row>
    <row r="689106" spans="8:8">
      <c r="H689106" s="12"/>
    </row>
    <row r="689107" spans="8:8">
      <c r="H689107" s="12"/>
    </row>
    <row r="689108" spans="8:8">
      <c r="H689108" s="12"/>
    </row>
    <row r="689109" spans="8:8">
      <c r="H689109" s="12"/>
    </row>
    <row r="689110" spans="8:8">
      <c r="H689110" s="12"/>
    </row>
    <row r="689111" spans="8:8">
      <c r="H689111" s="12"/>
    </row>
    <row r="689112" spans="8:8">
      <c r="H689112" s="12"/>
    </row>
    <row r="689113" spans="8:8">
      <c r="H689113" s="12"/>
    </row>
    <row r="689114" spans="8:8">
      <c r="H689114" s="12"/>
    </row>
    <row r="689115" spans="8:8">
      <c r="H689115" s="12"/>
    </row>
    <row r="689116" spans="8:8">
      <c r="H689116" s="12"/>
    </row>
    <row r="689117" spans="8:8">
      <c r="H689117" s="12"/>
    </row>
    <row r="689118" spans="8:8">
      <c r="H689118" s="12"/>
    </row>
    <row r="689119" spans="8:8">
      <c r="H689119" s="12"/>
    </row>
    <row r="689120" spans="8:8">
      <c r="H689120" s="12"/>
    </row>
    <row r="689121" spans="8:8">
      <c r="H689121" s="12"/>
    </row>
    <row r="689122" spans="8:8">
      <c r="H689122" s="12"/>
    </row>
    <row r="689123" spans="8:8">
      <c r="H689123" s="12"/>
    </row>
    <row r="689124" spans="8:8">
      <c r="H689124" s="12"/>
    </row>
    <row r="689125" spans="8:8">
      <c r="H689125" s="12"/>
    </row>
    <row r="689126" spans="8:8">
      <c r="H689126" s="12"/>
    </row>
    <row r="689127" spans="8:8">
      <c r="H689127" s="12"/>
    </row>
    <row r="689128" spans="8:8">
      <c r="H689128" s="12"/>
    </row>
    <row r="689129" spans="8:8">
      <c r="H689129" s="12"/>
    </row>
    <row r="689130" spans="8:8">
      <c r="H689130" s="12"/>
    </row>
    <row r="689131" spans="8:8">
      <c r="H689131" s="12"/>
    </row>
    <row r="689132" spans="8:8">
      <c r="H689132" s="12"/>
    </row>
    <row r="689133" spans="8:8">
      <c r="H689133" s="12"/>
    </row>
    <row r="689134" spans="8:8">
      <c r="H689134" s="12"/>
    </row>
    <row r="689135" spans="8:8">
      <c r="H689135" s="12"/>
    </row>
    <row r="689136" spans="8:8">
      <c r="H689136" s="12"/>
    </row>
    <row r="689137" spans="8:8">
      <c r="H689137" s="12"/>
    </row>
    <row r="689138" spans="8:8">
      <c r="H689138" s="12"/>
    </row>
    <row r="689139" spans="8:8">
      <c r="H689139" s="12"/>
    </row>
    <row r="689140" spans="8:8">
      <c r="H689140" s="12"/>
    </row>
    <row r="689141" spans="8:8">
      <c r="H689141" s="12"/>
    </row>
    <row r="689142" spans="8:8">
      <c r="H689142" s="12"/>
    </row>
    <row r="689143" spans="8:8">
      <c r="H689143" s="12"/>
    </row>
    <row r="689144" spans="8:8">
      <c r="H689144" s="12"/>
    </row>
    <row r="689145" spans="8:8">
      <c r="H689145" s="12"/>
    </row>
    <row r="689146" spans="8:8">
      <c r="H689146" s="12"/>
    </row>
    <row r="689147" spans="8:8">
      <c r="H689147" s="12"/>
    </row>
    <row r="689148" spans="8:8">
      <c r="H689148" s="12"/>
    </row>
    <row r="689149" spans="8:8">
      <c r="H689149" s="12"/>
    </row>
    <row r="689150" spans="8:8">
      <c r="H689150" s="12"/>
    </row>
    <row r="689151" spans="8:8">
      <c r="H689151" s="12"/>
    </row>
    <row r="689152" spans="8:8">
      <c r="H689152" s="12"/>
    </row>
    <row r="689153" spans="8:8">
      <c r="H689153" s="12"/>
    </row>
    <row r="689154" spans="8:8">
      <c r="H689154" s="12"/>
    </row>
    <row r="689155" spans="8:8">
      <c r="H689155" s="12"/>
    </row>
    <row r="689156" spans="8:8">
      <c r="H689156" s="12"/>
    </row>
    <row r="689157" spans="8:8">
      <c r="H689157" s="12"/>
    </row>
    <row r="689158" spans="8:8">
      <c r="H689158" s="12"/>
    </row>
    <row r="689159" spans="8:8">
      <c r="H689159" s="12"/>
    </row>
    <row r="689160" spans="8:8">
      <c r="H689160" s="12"/>
    </row>
    <row r="689161" spans="8:8">
      <c r="H689161" s="12"/>
    </row>
    <row r="689162" spans="8:8">
      <c r="H689162" s="12"/>
    </row>
    <row r="689163" spans="8:8">
      <c r="H689163" s="12"/>
    </row>
    <row r="689164" spans="8:8">
      <c r="H689164" s="12"/>
    </row>
    <row r="689165" spans="8:8">
      <c r="H689165" s="12"/>
    </row>
    <row r="689166" spans="8:8">
      <c r="H689166" s="12"/>
    </row>
    <row r="689167" spans="8:8">
      <c r="H689167" s="12"/>
    </row>
    <row r="689168" spans="8:8">
      <c r="H689168" s="12"/>
    </row>
    <row r="689169" spans="8:8">
      <c r="H689169" s="12"/>
    </row>
    <row r="689170" spans="8:8">
      <c r="H689170" s="12"/>
    </row>
    <row r="689171" spans="8:8">
      <c r="H689171" s="12"/>
    </row>
    <row r="689172" spans="8:8">
      <c r="H689172" s="12"/>
    </row>
    <row r="689173" spans="8:8">
      <c r="H689173" s="12"/>
    </row>
    <row r="689174" spans="8:8">
      <c r="H689174" s="12"/>
    </row>
    <row r="689175" spans="8:8">
      <c r="H689175" s="12"/>
    </row>
    <row r="689176" spans="8:8">
      <c r="H689176" s="12"/>
    </row>
    <row r="689177" spans="8:8">
      <c r="H689177" s="12"/>
    </row>
    <row r="689178" spans="8:8">
      <c r="H689178" s="12"/>
    </row>
    <row r="689179" spans="8:8">
      <c r="H689179" s="12"/>
    </row>
    <row r="689180" spans="8:8">
      <c r="H689180" s="12"/>
    </row>
    <row r="689181" spans="8:8">
      <c r="H689181" s="12"/>
    </row>
    <row r="689182" spans="8:8">
      <c r="H689182" s="12"/>
    </row>
    <row r="689183" spans="8:8">
      <c r="H689183" s="12"/>
    </row>
    <row r="689184" spans="8:8">
      <c r="H689184" s="12"/>
    </row>
    <row r="689185" spans="8:8">
      <c r="H689185" s="12"/>
    </row>
    <row r="689186" spans="8:8">
      <c r="H689186" s="12"/>
    </row>
    <row r="689187" spans="8:8">
      <c r="H689187" s="12"/>
    </row>
    <row r="689188" spans="8:8">
      <c r="H689188" s="12"/>
    </row>
    <row r="689189" spans="8:8">
      <c r="H689189" s="12"/>
    </row>
    <row r="689190" spans="8:8">
      <c r="H689190" s="12"/>
    </row>
    <row r="689191" spans="8:8">
      <c r="H689191" s="12"/>
    </row>
    <row r="689192" spans="8:8">
      <c r="H689192" s="12"/>
    </row>
    <row r="689193" spans="8:8">
      <c r="H689193" s="12"/>
    </row>
    <row r="689194" spans="8:8">
      <c r="H689194" s="12"/>
    </row>
    <row r="689195" spans="8:8">
      <c r="H689195" s="12"/>
    </row>
    <row r="689196" spans="8:8">
      <c r="H689196" s="12"/>
    </row>
    <row r="689197" spans="8:8">
      <c r="H689197" s="12"/>
    </row>
    <row r="689198" spans="8:8">
      <c r="H689198" s="12"/>
    </row>
    <row r="689199" spans="8:8">
      <c r="H689199" s="12"/>
    </row>
    <row r="689200" spans="8:8">
      <c r="H689200" s="12"/>
    </row>
    <row r="689201" spans="8:8">
      <c r="H689201" s="12"/>
    </row>
    <row r="689202" spans="8:8">
      <c r="H689202" s="12"/>
    </row>
    <row r="689203" spans="8:8">
      <c r="H689203" s="12"/>
    </row>
    <row r="689204" spans="8:8">
      <c r="H689204" s="12"/>
    </row>
    <row r="689205" spans="8:8">
      <c r="H689205" s="12"/>
    </row>
    <row r="689206" spans="8:8">
      <c r="H689206" s="12"/>
    </row>
    <row r="689207" spans="8:8">
      <c r="H689207" s="12"/>
    </row>
    <row r="689208" spans="8:8">
      <c r="H689208" s="12"/>
    </row>
    <row r="689209" spans="8:8">
      <c r="H689209" s="12"/>
    </row>
    <row r="689210" spans="8:8">
      <c r="H689210" s="12"/>
    </row>
    <row r="689211" spans="8:8">
      <c r="H689211" s="12"/>
    </row>
    <row r="689212" spans="8:8">
      <c r="H689212" s="12"/>
    </row>
    <row r="689213" spans="8:8">
      <c r="H689213" s="12"/>
    </row>
    <row r="689214" spans="8:8">
      <c r="H689214" s="12"/>
    </row>
    <row r="689215" spans="8:8">
      <c r="H689215" s="12"/>
    </row>
    <row r="689216" spans="8:8">
      <c r="H689216" s="12"/>
    </row>
    <row r="689217" spans="8:8">
      <c r="H689217" s="12"/>
    </row>
    <row r="689218" spans="8:8">
      <c r="H689218" s="12"/>
    </row>
    <row r="689219" spans="8:8">
      <c r="H689219" s="12"/>
    </row>
    <row r="689220" spans="8:8">
      <c r="H689220" s="12"/>
    </row>
    <row r="689221" spans="8:8">
      <c r="H689221" s="12"/>
    </row>
    <row r="689222" spans="8:8">
      <c r="H689222" s="12"/>
    </row>
    <row r="689223" spans="8:8">
      <c r="H689223" s="12"/>
    </row>
    <row r="689224" spans="8:8">
      <c r="H689224" s="12"/>
    </row>
    <row r="689225" spans="8:8">
      <c r="H689225" s="12"/>
    </row>
    <row r="689226" spans="8:8">
      <c r="H689226" s="12"/>
    </row>
    <row r="689227" spans="8:8">
      <c r="H689227" s="12"/>
    </row>
    <row r="689228" spans="8:8">
      <c r="H689228" s="12"/>
    </row>
    <row r="689229" spans="8:8">
      <c r="H689229" s="12"/>
    </row>
    <row r="689230" spans="8:8">
      <c r="H689230" s="12"/>
    </row>
    <row r="689231" spans="8:8">
      <c r="H689231" s="12"/>
    </row>
    <row r="689232" spans="8:8">
      <c r="H689232" s="12"/>
    </row>
    <row r="689233" spans="8:8">
      <c r="H689233" s="12"/>
    </row>
    <row r="689234" spans="8:8">
      <c r="H689234" s="12"/>
    </row>
    <row r="689235" spans="8:8">
      <c r="H689235" s="12"/>
    </row>
    <row r="689236" spans="8:8">
      <c r="H689236" s="12"/>
    </row>
    <row r="689237" spans="8:8">
      <c r="H689237" s="12"/>
    </row>
    <row r="689238" spans="8:8">
      <c r="H689238" s="12"/>
    </row>
    <row r="689239" spans="8:8">
      <c r="H689239" s="12"/>
    </row>
    <row r="689240" spans="8:8">
      <c r="H689240" s="12"/>
    </row>
    <row r="689241" spans="8:8">
      <c r="H689241" s="12"/>
    </row>
    <row r="689242" spans="8:8">
      <c r="H689242" s="12"/>
    </row>
    <row r="689243" spans="8:8">
      <c r="H689243" s="12"/>
    </row>
    <row r="689244" spans="8:8">
      <c r="H689244" s="12"/>
    </row>
    <row r="689245" spans="8:8">
      <c r="H689245" s="12"/>
    </row>
    <row r="689246" spans="8:8">
      <c r="H689246" s="12"/>
    </row>
    <row r="689247" spans="8:8">
      <c r="H689247" s="12"/>
    </row>
    <row r="689248" spans="8:8">
      <c r="H689248" s="12"/>
    </row>
    <row r="689249" spans="8:8">
      <c r="H689249" s="12"/>
    </row>
    <row r="689250" spans="8:8">
      <c r="H689250" s="12"/>
    </row>
    <row r="689251" spans="8:8">
      <c r="H689251" s="12"/>
    </row>
    <row r="689252" spans="8:8">
      <c r="H689252" s="12"/>
    </row>
    <row r="689253" spans="8:8">
      <c r="H689253" s="12"/>
    </row>
    <row r="689254" spans="8:8">
      <c r="H689254" s="12"/>
    </row>
    <row r="689255" spans="8:8">
      <c r="H689255" s="12"/>
    </row>
    <row r="689256" spans="8:8">
      <c r="H689256" s="12"/>
    </row>
    <row r="689257" spans="8:8">
      <c r="H689257" s="12"/>
    </row>
    <row r="689258" spans="8:8">
      <c r="H689258" s="12"/>
    </row>
    <row r="689259" spans="8:8">
      <c r="H689259" s="12"/>
    </row>
    <row r="689260" spans="8:8">
      <c r="H689260" s="12"/>
    </row>
    <row r="689261" spans="8:8">
      <c r="H689261" s="12"/>
    </row>
    <row r="689262" spans="8:8">
      <c r="H689262" s="12"/>
    </row>
    <row r="689263" spans="8:8">
      <c r="H689263" s="12"/>
    </row>
    <row r="689264" spans="8:8">
      <c r="H689264" s="12"/>
    </row>
    <row r="689265" spans="8:8">
      <c r="H689265" s="12"/>
    </row>
    <row r="689266" spans="8:8">
      <c r="H689266" s="12"/>
    </row>
    <row r="689267" spans="8:8">
      <c r="H689267" s="12"/>
    </row>
    <row r="689268" spans="8:8">
      <c r="H689268" s="12"/>
    </row>
    <row r="689269" spans="8:8">
      <c r="H689269" s="12"/>
    </row>
    <row r="689270" spans="8:8">
      <c r="H689270" s="12"/>
    </row>
    <row r="689271" spans="8:8">
      <c r="H689271" s="12"/>
    </row>
    <row r="689272" spans="8:8">
      <c r="H689272" s="12"/>
    </row>
    <row r="689273" spans="8:8">
      <c r="H689273" s="12"/>
    </row>
    <row r="689274" spans="8:8">
      <c r="H689274" s="12"/>
    </row>
    <row r="689275" spans="8:8">
      <c r="H689275" s="12"/>
    </row>
    <row r="689276" spans="8:8">
      <c r="H689276" s="12"/>
    </row>
    <row r="689277" spans="8:8">
      <c r="H689277" s="12"/>
    </row>
    <row r="689278" spans="8:8">
      <c r="H689278" s="12"/>
    </row>
    <row r="689279" spans="8:8">
      <c r="H689279" s="12"/>
    </row>
    <row r="689280" spans="8:8">
      <c r="H689280" s="12"/>
    </row>
    <row r="689281" spans="8:8">
      <c r="H689281" s="12"/>
    </row>
    <row r="689282" spans="8:8">
      <c r="H689282" s="12"/>
    </row>
    <row r="689283" spans="8:8">
      <c r="H689283" s="12"/>
    </row>
    <row r="689284" spans="8:8">
      <c r="H689284" s="12"/>
    </row>
    <row r="689285" spans="8:8">
      <c r="H689285" s="12"/>
    </row>
    <row r="689286" spans="8:8">
      <c r="H689286" s="12"/>
    </row>
    <row r="689287" spans="8:8">
      <c r="H689287" s="12"/>
    </row>
    <row r="689288" spans="8:8">
      <c r="H689288" s="12"/>
    </row>
    <row r="689289" spans="8:8">
      <c r="H689289" s="12"/>
    </row>
    <row r="689290" spans="8:8">
      <c r="H689290" s="12"/>
    </row>
    <row r="689291" spans="8:8">
      <c r="H689291" s="12"/>
    </row>
    <row r="689292" spans="8:8">
      <c r="H689292" s="12"/>
    </row>
    <row r="689293" spans="8:8">
      <c r="H689293" s="12"/>
    </row>
    <row r="689294" spans="8:8">
      <c r="H689294" s="12"/>
    </row>
    <row r="689295" spans="8:8">
      <c r="H689295" s="12"/>
    </row>
    <row r="689296" spans="8:8">
      <c r="H689296" s="12"/>
    </row>
    <row r="689297" spans="8:8">
      <c r="H689297" s="12"/>
    </row>
    <row r="689298" spans="8:8">
      <c r="H689298" s="12"/>
    </row>
    <row r="689299" spans="8:8">
      <c r="H689299" s="12"/>
    </row>
    <row r="689300" spans="8:8">
      <c r="H689300" s="12"/>
    </row>
    <row r="689301" spans="8:8">
      <c r="H689301" s="12"/>
    </row>
    <row r="689302" spans="8:8">
      <c r="H689302" s="12"/>
    </row>
    <row r="689303" spans="8:8">
      <c r="H689303" s="12"/>
    </row>
    <row r="689304" spans="8:8">
      <c r="H689304" s="12"/>
    </row>
    <row r="689305" spans="8:8">
      <c r="H689305" s="12"/>
    </row>
    <row r="689306" spans="8:8">
      <c r="H689306" s="12"/>
    </row>
    <row r="689307" spans="8:8">
      <c r="H689307" s="12"/>
    </row>
    <row r="689308" spans="8:8">
      <c r="H689308" s="12"/>
    </row>
    <row r="689309" spans="8:8">
      <c r="H689309" s="12"/>
    </row>
    <row r="689310" spans="8:8">
      <c r="H689310" s="12"/>
    </row>
    <row r="689311" spans="8:8">
      <c r="H689311" s="12"/>
    </row>
    <row r="689312" spans="8:8">
      <c r="H689312" s="12"/>
    </row>
    <row r="689313" spans="8:8">
      <c r="H689313" s="12"/>
    </row>
    <row r="689314" spans="8:8">
      <c r="H689314" s="12"/>
    </row>
    <row r="689315" spans="8:8">
      <c r="H689315" s="12"/>
    </row>
    <row r="689316" spans="8:8">
      <c r="H689316" s="12"/>
    </row>
    <row r="689317" spans="8:8">
      <c r="H689317" s="12"/>
    </row>
    <row r="689318" spans="8:8">
      <c r="H689318" s="12"/>
    </row>
    <row r="689319" spans="8:8">
      <c r="H689319" s="12"/>
    </row>
    <row r="689320" spans="8:8">
      <c r="H689320" s="12"/>
    </row>
    <row r="689321" spans="8:8">
      <c r="H689321" s="12"/>
    </row>
    <row r="689322" spans="8:8">
      <c r="H689322" s="12"/>
    </row>
    <row r="689323" spans="8:8">
      <c r="H689323" s="12"/>
    </row>
    <row r="689324" spans="8:8">
      <c r="H689324" s="12"/>
    </row>
    <row r="689325" spans="8:8">
      <c r="H689325" s="12"/>
    </row>
    <row r="689326" spans="8:8">
      <c r="H689326" s="12"/>
    </row>
    <row r="689327" spans="8:8">
      <c r="H689327" s="12"/>
    </row>
    <row r="689328" spans="8:8">
      <c r="H689328" s="12"/>
    </row>
    <row r="689329" spans="8:8">
      <c r="H689329" s="12"/>
    </row>
    <row r="689330" spans="8:8">
      <c r="H689330" s="12"/>
    </row>
    <row r="689331" spans="8:8">
      <c r="H689331" s="12"/>
    </row>
    <row r="689332" spans="8:8">
      <c r="H689332" s="12"/>
    </row>
    <row r="689333" spans="8:8">
      <c r="H689333" s="12"/>
    </row>
    <row r="689334" spans="8:8">
      <c r="H689334" s="12"/>
    </row>
    <row r="689335" spans="8:8">
      <c r="H689335" s="12"/>
    </row>
    <row r="689336" spans="8:8">
      <c r="H689336" s="12"/>
    </row>
    <row r="689337" spans="8:8">
      <c r="H689337" s="12"/>
    </row>
    <row r="689338" spans="8:8">
      <c r="H689338" s="12"/>
    </row>
    <row r="689339" spans="8:8">
      <c r="H689339" s="12"/>
    </row>
    <row r="689340" spans="8:8">
      <c r="H689340" s="12"/>
    </row>
    <row r="689341" spans="8:8">
      <c r="H689341" s="12"/>
    </row>
    <row r="689342" spans="8:8">
      <c r="H689342" s="12"/>
    </row>
    <row r="689343" spans="8:8">
      <c r="H689343" s="12"/>
    </row>
    <row r="689344" spans="8:8">
      <c r="H689344" s="12"/>
    </row>
    <row r="689345" spans="8:8">
      <c r="H689345" s="12"/>
    </row>
    <row r="689346" spans="8:8">
      <c r="H689346" s="12"/>
    </row>
    <row r="689347" spans="8:8">
      <c r="H689347" s="12"/>
    </row>
    <row r="689348" spans="8:8">
      <c r="H689348" s="12"/>
    </row>
    <row r="689349" spans="8:8">
      <c r="H689349" s="12"/>
    </row>
    <row r="689350" spans="8:8">
      <c r="H689350" s="12"/>
    </row>
    <row r="689351" spans="8:8">
      <c r="H689351" s="12"/>
    </row>
    <row r="689352" spans="8:8">
      <c r="H689352" s="12"/>
    </row>
    <row r="689353" spans="8:8">
      <c r="H689353" s="12"/>
    </row>
    <row r="689354" spans="8:8">
      <c r="H689354" s="12"/>
    </row>
    <row r="689355" spans="8:8">
      <c r="H689355" s="12"/>
    </row>
    <row r="689356" spans="8:8">
      <c r="H689356" s="12"/>
    </row>
    <row r="689357" spans="8:8">
      <c r="H689357" s="12"/>
    </row>
    <row r="689358" spans="8:8">
      <c r="H689358" s="12"/>
    </row>
    <row r="689359" spans="8:8">
      <c r="H689359" s="12"/>
    </row>
    <row r="689360" spans="8:8">
      <c r="H689360" s="12"/>
    </row>
    <row r="689361" spans="8:8">
      <c r="H689361" s="12"/>
    </row>
    <row r="689362" spans="8:8">
      <c r="H689362" s="12"/>
    </row>
    <row r="689363" spans="8:8">
      <c r="H689363" s="12"/>
    </row>
    <row r="689364" spans="8:8">
      <c r="H689364" s="12"/>
    </row>
    <row r="689365" spans="8:8">
      <c r="H689365" s="12"/>
    </row>
    <row r="689366" spans="8:8">
      <c r="H689366" s="12"/>
    </row>
    <row r="689367" spans="8:8">
      <c r="H689367" s="12"/>
    </row>
    <row r="689368" spans="8:8">
      <c r="H689368" s="12"/>
    </row>
    <row r="689369" spans="8:8">
      <c r="H689369" s="12"/>
    </row>
    <row r="689370" spans="8:8">
      <c r="H689370" s="12"/>
    </row>
    <row r="689371" spans="8:8">
      <c r="H689371" s="12"/>
    </row>
    <row r="689372" spans="8:8">
      <c r="H689372" s="12"/>
    </row>
    <row r="689373" spans="8:8">
      <c r="H689373" s="12"/>
    </row>
    <row r="689374" spans="8:8">
      <c r="H689374" s="12"/>
    </row>
    <row r="689375" spans="8:8">
      <c r="H689375" s="12"/>
    </row>
    <row r="689376" spans="8:8">
      <c r="H689376" s="12"/>
    </row>
    <row r="689377" spans="8:8">
      <c r="H689377" s="12"/>
    </row>
    <row r="689378" spans="8:8">
      <c r="H689378" s="12"/>
    </row>
    <row r="689379" spans="8:8">
      <c r="H689379" s="12"/>
    </row>
    <row r="689380" spans="8:8">
      <c r="H689380" s="12"/>
    </row>
    <row r="689381" spans="8:8">
      <c r="H689381" s="12"/>
    </row>
    <row r="689382" spans="8:8">
      <c r="H689382" s="12"/>
    </row>
    <row r="689383" spans="8:8">
      <c r="H689383" s="12"/>
    </row>
    <row r="689384" spans="8:8">
      <c r="H689384" s="12"/>
    </row>
    <row r="689385" spans="8:8">
      <c r="H689385" s="12"/>
    </row>
    <row r="689386" spans="8:8">
      <c r="H689386" s="12"/>
    </row>
    <row r="689387" spans="8:8">
      <c r="H689387" s="12"/>
    </row>
    <row r="689388" spans="8:8">
      <c r="H689388" s="12"/>
    </row>
    <row r="689389" spans="8:8">
      <c r="H689389" s="12"/>
    </row>
    <row r="689390" spans="8:8">
      <c r="H689390" s="12"/>
    </row>
    <row r="689391" spans="8:8">
      <c r="H689391" s="12"/>
    </row>
    <row r="689392" spans="8:8">
      <c r="H689392" s="12"/>
    </row>
    <row r="689393" spans="8:8">
      <c r="H689393" s="12"/>
    </row>
    <row r="689394" spans="8:8">
      <c r="H689394" s="12"/>
    </row>
    <row r="689395" spans="8:8">
      <c r="H689395" s="12"/>
    </row>
    <row r="689396" spans="8:8">
      <c r="H689396" s="12"/>
    </row>
    <row r="689397" spans="8:8">
      <c r="H689397" s="12"/>
    </row>
    <row r="689398" spans="8:8">
      <c r="H689398" s="12"/>
    </row>
    <row r="689399" spans="8:8">
      <c r="H689399" s="12"/>
    </row>
    <row r="689400" spans="8:8">
      <c r="H689400" s="12"/>
    </row>
    <row r="689401" spans="8:8">
      <c r="H689401" s="12"/>
    </row>
    <row r="689402" spans="8:8">
      <c r="H689402" s="12"/>
    </row>
    <row r="689403" spans="8:8">
      <c r="H689403" s="12"/>
    </row>
    <row r="689404" spans="8:8">
      <c r="H689404" s="12"/>
    </row>
    <row r="689405" spans="8:8">
      <c r="H689405" s="12"/>
    </row>
    <row r="689406" spans="8:8">
      <c r="H689406" s="12"/>
    </row>
    <row r="689407" spans="8:8">
      <c r="H689407" s="12"/>
    </row>
    <row r="689408" spans="8:8">
      <c r="H689408" s="12"/>
    </row>
    <row r="689409" spans="8:8">
      <c r="H689409" s="12"/>
    </row>
    <row r="689410" spans="8:8">
      <c r="H689410" s="12"/>
    </row>
    <row r="689411" spans="8:8">
      <c r="H689411" s="12"/>
    </row>
    <row r="689412" spans="8:8">
      <c r="H689412" s="12"/>
    </row>
    <row r="689413" spans="8:8">
      <c r="H689413" s="12"/>
    </row>
    <row r="689414" spans="8:8">
      <c r="H689414" s="12"/>
    </row>
    <row r="689415" spans="8:8">
      <c r="H689415" s="12"/>
    </row>
    <row r="689416" spans="8:8">
      <c r="H689416" s="12"/>
    </row>
    <row r="689417" spans="8:8">
      <c r="H689417" s="12"/>
    </row>
    <row r="689418" spans="8:8">
      <c r="H689418" s="12"/>
    </row>
    <row r="689419" spans="8:8">
      <c r="H689419" s="12"/>
    </row>
    <row r="689420" spans="8:8">
      <c r="H689420" s="12"/>
    </row>
    <row r="689421" spans="8:8">
      <c r="H689421" s="12"/>
    </row>
    <row r="689422" spans="8:8">
      <c r="H689422" s="12"/>
    </row>
    <row r="689423" spans="8:8">
      <c r="H689423" s="12"/>
    </row>
    <row r="689424" spans="8:8">
      <c r="H689424" s="12"/>
    </row>
    <row r="689425" spans="8:8">
      <c r="H689425" s="12"/>
    </row>
    <row r="689426" spans="8:8">
      <c r="H689426" s="12"/>
    </row>
    <row r="689427" spans="8:8">
      <c r="H689427" s="12"/>
    </row>
    <row r="689428" spans="8:8">
      <c r="H689428" s="12"/>
    </row>
    <row r="689429" spans="8:8">
      <c r="H689429" s="12"/>
    </row>
    <row r="689430" spans="8:8">
      <c r="H689430" s="12"/>
    </row>
    <row r="689431" spans="8:8">
      <c r="H689431" s="12"/>
    </row>
    <row r="689432" spans="8:8">
      <c r="H689432" s="12"/>
    </row>
    <row r="689433" spans="8:8">
      <c r="H689433" s="12"/>
    </row>
    <row r="689434" spans="8:8">
      <c r="H689434" s="12"/>
    </row>
    <row r="689435" spans="8:8">
      <c r="H689435" s="12"/>
    </row>
    <row r="689436" spans="8:8">
      <c r="H689436" s="12"/>
    </row>
    <row r="689437" spans="8:8">
      <c r="H689437" s="12"/>
    </row>
    <row r="689438" spans="8:8">
      <c r="H689438" s="12"/>
    </row>
    <row r="689439" spans="8:8">
      <c r="H689439" s="12"/>
    </row>
    <row r="689440" spans="8:8">
      <c r="H689440" s="12"/>
    </row>
    <row r="689441" spans="8:8">
      <c r="H689441" s="12"/>
    </row>
    <row r="689442" spans="8:8">
      <c r="H689442" s="12"/>
    </row>
    <row r="689443" spans="8:8">
      <c r="H689443" s="12"/>
    </row>
    <row r="689444" spans="8:8">
      <c r="H689444" s="12"/>
    </row>
    <row r="689445" spans="8:8">
      <c r="H689445" s="12"/>
    </row>
    <row r="689446" spans="8:8">
      <c r="H689446" s="12"/>
    </row>
    <row r="689447" spans="8:8">
      <c r="H689447" s="12"/>
    </row>
    <row r="689448" spans="8:8">
      <c r="H689448" s="12"/>
    </row>
    <row r="689449" spans="8:8">
      <c r="H689449" s="12"/>
    </row>
    <row r="689450" spans="8:8">
      <c r="H689450" s="12"/>
    </row>
    <row r="689451" spans="8:8">
      <c r="H689451" s="12"/>
    </row>
    <row r="689452" spans="8:8">
      <c r="H689452" s="12"/>
    </row>
    <row r="689453" spans="8:8">
      <c r="H689453" s="12"/>
    </row>
    <row r="689454" spans="8:8">
      <c r="H689454" s="12"/>
    </row>
    <row r="689455" spans="8:8">
      <c r="H689455" s="12"/>
    </row>
    <row r="689456" spans="8:8">
      <c r="H689456" s="12"/>
    </row>
    <row r="689457" spans="8:8">
      <c r="H689457" s="12"/>
    </row>
    <row r="689458" spans="8:8">
      <c r="H689458" s="12"/>
    </row>
    <row r="689459" spans="8:8">
      <c r="H689459" s="12"/>
    </row>
    <row r="689460" spans="8:8">
      <c r="H689460" s="12"/>
    </row>
    <row r="689461" spans="8:8">
      <c r="H689461" s="12"/>
    </row>
    <row r="689462" spans="8:8">
      <c r="H689462" s="12"/>
    </row>
    <row r="689463" spans="8:8">
      <c r="H689463" s="12"/>
    </row>
    <row r="689464" spans="8:8">
      <c r="H689464" s="12"/>
    </row>
    <row r="689465" spans="8:8">
      <c r="H689465" s="12"/>
    </row>
    <row r="689466" spans="8:8">
      <c r="H689466" s="12"/>
    </row>
    <row r="689467" spans="8:8">
      <c r="H689467" s="12"/>
    </row>
    <row r="689468" spans="8:8">
      <c r="H689468" s="12"/>
    </row>
    <row r="689469" spans="8:8">
      <c r="H689469" s="12"/>
    </row>
    <row r="689470" spans="8:8">
      <c r="H689470" s="12"/>
    </row>
    <row r="689471" spans="8:8">
      <c r="H689471" s="12"/>
    </row>
    <row r="689472" spans="8:8">
      <c r="H689472" s="12"/>
    </row>
    <row r="689473" spans="8:8">
      <c r="H689473" s="12"/>
    </row>
    <row r="689474" spans="8:8">
      <c r="H689474" s="12"/>
    </row>
    <row r="689475" spans="8:8">
      <c r="H689475" s="12"/>
    </row>
    <row r="689476" spans="8:8">
      <c r="H689476" s="12"/>
    </row>
    <row r="689477" spans="8:8">
      <c r="H689477" s="12"/>
    </row>
    <row r="689478" spans="8:8">
      <c r="H689478" s="12"/>
    </row>
    <row r="689479" spans="8:8">
      <c r="H689479" s="12"/>
    </row>
    <row r="689480" spans="8:8">
      <c r="H689480" s="12"/>
    </row>
    <row r="689481" spans="8:8">
      <c r="H689481" s="12"/>
    </row>
    <row r="689482" spans="8:8">
      <c r="H689482" s="12"/>
    </row>
    <row r="689483" spans="8:8">
      <c r="H689483" s="12"/>
    </row>
    <row r="689484" spans="8:8">
      <c r="H689484" s="12"/>
    </row>
    <row r="689485" spans="8:8">
      <c r="H689485" s="12"/>
    </row>
    <row r="689486" spans="8:8">
      <c r="H689486" s="12"/>
    </row>
    <row r="689487" spans="8:8">
      <c r="H689487" s="12"/>
    </row>
    <row r="689488" spans="8:8">
      <c r="H689488" s="12"/>
    </row>
    <row r="689489" spans="8:8">
      <c r="H689489" s="12"/>
    </row>
    <row r="689490" spans="8:8">
      <c r="H689490" s="12"/>
    </row>
    <row r="689491" spans="8:8">
      <c r="H689491" s="12"/>
    </row>
    <row r="689492" spans="8:8">
      <c r="H689492" s="12"/>
    </row>
    <row r="689493" spans="8:8">
      <c r="H689493" s="12"/>
    </row>
    <row r="689494" spans="8:8">
      <c r="H689494" s="12"/>
    </row>
    <row r="689495" spans="8:8">
      <c r="H689495" s="12"/>
    </row>
    <row r="689496" spans="8:8">
      <c r="H689496" s="12"/>
    </row>
    <row r="689497" spans="8:8">
      <c r="H689497" s="12"/>
    </row>
    <row r="689498" spans="8:8">
      <c r="H689498" s="12"/>
    </row>
    <row r="689499" spans="8:8">
      <c r="H689499" s="12"/>
    </row>
    <row r="689500" spans="8:8">
      <c r="H689500" s="12"/>
    </row>
    <row r="689501" spans="8:8">
      <c r="H689501" s="12"/>
    </row>
    <row r="689502" spans="8:8">
      <c r="H689502" s="12"/>
    </row>
    <row r="689503" spans="8:8">
      <c r="H689503" s="12"/>
    </row>
    <row r="689504" spans="8:8">
      <c r="H689504" s="12"/>
    </row>
    <row r="689505" spans="8:8">
      <c r="H689505" s="12"/>
    </row>
    <row r="689506" spans="8:8">
      <c r="H689506" s="12"/>
    </row>
    <row r="689507" spans="8:8">
      <c r="H689507" s="12"/>
    </row>
    <row r="689508" spans="8:8">
      <c r="H689508" s="12"/>
    </row>
    <row r="689509" spans="8:8">
      <c r="H689509" s="12"/>
    </row>
    <row r="689510" spans="8:8">
      <c r="H689510" s="12"/>
    </row>
    <row r="689511" spans="8:8">
      <c r="H689511" s="12"/>
    </row>
    <row r="689512" spans="8:8">
      <c r="H689512" s="12"/>
    </row>
    <row r="689513" spans="8:8">
      <c r="H689513" s="12"/>
    </row>
    <row r="689514" spans="8:8">
      <c r="H689514" s="12"/>
    </row>
    <row r="689515" spans="8:8">
      <c r="H689515" s="12"/>
    </row>
    <row r="689516" spans="8:8">
      <c r="H689516" s="12"/>
    </row>
    <row r="689517" spans="8:8">
      <c r="H689517" s="12"/>
    </row>
    <row r="689518" spans="8:8">
      <c r="H689518" s="12"/>
    </row>
    <row r="689519" spans="8:8">
      <c r="H689519" s="12"/>
    </row>
    <row r="689520" spans="8:8">
      <c r="H689520" s="12"/>
    </row>
    <row r="689521" spans="8:8">
      <c r="H689521" s="12"/>
    </row>
    <row r="689522" spans="8:8">
      <c r="H689522" s="12"/>
    </row>
    <row r="689523" spans="8:8">
      <c r="H689523" s="12"/>
    </row>
    <row r="689524" spans="8:8">
      <c r="H689524" s="12"/>
    </row>
    <row r="689525" spans="8:8">
      <c r="H689525" s="12"/>
    </row>
    <row r="689526" spans="8:8">
      <c r="H689526" s="12"/>
    </row>
    <row r="689527" spans="8:8">
      <c r="H689527" s="12"/>
    </row>
    <row r="689528" spans="8:8">
      <c r="H689528" s="12"/>
    </row>
    <row r="689529" spans="8:8">
      <c r="H689529" s="12"/>
    </row>
    <row r="689530" spans="8:8">
      <c r="H689530" s="12"/>
    </row>
    <row r="689531" spans="8:8">
      <c r="H689531" s="12"/>
    </row>
    <row r="689532" spans="8:8">
      <c r="H689532" s="12"/>
    </row>
    <row r="689533" spans="8:8">
      <c r="H689533" s="12"/>
    </row>
    <row r="689534" spans="8:8">
      <c r="H689534" s="12"/>
    </row>
    <row r="689535" spans="8:8">
      <c r="H689535" s="12"/>
    </row>
    <row r="689536" spans="8:8">
      <c r="H689536" s="12"/>
    </row>
    <row r="689537" spans="8:8">
      <c r="H689537" s="12"/>
    </row>
    <row r="689538" spans="8:8">
      <c r="H689538" s="12"/>
    </row>
    <row r="689539" spans="8:8">
      <c r="H689539" s="12"/>
    </row>
    <row r="689540" spans="8:8">
      <c r="H689540" s="12"/>
    </row>
    <row r="689541" spans="8:8">
      <c r="H689541" s="12"/>
    </row>
    <row r="689542" spans="8:8">
      <c r="H689542" s="12"/>
    </row>
    <row r="689543" spans="8:8">
      <c r="H689543" s="12"/>
    </row>
    <row r="689544" spans="8:8">
      <c r="H689544" s="12"/>
    </row>
    <row r="689545" spans="8:8">
      <c r="H689545" s="12"/>
    </row>
    <row r="689546" spans="8:8">
      <c r="H689546" s="12"/>
    </row>
    <row r="689547" spans="8:8">
      <c r="H689547" s="12"/>
    </row>
    <row r="689548" spans="8:8">
      <c r="H689548" s="12"/>
    </row>
    <row r="689549" spans="8:8">
      <c r="H689549" s="12"/>
    </row>
    <row r="689550" spans="8:8">
      <c r="H689550" s="12"/>
    </row>
    <row r="689551" spans="8:8">
      <c r="H689551" s="12"/>
    </row>
    <row r="689552" spans="8:8">
      <c r="H689552" s="12"/>
    </row>
    <row r="689553" spans="8:8">
      <c r="H689553" s="12"/>
    </row>
    <row r="689554" spans="8:8">
      <c r="H689554" s="12"/>
    </row>
    <row r="689555" spans="8:8">
      <c r="H689555" s="12"/>
    </row>
    <row r="689556" spans="8:8">
      <c r="H689556" s="12"/>
    </row>
    <row r="689557" spans="8:8">
      <c r="H689557" s="12"/>
    </row>
    <row r="689558" spans="8:8">
      <c r="H689558" s="12"/>
    </row>
    <row r="689559" spans="8:8">
      <c r="H689559" s="12"/>
    </row>
    <row r="689560" spans="8:8">
      <c r="H689560" s="12"/>
    </row>
    <row r="689561" spans="8:8">
      <c r="H689561" s="12"/>
    </row>
    <row r="689562" spans="8:8">
      <c r="H689562" s="12"/>
    </row>
    <row r="689563" spans="8:8">
      <c r="H689563" s="12"/>
    </row>
    <row r="689564" spans="8:8">
      <c r="H689564" s="12"/>
    </row>
    <row r="689565" spans="8:8">
      <c r="H689565" s="12"/>
    </row>
    <row r="689566" spans="8:8">
      <c r="H689566" s="12"/>
    </row>
    <row r="689567" spans="8:8">
      <c r="H689567" s="12"/>
    </row>
    <row r="689568" spans="8:8">
      <c r="H689568" s="12"/>
    </row>
    <row r="689569" spans="8:8">
      <c r="H689569" s="12"/>
    </row>
    <row r="689570" spans="8:8">
      <c r="H689570" s="12"/>
    </row>
    <row r="689571" spans="8:8">
      <c r="H689571" s="12"/>
    </row>
    <row r="689572" spans="8:8">
      <c r="H689572" s="12"/>
    </row>
    <row r="689573" spans="8:8">
      <c r="H689573" s="12"/>
    </row>
    <row r="689574" spans="8:8">
      <c r="H689574" s="12"/>
    </row>
    <row r="689575" spans="8:8">
      <c r="H689575" s="12"/>
    </row>
    <row r="689576" spans="8:8">
      <c r="H689576" s="12"/>
    </row>
    <row r="689577" spans="8:8">
      <c r="H689577" s="12"/>
    </row>
    <row r="689578" spans="8:8">
      <c r="H689578" s="12"/>
    </row>
    <row r="689579" spans="8:8">
      <c r="H689579" s="12"/>
    </row>
    <row r="689580" spans="8:8">
      <c r="H689580" s="12"/>
    </row>
    <row r="689581" spans="8:8">
      <c r="H689581" s="12"/>
    </row>
    <row r="689582" spans="8:8">
      <c r="H689582" s="12"/>
    </row>
    <row r="689583" spans="8:8">
      <c r="H689583" s="12"/>
    </row>
    <row r="689584" spans="8:8">
      <c r="H689584" s="12"/>
    </row>
    <row r="689585" spans="8:8">
      <c r="H689585" s="12"/>
    </row>
    <row r="689586" spans="8:8">
      <c r="H689586" s="12"/>
    </row>
    <row r="689587" spans="8:8">
      <c r="H689587" s="12"/>
    </row>
    <row r="689588" spans="8:8">
      <c r="H689588" s="12"/>
    </row>
    <row r="689589" spans="8:8">
      <c r="H689589" s="12"/>
    </row>
    <row r="689590" spans="8:8">
      <c r="H689590" s="12"/>
    </row>
    <row r="689591" spans="8:8">
      <c r="H689591" s="12"/>
    </row>
    <row r="689592" spans="8:8">
      <c r="H689592" s="12"/>
    </row>
    <row r="689593" spans="8:8">
      <c r="H689593" s="12"/>
    </row>
    <row r="689594" spans="8:8">
      <c r="H689594" s="12"/>
    </row>
    <row r="689595" spans="8:8">
      <c r="H689595" s="12"/>
    </row>
    <row r="689596" spans="8:8">
      <c r="H689596" s="12"/>
    </row>
    <row r="689597" spans="8:8">
      <c r="H689597" s="12"/>
    </row>
    <row r="689598" spans="8:8">
      <c r="H689598" s="12"/>
    </row>
    <row r="689599" spans="8:8">
      <c r="H689599" s="12"/>
    </row>
    <row r="689600" spans="8:8">
      <c r="H689600" s="12"/>
    </row>
    <row r="689601" spans="8:8">
      <c r="H689601" s="12"/>
    </row>
    <row r="689602" spans="8:8">
      <c r="H689602" s="12"/>
    </row>
    <row r="689603" spans="8:8">
      <c r="H689603" s="12"/>
    </row>
    <row r="689604" spans="8:8">
      <c r="H689604" s="12"/>
    </row>
    <row r="689605" spans="8:8">
      <c r="H689605" s="12"/>
    </row>
    <row r="689606" spans="8:8">
      <c r="H689606" s="12"/>
    </row>
    <row r="689607" spans="8:8">
      <c r="H689607" s="12"/>
    </row>
    <row r="689608" spans="8:8">
      <c r="H689608" s="12"/>
    </row>
    <row r="689609" spans="8:8">
      <c r="H689609" s="12"/>
    </row>
    <row r="689610" spans="8:8">
      <c r="H689610" s="12"/>
    </row>
    <row r="689611" spans="8:8">
      <c r="H689611" s="12"/>
    </row>
    <row r="689612" spans="8:8">
      <c r="H689612" s="12"/>
    </row>
    <row r="689613" spans="8:8">
      <c r="H689613" s="12"/>
    </row>
    <row r="689614" spans="8:8">
      <c r="H689614" s="12"/>
    </row>
    <row r="689615" spans="8:8">
      <c r="H689615" s="12"/>
    </row>
    <row r="689616" spans="8:8">
      <c r="H689616" s="12"/>
    </row>
    <row r="689617" spans="8:8">
      <c r="H689617" s="12"/>
    </row>
    <row r="689618" spans="8:8">
      <c r="H689618" s="12"/>
    </row>
    <row r="689619" spans="8:8">
      <c r="H689619" s="12"/>
    </row>
    <row r="689620" spans="8:8">
      <c r="H689620" s="12"/>
    </row>
    <row r="689621" spans="8:8">
      <c r="H689621" s="12"/>
    </row>
    <row r="689622" spans="8:8">
      <c r="H689622" s="12"/>
    </row>
    <row r="689623" spans="8:8">
      <c r="H689623" s="12"/>
    </row>
    <row r="689624" spans="8:8">
      <c r="H689624" s="12"/>
    </row>
    <row r="689625" spans="8:8">
      <c r="H689625" s="12"/>
    </row>
    <row r="689626" spans="8:8">
      <c r="H689626" s="12"/>
    </row>
    <row r="689627" spans="8:8">
      <c r="H689627" s="12"/>
    </row>
    <row r="689628" spans="8:8">
      <c r="H689628" s="12"/>
    </row>
    <row r="689629" spans="8:8">
      <c r="H689629" s="12"/>
    </row>
    <row r="689630" spans="8:8">
      <c r="H689630" s="12"/>
    </row>
    <row r="689631" spans="8:8">
      <c r="H689631" s="12"/>
    </row>
    <row r="689632" spans="8:8">
      <c r="H689632" s="12"/>
    </row>
    <row r="689633" spans="8:8">
      <c r="H689633" s="12"/>
    </row>
    <row r="689634" spans="8:8">
      <c r="H689634" s="12"/>
    </row>
    <row r="689635" spans="8:8">
      <c r="H689635" s="12"/>
    </row>
    <row r="689636" spans="8:8">
      <c r="H689636" s="12"/>
    </row>
    <row r="689637" spans="8:8">
      <c r="H689637" s="12"/>
    </row>
    <row r="689638" spans="8:8">
      <c r="H689638" s="12"/>
    </row>
    <row r="689639" spans="8:8">
      <c r="H689639" s="12"/>
    </row>
    <row r="689640" spans="8:8">
      <c r="H689640" s="12"/>
    </row>
    <row r="689641" spans="8:8">
      <c r="H689641" s="12"/>
    </row>
    <row r="689642" spans="8:8">
      <c r="H689642" s="12"/>
    </row>
    <row r="689643" spans="8:8">
      <c r="H689643" s="12"/>
    </row>
    <row r="689644" spans="8:8">
      <c r="H689644" s="12"/>
    </row>
    <row r="689645" spans="8:8">
      <c r="H689645" s="12"/>
    </row>
    <row r="689646" spans="8:8">
      <c r="H689646" s="12"/>
    </row>
    <row r="689647" spans="8:8">
      <c r="H689647" s="12"/>
    </row>
    <row r="689648" spans="8:8">
      <c r="H689648" s="12"/>
    </row>
    <row r="689649" spans="8:8">
      <c r="H689649" s="12"/>
    </row>
    <row r="689650" spans="8:8">
      <c r="H689650" s="12"/>
    </row>
    <row r="689651" spans="8:8">
      <c r="H689651" s="12"/>
    </row>
    <row r="689652" spans="8:8">
      <c r="H689652" s="12"/>
    </row>
    <row r="689653" spans="8:8">
      <c r="H689653" s="12"/>
    </row>
    <row r="689654" spans="8:8">
      <c r="H689654" s="12"/>
    </row>
    <row r="689655" spans="8:8">
      <c r="H689655" s="12"/>
    </row>
    <row r="689656" spans="8:8">
      <c r="H689656" s="12"/>
    </row>
    <row r="689657" spans="8:8">
      <c r="H689657" s="12"/>
    </row>
    <row r="689658" spans="8:8">
      <c r="H689658" s="12"/>
    </row>
    <row r="689659" spans="8:8">
      <c r="H689659" s="12"/>
    </row>
    <row r="689660" spans="8:8">
      <c r="H689660" s="12"/>
    </row>
    <row r="689661" spans="8:8">
      <c r="H689661" s="12"/>
    </row>
    <row r="689662" spans="8:8">
      <c r="H689662" s="12"/>
    </row>
    <row r="689663" spans="8:8">
      <c r="H689663" s="12"/>
    </row>
    <row r="689664" spans="8:8">
      <c r="H689664" s="12"/>
    </row>
    <row r="689665" spans="8:8">
      <c r="H689665" s="12"/>
    </row>
    <row r="689666" spans="8:8">
      <c r="H689666" s="12"/>
    </row>
    <row r="689667" spans="8:8">
      <c r="H689667" s="12"/>
    </row>
    <row r="689668" spans="8:8">
      <c r="H689668" s="12"/>
    </row>
    <row r="689669" spans="8:8">
      <c r="H689669" s="12"/>
    </row>
    <row r="689670" spans="8:8">
      <c r="H689670" s="12"/>
    </row>
    <row r="689671" spans="8:8">
      <c r="H689671" s="12"/>
    </row>
    <row r="689672" spans="8:8">
      <c r="H689672" s="12"/>
    </row>
    <row r="689673" spans="8:8">
      <c r="H689673" s="12"/>
    </row>
    <row r="689674" spans="8:8">
      <c r="H689674" s="12"/>
    </row>
    <row r="689675" spans="8:8">
      <c r="H689675" s="12"/>
    </row>
    <row r="689676" spans="8:8">
      <c r="H689676" s="12"/>
    </row>
    <row r="689677" spans="8:8">
      <c r="H689677" s="12"/>
    </row>
    <row r="689678" spans="8:8">
      <c r="H689678" s="12"/>
    </row>
    <row r="689679" spans="8:8">
      <c r="H689679" s="12"/>
    </row>
    <row r="689680" spans="8:8">
      <c r="H689680" s="12"/>
    </row>
    <row r="689681" spans="8:8">
      <c r="H689681" s="12"/>
    </row>
    <row r="689682" spans="8:8">
      <c r="H689682" s="12"/>
    </row>
    <row r="689683" spans="8:8">
      <c r="H689683" s="12"/>
    </row>
    <row r="689684" spans="8:8">
      <c r="H689684" s="12"/>
    </row>
    <row r="689685" spans="8:8">
      <c r="H689685" s="12"/>
    </row>
    <row r="689686" spans="8:8">
      <c r="H689686" s="12"/>
    </row>
    <row r="689687" spans="8:8">
      <c r="H689687" s="12"/>
    </row>
    <row r="689688" spans="8:8">
      <c r="H689688" s="12"/>
    </row>
    <row r="689689" spans="8:8">
      <c r="H689689" s="12"/>
    </row>
    <row r="689690" spans="8:8">
      <c r="H689690" s="12"/>
    </row>
    <row r="689691" spans="8:8">
      <c r="H689691" s="12"/>
    </row>
    <row r="689692" spans="8:8">
      <c r="H689692" s="12"/>
    </row>
    <row r="689693" spans="8:8">
      <c r="H689693" s="12"/>
    </row>
    <row r="689694" spans="8:8">
      <c r="H689694" s="12"/>
    </row>
    <row r="689695" spans="8:8">
      <c r="H689695" s="12"/>
    </row>
    <row r="689696" spans="8:8">
      <c r="H689696" s="12"/>
    </row>
    <row r="689697" spans="8:8">
      <c r="H689697" s="12"/>
    </row>
    <row r="689698" spans="8:8">
      <c r="H689698" s="12"/>
    </row>
    <row r="689699" spans="8:8">
      <c r="H689699" s="12"/>
    </row>
    <row r="689700" spans="8:8">
      <c r="H689700" s="12"/>
    </row>
    <row r="689701" spans="8:8">
      <c r="H689701" s="12"/>
    </row>
    <row r="689702" spans="8:8">
      <c r="H689702" s="12"/>
    </row>
    <row r="689703" spans="8:8">
      <c r="H689703" s="12"/>
    </row>
    <row r="689704" spans="8:8">
      <c r="H689704" s="12"/>
    </row>
    <row r="689705" spans="8:8">
      <c r="H689705" s="12"/>
    </row>
    <row r="689706" spans="8:8">
      <c r="H689706" s="12"/>
    </row>
    <row r="689707" spans="8:8">
      <c r="H689707" s="12"/>
    </row>
    <row r="689708" spans="8:8">
      <c r="H689708" s="12"/>
    </row>
    <row r="689709" spans="8:8">
      <c r="H689709" s="12"/>
    </row>
    <row r="689710" spans="8:8">
      <c r="H689710" s="12"/>
    </row>
    <row r="689711" spans="8:8">
      <c r="H689711" s="12"/>
    </row>
    <row r="689712" spans="8:8">
      <c r="H689712" s="12"/>
    </row>
    <row r="689713" spans="8:8">
      <c r="H689713" s="12"/>
    </row>
    <row r="689714" spans="8:8">
      <c r="H689714" s="12"/>
    </row>
    <row r="689715" spans="8:8">
      <c r="H689715" s="12"/>
    </row>
    <row r="689716" spans="8:8">
      <c r="H689716" s="12"/>
    </row>
    <row r="689717" spans="8:8">
      <c r="H689717" s="12"/>
    </row>
    <row r="689718" spans="8:8">
      <c r="H689718" s="12"/>
    </row>
    <row r="689719" spans="8:8">
      <c r="H689719" s="12"/>
    </row>
    <row r="689720" spans="8:8">
      <c r="H689720" s="12"/>
    </row>
    <row r="689721" spans="8:8">
      <c r="H689721" s="12"/>
    </row>
    <row r="689722" spans="8:8">
      <c r="H689722" s="12"/>
    </row>
    <row r="689723" spans="8:8">
      <c r="H689723" s="12"/>
    </row>
    <row r="689724" spans="8:8">
      <c r="H689724" s="12"/>
    </row>
    <row r="689725" spans="8:8">
      <c r="H689725" s="12"/>
    </row>
    <row r="689726" spans="8:8">
      <c r="H689726" s="12"/>
    </row>
    <row r="689727" spans="8:8">
      <c r="H689727" s="12"/>
    </row>
    <row r="689728" spans="8:8">
      <c r="H689728" s="12"/>
    </row>
    <row r="689729" spans="8:8">
      <c r="H689729" s="12"/>
    </row>
    <row r="689730" spans="8:8">
      <c r="H689730" s="12"/>
    </row>
    <row r="689731" spans="8:8">
      <c r="H689731" s="12"/>
    </row>
    <row r="689732" spans="8:8">
      <c r="H689732" s="12"/>
    </row>
    <row r="689733" spans="8:8">
      <c r="H689733" s="12"/>
    </row>
    <row r="689734" spans="8:8">
      <c r="H689734" s="12"/>
    </row>
    <row r="689735" spans="8:8">
      <c r="H689735" s="12"/>
    </row>
    <row r="689736" spans="8:8">
      <c r="H689736" s="12"/>
    </row>
    <row r="689737" spans="8:8">
      <c r="H689737" s="12"/>
    </row>
    <row r="689738" spans="8:8">
      <c r="H689738" s="12"/>
    </row>
    <row r="689739" spans="8:8">
      <c r="H689739" s="12"/>
    </row>
    <row r="689740" spans="8:8">
      <c r="H689740" s="12"/>
    </row>
    <row r="689741" spans="8:8">
      <c r="H689741" s="12"/>
    </row>
    <row r="689742" spans="8:8">
      <c r="H689742" s="12"/>
    </row>
    <row r="689743" spans="8:8">
      <c r="H689743" s="12"/>
    </row>
    <row r="689744" spans="8:8">
      <c r="H689744" s="12"/>
    </row>
    <row r="689745" spans="8:8">
      <c r="H689745" s="12"/>
    </row>
    <row r="689746" spans="8:8">
      <c r="H689746" s="12"/>
    </row>
    <row r="689747" spans="8:8">
      <c r="H689747" s="12"/>
    </row>
    <row r="689748" spans="8:8">
      <c r="H689748" s="12"/>
    </row>
    <row r="689749" spans="8:8">
      <c r="H689749" s="12"/>
    </row>
    <row r="689750" spans="8:8">
      <c r="H689750" s="12"/>
    </row>
    <row r="689751" spans="8:8">
      <c r="H689751" s="12"/>
    </row>
    <row r="689752" spans="8:8">
      <c r="H689752" s="12"/>
    </row>
    <row r="689753" spans="8:8">
      <c r="H689753" s="12"/>
    </row>
    <row r="689754" spans="8:8">
      <c r="H689754" s="12"/>
    </row>
    <row r="689755" spans="8:8">
      <c r="H689755" s="12"/>
    </row>
    <row r="689756" spans="8:8">
      <c r="H689756" s="12"/>
    </row>
    <row r="689757" spans="8:8">
      <c r="H689757" s="12"/>
    </row>
    <row r="689758" spans="8:8">
      <c r="H689758" s="12"/>
    </row>
    <row r="689759" spans="8:8">
      <c r="H689759" s="12"/>
    </row>
    <row r="689760" spans="8:8">
      <c r="H689760" s="12"/>
    </row>
    <row r="689761" spans="8:8">
      <c r="H689761" s="12"/>
    </row>
    <row r="689762" spans="8:8">
      <c r="H689762" s="12"/>
    </row>
    <row r="689763" spans="8:8">
      <c r="H689763" s="12"/>
    </row>
    <row r="689764" spans="8:8">
      <c r="H689764" s="12"/>
    </row>
    <row r="689765" spans="8:8">
      <c r="H689765" s="12"/>
    </row>
    <row r="689766" spans="8:8">
      <c r="H689766" s="12"/>
    </row>
    <row r="689767" spans="8:8">
      <c r="H689767" s="12"/>
    </row>
    <row r="689768" spans="8:8">
      <c r="H689768" s="12"/>
    </row>
    <row r="689769" spans="8:8">
      <c r="H689769" s="12"/>
    </row>
    <row r="689770" spans="8:8">
      <c r="H689770" s="12"/>
    </row>
    <row r="689771" spans="8:8">
      <c r="H689771" s="12"/>
    </row>
    <row r="689772" spans="8:8">
      <c r="H689772" s="12"/>
    </row>
    <row r="689773" spans="8:8">
      <c r="H689773" s="12"/>
    </row>
    <row r="689774" spans="8:8">
      <c r="H689774" s="12"/>
    </row>
    <row r="689775" spans="8:8">
      <c r="H689775" s="12"/>
    </row>
    <row r="689776" spans="8:8">
      <c r="H689776" s="12"/>
    </row>
    <row r="689777" spans="8:8">
      <c r="H689777" s="12"/>
    </row>
    <row r="689778" spans="8:8">
      <c r="H689778" s="12"/>
    </row>
    <row r="689779" spans="8:8">
      <c r="H689779" s="12"/>
    </row>
    <row r="689780" spans="8:8">
      <c r="H689780" s="12"/>
    </row>
    <row r="689781" spans="8:8">
      <c r="H689781" s="12"/>
    </row>
    <row r="689782" spans="8:8">
      <c r="H689782" s="12"/>
    </row>
    <row r="689783" spans="8:8">
      <c r="H689783" s="12"/>
    </row>
    <row r="689784" spans="8:8">
      <c r="H689784" s="12"/>
    </row>
    <row r="689785" spans="8:8">
      <c r="H689785" s="12"/>
    </row>
    <row r="689786" spans="8:8">
      <c r="H689786" s="12"/>
    </row>
    <row r="689787" spans="8:8">
      <c r="H689787" s="12"/>
    </row>
    <row r="689788" spans="8:8">
      <c r="H689788" s="12"/>
    </row>
    <row r="689789" spans="8:8">
      <c r="H689789" s="12"/>
    </row>
    <row r="689790" spans="8:8">
      <c r="H689790" s="12"/>
    </row>
    <row r="689791" spans="8:8">
      <c r="H689791" s="12"/>
    </row>
    <row r="689792" spans="8:8">
      <c r="H689792" s="12"/>
    </row>
    <row r="689793" spans="8:8">
      <c r="H689793" s="12"/>
    </row>
    <row r="689794" spans="8:8">
      <c r="H689794" s="12"/>
    </row>
    <row r="689795" spans="8:8">
      <c r="H689795" s="12"/>
    </row>
    <row r="689796" spans="8:8">
      <c r="H689796" s="12"/>
    </row>
    <row r="689797" spans="8:8">
      <c r="H689797" s="12"/>
    </row>
    <row r="689798" spans="8:8">
      <c r="H689798" s="12"/>
    </row>
    <row r="689799" spans="8:8">
      <c r="H689799" s="12"/>
    </row>
    <row r="689800" spans="8:8">
      <c r="H689800" s="12"/>
    </row>
    <row r="689801" spans="8:8">
      <c r="H689801" s="12"/>
    </row>
    <row r="689802" spans="8:8">
      <c r="H689802" s="12"/>
    </row>
    <row r="689803" spans="8:8">
      <c r="H689803" s="12"/>
    </row>
    <row r="689804" spans="8:8">
      <c r="H689804" s="12"/>
    </row>
    <row r="689805" spans="8:8">
      <c r="H689805" s="12"/>
    </row>
    <row r="689806" spans="8:8">
      <c r="H689806" s="12"/>
    </row>
    <row r="689807" spans="8:8">
      <c r="H689807" s="12"/>
    </row>
    <row r="689808" spans="8:8">
      <c r="H689808" s="12"/>
    </row>
    <row r="689809" spans="8:8">
      <c r="H689809" s="12"/>
    </row>
    <row r="689810" spans="8:8">
      <c r="H689810" s="12"/>
    </row>
    <row r="689811" spans="8:8">
      <c r="H689811" s="12"/>
    </row>
    <row r="689812" spans="8:8">
      <c r="H689812" s="12"/>
    </row>
    <row r="689813" spans="8:8">
      <c r="H689813" s="12"/>
    </row>
    <row r="689814" spans="8:8">
      <c r="H689814" s="12"/>
    </row>
    <row r="689815" spans="8:8">
      <c r="H689815" s="12"/>
    </row>
    <row r="689816" spans="8:8">
      <c r="H689816" s="12"/>
    </row>
    <row r="689817" spans="8:8">
      <c r="H689817" s="12"/>
    </row>
    <row r="689818" spans="8:8">
      <c r="H689818" s="12"/>
    </row>
    <row r="689819" spans="8:8">
      <c r="H689819" s="12"/>
    </row>
    <row r="689820" spans="8:8">
      <c r="H689820" s="12"/>
    </row>
    <row r="689821" spans="8:8">
      <c r="H689821" s="12"/>
    </row>
    <row r="689822" spans="8:8">
      <c r="H689822" s="12"/>
    </row>
    <row r="689823" spans="8:8">
      <c r="H689823" s="12"/>
    </row>
    <row r="689824" spans="8:8">
      <c r="H689824" s="12"/>
    </row>
    <row r="689825" spans="8:8">
      <c r="H689825" s="12"/>
    </row>
    <row r="689826" spans="8:8">
      <c r="H689826" s="12"/>
    </row>
    <row r="689827" spans="8:8">
      <c r="H689827" s="12"/>
    </row>
    <row r="689828" spans="8:8">
      <c r="H689828" s="12"/>
    </row>
    <row r="689829" spans="8:8">
      <c r="H689829" s="12"/>
    </row>
    <row r="689830" spans="8:8">
      <c r="H689830" s="12"/>
    </row>
    <row r="689831" spans="8:8">
      <c r="H689831" s="12"/>
    </row>
    <row r="689832" spans="8:8">
      <c r="H689832" s="12"/>
    </row>
    <row r="689833" spans="8:8">
      <c r="H689833" s="12"/>
    </row>
    <row r="689834" spans="8:8">
      <c r="H689834" s="12"/>
    </row>
    <row r="689835" spans="8:8">
      <c r="H689835" s="12"/>
    </row>
    <row r="689836" spans="8:8">
      <c r="H689836" s="12"/>
    </row>
    <row r="689837" spans="8:8">
      <c r="H689837" s="12"/>
    </row>
    <row r="689838" spans="8:8">
      <c r="H689838" s="12"/>
    </row>
    <row r="689839" spans="8:8">
      <c r="H689839" s="12"/>
    </row>
    <row r="689840" spans="8:8">
      <c r="H689840" s="12"/>
    </row>
    <row r="689841" spans="8:8">
      <c r="H689841" s="12"/>
    </row>
    <row r="689842" spans="8:8">
      <c r="H689842" s="12"/>
    </row>
    <row r="689843" spans="8:8">
      <c r="H689843" s="12"/>
    </row>
    <row r="689844" spans="8:8">
      <c r="H689844" s="12"/>
    </row>
    <row r="689845" spans="8:8">
      <c r="H689845" s="12"/>
    </row>
    <row r="689846" spans="8:8">
      <c r="H689846" s="12"/>
    </row>
    <row r="689847" spans="8:8">
      <c r="H689847" s="12"/>
    </row>
    <row r="689848" spans="8:8">
      <c r="H689848" s="12"/>
    </row>
    <row r="689849" spans="8:8">
      <c r="H689849" s="12"/>
    </row>
    <row r="689850" spans="8:8">
      <c r="H689850" s="12"/>
    </row>
    <row r="689851" spans="8:8">
      <c r="H689851" s="12"/>
    </row>
    <row r="689852" spans="8:8">
      <c r="H689852" s="12"/>
    </row>
    <row r="689853" spans="8:8">
      <c r="H689853" s="12"/>
    </row>
    <row r="689854" spans="8:8">
      <c r="H689854" s="12"/>
    </row>
    <row r="689855" spans="8:8">
      <c r="H689855" s="12"/>
    </row>
    <row r="689856" spans="8:8">
      <c r="H689856" s="12"/>
    </row>
    <row r="689857" spans="8:8">
      <c r="H689857" s="12"/>
    </row>
    <row r="689858" spans="8:8">
      <c r="H689858" s="12"/>
    </row>
    <row r="689859" spans="8:8">
      <c r="H689859" s="12"/>
    </row>
    <row r="689860" spans="8:8">
      <c r="H689860" s="12"/>
    </row>
    <row r="689861" spans="8:8">
      <c r="H689861" s="12"/>
    </row>
    <row r="689862" spans="8:8">
      <c r="H689862" s="12"/>
    </row>
    <row r="689863" spans="8:8">
      <c r="H689863" s="12"/>
    </row>
    <row r="689864" spans="8:8">
      <c r="H689864" s="12"/>
    </row>
    <row r="689865" spans="8:8">
      <c r="H689865" s="12"/>
    </row>
    <row r="689866" spans="8:8">
      <c r="H689866" s="12"/>
    </row>
    <row r="689867" spans="8:8">
      <c r="H689867" s="12"/>
    </row>
    <row r="689868" spans="8:8">
      <c r="H689868" s="12"/>
    </row>
    <row r="689869" spans="8:8">
      <c r="H689869" s="12"/>
    </row>
    <row r="689870" spans="8:8">
      <c r="H689870" s="12"/>
    </row>
    <row r="689871" spans="8:8">
      <c r="H689871" s="12"/>
    </row>
    <row r="689872" spans="8:8">
      <c r="H689872" s="12"/>
    </row>
    <row r="689873" spans="8:8">
      <c r="H689873" s="12"/>
    </row>
    <row r="689874" spans="8:8">
      <c r="H689874" s="12"/>
    </row>
    <row r="689875" spans="8:8">
      <c r="H689875" s="12"/>
    </row>
    <row r="689876" spans="8:8">
      <c r="H689876" s="12"/>
    </row>
    <row r="689877" spans="8:8">
      <c r="H689877" s="12"/>
    </row>
    <row r="689878" spans="8:8">
      <c r="H689878" s="12"/>
    </row>
    <row r="689879" spans="8:8">
      <c r="H689879" s="12"/>
    </row>
    <row r="689880" spans="8:8">
      <c r="H689880" s="12"/>
    </row>
    <row r="689881" spans="8:8">
      <c r="H689881" s="12"/>
    </row>
    <row r="689882" spans="8:8">
      <c r="H689882" s="12"/>
    </row>
    <row r="689883" spans="8:8">
      <c r="H689883" s="12"/>
    </row>
    <row r="689884" spans="8:8">
      <c r="H689884" s="12"/>
    </row>
    <row r="689885" spans="8:8">
      <c r="H689885" s="12"/>
    </row>
    <row r="689886" spans="8:8">
      <c r="H689886" s="12"/>
    </row>
    <row r="689887" spans="8:8">
      <c r="H689887" s="12"/>
    </row>
    <row r="689888" spans="8:8">
      <c r="H689888" s="12"/>
    </row>
    <row r="689889" spans="8:8">
      <c r="H689889" s="12"/>
    </row>
    <row r="689890" spans="8:8">
      <c r="H689890" s="12"/>
    </row>
    <row r="689891" spans="8:8">
      <c r="H689891" s="12"/>
    </row>
    <row r="689892" spans="8:8">
      <c r="H689892" s="12"/>
    </row>
    <row r="689893" spans="8:8">
      <c r="H689893" s="12"/>
    </row>
    <row r="689894" spans="8:8">
      <c r="H689894" s="12"/>
    </row>
    <row r="689895" spans="8:8">
      <c r="H689895" s="12"/>
    </row>
    <row r="689896" spans="8:8">
      <c r="H689896" s="12"/>
    </row>
    <row r="689897" spans="8:8">
      <c r="H689897" s="12"/>
    </row>
    <row r="689898" spans="8:8">
      <c r="H689898" s="12"/>
    </row>
    <row r="689899" spans="8:8">
      <c r="H689899" s="12"/>
    </row>
    <row r="689900" spans="8:8">
      <c r="H689900" s="12"/>
    </row>
    <row r="689901" spans="8:8">
      <c r="H689901" s="12"/>
    </row>
    <row r="689902" spans="8:8">
      <c r="H689902" s="12"/>
    </row>
    <row r="689903" spans="8:8">
      <c r="H689903" s="12"/>
    </row>
    <row r="689904" spans="8:8">
      <c r="H689904" s="12"/>
    </row>
    <row r="689905" spans="8:8">
      <c r="H689905" s="12"/>
    </row>
    <row r="689906" spans="8:8">
      <c r="H689906" s="12"/>
    </row>
    <row r="689907" spans="8:8">
      <c r="H689907" s="12"/>
    </row>
    <row r="689908" spans="8:8">
      <c r="H689908" s="12"/>
    </row>
    <row r="689909" spans="8:8">
      <c r="H689909" s="12"/>
    </row>
    <row r="689910" spans="8:8">
      <c r="H689910" s="12"/>
    </row>
    <row r="689911" spans="8:8">
      <c r="H689911" s="12"/>
    </row>
    <row r="689912" spans="8:8">
      <c r="H689912" s="12"/>
    </row>
    <row r="689913" spans="8:8">
      <c r="H689913" s="12"/>
    </row>
    <row r="689914" spans="8:8">
      <c r="H689914" s="12"/>
    </row>
    <row r="689915" spans="8:8">
      <c r="H689915" s="12"/>
    </row>
    <row r="689916" spans="8:8">
      <c r="H689916" s="12"/>
    </row>
    <row r="689917" spans="8:8">
      <c r="H689917" s="12"/>
    </row>
    <row r="689918" spans="8:8">
      <c r="H689918" s="12"/>
    </row>
    <row r="689919" spans="8:8">
      <c r="H689919" s="12"/>
    </row>
    <row r="689920" spans="8:8">
      <c r="H689920" s="12"/>
    </row>
    <row r="689921" spans="8:8">
      <c r="H689921" s="12"/>
    </row>
    <row r="689922" spans="8:8">
      <c r="H689922" s="12"/>
    </row>
    <row r="689923" spans="8:8">
      <c r="H689923" s="12"/>
    </row>
    <row r="689924" spans="8:8">
      <c r="H689924" s="12"/>
    </row>
    <row r="689925" spans="8:8">
      <c r="H689925" s="12"/>
    </row>
    <row r="689926" spans="8:8">
      <c r="H689926" s="12"/>
    </row>
    <row r="689927" spans="8:8">
      <c r="H689927" s="12"/>
    </row>
    <row r="689928" spans="8:8">
      <c r="H689928" s="12"/>
    </row>
    <row r="689929" spans="8:8">
      <c r="H689929" s="12"/>
    </row>
    <row r="689930" spans="8:8">
      <c r="H689930" s="12"/>
    </row>
    <row r="689931" spans="8:8">
      <c r="H689931" s="12"/>
    </row>
    <row r="689932" spans="8:8">
      <c r="H689932" s="12"/>
    </row>
    <row r="689933" spans="8:8">
      <c r="H689933" s="12"/>
    </row>
    <row r="689934" spans="8:8">
      <c r="H689934" s="12"/>
    </row>
    <row r="689935" spans="8:8">
      <c r="H689935" s="12"/>
    </row>
    <row r="689936" spans="8:8">
      <c r="H689936" s="12"/>
    </row>
    <row r="689937" spans="8:8">
      <c r="H689937" s="12"/>
    </row>
    <row r="689938" spans="8:8">
      <c r="H689938" s="12"/>
    </row>
    <row r="689939" spans="8:8">
      <c r="H689939" s="12"/>
    </row>
    <row r="689940" spans="8:8">
      <c r="H689940" s="12"/>
    </row>
    <row r="689941" spans="8:8">
      <c r="H689941" s="12"/>
    </row>
    <row r="689942" spans="8:8">
      <c r="H689942" s="12"/>
    </row>
    <row r="689943" spans="8:8">
      <c r="H689943" s="12"/>
    </row>
    <row r="689944" spans="8:8">
      <c r="H689944" s="12"/>
    </row>
    <row r="689945" spans="8:8">
      <c r="H689945" s="12"/>
    </row>
    <row r="689946" spans="8:8">
      <c r="H689946" s="12"/>
    </row>
    <row r="689947" spans="8:8">
      <c r="H689947" s="12"/>
    </row>
    <row r="689948" spans="8:8">
      <c r="H689948" s="12"/>
    </row>
    <row r="689949" spans="8:8">
      <c r="H689949" s="12"/>
    </row>
    <row r="689950" spans="8:8">
      <c r="H689950" s="12"/>
    </row>
    <row r="689951" spans="8:8">
      <c r="H689951" s="12"/>
    </row>
    <row r="689952" spans="8:8">
      <c r="H689952" s="12"/>
    </row>
    <row r="689953" spans="8:8">
      <c r="H689953" s="12"/>
    </row>
    <row r="689954" spans="8:8">
      <c r="H689954" s="12"/>
    </row>
    <row r="689955" spans="8:8">
      <c r="H689955" s="12"/>
    </row>
    <row r="689956" spans="8:8">
      <c r="H689956" s="12"/>
    </row>
    <row r="689957" spans="8:8">
      <c r="H689957" s="12"/>
    </row>
    <row r="689958" spans="8:8">
      <c r="H689958" s="12"/>
    </row>
    <row r="689959" spans="8:8">
      <c r="H689959" s="12"/>
    </row>
    <row r="689960" spans="8:8">
      <c r="H689960" s="12"/>
    </row>
    <row r="689961" spans="8:8">
      <c r="H689961" s="12"/>
    </row>
    <row r="689962" spans="8:8">
      <c r="H689962" s="12"/>
    </row>
    <row r="689963" spans="8:8">
      <c r="H689963" s="12"/>
    </row>
    <row r="689964" spans="8:8">
      <c r="H689964" s="12"/>
    </row>
    <row r="689965" spans="8:8">
      <c r="H689965" s="12"/>
    </row>
    <row r="689966" spans="8:8">
      <c r="H689966" s="12"/>
    </row>
    <row r="689967" spans="8:8">
      <c r="H689967" s="12"/>
    </row>
    <row r="689968" spans="8:8">
      <c r="H689968" s="12"/>
    </row>
    <row r="689969" spans="8:8">
      <c r="H689969" s="12"/>
    </row>
    <row r="689970" spans="8:8">
      <c r="H689970" s="12"/>
    </row>
    <row r="689971" spans="8:8">
      <c r="H689971" s="12"/>
    </row>
    <row r="689972" spans="8:8">
      <c r="H689972" s="12"/>
    </row>
    <row r="689973" spans="8:8">
      <c r="H689973" s="12"/>
    </row>
    <row r="689974" spans="8:8">
      <c r="H689974" s="12"/>
    </row>
    <row r="689975" spans="8:8">
      <c r="H689975" s="12"/>
    </row>
    <row r="689976" spans="8:8">
      <c r="H689976" s="12"/>
    </row>
    <row r="689977" spans="8:8">
      <c r="H689977" s="12"/>
    </row>
    <row r="689978" spans="8:8">
      <c r="H689978" s="12"/>
    </row>
    <row r="689979" spans="8:8">
      <c r="H689979" s="12"/>
    </row>
    <row r="689980" spans="8:8">
      <c r="H689980" s="12"/>
    </row>
    <row r="689981" spans="8:8">
      <c r="H689981" s="12"/>
    </row>
    <row r="689982" spans="8:8">
      <c r="H689982" s="12"/>
    </row>
    <row r="689983" spans="8:8">
      <c r="H689983" s="12"/>
    </row>
    <row r="689984" spans="8:8">
      <c r="H689984" s="12"/>
    </row>
    <row r="689985" spans="8:8">
      <c r="H689985" s="12"/>
    </row>
    <row r="689986" spans="8:8">
      <c r="H689986" s="12"/>
    </row>
    <row r="689987" spans="8:8">
      <c r="H689987" s="12"/>
    </row>
    <row r="689988" spans="8:8">
      <c r="H689988" s="12"/>
    </row>
    <row r="689989" spans="8:8">
      <c r="H689989" s="12"/>
    </row>
    <row r="689990" spans="8:8">
      <c r="H689990" s="12"/>
    </row>
    <row r="689991" spans="8:8">
      <c r="H689991" s="12"/>
    </row>
    <row r="689992" spans="8:8">
      <c r="H689992" s="12"/>
    </row>
    <row r="689993" spans="8:8">
      <c r="H689993" s="12"/>
    </row>
    <row r="689994" spans="8:8">
      <c r="H689994" s="12"/>
    </row>
    <row r="689995" spans="8:8">
      <c r="H689995" s="12"/>
    </row>
    <row r="689996" spans="8:8">
      <c r="H689996" s="12"/>
    </row>
    <row r="689997" spans="8:8">
      <c r="H689997" s="12"/>
    </row>
    <row r="689998" spans="8:8">
      <c r="H689998" s="12"/>
    </row>
    <row r="689999" spans="8:8">
      <c r="H689999" s="12"/>
    </row>
    <row r="690000" spans="8:8">
      <c r="H690000" s="12"/>
    </row>
    <row r="690001" spans="8:8">
      <c r="H690001" s="12"/>
    </row>
    <row r="690002" spans="8:8">
      <c r="H690002" s="12"/>
    </row>
    <row r="690003" spans="8:8">
      <c r="H690003" s="12"/>
    </row>
    <row r="690004" spans="8:8">
      <c r="H690004" s="12"/>
    </row>
    <row r="690005" spans="8:8">
      <c r="H690005" s="12"/>
    </row>
    <row r="690006" spans="8:8">
      <c r="H690006" s="12"/>
    </row>
    <row r="690007" spans="8:8">
      <c r="H690007" s="12"/>
    </row>
    <row r="690008" spans="8:8">
      <c r="H690008" s="12"/>
    </row>
    <row r="690009" spans="8:8">
      <c r="H690009" s="12"/>
    </row>
    <row r="690010" spans="8:8">
      <c r="H690010" s="12"/>
    </row>
    <row r="690011" spans="8:8">
      <c r="H690011" s="12"/>
    </row>
    <row r="690012" spans="8:8">
      <c r="H690012" s="12"/>
    </row>
    <row r="690013" spans="8:8">
      <c r="H690013" s="12"/>
    </row>
    <row r="690014" spans="8:8">
      <c r="H690014" s="12"/>
    </row>
    <row r="690015" spans="8:8">
      <c r="H690015" s="12"/>
    </row>
    <row r="690016" spans="8:8">
      <c r="H690016" s="12"/>
    </row>
    <row r="690017" spans="8:8">
      <c r="H690017" s="12"/>
    </row>
    <row r="690018" spans="8:8">
      <c r="H690018" s="12"/>
    </row>
    <row r="690019" spans="8:8">
      <c r="H690019" s="12"/>
    </row>
    <row r="690020" spans="8:8">
      <c r="H690020" s="12"/>
    </row>
    <row r="690021" spans="8:8">
      <c r="H690021" s="12"/>
    </row>
    <row r="690022" spans="8:8">
      <c r="H690022" s="12"/>
    </row>
    <row r="690023" spans="8:8">
      <c r="H690023" s="12"/>
    </row>
    <row r="690024" spans="8:8">
      <c r="H690024" s="12"/>
    </row>
    <row r="690025" spans="8:8">
      <c r="H690025" s="12"/>
    </row>
    <row r="690026" spans="8:8">
      <c r="H690026" s="12"/>
    </row>
    <row r="690027" spans="8:8">
      <c r="H690027" s="12"/>
    </row>
    <row r="690028" spans="8:8">
      <c r="H690028" s="12"/>
    </row>
    <row r="690029" spans="8:8">
      <c r="H690029" s="12"/>
    </row>
    <row r="690030" spans="8:8">
      <c r="H690030" s="12"/>
    </row>
    <row r="690031" spans="8:8">
      <c r="H690031" s="12"/>
    </row>
    <row r="690032" spans="8:8">
      <c r="H690032" s="12"/>
    </row>
    <row r="690033" spans="8:8">
      <c r="H690033" s="12"/>
    </row>
    <row r="690034" spans="8:8">
      <c r="H690034" s="12"/>
    </row>
    <row r="690035" spans="8:8">
      <c r="H690035" s="12"/>
    </row>
    <row r="690036" spans="8:8">
      <c r="H690036" s="12"/>
    </row>
    <row r="690037" spans="8:8">
      <c r="H690037" s="12"/>
    </row>
    <row r="690038" spans="8:8">
      <c r="H690038" s="12"/>
    </row>
    <row r="690039" spans="8:8">
      <c r="H690039" s="12"/>
    </row>
    <row r="690040" spans="8:8">
      <c r="H690040" s="12"/>
    </row>
    <row r="690041" spans="8:8">
      <c r="H690041" s="12"/>
    </row>
    <row r="690042" spans="8:8">
      <c r="H690042" s="12"/>
    </row>
    <row r="690043" spans="8:8">
      <c r="H690043" s="12"/>
    </row>
    <row r="690044" spans="8:8">
      <c r="H690044" s="12"/>
    </row>
    <row r="690045" spans="8:8">
      <c r="H690045" s="12"/>
    </row>
    <row r="690046" spans="8:8">
      <c r="H690046" s="12"/>
    </row>
    <row r="690047" spans="8:8">
      <c r="H690047" s="12"/>
    </row>
    <row r="690048" spans="8:8">
      <c r="H690048" s="12"/>
    </row>
    <row r="690049" spans="8:8">
      <c r="H690049" s="12"/>
    </row>
    <row r="690050" spans="8:8">
      <c r="H690050" s="12"/>
    </row>
    <row r="690051" spans="8:8">
      <c r="H690051" s="12"/>
    </row>
    <row r="690052" spans="8:8">
      <c r="H690052" s="12"/>
    </row>
    <row r="690053" spans="8:8">
      <c r="H690053" s="12"/>
    </row>
    <row r="690054" spans="8:8">
      <c r="H690054" s="12"/>
    </row>
    <row r="690055" spans="8:8">
      <c r="H690055" s="12"/>
    </row>
    <row r="690056" spans="8:8">
      <c r="H690056" s="12"/>
    </row>
    <row r="690057" spans="8:8">
      <c r="H690057" s="12"/>
    </row>
    <row r="690058" spans="8:8">
      <c r="H690058" s="12"/>
    </row>
    <row r="690059" spans="8:8">
      <c r="H690059" s="12"/>
    </row>
    <row r="690060" spans="8:8">
      <c r="H690060" s="12"/>
    </row>
    <row r="690061" spans="8:8">
      <c r="H690061" s="12"/>
    </row>
    <row r="690062" spans="8:8">
      <c r="H690062" s="12"/>
    </row>
    <row r="690063" spans="8:8">
      <c r="H690063" s="12"/>
    </row>
    <row r="690064" spans="8:8">
      <c r="H690064" s="12"/>
    </row>
    <row r="690065" spans="8:8">
      <c r="H690065" s="12"/>
    </row>
    <row r="690066" spans="8:8">
      <c r="H690066" s="12"/>
    </row>
    <row r="690067" spans="8:8">
      <c r="H690067" s="12"/>
    </row>
    <row r="690068" spans="8:8">
      <c r="H690068" s="12"/>
    </row>
    <row r="690069" spans="8:8">
      <c r="H690069" s="12"/>
    </row>
    <row r="690070" spans="8:8">
      <c r="H690070" s="12"/>
    </row>
    <row r="690071" spans="8:8">
      <c r="H690071" s="12"/>
    </row>
    <row r="690072" spans="8:8">
      <c r="H690072" s="12"/>
    </row>
    <row r="690073" spans="8:8">
      <c r="H690073" s="12"/>
    </row>
    <row r="690074" spans="8:8">
      <c r="H690074" s="12"/>
    </row>
    <row r="690075" spans="8:8">
      <c r="H690075" s="12"/>
    </row>
    <row r="690076" spans="8:8">
      <c r="H690076" s="12"/>
    </row>
    <row r="690077" spans="8:8">
      <c r="H690077" s="12"/>
    </row>
    <row r="690078" spans="8:8">
      <c r="H690078" s="12"/>
    </row>
    <row r="690079" spans="8:8">
      <c r="H690079" s="12"/>
    </row>
    <row r="690080" spans="8:8">
      <c r="H690080" s="12"/>
    </row>
    <row r="690081" spans="8:8">
      <c r="H690081" s="12"/>
    </row>
    <row r="690082" spans="8:8">
      <c r="H690082" s="12"/>
    </row>
    <row r="690083" spans="8:8">
      <c r="H690083" s="12"/>
    </row>
    <row r="690084" spans="8:8">
      <c r="H690084" s="12"/>
    </row>
    <row r="690085" spans="8:8">
      <c r="H690085" s="12"/>
    </row>
    <row r="690086" spans="8:8">
      <c r="H690086" s="12"/>
    </row>
    <row r="690087" spans="8:8">
      <c r="H690087" s="12"/>
    </row>
    <row r="690088" spans="8:8">
      <c r="H690088" s="12"/>
    </row>
    <row r="690089" spans="8:8">
      <c r="H690089" s="12"/>
    </row>
    <row r="690090" spans="8:8">
      <c r="H690090" s="12"/>
    </row>
    <row r="690091" spans="8:8">
      <c r="H690091" s="12"/>
    </row>
    <row r="690092" spans="8:8">
      <c r="H690092" s="12"/>
    </row>
    <row r="690093" spans="8:8">
      <c r="H690093" s="12"/>
    </row>
    <row r="690094" spans="8:8">
      <c r="H690094" s="12"/>
    </row>
    <row r="690095" spans="8:8">
      <c r="H690095" s="12"/>
    </row>
    <row r="690096" spans="8:8">
      <c r="H690096" s="12"/>
    </row>
    <row r="690097" spans="8:8">
      <c r="H690097" s="12"/>
    </row>
    <row r="690098" spans="8:8">
      <c r="H690098" s="12"/>
    </row>
    <row r="690099" spans="8:8">
      <c r="H690099" s="12"/>
    </row>
    <row r="690100" spans="8:8">
      <c r="H690100" s="12"/>
    </row>
    <row r="690101" spans="8:8">
      <c r="H690101" s="12"/>
    </row>
    <row r="690102" spans="8:8">
      <c r="H690102" s="12"/>
    </row>
    <row r="690103" spans="8:8">
      <c r="H690103" s="12"/>
    </row>
    <row r="690104" spans="8:8">
      <c r="H690104" s="12"/>
    </row>
    <row r="690105" spans="8:8">
      <c r="H690105" s="12"/>
    </row>
    <row r="690106" spans="8:8">
      <c r="H690106" s="12"/>
    </row>
    <row r="690107" spans="8:8">
      <c r="H690107" s="12"/>
    </row>
    <row r="690108" spans="8:8">
      <c r="H690108" s="12"/>
    </row>
    <row r="690109" spans="8:8">
      <c r="H690109" s="12"/>
    </row>
    <row r="690110" spans="8:8">
      <c r="H690110" s="12"/>
    </row>
    <row r="690111" spans="8:8">
      <c r="H690111" s="12"/>
    </row>
    <row r="690112" spans="8:8">
      <c r="H690112" s="12"/>
    </row>
    <row r="690113" spans="8:8">
      <c r="H690113" s="12"/>
    </row>
    <row r="690114" spans="8:8">
      <c r="H690114" s="12"/>
    </row>
    <row r="690115" spans="8:8">
      <c r="H690115" s="12"/>
    </row>
    <row r="690116" spans="8:8">
      <c r="H690116" s="12"/>
    </row>
    <row r="690117" spans="8:8">
      <c r="H690117" s="12"/>
    </row>
    <row r="690118" spans="8:8">
      <c r="H690118" s="12"/>
    </row>
    <row r="690119" spans="8:8">
      <c r="H690119" s="12"/>
    </row>
    <row r="690120" spans="8:8">
      <c r="H690120" s="12"/>
    </row>
    <row r="690121" spans="8:8">
      <c r="H690121" s="12"/>
    </row>
    <row r="690122" spans="8:8">
      <c r="H690122" s="12"/>
    </row>
    <row r="690123" spans="8:8">
      <c r="H690123" s="12"/>
    </row>
    <row r="690124" spans="8:8">
      <c r="H690124" s="12"/>
    </row>
    <row r="690125" spans="8:8">
      <c r="H690125" s="12"/>
    </row>
    <row r="690126" spans="8:8">
      <c r="H690126" s="12"/>
    </row>
    <row r="690127" spans="8:8">
      <c r="H690127" s="12"/>
    </row>
    <row r="690128" spans="8:8">
      <c r="H690128" s="12"/>
    </row>
    <row r="690129" spans="8:8">
      <c r="H690129" s="12"/>
    </row>
    <row r="690130" spans="8:8">
      <c r="H690130" s="12"/>
    </row>
    <row r="690131" spans="8:8">
      <c r="H690131" s="12"/>
    </row>
    <row r="690132" spans="8:8">
      <c r="H690132" s="12"/>
    </row>
    <row r="690133" spans="8:8">
      <c r="H690133" s="12"/>
    </row>
    <row r="690134" spans="8:8">
      <c r="H690134" s="12"/>
    </row>
    <row r="690135" spans="8:8">
      <c r="H690135" s="12"/>
    </row>
    <row r="690136" spans="8:8">
      <c r="H690136" s="12"/>
    </row>
    <row r="690137" spans="8:8">
      <c r="H690137" s="12"/>
    </row>
    <row r="690138" spans="8:8">
      <c r="H690138" s="12"/>
    </row>
    <row r="690139" spans="8:8">
      <c r="H690139" s="12"/>
    </row>
    <row r="690140" spans="8:8">
      <c r="H690140" s="12"/>
    </row>
    <row r="690141" spans="8:8">
      <c r="H690141" s="12"/>
    </row>
    <row r="690142" spans="8:8">
      <c r="H690142" s="12"/>
    </row>
    <row r="690143" spans="8:8">
      <c r="H690143" s="12"/>
    </row>
    <row r="690144" spans="8:8">
      <c r="H690144" s="12"/>
    </row>
    <row r="690145" spans="8:8">
      <c r="H690145" s="12"/>
    </row>
    <row r="690146" spans="8:8">
      <c r="H690146" s="12"/>
    </row>
    <row r="690147" spans="8:8">
      <c r="H690147" s="12"/>
    </row>
    <row r="690148" spans="8:8">
      <c r="H690148" s="12"/>
    </row>
    <row r="690149" spans="8:8">
      <c r="H690149" s="12"/>
    </row>
    <row r="690150" spans="8:8">
      <c r="H690150" s="12"/>
    </row>
    <row r="690151" spans="8:8">
      <c r="H690151" s="12"/>
    </row>
    <row r="690152" spans="8:8">
      <c r="H690152" s="12"/>
    </row>
    <row r="690153" spans="8:8">
      <c r="H690153" s="12"/>
    </row>
    <row r="690154" spans="8:8">
      <c r="H690154" s="12"/>
    </row>
    <row r="690155" spans="8:8">
      <c r="H690155" s="12"/>
    </row>
    <row r="690156" spans="8:8">
      <c r="H690156" s="12"/>
    </row>
    <row r="690157" spans="8:8">
      <c r="H690157" s="12"/>
    </row>
    <row r="690158" spans="8:8">
      <c r="H690158" s="12"/>
    </row>
    <row r="690159" spans="8:8">
      <c r="H690159" s="12"/>
    </row>
    <row r="690160" spans="8:8">
      <c r="H690160" s="12"/>
    </row>
    <row r="690161" spans="8:8">
      <c r="H690161" s="12"/>
    </row>
    <row r="690162" spans="8:8">
      <c r="H690162" s="12"/>
    </row>
    <row r="690163" spans="8:8">
      <c r="H690163" s="12"/>
    </row>
    <row r="690164" spans="8:8">
      <c r="H690164" s="12"/>
    </row>
    <row r="690165" spans="8:8">
      <c r="H690165" s="12"/>
    </row>
    <row r="690166" spans="8:8">
      <c r="H690166" s="12"/>
    </row>
    <row r="690167" spans="8:8">
      <c r="H690167" s="12"/>
    </row>
    <row r="690168" spans="8:8">
      <c r="H690168" s="12"/>
    </row>
    <row r="690169" spans="8:8">
      <c r="H690169" s="12"/>
    </row>
    <row r="690170" spans="8:8">
      <c r="H690170" s="12"/>
    </row>
    <row r="690171" spans="8:8">
      <c r="H690171" s="12"/>
    </row>
    <row r="690172" spans="8:8">
      <c r="H690172" s="12"/>
    </row>
    <row r="690173" spans="8:8">
      <c r="H690173" s="12"/>
    </row>
    <row r="690174" spans="8:8">
      <c r="H690174" s="12"/>
    </row>
    <row r="690175" spans="8:8">
      <c r="H690175" s="12"/>
    </row>
    <row r="690176" spans="8:8">
      <c r="H690176" s="12"/>
    </row>
    <row r="690177" spans="8:8">
      <c r="H690177" s="12"/>
    </row>
    <row r="690178" spans="8:8">
      <c r="H690178" s="12"/>
    </row>
    <row r="690179" spans="8:8">
      <c r="H690179" s="12"/>
    </row>
    <row r="690180" spans="8:8">
      <c r="H690180" s="12"/>
    </row>
    <row r="690181" spans="8:8">
      <c r="H690181" s="12"/>
    </row>
    <row r="690182" spans="8:8">
      <c r="H690182" s="12"/>
    </row>
    <row r="690183" spans="8:8">
      <c r="H690183" s="12"/>
    </row>
    <row r="690184" spans="8:8">
      <c r="H690184" s="12"/>
    </row>
    <row r="690185" spans="8:8">
      <c r="H690185" s="12"/>
    </row>
    <row r="690186" spans="8:8">
      <c r="H690186" s="12"/>
    </row>
    <row r="690187" spans="8:8">
      <c r="H690187" s="12"/>
    </row>
    <row r="690188" spans="8:8">
      <c r="H690188" s="12"/>
    </row>
    <row r="690189" spans="8:8">
      <c r="H690189" s="12"/>
    </row>
    <row r="690190" spans="8:8">
      <c r="H690190" s="12"/>
    </row>
    <row r="690191" spans="8:8">
      <c r="H690191" s="12"/>
    </row>
    <row r="690192" spans="8:8">
      <c r="H690192" s="12"/>
    </row>
    <row r="690193" spans="8:8">
      <c r="H690193" s="12"/>
    </row>
    <row r="690194" spans="8:8">
      <c r="H690194" s="12"/>
    </row>
    <row r="690195" spans="8:8">
      <c r="H690195" s="12"/>
    </row>
    <row r="690196" spans="8:8">
      <c r="H690196" s="12"/>
    </row>
    <row r="690197" spans="8:8">
      <c r="H690197" s="12"/>
    </row>
    <row r="690198" spans="8:8">
      <c r="H690198" s="12"/>
    </row>
    <row r="690199" spans="8:8">
      <c r="H690199" s="12"/>
    </row>
    <row r="690200" spans="8:8">
      <c r="H690200" s="12"/>
    </row>
    <row r="690201" spans="8:8">
      <c r="H690201" s="12"/>
    </row>
    <row r="690202" spans="8:8">
      <c r="H690202" s="12"/>
    </row>
    <row r="690203" spans="8:8">
      <c r="H690203" s="12"/>
    </row>
    <row r="690204" spans="8:8">
      <c r="H690204" s="12"/>
    </row>
    <row r="690205" spans="8:8">
      <c r="H690205" s="12"/>
    </row>
    <row r="690206" spans="8:8">
      <c r="H690206" s="12"/>
    </row>
    <row r="690207" spans="8:8">
      <c r="H690207" s="12"/>
    </row>
    <row r="690208" spans="8:8">
      <c r="H690208" s="12"/>
    </row>
    <row r="690209" spans="8:8">
      <c r="H690209" s="12"/>
    </row>
    <row r="690210" spans="8:8">
      <c r="H690210" s="12"/>
    </row>
    <row r="690211" spans="8:8">
      <c r="H690211" s="12"/>
    </row>
    <row r="690212" spans="8:8">
      <c r="H690212" s="12"/>
    </row>
    <row r="690213" spans="8:8">
      <c r="H690213" s="12"/>
    </row>
    <row r="690214" spans="8:8">
      <c r="H690214" s="12"/>
    </row>
    <row r="690215" spans="8:8">
      <c r="H690215" s="12"/>
    </row>
    <row r="690216" spans="8:8">
      <c r="H690216" s="12"/>
    </row>
    <row r="690217" spans="8:8">
      <c r="H690217" s="12"/>
    </row>
    <row r="690218" spans="8:8">
      <c r="H690218" s="12"/>
    </row>
    <row r="690219" spans="8:8">
      <c r="H690219" s="12"/>
    </row>
    <row r="690220" spans="8:8">
      <c r="H690220" s="12"/>
    </row>
    <row r="690221" spans="8:8">
      <c r="H690221" s="12"/>
    </row>
    <row r="690222" spans="8:8">
      <c r="H690222" s="12"/>
    </row>
    <row r="690223" spans="8:8">
      <c r="H690223" s="12"/>
    </row>
    <row r="690224" spans="8:8">
      <c r="H690224" s="12"/>
    </row>
    <row r="690225" spans="8:8">
      <c r="H690225" s="12"/>
    </row>
    <row r="690226" spans="8:8">
      <c r="H690226" s="12"/>
    </row>
    <row r="690227" spans="8:8">
      <c r="H690227" s="12"/>
    </row>
    <row r="690228" spans="8:8">
      <c r="H690228" s="12"/>
    </row>
    <row r="690229" spans="8:8">
      <c r="H690229" s="12"/>
    </row>
    <row r="690230" spans="8:8">
      <c r="H690230" s="12"/>
    </row>
    <row r="690231" spans="8:8">
      <c r="H690231" s="12"/>
    </row>
    <row r="690232" spans="8:8">
      <c r="H690232" s="12"/>
    </row>
    <row r="690233" spans="8:8">
      <c r="H690233" s="12"/>
    </row>
    <row r="690234" spans="8:8">
      <c r="H690234" s="12"/>
    </row>
    <row r="690235" spans="8:8">
      <c r="H690235" s="12"/>
    </row>
    <row r="690236" spans="8:8">
      <c r="H690236" s="12"/>
    </row>
    <row r="690237" spans="8:8">
      <c r="H690237" s="12"/>
    </row>
    <row r="690238" spans="8:8">
      <c r="H690238" s="12"/>
    </row>
    <row r="690239" spans="8:8">
      <c r="H690239" s="12"/>
    </row>
    <row r="690240" spans="8:8">
      <c r="H690240" s="12"/>
    </row>
    <row r="690241" spans="8:8">
      <c r="H690241" s="12"/>
    </row>
    <row r="690242" spans="8:8">
      <c r="H690242" s="12"/>
    </row>
    <row r="690243" spans="8:8">
      <c r="H690243" s="12"/>
    </row>
    <row r="690244" spans="8:8">
      <c r="H690244" s="12"/>
    </row>
    <row r="690245" spans="8:8">
      <c r="H690245" s="12"/>
    </row>
    <row r="690246" spans="8:8">
      <c r="H690246" s="12"/>
    </row>
    <row r="690247" spans="8:8">
      <c r="H690247" s="12"/>
    </row>
    <row r="690248" spans="8:8">
      <c r="H690248" s="12"/>
    </row>
    <row r="690249" spans="8:8">
      <c r="H690249" s="12"/>
    </row>
    <row r="690250" spans="8:8">
      <c r="H690250" s="12"/>
    </row>
    <row r="690251" spans="8:8">
      <c r="H690251" s="12"/>
    </row>
    <row r="690252" spans="8:8">
      <c r="H690252" s="12"/>
    </row>
    <row r="690253" spans="8:8">
      <c r="H690253" s="12"/>
    </row>
    <row r="690254" spans="8:8">
      <c r="H690254" s="12"/>
    </row>
    <row r="690255" spans="8:8">
      <c r="H690255" s="12"/>
    </row>
    <row r="690256" spans="8:8">
      <c r="H690256" s="12"/>
    </row>
    <row r="690257" spans="8:8">
      <c r="H690257" s="12"/>
    </row>
    <row r="690258" spans="8:8">
      <c r="H690258" s="12"/>
    </row>
    <row r="690259" spans="8:8">
      <c r="H690259" s="12"/>
    </row>
    <row r="690260" spans="8:8">
      <c r="H690260" s="12"/>
    </row>
    <row r="690261" spans="8:8">
      <c r="H690261" s="12"/>
    </row>
    <row r="690262" spans="8:8">
      <c r="H690262" s="12"/>
    </row>
    <row r="690263" spans="8:8">
      <c r="H690263" s="12"/>
    </row>
    <row r="690264" spans="8:8">
      <c r="H690264" s="12"/>
    </row>
    <row r="690265" spans="8:8">
      <c r="H690265" s="12"/>
    </row>
    <row r="690266" spans="8:8">
      <c r="H690266" s="12"/>
    </row>
    <row r="690267" spans="8:8">
      <c r="H690267" s="12"/>
    </row>
    <row r="690268" spans="8:8">
      <c r="H690268" s="12"/>
    </row>
    <row r="690269" spans="8:8">
      <c r="H690269" s="12"/>
    </row>
    <row r="690270" spans="8:8">
      <c r="H690270" s="12"/>
    </row>
    <row r="690271" spans="8:8">
      <c r="H690271" s="12"/>
    </row>
    <row r="690272" spans="8:8">
      <c r="H690272" s="12"/>
    </row>
    <row r="690273" spans="8:8">
      <c r="H690273" s="12"/>
    </row>
    <row r="690274" spans="8:8">
      <c r="H690274" s="12"/>
    </row>
    <row r="690275" spans="8:8">
      <c r="H690275" s="12"/>
    </row>
    <row r="690276" spans="8:8">
      <c r="H690276" s="12"/>
    </row>
    <row r="690277" spans="8:8">
      <c r="H690277" s="12"/>
    </row>
    <row r="690278" spans="8:8">
      <c r="H690278" s="12"/>
    </row>
    <row r="690279" spans="8:8">
      <c r="H690279" s="12"/>
    </row>
    <row r="690280" spans="8:8">
      <c r="H690280" s="12"/>
    </row>
    <row r="690281" spans="8:8">
      <c r="H690281" s="12"/>
    </row>
    <row r="690282" spans="8:8">
      <c r="H690282" s="12"/>
    </row>
    <row r="690283" spans="8:8">
      <c r="H690283" s="12"/>
    </row>
    <row r="690284" spans="8:8">
      <c r="H690284" s="12"/>
    </row>
    <row r="690285" spans="8:8">
      <c r="H690285" s="12"/>
    </row>
    <row r="690286" spans="8:8">
      <c r="H690286" s="12"/>
    </row>
    <row r="690287" spans="8:8">
      <c r="H690287" s="12"/>
    </row>
    <row r="690288" spans="8:8">
      <c r="H690288" s="12"/>
    </row>
    <row r="690289" spans="8:8">
      <c r="H690289" s="12"/>
    </row>
    <row r="690290" spans="8:8">
      <c r="H690290" s="12"/>
    </row>
    <row r="690291" spans="8:8">
      <c r="H690291" s="12"/>
    </row>
    <row r="690292" spans="8:8">
      <c r="H690292" s="12"/>
    </row>
    <row r="690293" spans="8:8">
      <c r="H690293" s="12"/>
    </row>
    <row r="690294" spans="8:8">
      <c r="H690294" s="12"/>
    </row>
    <row r="690295" spans="8:8">
      <c r="H690295" s="12"/>
    </row>
    <row r="690296" spans="8:8">
      <c r="H690296" s="12"/>
    </row>
    <row r="690297" spans="8:8">
      <c r="H690297" s="12"/>
    </row>
    <row r="690298" spans="8:8">
      <c r="H690298" s="12"/>
    </row>
    <row r="690299" spans="8:8">
      <c r="H690299" s="12"/>
    </row>
    <row r="690300" spans="8:8">
      <c r="H690300" s="12"/>
    </row>
    <row r="690301" spans="8:8">
      <c r="H690301" s="12"/>
    </row>
    <row r="690302" spans="8:8">
      <c r="H690302" s="12"/>
    </row>
    <row r="690303" spans="8:8">
      <c r="H690303" s="12"/>
    </row>
    <row r="690304" spans="8:8">
      <c r="H690304" s="12"/>
    </row>
    <row r="690305" spans="8:8">
      <c r="H690305" s="12"/>
    </row>
    <row r="690306" spans="8:8">
      <c r="H690306" s="12"/>
    </row>
    <row r="690307" spans="8:8">
      <c r="H690307" s="12"/>
    </row>
    <row r="690308" spans="8:8">
      <c r="H690308" s="12"/>
    </row>
    <row r="690309" spans="8:8">
      <c r="H690309" s="12"/>
    </row>
    <row r="690310" spans="8:8">
      <c r="H690310" s="12"/>
    </row>
    <row r="690311" spans="8:8">
      <c r="H690311" s="12"/>
    </row>
    <row r="690312" spans="8:8">
      <c r="H690312" s="12"/>
    </row>
    <row r="690313" spans="8:8">
      <c r="H690313" s="12"/>
    </row>
    <row r="690314" spans="8:8">
      <c r="H690314" s="12"/>
    </row>
    <row r="690315" spans="8:8">
      <c r="H690315" s="12"/>
    </row>
    <row r="690316" spans="8:8">
      <c r="H690316" s="12"/>
    </row>
    <row r="690317" spans="8:8">
      <c r="H690317" s="12"/>
    </row>
    <row r="690318" spans="8:8">
      <c r="H690318" s="12"/>
    </row>
    <row r="690319" spans="8:8">
      <c r="H690319" s="12"/>
    </row>
    <row r="690320" spans="8:8">
      <c r="H690320" s="12"/>
    </row>
    <row r="690321" spans="8:8">
      <c r="H690321" s="12"/>
    </row>
    <row r="690322" spans="8:8">
      <c r="H690322" s="12"/>
    </row>
    <row r="690323" spans="8:8">
      <c r="H690323" s="12"/>
    </row>
    <row r="690324" spans="8:8">
      <c r="H690324" s="12"/>
    </row>
    <row r="690325" spans="8:8">
      <c r="H690325" s="12"/>
    </row>
    <row r="690326" spans="8:8">
      <c r="H690326" s="12"/>
    </row>
    <row r="690327" spans="8:8">
      <c r="H690327" s="12"/>
    </row>
    <row r="690328" spans="8:8">
      <c r="H690328" s="12"/>
    </row>
    <row r="690329" spans="8:8">
      <c r="H690329" s="12"/>
    </row>
    <row r="690330" spans="8:8">
      <c r="H690330" s="12"/>
    </row>
    <row r="690331" spans="8:8">
      <c r="H690331" s="12"/>
    </row>
    <row r="690332" spans="8:8">
      <c r="H690332" s="12"/>
    </row>
    <row r="690333" spans="8:8">
      <c r="H690333" s="12"/>
    </row>
    <row r="690334" spans="8:8">
      <c r="H690334" s="12"/>
    </row>
    <row r="690335" spans="8:8">
      <c r="H690335" s="12"/>
    </row>
    <row r="690336" spans="8:8">
      <c r="H690336" s="12"/>
    </row>
    <row r="690337" spans="8:8">
      <c r="H690337" s="12"/>
    </row>
    <row r="690338" spans="8:8">
      <c r="H690338" s="12"/>
    </row>
    <row r="690339" spans="8:8">
      <c r="H690339" s="12"/>
    </row>
    <row r="690340" spans="8:8">
      <c r="H690340" s="12"/>
    </row>
    <row r="690341" spans="8:8">
      <c r="H690341" s="12"/>
    </row>
    <row r="690342" spans="8:8">
      <c r="H690342" s="12"/>
    </row>
    <row r="690343" spans="8:8">
      <c r="H690343" s="12"/>
    </row>
    <row r="690344" spans="8:8">
      <c r="H690344" s="12"/>
    </row>
    <row r="690345" spans="8:8">
      <c r="H690345" s="12"/>
    </row>
    <row r="690346" spans="8:8">
      <c r="H690346" s="12"/>
    </row>
    <row r="690347" spans="8:8">
      <c r="H690347" s="12"/>
    </row>
    <row r="690348" spans="8:8">
      <c r="H690348" s="12"/>
    </row>
    <row r="690349" spans="8:8">
      <c r="H690349" s="12"/>
    </row>
    <row r="690350" spans="8:8">
      <c r="H690350" s="12"/>
    </row>
    <row r="690351" spans="8:8">
      <c r="H690351" s="12"/>
    </row>
    <row r="690352" spans="8:8">
      <c r="H690352" s="12"/>
    </row>
    <row r="690353" spans="8:8">
      <c r="H690353" s="12"/>
    </row>
    <row r="690354" spans="8:8">
      <c r="H690354" s="12"/>
    </row>
    <row r="690355" spans="8:8">
      <c r="H690355" s="12"/>
    </row>
    <row r="690356" spans="8:8">
      <c r="H690356" s="12"/>
    </row>
    <row r="690357" spans="8:8">
      <c r="H690357" s="12"/>
    </row>
    <row r="690358" spans="8:8">
      <c r="H690358" s="12"/>
    </row>
    <row r="690359" spans="8:8">
      <c r="H690359" s="12"/>
    </row>
    <row r="690360" spans="8:8">
      <c r="H690360" s="12"/>
    </row>
    <row r="690361" spans="8:8">
      <c r="H690361" s="12"/>
    </row>
    <row r="690362" spans="8:8">
      <c r="H690362" s="12"/>
    </row>
    <row r="690363" spans="8:8">
      <c r="H690363" s="12"/>
    </row>
    <row r="690364" spans="8:8">
      <c r="H690364" s="12"/>
    </row>
    <row r="690365" spans="8:8">
      <c r="H690365" s="12"/>
    </row>
    <row r="690366" spans="8:8">
      <c r="H690366" s="12"/>
    </row>
    <row r="690367" spans="8:8">
      <c r="H690367" s="12"/>
    </row>
    <row r="690368" spans="8:8">
      <c r="H690368" s="12"/>
    </row>
    <row r="690369" spans="8:8">
      <c r="H690369" s="12"/>
    </row>
    <row r="690370" spans="8:8">
      <c r="H690370" s="12"/>
    </row>
    <row r="690371" spans="8:8">
      <c r="H690371" s="12"/>
    </row>
    <row r="690372" spans="8:8">
      <c r="H690372" s="12"/>
    </row>
    <row r="690373" spans="8:8">
      <c r="H690373" s="12"/>
    </row>
    <row r="690374" spans="8:8">
      <c r="H690374" s="12"/>
    </row>
    <row r="690375" spans="8:8">
      <c r="H690375" s="12"/>
    </row>
    <row r="690376" spans="8:8">
      <c r="H690376" s="12"/>
    </row>
    <row r="690377" spans="8:8">
      <c r="H690377" s="12"/>
    </row>
    <row r="690378" spans="8:8">
      <c r="H690378" s="12"/>
    </row>
    <row r="690379" spans="8:8">
      <c r="H690379" s="12"/>
    </row>
    <row r="690380" spans="8:8">
      <c r="H690380" s="12"/>
    </row>
    <row r="690381" spans="8:8">
      <c r="H690381" s="12"/>
    </row>
    <row r="690382" spans="8:8">
      <c r="H690382" s="12"/>
    </row>
    <row r="690383" spans="8:8">
      <c r="H690383" s="12"/>
    </row>
    <row r="690384" spans="8:8">
      <c r="H690384" s="12"/>
    </row>
    <row r="690385" spans="8:8">
      <c r="H690385" s="12"/>
    </row>
    <row r="690386" spans="8:8">
      <c r="H690386" s="12"/>
    </row>
    <row r="690387" spans="8:8">
      <c r="H690387" s="12"/>
    </row>
    <row r="690388" spans="8:8">
      <c r="H690388" s="12"/>
    </row>
    <row r="690389" spans="8:8">
      <c r="H690389" s="12"/>
    </row>
    <row r="690390" spans="8:8">
      <c r="H690390" s="12"/>
    </row>
    <row r="690391" spans="8:8">
      <c r="H690391" s="12"/>
    </row>
    <row r="690392" spans="8:8">
      <c r="H690392" s="12"/>
    </row>
    <row r="690393" spans="8:8">
      <c r="H690393" s="12"/>
    </row>
    <row r="690394" spans="8:8">
      <c r="H690394" s="12"/>
    </row>
    <row r="690395" spans="8:8">
      <c r="H690395" s="12"/>
    </row>
    <row r="690396" spans="8:8">
      <c r="H690396" s="12"/>
    </row>
    <row r="690397" spans="8:8">
      <c r="H690397" s="12"/>
    </row>
    <row r="690398" spans="8:8">
      <c r="H690398" s="12"/>
    </row>
    <row r="690399" spans="8:8">
      <c r="H690399" s="12"/>
    </row>
    <row r="690400" spans="8:8">
      <c r="H690400" s="12"/>
    </row>
    <row r="690401" spans="8:8">
      <c r="H690401" s="12"/>
    </row>
    <row r="690402" spans="8:8">
      <c r="H690402" s="12"/>
    </row>
    <row r="690403" spans="8:8">
      <c r="H690403" s="12"/>
    </row>
    <row r="690404" spans="8:8">
      <c r="H690404" s="12"/>
    </row>
    <row r="690405" spans="8:8">
      <c r="H690405" s="12"/>
    </row>
    <row r="690406" spans="8:8">
      <c r="H690406" s="12"/>
    </row>
    <row r="690407" spans="8:8">
      <c r="H690407" s="12"/>
    </row>
    <row r="690408" spans="8:8">
      <c r="H690408" s="12"/>
    </row>
    <row r="690409" spans="8:8">
      <c r="H690409" s="12"/>
    </row>
    <row r="690410" spans="8:8">
      <c r="H690410" s="12"/>
    </row>
    <row r="690411" spans="8:8">
      <c r="H690411" s="12"/>
    </row>
    <row r="690412" spans="8:8">
      <c r="H690412" s="12"/>
    </row>
    <row r="690413" spans="8:8">
      <c r="H690413" s="12"/>
    </row>
    <row r="690414" spans="8:8">
      <c r="H690414" s="12"/>
    </row>
    <row r="690415" spans="8:8">
      <c r="H690415" s="12"/>
    </row>
    <row r="690416" spans="8:8">
      <c r="H690416" s="12"/>
    </row>
    <row r="690417" spans="8:8">
      <c r="H690417" s="12"/>
    </row>
    <row r="690418" spans="8:8">
      <c r="H690418" s="12"/>
    </row>
    <row r="690419" spans="8:8">
      <c r="H690419" s="12"/>
    </row>
    <row r="690420" spans="8:8">
      <c r="H690420" s="12"/>
    </row>
    <row r="690421" spans="8:8">
      <c r="H690421" s="12"/>
    </row>
    <row r="690422" spans="8:8">
      <c r="H690422" s="12"/>
    </row>
    <row r="690423" spans="8:8">
      <c r="H690423" s="12"/>
    </row>
    <row r="690424" spans="8:8">
      <c r="H690424" s="12"/>
    </row>
    <row r="690425" spans="8:8">
      <c r="H690425" s="12"/>
    </row>
    <row r="690426" spans="8:8">
      <c r="H690426" s="12"/>
    </row>
    <row r="690427" spans="8:8">
      <c r="H690427" s="12"/>
    </row>
    <row r="690428" spans="8:8">
      <c r="H690428" s="12"/>
    </row>
    <row r="690429" spans="8:8">
      <c r="H690429" s="12"/>
    </row>
    <row r="690430" spans="8:8">
      <c r="H690430" s="12"/>
    </row>
    <row r="690431" spans="8:8">
      <c r="H690431" s="12"/>
    </row>
    <row r="690432" spans="8:8">
      <c r="H690432" s="12"/>
    </row>
    <row r="690433" spans="8:8">
      <c r="H690433" s="12"/>
    </row>
    <row r="690434" spans="8:8">
      <c r="H690434" s="12"/>
    </row>
    <row r="690435" spans="8:8">
      <c r="H690435" s="12"/>
    </row>
    <row r="690436" spans="8:8">
      <c r="H690436" s="12"/>
    </row>
    <row r="690437" spans="8:8">
      <c r="H690437" s="12"/>
    </row>
    <row r="690438" spans="8:8">
      <c r="H690438" s="12"/>
    </row>
    <row r="690439" spans="8:8">
      <c r="H690439" s="12"/>
    </row>
    <row r="690440" spans="8:8">
      <c r="H690440" s="12"/>
    </row>
    <row r="690441" spans="8:8">
      <c r="H690441" s="12"/>
    </row>
    <row r="690442" spans="8:8">
      <c r="H690442" s="12"/>
    </row>
    <row r="690443" spans="8:8">
      <c r="H690443" s="12"/>
    </row>
    <row r="690444" spans="8:8">
      <c r="H690444" s="12"/>
    </row>
    <row r="690445" spans="8:8">
      <c r="H690445" s="12"/>
    </row>
    <row r="690446" spans="8:8">
      <c r="H690446" s="12"/>
    </row>
    <row r="690447" spans="8:8">
      <c r="H690447" s="12"/>
    </row>
    <row r="690448" spans="8:8">
      <c r="H690448" s="12"/>
    </row>
    <row r="690449" spans="8:8">
      <c r="H690449" s="12"/>
    </row>
    <row r="690450" spans="8:8">
      <c r="H690450" s="12"/>
    </row>
    <row r="690451" spans="8:8">
      <c r="H690451" s="12"/>
    </row>
    <row r="690452" spans="8:8">
      <c r="H690452" s="12"/>
    </row>
    <row r="690453" spans="8:8">
      <c r="H690453" s="12"/>
    </row>
    <row r="690454" spans="8:8">
      <c r="H690454" s="12"/>
    </row>
    <row r="690455" spans="8:8">
      <c r="H690455" s="12"/>
    </row>
    <row r="690456" spans="8:8">
      <c r="H690456" s="12"/>
    </row>
    <row r="690457" spans="8:8">
      <c r="H690457" s="12"/>
    </row>
    <row r="690458" spans="8:8">
      <c r="H690458" s="12"/>
    </row>
    <row r="690459" spans="8:8">
      <c r="H690459" s="12"/>
    </row>
    <row r="690460" spans="8:8">
      <c r="H690460" s="12"/>
    </row>
    <row r="690461" spans="8:8">
      <c r="H690461" s="12"/>
    </row>
    <row r="690462" spans="8:8">
      <c r="H690462" s="12"/>
    </row>
    <row r="690463" spans="8:8">
      <c r="H690463" s="12"/>
    </row>
    <row r="690464" spans="8:8">
      <c r="H690464" s="12"/>
    </row>
    <row r="690465" spans="8:8">
      <c r="H690465" s="12"/>
    </row>
    <row r="690466" spans="8:8">
      <c r="H690466" s="12"/>
    </row>
    <row r="690467" spans="8:8">
      <c r="H690467" s="12"/>
    </row>
    <row r="690468" spans="8:8">
      <c r="H690468" s="12"/>
    </row>
    <row r="690469" spans="8:8">
      <c r="H690469" s="12"/>
    </row>
    <row r="690470" spans="8:8">
      <c r="H690470" s="12"/>
    </row>
    <row r="690471" spans="8:8">
      <c r="H690471" s="12"/>
    </row>
    <row r="690472" spans="8:8">
      <c r="H690472" s="12"/>
    </row>
    <row r="690473" spans="8:8">
      <c r="H690473" s="12"/>
    </row>
    <row r="690474" spans="8:8">
      <c r="H690474" s="12"/>
    </row>
    <row r="690475" spans="8:8">
      <c r="H690475" s="12"/>
    </row>
    <row r="690476" spans="8:8">
      <c r="H690476" s="12"/>
    </row>
    <row r="690477" spans="8:8">
      <c r="H690477" s="12"/>
    </row>
    <row r="690478" spans="8:8">
      <c r="H690478" s="12"/>
    </row>
    <row r="690479" spans="8:8">
      <c r="H690479" s="12"/>
    </row>
    <row r="690480" spans="8:8">
      <c r="H690480" s="12"/>
    </row>
    <row r="690481" spans="8:8">
      <c r="H690481" s="12"/>
    </row>
    <row r="690482" spans="8:8">
      <c r="H690482" s="12"/>
    </row>
    <row r="690483" spans="8:8">
      <c r="H690483" s="12"/>
    </row>
    <row r="690484" spans="8:8">
      <c r="H690484" s="12"/>
    </row>
    <row r="690485" spans="8:8">
      <c r="H690485" s="12"/>
    </row>
    <row r="690486" spans="8:8">
      <c r="H690486" s="12"/>
    </row>
    <row r="690487" spans="8:8">
      <c r="H690487" s="12"/>
    </row>
    <row r="690488" spans="8:8">
      <c r="H690488" s="12"/>
    </row>
    <row r="690489" spans="8:8">
      <c r="H690489" s="12"/>
    </row>
    <row r="690490" spans="8:8">
      <c r="H690490" s="12"/>
    </row>
    <row r="690491" spans="8:8">
      <c r="H690491" s="12"/>
    </row>
    <row r="690492" spans="8:8">
      <c r="H690492" s="12"/>
    </row>
    <row r="690493" spans="8:8">
      <c r="H690493" s="12"/>
    </row>
    <row r="690494" spans="8:8">
      <c r="H690494" s="12"/>
    </row>
    <row r="690495" spans="8:8">
      <c r="H690495" s="12"/>
    </row>
    <row r="690496" spans="8:8">
      <c r="H690496" s="12"/>
    </row>
    <row r="690497" spans="8:8">
      <c r="H690497" s="12"/>
    </row>
    <row r="690498" spans="8:8">
      <c r="H690498" s="12"/>
    </row>
    <row r="690499" spans="8:8">
      <c r="H690499" s="12"/>
    </row>
    <row r="690500" spans="8:8">
      <c r="H690500" s="12"/>
    </row>
    <row r="690501" spans="8:8">
      <c r="H690501" s="12"/>
    </row>
    <row r="690502" spans="8:8">
      <c r="H690502" s="12"/>
    </row>
    <row r="690503" spans="8:8">
      <c r="H690503" s="12"/>
    </row>
    <row r="690504" spans="8:8">
      <c r="H690504" s="12"/>
    </row>
    <row r="690505" spans="8:8">
      <c r="H690505" s="12"/>
    </row>
    <row r="690506" spans="8:8">
      <c r="H690506" s="12"/>
    </row>
    <row r="690507" spans="8:8">
      <c r="H690507" s="12"/>
    </row>
    <row r="690508" spans="8:8">
      <c r="H690508" s="12"/>
    </row>
    <row r="690509" spans="8:8">
      <c r="H690509" s="12"/>
    </row>
    <row r="690510" spans="8:8">
      <c r="H690510" s="12"/>
    </row>
    <row r="690511" spans="8:8">
      <c r="H690511" s="12"/>
    </row>
    <row r="690512" spans="8:8">
      <c r="H690512" s="12"/>
    </row>
    <row r="690513" spans="8:8">
      <c r="H690513" s="12"/>
    </row>
    <row r="690514" spans="8:8">
      <c r="H690514" s="12"/>
    </row>
    <row r="690515" spans="8:8">
      <c r="H690515" s="12"/>
    </row>
    <row r="690516" spans="8:8">
      <c r="H690516" s="12"/>
    </row>
    <row r="690517" spans="8:8">
      <c r="H690517" s="12"/>
    </row>
    <row r="690518" spans="8:8">
      <c r="H690518" s="12"/>
    </row>
    <row r="690519" spans="8:8">
      <c r="H690519" s="12"/>
    </row>
    <row r="690520" spans="8:8">
      <c r="H690520" s="12"/>
    </row>
    <row r="690521" spans="8:8">
      <c r="H690521" s="12"/>
    </row>
    <row r="690522" spans="8:8">
      <c r="H690522" s="12"/>
    </row>
    <row r="690523" spans="8:8">
      <c r="H690523" s="12"/>
    </row>
    <row r="690524" spans="8:8">
      <c r="H690524" s="12"/>
    </row>
    <row r="690525" spans="8:8">
      <c r="H690525" s="12"/>
    </row>
    <row r="690526" spans="8:8">
      <c r="H690526" s="12"/>
    </row>
    <row r="690527" spans="8:8">
      <c r="H690527" s="12"/>
    </row>
    <row r="690528" spans="8:8">
      <c r="H690528" s="12"/>
    </row>
    <row r="690529" spans="8:8">
      <c r="H690529" s="12"/>
    </row>
    <row r="690530" spans="8:8">
      <c r="H690530" s="12"/>
    </row>
    <row r="690531" spans="8:8">
      <c r="H690531" s="12"/>
    </row>
    <row r="690532" spans="8:8">
      <c r="H690532" s="12"/>
    </row>
    <row r="690533" spans="8:8">
      <c r="H690533" s="12"/>
    </row>
    <row r="690534" spans="8:8">
      <c r="H690534" s="12"/>
    </row>
    <row r="690535" spans="8:8">
      <c r="H690535" s="12"/>
    </row>
    <row r="690536" spans="8:8">
      <c r="H690536" s="12"/>
    </row>
    <row r="690537" spans="8:8">
      <c r="H690537" s="12"/>
    </row>
    <row r="690538" spans="8:8">
      <c r="H690538" s="12"/>
    </row>
    <row r="690539" spans="8:8">
      <c r="H690539" s="12"/>
    </row>
    <row r="690540" spans="8:8">
      <c r="H690540" s="12"/>
    </row>
    <row r="690541" spans="8:8">
      <c r="H690541" s="12"/>
    </row>
    <row r="690542" spans="8:8">
      <c r="H690542" s="12"/>
    </row>
    <row r="690543" spans="8:8">
      <c r="H690543" s="12"/>
    </row>
    <row r="690544" spans="8:8">
      <c r="H690544" s="12"/>
    </row>
    <row r="690545" spans="8:8">
      <c r="H690545" s="12"/>
    </row>
    <row r="690546" spans="8:8">
      <c r="H690546" s="12"/>
    </row>
    <row r="690547" spans="8:8">
      <c r="H690547" s="12"/>
    </row>
    <row r="690548" spans="8:8">
      <c r="H690548" s="12"/>
    </row>
    <row r="690549" spans="8:8">
      <c r="H690549" s="12"/>
    </row>
    <row r="690550" spans="8:8">
      <c r="H690550" s="12"/>
    </row>
    <row r="690551" spans="8:8">
      <c r="H690551" s="12"/>
    </row>
    <row r="690552" spans="8:8">
      <c r="H690552" s="12"/>
    </row>
    <row r="690553" spans="8:8">
      <c r="H690553" s="12"/>
    </row>
    <row r="690554" spans="8:8">
      <c r="H690554" s="12"/>
    </row>
    <row r="690555" spans="8:8">
      <c r="H690555" s="12"/>
    </row>
    <row r="690556" spans="8:8">
      <c r="H690556" s="12"/>
    </row>
    <row r="690557" spans="8:8">
      <c r="H690557" s="12"/>
    </row>
    <row r="690558" spans="8:8">
      <c r="H690558" s="12"/>
    </row>
    <row r="690559" spans="8:8">
      <c r="H690559" s="12"/>
    </row>
    <row r="690560" spans="8:8">
      <c r="H690560" s="12"/>
    </row>
    <row r="690561" spans="8:8">
      <c r="H690561" s="12"/>
    </row>
    <row r="690562" spans="8:8">
      <c r="H690562" s="12"/>
    </row>
    <row r="690563" spans="8:8">
      <c r="H690563" s="12"/>
    </row>
    <row r="690564" spans="8:8">
      <c r="H690564" s="12"/>
    </row>
    <row r="690565" spans="8:8">
      <c r="H690565" s="12"/>
    </row>
    <row r="690566" spans="8:8">
      <c r="H690566" s="12"/>
    </row>
    <row r="690567" spans="8:8">
      <c r="H690567" s="12"/>
    </row>
    <row r="690568" spans="8:8">
      <c r="H690568" s="12"/>
    </row>
    <row r="690569" spans="8:8">
      <c r="H690569" s="12"/>
    </row>
    <row r="690570" spans="8:8">
      <c r="H690570" s="12"/>
    </row>
    <row r="690571" spans="8:8">
      <c r="H690571" s="12"/>
    </row>
    <row r="690572" spans="8:8">
      <c r="H690572" s="12"/>
    </row>
    <row r="690573" spans="8:8">
      <c r="H690573" s="12"/>
    </row>
    <row r="690574" spans="8:8">
      <c r="H690574" s="12"/>
    </row>
    <row r="690575" spans="8:8">
      <c r="H690575" s="12"/>
    </row>
    <row r="690576" spans="8:8">
      <c r="H690576" s="12"/>
    </row>
    <row r="690577" spans="8:8">
      <c r="H690577" s="12"/>
    </row>
    <row r="690578" spans="8:8">
      <c r="H690578" s="12"/>
    </row>
    <row r="690579" spans="8:8">
      <c r="H690579" s="12"/>
    </row>
    <row r="690580" spans="8:8">
      <c r="H690580" s="12"/>
    </row>
    <row r="690581" spans="8:8">
      <c r="H690581" s="12"/>
    </row>
    <row r="690582" spans="8:8">
      <c r="H690582" s="12"/>
    </row>
    <row r="690583" spans="8:8">
      <c r="H690583" s="12"/>
    </row>
    <row r="690584" spans="8:8">
      <c r="H690584" s="12"/>
    </row>
    <row r="690585" spans="8:8">
      <c r="H690585" s="12"/>
    </row>
    <row r="690586" spans="8:8">
      <c r="H690586" s="12"/>
    </row>
    <row r="690587" spans="8:8">
      <c r="H690587" s="12"/>
    </row>
    <row r="690588" spans="8:8">
      <c r="H690588" s="12"/>
    </row>
    <row r="690589" spans="8:8">
      <c r="H690589" s="12"/>
    </row>
    <row r="690590" spans="8:8">
      <c r="H690590" s="12"/>
    </row>
    <row r="690591" spans="8:8">
      <c r="H690591" s="12"/>
    </row>
    <row r="690592" spans="8:8">
      <c r="H690592" s="12"/>
    </row>
    <row r="690593" spans="8:8">
      <c r="H690593" s="12"/>
    </row>
    <row r="690594" spans="8:8">
      <c r="H690594" s="12"/>
    </row>
    <row r="690595" spans="8:8">
      <c r="H690595" s="12"/>
    </row>
    <row r="690596" spans="8:8">
      <c r="H690596" s="12"/>
    </row>
    <row r="690597" spans="8:8">
      <c r="H690597" s="12"/>
    </row>
    <row r="690598" spans="8:8">
      <c r="H690598" s="12"/>
    </row>
    <row r="690599" spans="8:8">
      <c r="H690599" s="12"/>
    </row>
    <row r="690600" spans="8:8">
      <c r="H690600" s="12"/>
    </row>
    <row r="690601" spans="8:8">
      <c r="H690601" s="12"/>
    </row>
    <row r="690602" spans="8:8">
      <c r="H690602" s="12"/>
    </row>
    <row r="690603" spans="8:8">
      <c r="H690603" s="12"/>
    </row>
    <row r="690604" spans="8:8">
      <c r="H690604" s="12"/>
    </row>
    <row r="690605" spans="8:8">
      <c r="H690605" s="12"/>
    </row>
    <row r="690606" spans="8:8">
      <c r="H690606" s="12"/>
    </row>
    <row r="690607" spans="8:8">
      <c r="H690607" s="12"/>
    </row>
    <row r="690608" spans="8:8">
      <c r="H690608" s="12"/>
    </row>
    <row r="690609" spans="8:8">
      <c r="H690609" s="12"/>
    </row>
    <row r="690610" spans="8:8">
      <c r="H690610" s="12"/>
    </row>
    <row r="690611" spans="8:8">
      <c r="H690611" s="12"/>
    </row>
    <row r="690612" spans="8:8">
      <c r="H690612" s="12"/>
    </row>
    <row r="690613" spans="8:8">
      <c r="H690613" s="12"/>
    </row>
    <row r="690614" spans="8:8">
      <c r="H690614" s="12"/>
    </row>
    <row r="690615" spans="8:8">
      <c r="H690615" s="12"/>
    </row>
    <row r="690616" spans="8:8">
      <c r="H690616" s="12"/>
    </row>
    <row r="690617" spans="8:8">
      <c r="H690617" s="12"/>
    </row>
    <row r="690618" spans="8:8">
      <c r="H690618" s="12"/>
    </row>
    <row r="690619" spans="8:8">
      <c r="H690619" s="12"/>
    </row>
    <row r="690620" spans="8:8">
      <c r="H690620" s="12"/>
    </row>
    <row r="690621" spans="8:8">
      <c r="H690621" s="12"/>
    </row>
    <row r="690622" spans="8:8">
      <c r="H690622" s="12"/>
    </row>
    <row r="690623" spans="8:8">
      <c r="H690623" s="12"/>
    </row>
    <row r="690624" spans="8:8">
      <c r="H690624" s="12"/>
    </row>
    <row r="690625" spans="8:8">
      <c r="H690625" s="12"/>
    </row>
    <row r="690626" spans="8:8">
      <c r="H690626" s="12"/>
    </row>
    <row r="690627" spans="8:8">
      <c r="H690627" s="12"/>
    </row>
    <row r="690628" spans="8:8">
      <c r="H690628" s="12"/>
    </row>
    <row r="690629" spans="8:8">
      <c r="H690629" s="12"/>
    </row>
    <row r="690630" spans="8:8">
      <c r="H690630" s="12"/>
    </row>
    <row r="690631" spans="8:8">
      <c r="H690631" s="12"/>
    </row>
    <row r="690632" spans="8:8">
      <c r="H690632" s="12"/>
    </row>
    <row r="690633" spans="8:8">
      <c r="H690633" s="12"/>
    </row>
    <row r="690634" spans="8:8">
      <c r="H690634" s="12"/>
    </row>
    <row r="690635" spans="8:8">
      <c r="H690635" s="12"/>
    </row>
    <row r="690636" spans="8:8">
      <c r="H690636" s="12"/>
    </row>
    <row r="690637" spans="8:8">
      <c r="H690637" s="12"/>
    </row>
    <row r="690638" spans="8:8">
      <c r="H690638" s="12"/>
    </row>
    <row r="690639" spans="8:8">
      <c r="H690639" s="12"/>
    </row>
    <row r="690640" spans="8:8">
      <c r="H690640" s="12"/>
    </row>
    <row r="690641" spans="8:8">
      <c r="H690641" s="12"/>
    </row>
    <row r="690642" spans="8:8">
      <c r="H690642" s="12"/>
    </row>
    <row r="690643" spans="8:8">
      <c r="H690643" s="12"/>
    </row>
    <row r="690644" spans="8:8">
      <c r="H690644" s="12"/>
    </row>
    <row r="690645" spans="8:8">
      <c r="H690645" s="12"/>
    </row>
    <row r="690646" spans="8:8">
      <c r="H690646" s="12"/>
    </row>
    <row r="690647" spans="8:8">
      <c r="H690647" s="12"/>
    </row>
    <row r="690648" spans="8:8">
      <c r="H690648" s="12"/>
    </row>
    <row r="690649" spans="8:8">
      <c r="H690649" s="12"/>
    </row>
    <row r="690650" spans="8:8">
      <c r="H690650" s="12"/>
    </row>
    <row r="690651" spans="8:8">
      <c r="H690651" s="12"/>
    </row>
    <row r="690652" spans="8:8">
      <c r="H690652" s="12"/>
    </row>
    <row r="690653" spans="8:8">
      <c r="H690653" s="12"/>
    </row>
    <row r="690654" spans="8:8">
      <c r="H690654" s="12"/>
    </row>
    <row r="690655" spans="8:8">
      <c r="H690655" s="12"/>
    </row>
    <row r="690656" spans="8:8">
      <c r="H690656" s="12"/>
    </row>
    <row r="690657" spans="8:8">
      <c r="H690657" s="12"/>
    </row>
    <row r="690658" spans="8:8">
      <c r="H690658" s="12"/>
    </row>
    <row r="690659" spans="8:8">
      <c r="H690659" s="12"/>
    </row>
    <row r="690660" spans="8:8">
      <c r="H690660" s="12"/>
    </row>
    <row r="690661" spans="8:8">
      <c r="H690661" s="12"/>
    </row>
    <row r="690662" spans="8:8">
      <c r="H690662" s="12"/>
    </row>
    <row r="690663" spans="8:8">
      <c r="H690663" s="12"/>
    </row>
    <row r="690664" spans="8:8">
      <c r="H690664" s="12"/>
    </row>
    <row r="690665" spans="8:8">
      <c r="H690665" s="12"/>
    </row>
    <row r="690666" spans="8:8">
      <c r="H690666" s="12"/>
    </row>
    <row r="690667" spans="8:8">
      <c r="H690667" s="12"/>
    </row>
    <row r="690668" spans="8:8">
      <c r="H690668" s="12"/>
    </row>
    <row r="690669" spans="8:8">
      <c r="H690669" s="12"/>
    </row>
    <row r="690670" spans="8:8">
      <c r="H690670" s="12"/>
    </row>
    <row r="690671" spans="8:8">
      <c r="H690671" s="12"/>
    </row>
    <row r="690672" spans="8:8">
      <c r="H690672" s="12"/>
    </row>
    <row r="690673" spans="8:8">
      <c r="H690673" s="12"/>
    </row>
    <row r="690674" spans="8:8">
      <c r="H690674" s="12"/>
    </row>
    <row r="690675" spans="8:8">
      <c r="H690675" s="12"/>
    </row>
    <row r="690676" spans="8:8">
      <c r="H690676" s="12"/>
    </row>
    <row r="690677" spans="8:8">
      <c r="H690677" s="12"/>
    </row>
    <row r="690678" spans="8:8">
      <c r="H690678" s="12"/>
    </row>
    <row r="690679" spans="8:8">
      <c r="H690679" s="12"/>
    </row>
    <row r="690680" spans="8:8">
      <c r="H690680" s="12"/>
    </row>
    <row r="690681" spans="8:8">
      <c r="H690681" s="12"/>
    </row>
    <row r="690682" spans="8:8">
      <c r="H690682" s="12"/>
    </row>
    <row r="690683" spans="8:8">
      <c r="H690683" s="12"/>
    </row>
    <row r="690684" spans="8:8">
      <c r="H690684" s="12"/>
    </row>
    <row r="690685" spans="8:8">
      <c r="H690685" s="12"/>
    </row>
    <row r="690686" spans="8:8">
      <c r="H690686" s="12"/>
    </row>
    <row r="690687" spans="8:8">
      <c r="H690687" s="12"/>
    </row>
    <row r="690688" spans="8:8">
      <c r="H690688" s="12"/>
    </row>
    <row r="690689" spans="8:8">
      <c r="H690689" s="12"/>
    </row>
    <row r="690690" spans="8:8">
      <c r="H690690" s="12"/>
    </row>
    <row r="690691" spans="8:8">
      <c r="H690691" s="12"/>
    </row>
    <row r="690692" spans="8:8">
      <c r="H690692" s="12"/>
    </row>
    <row r="690693" spans="8:8">
      <c r="H690693" s="12"/>
    </row>
    <row r="690694" spans="8:8">
      <c r="H690694" s="12"/>
    </row>
    <row r="690695" spans="8:8">
      <c r="H690695" s="12"/>
    </row>
    <row r="690696" spans="8:8">
      <c r="H690696" s="12"/>
    </row>
    <row r="690697" spans="8:8">
      <c r="H690697" s="12"/>
    </row>
    <row r="690698" spans="8:8">
      <c r="H690698" s="12"/>
    </row>
    <row r="690699" spans="8:8">
      <c r="H690699" s="12"/>
    </row>
    <row r="690700" spans="8:8">
      <c r="H690700" s="12"/>
    </row>
    <row r="690701" spans="8:8">
      <c r="H690701" s="12"/>
    </row>
    <row r="690702" spans="8:8">
      <c r="H690702" s="12"/>
    </row>
    <row r="690703" spans="8:8">
      <c r="H690703" s="12"/>
    </row>
    <row r="690704" spans="8:8">
      <c r="H690704" s="12"/>
    </row>
    <row r="690705" spans="8:8">
      <c r="H690705" s="12"/>
    </row>
    <row r="690706" spans="8:8">
      <c r="H690706" s="12"/>
    </row>
    <row r="690707" spans="8:8">
      <c r="H690707" s="12"/>
    </row>
    <row r="690708" spans="8:8">
      <c r="H690708" s="12"/>
    </row>
    <row r="690709" spans="8:8">
      <c r="H690709" s="12"/>
    </row>
    <row r="690710" spans="8:8">
      <c r="H690710" s="12"/>
    </row>
    <row r="690711" spans="8:8">
      <c r="H690711" s="12"/>
    </row>
    <row r="690712" spans="8:8">
      <c r="H690712" s="12"/>
    </row>
    <row r="690713" spans="8:8">
      <c r="H690713" s="12"/>
    </row>
    <row r="690714" spans="8:8">
      <c r="H690714" s="12"/>
    </row>
    <row r="690715" spans="8:8">
      <c r="H690715" s="12"/>
    </row>
    <row r="690716" spans="8:8">
      <c r="H690716" s="12"/>
    </row>
    <row r="690717" spans="8:8">
      <c r="H690717" s="12"/>
    </row>
    <row r="690718" spans="8:8">
      <c r="H690718" s="12"/>
    </row>
    <row r="690719" spans="8:8">
      <c r="H690719" s="12"/>
    </row>
    <row r="690720" spans="8:8">
      <c r="H690720" s="12"/>
    </row>
    <row r="690721" spans="8:8">
      <c r="H690721" s="12"/>
    </row>
    <row r="690722" spans="8:8">
      <c r="H690722" s="12"/>
    </row>
    <row r="690723" spans="8:8">
      <c r="H690723" s="12"/>
    </row>
    <row r="690724" spans="8:8">
      <c r="H690724" s="12"/>
    </row>
    <row r="690725" spans="8:8">
      <c r="H690725" s="12"/>
    </row>
    <row r="690726" spans="8:8">
      <c r="H690726" s="12"/>
    </row>
    <row r="690727" spans="8:8">
      <c r="H690727" s="12"/>
    </row>
    <row r="690728" spans="8:8">
      <c r="H690728" s="12"/>
    </row>
    <row r="690729" spans="8:8">
      <c r="H690729" s="12"/>
    </row>
    <row r="690730" spans="8:8">
      <c r="H690730" s="12"/>
    </row>
    <row r="690731" spans="8:8">
      <c r="H690731" s="12"/>
    </row>
    <row r="690732" spans="8:8">
      <c r="H690732" s="12"/>
    </row>
    <row r="690733" spans="8:8">
      <c r="H690733" s="12"/>
    </row>
    <row r="690734" spans="8:8">
      <c r="H690734" s="12"/>
    </row>
    <row r="690735" spans="8:8">
      <c r="H690735" s="12"/>
    </row>
    <row r="690736" spans="8:8">
      <c r="H690736" s="12"/>
    </row>
    <row r="690737" spans="8:8">
      <c r="H690737" s="12"/>
    </row>
    <row r="690738" spans="8:8">
      <c r="H690738" s="12"/>
    </row>
    <row r="690739" spans="8:8">
      <c r="H690739" s="12"/>
    </row>
    <row r="690740" spans="8:8">
      <c r="H690740" s="12"/>
    </row>
    <row r="690741" spans="8:8">
      <c r="H690741" s="12"/>
    </row>
    <row r="690742" spans="8:8">
      <c r="H690742" s="12"/>
    </row>
    <row r="690743" spans="8:8">
      <c r="H690743" s="12"/>
    </row>
    <row r="690744" spans="8:8">
      <c r="H690744" s="12"/>
    </row>
    <row r="690745" spans="8:8">
      <c r="H690745" s="12"/>
    </row>
    <row r="690746" spans="8:8">
      <c r="H690746" s="12"/>
    </row>
    <row r="690747" spans="8:8">
      <c r="H690747" s="12"/>
    </row>
    <row r="690748" spans="8:8">
      <c r="H690748" s="12"/>
    </row>
    <row r="690749" spans="8:8">
      <c r="H690749" s="12"/>
    </row>
    <row r="690750" spans="8:8">
      <c r="H690750" s="12"/>
    </row>
    <row r="690751" spans="8:8">
      <c r="H690751" s="12"/>
    </row>
    <row r="690752" spans="8:8">
      <c r="H690752" s="12"/>
    </row>
    <row r="690753" spans="8:8">
      <c r="H690753" s="12"/>
    </row>
    <row r="690754" spans="8:8">
      <c r="H690754" s="12"/>
    </row>
    <row r="690755" spans="8:8">
      <c r="H690755" s="12"/>
    </row>
    <row r="690756" spans="8:8">
      <c r="H690756" s="12"/>
    </row>
    <row r="690757" spans="8:8">
      <c r="H690757" s="12"/>
    </row>
    <row r="690758" spans="8:8">
      <c r="H690758" s="12"/>
    </row>
    <row r="690759" spans="8:8">
      <c r="H690759" s="12"/>
    </row>
    <row r="690760" spans="8:8">
      <c r="H690760" s="12"/>
    </row>
    <row r="690761" spans="8:8">
      <c r="H690761" s="12"/>
    </row>
    <row r="690762" spans="8:8">
      <c r="H690762" s="12"/>
    </row>
    <row r="690763" spans="8:8">
      <c r="H690763" s="12"/>
    </row>
    <row r="690764" spans="8:8">
      <c r="H690764" s="12"/>
    </row>
    <row r="690765" spans="8:8">
      <c r="H690765" s="12"/>
    </row>
    <row r="690766" spans="8:8">
      <c r="H690766" s="12"/>
    </row>
    <row r="690767" spans="8:8">
      <c r="H690767" s="12"/>
    </row>
    <row r="690768" spans="8:8">
      <c r="H690768" s="12"/>
    </row>
    <row r="690769" spans="8:8">
      <c r="H690769" s="12"/>
    </row>
    <row r="690770" spans="8:8">
      <c r="H690770" s="12"/>
    </row>
    <row r="690771" spans="8:8">
      <c r="H690771" s="12"/>
    </row>
    <row r="690772" spans="8:8">
      <c r="H690772" s="12"/>
    </row>
    <row r="690773" spans="8:8">
      <c r="H690773" s="12"/>
    </row>
    <row r="690774" spans="8:8">
      <c r="H690774" s="12"/>
    </row>
    <row r="690775" spans="8:8">
      <c r="H690775" s="12"/>
    </row>
    <row r="690776" spans="8:8">
      <c r="H690776" s="12"/>
    </row>
    <row r="690777" spans="8:8">
      <c r="H690777" s="12"/>
    </row>
    <row r="690778" spans="8:8">
      <c r="H690778" s="12"/>
    </row>
    <row r="690779" spans="8:8">
      <c r="H690779" s="12"/>
    </row>
    <row r="690780" spans="8:8">
      <c r="H690780" s="12"/>
    </row>
    <row r="690781" spans="8:8">
      <c r="H690781" s="12"/>
    </row>
    <row r="690782" spans="8:8">
      <c r="H690782" s="12"/>
    </row>
    <row r="690783" spans="8:8">
      <c r="H690783" s="12"/>
    </row>
    <row r="690784" spans="8:8">
      <c r="H690784" s="12"/>
    </row>
    <row r="690785" spans="8:8">
      <c r="H690785" s="12"/>
    </row>
    <row r="690786" spans="8:8">
      <c r="H690786" s="12"/>
    </row>
    <row r="690787" spans="8:8">
      <c r="H690787" s="12"/>
    </row>
    <row r="690788" spans="8:8">
      <c r="H690788" s="12"/>
    </row>
    <row r="690789" spans="8:8">
      <c r="H690789" s="12"/>
    </row>
    <row r="690790" spans="8:8">
      <c r="H690790" s="12"/>
    </row>
    <row r="690791" spans="8:8">
      <c r="H690791" s="12"/>
    </row>
    <row r="690792" spans="8:8">
      <c r="H690792" s="12"/>
    </row>
    <row r="690793" spans="8:8">
      <c r="H690793" s="12"/>
    </row>
    <row r="690794" spans="8:8">
      <c r="H690794" s="12"/>
    </row>
    <row r="690795" spans="8:8">
      <c r="H690795" s="12"/>
    </row>
    <row r="690796" spans="8:8">
      <c r="H690796" s="12"/>
    </row>
    <row r="690797" spans="8:8">
      <c r="H690797" s="12"/>
    </row>
    <row r="690798" spans="8:8">
      <c r="H690798" s="12"/>
    </row>
    <row r="690799" spans="8:8">
      <c r="H690799" s="12"/>
    </row>
    <row r="690800" spans="8:8">
      <c r="H690800" s="12"/>
    </row>
    <row r="690801" spans="8:8">
      <c r="H690801" s="12"/>
    </row>
    <row r="690802" spans="8:8">
      <c r="H690802" s="12"/>
    </row>
    <row r="690803" spans="8:8">
      <c r="H690803" s="12"/>
    </row>
    <row r="690804" spans="8:8">
      <c r="H690804" s="12"/>
    </row>
    <row r="690805" spans="8:8">
      <c r="H690805" s="12"/>
    </row>
    <row r="690806" spans="8:8">
      <c r="H690806" s="12"/>
    </row>
    <row r="690807" spans="8:8">
      <c r="H690807" s="12"/>
    </row>
    <row r="690808" spans="8:8">
      <c r="H690808" s="12"/>
    </row>
    <row r="690809" spans="8:8">
      <c r="H690809" s="12"/>
    </row>
    <row r="690810" spans="8:8">
      <c r="H690810" s="12"/>
    </row>
    <row r="690811" spans="8:8">
      <c r="H690811" s="12"/>
    </row>
    <row r="690812" spans="8:8">
      <c r="H690812" s="12"/>
    </row>
    <row r="690813" spans="8:8">
      <c r="H690813" s="12"/>
    </row>
    <row r="690814" spans="8:8">
      <c r="H690814" s="12"/>
    </row>
    <row r="690815" spans="8:8">
      <c r="H690815" s="12"/>
    </row>
    <row r="690816" spans="8:8">
      <c r="H690816" s="12"/>
    </row>
    <row r="690817" spans="8:8">
      <c r="H690817" s="12"/>
    </row>
    <row r="690818" spans="8:8">
      <c r="H690818" s="12"/>
    </row>
    <row r="690819" spans="8:8">
      <c r="H690819" s="12"/>
    </row>
    <row r="690820" spans="8:8">
      <c r="H690820" s="12"/>
    </row>
    <row r="690821" spans="8:8">
      <c r="H690821" s="12"/>
    </row>
    <row r="690822" spans="8:8">
      <c r="H690822" s="12"/>
    </row>
    <row r="690823" spans="8:8">
      <c r="H690823" s="12"/>
    </row>
    <row r="690824" spans="8:8">
      <c r="H690824" s="12"/>
    </row>
    <row r="690825" spans="8:8">
      <c r="H690825" s="12"/>
    </row>
    <row r="690826" spans="8:8">
      <c r="H690826" s="12"/>
    </row>
    <row r="690827" spans="8:8">
      <c r="H690827" s="12"/>
    </row>
    <row r="690828" spans="8:8">
      <c r="H690828" s="12"/>
    </row>
    <row r="690829" spans="8:8">
      <c r="H690829" s="12"/>
    </row>
    <row r="690830" spans="8:8">
      <c r="H690830" s="12"/>
    </row>
    <row r="690831" spans="8:8">
      <c r="H690831" s="12"/>
    </row>
    <row r="690832" spans="8:8">
      <c r="H690832" s="12"/>
    </row>
    <row r="690833" spans="8:8">
      <c r="H690833" s="12"/>
    </row>
    <row r="690834" spans="8:8">
      <c r="H690834" s="12"/>
    </row>
    <row r="690835" spans="8:8">
      <c r="H690835" s="12"/>
    </row>
    <row r="690836" spans="8:8">
      <c r="H690836" s="12"/>
    </row>
    <row r="690837" spans="8:8">
      <c r="H690837" s="12"/>
    </row>
    <row r="690838" spans="8:8">
      <c r="H690838" s="12"/>
    </row>
    <row r="690839" spans="8:8">
      <c r="H690839" s="12"/>
    </row>
    <row r="690840" spans="8:8">
      <c r="H690840" s="12"/>
    </row>
    <row r="690841" spans="8:8">
      <c r="H690841" s="12"/>
    </row>
    <row r="690842" spans="8:8">
      <c r="H690842" s="12"/>
    </row>
    <row r="690843" spans="8:8">
      <c r="H690843" s="12"/>
    </row>
    <row r="690844" spans="8:8">
      <c r="H690844" s="12"/>
    </row>
    <row r="690845" spans="8:8">
      <c r="H690845" s="12"/>
    </row>
    <row r="690846" spans="8:8">
      <c r="H690846" s="12"/>
    </row>
    <row r="690847" spans="8:8">
      <c r="H690847" s="12"/>
    </row>
    <row r="690848" spans="8:8">
      <c r="H690848" s="12"/>
    </row>
    <row r="690849" spans="8:8">
      <c r="H690849" s="12"/>
    </row>
    <row r="690850" spans="8:8">
      <c r="H690850" s="12"/>
    </row>
    <row r="690851" spans="8:8">
      <c r="H690851" s="12"/>
    </row>
    <row r="690852" spans="8:8">
      <c r="H690852" s="12"/>
    </row>
    <row r="690853" spans="8:8">
      <c r="H690853" s="12"/>
    </row>
    <row r="690854" spans="8:8">
      <c r="H690854" s="12"/>
    </row>
    <row r="690855" spans="8:8">
      <c r="H690855" s="12"/>
    </row>
    <row r="690856" spans="8:8">
      <c r="H690856" s="12"/>
    </row>
    <row r="690857" spans="8:8">
      <c r="H690857" s="12"/>
    </row>
    <row r="690858" spans="8:8">
      <c r="H690858" s="12"/>
    </row>
    <row r="690859" spans="8:8">
      <c r="H690859" s="12"/>
    </row>
    <row r="690860" spans="8:8">
      <c r="H690860" s="12"/>
    </row>
    <row r="690861" spans="8:8">
      <c r="H690861" s="12"/>
    </row>
    <row r="690862" spans="8:8">
      <c r="H690862" s="12"/>
    </row>
    <row r="690863" spans="8:8">
      <c r="H690863" s="12"/>
    </row>
    <row r="690864" spans="8:8">
      <c r="H690864" s="12"/>
    </row>
    <row r="690865" spans="8:8">
      <c r="H690865" s="12"/>
    </row>
    <row r="690866" spans="8:8">
      <c r="H690866" s="12"/>
    </row>
    <row r="690867" spans="8:8">
      <c r="H690867" s="12"/>
    </row>
    <row r="690868" spans="8:8">
      <c r="H690868" s="12"/>
    </row>
    <row r="690869" spans="8:8">
      <c r="H690869" s="12"/>
    </row>
    <row r="690870" spans="8:8">
      <c r="H690870" s="12"/>
    </row>
    <row r="690871" spans="8:8">
      <c r="H690871" s="12"/>
    </row>
    <row r="690872" spans="8:8">
      <c r="H690872" s="12"/>
    </row>
    <row r="690873" spans="8:8">
      <c r="H690873" s="12"/>
    </row>
    <row r="690874" spans="8:8">
      <c r="H690874" s="12"/>
    </row>
    <row r="690875" spans="8:8">
      <c r="H690875" s="12"/>
    </row>
    <row r="690876" spans="8:8">
      <c r="H690876" s="12"/>
    </row>
    <row r="690877" spans="8:8">
      <c r="H690877" s="12"/>
    </row>
    <row r="690878" spans="8:8">
      <c r="H690878" s="12"/>
    </row>
    <row r="690879" spans="8:8">
      <c r="H690879" s="12"/>
    </row>
    <row r="690880" spans="8:8">
      <c r="H690880" s="12"/>
    </row>
    <row r="690881" spans="8:8">
      <c r="H690881" s="12"/>
    </row>
    <row r="690882" spans="8:8">
      <c r="H690882" s="12"/>
    </row>
    <row r="690883" spans="8:8">
      <c r="H690883" s="12"/>
    </row>
    <row r="690884" spans="8:8">
      <c r="H690884" s="12"/>
    </row>
    <row r="690885" spans="8:8">
      <c r="H690885" s="12"/>
    </row>
    <row r="690886" spans="8:8">
      <c r="H690886" s="12"/>
    </row>
    <row r="690887" spans="8:8">
      <c r="H690887" s="12"/>
    </row>
    <row r="690888" spans="8:8">
      <c r="H690888" s="12"/>
    </row>
    <row r="690889" spans="8:8">
      <c r="H690889" s="12"/>
    </row>
    <row r="690890" spans="8:8">
      <c r="H690890" s="12"/>
    </row>
    <row r="690891" spans="8:8">
      <c r="H690891" s="12"/>
    </row>
    <row r="690892" spans="8:8">
      <c r="H690892" s="12"/>
    </row>
    <row r="690893" spans="8:8">
      <c r="H690893" s="12"/>
    </row>
    <row r="690894" spans="8:8">
      <c r="H690894" s="12"/>
    </row>
    <row r="690895" spans="8:8">
      <c r="H690895" s="12"/>
    </row>
    <row r="690896" spans="8:8">
      <c r="H690896" s="12"/>
    </row>
    <row r="690897" spans="8:8">
      <c r="H690897" s="12"/>
    </row>
    <row r="690898" spans="8:8">
      <c r="H690898" s="12"/>
    </row>
    <row r="690899" spans="8:8">
      <c r="H690899" s="12"/>
    </row>
    <row r="690900" spans="8:8">
      <c r="H690900" s="12"/>
    </row>
    <row r="690901" spans="8:8">
      <c r="H690901" s="12"/>
    </row>
    <row r="690902" spans="8:8">
      <c r="H690902" s="12"/>
    </row>
    <row r="690903" spans="8:8">
      <c r="H690903" s="12"/>
    </row>
    <row r="690904" spans="8:8">
      <c r="H690904" s="12"/>
    </row>
    <row r="690905" spans="8:8">
      <c r="H690905" s="12"/>
    </row>
    <row r="690906" spans="8:8">
      <c r="H690906" s="12"/>
    </row>
    <row r="690907" spans="8:8">
      <c r="H690907" s="12"/>
    </row>
    <row r="690908" spans="8:8">
      <c r="H690908" s="12"/>
    </row>
    <row r="690909" spans="8:8">
      <c r="H690909" s="12"/>
    </row>
    <row r="690910" spans="8:8">
      <c r="H690910" s="12"/>
    </row>
    <row r="690911" spans="8:8">
      <c r="H690911" s="12"/>
    </row>
    <row r="690912" spans="8:8">
      <c r="H690912" s="12"/>
    </row>
    <row r="690913" spans="8:8">
      <c r="H690913" s="12"/>
    </row>
    <row r="690914" spans="8:8">
      <c r="H690914" s="12"/>
    </row>
    <row r="690915" spans="8:8">
      <c r="H690915" s="12"/>
    </row>
    <row r="690916" spans="8:8">
      <c r="H690916" s="12"/>
    </row>
    <row r="690917" spans="8:8">
      <c r="H690917" s="12"/>
    </row>
    <row r="690918" spans="8:8">
      <c r="H690918" s="12"/>
    </row>
    <row r="690919" spans="8:8">
      <c r="H690919" s="12"/>
    </row>
    <row r="690920" spans="8:8">
      <c r="H690920" s="12"/>
    </row>
    <row r="690921" spans="8:8">
      <c r="H690921" s="12"/>
    </row>
    <row r="690922" spans="8:8">
      <c r="H690922" s="12"/>
    </row>
    <row r="690923" spans="8:8">
      <c r="H690923" s="12"/>
    </row>
    <row r="690924" spans="8:8">
      <c r="H690924" s="12"/>
    </row>
    <row r="690925" spans="8:8">
      <c r="H690925" s="12"/>
    </row>
    <row r="690926" spans="8:8">
      <c r="H690926" s="12"/>
    </row>
    <row r="690927" spans="8:8">
      <c r="H690927" s="12"/>
    </row>
    <row r="690928" spans="8:8">
      <c r="H690928" s="12"/>
    </row>
    <row r="690929" spans="8:8">
      <c r="H690929" s="12"/>
    </row>
    <row r="690930" spans="8:8">
      <c r="H690930" s="12"/>
    </row>
    <row r="690931" spans="8:8">
      <c r="H690931" s="12"/>
    </row>
    <row r="690932" spans="8:8">
      <c r="H690932" s="12"/>
    </row>
    <row r="690933" spans="8:8">
      <c r="H690933" s="12"/>
    </row>
    <row r="690934" spans="8:8">
      <c r="H690934" s="12"/>
    </row>
    <row r="690935" spans="8:8">
      <c r="H690935" s="12"/>
    </row>
    <row r="690936" spans="8:8">
      <c r="H690936" s="12"/>
    </row>
    <row r="690937" spans="8:8">
      <c r="H690937" s="12"/>
    </row>
    <row r="690938" spans="8:8">
      <c r="H690938" s="12"/>
    </row>
    <row r="690939" spans="8:8">
      <c r="H690939" s="12"/>
    </row>
    <row r="690940" spans="8:8">
      <c r="H690940" s="12"/>
    </row>
    <row r="690941" spans="8:8">
      <c r="H690941" s="12"/>
    </row>
    <row r="690942" spans="8:8">
      <c r="H690942" s="12"/>
    </row>
    <row r="690943" spans="8:8">
      <c r="H690943" s="12"/>
    </row>
    <row r="690944" spans="8:8">
      <c r="H690944" s="12"/>
    </row>
    <row r="690945" spans="8:8">
      <c r="H690945" s="12"/>
    </row>
    <row r="690946" spans="8:8">
      <c r="H690946" s="12"/>
    </row>
    <row r="690947" spans="8:8">
      <c r="H690947" s="12"/>
    </row>
    <row r="690948" spans="8:8">
      <c r="H690948" s="12"/>
    </row>
    <row r="690949" spans="8:8">
      <c r="H690949" s="12"/>
    </row>
    <row r="690950" spans="8:8">
      <c r="H690950" s="12"/>
    </row>
    <row r="690951" spans="8:8">
      <c r="H690951" s="12"/>
    </row>
    <row r="690952" spans="8:8">
      <c r="H690952" s="12"/>
    </row>
    <row r="690953" spans="8:8">
      <c r="H690953" s="12"/>
    </row>
    <row r="690954" spans="8:8">
      <c r="H690954" s="12"/>
    </row>
    <row r="690955" spans="8:8">
      <c r="H690955" s="12"/>
    </row>
    <row r="690956" spans="8:8">
      <c r="H690956" s="12"/>
    </row>
    <row r="690957" spans="8:8">
      <c r="H690957" s="12"/>
    </row>
    <row r="690958" spans="8:8">
      <c r="H690958" s="12"/>
    </row>
    <row r="690959" spans="8:8">
      <c r="H690959" s="12"/>
    </row>
    <row r="690960" spans="8:8">
      <c r="H690960" s="12"/>
    </row>
    <row r="690961" spans="8:8">
      <c r="H690961" s="12"/>
    </row>
    <row r="690962" spans="8:8">
      <c r="H690962" s="12"/>
    </row>
    <row r="690963" spans="8:8">
      <c r="H690963" s="12"/>
    </row>
    <row r="690964" spans="8:8">
      <c r="H690964" s="12"/>
    </row>
    <row r="690965" spans="8:8">
      <c r="H690965" s="12"/>
    </row>
    <row r="690966" spans="8:8">
      <c r="H690966" s="12"/>
    </row>
    <row r="690967" spans="8:8">
      <c r="H690967" s="12"/>
    </row>
    <row r="690968" spans="8:8">
      <c r="H690968" s="12"/>
    </row>
    <row r="690969" spans="8:8">
      <c r="H690969" s="12"/>
    </row>
    <row r="690970" spans="8:8">
      <c r="H690970" s="12"/>
    </row>
    <row r="690971" spans="8:8">
      <c r="H690971" s="12"/>
    </row>
    <row r="690972" spans="8:8">
      <c r="H690972" s="12"/>
    </row>
    <row r="690973" spans="8:8">
      <c r="H690973" s="12"/>
    </row>
    <row r="690974" spans="8:8">
      <c r="H690974" s="12"/>
    </row>
    <row r="690975" spans="8:8">
      <c r="H690975" s="12"/>
    </row>
    <row r="690976" spans="8:8">
      <c r="H690976" s="12"/>
    </row>
    <row r="690977" spans="8:8">
      <c r="H690977" s="12"/>
    </row>
    <row r="690978" spans="8:8">
      <c r="H690978" s="12"/>
    </row>
    <row r="690979" spans="8:8">
      <c r="H690979" s="12"/>
    </row>
    <row r="690980" spans="8:8">
      <c r="H690980" s="12"/>
    </row>
    <row r="690981" spans="8:8">
      <c r="H690981" s="12"/>
    </row>
    <row r="690982" spans="8:8">
      <c r="H690982" s="12"/>
    </row>
    <row r="690983" spans="8:8">
      <c r="H690983" s="12"/>
    </row>
    <row r="690984" spans="8:8">
      <c r="H690984" s="12"/>
    </row>
    <row r="690985" spans="8:8">
      <c r="H690985" s="12"/>
    </row>
    <row r="690986" spans="8:8">
      <c r="H690986" s="12"/>
    </row>
    <row r="690987" spans="8:8">
      <c r="H690987" s="12"/>
    </row>
    <row r="690988" spans="8:8">
      <c r="H690988" s="12"/>
    </row>
    <row r="690989" spans="8:8">
      <c r="H690989" s="12"/>
    </row>
    <row r="690990" spans="8:8">
      <c r="H690990" s="12"/>
    </row>
    <row r="690991" spans="8:8">
      <c r="H690991" s="12"/>
    </row>
    <row r="690992" spans="8:8">
      <c r="H690992" s="12"/>
    </row>
    <row r="690993" spans="8:8">
      <c r="H690993" s="12"/>
    </row>
    <row r="690994" spans="8:8">
      <c r="H690994" s="12"/>
    </row>
    <row r="690995" spans="8:8">
      <c r="H690995" s="12"/>
    </row>
    <row r="690996" spans="8:8">
      <c r="H690996" s="12"/>
    </row>
    <row r="690997" spans="8:8">
      <c r="H690997" s="12"/>
    </row>
    <row r="690998" spans="8:8">
      <c r="H690998" s="12"/>
    </row>
    <row r="690999" spans="8:8">
      <c r="H690999" s="12"/>
    </row>
    <row r="691000" spans="8:8">
      <c r="H691000" s="12"/>
    </row>
    <row r="691001" spans="8:8">
      <c r="H691001" s="12"/>
    </row>
    <row r="691002" spans="8:8">
      <c r="H691002" s="12"/>
    </row>
    <row r="691003" spans="8:8">
      <c r="H691003" s="12"/>
    </row>
    <row r="691004" spans="8:8">
      <c r="H691004" s="12"/>
    </row>
    <row r="691005" spans="8:8">
      <c r="H691005" s="12"/>
    </row>
    <row r="691006" spans="8:8">
      <c r="H691006" s="12"/>
    </row>
    <row r="691007" spans="8:8">
      <c r="H691007" s="12"/>
    </row>
    <row r="691008" spans="8:8">
      <c r="H691008" s="12"/>
    </row>
    <row r="691009" spans="8:8">
      <c r="H691009" s="12"/>
    </row>
    <row r="691010" spans="8:8">
      <c r="H691010" s="12"/>
    </row>
    <row r="691011" spans="8:8">
      <c r="H691011" s="12"/>
    </row>
    <row r="691012" spans="8:8">
      <c r="H691012" s="12"/>
    </row>
    <row r="691013" spans="8:8">
      <c r="H691013" s="12"/>
    </row>
    <row r="691014" spans="8:8">
      <c r="H691014" s="12"/>
    </row>
    <row r="691015" spans="8:8">
      <c r="H691015" s="12"/>
    </row>
    <row r="691016" spans="8:8">
      <c r="H691016" s="12"/>
    </row>
    <row r="691017" spans="8:8">
      <c r="H691017" s="12"/>
    </row>
    <row r="691018" spans="8:8">
      <c r="H691018" s="12"/>
    </row>
    <row r="691019" spans="8:8">
      <c r="H691019" s="12"/>
    </row>
    <row r="691020" spans="8:8">
      <c r="H691020" s="12"/>
    </row>
    <row r="691021" spans="8:8">
      <c r="H691021" s="12"/>
    </row>
    <row r="691022" spans="8:8">
      <c r="H691022" s="12"/>
    </row>
    <row r="691023" spans="8:8">
      <c r="H691023" s="12"/>
    </row>
    <row r="691024" spans="8:8">
      <c r="H691024" s="12"/>
    </row>
    <row r="691025" spans="8:8">
      <c r="H691025" s="12"/>
    </row>
    <row r="691026" spans="8:8">
      <c r="H691026" s="12"/>
    </row>
    <row r="691027" spans="8:8">
      <c r="H691027" s="12"/>
    </row>
    <row r="691028" spans="8:8">
      <c r="H691028" s="12"/>
    </row>
    <row r="691029" spans="8:8">
      <c r="H691029" s="12"/>
    </row>
    <row r="691030" spans="8:8">
      <c r="H691030" s="12"/>
    </row>
    <row r="691031" spans="8:8">
      <c r="H691031" s="12"/>
    </row>
    <row r="691032" spans="8:8">
      <c r="H691032" s="12"/>
    </row>
    <row r="691033" spans="8:8">
      <c r="H691033" s="12"/>
    </row>
    <row r="691034" spans="8:8">
      <c r="H691034" s="12"/>
    </row>
    <row r="691035" spans="8:8">
      <c r="H691035" s="12"/>
    </row>
    <row r="691036" spans="8:8">
      <c r="H691036" s="12"/>
    </row>
    <row r="691037" spans="8:8">
      <c r="H691037" s="12"/>
    </row>
    <row r="691038" spans="8:8">
      <c r="H691038" s="12"/>
    </row>
    <row r="691039" spans="8:8">
      <c r="H691039" s="12"/>
    </row>
    <row r="691040" spans="8:8">
      <c r="H691040" s="12"/>
    </row>
    <row r="691041" spans="8:8">
      <c r="H691041" s="12"/>
    </row>
    <row r="691042" spans="8:8">
      <c r="H691042" s="12"/>
    </row>
    <row r="691043" spans="8:8">
      <c r="H691043" s="12"/>
    </row>
    <row r="691044" spans="8:8">
      <c r="H691044" s="12"/>
    </row>
    <row r="691045" spans="8:8">
      <c r="H691045" s="12"/>
    </row>
    <row r="691046" spans="8:8">
      <c r="H691046" s="12"/>
    </row>
    <row r="691047" spans="8:8">
      <c r="H691047" s="12"/>
    </row>
    <row r="691048" spans="8:8">
      <c r="H691048" s="12"/>
    </row>
    <row r="691049" spans="8:8">
      <c r="H691049" s="12"/>
    </row>
    <row r="691050" spans="8:8">
      <c r="H691050" s="12"/>
    </row>
    <row r="691051" spans="8:8">
      <c r="H691051" s="12"/>
    </row>
    <row r="691052" spans="8:8">
      <c r="H691052" s="12"/>
    </row>
    <row r="691053" spans="8:8">
      <c r="H691053" s="12"/>
    </row>
    <row r="691054" spans="8:8">
      <c r="H691054" s="12"/>
    </row>
    <row r="691055" spans="8:8">
      <c r="H691055" s="12"/>
    </row>
    <row r="691056" spans="8:8">
      <c r="H691056" s="12"/>
    </row>
    <row r="691057" spans="8:8">
      <c r="H691057" s="12"/>
    </row>
    <row r="691058" spans="8:8">
      <c r="H691058" s="12"/>
    </row>
    <row r="691059" spans="8:8">
      <c r="H691059" s="12"/>
    </row>
    <row r="691060" spans="8:8">
      <c r="H691060" s="12"/>
    </row>
    <row r="691061" spans="8:8">
      <c r="H691061" s="12"/>
    </row>
    <row r="691062" spans="8:8">
      <c r="H691062" s="12"/>
    </row>
    <row r="691063" spans="8:8">
      <c r="H691063" s="12"/>
    </row>
    <row r="691064" spans="8:8">
      <c r="H691064" s="12"/>
    </row>
    <row r="691065" spans="8:8">
      <c r="H691065" s="12"/>
    </row>
    <row r="691066" spans="8:8">
      <c r="H691066" s="12"/>
    </row>
    <row r="691067" spans="8:8">
      <c r="H691067" s="12"/>
    </row>
    <row r="691068" spans="8:8">
      <c r="H691068" s="12"/>
    </row>
    <row r="691069" spans="8:8">
      <c r="H691069" s="12"/>
    </row>
    <row r="691070" spans="8:8">
      <c r="H691070" s="12"/>
    </row>
    <row r="691071" spans="8:8">
      <c r="H691071" s="12"/>
    </row>
    <row r="691072" spans="8:8">
      <c r="H691072" s="12"/>
    </row>
    <row r="691073" spans="8:8">
      <c r="H691073" s="12"/>
    </row>
    <row r="691074" spans="8:8">
      <c r="H691074" s="12"/>
    </row>
    <row r="691075" spans="8:8">
      <c r="H691075" s="12"/>
    </row>
    <row r="691076" spans="8:8">
      <c r="H691076" s="12"/>
    </row>
    <row r="691077" spans="8:8">
      <c r="H691077" s="12"/>
    </row>
    <row r="691078" spans="8:8">
      <c r="H691078" s="12"/>
    </row>
    <row r="691079" spans="8:8">
      <c r="H691079" s="12"/>
    </row>
    <row r="691080" spans="8:8">
      <c r="H691080" s="12"/>
    </row>
    <row r="691081" spans="8:8">
      <c r="H691081" s="12"/>
    </row>
    <row r="691082" spans="8:8">
      <c r="H691082" s="12"/>
    </row>
    <row r="691083" spans="8:8">
      <c r="H691083" s="12"/>
    </row>
    <row r="691084" spans="8:8">
      <c r="H691084" s="12"/>
    </row>
    <row r="691085" spans="8:8">
      <c r="H691085" s="12"/>
    </row>
    <row r="691086" spans="8:8">
      <c r="H691086" s="12"/>
    </row>
    <row r="691087" spans="8:8">
      <c r="H691087" s="12"/>
    </row>
    <row r="691088" spans="8:8">
      <c r="H691088" s="12"/>
    </row>
    <row r="691089" spans="8:8">
      <c r="H691089" s="12"/>
    </row>
    <row r="691090" spans="8:8">
      <c r="H691090" s="12"/>
    </row>
    <row r="691091" spans="8:8">
      <c r="H691091" s="12"/>
    </row>
    <row r="691092" spans="8:8">
      <c r="H691092" s="12"/>
    </row>
    <row r="691093" spans="8:8">
      <c r="H691093" s="12"/>
    </row>
    <row r="691094" spans="8:8">
      <c r="H691094" s="12"/>
    </row>
    <row r="691095" spans="8:8">
      <c r="H691095" s="12"/>
    </row>
    <row r="691096" spans="8:8">
      <c r="H691096" s="12"/>
    </row>
    <row r="691097" spans="8:8">
      <c r="H691097" s="12"/>
    </row>
    <row r="691098" spans="8:8">
      <c r="H691098" s="12"/>
    </row>
    <row r="691099" spans="8:8">
      <c r="H691099" s="12"/>
    </row>
    <row r="691100" spans="8:8">
      <c r="H691100" s="12"/>
    </row>
    <row r="691101" spans="8:8">
      <c r="H691101" s="12"/>
    </row>
    <row r="691102" spans="8:8">
      <c r="H691102" s="12"/>
    </row>
    <row r="691103" spans="8:8">
      <c r="H691103" s="12"/>
    </row>
    <row r="691104" spans="8:8">
      <c r="H691104" s="12"/>
    </row>
    <row r="691105" spans="8:8">
      <c r="H691105" s="12"/>
    </row>
    <row r="691106" spans="8:8">
      <c r="H691106" s="12"/>
    </row>
    <row r="691107" spans="8:8">
      <c r="H691107" s="12"/>
    </row>
    <row r="691108" spans="8:8">
      <c r="H691108" s="12"/>
    </row>
    <row r="691109" spans="8:8">
      <c r="H691109" s="12"/>
    </row>
    <row r="691110" spans="8:8">
      <c r="H691110" s="12"/>
    </row>
    <row r="691111" spans="8:8">
      <c r="H691111" s="12"/>
    </row>
    <row r="691112" spans="8:8">
      <c r="H691112" s="12"/>
    </row>
    <row r="691113" spans="8:8">
      <c r="H691113" s="12"/>
    </row>
    <row r="691114" spans="8:8">
      <c r="H691114" s="12"/>
    </row>
    <row r="691115" spans="8:8">
      <c r="H691115" s="12"/>
    </row>
    <row r="691116" spans="8:8">
      <c r="H691116" s="12"/>
    </row>
    <row r="691117" spans="8:8">
      <c r="H691117" s="12"/>
    </row>
    <row r="691118" spans="8:8">
      <c r="H691118" s="12"/>
    </row>
    <row r="691119" spans="8:8">
      <c r="H691119" s="12"/>
    </row>
    <row r="691120" spans="8:8">
      <c r="H691120" s="12"/>
    </row>
    <row r="691121" spans="8:8">
      <c r="H691121" s="12"/>
    </row>
    <row r="691122" spans="8:8">
      <c r="H691122" s="12"/>
    </row>
    <row r="691123" spans="8:8">
      <c r="H691123" s="12"/>
    </row>
    <row r="691124" spans="8:8">
      <c r="H691124" s="12"/>
    </row>
    <row r="691125" spans="8:8">
      <c r="H691125" s="12"/>
    </row>
    <row r="691126" spans="8:8">
      <c r="H691126" s="12"/>
    </row>
    <row r="691127" spans="8:8">
      <c r="H691127" s="12"/>
    </row>
    <row r="691128" spans="8:8">
      <c r="H691128" s="12"/>
    </row>
    <row r="691129" spans="8:8">
      <c r="H691129" s="12"/>
    </row>
    <row r="691130" spans="8:8">
      <c r="H691130" s="12"/>
    </row>
    <row r="691131" spans="8:8">
      <c r="H691131" s="12"/>
    </row>
    <row r="691132" spans="8:8">
      <c r="H691132" s="12"/>
    </row>
    <row r="691133" spans="8:8">
      <c r="H691133" s="12"/>
    </row>
    <row r="691134" spans="8:8">
      <c r="H691134" s="12"/>
    </row>
    <row r="691135" spans="8:8">
      <c r="H691135" s="12"/>
    </row>
    <row r="691136" spans="8:8">
      <c r="H691136" s="12"/>
    </row>
    <row r="691137" spans="8:8">
      <c r="H691137" s="12"/>
    </row>
    <row r="691138" spans="8:8">
      <c r="H691138" s="12"/>
    </row>
    <row r="691139" spans="8:8">
      <c r="H691139" s="12"/>
    </row>
    <row r="691140" spans="8:8">
      <c r="H691140" s="12"/>
    </row>
    <row r="691141" spans="8:8">
      <c r="H691141" s="12"/>
    </row>
    <row r="691142" spans="8:8">
      <c r="H691142" s="12"/>
    </row>
    <row r="691143" spans="8:8">
      <c r="H691143" s="12"/>
    </row>
    <row r="691144" spans="8:8">
      <c r="H691144" s="12"/>
    </row>
    <row r="691145" spans="8:8">
      <c r="H691145" s="12"/>
    </row>
    <row r="691146" spans="8:8">
      <c r="H691146" s="12"/>
    </row>
    <row r="691147" spans="8:8">
      <c r="H691147" s="12"/>
    </row>
    <row r="691148" spans="8:8">
      <c r="H691148" s="12"/>
    </row>
    <row r="691149" spans="8:8">
      <c r="H691149" s="12"/>
    </row>
    <row r="691150" spans="8:8">
      <c r="H691150" s="12"/>
    </row>
    <row r="691151" spans="8:8">
      <c r="H691151" s="12"/>
    </row>
    <row r="691152" spans="8:8">
      <c r="H691152" s="12"/>
    </row>
    <row r="691153" spans="8:8">
      <c r="H691153" s="12"/>
    </row>
    <row r="691154" spans="8:8">
      <c r="H691154" s="12"/>
    </row>
    <row r="691155" spans="8:8">
      <c r="H691155" s="12"/>
    </row>
    <row r="691156" spans="8:8">
      <c r="H691156" s="12"/>
    </row>
    <row r="691157" spans="8:8">
      <c r="H691157" s="12"/>
    </row>
    <row r="691158" spans="8:8">
      <c r="H691158" s="12"/>
    </row>
    <row r="691159" spans="8:8">
      <c r="H691159" s="12"/>
    </row>
    <row r="691160" spans="8:8">
      <c r="H691160" s="12"/>
    </row>
    <row r="691161" spans="8:8">
      <c r="H691161" s="12"/>
    </row>
    <row r="691162" spans="8:8">
      <c r="H691162" s="12"/>
    </row>
    <row r="691163" spans="8:8">
      <c r="H691163" s="12"/>
    </row>
    <row r="691164" spans="8:8">
      <c r="H691164" s="12"/>
    </row>
    <row r="691165" spans="8:8">
      <c r="H691165" s="12"/>
    </row>
    <row r="691166" spans="8:8">
      <c r="H691166" s="12"/>
    </row>
    <row r="691167" spans="8:8">
      <c r="H691167" s="12"/>
    </row>
    <row r="691168" spans="8:8">
      <c r="H691168" s="12"/>
    </row>
    <row r="691169" spans="8:8">
      <c r="H691169" s="12"/>
    </row>
    <row r="691170" spans="8:8">
      <c r="H691170" s="12"/>
    </row>
    <row r="691171" spans="8:8">
      <c r="H691171" s="12"/>
    </row>
    <row r="691172" spans="8:8">
      <c r="H691172" s="12"/>
    </row>
    <row r="691173" spans="8:8">
      <c r="H691173" s="12"/>
    </row>
    <row r="691174" spans="8:8">
      <c r="H691174" s="12"/>
    </row>
    <row r="691175" spans="8:8">
      <c r="H691175" s="12"/>
    </row>
    <row r="691176" spans="8:8">
      <c r="H691176" s="12"/>
    </row>
    <row r="691177" spans="8:8">
      <c r="H691177" s="12"/>
    </row>
    <row r="691178" spans="8:8">
      <c r="H691178" s="12"/>
    </row>
    <row r="691179" spans="8:8">
      <c r="H691179" s="12"/>
    </row>
    <row r="691180" spans="8:8">
      <c r="H691180" s="12"/>
    </row>
    <row r="691181" spans="8:8">
      <c r="H691181" s="12"/>
    </row>
    <row r="691182" spans="8:8">
      <c r="H691182" s="12"/>
    </row>
    <row r="691183" spans="8:8">
      <c r="H691183" s="12"/>
    </row>
    <row r="691184" spans="8:8">
      <c r="H691184" s="12"/>
    </row>
    <row r="691185" spans="8:8">
      <c r="H691185" s="12"/>
    </row>
    <row r="691186" spans="8:8">
      <c r="H691186" s="12"/>
    </row>
    <row r="691187" spans="8:8">
      <c r="H691187" s="12"/>
    </row>
    <row r="691188" spans="8:8">
      <c r="H691188" s="12"/>
    </row>
    <row r="691189" spans="8:8">
      <c r="H691189" s="12"/>
    </row>
    <row r="691190" spans="8:8">
      <c r="H691190" s="12"/>
    </row>
    <row r="691191" spans="8:8">
      <c r="H691191" s="12"/>
    </row>
    <row r="691192" spans="8:8">
      <c r="H691192" s="12"/>
    </row>
    <row r="691193" spans="8:8">
      <c r="H691193" s="12"/>
    </row>
    <row r="691194" spans="8:8">
      <c r="H691194" s="12"/>
    </row>
    <row r="691195" spans="8:8">
      <c r="H691195" s="12"/>
    </row>
    <row r="691196" spans="8:8">
      <c r="H691196" s="12"/>
    </row>
    <row r="691197" spans="8:8">
      <c r="H691197" s="12"/>
    </row>
    <row r="691198" spans="8:8">
      <c r="H691198" s="12"/>
    </row>
    <row r="691199" spans="8:8">
      <c r="H691199" s="12"/>
    </row>
    <row r="691200" spans="8:8">
      <c r="H691200" s="12"/>
    </row>
    <row r="691201" spans="8:8">
      <c r="H691201" s="12"/>
    </row>
    <row r="691202" spans="8:8">
      <c r="H691202" s="12"/>
    </row>
    <row r="691203" spans="8:8">
      <c r="H691203" s="12"/>
    </row>
    <row r="691204" spans="8:8">
      <c r="H691204" s="12"/>
    </row>
    <row r="691205" spans="8:8">
      <c r="H691205" s="12"/>
    </row>
    <row r="691206" spans="8:8">
      <c r="H691206" s="12"/>
    </row>
    <row r="691207" spans="8:8">
      <c r="H691207" s="12"/>
    </row>
    <row r="691208" spans="8:8">
      <c r="H691208" s="12"/>
    </row>
    <row r="691209" spans="8:8">
      <c r="H691209" s="12"/>
    </row>
    <row r="691210" spans="8:8">
      <c r="H691210" s="12"/>
    </row>
    <row r="691211" spans="8:8">
      <c r="H691211" s="12"/>
    </row>
    <row r="691212" spans="8:8">
      <c r="H691212" s="12"/>
    </row>
    <row r="691213" spans="8:8">
      <c r="H691213" s="12"/>
    </row>
    <row r="691214" spans="8:8">
      <c r="H691214" s="12"/>
    </row>
    <row r="691215" spans="8:8">
      <c r="H691215" s="12"/>
    </row>
    <row r="691216" spans="8:8">
      <c r="H691216" s="12"/>
    </row>
    <row r="691217" spans="8:8">
      <c r="H691217" s="12"/>
    </row>
    <row r="691218" spans="8:8">
      <c r="H691218" s="12"/>
    </row>
    <row r="691219" spans="8:8">
      <c r="H691219" s="12"/>
    </row>
    <row r="691220" spans="8:8">
      <c r="H691220" s="12"/>
    </row>
    <row r="691221" spans="8:8">
      <c r="H691221" s="12"/>
    </row>
    <row r="691222" spans="8:8">
      <c r="H691222" s="12"/>
    </row>
    <row r="691223" spans="8:8">
      <c r="H691223" s="12"/>
    </row>
    <row r="691224" spans="8:8">
      <c r="H691224" s="12"/>
    </row>
    <row r="691225" spans="8:8">
      <c r="H691225" s="12"/>
    </row>
    <row r="691226" spans="8:8">
      <c r="H691226" s="12"/>
    </row>
    <row r="691227" spans="8:8">
      <c r="H691227" s="12"/>
    </row>
    <row r="691228" spans="8:8">
      <c r="H691228" s="12"/>
    </row>
    <row r="691229" spans="8:8">
      <c r="H691229" s="12"/>
    </row>
    <row r="691230" spans="8:8">
      <c r="H691230" s="12"/>
    </row>
    <row r="691231" spans="8:8">
      <c r="H691231" s="12"/>
    </row>
    <row r="691232" spans="8:8">
      <c r="H691232" s="12"/>
    </row>
    <row r="691233" spans="8:8">
      <c r="H691233" s="12"/>
    </row>
    <row r="691234" spans="8:8">
      <c r="H691234" s="12"/>
    </row>
    <row r="691235" spans="8:8">
      <c r="H691235" s="12"/>
    </row>
    <row r="691236" spans="8:8">
      <c r="H691236" s="12"/>
    </row>
    <row r="691237" spans="8:8">
      <c r="H691237" s="12"/>
    </row>
    <row r="691238" spans="8:8">
      <c r="H691238" s="12"/>
    </row>
    <row r="691239" spans="8:8">
      <c r="H691239" s="12"/>
    </row>
    <row r="691240" spans="8:8">
      <c r="H691240" s="12"/>
    </row>
    <row r="691241" spans="8:8">
      <c r="H691241" s="12"/>
    </row>
    <row r="691242" spans="8:8">
      <c r="H691242" s="12"/>
    </row>
    <row r="691243" spans="8:8">
      <c r="H691243" s="12"/>
    </row>
    <row r="691244" spans="8:8">
      <c r="H691244" s="12"/>
    </row>
    <row r="691245" spans="8:8">
      <c r="H691245" s="12"/>
    </row>
    <row r="691246" spans="8:8">
      <c r="H691246" s="12"/>
    </row>
    <row r="691247" spans="8:8">
      <c r="H691247" s="12"/>
    </row>
    <row r="691248" spans="8:8">
      <c r="H691248" s="12"/>
    </row>
    <row r="691249" spans="8:8">
      <c r="H691249" s="12"/>
    </row>
    <row r="691250" spans="8:8">
      <c r="H691250" s="12"/>
    </row>
    <row r="691251" spans="8:8">
      <c r="H691251" s="12"/>
    </row>
    <row r="691252" spans="8:8">
      <c r="H691252" s="12"/>
    </row>
    <row r="691253" spans="8:8">
      <c r="H691253" s="12"/>
    </row>
    <row r="691254" spans="8:8">
      <c r="H691254" s="12"/>
    </row>
    <row r="691255" spans="8:8">
      <c r="H691255" s="12"/>
    </row>
    <row r="691256" spans="8:8">
      <c r="H691256" s="12"/>
    </row>
    <row r="691257" spans="8:8">
      <c r="H691257" s="12"/>
    </row>
    <row r="691258" spans="8:8">
      <c r="H691258" s="12"/>
    </row>
    <row r="691259" spans="8:8">
      <c r="H691259" s="12"/>
    </row>
    <row r="691260" spans="8:8">
      <c r="H691260" s="12"/>
    </row>
    <row r="691261" spans="8:8">
      <c r="H691261" s="12"/>
    </row>
    <row r="691262" spans="8:8">
      <c r="H691262" s="12"/>
    </row>
    <row r="691263" spans="8:8">
      <c r="H691263" s="12"/>
    </row>
    <row r="691264" spans="8:8">
      <c r="H691264" s="12"/>
    </row>
    <row r="691265" spans="8:8">
      <c r="H691265" s="12"/>
    </row>
    <row r="691266" spans="8:8">
      <c r="H691266" s="12"/>
    </row>
    <row r="691267" spans="8:8">
      <c r="H691267" s="12"/>
    </row>
    <row r="691268" spans="8:8">
      <c r="H691268" s="12"/>
    </row>
    <row r="691269" spans="8:8">
      <c r="H691269" s="12"/>
    </row>
    <row r="691270" spans="8:8">
      <c r="H691270" s="12"/>
    </row>
    <row r="691271" spans="8:8">
      <c r="H691271" s="12"/>
    </row>
    <row r="691272" spans="8:8">
      <c r="H691272" s="12"/>
    </row>
    <row r="691273" spans="8:8">
      <c r="H691273" s="12"/>
    </row>
    <row r="691274" spans="8:8">
      <c r="H691274" s="12"/>
    </row>
    <row r="691275" spans="8:8">
      <c r="H691275" s="12"/>
    </row>
    <row r="691276" spans="8:8">
      <c r="H691276" s="12"/>
    </row>
    <row r="691277" spans="8:8">
      <c r="H691277" s="12"/>
    </row>
    <row r="691278" spans="8:8">
      <c r="H691278" s="12"/>
    </row>
    <row r="691279" spans="8:8">
      <c r="H691279" s="12"/>
    </row>
    <row r="691280" spans="8:8">
      <c r="H691280" s="12"/>
    </row>
    <row r="691281" spans="8:8">
      <c r="H691281" s="12"/>
    </row>
    <row r="691282" spans="8:8">
      <c r="H691282" s="12"/>
    </row>
    <row r="691283" spans="8:8">
      <c r="H691283" s="12"/>
    </row>
    <row r="691284" spans="8:8">
      <c r="H691284" s="12"/>
    </row>
    <row r="691285" spans="8:8">
      <c r="H691285" s="12"/>
    </row>
    <row r="691286" spans="8:8">
      <c r="H691286" s="12"/>
    </row>
    <row r="691287" spans="8:8">
      <c r="H691287" s="12"/>
    </row>
    <row r="691288" spans="8:8">
      <c r="H691288" s="12"/>
    </row>
    <row r="691289" spans="8:8">
      <c r="H691289" s="12"/>
    </row>
    <row r="691290" spans="8:8">
      <c r="H691290" s="12"/>
    </row>
    <row r="691291" spans="8:8">
      <c r="H691291" s="12"/>
    </row>
    <row r="691292" spans="8:8">
      <c r="H691292" s="12"/>
    </row>
    <row r="691293" spans="8:8">
      <c r="H691293" s="12"/>
    </row>
    <row r="691294" spans="8:8">
      <c r="H691294" s="12"/>
    </row>
    <row r="691295" spans="8:8">
      <c r="H691295" s="12"/>
    </row>
    <row r="691296" spans="8:8">
      <c r="H691296" s="12"/>
    </row>
    <row r="691297" spans="8:8">
      <c r="H691297" s="12"/>
    </row>
    <row r="691298" spans="8:8">
      <c r="H691298" s="12"/>
    </row>
    <row r="691299" spans="8:8">
      <c r="H691299" s="12"/>
    </row>
    <row r="691300" spans="8:8">
      <c r="H691300" s="12"/>
    </row>
    <row r="691301" spans="8:8">
      <c r="H691301" s="12"/>
    </row>
    <row r="691302" spans="8:8">
      <c r="H691302" s="12"/>
    </row>
    <row r="691303" spans="8:8">
      <c r="H691303" s="12"/>
    </row>
    <row r="691304" spans="8:8">
      <c r="H691304" s="12"/>
    </row>
    <row r="691305" spans="8:8">
      <c r="H691305" s="12"/>
    </row>
    <row r="691306" spans="8:8">
      <c r="H691306" s="12"/>
    </row>
    <row r="691307" spans="8:8">
      <c r="H691307" s="12"/>
    </row>
    <row r="691308" spans="8:8">
      <c r="H691308" s="12"/>
    </row>
    <row r="691309" spans="8:8">
      <c r="H691309" s="12"/>
    </row>
    <row r="691310" spans="8:8">
      <c r="H691310" s="12"/>
    </row>
    <row r="691311" spans="8:8">
      <c r="H691311" s="12"/>
    </row>
    <row r="691312" spans="8:8">
      <c r="H691312" s="12"/>
    </row>
    <row r="691313" spans="8:8">
      <c r="H691313" s="12"/>
    </row>
    <row r="691314" spans="8:8">
      <c r="H691314" s="12"/>
    </row>
    <row r="691315" spans="8:8">
      <c r="H691315" s="12"/>
    </row>
    <row r="691316" spans="8:8">
      <c r="H691316" s="12"/>
    </row>
    <row r="691317" spans="8:8">
      <c r="H691317" s="12"/>
    </row>
    <row r="691318" spans="8:8">
      <c r="H691318" s="12"/>
    </row>
    <row r="691319" spans="8:8">
      <c r="H691319" s="12"/>
    </row>
    <row r="691320" spans="8:8">
      <c r="H691320" s="12"/>
    </row>
    <row r="691321" spans="8:8">
      <c r="H691321" s="12"/>
    </row>
    <row r="691322" spans="8:8">
      <c r="H691322" s="12"/>
    </row>
    <row r="691323" spans="8:8">
      <c r="H691323" s="12"/>
    </row>
    <row r="691324" spans="8:8">
      <c r="H691324" s="12"/>
    </row>
    <row r="691325" spans="8:8">
      <c r="H691325" s="12"/>
    </row>
    <row r="691326" spans="8:8">
      <c r="H691326" s="12"/>
    </row>
    <row r="691327" spans="8:8">
      <c r="H691327" s="12"/>
    </row>
    <row r="691328" spans="8:8">
      <c r="H691328" s="12"/>
    </row>
    <row r="691329" spans="8:8">
      <c r="H691329" s="12"/>
    </row>
    <row r="691330" spans="8:8">
      <c r="H691330" s="12"/>
    </row>
    <row r="691331" spans="8:8">
      <c r="H691331" s="12"/>
    </row>
    <row r="691332" spans="8:8">
      <c r="H691332" s="12"/>
    </row>
    <row r="691333" spans="8:8">
      <c r="H691333" s="12"/>
    </row>
    <row r="691334" spans="8:8">
      <c r="H691334" s="12"/>
    </row>
    <row r="691335" spans="8:8">
      <c r="H691335" s="12"/>
    </row>
    <row r="691336" spans="8:8">
      <c r="H691336" s="12"/>
    </row>
    <row r="691337" spans="8:8">
      <c r="H691337" s="12"/>
    </row>
    <row r="691338" spans="8:8">
      <c r="H691338" s="12"/>
    </row>
    <row r="691339" spans="8:8">
      <c r="H691339" s="12"/>
    </row>
    <row r="691340" spans="8:8">
      <c r="H691340" s="12"/>
    </row>
    <row r="691341" spans="8:8">
      <c r="H691341" s="12"/>
    </row>
    <row r="691342" spans="8:8">
      <c r="H691342" s="12"/>
    </row>
    <row r="691343" spans="8:8">
      <c r="H691343" s="12"/>
    </row>
    <row r="691344" spans="8:8">
      <c r="H691344" s="12"/>
    </row>
    <row r="691345" spans="8:8">
      <c r="H691345" s="12"/>
    </row>
    <row r="691346" spans="8:8">
      <c r="H691346" s="12"/>
    </row>
    <row r="691347" spans="8:8">
      <c r="H691347" s="12"/>
    </row>
    <row r="691348" spans="8:8">
      <c r="H691348" s="12"/>
    </row>
    <row r="691349" spans="8:8">
      <c r="H691349" s="12"/>
    </row>
    <row r="691350" spans="8:8">
      <c r="H691350" s="12"/>
    </row>
    <row r="691351" spans="8:8">
      <c r="H691351" s="12"/>
    </row>
    <row r="691352" spans="8:8">
      <c r="H691352" s="12"/>
    </row>
    <row r="691353" spans="8:8">
      <c r="H691353" s="12"/>
    </row>
    <row r="691354" spans="8:8">
      <c r="H691354" s="12"/>
    </row>
    <row r="691355" spans="8:8">
      <c r="H691355" s="12"/>
    </row>
    <row r="691356" spans="8:8">
      <c r="H691356" s="12"/>
    </row>
    <row r="691357" spans="8:8">
      <c r="H691357" s="12"/>
    </row>
    <row r="691358" spans="8:8">
      <c r="H691358" s="12"/>
    </row>
    <row r="691359" spans="8:8">
      <c r="H691359" s="12"/>
    </row>
    <row r="691360" spans="8:8">
      <c r="H691360" s="12"/>
    </row>
    <row r="691361" spans="8:8">
      <c r="H691361" s="12"/>
    </row>
    <row r="691362" spans="8:8">
      <c r="H691362" s="12"/>
    </row>
    <row r="691363" spans="8:8">
      <c r="H691363" s="12"/>
    </row>
    <row r="691364" spans="8:8">
      <c r="H691364" s="12"/>
    </row>
    <row r="691365" spans="8:8">
      <c r="H691365" s="12"/>
    </row>
    <row r="691366" spans="8:8">
      <c r="H691366" s="12"/>
    </row>
    <row r="691367" spans="8:8">
      <c r="H691367" s="12"/>
    </row>
    <row r="691368" spans="8:8">
      <c r="H691368" s="12"/>
    </row>
    <row r="691369" spans="8:8">
      <c r="H691369" s="12"/>
    </row>
    <row r="691370" spans="8:8">
      <c r="H691370" s="12"/>
    </row>
    <row r="691371" spans="8:8">
      <c r="H691371" s="12"/>
    </row>
    <row r="691372" spans="8:8">
      <c r="H691372" s="12"/>
    </row>
    <row r="691373" spans="8:8">
      <c r="H691373" s="12"/>
    </row>
    <row r="691374" spans="8:8">
      <c r="H691374" s="12"/>
    </row>
    <row r="691375" spans="8:8">
      <c r="H691375" s="12"/>
    </row>
    <row r="691376" spans="8:8">
      <c r="H691376" s="12"/>
    </row>
    <row r="691377" spans="8:8">
      <c r="H691377" s="12"/>
    </row>
    <row r="691378" spans="8:8">
      <c r="H691378" s="12"/>
    </row>
    <row r="691379" spans="8:8">
      <c r="H691379" s="12"/>
    </row>
    <row r="691380" spans="8:8">
      <c r="H691380" s="12"/>
    </row>
    <row r="691381" spans="8:8">
      <c r="H691381" s="12"/>
    </row>
    <row r="691382" spans="8:8">
      <c r="H691382" s="12"/>
    </row>
    <row r="691383" spans="8:8">
      <c r="H691383" s="12"/>
    </row>
    <row r="691384" spans="8:8">
      <c r="H691384" s="12"/>
    </row>
    <row r="691385" spans="8:8">
      <c r="H691385" s="12"/>
    </row>
    <row r="691386" spans="8:8">
      <c r="H691386" s="12"/>
    </row>
    <row r="691387" spans="8:8">
      <c r="H691387" s="12"/>
    </row>
    <row r="691388" spans="8:8">
      <c r="H691388" s="12"/>
    </row>
    <row r="691389" spans="8:8">
      <c r="H691389" s="12"/>
    </row>
    <row r="691390" spans="8:8">
      <c r="H691390" s="12"/>
    </row>
    <row r="691391" spans="8:8">
      <c r="H691391" s="12"/>
    </row>
    <row r="691392" spans="8:8">
      <c r="H691392" s="12"/>
    </row>
    <row r="691393" spans="8:8">
      <c r="H691393" s="12"/>
    </row>
    <row r="691394" spans="8:8">
      <c r="H691394" s="12"/>
    </row>
    <row r="691395" spans="8:8">
      <c r="H691395" s="12"/>
    </row>
    <row r="691396" spans="8:8">
      <c r="H691396" s="12"/>
    </row>
    <row r="691397" spans="8:8">
      <c r="H691397" s="12"/>
    </row>
    <row r="691398" spans="8:8">
      <c r="H691398" s="12"/>
    </row>
    <row r="691399" spans="8:8">
      <c r="H691399" s="12"/>
    </row>
    <row r="691400" spans="8:8">
      <c r="H691400" s="12"/>
    </row>
    <row r="691401" spans="8:8">
      <c r="H691401" s="12"/>
    </row>
    <row r="691402" spans="8:8">
      <c r="H691402" s="12"/>
    </row>
    <row r="691403" spans="8:8">
      <c r="H691403" s="12"/>
    </row>
    <row r="691404" spans="8:8">
      <c r="H691404" s="12"/>
    </row>
    <row r="691405" spans="8:8">
      <c r="H691405" s="12"/>
    </row>
    <row r="691406" spans="8:8">
      <c r="H691406" s="12"/>
    </row>
    <row r="691407" spans="8:8">
      <c r="H691407" s="12"/>
    </row>
    <row r="691408" spans="8:8">
      <c r="H691408" s="12"/>
    </row>
    <row r="691409" spans="8:8">
      <c r="H691409" s="12"/>
    </row>
    <row r="691410" spans="8:8">
      <c r="H691410" s="12"/>
    </row>
    <row r="691411" spans="8:8">
      <c r="H691411" s="12"/>
    </row>
    <row r="691412" spans="8:8">
      <c r="H691412" s="12"/>
    </row>
    <row r="691413" spans="8:8">
      <c r="H691413" s="12"/>
    </row>
    <row r="691414" spans="8:8">
      <c r="H691414" s="12"/>
    </row>
    <row r="691415" spans="8:8">
      <c r="H691415" s="12"/>
    </row>
    <row r="691416" spans="8:8">
      <c r="H691416" s="12"/>
    </row>
    <row r="691417" spans="8:8">
      <c r="H691417" s="12"/>
    </row>
    <row r="691418" spans="8:8">
      <c r="H691418" s="12"/>
    </row>
    <row r="691419" spans="8:8">
      <c r="H691419" s="12"/>
    </row>
    <row r="691420" spans="8:8">
      <c r="H691420" s="12"/>
    </row>
    <row r="691421" spans="8:8">
      <c r="H691421" s="12"/>
    </row>
    <row r="691422" spans="8:8">
      <c r="H691422" s="12"/>
    </row>
    <row r="691423" spans="8:8">
      <c r="H691423" s="12"/>
    </row>
    <row r="691424" spans="8:8">
      <c r="H691424" s="12"/>
    </row>
    <row r="691425" spans="8:8">
      <c r="H691425" s="12"/>
    </row>
    <row r="691426" spans="8:8">
      <c r="H691426" s="12"/>
    </row>
    <row r="691427" spans="8:8">
      <c r="H691427" s="12"/>
    </row>
    <row r="691428" spans="8:8">
      <c r="H691428" s="12"/>
    </row>
    <row r="691429" spans="8:8">
      <c r="H691429" s="12"/>
    </row>
    <row r="691430" spans="8:8">
      <c r="H691430" s="12"/>
    </row>
    <row r="691431" spans="8:8">
      <c r="H691431" s="12"/>
    </row>
    <row r="691432" spans="8:8">
      <c r="H691432" s="12"/>
    </row>
    <row r="691433" spans="8:8">
      <c r="H691433" s="12"/>
    </row>
    <row r="691434" spans="8:8">
      <c r="H691434" s="12"/>
    </row>
    <row r="691435" spans="8:8">
      <c r="H691435" s="12"/>
    </row>
    <row r="691436" spans="8:8">
      <c r="H691436" s="12"/>
    </row>
    <row r="691437" spans="8:8">
      <c r="H691437" s="12"/>
    </row>
    <row r="691438" spans="8:8">
      <c r="H691438" s="12"/>
    </row>
    <row r="691439" spans="8:8">
      <c r="H691439" s="12"/>
    </row>
    <row r="691440" spans="8:8">
      <c r="H691440" s="12"/>
    </row>
    <row r="691441" spans="8:8">
      <c r="H691441" s="12"/>
    </row>
    <row r="691442" spans="8:8">
      <c r="H691442" s="12"/>
    </row>
    <row r="691443" spans="8:8">
      <c r="H691443" s="12"/>
    </row>
    <row r="691444" spans="8:8">
      <c r="H691444" s="12"/>
    </row>
    <row r="691445" spans="8:8">
      <c r="H691445" s="12"/>
    </row>
    <row r="691446" spans="8:8">
      <c r="H691446" s="12"/>
    </row>
    <row r="691447" spans="8:8">
      <c r="H691447" s="12"/>
    </row>
    <row r="691448" spans="8:8">
      <c r="H691448" s="12"/>
    </row>
    <row r="691449" spans="8:8">
      <c r="H691449" s="12"/>
    </row>
    <row r="691450" spans="8:8">
      <c r="H691450" s="12"/>
    </row>
    <row r="691451" spans="8:8">
      <c r="H691451" s="12"/>
    </row>
    <row r="691452" spans="8:8">
      <c r="H691452" s="12"/>
    </row>
    <row r="691453" spans="8:8">
      <c r="H691453" s="12"/>
    </row>
    <row r="691454" spans="8:8">
      <c r="H691454" s="12"/>
    </row>
    <row r="691455" spans="8:8">
      <c r="H691455" s="12"/>
    </row>
    <row r="691456" spans="8:8">
      <c r="H691456" s="12"/>
    </row>
    <row r="691457" spans="8:8">
      <c r="H691457" s="12"/>
    </row>
    <row r="691458" spans="8:8">
      <c r="H691458" s="12"/>
    </row>
    <row r="691459" spans="8:8">
      <c r="H691459" s="12"/>
    </row>
    <row r="691460" spans="8:8">
      <c r="H691460" s="12"/>
    </row>
    <row r="691461" spans="8:8">
      <c r="H691461" s="12"/>
    </row>
    <row r="691462" spans="8:8">
      <c r="H691462" s="12"/>
    </row>
    <row r="691463" spans="8:8">
      <c r="H691463" s="12"/>
    </row>
    <row r="691464" spans="8:8">
      <c r="H691464" s="12"/>
    </row>
    <row r="691465" spans="8:8">
      <c r="H691465" s="12"/>
    </row>
    <row r="691466" spans="8:8">
      <c r="H691466" s="12"/>
    </row>
    <row r="691467" spans="8:8">
      <c r="H691467" s="12"/>
    </row>
    <row r="691468" spans="8:8">
      <c r="H691468" s="12"/>
    </row>
    <row r="691469" spans="8:8">
      <c r="H691469" s="12"/>
    </row>
    <row r="691470" spans="8:8">
      <c r="H691470" s="12"/>
    </row>
    <row r="691471" spans="8:8">
      <c r="H691471" s="12"/>
    </row>
    <row r="691472" spans="8:8">
      <c r="H691472" s="12"/>
    </row>
    <row r="691473" spans="8:8">
      <c r="H691473" s="12"/>
    </row>
    <row r="691474" spans="8:8">
      <c r="H691474" s="12"/>
    </row>
    <row r="691475" spans="8:8">
      <c r="H691475" s="12"/>
    </row>
    <row r="691476" spans="8:8">
      <c r="H691476" s="12"/>
    </row>
    <row r="691477" spans="8:8">
      <c r="H691477" s="12"/>
    </row>
    <row r="691478" spans="8:8">
      <c r="H691478" s="12"/>
    </row>
    <row r="691479" spans="8:8">
      <c r="H691479" s="12"/>
    </row>
    <row r="691480" spans="8:8">
      <c r="H691480" s="12"/>
    </row>
    <row r="691481" spans="8:8">
      <c r="H691481" s="12"/>
    </row>
    <row r="691482" spans="8:8">
      <c r="H691482" s="12"/>
    </row>
    <row r="691483" spans="8:8">
      <c r="H691483" s="12"/>
    </row>
    <row r="691484" spans="8:8">
      <c r="H691484" s="12"/>
    </row>
    <row r="691485" spans="8:8">
      <c r="H691485" s="12"/>
    </row>
    <row r="691486" spans="8:8">
      <c r="H691486" s="12"/>
    </row>
    <row r="691487" spans="8:8">
      <c r="H691487" s="12"/>
    </row>
    <row r="691488" spans="8:8">
      <c r="H691488" s="12"/>
    </row>
    <row r="691489" spans="8:8">
      <c r="H691489" s="12"/>
    </row>
    <row r="691490" spans="8:8">
      <c r="H691490" s="12"/>
    </row>
    <row r="691491" spans="8:8">
      <c r="H691491" s="12"/>
    </row>
    <row r="691492" spans="8:8">
      <c r="H691492" s="12"/>
    </row>
    <row r="691493" spans="8:8">
      <c r="H691493" s="12"/>
    </row>
    <row r="691494" spans="8:8">
      <c r="H691494" s="12"/>
    </row>
    <row r="691495" spans="8:8">
      <c r="H691495" s="12"/>
    </row>
    <row r="691496" spans="8:8">
      <c r="H691496" s="12"/>
    </row>
    <row r="691497" spans="8:8">
      <c r="H691497" s="12"/>
    </row>
    <row r="691498" spans="8:8">
      <c r="H691498" s="12"/>
    </row>
    <row r="691499" spans="8:8">
      <c r="H691499" s="12"/>
    </row>
    <row r="691500" spans="8:8">
      <c r="H691500" s="12"/>
    </row>
    <row r="691501" spans="8:8">
      <c r="H691501" s="12"/>
    </row>
    <row r="691502" spans="8:8">
      <c r="H691502" s="12"/>
    </row>
    <row r="691503" spans="8:8">
      <c r="H691503" s="12"/>
    </row>
    <row r="691504" spans="8:8">
      <c r="H691504" s="12"/>
    </row>
    <row r="691505" spans="8:8">
      <c r="H691505" s="12"/>
    </row>
    <row r="691506" spans="8:8">
      <c r="H691506" s="12"/>
    </row>
    <row r="691507" spans="8:8">
      <c r="H691507" s="12"/>
    </row>
    <row r="691508" spans="8:8">
      <c r="H691508" s="12"/>
    </row>
    <row r="691509" spans="8:8">
      <c r="H691509" s="12"/>
    </row>
    <row r="691510" spans="8:8">
      <c r="H691510" s="12"/>
    </row>
    <row r="691511" spans="8:8">
      <c r="H691511" s="12"/>
    </row>
    <row r="691512" spans="8:8">
      <c r="H691512" s="12"/>
    </row>
    <row r="691513" spans="8:8">
      <c r="H691513" s="12"/>
    </row>
    <row r="691514" spans="8:8">
      <c r="H691514" s="12"/>
    </row>
    <row r="691515" spans="8:8">
      <c r="H691515" s="12"/>
    </row>
    <row r="691516" spans="8:8">
      <c r="H691516" s="12"/>
    </row>
    <row r="691517" spans="8:8">
      <c r="H691517" s="12"/>
    </row>
    <row r="691518" spans="8:8">
      <c r="H691518" s="12"/>
    </row>
    <row r="691519" spans="8:8">
      <c r="H691519" s="12"/>
    </row>
    <row r="691520" spans="8:8">
      <c r="H691520" s="12"/>
    </row>
    <row r="691521" spans="8:8">
      <c r="H691521" s="12"/>
    </row>
    <row r="691522" spans="8:8">
      <c r="H691522" s="12"/>
    </row>
    <row r="691523" spans="8:8">
      <c r="H691523" s="12"/>
    </row>
    <row r="691524" spans="8:8">
      <c r="H691524" s="12"/>
    </row>
    <row r="691525" spans="8:8">
      <c r="H691525" s="12"/>
    </row>
    <row r="691526" spans="8:8">
      <c r="H691526" s="12"/>
    </row>
    <row r="691527" spans="8:8">
      <c r="H691527" s="12"/>
    </row>
    <row r="691528" spans="8:8">
      <c r="H691528" s="12"/>
    </row>
    <row r="691529" spans="8:8">
      <c r="H691529" s="12"/>
    </row>
    <row r="691530" spans="8:8">
      <c r="H691530" s="12"/>
    </row>
    <row r="691531" spans="8:8">
      <c r="H691531" s="12"/>
    </row>
    <row r="691532" spans="8:8">
      <c r="H691532" s="12"/>
    </row>
    <row r="691533" spans="8:8">
      <c r="H691533" s="12"/>
    </row>
    <row r="691534" spans="8:8">
      <c r="H691534" s="12"/>
    </row>
    <row r="691535" spans="8:8">
      <c r="H691535" s="12"/>
    </row>
    <row r="691536" spans="8:8">
      <c r="H691536" s="12"/>
    </row>
    <row r="691537" spans="8:8">
      <c r="H691537" s="12"/>
    </row>
    <row r="691538" spans="8:8">
      <c r="H691538" s="12"/>
    </row>
    <row r="691539" spans="8:8">
      <c r="H691539" s="12"/>
    </row>
    <row r="691540" spans="8:8">
      <c r="H691540" s="12"/>
    </row>
    <row r="691541" spans="8:8">
      <c r="H691541" s="12"/>
    </row>
    <row r="691542" spans="8:8">
      <c r="H691542" s="12"/>
    </row>
    <row r="691543" spans="8:8">
      <c r="H691543" s="12"/>
    </row>
    <row r="691544" spans="8:8">
      <c r="H691544" s="12"/>
    </row>
    <row r="691545" spans="8:8">
      <c r="H691545" s="12"/>
    </row>
    <row r="691546" spans="8:8">
      <c r="H691546" s="12"/>
    </row>
    <row r="691547" spans="8:8">
      <c r="H691547" s="12"/>
    </row>
    <row r="691548" spans="8:8">
      <c r="H691548" s="12"/>
    </row>
    <row r="691549" spans="8:8">
      <c r="H691549" s="12"/>
    </row>
    <row r="691550" spans="8:8">
      <c r="H691550" s="12"/>
    </row>
    <row r="691551" spans="8:8">
      <c r="H691551" s="12"/>
    </row>
    <row r="691552" spans="8:8">
      <c r="H691552" s="12"/>
    </row>
    <row r="691553" spans="8:8">
      <c r="H691553" s="12"/>
    </row>
    <row r="691554" spans="8:8">
      <c r="H691554" s="12"/>
    </row>
    <row r="691555" spans="8:8">
      <c r="H691555" s="12"/>
    </row>
    <row r="691556" spans="8:8">
      <c r="H691556" s="12"/>
    </row>
    <row r="691557" spans="8:8">
      <c r="H691557" s="12"/>
    </row>
    <row r="691558" spans="8:8">
      <c r="H691558" s="12"/>
    </row>
    <row r="691559" spans="8:8">
      <c r="H691559" s="12"/>
    </row>
    <row r="691560" spans="8:8">
      <c r="H691560" s="12"/>
    </row>
    <row r="691561" spans="8:8">
      <c r="H691561" s="12"/>
    </row>
    <row r="691562" spans="8:8">
      <c r="H691562" s="12"/>
    </row>
    <row r="691563" spans="8:8">
      <c r="H691563" s="12"/>
    </row>
    <row r="691564" spans="8:8">
      <c r="H691564" s="12"/>
    </row>
    <row r="691565" spans="8:8">
      <c r="H691565" s="12"/>
    </row>
    <row r="691566" spans="8:8">
      <c r="H691566" s="12"/>
    </row>
    <row r="691567" spans="8:8">
      <c r="H691567" s="12"/>
    </row>
    <row r="691568" spans="8:8">
      <c r="H691568" s="12"/>
    </row>
    <row r="691569" spans="8:8">
      <c r="H691569" s="12"/>
    </row>
    <row r="691570" spans="8:8">
      <c r="H691570" s="12"/>
    </row>
    <row r="691571" spans="8:8">
      <c r="H691571" s="12"/>
    </row>
    <row r="691572" spans="8:8">
      <c r="H691572" s="12"/>
    </row>
    <row r="691573" spans="8:8">
      <c r="H691573" s="12"/>
    </row>
    <row r="691574" spans="8:8">
      <c r="H691574" s="12"/>
    </row>
    <row r="691575" spans="8:8">
      <c r="H691575" s="12"/>
    </row>
    <row r="691576" spans="8:8">
      <c r="H691576" s="12"/>
    </row>
    <row r="691577" spans="8:8">
      <c r="H691577" s="12"/>
    </row>
    <row r="691578" spans="8:8">
      <c r="H691578" s="12"/>
    </row>
    <row r="691579" spans="8:8">
      <c r="H691579" s="12"/>
    </row>
    <row r="691580" spans="8:8">
      <c r="H691580" s="12"/>
    </row>
    <row r="691581" spans="8:8">
      <c r="H691581" s="12"/>
    </row>
    <row r="691582" spans="8:8">
      <c r="H691582" s="12"/>
    </row>
    <row r="691583" spans="8:8">
      <c r="H691583" s="12"/>
    </row>
    <row r="691584" spans="8:8">
      <c r="H691584" s="12"/>
    </row>
    <row r="691585" spans="8:8">
      <c r="H691585" s="12"/>
    </row>
    <row r="691586" spans="8:8">
      <c r="H691586" s="12"/>
    </row>
    <row r="691587" spans="8:8">
      <c r="H691587" s="12"/>
    </row>
    <row r="691588" spans="8:8">
      <c r="H691588" s="12"/>
    </row>
    <row r="691589" spans="8:8">
      <c r="H691589" s="12"/>
    </row>
    <row r="691590" spans="8:8">
      <c r="H691590" s="12"/>
    </row>
    <row r="691591" spans="8:8">
      <c r="H691591" s="12"/>
    </row>
    <row r="691592" spans="8:8">
      <c r="H691592" s="12"/>
    </row>
    <row r="691593" spans="8:8">
      <c r="H691593" s="12"/>
    </row>
    <row r="691594" spans="8:8">
      <c r="H691594" s="12"/>
    </row>
    <row r="691595" spans="8:8">
      <c r="H691595" s="12"/>
    </row>
    <row r="691596" spans="8:8">
      <c r="H691596" s="12"/>
    </row>
    <row r="691597" spans="8:8">
      <c r="H691597" s="12"/>
    </row>
    <row r="691598" spans="8:8">
      <c r="H691598" s="12"/>
    </row>
    <row r="691599" spans="8:8">
      <c r="H691599" s="12"/>
    </row>
    <row r="691600" spans="8:8">
      <c r="H691600" s="12"/>
    </row>
    <row r="691601" spans="8:8">
      <c r="H691601" s="12"/>
    </row>
    <row r="691602" spans="8:8">
      <c r="H691602" s="12"/>
    </row>
    <row r="691603" spans="8:8">
      <c r="H691603" s="12"/>
    </row>
    <row r="691604" spans="8:8">
      <c r="H691604" s="12"/>
    </row>
    <row r="691605" spans="8:8">
      <c r="H691605" s="12"/>
    </row>
    <row r="691606" spans="8:8">
      <c r="H691606" s="12"/>
    </row>
    <row r="691607" spans="8:8">
      <c r="H691607" s="12"/>
    </row>
    <row r="691608" spans="8:8">
      <c r="H691608" s="12"/>
    </row>
    <row r="691609" spans="8:8">
      <c r="H691609" s="12"/>
    </row>
    <row r="691610" spans="8:8">
      <c r="H691610" s="12"/>
    </row>
    <row r="691611" spans="8:8">
      <c r="H691611" s="12"/>
    </row>
    <row r="691612" spans="8:8">
      <c r="H691612" s="12"/>
    </row>
    <row r="691613" spans="8:8">
      <c r="H691613" s="12"/>
    </row>
    <row r="691614" spans="8:8">
      <c r="H691614" s="12"/>
    </row>
    <row r="691615" spans="8:8">
      <c r="H691615" s="12"/>
    </row>
    <row r="691616" spans="8:8">
      <c r="H691616" s="12"/>
    </row>
    <row r="691617" spans="8:8">
      <c r="H691617" s="12"/>
    </row>
    <row r="691618" spans="8:8">
      <c r="H691618" s="12"/>
    </row>
    <row r="691619" spans="8:8">
      <c r="H691619" s="12"/>
    </row>
    <row r="691620" spans="8:8">
      <c r="H691620" s="12"/>
    </row>
    <row r="691621" spans="8:8">
      <c r="H691621" s="12"/>
    </row>
    <row r="691622" spans="8:8">
      <c r="H691622" s="12"/>
    </row>
    <row r="691623" spans="8:8">
      <c r="H691623" s="12"/>
    </row>
    <row r="691624" spans="8:8">
      <c r="H691624" s="12"/>
    </row>
    <row r="691625" spans="8:8">
      <c r="H691625" s="12"/>
    </row>
    <row r="691626" spans="8:8">
      <c r="H691626" s="12"/>
    </row>
    <row r="691627" spans="8:8">
      <c r="H691627" s="12"/>
    </row>
    <row r="691628" spans="8:8">
      <c r="H691628" s="12"/>
    </row>
    <row r="691629" spans="8:8">
      <c r="H691629" s="12"/>
    </row>
    <row r="691630" spans="8:8">
      <c r="H691630" s="12"/>
    </row>
    <row r="691631" spans="8:8">
      <c r="H691631" s="12"/>
    </row>
    <row r="691632" spans="8:8">
      <c r="H691632" s="12"/>
    </row>
    <row r="691633" spans="8:8">
      <c r="H691633" s="12"/>
    </row>
    <row r="691634" spans="8:8">
      <c r="H691634" s="12"/>
    </row>
    <row r="691635" spans="8:8">
      <c r="H691635" s="12"/>
    </row>
    <row r="691636" spans="8:8">
      <c r="H691636" s="12"/>
    </row>
    <row r="691637" spans="8:8">
      <c r="H691637" s="12"/>
    </row>
    <row r="691638" spans="8:8">
      <c r="H691638" s="12"/>
    </row>
    <row r="691639" spans="8:8">
      <c r="H691639" s="12"/>
    </row>
    <row r="691640" spans="8:8">
      <c r="H691640" s="12"/>
    </row>
    <row r="691641" spans="8:8">
      <c r="H691641" s="12"/>
    </row>
    <row r="691642" spans="8:8">
      <c r="H691642" s="12"/>
    </row>
    <row r="691643" spans="8:8">
      <c r="H691643" s="12"/>
    </row>
    <row r="691644" spans="8:8">
      <c r="H691644" s="12"/>
    </row>
    <row r="691645" spans="8:8">
      <c r="H691645" s="12"/>
    </row>
    <row r="691646" spans="8:8">
      <c r="H691646" s="12"/>
    </row>
    <row r="691647" spans="8:8">
      <c r="H691647" s="12"/>
    </row>
    <row r="691648" spans="8:8">
      <c r="H691648" s="12"/>
    </row>
    <row r="691649" spans="8:8">
      <c r="H691649" s="12"/>
    </row>
    <row r="691650" spans="8:8">
      <c r="H691650" s="12"/>
    </row>
    <row r="691651" spans="8:8">
      <c r="H691651" s="12"/>
    </row>
    <row r="691652" spans="8:8">
      <c r="H691652" s="12"/>
    </row>
    <row r="691653" spans="8:8">
      <c r="H691653" s="12"/>
    </row>
    <row r="691654" spans="8:8">
      <c r="H691654" s="12"/>
    </row>
    <row r="691655" spans="8:8">
      <c r="H691655" s="12"/>
    </row>
    <row r="691656" spans="8:8">
      <c r="H691656" s="12"/>
    </row>
    <row r="691657" spans="8:8">
      <c r="H691657" s="12"/>
    </row>
    <row r="691658" spans="8:8">
      <c r="H691658" s="12"/>
    </row>
    <row r="691659" spans="8:8">
      <c r="H691659" s="12"/>
    </row>
    <row r="691660" spans="8:8">
      <c r="H691660" s="12"/>
    </row>
    <row r="691661" spans="8:8">
      <c r="H691661" s="12"/>
    </row>
    <row r="691662" spans="8:8">
      <c r="H691662" s="12"/>
    </row>
    <row r="691663" spans="8:8">
      <c r="H691663" s="12"/>
    </row>
    <row r="691664" spans="8:8">
      <c r="H691664" s="12"/>
    </row>
    <row r="691665" spans="8:8">
      <c r="H691665" s="12"/>
    </row>
    <row r="691666" spans="8:8">
      <c r="H691666" s="12"/>
    </row>
    <row r="691667" spans="8:8">
      <c r="H691667" s="12"/>
    </row>
    <row r="691668" spans="8:8">
      <c r="H691668" s="12"/>
    </row>
    <row r="691669" spans="8:8">
      <c r="H691669" s="12"/>
    </row>
    <row r="691670" spans="8:8">
      <c r="H691670" s="12"/>
    </row>
    <row r="691671" spans="8:8">
      <c r="H691671" s="12"/>
    </row>
    <row r="691672" spans="8:8">
      <c r="H691672" s="12"/>
    </row>
    <row r="691673" spans="8:8">
      <c r="H691673" s="12"/>
    </row>
    <row r="691674" spans="8:8">
      <c r="H691674" s="12"/>
    </row>
    <row r="691675" spans="8:8">
      <c r="H691675" s="12"/>
    </row>
    <row r="691676" spans="8:8">
      <c r="H691676" s="12"/>
    </row>
    <row r="691677" spans="8:8">
      <c r="H691677" s="12"/>
    </row>
    <row r="691678" spans="8:8">
      <c r="H691678" s="12"/>
    </row>
    <row r="691679" spans="8:8">
      <c r="H691679" s="12"/>
    </row>
    <row r="691680" spans="8:8">
      <c r="H691680" s="12"/>
    </row>
    <row r="691681" spans="8:8">
      <c r="H691681" s="12"/>
    </row>
    <row r="691682" spans="8:8">
      <c r="H691682" s="12"/>
    </row>
    <row r="691683" spans="8:8">
      <c r="H691683" s="12"/>
    </row>
    <row r="691684" spans="8:8">
      <c r="H691684" s="12"/>
    </row>
    <row r="691685" spans="8:8">
      <c r="H691685" s="12"/>
    </row>
    <row r="691686" spans="8:8">
      <c r="H691686" s="12"/>
    </row>
    <row r="691687" spans="8:8">
      <c r="H691687" s="12"/>
    </row>
    <row r="691688" spans="8:8">
      <c r="H691688" s="12"/>
    </row>
    <row r="691689" spans="8:8">
      <c r="H691689" s="12"/>
    </row>
    <row r="691690" spans="8:8">
      <c r="H691690" s="12"/>
    </row>
    <row r="691691" spans="8:8">
      <c r="H691691" s="12"/>
    </row>
    <row r="691692" spans="8:8">
      <c r="H691692" s="12"/>
    </row>
    <row r="691693" spans="8:8">
      <c r="H691693" s="12"/>
    </row>
    <row r="691694" spans="8:8">
      <c r="H691694" s="12"/>
    </row>
    <row r="691695" spans="8:8">
      <c r="H691695" s="12"/>
    </row>
    <row r="691696" spans="8:8">
      <c r="H691696" s="12"/>
    </row>
    <row r="691697" spans="8:8">
      <c r="H691697" s="12"/>
    </row>
    <row r="691698" spans="8:8">
      <c r="H691698" s="12"/>
    </row>
    <row r="691699" spans="8:8">
      <c r="H691699" s="12"/>
    </row>
    <row r="691700" spans="8:8">
      <c r="H691700" s="12"/>
    </row>
    <row r="691701" spans="8:8">
      <c r="H691701" s="12"/>
    </row>
    <row r="691702" spans="8:8">
      <c r="H691702" s="12"/>
    </row>
    <row r="691703" spans="8:8">
      <c r="H691703" s="12"/>
    </row>
    <row r="691704" spans="8:8">
      <c r="H691704" s="12"/>
    </row>
    <row r="691705" spans="8:8">
      <c r="H691705" s="12"/>
    </row>
    <row r="691706" spans="8:8">
      <c r="H691706" s="12"/>
    </row>
    <row r="691707" spans="8:8">
      <c r="H691707" s="12"/>
    </row>
    <row r="691708" spans="8:8">
      <c r="H691708" s="12"/>
    </row>
    <row r="691709" spans="8:8">
      <c r="H691709" s="12"/>
    </row>
    <row r="691710" spans="8:8">
      <c r="H691710" s="12"/>
    </row>
    <row r="691711" spans="8:8">
      <c r="H691711" s="12"/>
    </row>
    <row r="691712" spans="8:8">
      <c r="H691712" s="12"/>
    </row>
    <row r="691713" spans="8:8">
      <c r="H691713" s="12"/>
    </row>
    <row r="691714" spans="8:8">
      <c r="H691714" s="12"/>
    </row>
    <row r="691715" spans="8:8">
      <c r="H691715" s="12"/>
    </row>
    <row r="691716" spans="8:8">
      <c r="H691716" s="12"/>
    </row>
    <row r="691717" spans="8:8">
      <c r="H691717" s="12"/>
    </row>
    <row r="691718" spans="8:8">
      <c r="H691718" s="12"/>
    </row>
    <row r="691719" spans="8:8">
      <c r="H691719" s="12"/>
    </row>
    <row r="691720" spans="8:8">
      <c r="H691720" s="12"/>
    </row>
    <row r="691721" spans="8:8">
      <c r="H691721" s="12"/>
    </row>
    <row r="691722" spans="8:8">
      <c r="H691722" s="12"/>
    </row>
    <row r="691723" spans="8:8">
      <c r="H691723" s="12"/>
    </row>
    <row r="691724" spans="8:8">
      <c r="H691724" s="12"/>
    </row>
    <row r="691725" spans="8:8">
      <c r="H691725" s="12"/>
    </row>
    <row r="691726" spans="8:8">
      <c r="H691726" s="12"/>
    </row>
    <row r="691727" spans="8:8">
      <c r="H691727" s="12"/>
    </row>
    <row r="691728" spans="8:8">
      <c r="H691728" s="12"/>
    </row>
    <row r="691729" spans="8:8">
      <c r="H691729" s="12"/>
    </row>
    <row r="691730" spans="8:8">
      <c r="H691730" s="12"/>
    </row>
    <row r="691731" spans="8:8">
      <c r="H691731" s="12"/>
    </row>
    <row r="691732" spans="8:8">
      <c r="H691732" s="12"/>
    </row>
    <row r="691733" spans="8:8">
      <c r="H691733" s="12"/>
    </row>
    <row r="691734" spans="8:8">
      <c r="H691734" s="12"/>
    </row>
    <row r="691735" spans="8:8">
      <c r="H691735" s="12"/>
    </row>
    <row r="691736" spans="8:8">
      <c r="H691736" s="12"/>
    </row>
    <row r="691737" spans="8:8">
      <c r="H691737" s="12"/>
    </row>
    <row r="691738" spans="8:8">
      <c r="H691738" s="12"/>
    </row>
    <row r="691739" spans="8:8">
      <c r="H691739" s="12"/>
    </row>
    <row r="691740" spans="8:8">
      <c r="H691740" s="12"/>
    </row>
    <row r="691741" spans="8:8">
      <c r="H691741" s="12"/>
    </row>
    <row r="691742" spans="8:8">
      <c r="H691742" s="12"/>
    </row>
    <row r="691743" spans="8:8">
      <c r="H691743" s="12"/>
    </row>
    <row r="691744" spans="8:8">
      <c r="H691744" s="12"/>
    </row>
    <row r="691745" spans="8:8">
      <c r="H691745" s="12"/>
    </row>
    <row r="691746" spans="8:8">
      <c r="H691746" s="12"/>
    </row>
    <row r="691747" spans="8:8">
      <c r="H691747" s="12"/>
    </row>
    <row r="691748" spans="8:8">
      <c r="H691748" s="12"/>
    </row>
    <row r="691749" spans="8:8">
      <c r="H691749" s="12"/>
    </row>
    <row r="691750" spans="8:8">
      <c r="H691750" s="12"/>
    </row>
    <row r="691751" spans="8:8">
      <c r="H691751" s="12"/>
    </row>
    <row r="691752" spans="8:8">
      <c r="H691752" s="12"/>
    </row>
    <row r="691753" spans="8:8">
      <c r="H691753" s="12"/>
    </row>
    <row r="691754" spans="8:8">
      <c r="H691754" s="12"/>
    </row>
    <row r="691755" spans="8:8">
      <c r="H691755" s="12"/>
    </row>
    <row r="691756" spans="8:8">
      <c r="H691756" s="12"/>
    </row>
    <row r="691757" spans="8:8">
      <c r="H691757" s="12"/>
    </row>
    <row r="691758" spans="8:8">
      <c r="H691758" s="12"/>
    </row>
    <row r="691759" spans="8:8">
      <c r="H691759" s="12"/>
    </row>
    <row r="691760" spans="8:8">
      <c r="H691760" s="12"/>
    </row>
    <row r="691761" spans="8:8">
      <c r="H691761" s="12"/>
    </row>
    <row r="691762" spans="8:8">
      <c r="H691762" s="12"/>
    </row>
    <row r="691763" spans="8:8">
      <c r="H691763" s="12"/>
    </row>
    <row r="691764" spans="8:8">
      <c r="H691764" s="12"/>
    </row>
    <row r="691765" spans="8:8">
      <c r="H691765" s="12"/>
    </row>
    <row r="691766" spans="8:8">
      <c r="H691766" s="12"/>
    </row>
    <row r="691767" spans="8:8">
      <c r="H691767" s="12"/>
    </row>
    <row r="691768" spans="8:8">
      <c r="H691768" s="12"/>
    </row>
    <row r="691769" spans="8:8">
      <c r="H691769" s="12"/>
    </row>
    <row r="691770" spans="8:8">
      <c r="H691770" s="12"/>
    </row>
    <row r="691771" spans="8:8">
      <c r="H691771" s="12"/>
    </row>
    <row r="691772" spans="8:8">
      <c r="H691772" s="12"/>
    </row>
    <row r="691773" spans="8:8">
      <c r="H691773" s="12"/>
    </row>
    <row r="691774" spans="8:8">
      <c r="H691774" s="12"/>
    </row>
    <row r="691775" spans="8:8">
      <c r="H691775" s="12"/>
    </row>
    <row r="691776" spans="8:8">
      <c r="H691776" s="12"/>
    </row>
    <row r="691777" spans="8:8">
      <c r="H691777" s="12"/>
    </row>
    <row r="691778" spans="8:8">
      <c r="H691778" s="12"/>
    </row>
    <row r="691779" spans="8:8">
      <c r="H691779" s="12"/>
    </row>
    <row r="691780" spans="8:8">
      <c r="H691780" s="12"/>
    </row>
    <row r="691781" spans="8:8">
      <c r="H691781" s="12"/>
    </row>
    <row r="691782" spans="8:8">
      <c r="H691782" s="12"/>
    </row>
    <row r="691783" spans="8:8">
      <c r="H691783" s="12"/>
    </row>
    <row r="691784" spans="8:8">
      <c r="H691784" s="12"/>
    </row>
    <row r="691785" spans="8:8">
      <c r="H691785" s="12"/>
    </row>
    <row r="691786" spans="8:8">
      <c r="H691786" s="12"/>
    </row>
    <row r="691787" spans="8:8">
      <c r="H691787" s="12"/>
    </row>
    <row r="691788" spans="8:8">
      <c r="H691788" s="12"/>
    </row>
    <row r="691789" spans="8:8">
      <c r="H691789" s="12"/>
    </row>
    <row r="691790" spans="8:8">
      <c r="H691790" s="12"/>
    </row>
    <row r="691791" spans="8:8">
      <c r="H691791" s="12"/>
    </row>
    <row r="691792" spans="8:8">
      <c r="H691792" s="12"/>
    </row>
    <row r="691793" spans="8:8">
      <c r="H691793" s="12"/>
    </row>
    <row r="691794" spans="8:8">
      <c r="H691794" s="12"/>
    </row>
    <row r="691795" spans="8:8">
      <c r="H691795" s="12"/>
    </row>
    <row r="691796" spans="8:8">
      <c r="H691796" s="12"/>
    </row>
    <row r="691797" spans="8:8">
      <c r="H691797" s="12"/>
    </row>
    <row r="691798" spans="8:8">
      <c r="H691798" s="12"/>
    </row>
    <row r="691799" spans="8:8">
      <c r="H691799" s="12"/>
    </row>
    <row r="691800" spans="8:8">
      <c r="H691800" s="12"/>
    </row>
    <row r="691801" spans="8:8">
      <c r="H691801" s="12"/>
    </row>
    <row r="691802" spans="8:8">
      <c r="H691802" s="12"/>
    </row>
    <row r="691803" spans="8:8">
      <c r="H691803" s="12"/>
    </row>
    <row r="691804" spans="8:8">
      <c r="H691804" s="12"/>
    </row>
    <row r="691805" spans="8:8">
      <c r="H691805" s="12"/>
    </row>
    <row r="691806" spans="8:8">
      <c r="H691806" s="12"/>
    </row>
    <row r="691807" spans="8:8">
      <c r="H691807" s="12"/>
    </row>
    <row r="691808" spans="8:8">
      <c r="H691808" s="12"/>
    </row>
    <row r="691809" spans="8:8">
      <c r="H691809" s="12"/>
    </row>
    <row r="691810" spans="8:8">
      <c r="H691810" s="12"/>
    </row>
    <row r="691811" spans="8:8">
      <c r="H691811" s="12"/>
    </row>
    <row r="691812" spans="8:8">
      <c r="H691812" s="12"/>
    </row>
    <row r="691813" spans="8:8">
      <c r="H691813" s="12"/>
    </row>
    <row r="691814" spans="8:8">
      <c r="H691814" s="12"/>
    </row>
    <row r="691815" spans="8:8">
      <c r="H691815" s="12"/>
    </row>
    <row r="691816" spans="8:8">
      <c r="H691816" s="12"/>
    </row>
    <row r="691817" spans="8:8">
      <c r="H691817" s="12"/>
    </row>
    <row r="691818" spans="8:8">
      <c r="H691818" s="12"/>
    </row>
    <row r="691819" spans="8:8">
      <c r="H691819" s="12"/>
    </row>
    <row r="691820" spans="8:8">
      <c r="H691820" s="12"/>
    </row>
    <row r="691821" spans="8:8">
      <c r="H691821" s="12"/>
    </row>
    <row r="691822" spans="8:8">
      <c r="H691822" s="12"/>
    </row>
    <row r="691823" spans="8:8">
      <c r="H691823" s="12"/>
    </row>
    <row r="691824" spans="8:8">
      <c r="H691824" s="12"/>
    </row>
    <row r="691825" spans="8:8">
      <c r="H691825" s="12"/>
    </row>
    <row r="691826" spans="8:8">
      <c r="H691826" s="12"/>
    </row>
    <row r="691827" spans="8:8">
      <c r="H691827" s="12"/>
    </row>
    <row r="691828" spans="8:8">
      <c r="H691828" s="12"/>
    </row>
    <row r="691829" spans="8:8">
      <c r="H691829" s="12"/>
    </row>
    <row r="691830" spans="8:8">
      <c r="H691830" s="12"/>
    </row>
    <row r="691831" spans="8:8">
      <c r="H691831" s="12"/>
    </row>
    <row r="691832" spans="8:8">
      <c r="H691832" s="12"/>
    </row>
    <row r="691833" spans="8:8">
      <c r="H691833" s="12"/>
    </row>
    <row r="691834" spans="8:8">
      <c r="H691834" s="12"/>
    </row>
    <row r="691835" spans="8:8">
      <c r="H691835" s="12"/>
    </row>
    <row r="691836" spans="8:8">
      <c r="H691836" s="12"/>
    </row>
    <row r="691837" spans="8:8">
      <c r="H691837" s="12"/>
    </row>
    <row r="691838" spans="8:8">
      <c r="H691838" s="12"/>
    </row>
    <row r="691839" spans="8:8">
      <c r="H691839" s="12"/>
    </row>
    <row r="691840" spans="8:8">
      <c r="H691840" s="12"/>
    </row>
    <row r="691841" spans="8:8">
      <c r="H691841" s="12"/>
    </row>
    <row r="691842" spans="8:8">
      <c r="H691842" s="12"/>
    </row>
    <row r="691843" spans="8:8">
      <c r="H691843" s="12"/>
    </row>
    <row r="691844" spans="8:8">
      <c r="H691844" s="12"/>
    </row>
    <row r="691845" spans="8:8">
      <c r="H691845" s="12"/>
    </row>
    <row r="691846" spans="8:8">
      <c r="H691846" s="12"/>
    </row>
    <row r="691847" spans="8:8">
      <c r="H691847" s="12"/>
    </row>
    <row r="691848" spans="8:8">
      <c r="H691848" s="12"/>
    </row>
    <row r="691849" spans="8:8">
      <c r="H691849" s="12"/>
    </row>
    <row r="691850" spans="8:8">
      <c r="H691850" s="12"/>
    </row>
    <row r="691851" spans="8:8">
      <c r="H691851" s="12"/>
    </row>
    <row r="691852" spans="8:8">
      <c r="H691852" s="12"/>
    </row>
    <row r="691853" spans="8:8">
      <c r="H691853" s="12"/>
    </row>
    <row r="691854" spans="8:8">
      <c r="H691854" s="12"/>
    </row>
    <row r="691855" spans="8:8">
      <c r="H691855" s="12"/>
    </row>
    <row r="691856" spans="8:8">
      <c r="H691856" s="12"/>
    </row>
    <row r="691857" spans="8:8">
      <c r="H691857" s="12"/>
    </row>
    <row r="691858" spans="8:8">
      <c r="H691858" s="12"/>
    </row>
    <row r="691859" spans="8:8">
      <c r="H691859" s="12"/>
    </row>
    <row r="691860" spans="8:8">
      <c r="H691860" s="12"/>
    </row>
    <row r="691861" spans="8:8">
      <c r="H691861" s="12"/>
    </row>
    <row r="691862" spans="8:8">
      <c r="H691862" s="12"/>
    </row>
    <row r="691863" spans="8:8">
      <c r="H691863" s="12"/>
    </row>
    <row r="691864" spans="8:8">
      <c r="H691864" s="12"/>
    </row>
    <row r="691865" spans="8:8">
      <c r="H691865" s="12"/>
    </row>
    <row r="691866" spans="8:8">
      <c r="H691866" s="12"/>
    </row>
    <row r="691867" spans="8:8">
      <c r="H691867" s="12"/>
    </row>
    <row r="691868" spans="8:8">
      <c r="H691868" s="12"/>
    </row>
    <row r="691869" spans="8:8">
      <c r="H691869" s="12"/>
    </row>
    <row r="691870" spans="8:8">
      <c r="H691870" s="12"/>
    </row>
    <row r="691871" spans="8:8">
      <c r="H691871" s="12"/>
    </row>
    <row r="691872" spans="8:8">
      <c r="H691872" s="12"/>
    </row>
    <row r="691873" spans="8:8">
      <c r="H691873" s="12"/>
    </row>
    <row r="691874" spans="8:8">
      <c r="H691874" s="12"/>
    </row>
    <row r="691875" spans="8:8">
      <c r="H691875" s="12"/>
    </row>
    <row r="691876" spans="8:8">
      <c r="H691876" s="12"/>
    </row>
    <row r="691877" spans="8:8">
      <c r="H691877" s="12"/>
    </row>
    <row r="691878" spans="8:8">
      <c r="H691878" s="12"/>
    </row>
    <row r="691879" spans="8:8">
      <c r="H691879" s="12"/>
    </row>
    <row r="691880" spans="8:8">
      <c r="H691880" s="12"/>
    </row>
    <row r="691881" spans="8:8">
      <c r="H691881" s="12"/>
    </row>
    <row r="691882" spans="8:8">
      <c r="H691882" s="12"/>
    </row>
    <row r="691883" spans="8:8">
      <c r="H691883" s="12"/>
    </row>
    <row r="691884" spans="8:8">
      <c r="H691884" s="12"/>
    </row>
    <row r="691885" spans="8:8">
      <c r="H691885" s="12"/>
    </row>
    <row r="691886" spans="8:8">
      <c r="H691886" s="12"/>
    </row>
    <row r="691887" spans="8:8">
      <c r="H691887" s="12"/>
    </row>
    <row r="691888" spans="8:8">
      <c r="H691888" s="12"/>
    </row>
    <row r="691889" spans="8:8">
      <c r="H691889" s="12"/>
    </row>
    <row r="691890" spans="8:8">
      <c r="H691890" s="12"/>
    </row>
    <row r="691891" spans="8:8">
      <c r="H691891" s="12"/>
    </row>
    <row r="691892" spans="8:8">
      <c r="H691892" s="12"/>
    </row>
    <row r="691893" spans="8:8">
      <c r="H691893" s="12"/>
    </row>
    <row r="691894" spans="8:8">
      <c r="H691894" s="12"/>
    </row>
    <row r="691895" spans="8:8">
      <c r="H691895" s="12"/>
    </row>
    <row r="691896" spans="8:8">
      <c r="H691896" s="12"/>
    </row>
    <row r="691897" spans="8:8">
      <c r="H691897" s="12"/>
    </row>
    <row r="691898" spans="8:8">
      <c r="H691898" s="12"/>
    </row>
    <row r="691899" spans="8:8">
      <c r="H691899" s="12"/>
    </row>
    <row r="691900" spans="8:8">
      <c r="H691900" s="12"/>
    </row>
    <row r="691901" spans="8:8">
      <c r="H691901" s="12"/>
    </row>
    <row r="691902" spans="8:8">
      <c r="H691902" s="12"/>
    </row>
    <row r="691903" spans="8:8">
      <c r="H691903" s="12"/>
    </row>
    <row r="691904" spans="8:8">
      <c r="H691904" s="12"/>
    </row>
    <row r="691905" spans="8:8">
      <c r="H691905" s="12"/>
    </row>
    <row r="691906" spans="8:8">
      <c r="H691906" s="12"/>
    </row>
    <row r="691907" spans="8:8">
      <c r="H691907" s="12"/>
    </row>
    <row r="691908" spans="8:8">
      <c r="H691908" s="12"/>
    </row>
    <row r="691909" spans="8:8">
      <c r="H691909" s="12"/>
    </row>
    <row r="691910" spans="8:8">
      <c r="H691910" s="12"/>
    </row>
    <row r="691911" spans="8:8">
      <c r="H691911" s="12"/>
    </row>
    <row r="691912" spans="8:8">
      <c r="H691912" s="12"/>
    </row>
    <row r="691913" spans="8:8">
      <c r="H691913" s="12"/>
    </row>
    <row r="691914" spans="8:8">
      <c r="H691914" s="12"/>
    </row>
    <row r="691915" spans="8:8">
      <c r="H691915" s="12"/>
    </row>
    <row r="691916" spans="8:8">
      <c r="H691916" s="12"/>
    </row>
    <row r="691917" spans="8:8">
      <c r="H691917" s="12"/>
    </row>
    <row r="691918" spans="8:8">
      <c r="H691918" s="12"/>
    </row>
    <row r="691919" spans="8:8">
      <c r="H691919" s="12"/>
    </row>
    <row r="691920" spans="8:8">
      <c r="H691920" s="12"/>
    </row>
    <row r="691921" spans="8:8">
      <c r="H691921" s="12"/>
    </row>
    <row r="691922" spans="8:8">
      <c r="H691922" s="12"/>
    </row>
    <row r="691923" spans="8:8">
      <c r="H691923" s="12"/>
    </row>
    <row r="691924" spans="8:8">
      <c r="H691924" s="12"/>
    </row>
    <row r="691925" spans="8:8">
      <c r="H691925" s="12"/>
    </row>
    <row r="691926" spans="8:8">
      <c r="H691926" s="12"/>
    </row>
    <row r="691927" spans="8:8">
      <c r="H691927" s="12"/>
    </row>
    <row r="691928" spans="8:8">
      <c r="H691928" s="12"/>
    </row>
    <row r="691929" spans="8:8">
      <c r="H691929" s="12"/>
    </row>
    <row r="691930" spans="8:8">
      <c r="H691930" s="12"/>
    </row>
    <row r="691931" spans="8:8">
      <c r="H691931" s="12"/>
    </row>
    <row r="691932" spans="8:8">
      <c r="H691932" s="12"/>
    </row>
    <row r="691933" spans="8:8">
      <c r="H691933" s="12"/>
    </row>
    <row r="691934" spans="8:8">
      <c r="H691934" s="12"/>
    </row>
    <row r="691935" spans="8:8">
      <c r="H691935" s="12"/>
    </row>
    <row r="691936" spans="8:8">
      <c r="H691936" s="12"/>
    </row>
    <row r="691937" spans="8:8">
      <c r="H691937" s="12"/>
    </row>
    <row r="691938" spans="8:8">
      <c r="H691938" s="12"/>
    </row>
    <row r="691939" spans="8:8">
      <c r="H691939" s="12"/>
    </row>
    <row r="691940" spans="8:8">
      <c r="H691940" s="12"/>
    </row>
    <row r="691941" spans="8:8">
      <c r="H691941" s="12"/>
    </row>
    <row r="691942" spans="8:8">
      <c r="H691942" s="12"/>
    </row>
    <row r="691943" spans="8:8">
      <c r="H691943" s="12"/>
    </row>
    <row r="691944" spans="8:8">
      <c r="H691944" s="12"/>
    </row>
    <row r="691945" spans="8:8">
      <c r="H691945" s="12"/>
    </row>
    <row r="691946" spans="8:8">
      <c r="H691946" s="12"/>
    </row>
    <row r="691947" spans="8:8">
      <c r="H691947" s="12"/>
    </row>
    <row r="691948" spans="8:8">
      <c r="H691948" s="12"/>
    </row>
    <row r="691949" spans="8:8">
      <c r="H691949" s="12"/>
    </row>
    <row r="691950" spans="8:8">
      <c r="H691950" s="12"/>
    </row>
    <row r="691951" spans="8:8">
      <c r="H691951" s="12"/>
    </row>
    <row r="691952" spans="8:8">
      <c r="H691952" s="12"/>
    </row>
    <row r="691953" spans="8:8">
      <c r="H691953" s="12"/>
    </row>
    <row r="691954" spans="8:8">
      <c r="H691954" s="12"/>
    </row>
    <row r="691955" spans="8:8">
      <c r="H691955" s="12"/>
    </row>
    <row r="691956" spans="8:8">
      <c r="H691956" s="12"/>
    </row>
    <row r="691957" spans="8:8">
      <c r="H691957" s="12"/>
    </row>
    <row r="691958" spans="8:8">
      <c r="H691958" s="12"/>
    </row>
    <row r="691959" spans="8:8">
      <c r="H691959" s="12"/>
    </row>
    <row r="691960" spans="8:8">
      <c r="H691960" s="12"/>
    </row>
    <row r="691961" spans="8:8">
      <c r="H691961" s="12"/>
    </row>
    <row r="691962" spans="8:8">
      <c r="H691962" s="12"/>
    </row>
    <row r="691963" spans="8:8">
      <c r="H691963" s="12"/>
    </row>
    <row r="691964" spans="8:8">
      <c r="H691964" s="12"/>
    </row>
    <row r="691965" spans="8:8">
      <c r="H691965" s="12"/>
    </row>
    <row r="691966" spans="8:8">
      <c r="H691966" s="12"/>
    </row>
    <row r="691967" spans="8:8">
      <c r="H691967" s="12"/>
    </row>
    <row r="691968" spans="8:8">
      <c r="H691968" s="12"/>
    </row>
    <row r="691969" spans="8:8">
      <c r="H691969" s="12"/>
    </row>
    <row r="691970" spans="8:8">
      <c r="H691970" s="12"/>
    </row>
    <row r="691971" spans="8:8">
      <c r="H691971" s="12"/>
    </row>
    <row r="691972" spans="8:8">
      <c r="H691972" s="12"/>
    </row>
    <row r="691973" spans="8:8">
      <c r="H691973" s="12"/>
    </row>
    <row r="691974" spans="8:8">
      <c r="H691974" s="12"/>
    </row>
    <row r="691975" spans="8:8">
      <c r="H691975" s="12"/>
    </row>
    <row r="691976" spans="8:8">
      <c r="H691976" s="12"/>
    </row>
    <row r="691977" spans="8:8">
      <c r="H691977" s="12"/>
    </row>
    <row r="691978" spans="8:8">
      <c r="H691978" s="12"/>
    </row>
    <row r="691979" spans="8:8">
      <c r="H691979" s="12"/>
    </row>
    <row r="691980" spans="8:8">
      <c r="H691980" s="12"/>
    </row>
    <row r="691981" spans="8:8">
      <c r="H691981" s="12"/>
    </row>
    <row r="691982" spans="8:8">
      <c r="H691982" s="12"/>
    </row>
    <row r="691983" spans="8:8">
      <c r="H691983" s="12"/>
    </row>
    <row r="691984" spans="8:8">
      <c r="H691984" s="12"/>
    </row>
    <row r="691985" spans="8:8">
      <c r="H691985" s="12"/>
    </row>
    <row r="691986" spans="8:8">
      <c r="H691986" s="12"/>
    </row>
    <row r="691987" spans="8:8">
      <c r="H691987" s="12"/>
    </row>
    <row r="691988" spans="8:8">
      <c r="H691988" s="12"/>
    </row>
    <row r="691989" spans="8:8">
      <c r="H691989" s="12"/>
    </row>
    <row r="691990" spans="8:8">
      <c r="H691990" s="12"/>
    </row>
    <row r="691991" spans="8:8">
      <c r="H691991" s="12"/>
    </row>
    <row r="691992" spans="8:8">
      <c r="H691992" s="12"/>
    </row>
    <row r="691993" spans="8:8">
      <c r="H691993" s="12"/>
    </row>
    <row r="691994" spans="8:8">
      <c r="H691994" s="12"/>
    </row>
    <row r="691995" spans="8:8">
      <c r="H691995" s="12"/>
    </row>
    <row r="691996" spans="8:8">
      <c r="H691996" s="12"/>
    </row>
    <row r="691997" spans="8:8">
      <c r="H691997" s="12"/>
    </row>
    <row r="691998" spans="8:8">
      <c r="H691998" s="12"/>
    </row>
    <row r="691999" spans="8:8">
      <c r="H691999" s="12"/>
    </row>
    <row r="692000" spans="8:8">
      <c r="H692000" s="12"/>
    </row>
    <row r="692001" spans="8:8">
      <c r="H692001" s="12"/>
    </row>
    <row r="692002" spans="8:8">
      <c r="H692002" s="12"/>
    </row>
    <row r="692003" spans="8:8">
      <c r="H692003" s="12"/>
    </row>
    <row r="692004" spans="8:8">
      <c r="H692004" s="12"/>
    </row>
    <row r="692005" spans="8:8">
      <c r="H692005" s="12"/>
    </row>
    <row r="692006" spans="8:8">
      <c r="H692006" s="12"/>
    </row>
    <row r="692007" spans="8:8">
      <c r="H692007" s="12"/>
    </row>
    <row r="692008" spans="8:8">
      <c r="H692008" s="12"/>
    </row>
    <row r="692009" spans="8:8">
      <c r="H692009" s="12"/>
    </row>
    <row r="692010" spans="8:8">
      <c r="H692010" s="12"/>
    </row>
    <row r="692011" spans="8:8">
      <c r="H692011" s="12"/>
    </row>
    <row r="692012" spans="8:8">
      <c r="H692012" s="12"/>
    </row>
    <row r="692013" spans="8:8">
      <c r="H692013" s="12"/>
    </row>
    <row r="692014" spans="8:8">
      <c r="H692014" s="12"/>
    </row>
    <row r="692015" spans="8:8">
      <c r="H692015" s="12"/>
    </row>
    <row r="692016" spans="8:8">
      <c r="H692016" s="12"/>
    </row>
    <row r="692017" spans="8:8">
      <c r="H692017" s="12"/>
    </row>
    <row r="692018" spans="8:8">
      <c r="H692018" s="12"/>
    </row>
    <row r="692019" spans="8:8">
      <c r="H692019" s="12"/>
    </row>
    <row r="692020" spans="8:8">
      <c r="H692020" s="12"/>
    </row>
    <row r="692021" spans="8:8">
      <c r="H692021" s="12"/>
    </row>
    <row r="692022" spans="8:8">
      <c r="H692022" s="12"/>
    </row>
    <row r="692023" spans="8:8">
      <c r="H692023" s="12"/>
    </row>
    <row r="692024" spans="8:8">
      <c r="H692024" s="12"/>
    </row>
    <row r="692025" spans="8:8">
      <c r="H692025" s="12"/>
    </row>
    <row r="692026" spans="8:8">
      <c r="H692026" s="12"/>
    </row>
    <row r="692027" spans="8:8">
      <c r="H692027" s="12"/>
    </row>
    <row r="692028" spans="8:8">
      <c r="H692028" s="12"/>
    </row>
    <row r="692029" spans="8:8">
      <c r="H692029" s="12"/>
    </row>
    <row r="692030" spans="8:8">
      <c r="H692030" s="12"/>
    </row>
    <row r="692031" spans="8:8">
      <c r="H692031" s="12"/>
    </row>
    <row r="692032" spans="8:8">
      <c r="H692032" s="12"/>
    </row>
    <row r="692033" spans="8:8">
      <c r="H692033" s="12"/>
    </row>
    <row r="692034" spans="8:8">
      <c r="H692034" s="12"/>
    </row>
    <row r="692035" spans="8:8">
      <c r="H692035" s="12"/>
    </row>
    <row r="692036" spans="8:8">
      <c r="H692036" s="12"/>
    </row>
    <row r="692037" spans="8:8">
      <c r="H692037" s="12"/>
    </row>
    <row r="692038" spans="8:8">
      <c r="H692038" s="12"/>
    </row>
    <row r="692039" spans="8:8">
      <c r="H692039" s="12"/>
    </row>
    <row r="692040" spans="8:8">
      <c r="H692040" s="12"/>
    </row>
    <row r="692041" spans="8:8">
      <c r="H692041" s="12"/>
    </row>
    <row r="692042" spans="8:8">
      <c r="H692042" s="12"/>
    </row>
    <row r="692043" spans="8:8">
      <c r="H692043" s="12"/>
    </row>
    <row r="692044" spans="8:8">
      <c r="H692044" s="12"/>
    </row>
    <row r="692045" spans="8:8">
      <c r="H692045" s="12"/>
    </row>
    <row r="692046" spans="8:8">
      <c r="H692046" s="12"/>
    </row>
    <row r="692047" spans="8:8">
      <c r="H692047" s="12"/>
    </row>
    <row r="692048" spans="8:8">
      <c r="H692048" s="12"/>
    </row>
    <row r="692049" spans="8:8">
      <c r="H692049" s="12"/>
    </row>
    <row r="692050" spans="8:8">
      <c r="H692050" s="12"/>
    </row>
    <row r="692051" spans="8:8">
      <c r="H692051" s="12"/>
    </row>
    <row r="692052" spans="8:8">
      <c r="H692052" s="12"/>
    </row>
    <row r="692053" spans="8:8">
      <c r="H692053" s="12"/>
    </row>
    <row r="692054" spans="8:8">
      <c r="H692054" s="12"/>
    </row>
    <row r="692055" spans="8:8">
      <c r="H692055" s="12"/>
    </row>
    <row r="692056" spans="8:8">
      <c r="H692056" s="12"/>
    </row>
    <row r="692057" spans="8:8">
      <c r="H692057" s="12"/>
    </row>
    <row r="692058" spans="8:8">
      <c r="H692058" s="12"/>
    </row>
    <row r="692059" spans="8:8">
      <c r="H692059" s="12"/>
    </row>
    <row r="692060" spans="8:8">
      <c r="H692060" s="12"/>
    </row>
    <row r="692061" spans="8:8">
      <c r="H692061" s="12"/>
    </row>
    <row r="692062" spans="8:8">
      <c r="H692062" s="12"/>
    </row>
    <row r="692063" spans="8:8">
      <c r="H692063" s="12"/>
    </row>
    <row r="692064" spans="8:8">
      <c r="H692064" s="12"/>
    </row>
    <row r="692065" spans="8:8">
      <c r="H692065" s="12"/>
    </row>
    <row r="692066" spans="8:8">
      <c r="H692066" s="12"/>
    </row>
    <row r="692067" spans="8:8">
      <c r="H692067" s="12"/>
    </row>
    <row r="692068" spans="8:8">
      <c r="H692068" s="12"/>
    </row>
    <row r="692069" spans="8:8">
      <c r="H692069" s="12"/>
    </row>
    <row r="692070" spans="8:8">
      <c r="H692070" s="12"/>
    </row>
    <row r="692071" spans="8:8">
      <c r="H692071" s="12"/>
    </row>
    <row r="692072" spans="8:8">
      <c r="H692072" s="12"/>
    </row>
    <row r="692073" spans="8:8">
      <c r="H692073" s="12"/>
    </row>
    <row r="692074" spans="8:8">
      <c r="H692074" s="12"/>
    </row>
    <row r="692075" spans="8:8">
      <c r="H692075" s="12"/>
    </row>
    <row r="692076" spans="8:8">
      <c r="H692076" s="12"/>
    </row>
    <row r="692077" spans="8:8">
      <c r="H692077" s="12"/>
    </row>
    <row r="692078" spans="8:8">
      <c r="H692078" s="12"/>
    </row>
    <row r="692079" spans="8:8">
      <c r="H692079" s="12"/>
    </row>
    <row r="692080" spans="8:8">
      <c r="H692080" s="12"/>
    </row>
    <row r="692081" spans="8:8">
      <c r="H692081" s="12"/>
    </row>
    <row r="692082" spans="8:8">
      <c r="H692082" s="12"/>
    </row>
    <row r="692083" spans="8:8">
      <c r="H692083" s="12"/>
    </row>
    <row r="692084" spans="8:8">
      <c r="H692084" s="12"/>
    </row>
    <row r="692085" spans="8:8">
      <c r="H692085" s="12"/>
    </row>
    <row r="692086" spans="8:8">
      <c r="H692086" s="12"/>
    </row>
    <row r="692087" spans="8:8">
      <c r="H692087" s="12"/>
    </row>
    <row r="692088" spans="8:8">
      <c r="H692088" s="12"/>
    </row>
    <row r="692089" spans="8:8">
      <c r="H692089" s="12"/>
    </row>
    <row r="692090" spans="8:8">
      <c r="H692090" s="12"/>
    </row>
    <row r="692091" spans="8:8">
      <c r="H692091" s="12"/>
    </row>
    <row r="692092" spans="8:8">
      <c r="H692092" s="12"/>
    </row>
    <row r="692093" spans="8:8">
      <c r="H692093" s="12"/>
    </row>
    <row r="692094" spans="8:8">
      <c r="H692094" s="12"/>
    </row>
    <row r="692095" spans="8:8">
      <c r="H692095" s="12"/>
    </row>
    <row r="692096" spans="8:8">
      <c r="H692096" s="12"/>
    </row>
    <row r="692097" spans="8:8">
      <c r="H692097" s="12"/>
    </row>
    <row r="692098" spans="8:8">
      <c r="H692098" s="12"/>
    </row>
    <row r="692099" spans="8:8">
      <c r="H692099" s="12"/>
    </row>
    <row r="692100" spans="8:8">
      <c r="H692100" s="12"/>
    </row>
    <row r="692101" spans="8:8">
      <c r="H692101" s="12"/>
    </row>
    <row r="692102" spans="8:8">
      <c r="H692102" s="12"/>
    </row>
    <row r="692103" spans="8:8">
      <c r="H692103" s="12"/>
    </row>
    <row r="692104" spans="8:8">
      <c r="H692104" s="12"/>
    </row>
    <row r="692105" spans="8:8">
      <c r="H692105" s="12"/>
    </row>
    <row r="692106" spans="8:8">
      <c r="H692106" s="12"/>
    </row>
    <row r="692107" spans="8:8">
      <c r="H692107" s="12"/>
    </row>
    <row r="692108" spans="8:8">
      <c r="H692108" s="12"/>
    </row>
    <row r="692109" spans="8:8">
      <c r="H692109" s="12"/>
    </row>
    <row r="692110" spans="8:8">
      <c r="H692110" s="12"/>
    </row>
    <row r="692111" spans="8:8">
      <c r="H692111" s="12"/>
    </row>
    <row r="692112" spans="8:8">
      <c r="H692112" s="12"/>
    </row>
    <row r="692113" spans="8:8">
      <c r="H692113" s="12"/>
    </row>
    <row r="692114" spans="8:8">
      <c r="H692114" s="12"/>
    </row>
    <row r="692115" spans="8:8">
      <c r="H692115" s="12"/>
    </row>
    <row r="692116" spans="8:8">
      <c r="H692116" s="12"/>
    </row>
    <row r="692117" spans="8:8">
      <c r="H692117" s="12"/>
    </row>
    <row r="692118" spans="8:8">
      <c r="H692118" s="12"/>
    </row>
    <row r="692119" spans="8:8">
      <c r="H692119" s="12"/>
    </row>
    <row r="692120" spans="8:8">
      <c r="H692120" s="12"/>
    </row>
    <row r="692121" spans="8:8">
      <c r="H692121" s="12"/>
    </row>
    <row r="692122" spans="8:8">
      <c r="H692122" s="12"/>
    </row>
    <row r="692123" spans="8:8">
      <c r="H692123" s="12"/>
    </row>
    <row r="692124" spans="8:8">
      <c r="H692124" s="12"/>
    </row>
    <row r="692125" spans="8:8">
      <c r="H692125" s="12"/>
    </row>
    <row r="692126" spans="8:8">
      <c r="H692126" s="12"/>
    </row>
    <row r="692127" spans="8:8">
      <c r="H692127" s="12"/>
    </row>
    <row r="692128" spans="8:8">
      <c r="H692128" s="12"/>
    </row>
    <row r="692129" spans="8:8">
      <c r="H692129" s="12"/>
    </row>
    <row r="692130" spans="8:8">
      <c r="H692130" s="12"/>
    </row>
    <row r="692131" spans="8:8">
      <c r="H692131" s="12"/>
    </row>
    <row r="692132" spans="8:8">
      <c r="H692132" s="12"/>
    </row>
    <row r="692133" spans="8:8">
      <c r="H692133" s="12"/>
    </row>
    <row r="692134" spans="8:8">
      <c r="H692134" s="12"/>
    </row>
    <row r="692135" spans="8:8">
      <c r="H692135" s="12"/>
    </row>
    <row r="692136" spans="8:8">
      <c r="H692136" s="12"/>
    </row>
    <row r="692137" spans="8:8">
      <c r="H692137" s="12"/>
    </row>
    <row r="692138" spans="8:8">
      <c r="H692138" s="12"/>
    </row>
    <row r="692139" spans="8:8">
      <c r="H692139" s="12"/>
    </row>
    <row r="692140" spans="8:8">
      <c r="H692140" s="12"/>
    </row>
    <row r="692141" spans="8:8">
      <c r="H692141" s="12"/>
    </row>
    <row r="692142" spans="8:8">
      <c r="H692142" s="12"/>
    </row>
    <row r="692143" spans="8:8">
      <c r="H692143" s="12"/>
    </row>
    <row r="692144" spans="8:8">
      <c r="H692144" s="12"/>
    </row>
    <row r="692145" spans="8:8">
      <c r="H692145" s="12"/>
    </row>
    <row r="692146" spans="8:8">
      <c r="H692146" s="12"/>
    </row>
    <row r="692147" spans="8:8">
      <c r="H692147" s="12"/>
    </row>
    <row r="692148" spans="8:8">
      <c r="H692148" s="12"/>
    </row>
    <row r="692149" spans="8:8">
      <c r="H692149" s="12"/>
    </row>
    <row r="692150" spans="8:8">
      <c r="H692150" s="12"/>
    </row>
    <row r="692151" spans="8:8">
      <c r="H692151" s="12"/>
    </row>
    <row r="692152" spans="8:8">
      <c r="H692152" s="12"/>
    </row>
    <row r="692153" spans="8:8">
      <c r="H692153" s="12"/>
    </row>
    <row r="692154" spans="8:8">
      <c r="H692154" s="12"/>
    </row>
    <row r="692155" spans="8:8">
      <c r="H692155" s="12"/>
    </row>
    <row r="692156" spans="8:8">
      <c r="H692156" s="12"/>
    </row>
    <row r="692157" spans="8:8">
      <c r="H692157" s="12"/>
    </row>
    <row r="692158" spans="8:8">
      <c r="H692158" s="12"/>
    </row>
    <row r="692159" spans="8:8">
      <c r="H692159" s="12"/>
    </row>
    <row r="692160" spans="8:8">
      <c r="H692160" s="12"/>
    </row>
    <row r="692161" spans="8:8">
      <c r="H692161" s="12"/>
    </row>
    <row r="692162" spans="8:8">
      <c r="H692162" s="12"/>
    </row>
    <row r="692163" spans="8:8">
      <c r="H692163" s="12"/>
    </row>
    <row r="692164" spans="8:8">
      <c r="H692164" s="12"/>
    </row>
    <row r="692165" spans="8:8">
      <c r="H692165" s="12"/>
    </row>
    <row r="692166" spans="8:8">
      <c r="H692166" s="12"/>
    </row>
    <row r="692167" spans="8:8">
      <c r="H692167" s="12"/>
    </row>
    <row r="692168" spans="8:8">
      <c r="H692168" s="12"/>
    </row>
    <row r="692169" spans="8:8">
      <c r="H692169" s="12"/>
    </row>
    <row r="692170" spans="8:8">
      <c r="H692170" s="12"/>
    </row>
    <row r="692171" spans="8:8">
      <c r="H692171" s="12"/>
    </row>
    <row r="692172" spans="8:8">
      <c r="H692172" s="12"/>
    </row>
    <row r="692173" spans="8:8">
      <c r="H692173" s="12"/>
    </row>
    <row r="692174" spans="8:8">
      <c r="H692174" s="12"/>
    </row>
    <row r="692175" spans="8:8">
      <c r="H692175" s="12"/>
    </row>
    <row r="692176" spans="8:8">
      <c r="H692176" s="12"/>
    </row>
    <row r="692177" spans="8:8">
      <c r="H692177" s="12"/>
    </row>
    <row r="692178" spans="8:8">
      <c r="H692178" s="12"/>
    </row>
    <row r="692179" spans="8:8">
      <c r="H692179" s="12"/>
    </row>
    <row r="692180" spans="8:8">
      <c r="H692180" s="12"/>
    </row>
    <row r="692181" spans="8:8">
      <c r="H692181" s="12"/>
    </row>
    <row r="692182" spans="8:8">
      <c r="H692182" s="12"/>
    </row>
    <row r="692183" spans="8:8">
      <c r="H692183" s="12"/>
    </row>
    <row r="692184" spans="8:8">
      <c r="H692184" s="12"/>
    </row>
    <row r="692185" spans="8:8">
      <c r="H692185" s="12"/>
    </row>
    <row r="692186" spans="8:8">
      <c r="H692186" s="12"/>
    </row>
    <row r="692187" spans="8:8">
      <c r="H692187" s="12"/>
    </row>
    <row r="692188" spans="8:8">
      <c r="H692188" s="12"/>
    </row>
    <row r="692189" spans="8:8">
      <c r="H692189" s="12"/>
    </row>
    <row r="692190" spans="8:8">
      <c r="H692190" s="12"/>
    </row>
    <row r="692191" spans="8:8">
      <c r="H692191" s="12"/>
    </row>
    <row r="692192" spans="8:8">
      <c r="H692192" s="12"/>
    </row>
    <row r="692193" spans="8:8">
      <c r="H692193" s="12"/>
    </row>
    <row r="692194" spans="8:8">
      <c r="H692194" s="12"/>
    </row>
    <row r="692195" spans="8:8">
      <c r="H692195" s="12"/>
    </row>
    <row r="692196" spans="8:8">
      <c r="H692196" s="12"/>
    </row>
    <row r="692197" spans="8:8">
      <c r="H692197" s="12"/>
    </row>
    <row r="692198" spans="8:8">
      <c r="H692198" s="12"/>
    </row>
    <row r="692199" spans="8:8">
      <c r="H692199" s="12"/>
    </row>
    <row r="692200" spans="8:8">
      <c r="H692200" s="12"/>
    </row>
    <row r="692201" spans="8:8">
      <c r="H692201" s="12"/>
    </row>
    <row r="692202" spans="8:8">
      <c r="H692202" s="12"/>
    </row>
    <row r="692203" spans="8:8">
      <c r="H692203" s="12"/>
    </row>
    <row r="692204" spans="8:8">
      <c r="H692204" s="12"/>
    </row>
    <row r="692205" spans="8:8">
      <c r="H692205" s="12"/>
    </row>
    <row r="692206" spans="8:8">
      <c r="H692206" s="12"/>
    </row>
    <row r="692207" spans="8:8">
      <c r="H692207" s="12"/>
    </row>
    <row r="692208" spans="8:8">
      <c r="H692208" s="12"/>
    </row>
    <row r="692209" spans="8:8">
      <c r="H692209" s="12"/>
    </row>
    <row r="692210" spans="8:8">
      <c r="H692210" s="12"/>
    </row>
    <row r="692211" spans="8:8">
      <c r="H692211" s="12"/>
    </row>
    <row r="692212" spans="8:8">
      <c r="H692212" s="12"/>
    </row>
    <row r="692213" spans="8:8">
      <c r="H692213" s="12"/>
    </row>
    <row r="692214" spans="8:8">
      <c r="H692214" s="12"/>
    </row>
    <row r="692215" spans="8:8">
      <c r="H692215" s="12"/>
    </row>
    <row r="692216" spans="8:8">
      <c r="H692216" s="12"/>
    </row>
    <row r="692217" spans="8:8">
      <c r="H692217" s="12"/>
    </row>
    <row r="692218" spans="8:8">
      <c r="H692218" s="12"/>
    </row>
    <row r="692219" spans="8:8">
      <c r="H692219" s="12"/>
    </row>
    <row r="692220" spans="8:8">
      <c r="H692220" s="12"/>
    </row>
    <row r="692221" spans="8:8">
      <c r="H692221" s="12"/>
    </row>
    <row r="692222" spans="8:8">
      <c r="H692222" s="12"/>
    </row>
    <row r="692223" spans="8:8">
      <c r="H692223" s="12"/>
    </row>
    <row r="692224" spans="8:8">
      <c r="H692224" s="12"/>
    </row>
    <row r="692225" spans="8:8">
      <c r="H692225" s="12"/>
    </row>
    <row r="692226" spans="8:8">
      <c r="H692226" s="12"/>
    </row>
    <row r="692227" spans="8:8">
      <c r="H692227" s="12"/>
    </row>
    <row r="692228" spans="8:8">
      <c r="H692228" s="12"/>
    </row>
    <row r="692229" spans="8:8">
      <c r="H692229" s="12"/>
    </row>
    <row r="692230" spans="8:8">
      <c r="H692230" s="12"/>
    </row>
    <row r="692231" spans="8:8">
      <c r="H692231" s="12"/>
    </row>
    <row r="692232" spans="8:8">
      <c r="H692232" s="12"/>
    </row>
    <row r="692233" spans="8:8">
      <c r="H692233" s="12"/>
    </row>
    <row r="692234" spans="8:8">
      <c r="H692234" s="12"/>
    </row>
    <row r="692235" spans="8:8">
      <c r="H692235" s="12"/>
    </row>
    <row r="692236" spans="8:8">
      <c r="H692236" s="12"/>
    </row>
    <row r="692237" spans="8:8">
      <c r="H692237" s="12"/>
    </row>
    <row r="692238" spans="8:8">
      <c r="H692238" s="12"/>
    </row>
    <row r="692239" spans="8:8">
      <c r="H692239" s="12"/>
    </row>
    <row r="692240" spans="8:8">
      <c r="H692240" s="12"/>
    </row>
    <row r="692241" spans="8:8">
      <c r="H692241" s="12"/>
    </row>
    <row r="692242" spans="8:8">
      <c r="H692242" s="12"/>
    </row>
    <row r="692243" spans="8:8">
      <c r="H692243" s="12"/>
    </row>
    <row r="692244" spans="8:8">
      <c r="H692244" s="12"/>
    </row>
    <row r="692245" spans="8:8">
      <c r="H692245" s="12"/>
    </row>
    <row r="692246" spans="8:8">
      <c r="H692246" s="12"/>
    </row>
    <row r="692247" spans="8:8">
      <c r="H692247" s="12"/>
    </row>
    <row r="692248" spans="8:8">
      <c r="H692248" s="12"/>
    </row>
    <row r="692249" spans="8:8">
      <c r="H692249" s="12"/>
    </row>
    <row r="692250" spans="8:8">
      <c r="H692250" s="12"/>
    </row>
    <row r="692251" spans="8:8">
      <c r="H692251" s="12"/>
    </row>
    <row r="692252" spans="8:8">
      <c r="H692252" s="12"/>
    </row>
    <row r="692253" spans="8:8">
      <c r="H692253" s="12"/>
    </row>
    <row r="692254" spans="8:8">
      <c r="H692254" s="12"/>
    </row>
    <row r="692255" spans="8:8">
      <c r="H692255" s="12"/>
    </row>
    <row r="692256" spans="8:8">
      <c r="H692256" s="12"/>
    </row>
    <row r="692257" spans="8:8">
      <c r="H692257" s="12"/>
    </row>
    <row r="692258" spans="8:8">
      <c r="H692258" s="12"/>
    </row>
    <row r="692259" spans="8:8">
      <c r="H692259" s="12"/>
    </row>
    <row r="692260" spans="8:8">
      <c r="H692260" s="12"/>
    </row>
    <row r="692261" spans="8:8">
      <c r="H692261" s="12"/>
    </row>
    <row r="692262" spans="8:8">
      <c r="H692262" s="12"/>
    </row>
    <row r="692263" spans="8:8">
      <c r="H692263" s="12"/>
    </row>
    <row r="692264" spans="8:8">
      <c r="H692264" s="12"/>
    </row>
    <row r="692265" spans="8:8">
      <c r="H692265" s="12"/>
    </row>
    <row r="692266" spans="8:8">
      <c r="H692266" s="12"/>
    </row>
    <row r="692267" spans="8:8">
      <c r="H692267" s="12"/>
    </row>
    <row r="692268" spans="8:8">
      <c r="H692268" s="12"/>
    </row>
    <row r="692269" spans="8:8">
      <c r="H692269" s="12"/>
    </row>
    <row r="692270" spans="8:8">
      <c r="H692270" s="12"/>
    </row>
    <row r="692271" spans="8:8">
      <c r="H692271" s="12"/>
    </row>
    <row r="692272" spans="8:8">
      <c r="H692272" s="12"/>
    </row>
    <row r="692273" spans="8:8">
      <c r="H692273" s="12"/>
    </row>
    <row r="692274" spans="8:8">
      <c r="H692274" s="12"/>
    </row>
    <row r="692275" spans="8:8">
      <c r="H692275" s="12"/>
    </row>
    <row r="692276" spans="8:8">
      <c r="H692276" s="12"/>
    </row>
    <row r="692277" spans="8:8">
      <c r="H692277" s="12"/>
    </row>
    <row r="692278" spans="8:8">
      <c r="H692278" s="12"/>
    </row>
    <row r="692279" spans="8:8">
      <c r="H692279" s="12"/>
    </row>
    <row r="692280" spans="8:8">
      <c r="H692280" s="12"/>
    </row>
    <row r="692281" spans="8:8">
      <c r="H692281" s="12"/>
    </row>
    <row r="692282" spans="8:8">
      <c r="H692282" s="12"/>
    </row>
    <row r="692283" spans="8:8">
      <c r="H692283" s="12"/>
    </row>
    <row r="692284" spans="8:8">
      <c r="H692284" s="12"/>
    </row>
    <row r="692285" spans="8:8">
      <c r="H692285" s="12"/>
    </row>
    <row r="692286" spans="8:8">
      <c r="H692286" s="12"/>
    </row>
    <row r="692287" spans="8:8">
      <c r="H692287" s="12"/>
    </row>
    <row r="692288" spans="8:8">
      <c r="H692288" s="12"/>
    </row>
    <row r="692289" spans="8:8">
      <c r="H692289" s="12"/>
    </row>
    <row r="692290" spans="8:8">
      <c r="H692290" s="12"/>
    </row>
    <row r="692291" spans="8:8">
      <c r="H692291" s="12"/>
    </row>
    <row r="692292" spans="8:8">
      <c r="H692292" s="12"/>
    </row>
    <row r="692293" spans="8:8">
      <c r="H692293" s="12"/>
    </row>
    <row r="692294" spans="8:8">
      <c r="H692294" s="12"/>
    </row>
    <row r="692295" spans="8:8">
      <c r="H692295" s="12"/>
    </row>
    <row r="692296" spans="8:8">
      <c r="H692296" s="12"/>
    </row>
    <row r="692297" spans="8:8">
      <c r="H692297" s="12"/>
    </row>
    <row r="692298" spans="8:8">
      <c r="H692298" s="12"/>
    </row>
    <row r="692299" spans="8:8">
      <c r="H692299" s="12"/>
    </row>
    <row r="692300" spans="8:8">
      <c r="H692300" s="12"/>
    </row>
    <row r="692301" spans="8:8">
      <c r="H692301" s="12"/>
    </row>
    <row r="692302" spans="8:8">
      <c r="H692302" s="12"/>
    </row>
    <row r="692303" spans="8:8">
      <c r="H692303" s="12"/>
    </row>
    <row r="692304" spans="8:8">
      <c r="H692304" s="12"/>
    </row>
    <row r="692305" spans="8:8">
      <c r="H692305" s="12"/>
    </row>
    <row r="692306" spans="8:8">
      <c r="H692306" s="12"/>
    </row>
    <row r="692307" spans="8:8">
      <c r="H692307" s="12"/>
    </row>
    <row r="692308" spans="8:8">
      <c r="H692308" s="12"/>
    </row>
    <row r="692309" spans="8:8">
      <c r="H692309" s="12"/>
    </row>
    <row r="692310" spans="8:8">
      <c r="H692310" s="12"/>
    </row>
    <row r="692311" spans="8:8">
      <c r="H692311" s="12"/>
    </row>
    <row r="692312" spans="8:8">
      <c r="H692312" s="12"/>
    </row>
    <row r="692313" spans="8:8">
      <c r="H692313" s="12"/>
    </row>
    <row r="692314" spans="8:8">
      <c r="H692314" s="12"/>
    </row>
    <row r="692315" spans="8:8">
      <c r="H692315" s="12"/>
    </row>
    <row r="692316" spans="8:8">
      <c r="H692316" s="12"/>
    </row>
    <row r="692317" spans="8:8">
      <c r="H692317" s="12"/>
    </row>
    <row r="692318" spans="8:8">
      <c r="H692318" s="12"/>
    </row>
    <row r="692319" spans="8:8">
      <c r="H692319" s="12"/>
    </row>
    <row r="692320" spans="8:8">
      <c r="H692320" s="12"/>
    </row>
    <row r="692321" spans="8:8">
      <c r="H692321" s="12"/>
    </row>
    <row r="692322" spans="8:8">
      <c r="H692322" s="12"/>
    </row>
    <row r="692323" spans="8:8">
      <c r="H692323" s="12"/>
    </row>
    <row r="692324" spans="8:8">
      <c r="H692324" s="12"/>
    </row>
    <row r="692325" spans="8:8">
      <c r="H692325" s="12"/>
    </row>
    <row r="692326" spans="8:8">
      <c r="H692326" s="12"/>
    </row>
    <row r="692327" spans="8:8">
      <c r="H692327" s="12"/>
    </row>
    <row r="692328" spans="8:8">
      <c r="H692328" s="12"/>
    </row>
    <row r="692329" spans="8:8">
      <c r="H692329" s="12"/>
    </row>
    <row r="692330" spans="8:8">
      <c r="H692330" s="12"/>
    </row>
    <row r="692331" spans="8:8">
      <c r="H692331" s="12"/>
    </row>
    <row r="692332" spans="8:8">
      <c r="H692332" s="12"/>
    </row>
    <row r="692333" spans="8:8">
      <c r="H692333" s="12"/>
    </row>
    <row r="692334" spans="8:8">
      <c r="H692334" s="12"/>
    </row>
    <row r="692335" spans="8:8">
      <c r="H692335" s="12"/>
    </row>
    <row r="692336" spans="8:8">
      <c r="H692336" s="12"/>
    </row>
    <row r="692337" spans="8:8">
      <c r="H692337" s="12"/>
    </row>
    <row r="692338" spans="8:8">
      <c r="H692338" s="12"/>
    </row>
    <row r="692339" spans="8:8">
      <c r="H692339" s="12"/>
    </row>
    <row r="692340" spans="8:8">
      <c r="H692340" s="12"/>
    </row>
    <row r="692341" spans="8:8">
      <c r="H692341" s="12"/>
    </row>
    <row r="692342" spans="8:8">
      <c r="H692342" s="12"/>
    </row>
    <row r="692343" spans="8:8">
      <c r="H692343" s="12"/>
    </row>
    <row r="692344" spans="8:8">
      <c r="H692344" s="12"/>
    </row>
    <row r="692345" spans="8:8">
      <c r="H692345" s="12"/>
    </row>
    <row r="692346" spans="8:8">
      <c r="H692346" s="12"/>
    </row>
    <row r="692347" spans="8:8">
      <c r="H692347" s="12"/>
    </row>
    <row r="692348" spans="8:8">
      <c r="H692348" s="12"/>
    </row>
    <row r="692349" spans="8:8">
      <c r="H692349" s="12"/>
    </row>
    <row r="692350" spans="8:8">
      <c r="H692350" s="12"/>
    </row>
    <row r="692351" spans="8:8">
      <c r="H692351" s="12"/>
    </row>
    <row r="692352" spans="8:8">
      <c r="H692352" s="12"/>
    </row>
    <row r="692353" spans="8:8">
      <c r="H692353" s="12"/>
    </row>
    <row r="692354" spans="8:8">
      <c r="H692354" s="12"/>
    </row>
    <row r="692355" spans="8:8">
      <c r="H692355" s="12"/>
    </row>
    <row r="692356" spans="8:8">
      <c r="H692356" s="12"/>
    </row>
    <row r="692357" spans="8:8">
      <c r="H692357" s="12"/>
    </row>
    <row r="692358" spans="8:8">
      <c r="H692358" s="12"/>
    </row>
    <row r="692359" spans="8:8">
      <c r="H692359" s="12"/>
    </row>
    <row r="692360" spans="8:8">
      <c r="H692360" s="12"/>
    </row>
    <row r="692361" spans="8:8">
      <c r="H692361" s="12"/>
    </row>
    <row r="692362" spans="8:8">
      <c r="H692362" s="12"/>
    </row>
    <row r="692363" spans="8:8">
      <c r="H692363" s="12"/>
    </row>
    <row r="692364" spans="8:8">
      <c r="H692364" s="12"/>
    </row>
    <row r="692365" spans="8:8">
      <c r="H692365" s="12"/>
    </row>
    <row r="692366" spans="8:8">
      <c r="H692366" s="12"/>
    </row>
    <row r="692367" spans="8:8">
      <c r="H692367" s="12"/>
    </row>
    <row r="692368" spans="8:8">
      <c r="H692368" s="12"/>
    </row>
    <row r="692369" spans="8:8">
      <c r="H692369" s="12"/>
    </row>
    <row r="692370" spans="8:8">
      <c r="H692370" s="12"/>
    </row>
    <row r="692371" spans="8:8">
      <c r="H692371" s="12"/>
    </row>
    <row r="692372" spans="8:8">
      <c r="H692372" s="12"/>
    </row>
    <row r="692373" spans="8:8">
      <c r="H692373" s="12"/>
    </row>
    <row r="692374" spans="8:8">
      <c r="H692374" s="12"/>
    </row>
    <row r="692375" spans="8:8">
      <c r="H692375" s="12"/>
    </row>
    <row r="692376" spans="8:8">
      <c r="H692376" s="12"/>
    </row>
    <row r="692377" spans="8:8">
      <c r="H692377" s="12"/>
    </row>
    <row r="692378" spans="8:8">
      <c r="H692378" s="12"/>
    </row>
    <row r="692379" spans="8:8">
      <c r="H692379" s="12"/>
    </row>
    <row r="692380" spans="8:8">
      <c r="H692380" s="12"/>
    </row>
    <row r="692381" spans="8:8">
      <c r="H692381" s="12"/>
    </row>
    <row r="692382" spans="8:8">
      <c r="H692382" s="12"/>
    </row>
    <row r="692383" spans="8:8">
      <c r="H692383" s="12"/>
    </row>
    <row r="692384" spans="8:8">
      <c r="H692384" s="12"/>
    </row>
    <row r="692385" spans="8:8">
      <c r="H692385" s="12"/>
    </row>
    <row r="692386" spans="8:8">
      <c r="H692386" s="12"/>
    </row>
    <row r="692387" spans="8:8">
      <c r="H692387" s="12"/>
    </row>
    <row r="692388" spans="8:8">
      <c r="H692388" s="12"/>
    </row>
    <row r="692389" spans="8:8">
      <c r="H692389" s="12"/>
    </row>
    <row r="692390" spans="8:8">
      <c r="H692390" s="12"/>
    </row>
    <row r="692391" spans="8:8">
      <c r="H692391" s="12"/>
    </row>
    <row r="692392" spans="8:8">
      <c r="H692392" s="12"/>
    </row>
    <row r="692393" spans="8:8">
      <c r="H692393" s="12"/>
    </row>
    <row r="692394" spans="8:8">
      <c r="H692394" s="12"/>
    </row>
    <row r="692395" spans="8:8">
      <c r="H692395" s="12"/>
    </row>
    <row r="692396" spans="8:8">
      <c r="H692396" s="12"/>
    </row>
    <row r="692397" spans="8:8">
      <c r="H692397" s="12"/>
    </row>
    <row r="692398" spans="8:8">
      <c r="H692398" s="12"/>
    </row>
    <row r="692399" spans="8:8">
      <c r="H692399" s="12"/>
    </row>
    <row r="692400" spans="8:8">
      <c r="H692400" s="12"/>
    </row>
    <row r="692401" spans="8:8">
      <c r="H692401" s="12"/>
    </row>
    <row r="692402" spans="8:8">
      <c r="H692402" s="12"/>
    </row>
    <row r="692403" spans="8:8">
      <c r="H692403" s="12"/>
    </row>
    <row r="692404" spans="8:8">
      <c r="H692404" s="12"/>
    </row>
    <row r="692405" spans="8:8">
      <c r="H692405" s="12"/>
    </row>
    <row r="692406" spans="8:8">
      <c r="H692406" s="12"/>
    </row>
    <row r="692407" spans="8:8">
      <c r="H692407" s="12"/>
    </row>
    <row r="692408" spans="8:8">
      <c r="H692408" s="12"/>
    </row>
    <row r="692409" spans="8:8">
      <c r="H692409" s="12"/>
    </row>
    <row r="692410" spans="8:8">
      <c r="H692410" s="12"/>
    </row>
    <row r="692411" spans="8:8">
      <c r="H692411" s="12"/>
    </row>
    <row r="692412" spans="8:8">
      <c r="H692412" s="12"/>
    </row>
    <row r="692413" spans="8:8">
      <c r="H692413" s="12"/>
    </row>
    <row r="692414" spans="8:8">
      <c r="H692414" s="12"/>
    </row>
    <row r="692415" spans="8:8">
      <c r="H692415" s="12"/>
    </row>
    <row r="692416" spans="8:8">
      <c r="H692416" s="12"/>
    </row>
    <row r="692417" spans="8:8">
      <c r="H692417" s="12"/>
    </row>
    <row r="692418" spans="8:8">
      <c r="H692418" s="12"/>
    </row>
    <row r="692419" spans="8:8">
      <c r="H692419" s="12"/>
    </row>
    <row r="692420" spans="8:8">
      <c r="H692420" s="12"/>
    </row>
    <row r="692421" spans="8:8">
      <c r="H692421" s="12"/>
    </row>
    <row r="692422" spans="8:8">
      <c r="H692422" s="12"/>
    </row>
    <row r="692423" spans="8:8">
      <c r="H692423" s="12"/>
    </row>
    <row r="692424" spans="8:8">
      <c r="H692424" s="12"/>
    </row>
    <row r="692425" spans="8:8">
      <c r="H692425" s="12"/>
    </row>
    <row r="692426" spans="8:8">
      <c r="H692426" s="12"/>
    </row>
    <row r="692427" spans="8:8">
      <c r="H692427" s="12"/>
    </row>
    <row r="692428" spans="8:8">
      <c r="H692428" s="12"/>
    </row>
    <row r="692429" spans="8:8">
      <c r="H692429" s="12"/>
    </row>
    <row r="692430" spans="8:8">
      <c r="H692430" s="12"/>
    </row>
    <row r="692431" spans="8:8">
      <c r="H692431" s="12"/>
    </row>
    <row r="692432" spans="8:8">
      <c r="H692432" s="12"/>
    </row>
    <row r="692433" spans="8:8">
      <c r="H692433" s="12"/>
    </row>
    <row r="692434" spans="8:8">
      <c r="H692434" s="12"/>
    </row>
    <row r="692435" spans="8:8">
      <c r="H692435" s="12"/>
    </row>
    <row r="692436" spans="8:8">
      <c r="H692436" s="12"/>
    </row>
    <row r="692437" spans="8:8">
      <c r="H692437" s="12"/>
    </row>
    <row r="692438" spans="8:8">
      <c r="H692438" s="12"/>
    </row>
    <row r="692439" spans="8:8">
      <c r="H692439" s="12"/>
    </row>
    <row r="692440" spans="8:8">
      <c r="H692440" s="12"/>
    </row>
    <row r="692441" spans="8:8">
      <c r="H692441" s="12"/>
    </row>
    <row r="692442" spans="8:8">
      <c r="H692442" s="12"/>
    </row>
    <row r="692443" spans="8:8">
      <c r="H692443" s="12"/>
    </row>
    <row r="692444" spans="8:8">
      <c r="H692444" s="12"/>
    </row>
    <row r="692445" spans="8:8">
      <c r="H692445" s="12"/>
    </row>
    <row r="692446" spans="8:8">
      <c r="H692446" s="12"/>
    </row>
    <row r="692447" spans="8:8">
      <c r="H692447" s="12"/>
    </row>
    <row r="692448" spans="8:8">
      <c r="H692448" s="12"/>
    </row>
    <row r="692449" spans="8:8">
      <c r="H692449" s="12"/>
    </row>
    <row r="692450" spans="8:8">
      <c r="H692450" s="12"/>
    </row>
    <row r="692451" spans="8:8">
      <c r="H692451" s="12"/>
    </row>
    <row r="692452" spans="8:8">
      <c r="H692452" s="12"/>
    </row>
    <row r="692453" spans="8:8">
      <c r="H692453" s="12"/>
    </row>
    <row r="692454" spans="8:8">
      <c r="H692454" s="12"/>
    </row>
    <row r="692455" spans="8:8">
      <c r="H692455" s="12"/>
    </row>
    <row r="692456" spans="8:8">
      <c r="H692456" s="12"/>
    </row>
    <row r="692457" spans="8:8">
      <c r="H692457" s="12"/>
    </row>
    <row r="692458" spans="8:8">
      <c r="H692458" s="12"/>
    </row>
    <row r="692459" spans="8:8">
      <c r="H692459" s="12"/>
    </row>
    <row r="692460" spans="8:8">
      <c r="H692460" s="12"/>
    </row>
    <row r="692461" spans="8:8">
      <c r="H692461" s="12"/>
    </row>
    <row r="692462" spans="8:8">
      <c r="H692462" s="12"/>
    </row>
    <row r="692463" spans="8:8">
      <c r="H692463" s="12"/>
    </row>
    <row r="692464" spans="8:8">
      <c r="H692464" s="12"/>
    </row>
    <row r="692465" spans="8:8">
      <c r="H692465" s="12"/>
    </row>
    <row r="692466" spans="8:8">
      <c r="H692466" s="12"/>
    </row>
    <row r="692467" spans="8:8">
      <c r="H692467" s="12"/>
    </row>
    <row r="692468" spans="8:8">
      <c r="H692468" s="12"/>
    </row>
    <row r="692469" spans="8:8">
      <c r="H692469" s="12"/>
    </row>
    <row r="692470" spans="8:8">
      <c r="H692470" s="12"/>
    </row>
    <row r="692471" spans="8:8">
      <c r="H692471" s="12"/>
    </row>
    <row r="692472" spans="8:8">
      <c r="H692472" s="12"/>
    </row>
    <row r="692473" spans="8:8">
      <c r="H692473" s="12"/>
    </row>
    <row r="692474" spans="8:8">
      <c r="H692474" s="12"/>
    </row>
    <row r="692475" spans="8:8">
      <c r="H692475" s="12"/>
    </row>
    <row r="692476" spans="8:8">
      <c r="H692476" s="12"/>
    </row>
    <row r="692477" spans="8:8">
      <c r="H692477" s="12"/>
    </row>
    <row r="692478" spans="8:8">
      <c r="H692478" s="12"/>
    </row>
    <row r="692479" spans="8:8">
      <c r="H692479" s="12"/>
    </row>
    <row r="692480" spans="8:8">
      <c r="H692480" s="12"/>
    </row>
    <row r="692481" spans="8:8">
      <c r="H692481" s="12"/>
    </row>
    <row r="692482" spans="8:8">
      <c r="H692482" s="12"/>
    </row>
    <row r="692483" spans="8:8">
      <c r="H692483" s="12"/>
    </row>
    <row r="692484" spans="8:8">
      <c r="H692484" s="12"/>
    </row>
    <row r="692485" spans="8:8">
      <c r="H692485" s="12"/>
    </row>
    <row r="692486" spans="8:8">
      <c r="H692486" s="12"/>
    </row>
    <row r="692487" spans="8:8">
      <c r="H692487" s="12"/>
    </row>
    <row r="692488" spans="8:8">
      <c r="H692488" s="12"/>
    </row>
    <row r="692489" spans="8:8">
      <c r="H692489" s="12"/>
    </row>
    <row r="692490" spans="8:8">
      <c r="H692490" s="12"/>
    </row>
    <row r="692491" spans="8:8">
      <c r="H692491" s="12"/>
    </row>
    <row r="692492" spans="8:8">
      <c r="H692492" s="12"/>
    </row>
    <row r="692493" spans="8:8">
      <c r="H692493" s="12"/>
    </row>
    <row r="692494" spans="8:8">
      <c r="H692494" s="12"/>
    </row>
    <row r="692495" spans="8:8">
      <c r="H692495" s="12"/>
    </row>
    <row r="692496" spans="8:8">
      <c r="H692496" s="12"/>
    </row>
    <row r="692497" spans="8:8">
      <c r="H692497" s="12"/>
    </row>
    <row r="692498" spans="8:8">
      <c r="H692498" s="12"/>
    </row>
    <row r="692499" spans="8:8">
      <c r="H692499" s="12"/>
    </row>
    <row r="692500" spans="8:8">
      <c r="H692500" s="12"/>
    </row>
    <row r="692501" spans="8:8">
      <c r="H692501" s="12"/>
    </row>
    <row r="692502" spans="8:8">
      <c r="H692502" s="12"/>
    </row>
    <row r="692503" spans="8:8">
      <c r="H692503" s="12"/>
    </row>
    <row r="692504" spans="8:8">
      <c r="H692504" s="12"/>
    </row>
    <row r="692505" spans="8:8">
      <c r="H692505" s="12"/>
    </row>
    <row r="692506" spans="8:8">
      <c r="H692506" s="12"/>
    </row>
    <row r="692507" spans="8:8">
      <c r="H692507" s="12"/>
    </row>
    <row r="692508" spans="8:8">
      <c r="H692508" s="12"/>
    </row>
    <row r="692509" spans="8:8">
      <c r="H692509" s="12"/>
    </row>
    <row r="692510" spans="8:8">
      <c r="H692510" s="12"/>
    </row>
    <row r="692511" spans="8:8">
      <c r="H692511" s="12"/>
    </row>
    <row r="692512" spans="8:8">
      <c r="H692512" s="12"/>
    </row>
    <row r="692513" spans="8:8">
      <c r="H692513" s="12"/>
    </row>
    <row r="692514" spans="8:8">
      <c r="H692514" s="12"/>
    </row>
    <row r="692515" spans="8:8">
      <c r="H692515" s="12"/>
    </row>
    <row r="692516" spans="8:8">
      <c r="H692516" s="12"/>
    </row>
    <row r="692517" spans="8:8">
      <c r="H692517" s="12"/>
    </row>
    <row r="692518" spans="8:8">
      <c r="H692518" s="12"/>
    </row>
    <row r="692519" spans="8:8">
      <c r="H692519" s="12"/>
    </row>
    <row r="692520" spans="8:8">
      <c r="H692520" s="12"/>
    </row>
    <row r="692521" spans="8:8">
      <c r="H692521" s="12"/>
    </row>
    <row r="692522" spans="8:8">
      <c r="H692522" s="12"/>
    </row>
    <row r="692523" spans="8:8">
      <c r="H692523" s="12"/>
    </row>
    <row r="692524" spans="8:8">
      <c r="H692524" s="12"/>
    </row>
    <row r="692525" spans="8:8">
      <c r="H692525" s="12"/>
    </row>
    <row r="692526" spans="8:8">
      <c r="H692526" s="12"/>
    </row>
    <row r="692527" spans="8:8">
      <c r="H692527" s="12"/>
    </row>
    <row r="692528" spans="8:8">
      <c r="H692528" s="12"/>
    </row>
    <row r="692529" spans="8:8">
      <c r="H692529" s="12"/>
    </row>
    <row r="692530" spans="8:8">
      <c r="H692530" s="12"/>
    </row>
    <row r="692531" spans="8:8">
      <c r="H692531" s="12"/>
    </row>
    <row r="692532" spans="8:8">
      <c r="H692532" s="12"/>
    </row>
    <row r="692533" spans="8:8">
      <c r="H692533" s="12"/>
    </row>
    <row r="692534" spans="8:8">
      <c r="H692534" s="12"/>
    </row>
    <row r="692535" spans="8:8">
      <c r="H692535" s="12"/>
    </row>
    <row r="692536" spans="8:8">
      <c r="H692536" s="12"/>
    </row>
    <row r="692537" spans="8:8">
      <c r="H692537" s="12"/>
    </row>
    <row r="692538" spans="8:8">
      <c r="H692538" s="12"/>
    </row>
    <row r="692539" spans="8:8">
      <c r="H692539" s="12"/>
    </row>
    <row r="692540" spans="8:8">
      <c r="H692540" s="12"/>
    </row>
    <row r="692541" spans="8:8">
      <c r="H692541" s="12"/>
    </row>
    <row r="692542" spans="8:8">
      <c r="H692542" s="12"/>
    </row>
    <row r="692543" spans="8:8">
      <c r="H692543" s="12"/>
    </row>
    <row r="692544" spans="8:8">
      <c r="H692544" s="12"/>
    </row>
    <row r="692545" spans="8:8">
      <c r="H692545" s="12"/>
    </row>
    <row r="692546" spans="8:8">
      <c r="H692546" s="12"/>
    </row>
    <row r="692547" spans="8:8">
      <c r="H692547" s="12"/>
    </row>
    <row r="692548" spans="8:8">
      <c r="H692548" s="12"/>
    </row>
    <row r="692549" spans="8:8">
      <c r="H692549" s="12"/>
    </row>
    <row r="692550" spans="8:8">
      <c r="H692550" s="12"/>
    </row>
    <row r="692551" spans="8:8">
      <c r="H692551" s="12"/>
    </row>
    <row r="692552" spans="8:8">
      <c r="H692552" s="12"/>
    </row>
    <row r="692553" spans="8:8">
      <c r="H692553" s="12"/>
    </row>
    <row r="692554" spans="8:8">
      <c r="H692554" s="12"/>
    </row>
    <row r="692555" spans="8:8">
      <c r="H692555" s="12"/>
    </row>
    <row r="692556" spans="8:8">
      <c r="H692556" s="12"/>
    </row>
    <row r="692557" spans="8:8">
      <c r="H692557" s="12"/>
    </row>
    <row r="692558" spans="8:8">
      <c r="H692558" s="12"/>
    </row>
    <row r="692559" spans="8:8">
      <c r="H692559" s="12"/>
    </row>
    <row r="692560" spans="8:8">
      <c r="H692560" s="12"/>
    </row>
    <row r="692561" spans="8:8">
      <c r="H692561" s="12"/>
    </row>
    <row r="692562" spans="8:8">
      <c r="H692562" s="12"/>
    </row>
    <row r="692563" spans="8:8">
      <c r="H692563" s="12"/>
    </row>
    <row r="692564" spans="8:8">
      <c r="H692564" s="12"/>
    </row>
    <row r="692565" spans="8:8">
      <c r="H692565" s="12"/>
    </row>
    <row r="692566" spans="8:8">
      <c r="H692566" s="12"/>
    </row>
    <row r="692567" spans="8:8">
      <c r="H692567" s="12"/>
    </row>
    <row r="692568" spans="8:8">
      <c r="H692568" s="12"/>
    </row>
    <row r="692569" spans="8:8">
      <c r="H692569" s="12"/>
    </row>
    <row r="692570" spans="8:8">
      <c r="H692570" s="12"/>
    </row>
    <row r="692571" spans="8:8">
      <c r="H692571" s="12"/>
    </row>
    <row r="692572" spans="8:8">
      <c r="H692572" s="12"/>
    </row>
    <row r="692573" spans="8:8">
      <c r="H692573" s="12"/>
    </row>
    <row r="692574" spans="8:8">
      <c r="H692574" s="12"/>
    </row>
    <row r="692575" spans="8:8">
      <c r="H692575" s="12"/>
    </row>
    <row r="692576" spans="8:8">
      <c r="H692576" s="12"/>
    </row>
    <row r="692577" spans="8:8">
      <c r="H692577" s="12"/>
    </row>
    <row r="692578" spans="8:8">
      <c r="H692578" s="12"/>
    </row>
    <row r="692579" spans="8:8">
      <c r="H692579" s="12"/>
    </row>
    <row r="692580" spans="8:8">
      <c r="H692580" s="12"/>
    </row>
    <row r="692581" spans="8:8">
      <c r="H692581" s="12"/>
    </row>
    <row r="692582" spans="8:8">
      <c r="H692582" s="12"/>
    </row>
    <row r="692583" spans="8:8">
      <c r="H692583" s="12"/>
    </row>
    <row r="692584" spans="8:8">
      <c r="H692584" s="12"/>
    </row>
    <row r="692585" spans="8:8">
      <c r="H692585" s="12"/>
    </row>
    <row r="692586" spans="8:8">
      <c r="H692586" s="12"/>
    </row>
    <row r="692587" spans="8:8">
      <c r="H692587" s="12"/>
    </row>
    <row r="692588" spans="8:8">
      <c r="H692588" s="12"/>
    </row>
    <row r="692589" spans="8:8">
      <c r="H692589" s="12"/>
    </row>
    <row r="692590" spans="8:8">
      <c r="H692590" s="12"/>
    </row>
    <row r="692591" spans="8:8">
      <c r="H692591" s="12"/>
    </row>
    <row r="692592" spans="8:8">
      <c r="H692592" s="12"/>
    </row>
    <row r="692593" spans="8:8">
      <c r="H692593" s="12"/>
    </row>
    <row r="692594" spans="8:8">
      <c r="H692594" s="12"/>
    </row>
    <row r="692595" spans="8:8">
      <c r="H692595" s="12"/>
    </row>
    <row r="692596" spans="8:8">
      <c r="H692596" s="12"/>
    </row>
    <row r="692597" spans="8:8">
      <c r="H692597" s="12"/>
    </row>
    <row r="692598" spans="8:8">
      <c r="H692598" s="12"/>
    </row>
    <row r="692599" spans="8:8">
      <c r="H692599" s="12"/>
    </row>
    <row r="692600" spans="8:8">
      <c r="H692600" s="12"/>
    </row>
    <row r="692601" spans="8:8">
      <c r="H692601" s="12"/>
    </row>
    <row r="692602" spans="8:8">
      <c r="H692602" s="12"/>
    </row>
    <row r="692603" spans="8:8">
      <c r="H692603" s="12"/>
    </row>
    <row r="692604" spans="8:8">
      <c r="H692604" s="12"/>
    </row>
    <row r="692605" spans="8:8">
      <c r="H692605" s="12"/>
    </row>
    <row r="692606" spans="8:8">
      <c r="H692606" s="12"/>
    </row>
    <row r="692607" spans="8:8">
      <c r="H692607" s="12"/>
    </row>
    <row r="692608" spans="8:8">
      <c r="H692608" s="12"/>
    </row>
    <row r="692609" spans="8:8">
      <c r="H692609" s="12"/>
    </row>
    <row r="692610" spans="8:8">
      <c r="H692610" s="12"/>
    </row>
    <row r="692611" spans="8:8">
      <c r="H692611" s="12"/>
    </row>
    <row r="692612" spans="8:8">
      <c r="H692612" s="12"/>
    </row>
    <row r="692613" spans="8:8">
      <c r="H692613" s="12"/>
    </row>
    <row r="692614" spans="8:8">
      <c r="H692614" s="12"/>
    </row>
    <row r="692615" spans="8:8">
      <c r="H692615" s="12"/>
    </row>
    <row r="692616" spans="8:8">
      <c r="H692616" s="12"/>
    </row>
    <row r="692617" spans="8:8">
      <c r="H692617" s="12"/>
    </row>
    <row r="692618" spans="8:8">
      <c r="H692618" s="12"/>
    </row>
    <row r="692619" spans="8:8">
      <c r="H692619" s="12"/>
    </row>
    <row r="692620" spans="8:8">
      <c r="H692620" s="12"/>
    </row>
    <row r="692621" spans="8:8">
      <c r="H692621" s="12"/>
    </row>
    <row r="692622" spans="8:8">
      <c r="H692622" s="12"/>
    </row>
    <row r="692623" spans="8:8">
      <c r="H692623" s="12"/>
    </row>
    <row r="692624" spans="8:8">
      <c r="H692624" s="12"/>
    </row>
    <row r="692625" spans="8:8">
      <c r="H692625" s="12"/>
    </row>
    <row r="692626" spans="8:8">
      <c r="H692626" s="12"/>
    </row>
    <row r="692627" spans="8:8">
      <c r="H692627" s="12"/>
    </row>
    <row r="692628" spans="8:8">
      <c r="H692628" s="12"/>
    </row>
    <row r="692629" spans="8:8">
      <c r="H692629" s="12"/>
    </row>
    <row r="692630" spans="8:8">
      <c r="H692630" s="12"/>
    </row>
    <row r="692631" spans="8:8">
      <c r="H692631" s="12"/>
    </row>
    <row r="692632" spans="8:8">
      <c r="H692632" s="12"/>
    </row>
    <row r="692633" spans="8:8">
      <c r="H692633" s="12"/>
    </row>
    <row r="692634" spans="8:8">
      <c r="H692634" s="12"/>
    </row>
    <row r="692635" spans="8:8">
      <c r="H692635" s="12"/>
    </row>
    <row r="692636" spans="8:8">
      <c r="H692636" s="12"/>
    </row>
    <row r="692637" spans="8:8">
      <c r="H692637" s="12"/>
    </row>
    <row r="692638" spans="8:8">
      <c r="H692638" s="12"/>
    </row>
    <row r="692639" spans="8:8">
      <c r="H692639" s="12"/>
    </row>
    <row r="692640" spans="8:8">
      <c r="H692640" s="12"/>
    </row>
    <row r="692641" spans="8:8">
      <c r="H692641" s="12"/>
    </row>
    <row r="692642" spans="8:8">
      <c r="H692642" s="12"/>
    </row>
    <row r="692643" spans="8:8">
      <c r="H692643" s="12"/>
    </row>
    <row r="692644" spans="8:8">
      <c r="H692644" s="12"/>
    </row>
    <row r="692645" spans="8:8">
      <c r="H692645" s="12"/>
    </row>
    <row r="692646" spans="8:8">
      <c r="H692646" s="12"/>
    </row>
    <row r="692647" spans="8:8">
      <c r="H692647" s="12"/>
    </row>
    <row r="692648" spans="8:8">
      <c r="H692648" s="12"/>
    </row>
    <row r="692649" spans="8:8">
      <c r="H692649" s="12"/>
    </row>
    <row r="692650" spans="8:8">
      <c r="H692650" s="12"/>
    </row>
    <row r="692651" spans="8:8">
      <c r="H692651" s="12"/>
    </row>
    <row r="692652" spans="8:8">
      <c r="H692652" s="12"/>
    </row>
    <row r="692653" spans="8:8">
      <c r="H692653" s="12"/>
    </row>
    <row r="692654" spans="8:8">
      <c r="H692654" s="12"/>
    </row>
    <row r="692655" spans="8:8">
      <c r="H692655" s="12"/>
    </row>
    <row r="692656" spans="8:8">
      <c r="H692656" s="12"/>
    </row>
    <row r="692657" spans="8:8">
      <c r="H692657" s="12"/>
    </row>
    <row r="692658" spans="8:8">
      <c r="H692658" s="12"/>
    </row>
    <row r="692659" spans="8:8">
      <c r="H692659" s="12"/>
    </row>
    <row r="692660" spans="8:8">
      <c r="H692660" s="12"/>
    </row>
    <row r="692661" spans="8:8">
      <c r="H692661" s="12"/>
    </row>
    <row r="692662" spans="8:8">
      <c r="H692662" s="12"/>
    </row>
    <row r="692663" spans="8:8">
      <c r="H692663" s="12"/>
    </row>
    <row r="692664" spans="8:8">
      <c r="H692664" s="12"/>
    </row>
    <row r="692665" spans="8:8">
      <c r="H692665" s="12"/>
    </row>
    <row r="692666" spans="8:8">
      <c r="H692666" s="12"/>
    </row>
    <row r="692667" spans="8:8">
      <c r="H692667" s="12"/>
    </row>
    <row r="692668" spans="8:8">
      <c r="H692668" s="12"/>
    </row>
    <row r="692669" spans="8:8">
      <c r="H692669" s="12"/>
    </row>
    <row r="692670" spans="8:8">
      <c r="H692670" s="12"/>
    </row>
    <row r="692671" spans="8:8">
      <c r="H692671" s="12"/>
    </row>
    <row r="692672" spans="8:8">
      <c r="H692672" s="12"/>
    </row>
    <row r="692673" spans="8:8">
      <c r="H692673" s="12"/>
    </row>
    <row r="692674" spans="8:8">
      <c r="H692674" s="12"/>
    </row>
    <row r="692675" spans="8:8">
      <c r="H692675" s="12"/>
    </row>
    <row r="692676" spans="8:8">
      <c r="H692676" s="12"/>
    </row>
    <row r="692677" spans="8:8">
      <c r="H692677" s="12"/>
    </row>
    <row r="692678" spans="8:8">
      <c r="H692678" s="12"/>
    </row>
    <row r="692679" spans="8:8">
      <c r="H692679" s="12"/>
    </row>
    <row r="692680" spans="8:8">
      <c r="H692680" s="12"/>
    </row>
    <row r="692681" spans="8:8">
      <c r="H692681" s="12"/>
    </row>
    <row r="692682" spans="8:8">
      <c r="H692682" s="12"/>
    </row>
    <row r="692683" spans="8:8">
      <c r="H692683" s="12"/>
    </row>
    <row r="692684" spans="8:8">
      <c r="H692684" s="12"/>
    </row>
    <row r="692685" spans="8:8">
      <c r="H692685" s="12"/>
    </row>
    <row r="692686" spans="8:8">
      <c r="H692686" s="12"/>
    </row>
    <row r="692687" spans="8:8">
      <c r="H692687" s="12"/>
    </row>
    <row r="692688" spans="8:8">
      <c r="H692688" s="12"/>
    </row>
    <row r="692689" spans="8:8">
      <c r="H692689" s="12"/>
    </row>
    <row r="692690" spans="8:8">
      <c r="H692690" s="12"/>
    </row>
    <row r="692691" spans="8:8">
      <c r="H692691" s="12"/>
    </row>
    <row r="692692" spans="8:8">
      <c r="H692692" s="12"/>
    </row>
    <row r="692693" spans="8:8">
      <c r="H692693" s="12"/>
    </row>
    <row r="692694" spans="8:8">
      <c r="H692694" s="12"/>
    </row>
    <row r="692695" spans="8:8">
      <c r="H692695" s="12"/>
    </row>
    <row r="692696" spans="8:8">
      <c r="H692696" s="12"/>
    </row>
    <row r="692697" spans="8:8">
      <c r="H692697" s="12"/>
    </row>
    <row r="692698" spans="8:8">
      <c r="H692698" s="12"/>
    </row>
    <row r="692699" spans="8:8">
      <c r="H692699" s="12"/>
    </row>
    <row r="692700" spans="8:8">
      <c r="H692700" s="12"/>
    </row>
    <row r="692701" spans="8:8">
      <c r="H692701" s="12"/>
    </row>
    <row r="692702" spans="8:8">
      <c r="H692702" s="12"/>
    </row>
    <row r="692703" spans="8:8">
      <c r="H692703" s="12"/>
    </row>
    <row r="692704" spans="8:8">
      <c r="H692704" s="12"/>
    </row>
    <row r="692705" spans="8:8">
      <c r="H692705" s="12"/>
    </row>
    <row r="692706" spans="8:8">
      <c r="H692706" s="12"/>
    </row>
    <row r="692707" spans="8:8">
      <c r="H692707" s="12"/>
    </row>
    <row r="692708" spans="8:8">
      <c r="H692708" s="12"/>
    </row>
    <row r="692709" spans="8:8">
      <c r="H692709" s="12"/>
    </row>
    <row r="692710" spans="8:8">
      <c r="H692710" s="12"/>
    </row>
    <row r="692711" spans="8:8">
      <c r="H692711" s="12"/>
    </row>
    <row r="692712" spans="8:8">
      <c r="H692712" s="12"/>
    </row>
    <row r="692713" spans="8:8">
      <c r="H692713" s="12"/>
    </row>
    <row r="692714" spans="8:8">
      <c r="H692714" s="12"/>
    </row>
    <row r="692715" spans="8:8">
      <c r="H692715" s="12"/>
    </row>
    <row r="692716" spans="8:8">
      <c r="H692716" s="12"/>
    </row>
    <row r="692717" spans="8:8">
      <c r="H692717" s="12"/>
    </row>
    <row r="692718" spans="8:8">
      <c r="H692718" s="12"/>
    </row>
    <row r="692719" spans="8:8">
      <c r="H692719" s="12"/>
    </row>
    <row r="692720" spans="8:8">
      <c r="H692720" s="12"/>
    </row>
    <row r="692721" spans="8:8">
      <c r="H692721" s="12"/>
    </row>
    <row r="692722" spans="8:8">
      <c r="H692722" s="12"/>
    </row>
    <row r="692723" spans="8:8">
      <c r="H692723" s="12"/>
    </row>
    <row r="692724" spans="8:8">
      <c r="H692724" s="12"/>
    </row>
    <row r="692725" spans="8:8">
      <c r="H692725" s="12"/>
    </row>
    <row r="692726" spans="8:8">
      <c r="H692726" s="12"/>
    </row>
    <row r="692727" spans="8:8">
      <c r="H692727" s="12"/>
    </row>
    <row r="692728" spans="8:8">
      <c r="H692728" s="12"/>
    </row>
    <row r="692729" spans="8:8">
      <c r="H692729" s="12"/>
    </row>
    <row r="692730" spans="8:8">
      <c r="H692730" s="12"/>
    </row>
    <row r="692731" spans="8:8">
      <c r="H692731" s="12"/>
    </row>
    <row r="692732" spans="8:8">
      <c r="H692732" s="12"/>
    </row>
    <row r="692733" spans="8:8">
      <c r="H692733" s="12"/>
    </row>
    <row r="692734" spans="8:8">
      <c r="H692734" s="12"/>
    </row>
    <row r="692735" spans="8:8">
      <c r="H692735" s="12"/>
    </row>
    <row r="692736" spans="8:8">
      <c r="H692736" s="12"/>
    </row>
    <row r="692737" spans="8:8">
      <c r="H692737" s="12"/>
    </row>
    <row r="692738" spans="8:8">
      <c r="H692738" s="12"/>
    </row>
    <row r="692739" spans="8:8">
      <c r="H692739" s="12"/>
    </row>
    <row r="692740" spans="8:8">
      <c r="H692740" s="12"/>
    </row>
    <row r="692741" spans="8:8">
      <c r="H692741" s="12"/>
    </row>
    <row r="692742" spans="8:8">
      <c r="H692742" s="12"/>
    </row>
    <row r="692743" spans="8:8">
      <c r="H692743" s="12"/>
    </row>
    <row r="692744" spans="8:8">
      <c r="H692744" s="12"/>
    </row>
    <row r="692745" spans="8:8">
      <c r="H692745" s="12"/>
    </row>
    <row r="692746" spans="8:8">
      <c r="H692746" s="12"/>
    </row>
    <row r="692747" spans="8:8">
      <c r="H692747" s="12"/>
    </row>
    <row r="692748" spans="8:8">
      <c r="H692748" s="12"/>
    </row>
    <row r="692749" spans="8:8">
      <c r="H692749" s="12"/>
    </row>
    <row r="692750" spans="8:8">
      <c r="H692750" s="12"/>
    </row>
    <row r="692751" spans="8:8">
      <c r="H692751" s="12"/>
    </row>
    <row r="692752" spans="8:8">
      <c r="H692752" s="12"/>
    </row>
    <row r="692753" spans="8:8">
      <c r="H692753" s="12"/>
    </row>
    <row r="692754" spans="8:8">
      <c r="H692754" s="12"/>
    </row>
    <row r="692755" spans="8:8">
      <c r="H692755" s="12"/>
    </row>
    <row r="692756" spans="8:8">
      <c r="H692756" s="12"/>
    </row>
    <row r="692757" spans="8:8">
      <c r="H692757" s="12"/>
    </row>
    <row r="692758" spans="8:8">
      <c r="H692758" s="12"/>
    </row>
    <row r="692759" spans="8:8">
      <c r="H692759" s="12"/>
    </row>
    <row r="692760" spans="8:8">
      <c r="H692760" s="12"/>
    </row>
    <row r="692761" spans="8:8">
      <c r="H692761" s="12"/>
    </row>
    <row r="692762" spans="8:8">
      <c r="H692762" s="12"/>
    </row>
    <row r="692763" spans="8:8">
      <c r="H692763" s="12"/>
    </row>
    <row r="692764" spans="8:8">
      <c r="H692764" s="12"/>
    </row>
    <row r="692765" spans="8:8">
      <c r="H692765" s="12"/>
    </row>
    <row r="692766" spans="8:8">
      <c r="H692766" s="12"/>
    </row>
    <row r="692767" spans="8:8">
      <c r="H692767" s="12"/>
    </row>
    <row r="692768" spans="8:8">
      <c r="H692768" s="12"/>
    </row>
    <row r="692769" spans="8:8">
      <c r="H692769" s="12"/>
    </row>
    <row r="692770" spans="8:8">
      <c r="H692770" s="12"/>
    </row>
    <row r="692771" spans="8:8">
      <c r="H692771" s="12"/>
    </row>
    <row r="692772" spans="8:8">
      <c r="H692772" s="12"/>
    </row>
    <row r="692773" spans="8:8">
      <c r="H692773" s="12"/>
    </row>
    <row r="692774" spans="8:8">
      <c r="H692774" s="12"/>
    </row>
    <row r="692775" spans="8:8">
      <c r="H692775" s="12"/>
    </row>
    <row r="692776" spans="8:8">
      <c r="H692776" s="12"/>
    </row>
    <row r="692777" spans="8:8">
      <c r="H692777" s="12"/>
    </row>
    <row r="692778" spans="8:8">
      <c r="H692778" s="12"/>
    </row>
    <row r="692779" spans="8:8">
      <c r="H692779" s="12"/>
    </row>
    <row r="692780" spans="8:8">
      <c r="H692780" s="12"/>
    </row>
    <row r="692781" spans="8:8">
      <c r="H692781" s="12"/>
    </row>
    <row r="692782" spans="8:8">
      <c r="H692782" s="12"/>
    </row>
    <row r="692783" spans="8:8">
      <c r="H692783" s="12"/>
    </row>
    <row r="692784" spans="8:8">
      <c r="H692784" s="12"/>
    </row>
    <row r="692785" spans="8:8">
      <c r="H692785" s="12"/>
    </row>
    <row r="692786" spans="8:8">
      <c r="H692786" s="12"/>
    </row>
    <row r="692787" spans="8:8">
      <c r="H692787" s="12"/>
    </row>
    <row r="692788" spans="8:8">
      <c r="H692788" s="12"/>
    </row>
    <row r="692789" spans="8:8">
      <c r="H692789" s="12"/>
    </row>
    <row r="692790" spans="8:8">
      <c r="H692790" s="12"/>
    </row>
    <row r="692791" spans="8:8">
      <c r="H692791" s="12"/>
    </row>
    <row r="692792" spans="8:8">
      <c r="H692792" s="12"/>
    </row>
    <row r="692793" spans="8:8">
      <c r="H692793" s="12"/>
    </row>
    <row r="692794" spans="8:8">
      <c r="H692794" s="12"/>
    </row>
    <row r="692795" spans="8:8">
      <c r="H692795" s="12"/>
    </row>
    <row r="692796" spans="8:8">
      <c r="H692796" s="12"/>
    </row>
    <row r="692797" spans="8:8">
      <c r="H692797" s="12"/>
    </row>
    <row r="692798" spans="8:8">
      <c r="H692798" s="12"/>
    </row>
    <row r="692799" spans="8:8">
      <c r="H692799" s="12"/>
    </row>
    <row r="692800" spans="8:8">
      <c r="H692800" s="12"/>
    </row>
    <row r="692801" spans="8:8">
      <c r="H692801" s="12"/>
    </row>
    <row r="692802" spans="8:8">
      <c r="H692802" s="12"/>
    </row>
    <row r="692803" spans="8:8">
      <c r="H692803" s="12"/>
    </row>
    <row r="692804" spans="8:8">
      <c r="H692804" s="12"/>
    </row>
    <row r="692805" spans="8:8">
      <c r="H692805" s="12"/>
    </row>
    <row r="692806" spans="8:8">
      <c r="H692806" s="12"/>
    </row>
    <row r="692807" spans="8:8">
      <c r="H692807" s="12"/>
    </row>
    <row r="692808" spans="8:8">
      <c r="H692808" s="12"/>
    </row>
    <row r="692809" spans="8:8">
      <c r="H692809" s="12"/>
    </row>
    <row r="692810" spans="8:8">
      <c r="H692810" s="12"/>
    </row>
    <row r="692811" spans="8:8">
      <c r="H692811" s="12"/>
    </row>
    <row r="692812" spans="8:8">
      <c r="H692812" s="12"/>
    </row>
    <row r="692813" spans="8:8">
      <c r="H692813" s="12"/>
    </row>
    <row r="692814" spans="8:8">
      <c r="H692814" s="12"/>
    </row>
    <row r="692815" spans="8:8">
      <c r="H692815" s="12"/>
    </row>
    <row r="692816" spans="8:8">
      <c r="H692816" s="12"/>
    </row>
    <row r="692817" spans="8:8">
      <c r="H692817" s="12"/>
    </row>
    <row r="692818" spans="8:8">
      <c r="H692818" s="12"/>
    </row>
    <row r="692819" spans="8:8">
      <c r="H692819" s="12"/>
    </row>
    <row r="692820" spans="8:8">
      <c r="H692820" s="12"/>
    </row>
    <row r="692821" spans="8:8">
      <c r="H692821" s="12"/>
    </row>
    <row r="692822" spans="8:8">
      <c r="H692822" s="12"/>
    </row>
    <row r="692823" spans="8:8">
      <c r="H692823" s="12"/>
    </row>
    <row r="692824" spans="8:8">
      <c r="H692824" s="12"/>
    </row>
    <row r="692825" spans="8:8">
      <c r="H692825" s="12"/>
    </row>
    <row r="692826" spans="8:8">
      <c r="H692826" s="12"/>
    </row>
    <row r="692827" spans="8:8">
      <c r="H692827" s="12"/>
    </row>
    <row r="692828" spans="8:8">
      <c r="H692828" s="12"/>
    </row>
    <row r="692829" spans="8:8">
      <c r="H692829" s="12"/>
    </row>
    <row r="692830" spans="8:8">
      <c r="H692830" s="12"/>
    </row>
    <row r="692831" spans="8:8">
      <c r="H692831" s="12"/>
    </row>
    <row r="692832" spans="8:8">
      <c r="H692832" s="12"/>
    </row>
    <row r="692833" spans="8:8">
      <c r="H692833" s="12"/>
    </row>
    <row r="692834" spans="8:8">
      <c r="H692834" s="12"/>
    </row>
    <row r="692835" spans="8:8">
      <c r="H692835" s="12"/>
    </row>
    <row r="692836" spans="8:8">
      <c r="H692836" s="12"/>
    </row>
    <row r="692837" spans="8:8">
      <c r="H692837" s="12"/>
    </row>
    <row r="692838" spans="8:8">
      <c r="H692838" s="12"/>
    </row>
    <row r="692839" spans="8:8">
      <c r="H692839" s="12"/>
    </row>
    <row r="692840" spans="8:8">
      <c r="H692840" s="12"/>
    </row>
    <row r="692841" spans="8:8">
      <c r="H692841" s="12"/>
    </row>
    <row r="692842" spans="8:8">
      <c r="H692842" s="12"/>
    </row>
    <row r="692843" spans="8:8">
      <c r="H692843" s="12"/>
    </row>
    <row r="692844" spans="8:8">
      <c r="H692844" s="12"/>
    </row>
    <row r="692845" spans="8:8">
      <c r="H692845" s="12"/>
    </row>
    <row r="692846" spans="8:8">
      <c r="H692846" s="12"/>
    </row>
    <row r="692847" spans="8:8">
      <c r="H692847" s="12"/>
    </row>
    <row r="692848" spans="8:8">
      <c r="H692848" s="12"/>
    </row>
    <row r="692849" spans="8:8">
      <c r="H692849" s="12"/>
    </row>
    <row r="692850" spans="8:8">
      <c r="H692850" s="12"/>
    </row>
    <row r="692851" spans="8:8">
      <c r="H692851" s="12"/>
    </row>
    <row r="692852" spans="8:8">
      <c r="H692852" s="12"/>
    </row>
    <row r="692853" spans="8:8">
      <c r="H692853" s="12"/>
    </row>
    <row r="692854" spans="8:8">
      <c r="H692854" s="12"/>
    </row>
    <row r="692855" spans="8:8">
      <c r="H692855" s="12"/>
    </row>
    <row r="692856" spans="8:8">
      <c r="H692856" s="12"/>
    </row>
    <row r="692857" spans="8:8">
      <c r="H692857" s="12"/>
    </row>
    <row r="692858" spans="8:8">
      <c r="H692858" s="12"/>
    </row>
    <row r="692859" spans="8:8">
      <c r="H692859" s="12"/>
    </row>
    <row r="692860" spans="8:8">
      <c r="H692860" s="12"/>
    </row>
    <row r="692861" spans="8:8">
      <c r="H692861" s="12"/>
    </row>
    <row r="692862" spans="8:8">
      <c r="H692862" s="12"/>
    </row>
    <row r="692863" spans="8:8">
      <c r="H692863" s="12"/>
    </row>
    <row r="692864" spans="8:8">
      <c r="H692864" s="12"/>
    </row>
    <row r="692865" spans="8:8">
      <c r="H692865" s="12"/>
    </row>
    <row r="692866" spans="8:8">
      <c r="H692866" s="12"/>
    </row>
    <row r="692867" spans="8:8">
      <c r="H692867" s="12"/>
    </row>
    <row r="692868" spans="8:8">
      <c r="H692868" s="12"/>
    </row>
    <row r="692869" spans="8:8">
      <c r="H692869" s="12"/>
    </row>
    <row r="692870" spans="8:8">
      <c r="H692870" s="12"/>
    </row>
    <row r="692871" spans="8:8">
      <c r="H692871" s="12"/>
    </row>
    <row r="692872" spans="8:8">
      <c r="H692872" s="12"/>
    </row>
    <row r="692873" spans="8:8">
      <c r="H692873" s="12"/>
    </row>
    <row r="692874" spans="8:8">
      <c r="H692874" s="12"/>
    </row>
    <row r="692875" spans="8:8">
      <c r="H692875" s="12"/>
    </row>
    <row r="692876" spans="8:8">
      <c r="H692876" s="12"/>
    </row>
    <row r="692877" spans="8:8">
      <c r="H692877" s="12"/>
    </row>
    <row r="692878" spans="8:8">
      <c r="H692878" s="12"/>
    </row>
    <row r="692879" spans="8:8">
      <c r="H692879" s="12"/>
    </row>
    <row r="692880" spans="8:8">
      <c r="H692880" s="12"/>
    </row>
    <row r="692881" spans="8:8">
      <c r="H692881" s="12"/>
    </row>
    <row r="692882" spans="8:8">
      <c r="H692882" s="12"/>
    </row>
    <row r="692883" spans="8:8">
      <c r="H692883" s="12"/>
    </row>
    <row r="692884" spans="8:8">
      <c r="H692884" s="12"/>
    </row>
    <row r="692885" spans="8:8">
      <c r="H692885" s="12"/>
    </row>
    <row r="692886" spans="8:8">
      <c r="H692886" s="12"/>
    </row>
    <row r="692887" spans="8:8">
      <c r="H692887" s="12"/>
    </row>
    <row r="692888" spans="8:8">
      <c r="H692888" s="12"/>
    </row>
    <row r="692889" spans="8:8">
      <c r="H692889" s="12"/>
    </row>
    <row r="692890" spans="8:8">
      <c r="H692890" s="12"/>
    </row>
    <row r="692891" spans="8:8">
      <c r="H692891" s="12"/>
    </row>
    <row r="692892" spans="8:8">
      <c r="H692892" s="12"/>
    </row>
    <row r="692893" spans="8:8">
      <c r="H692893" s="12"/>
    </row>
    <row r="692894" spans="8:8">
      <c r="H692894" s="12"/>
    </row>
    <row r="692895" spans="8:8">
      <c r="H692895" s="12"/>
    </row>
    <row r="692896" spans="8:8">
      <c r="H692896" s="12"/>
    </row>
    <row r="692897" spans="8:8">
      <c r="H692897" s="12"/>
    </row>
    <row r="692898" spans="8:8">
      <c r="H692898" s="12"/>
    </row>
    <row r="692899" spans="8:8">
      <c r="H692899" s="12"/>
    </row>
    <row r="692900" spans="8:8">
      <c r="H692900" s="12"/>
    </row>
    <row r="692901" spans="8:8">
      <c r="H692901" s="12"/>
    </row>
    <row r="692902" spans="8:8">
      <c r="H692902" s="12"/>
    </row>
    <row r="692903" spans="8:8">
      <c r="H692903" s="12"/>
    </row>
    <row r="692904" spans="8:8">
      <c r="H692904" s="12"/>
    </row>
    <row r="692905" spans="8:8">
      <c r="H692905" s="12"/>
    </row>
    <row r="692906" spans="8:8">
      <c r="H692906" s="12"/>
    </row>
    <row r="692907" spans="8:8">
      <c r="H692907" s="12"/>
    </row>
    <row r="692908" spans="8:8">
      <c r="H692908" s="12"/>
    </row>
    <row r="692909" spans="8:8">
      <c r="H692909" s="12"/>
    </row>
    <row r="692910" spans="8:8">
      <c r="H692910" s="12"/>
    </row>
    <row r="692911" spans="8:8">
      <c r="H692911" s="12"/>
    </row>
    <row r="692912" spans="8:8">
      <c r="H692912" s="12"/>
    </row>
    <row r="692913" spans="8:8">
      <c r="H692913" s="12"/>
    </row>
    <row r="692914" spans="8:8">
      <c r="H692914" s="12"/>
    </row>
    <row r="692915" spans="8:8">
      <c r="H692915" s="12"/>
    </row>
    <row r="692916" spans="8:8">
      <c r="H692916" s="12"/>
    </row>
    <row r="692917" spans="8:8">
      <c r="H692917" s="12"/>
    </row>
    <row r="692918" spans="8:8">
      <c r="H692918" s="12"/>
    </row>
    <row r="692919" spans="8:8">
      <c r="H692919" s="12"/>
    </row>
    <row r="692920" spans="8:8">
      <c r="H692920" s="12"/>
    </row>
    <row r="692921" spans="8:8">
      <c r="H692921" s="12"/>
    </row>
    <row r="692922" spans="8:8">
      <c r="H692922" s="12"/>
    </row>
    <row r="692923" spans="8:8">
      <c r="H692923" s="12"/>
    </row>
    <row r="692924" spans="8:8">
      <c r="H692924" s="12"/>
    </row>
    <row r="692925" spans="8:8">
      <c r="H692925" s="12"/>
    </row>
    <row r="692926" spans="8:8">
      <c r="H692926" s="12"/>
    </row>
    <row r="692927" spans="8:8">
      <c r="H692927" s="12"/>
    </row>
    <row r="692928" spans="8:8">
      <c r="H692928" s="12"/>
    </row>
    <row r="692929" spans="8:8">
      <c r="H692929" s="12"/>
    </row>
    <row r="692930" spans="8:8">
      <c r="H692930" s="12"/>
    </row>
    <row r="692931" spans="8:8">
      <c r="H692931" s="12"/>
    </row>
    <row r="692932" spans="8:8">
      <c r="H692932" s="12"/>
    </row>
    <row r="692933" spans="8:8">
      <c r="H692933" s="12"/>
    </row>
    <row r="692934" spans="8:8">
      <c r="H692934" s="12"/>
    </row>
    <row r="692935" spans="8:8">
      <c r="H692935" s="12"/>
    </row>
    <row r="692936" spans="8:8">
      <c r="H692936" s="12"/>
    </row>
    <row r="692937" spans="8:8">
      <c r="H692937" s="12"/>
    </row>
    <row r="692938" spans="8:8">
      <c r="H692938" s="12"/>
    </row>
    <row r="692939" spans="8:8">
      <c r="H692939" s="12"/>
    </row>
    <row r="692940" spans="8:8">
      <c r="H692940" s="12"/>
    </row>
    <row r="692941" spans="8:8">
      <c r="H692941" s="12"/>
    </row>
    <row r="692942" spans="8:8">
      <c r="H692942" s="12"/>
    </row>
    <row r="692943" spans="8:8">
      <c r="H692943" s="12"/>
    </row>
    <row r="692944" spans="8:8">
      <c r="H692944" s="12"/>
    </row>
    <row r="692945" spans="8:8">
      <c r="H692945" s="12"/>
    </row>
    <row r="692946" spans="8:8">
      <c r="H692946" s="12"/>
    </row>
    <row r="692947" spans="8:8">
      <c r="H692947" s="12"/>
    </row>
    <row r="692948" spans="8:8">
      <c r="H692948" s="12"/>
    </row>
    <row r="692949" spans="8:8">
      <c r="H692949" s="12"/>
    </row>
    <row r="692950" spans="8:8">
      <c r="H692950" s="12"/>
    </row>
    <row r="692951" spans="8:8">
      <c r="H692951" s="12"/>
    </row>
    <row r="692952" spans="8:8">
      <c r="H692952" s="12"/>
    </row>
    <row r="692953" spans="8:8">
      <c r="H692953" s="12"/>
    </row>
    <row r="692954" spans="8:8">
      <c r="H692954" s="12"/>
    </row>
    <row r="692955" spans="8:8">
      <c r="H692955" s="12"/>
    </row>
    <row r="692956" spans="8:8">
      <c r="H692956" s="12"/>
    </row>
    <row r="692957" spans="8:8">
      <c r="H692957" s="12"/>
    </row>
    <row r="692958" spans="8:8">
      <c r="H692958" s="12"/>
    </row>
    <row r="692959" spans="8:8">
      <c r="H692959" s="12"/>
    </row>
    <row r="692960" spans="8:8">
      <c r="H692960" s="12"/>
    </row>
    <row r="692961" spans="8:8">
      <c r="H692961" s="12"/>
    </row>
    <row r="692962" spans="8:8">
      <c r="H692962" s="12"/>
    </row>
    <row r="692963" spans="8:8">
      <c r="H692963" s="12"/>
    </row>
    <row r="692964" spans="8:8">
      <c r="H692964" s="12"/>
    </row>
    <row r="692965" spans="8:8">
      <c r="H692965" s="12"/>
    </row>
    <row r="692966" spans="8:8">
      <c r="H692966" s="12"/>
    </row>
    <row r="692967" spans="8:8">
      <c r="H692967" s="12"/>
    </row>
    <row r="692968" spans="8:8">
      <c r="H692968" s="12"/>
    </row>
    <row r="692969" spans="8:8">
      <c r="H692969" s="12"/>
    </row>
    <row r="692970" spans="8:8">
      <c r="H692970" s="12"/>
    </row>
    <row r="692971" spans="8:8">
      <c r="H692971" s="12"/>
    </row>
    <row r="692972" spans="8:8">
      <c r="H692972" s="12"/>
    </row>
    <row r="692973" spans="8:8">
      <c r="H692973" s="12"/>
    </row>
    <row r="692974" spans="8:8">
      <c r="H692974" s="12"/>
    </row>
    <row r="692975" spans="8:8">
      <c r="H692975" s="12"/>
    </row>
    <row r="692976" spans="8:8">
      <c r="H692976" s="12"/>
    </row>
    <row r="692977" spans="8:8">
      <c r="H692977" s="12"/>
    </row>
    <row r="692978" spans="8:8">
      <c r="H692978" s="12"/>
    </row>
    <row r="692979" spans="8:8">
      <c r="H692979" s="12"/>
    </row>
    <row r="692980" spans="8:8">
      <c r="H692980" s="12"/>
    </row>
    <row r="692981" spans="8:8">
      <c r="H692981" s="12"/>
    </row>
    <row r="692982" spans="8:8">
      <c r="H692982" s="12"/>
    </row>
    <row r="692983" spans="8:8">
      <c r="H692983" s="12"/>
    </row>
    <row r="692984" spans="8:8">
      <c r="H692984" s="12"/>
    </row>
    <row r="692985" spans="8:8">
      <c r="H692985" s="12"/>
    </row>
    <row r="692986" spans="8:8">
      <c r="H692986" s="12"/>
    </row>
    <row r="692987" spans="8:8">
      <c r="H692987" s="12"/>
    </row>
    <row r="692988" spans="8:8">
      <c r="H692988" s="12"/>
    </row>
    <row r="692989" spans="8:8">
      <c r="H692989" s="12"/>
    </row>
    <row r="692990" spans="8:8">
      <c r="H692990" s="12"/>
    </row>
    <row r="692991" spans="8:8">
      <c r="H692991" s="12"/>
    </row>
    <row r="692992" spans="8:8">
      <c r="H692992" s="12"/>
    </row>
    <row r="692993" spans="8:8">
      <c r="H692993" s="12"/>
    </row>
    <row r="692994" spans="8:8">
      <c r="H692994" s="12"/>
    </row>
    <row r="692995" spans="8:8">
      <c r="H692995" s="12"/>
    </row>
    <row r="692996" spans="8:8">
      <c r="H692996" s="12"/>
    </row>
    <row r="692997" spans="8:8">
      <c r="H692997" s="12"/>
    </row>
    <row r="692998" spans="8:8">
      <c r="H692998" s="12"/>
    </row>
    <row r="692999" spans="8:8">
      <c r="H692999" s="12"/>
    </row>
    <row r="693000" spans="8:8">
      <c r="H693000" s="12"/>
    </row>
    <row r="693001" spans="8:8">
      <c r="H693001" s="12"/>
    </row>
    <row r="693002" spans="8:8">
      <c r="H693002" s="12"/>
    </row>
    <row r="693003" spans="8:8">
      <c r="H693003" s="12"/>
    </row>
    <row r="693004" spans="8:8">
      <c r="H693004" s="12"/>
    </row>
    <row r="693005" spans="8:8">
      <c r="H693005" s="12"/>
    </row>
    <row r="693006" spans="8:8">
      <c r="H693006" s="12"/>
    </row>
    <row r="693007" spans="8:8">
      <c r="H693007" s="12"/>
    </row>
    <row r="693008" spans="8:8">
      <c r="H693008" s="12"/>
    </row>
    <row r="693009" spans="8:8">
      <c r="H693009" s="12"/>
    </row>
    <row r="693010" spans="8:8">
      <c r="H693010" s="12"/>
    </row>
    <row r="693011" spans="8:8">
      <c r="H693011" s="12"/>
    </row>
    <row r="693012" spans="8:8">
      <c r="H693012" s="12"/>
    </row>
    <row r="693013" spans="8:8">
      <c r="H693013" s="12"/>
    </row>
    <row r="693014" spans="8:8">
      <c r="H693014" s="12"/>
    </row>
    <row r="693015" spans="8:8">
      <c r="H693015" s="12"/>
    </row>
    <row r="693016" spans="8:8">
      <c r="H693016" s="12"/>
    </row>
    <row r="693017" spans="8:8">
      <c r="H693017" s="12"/>
    </row>
    <row r="693018" spans="8:8">
      <c r="H693018" s="12"/>
    </row>
    <row r="693019" spans="8:8">
      <c r="H693019" s="12"/>
    </row>
    <row r="693020" spans="8:8">
      <c r="H693020" s="12"/>
    </row>
    <row r="693021" spans="8:8">
      <c r="H693021" s="12"/>
    </row>
    <row r="693022" spans="8:8">
      <c r="H693022" s="12"/>
    </row>
    <row r="693023" spans="8:8">
      <c r="H693023" s="12"/>
    </row>
    <row r="693024" spans="8:8">
      <c r="H693024" s="12"/>
    </row>
    <row r="693025" spans="8:8">
      <c r="H693025" s="12"/>
    </row>
    <row r="693026" spans="8:8">
      <c r="H693026" s="12"/>
    </row>
    <row r="693027" spans="8:8">
      <c r="H693027" s="12"/>
    </row>
    <row r="693028" spans="8:8">
      <c r="H693028" s="12"/>
    </row>
    <row r="693029" spans="8:8">
      <c r="H693029" s="12"/>
    </row>
    <row r="693030" spans="8:8">
      <c r="H693030" s="12"/>
    </row>
    <row r="693031" spans="8:8">
      <c r="H693031" s="12"/>
    </row>
    <row r="693032" spans="8:8">
      <c r="H693032" s="12"/>
    </row>
    <row r="693033" spans="8:8">
      <c r="H693033" s="12"/>
    </row>
    <row r="693034" spans="8:8">
      <c r="H693034" s="12"/>
    </row>
    <row r="693035" spans="8:8">
      <c r="H693035" s="12"/>
    </row>
    <row r="693036" spans="8:8">
      <c r="H693036" s="12"/>
    </row>
    <row r="693037" spans="8:8">
      <c r="H693037" s="12"/>
    </row>
    <row r="693038" spans="8:8">
      <c r="H693038" s="12"/>
    </row>
    <row r="693039" spans="8:8">
      <c r="H693039" s="12"/>
    </row>
    <row r="693040" spans="8:8">
      <c r="H693040" s="12"/>
    </row>
    <row r="693041" spans="8:8">
      <c r="H693041" s="12"/>
    </row>
    <row r="693042" spans="8:8">
      <c r="H693042" s="12"/>
    </row>
    <row r="693043" spans="8:8">
      <c r="H693043" s="12"/>
    </row>
    <row r="693044" spans="8:8">
      <c r="H693044" s="12"/>
    </row>
    <row r="693045" spans="8:8">
      <c r="H693045" s="12"/>
    </row>
    <row r="693046" spans="8:8">
      <c r="H693046" s="12"/>
    </row>
    <row r="693047" spans="8:8">
      <c r="H693047" s="12"/>
    </row>
    <row r="693048" spans="8:8">
      <c r="H693048" s="12"/>
    </row>
    <row r="693049" spans="8:8">
      <c r="H693049" s="12"/>
    </row>
    <row r="693050" spans="8:8">
      <c r="H693050" s="12"/>
    </row>
    <row r="693051" spans="8:8">
      <c r="H693051" s="12"/>
    </row>
    <row r="693052" spans="8:8">
      <c r="H693052" s="12"/>
    </row>
    <row r="693053" spans="8:8">
      <c r="H693053" s="12"/>
    </row>
    <row r="693054" spans="8:8">
      <c r="H693054" s="12"/>
    </row>
    <row r="693055" spans="8:8">
      <c r="H693055" s="12"/>
    </row>
    <row r="693056" spans="8:8">
      <c r="H693056" s="12"/>
    </row>
    <row r="693057" spans="8:8">
      <c r="H693057" s="12"/>
    </row>
    <row r="693058" spans="8:8">
      <c r="H693058" s="12"/>
    </row>
    <row r="693059" spans="8:8">
      <c r="H693059" s="12"/>
    </row>
    <row r="693060" spans="8:8">
      <c r="H693060" s="12"/>
    </row>
    <row r="693061" spans="8:8">
      <c r="H693061" s="12"/>
    </row>
    <row r="693062" spans="8:8">
      <c r="H693062" s="12"/>
    </row>
    <row r="693063" spans="8:8">
      <c r="H693063" s="12"/>
    </row>
    <row r="693064" spans="8:8">
      <c r="H693064" s="12"/>
    </row>
    <row r="693065" spans="8:8">
      <c r="H693065" s="12"/>
    </row>
    <row r="693066" spans="8:8">
      <c r="H693066" s="12"/>
    </row>
    <row r="693067" spans="8:8">
      <c r="H693067" s="12"/>
    </row>
    <row r="693068" spans="8:8">
      <c r="H693068" s="12"/>
    </row>
    <row r="693069" spans="8:8">
      <c r="H693069" s="12"/>
    </row>
    <row r="693070" spans="8:8">
      <c r="H693070" s="12"/>
    </row>
    <row r="693071" spans="8:8">
      <c r="H693071" s="12"/>
    </row>
    <row r="693072" spans="8:8">
      <c r="H693072" s="12"/>
    </row>
    <row r="693073" spans="8:8">
      <c r="H693073" s="12"/>
    </row>
    <row r="693074" spans="8:8">
      <c r="H693074" s="12"/>
    </row>
    <row r="693075" spans="8:8">
      <c r="H693075" s="12"/>
    </row>
    <row r="693076" spans="8:8">
      <c r="H693076" s="12"/>
    </row>
    <row r="693077" spans="8:8">
      <c r="H693077" s="12"/>
    </row>
    <row r="693078" spans="8:8">
      <c r="H693078" s="12"/>
    </row>
    <row r="693079" spans="8:8">
      <c r="H693079" s="12"/>
    </row>
    <row r="693080" spans="8:8">
      <c r="H693080" s="12"/>
    </row>
    <row r="693081" spans="8:8">
      <c r="H693081" s="12"/>
    </row>
    <row r="693082" spans="8:8">
      <c r="H693082" s="12"/>
    </row>
    <row r="693083" spans="8:8">
      <c r="H693083" s="12"/>
    </row>
    <row r="693084" spans="8:8">
      <c r="H693084" s="12"/>
    </row>
    <row r="693085" spans="8:8">
      <c r="H693085" s="12"/>
    </row>
    <row r="693086" spans="8:8">
      <c r="H693086" s="12"/>
    </row>
    <row r="693087" spans="8:8">
      <c r="H693087" s="12"/>
    </row>
    <row r="693088" spans="8:8">
      <c r="H693088" s="12"/>
    </row>
    <row r="693089" spans="8:8">
      <c r="H693089" s="12"/>
    </row>
    <row r="693090" spans="8:8">
      <c r="H693090" s="12"/>
    </row>
    <row r="693091" spans="8:8">
      <c r="H693091" s="12"/>
    </row>
    <row r="693092" spans="8:8">
      <c r="H693092" s="12"/>
    </row>
    <row r="693093" spans="8:8">
      <c r="H693093" s="12"/>
    </row>
    <row r="693094" spans="8:8">
      <c r="H693094" s="12"/>
    </row>
    <row r="693095" spans="8:8">
      <c r="H693095" s="12"/>
    </row>
    <row r="693096" spans="8:8">
      <c r="H693096" s="12"/>
    </row>
    <row r="693097" spans="8:8">
      <c r="H693097" s="12"/>
    </row>
    <row r="693098" spans="8:8">
      <c r="H693098" s="12"/>
    </row>
    <row r="693099" spans="8:8">
      <c r="H693099" s="12"/>
    </row>
    <row r="693100" spans="8:8">
      <c r="H693100" s="12"/>
    </row>
    <row r="693101" spans="8:8">
      <c r="H693101" s="12"/>
    </row>
    <row r="693102" spans="8:8">
      <c r="H693102" s="12"/>
    </row>
    <row r="693103" spans="8:8">
      <c r="H693103" s="12"/>
    </row>
    <row r="693104" spans="8:8">
      <c r="H693104" s="12"/>
    </row>
    <row r="693105" spans="8:8">
      <c r="H693105" s="12"/>
    </row>
    <row r="693106" spans="8:8">
      <c r="H693106" s="12"/>
    </row>
    <row r="693107" spans="8:8">
      <c r="H693107" s="12"/>
    </row>
    <row r="693108" spans="8:8">
      <c r="H693108" s="12"/>
    </row>
    <row r="693109" spans="8:8">
      <c r="H693109" s="12"/>
    </row>
    <row r="693110" spans="8:8">
      <c r="H693110" s="12"/>
    </row>
    <row r="693111" spans="8:8">
      <c r="H693111" s="12"/>
    </row>
    <row r="693112" spans="8:8">
      <c r="H693112" s="12"/>
    </row>
    <row r="693113" spans="8:8">
      <c r="H693113" s="12"/>
    </row>
    <row r="693114" spans="8:8">
      <c r="H693114" s="12"/>
    </row>
    <row r="693115" spans="8:8">
      <c r="H693115" s="12"/>
    </row>
    <row r="693116" spans="8:8">
      <c r="H693116" s="12"/>
    </row>
    <row r="693117" spans="8:8">
      <c r="H693117" s="12"/>
    </row>
    <row r="693118" spans="8:8">
      <c r="H693118" s="12"/>
    </row>
    <row r="693119" spans="8:8">
      <c r="H693119" s="12"/>
    </row>
    <row r="693120" spans="8:8">
      <c r="H693120" s="12"/>
    </row>
    <row r="693121" spans="8:8">
      <c r="H693121" s="12"/>
    </row>
    <row r="693122" spans="8:8">
      <c r="H693122" s="12"/>
    </row>
    <row r="693123" spans="8:8">
      <c r="H693123" s="12"/>
    </row>
    <row r="693124" spans="8:8">
      <c r="H693124" s="12"/>
    </row>
    <row r="693125" spans="8:8">
      <c r="H693125" s="12"/>
    </row>
    <row r="693126" spans="8:8">
      <c r="H693126" s="12"/>
    </row>
    <row r="693127" spans="8:8">
      <c r="H693127" s="12"/>
    </row>
    <row r="693128" spans="8:8">
      <c r="H693128" s="12"/>
    </row>
    <row r="693129" spans="8:8">
      <c r="H693129" s="12"/>
    </row>
    <row r="693130" spans="8:8">
      <c r="H693130" s="12"/>
    </row>
    <row r="693131" spans="8:8">
      <c r="H693131" s="12"/>
    </row>
    <row r="693132" spans="8:8">
      <c r="H693132" s="12"/>
    </row>
    <row r="693133" spans="8:8">
      <c r="H693133" s="12"/>
    </row>
    <row r="693134" spans="8:8">
      <c r="H693134" s="12"/>
    </row>
    <row r="693135" spans="8:8">
      <c r="H693135" s="12"/>
    </row>
    <row r="693136" spans="8:8">
      <c r="H693136" s="12"/>
    </row>
    <row r="693137" spans="8:8">
      <c r="H693137" s="12"/>
    </row>
    <row r="693138" spans="8:8">
      <c r="H693138" s="12"/>
    </row>
    <row r="693139" spans="8:8">
      <c r="H693139" s="12"/>
    </row>
    <row r="693140" spans="8:8">
      <c r="H693140" s="12"/>
    </row>
    <row r="693141" spans="8:8">
      <c r="H693141" s="12"/>
    </row>
    <row r="693142" spans="8:8">
      <c r="H693142" s="12"/>
    </row>
    <row r="693143" spans="8:8">
      <c r="H693143" s="12"/>
    </row>
    <row r="693144" spans="8:8">
      <c r="H693144" s="12"/>
    </row>
    <row r="693145" spans="8:8">
      <c r="H693145" s="12"/>
    </row>
    <row r="693146" spans="8:8">
      <c r="H693146" s="12"/>
    </row>
    <row r="693147" spans="8:8">
      <c r="H693147" s="12"/>
    </row>
    <row r="693148" spans="8:8">
      <c r="H693148" s="12"/>
    </row>
    <row r="693149" spans="8:8">
      <c r="H693149" s="12"/>
    </row>
    <row r="693150" spans="8:8">
      <c r="H693150" s="12"/>
    </row>
    <row r="693151" spans="8:8">
      <c r="H693151" s="12"/>
    </row>
    <row r="693152" spans="8:8">
      <c r="H693152" s="12"/>
    </row>
    <row r="693153" spans="8:8">
      <c r="H693153" s="12"/>
    </row>
    <row r="693154" spans="8:8">
      <c r="H693154" s="12"/>
    </row>
    <row r="693155" spans="8:8">
      <c r="H693155" s="12"/>
    </row>
    <row r="693156" spans="8:8">
      <c r="H693156" s="12"/>
    </row>
    <row r="693157" spans="8:8">
      <c r="H693157" s="12"/>
    </row>
    <row r="693158" spans="8:8">
      <c r="H693158" s="12"/>
    </row>
    <row r="693159" spans="8:8">
      <c r="H693159" s="12"/>
    </row>
    <row r="693160" spans="8:8">
      <c r="H693160" s="12"/>
    </row>
    <row r="693161" spans="8:8">
      <c r="H693161" s="12"/>
    </row>
    <row r="693162" spans="8:8">
      <c r="H693162" s="12"/>
    </row>
    <row r="693163" spans="8:8">
      <c r="H693163" s="12"/>
    </row>
    <row r="693164" spans="8:8">
      <c r="H693164" s="12"/>
    </row>
    <row r="693165" spans="8:8">
      <c r="H693165" s="12"/>
    </row>
    <row r="693166" spans="8:8">
      <c r="H693166" s="12"/>
    </row>
    <row r="693167" spans="8:8">
      <c r="H693167" s="12"/>
    </row>
    <row r="693168" spans="8:8">
      <c r="H693168" s="12"/>
    </row>
    <row r="693169" spans="8:8">
      <c r="H693169" s="12"/>
    </row>
    <row r="693170" spans="8:8">
      <c r="H693170" s="12"/>
    </row>
    <row r="693171" spans="8:8">
      <c r="H693171" s="12"/>
    </row>
    <row r="693172" spans="8:8">
      <c r="H693172" s="12"/>
    </row>
    <row r="693173" spans="8:8">
      <c r="H693173" s="12"/>
    </row>
    <row r="693174" spans="8:8">
      <c r="H693174" s="12"/>
    </row>
    <row r="693175" spans="8:8">
      <c r="H693175" s="12"/>
    </row>
    <row r="693176" spans="8:8">
      <c r="H693176" s="12"/>
    </row>
    <row r="693177" spans="8:8">
      <c r="H693177" s="12"/>
    </row>
    <row r="693178" spans="8:8">
      <c r="H693178" s="12"/>
    </row>
    <row r="693179" spans="8:8">
      <c r="H693179" s="12"/>
    </row>
    <row r="693180" spans="8:8">
      <c r="H693180" s="12"/>
    </row>
    <row r="693181" spans="8:8">
      <c r="H693181" s="12"/>
    </row>
    <row r="693182" spans="8:8">
      <c r="H693182" s="12"/>
    </row>
    <row r="693183" spans="8:8">
      <c r="H693183" s="12"/>
    </row>
    <row r="693184" spans="8:8">
      <c r="H693184" s="12"/>
    </row>
    <row r="693185" spans="8:8">
      <c r="H693185" s="12"/>
    </row>
    <row r="693186" spans="8:8">
      <c r="H693186" s="12"/>
    </row>
    <row r="693187" spans="8:8">
      <c r="H693187" s="12"/>
    </row>
    <row r="693188" spans="8:8">
      <c r="H693188" s="12"/>
    </row>
    <row r="693189" spans="8:8">
      <c r="H693189" s="12"/>
    </row>
    <row r="693190" spans="8:8">
      <c r="H693190" s="12"/>
    </row>
    <row r="693191" spans="8:8">
      <c r="H693191" s="12"/>
    </row>
    <row r="693192" spans="8:8">
      <c r="H693192" s="12"/>
    </row>
    <row r="693193" spans="8:8">
      <c r="H693193" s="12"/>
    </row>
    <row r="693194" spans="8:8">
      <c r="H693194" s="12"/>
    </row>
    <row r="693195" spans="8:8">
      <c r="H693195" s="12"/>
    </row>
    <row r="693196" spans="8:8">
      <c r="H693196" s="12"/>
    </row>
    <row r="693197" spans="8:8">
      <c r="H693197" s="12"/>
    </row>
    <row r="693198" spans="8:8">
      <c r="H693198" s="12"/>
    </row>
    <row r="693199" spans="8:8">
      <c r="H693199" s="12"/>
    </row>
    <row r="693200" spans="8:8">
      <c r="H693200" s="12"/>
    </row>
    <row r="693201" spans="8:8">
      <c r="H693201" s="12"/>
    </row>
    <row r="693202" spans="8:8">
      <c r="H693202" s="12"/>
    </row>
    <row r="693203" spans="8:8">
      <c r="H693203" s="12"/>
    </row>
    <row r="693204" spans="8:8">
      <c r="H693204" s="12"/>
    </row>
    <row r="693205" spans="8:8">
      <c r="H693205" s="12"/>
    </row>
    <row r="693206" spans="8:8">
      <c r="H693206" s="12"/>
    </row>
    <row r="693207" spans="8:8">
      <c r="H693207" s="12"/>
    </row>
    <row r="693208" spans="8:8">
      <c r="H693208" s="12"/>
    </row>
    <row r="693209" spans="8:8">
      <c r="H693209" s="12"/>
    </row>
    <row r="693210" spans="8:8">
      <c r="H693210" s="12"/>
    </row>
    <row r="693211" spans="8:8">
      <c r="H693211" s="12"/>
    </row>
    <row r="693212" spans="8:8">
      <c r="H693212" s="12"/>
    </row>
    <row r="693213" spans="8:8">
      <c r="H693213" s="12"/>
    </row>
    <row r="693214" spans="8:8">
      <c r="H693214" s="12"/>
    </row>
    <row r="693215" spans="8:8">
      <c r="H693215" s="12"/>
    </row>
    <row r="693216" spans="8:8">
      <c r="H693216" s="12"/>
    </row>
    <row r="693217" spans="8:8">
      <c r="H693217" s="12"/>
    </row>
    <row r="693218" spans="8:8">
      <c r="H693218" s="12"/>
    </row>
    <row r="693219" spans="8:8">
      <c r="H693219" s="12"/>
    </row>
    <row r="693220" spans="8:8">
      <c r="H693220" s="12"/>
    </row>
    <row r="693221" spans="8:8">
      <c r="H693221" s="12"/>
    </row>
    <row r="693222" spans="8:8">
      <c r="H693222" s="12"/>
    </row>
    <row r="693223" spans="8:8">
      <c r="H693223" s="12"/>
    </row>
    <row r="693224" spans="8:8">
      <c r="H693224" s="12"/>
    </row>
    <row r="693225" spans="8:8">
      <c r="H693225" s="12"/>
    </row>
    <row r="693226" spans="8:8">
      <c r="H693226" s="12"/>
    </row>
    <row r="693227" spans="8:8">
      <c r="H693227" s="12"/>
    </row>
    <row r="693228" spans="8:8">
      <c r="H693228" s="12"/>
    </row>
    <row r="693229" spans="8:8">
      <c r="H693229" s="12"/>
    </row>
    <row r="693230" spans="8:8">
      <c r="H693230" s="12"/>
    </row>
    <row r="693231" spans="8:8">
      <c r="H693231" s="12"/>
    </row>
    <row r="693232" spans="8:8">
      <c r="H693232" s="12"/>
    </row>
    <row r="693233" spans="8:8">
      <c r="H693233" s="12"/>
    </row>
    <row r="693234" spans="8:8">
      <c r="H693234" s="12"/>
    </row>
    <row r="693235" spans="8:8">
      <c r="H693235" s="12"/>
    </row>
    <row r="693236" spans="8:8">
      <c r="H693236" s="12"/>
    </row>
    <row r="693237" spans="8:8">
      <c r="H693237" s="12"/>
    </row>
    <row r="693238" spans="8:8">
      <c r="H693238" s="12"/>
    </row>
    <row r="693239" spans="8:8">
      <c r="H693239" s="12"/>
    </row>
    <row r="693240" spans="8:8">
      <c r="H693240" s="12"/>
    </row>
    <row r="693241" spans="8:8">
      <c r="H693241" s="12"/>
    </row>
    <row r="693242" spans="8:8">
      <c r="H693242" s="12"/>
    </row>
    <row r="693243" spans="8:8">
      <c r="H693243" s="12"/>
    </row>
    <row r="693244" spans="8:8">
      <c r="H693244" s="12"/>
    </row>
    <row r="693245" spans="8:8">
      <c r="H693245" s="12"/>
    </row>
    <row r="693246" spans="8:8">
      <c r="H693246" s="12"/>
    </row>
    <row r="693247" spans="8:8">
      <c r="H693247" s="12"/>
    </row>
    <row r="693248" spans="8:8">
      <c r="H693248" s="12"/>
    </row>
    <row r="693249" spans="8:8">
      <c r="H693249" s="12"/>
    </row>
    <row r="693250" spans="8:8">
      <c r="H693250" s="12"/>
    </row>
    <row r="693251" spans="8:8">
      <c r="H693251" s="12"/>
    </row>
    <row r="693252" spans="8:8">
      <c r="H693252" s="12"/>
    </row>
    <row r="693253" spans="8:8">
      <c r="H693253" s="12"/>
    </row>
    <row r="693254" spans="8:8">
      <c r="H693254" s="12"/>
    </row>
    <row r="693255" spans="8:8">
      <c r="H693255" s="12"/>
    </row>
    <row r="693256" spans="8:8">
      <c r="H693256" s="12"/>
    </row>
    <row r="693257" spans="8:8">
      <c r="H693257" s="12"/>
    </row>
    <row r="693258" spans="8:8">
      <c r="H693258" s="12"/>
    </row>
    <row r="693259" spans="8:8">
      <c r="H693259" s="12"/>
    </row>
    <row r="693260" spans="8:8">
      <c r="H693260" s="12"/>
    </row>
    <row r="693261" spans="8:8">
      <c r="H693261" s="12"/>
    </row>
    <row r="693262" spans="8:8">
      <c r="H693262" s="12"/>
    </row>
    <row r="693263" spans="8:8">
      <c r="H693263" s="12"/>
    </row>
    <row r="693264" spans="8:8">
      <c r="H693264" s="12"/>
    </row>
    <row r="693265" spans="8:8">
      <c r="H693265" s="12"/>
    </row>
    <row r="693266" spans="8:8">
      <c r="H693266" s="12"/>
    </row>
    <row r="693267" spans="8:8">
      <c r="H693267" s="12"/>
    </row>
    <row r="693268" spans="8:8">
      <c r="H693268" s="12"/>
    </row>
    <row r="693269" spans="8:8">
      <c r="H693269" s="12"/>
    </row>
    <row r="693270" spans="8:8">
      <c r="H693270" s="12"/>
    </row>
    <row r="693271" spans="8:8">
      <c r="H693271" s="12"/>
    </row>
    <row r="693272" spans="8:8">
      <c r="H693272" s="12"/>
    </row>
    <row r="693273" spans="8:8">
      <c r="H693273" s="12"/>
    </row>
    <row r="693274" spans="8:8">
      <c r="H693274" s="12"/>
    </row>
    <row r="693275" spans="8:8">
      <c r="H693275" s="12"/>
    </row>
    <row r="693276" spans="8:8">
      <c r="H693276" s="12"/>
    </row>
    <row r="693277" spans="8:8">
      <c r="H693277" s="12"/>
    </row>
    <row r="693278" spans="8:8">
      <c r="H693278" s="12"/>
    </row>
    <row r="693279" spans="8:8">
      <c r="H693279" s="12"/>
    </row>
    <row r="693280" spans="8:8">
      <c r="H693280" s="12"/>
    </row>
    <row r="693281" spans="8:8">
      <c r="H693281" s="12"/>
    </row>
    <row r="693282" spans="8:8">
      <c r="H693282" s="12"/>
    </row>
    <row r="693283" spans="8:8">
      <c r="H693283" s="12"/>
    </row>
    <row r="693284" spans="8:8">
      <c r="H693284" s="12"/>
    </row>
    <row r="693285" spans="8:8">
      <c r="H693285" s="12"/>
    </row>
    <row r="693286" spans="8:8">
      <c r="H693286" s="12"/>
    </row>
    <row r="693287" spans="8:8">
      <c r="H693287" s="12"/>
    </row>
    <row r="693288" spans="8:8">
      <c r="H693288" s="12"/>
    </row>
    <row r="693289" spans="8:8">
      <c r="H693289" s="12"/>
    </row>
    <row r="693290" spans="8:8">
      <c r="H693290" s="12"/>
    </row>
    <row r="693291" spans="8:8">
      <c r="H693291" s="12"/>
    </row>
    <row r="693292" spans="8:8">
      <c r="H693292" s="12"/>
    </row>
    <row r="693293" spans="8:8">
      <c r="H693293" s="12"/>
    </row>
    <row r="693294" spans="8:8">
      <c r="H693294" s="12"/>
    </row>
    <row r="693295" spans="8:8">
      <c r="H693295" s="12"/>
    </row>
    <row r="693296" spans="8:8">
      <c r="H693296" s="12"/>
    </row>
    <row r="693297" spans="8:8">
      <c r="H693297" s="12"/>
    </row>
    <row r="693298" spans="8:8">
      <c r="H693298" s="12"/>
    </row>
    <row r="693299" spans="8:8">
      <c r="H693299" s="12"/>
    </row>
    <row r="693300" spans="8:8">
      <c r="H693300" s="12"/>
    </row>
    <row r="693301" spans="8:8">
      <c r="H693301" s="12"/>
    </row>
    <row r="693302" spans="8:8">
      <c r="H693302" s="12"/>
    </row>
    <row r="693303" spans="8:8">
      <c r="H693303" s="12"/>
    </row>
    <row r="693304" spans="8:8">
      <c r="H693304" s="12"/>
    </row>
    <row r="693305" spans="8:8">
      <c r="H693305" s="12"/>
    </row>
    <row r="693306" spans="8:8">
      <c r="H693306" s="12"/>
    </row>
    <row r="693307" spans="8:8">
      <c r="H693307" s="12"/>
    </row>
    <row r="693308" spans="8:8">
      <c r="H693308" s="12"/>
    </row>
    <row r="693309" spans="8:8">
      <c r="H693309" s="12"/>
    </row>
    <row r="693310" spans="8:8">
      <c r="H693310" s="12"/>
    </row>
    <row r="693311" spans="8:8">
      <c r="H693311" s="12"/>
    </row>
    <row r="693312" spans="8:8">
      <c r="H693312" s="12"/>
    </row>
    <row r="693313" spans="8:8">
      <c r="H693313" s="12"/>
    </row>
    <row r="693314" spans="8:8">
      <c r="H693314" s="12"/>
    </row>
    <row r="693315" spans="8:8">
      <c r="H693315" s="12"/>
    </row>
    <row r="693316" spans="8:8">
      <c r="H693316" s="12"/>
    </row>
    <row r="693317" spans="8:8">
      <c r="H693317" s="12"/>
    </row>
    <row r="693318" spans="8:8">
      <c r="H693318" s="12"/>
    </row>
    <row r="693319" spans="8:8">
      <c r="H693319" s="12"/>
    </row>
    <row r="693320" spans="8:8">
      <c r="H693320" s="12"/>
    </row>
    <row r="693321" spans="8:8">
      <c r="H693321" s="12"/>
    </row>
    <row r="693322" spans="8:8">
      <c r="H693322" s="12"/>
    </row>
    <row r="693323" spans="8:8">
      <c r="H693323" s="12"/>
    </row>
    <row r="693324" spans="8:8">
      <c r="H693324" s="12"/>
    </row>
    <row r="693325" spans="8:8">
      <c r="H693325" s="12"/>
    </row>
    <row r="693326" spans="8:8">
      <c r="H693326" s="12"/>
    </row>
    <row r="693327" spans="8:8">
      <c r="H693327" s="12"/>
    </row>
    <row r="693328" spans="8:8">
      <c r="H693328" s="12"/>
    </row>
    <row r="693329" spans="8:8">
      <c r="H693329" s="12"/>
    </row>
    <row r="693330" spans="8:8">
      <c r="H693330" s="12"/>
    </row>
    <row r="693331" spans="8:8">
      <c r="H693331" s="12"/>
    </row>
    <row r="693332" spans="8:8">
      <c r="H693332" s="12"/>
    </row>
    <row r="693333" spans="8:8">
      <c r="H693333" s="12"/>
    </row>
    <row r="693334" spans="8:8">
      <c r="H693334" s="12"/>
    </row>
    <row r="693335" spans="8:8">
      <c r="H693335" s="12"/>
    </row>
    <row r="693336" spans="8:8">
      <c r="H693336" s="12"/>
    </row>
    <row r="693337" spans="8:8">
      <c r="H693337" s="12"/>
    </row>
    <row r="693338" spans="8:8">
      <c r="H693338" s="12"/>
    </row>
    <row r="693339" spans="8:8">
      <c r="H693339" s="12"/>
    </row>
    <row r="693340" spans="8:8">
      <c r="H693340" s="12"/>
    </row>
    <row r="693341" spans="8:8">
      <c r="H693341" s="12"/>
    </row>
    <row r="693342" spans="8:8">
      <c r="H693342" s="12"/>
    </row>
    <row r="693343" spans="8:8">
      <c r="H693343" s="12"/>
    </row>
    <row r="693344" spans="8:8">
      <c r="H693344" s="12"/>
    </row>
    <row r="693345" spans="8:8">
      <c r="H693345" s="12"/>
    </row>
    <row r="693346" spans="8:8">
      <c r="H693346" s="12"/>
    </row>
    <row r="693347" spans="8:8">
      <c r="H693347" s="12"/>
    </row>
    <row r="693348" spans="8:8">
      <c r="H693348" s="12"/>
    </row>
    <row r="693349" spans="8:8">
      <c r="H693349" s="12"/>
    </row>
    <row r="693350" spans="8:8">
      <c r="H693350" s="12"/>
    </row>
    <row r="693351" spans="8:8">
      <c r="H693351" s="12"/>
    </row>
    <row r="693352" spans="8:8">
      <c r="H693352" s="12"/>
    </row>
    <row r="693353" spans="8:8">
      <c r="H693353" s="12"/>
    </row>
    <row r="693354" spans="8:8">
      <c r="H693354" s="12"/>
    </row>
    <row r="693355" spans="8:8">
      <c r="H693355" s="12"/>
    </row>
    <row r="693356" spans="8:8">
      <c r="H693356" s="12"/>
    </row>
    <row r="693357" spans="8:8">
      <c r="H693357" s="12"/>
    </row>
    <row r="693358" spans="8:8">
      <c r="H693358" s="12"/>
    </row>
    <row r="693359" spans="8:8">
      <c r="H693359" s="12"/>
    </row>
    <row r="693360" spans="8:8">
      <c r="H693360" s="12"/>
    </row>
    <row r="693361" spans="8:8">
      <c r="H693361" s="12"/>
    </row>
    <row r="693362" spans="8:8">
      <c r="H693362" s="12"/>
    </row>
    <row r="693363" spans="8:8">
      <c r="H693363" s="12"/>
    </row>
    <row r="693364" spans="8:8">
      <c r="H693364" s="12"/>
    </row>
    <row r="693365" spans="8:8">
      <c r="H693365" s="12"/>
    </row>
    <row r="693366" spans="8:8">
      <c r="H693366" s="12"/>
    </row>
    <row r="693367" spans="8:8">
      <c r="H693367" s="12"/>
    </row>
    <row r="693368" spans="8:8">
      <c r="H693368" s="12"/>
    </row>
    <row r="693369" spans="8:8">
      <c r="H693369" s="12"/>
    </row>
    <row r="693370" spans="8:8">
      <c r="H693370" s="12"/>
    </row>
    <row r="693371" spans="8:8">
      <c r="H693371" s="12"/>
    </row>
    <row r="693372" spans="8:8">
      <c r="H693372" s="12"/>
    </row>
    <row r="693373" spans="8:8">
      <c r="H693373" s="12"/>
    </row>
    <row r="693374" spans="8:8">
      <c r="H693374" s="12"/>
    </row>
    <row r="693375" spans="8:8">
      <c r="H693375" s="12"/>
    </row>
    <row r="693376" spans="8:8">
      <c r="H693376" s="12"/>
    </row>
    <row r="693377" spans="8:8">
      <c r="H693377" s="12"/>
    </row>
    <row r="693378" spans="8:8">
      <c r="H693378" s="12"/>
    </row>
    <row r="693379" spans="8:8">
      <c r="H693379" s="12"/>
    </row>
    <row r="693380" spans="8:8">
      <c r="H693380" s="12"/>
    </row>
    <row r="693381" spans="8:8">
      <c r="H693381" s="12"/>
    </row>
    <row r="693382" spans="8:8">
      <c r="H693382" s="12"/>
    </row>
    <row r="693383" spans="8:8">
      <c r="H693383" s="12"/>
    </row>
    <row r="693384" spans="8:8">
      <c r="H693384" s="12"/>
    </row>
    <row r="693385" spans="8:8">
      <c r="H693385" s="12"/>
    </row>
    <row r="693386" spans="8:8">
      <c r="H693386" s="12"/>
    </row>
    <row r="693387" spans="8:8">
      <c r="H693387" s="12"/>
    </row>
    <row r="693388" spans="8:8">
      <c r="H693388" s="12"/>
    </row>
    <row r="693389" spans="8:8">
      <c r="H693389" s="12"/>
    </row>
    <row r="693390" spans="8:8">
      <c r="H693390" s="12"/>
    </row>
    <row r="693391" spans="8:8">
      <c r="H693391" s="12"/>
    </row>
    <row r="693392" spans="8:8">
      <c r="H693392" s="12"/>
    </row>
    <row r="693393" spans="8:8">
      <c r="H693393" s="12"/>
    </row>
    <row r="693394" spans="8:8">
      <c r="H693394" s="12"/>
    </row>
    <row r="693395" spans="8:8">
      <c r="H693395" s="12"/>
    </row>
    <row r="693396" spans="8:8">
      <c r="H693396" s="12"/>
    </row>
    <row r="693397" spans="8:8">
      <c r="H693397" s="12"/>
    </row>
    <row r="693398" spans="8:8">
      <c r="H693398" s="12"/>
    </row>
    <row r="693399" spans="8:8">
      <c r="H693399" s="12"/>
    </row>
    <row r="693400" spans="8:8">
      <c r="H693400" s="12"/>
    </row>
    <row r="693401" spans="8:8">
      <c r="H693401" s="12"/>
    </row>
    <row r="693402" spans="8:8">
      <c r="H693402" s="12"/>
    </row>
    <row r="693403" spans="8:8">
      <c r="H693403" s="12"/>
    </row>
    <row r="693404" spans="8:8">
      <c r="H693404" s="12"/>
    </row>
    <row r="693405" spans="8:8">
      <c r="H693405" s="12"/>
    </row>
    <row r="693406" spans="8:8">
      <c r="H693406" s="12"/>
    </row>
    <row r="693407" spans="8:8">
      <c r="H693407" s="12"/>
    </row>
    <row r="693408" spans="8:8">
      <c r="H693408" s="12"/>
    </row>
    <row r="693409" spans="8:8">
      <c r="H693409" s="12"/>
    </row>
    <row r="693410" spans="8:8">
      <c r="H693410" s="12"/>
    </row>
    <row r="693411" spans="8:8">
      <c r="H693411" s="12"/>
    </row>
    <row r="693412" spans="8:8">
      <c r="H693412" s="12"/>
    </row>
    <row r="693413" spans="8:8">
      <c r="H693413" s="12"/>
    </row>
    <row r="693414" spans="8:8">
      <c r="H693414" s="12"/>
    </row>
    <row r="693415" spans="8:8">
      <c r="H693415" s="12"/>
    </row>
    <row r="693416" spans="8:8">
      <c r="H693416" s="12"/>
    </row>
    <row r="693417" spans="8:8">
      <c r="H693417" s="12"/>
    </row>
    <row r="693418" spans="8:8">
      <c r="H693418" s="12"/>
    </row>
    <row r="693419" spans="8:8">
      <c r="H693419" s="12"/>
    </row>
    <row r="693420" spans="8:8">
      <c r="H693420" s="12"/>
    </row>
    <row r="693421" spans="8:8">
      <c r="H693421" s="12"/>
    </row>
    <row r="693422" spans="8:8">
      <c r="H693422" s="12"/>
    </row>
    <row r="693423" spans="8:8">
      <c r="H693423" s="12"/>
    </row>
    <row r="693424" spans="8:8">
      <c r="H693424" s="12"/>
    </row>
    <row r="693425" spans="8:8">
      <c r="H693425" s="12"/>
    </row>
    <row r="693426" spans="8:8">
      <c r="H693426" s="12"/>
    </row>
    <row r="693427" spans="8:8">
      <c r="H693427" s="12"/>
    </row>
    <row r="693428" spans="8:8">
      <c r="H693428" s="12"/>
    </row>
    <row r="693429" spans="8:8">
      <c r="H693429" s="12"/>
    </row>
    <row r="693430" spans="8:8">
      <c r="H693430" s="12"/>
    </row>
    <row r="693431" spans="8:8">
      <c r="H693431" s="12"/>
    </row>
    <row r="693432" spans="8:8">
      <c r="H693432" s="12"/>
    </row>
    <row r="693433" spans="8:8">
      <c r="H693433" s="12"/>
    </row>
    <row r="693434" spans="8:8">
      <c r="H693434" s="12"/>
    </row>
    <row r="693435" spans="8:8">
      <c r="H693435" s="12"/>
    </row>
    <row r="693436" spans="8:8">
      <c r="H693436" s="12"/>
    </row>
    <row r="693437" spans="8:8">
      <c r="H693437" s="12"/>
    </row>
    <row r="693438" spans="8:8">
      <c r="H693438" s="12"/>
    </row>
    <row r="693439" spans="8:8">
      <c r="H693439" s="12"/>
    </row>
    <row r="693440" spans="8:8">
      <c r="H693440" s="12"/>
    </row>
    <row r="693441" spans="8:8">
      <c r="H693441" s="12"/>
    </row>
    <row r="693442" spans="8:8">
      <c r="H693442" s="12"/>
    </row>
    <row r="693443" spans="8:8">
      <c r="H693443" s="12"/>
    </row>
    <row r="693444" spans="8:8">
      <c r="H693444" s="12"/>
    </row>
    <row r="693445" spans="8:8">
      <c r="H693445" s="12"/>
    </row>
    <row r="693446" spans="8:8">
      <c r="H693446" s="12"/>
    </row>
    <row r="693447" spans="8:8">
      <c r="H693447" s="12"/>
    </row>
    <row r="693448" spans="8:8">
      <c r="H693448" s="12"/>
    </row>
    <row r="693449" spans="8:8">
      <c r="H693449" s="12"/>
    </row>
    <row r="693450" spans="8:8">
      <c r="H693450" s="12"/>
    </row>
    <row r="693451" spans="8:8">
      <c r="H693451" s="12"/>
    </row>
    <row r="693452" spans="8:8">
      <c r="H693452" s="12"/>
    </row>
    <row r="693453" spans="8:8">
      <c r="H693453" s="12"/>
    </row>
    <row r="693454" spans="8:8">
      <c r="H693454" s="12"/>
    </row>
    <row r="693455" spans="8:8">
      <c r="H693455" s="12"/>
    </row>
    <row r="693456" spans="8:8">
      <c r="H693456" s="12"/>
    </row>
    <row r="693457" spans="8:8">
      <c r="H693457" s="12"/>
    </row>
    <row r="693458" spans="8:8">
      <c r="H693458" s="12"/>
    </row>
    <row r="693459" spans="8:8">
      <c r="H693459" s="12"/>
    </row>
    <row r="693460" spans="8:8">
      <c r="H693460" s="12"/>
    </row>
    <row r="693461" spans="8:8">
      <c r="H693461" s="12"/>
    </row>
    <row r="693462" spans="8:8">
      <c r="H693462" s="12"/>
    </row>
    <row r="693463" spans="8:8">
      <c r="H693463" s="12"/>
    </row>
    <row r="693464" spans="8:8">
      <c r="H693464" s="12"/>
    </row>
    <row r="693465" spans="8:8">
      <c r="H693465" s="12"/>
    </row>
    <row r="693466" spans="8:8">
      <c r="H693466" s="12"/>
    </row>
    <row r="693467" spans="8:8">
      <c r="H693467" s="12"/>
    </row>
    <row r="693468" spans="8:8">
      <c r="H693468" s="12"/>
    </row>
    <row r="693469" spans="8:8">
      <c r="H693469" s="12"/>
    </row>
    <row r="693470" spans="8:8">
      <c r="H693470" s="12"/>
    </row>
    <row r="693471" spans="8:8">
      <c r="H693471" s="12"/>
    </row>
    <row r="693472" spans="8:8">
      <c r="H693472" s="12"/>
    </row>
    <row r="693473" spans="8:8">
      <c r="H693473" s="12"/>
    </row>
    <row r="693474" spans="8:8">
      <c r="H693474" s="12"/>
    </row>
    <row r="693475" spans="8:8">
      <c r="H693475" s="12"/>
    </row>
    <row r="693476" spans="8:8">
      <c r="H693476" s="12"/>
    </row>
    <row r="693477" spans="8:8">
      <c r="H693477" s="12"/>
    </row>
    <row r="693478" spans="8:8">
      <c r="H693478" s="12"/>
    </row>
    <row r="693479" spans="8:8">
      <c r="H693479" s="12"/>
    </row>
    <row r="693480" spans="8:8">
      <c r="H693480" s="12"/>
    </row>
    <row r="693481" spans="8:8">
      <c r="H693481" s="12"/>
    </row>
    <row r="693482" spans="8:8">
      <c r="H693482" s="12"/>
    </row>
    <row r="693483" spans="8:8">
      <c r="H693483" s="12"/>
    </row>
    <row r="693484" spans="8:8">
      <c r="H693484" s="12"/>
    </row>
    <row r="693485" spans="8:8">
      <c r="H693485" s="12"/>
    </row>
    <row r="693486" spans="8:8">
      <c r="H693486" s="12"/>
    </row>
    <row r="693487" spans="8:8">
      <c r="H693487" s="12"/>
    </row>
    <row r="693488" spans="8:8">
      <c r="H693488" s="12"/>
    </row>
    <row r="693489" spans="8:8">
      <c r="H693489" s="12"/>
    </row>
    <row r="693490" spans="8:8">
      <c r="H693490" s="12"/>
    </row>
    <row r="693491" spans="8:8">
      <c r="H693491" s="12"/>
    </row>
    <row r="693492" spans="8:8">
      <c r="H693492" s="12"/>
    </row>
    <row r="693493" spans="8:8">
      <c r="H693493" s="12"/>
    </row>
    <row r="693494" spans="8:8">
      <c r="H693494" s="12"/>
    </row>
    <row r="693495" spans="8:8">
      <c r="H693495" s="12"/>
    </row>
    <row r="693496" spans="8:8">
      <c r="H693496" s="12"/>
    </row>
    <row r="693497" spans="8:8">
      <c r="H693497" s="12"/>
    </row>
    <row r="693498" spans="8:8">
      <c r="H693498" s="12"/>
    </row>
    <row r="693499" spans="8:8">
      <c r="H693499" s="12"/>
    </row>
    <row r="693500" spans="8:8">
      <c r="H693500" s="12"/>
    </row>
    <row r="693501" spans="8:8">
      <c r="H693501" s="12"/>
    </row>
    <row r="693502" spans="8:8">
      <c r="H693502" s="12"/>
    </row>
    <row r="693503" spans="8:8">
      <c r="H693503" s="12"/>
    </row>
    <row r="693504" spans="8:8">
      <c r="H693504" s="12"/>
    </row>
    <row r="693505" spans="8:8">
      <c r="H693505" s="12"/>
    </row>
    <row r="693506" spans="8:8">
      <c r="H693506" s="12"/>
    </row>
    <row r="693507" spans="8:8">
      <c r="H693507" s="12"/>
    </row>
    <row r="693508" spans="8:8">
      <c r="H693508" s="12"/>
    </row>
    <row r="693509" spans="8:8">
      <c r="H693509" s="12"/>
    </row>
    <row r="693510" spans="8:8">
      <c r="H693510" s="12"/>
    </row>
    <row r="693511" spans="8:8">
      <c r="H693511" s="12"/>
    </row>
    <row r="693512" spans="8:8">
      <c r="H693512" s="12"/>
    </row>
    <row r="693513" spans="8:8">
      <c r="H693513" s="12"/>
    </row>
    <row r="693514" spans="8:8">
      <c r="H693514" s="12"/>
    </row>
    <row r="693515" spans="8:8">
      <c r="H693515" s="12"/>
    </row>
    <row r="693516" spans="8:8">
      <c r="H693516" s="12"/>
    </row>
    <row r="693517" spans="8:8">
      <c r="H693517" s="12"/>
    </row>
    <row r="693518" spans="8:8">
      <c r="H693518" s="12"/>
    </row>
    <row r="693519" spans="8:8">
      <c r="H693519" s="12"/>
    </row>
    <row r="693520" spans="8:8">
      <c r="H693520" s="12"/>
    </row>
    <row r="693521" spans="8:8">
      <c r="H693521" s="12"/>
    </row>
    <row r="693522" spans="8:8">
      <c r="H693522" s="12"/>
    </row>
    <row r="693523" spans="8:8">
      <c r="H693523" s="12"/>
    </row>
    <row r="693524" spans="8:8">
      <c r="H693524" s="12"/>
    </row>
    <row r="693525" spans="8:8">
      <c r="H693525" s="12"/>
    </row>
    <row r="693526" spans="8:8">
      <c r="H693526" s="12"/>
    </row>
    <row r="693527" spans="8:8">
      <c r="H693527" s="12"/>
    </row>
    <row r="693528" spans="8:8">
      <c r="H693528" s="12"/>
    </row>
    <row r="693529" spans="8:8">
      <c r="H693529" s="12"/>
    </row>
    <row r="693530" spans="8:8">
      <c r="H693530" s="12"/>
    </row>
    <row r="693531" spans="8:8">
      <c r="H693531" s="12"/>
    </row>
    <row r="693532" spans="8:8">
      <c r="H693532" s="12"/>
    </row>
    <row r="693533" spans="8:8">
      <c r="H693533" s="12"/>
    </row>
    <row r="693534" spans="8:8">
      <c r="H693534" s="12"/>
    </row>
    <row r="693535" spans="8:8">
      <c r="H693535" s="12"/>
    </row>
    <row r="693536" spans="8:8">
      <c r="H693536" s="12"/>
    </row>
    <row r="693537" spans="8:8">
      <c r="H693537" s="12"/>
    </row>
    <row r="693538" spans="8:8">
      <c r="H693538" s="12"/>
    </row>
    <row r="693539" spans="8:8">
      <c r="H693539" s="12"/>
    </row>
    <row r="693540" spans="8:8">
      <c r="H693540" s="12"/>
    </row>
    <row r="693541" spans="8:8">
      <c r="H693541" s="12"/>
    </row>
    <row r="693542" spans="8:8">
      <c r="H693542" s="12"/>
    </row>
    <row r="693543" spans="8:8">
      <c r="H693543" s="12"/>
    </row>
    <row r="693544" spans="8:8">
      <c r="H693544" s="12"/>
    </row>
    <row r="693545" spans="8:8">
      <c r="H693545" s="12"/>
    </row>
    <row r="693546" spans="8:8">
      <c r="H693546" s="12"/>
    </row>
    <row r="693547" spans="8:8">
      <c r="H693547" s="12"/>
    </row>
    <row r="693548" spans="8:8">
      <c r="H693548" s="12"/>
    </row>
    <row r="693549" spans="8:8">
      <c r="H693549" s="12"/>
    </row>
    <row r="693550" spans="8:8">
      <c r="H693550" s="12"/>
    </row>
    <row r="693551" spans="8:8">
      <c r="H693551" s="12"/>
    </row>
    <row r="693552" spans="8:8">
      <c r="H693552" s="12"/>
    </row>
    <row r="693553" spans="8:8">
      <c r="H693553" s="12"/>
    </row>
    <row r="693554" spans="8:8">
      <c r="H693554" s="12"/>
    </row>
    <row r="693555" spans="8:8">
      <c r="H693555" s="12"/>
    </row>
    <row r="693556" spans="8:8">
      <c r="H693556" s="12"/>
    </row>
    <row r="693557" spans="8:8">
      <c r="H693557" s="12"/>
    </row>
    <row r="693558" spans="8:8">
      <c r="H693558" s="12"/>
    </row>
    <row r="693559" spans="8:8">
      <c r="H693559" s="12"/>
    </row>
    <row r="693560" spans="8:8">
      <c r="H693560" s="12"/>
    </row>
    <row r="693561" spans="8:8">
      <c r="H693561" s="12"/>
    </row>
    <row r="693562" spans="8:8">
      <c r="H693562" s="12"/>
    </row>
    <row r="693563" spans="8:8">
      <c r="H693563" s="12"/>
    </row>
    <row r="693564" spans="8:8">
      <c r="H693564" s="12"/>
    </row>
    <row r="693565" spans="8:8">
      <c r="H693565" s="12"/>
    </row>
    <row r="693566" spans="8:8">
      <c r="H693566" s="12"/>
    </row>
    <row r="693567" spans="8:8">
      <c r="H693567" s="12"/>
    </row>
    <row r="693568" spans="8:8">
      <c r="H693568" s="12"/>
    </row>
    <row r="693569" spans="8:8">
      <c r="H693569" s="12"/>
    </row>
    <row r="693570" spans="8:8">
      <c r="H693570" s="12"/>
    </row>
    <row r="693571" spans="8:8">
      <c r="H693571" s="12"/>
    </row>
    <row r="693572" spans="8:8">
      <c r="H693572" s="12"/>
    </row>
    <row r="693573" spans="8:8">
      <c r="H693573" s="12"/>
    </row>
    <row r="693574" spans="8:8">
      <c r="H693574" s="12"/>
    </row>
    <row r="693575" spans="8:8">
      <c r="H693575" s="12"/>
    </row>
    <row r="693576" spans="8:8">
      <c r="H693576" s="12"/>
    </row>
    <row r="693577" spans="8:8">
      <c r="H693577" s="12"/>
    </row>
    <row r="693578" spans="8:8">
      <c r="H693578" s="12"/>
    </row>
    <row r="693579" spans="8:8">
      <c r="H693579" s="12"/>
    </row>
    <row r="693580" spans="8:8">
      <c r="H693580" s="12"/>
    </row>
    <row r="693581" spans="8:8">
      <c r="H693581" s="12"/>
    </row>
    <row r="693582" spans="8:8">
      <c r="H693582" s="12"/>
    </row>
    <row r="693583" spans="8:8">
      <c r="H693583" s="12"/>
    </row>
    <row r="693584" spans="8:8">
      <c r="H693584" s="12"/>
    </row>
    <row r="693585" spans="8:8">
      <c r="H693585" s="12"/>
    </row>
    <row r="693586" spans="8:8">
      <c r="H693586" s="12"/>
    </row>
    <row r="693587" spans="8:8">
      <c r="H693587" s="12"/>
    </row>
    <row r="693588" spans="8:8">
      <c r="H693588" s="12"/>
    </row>
    <row r="693589" spans="8:8">
      <c r="H693589" s="12"/>
    </row>
    <row r="693590" spans="8:8">
      <c r="H693590" s="12"/>
    </row>
    <row r="693591" spans="8:8">
      <c r="H693591" s="12"/>
    </row>
    <row r="693592" spans="8:8">
      <c r="H693592" s="12"/>
    </row>
    <row r="693593" spans="8:8">
      <c r="H693593" s="12"/>
    </row>
    <row r="693594" spans="8:8">
      <c r="H693594" s="12"/>
    </row>
    <row r="693595" spans="8:8">
      <c r="H693595" s="12"/>
    </row>
    <row r="693596" spans="8:8">
      <c r="H693596" s="12"/>
    </row>
    <row r="693597" spans="8:8">
      <c r="H693597" s="12"/>
    </row>
    <row r="693598" spans="8:8">
      <c r="H693598" s="12"/>
    </row>
    <row r="693599" spans="8:8">
      <c r="H693599" s="12"/>
    </row>
    <row r="693600" spans="8:8">
      <c r="H693600" s="12"/>
    </row>
    <row r="693601" spans="8:8">
      <c r="H693601" s="12"/>
    </row>
    <row r="693602" spans="8:8">
      <c r="H693602" s="12"/>
    </row>
    <row r="693603" spans="8:8">
      <c r="H693603" s="12"/>
    </row>
    <row r="693604" spans="8:8">
      <c r="H693604" s="12"/>
    </row>
    <row r="693605" spans="8:8">
      <c r="H693605" s="12"/>
    </row>
    <row r="693606" spans="8:8">
      <c r="H693606" s="12"/>
    </row>
    <row r="693607" spans="8:8">
      <c r="H693607" s="12"/>
    </row>
    <row r="693608" spans="8:8">
      <c r="H693608" s="12"/>
    </row>
    <row r="693609" spans="8:8">
      <c r="H693609" s="12"/>
    </row>
    <row r="693610" spans="8:8">
      <c r="H693610" s="12"/>
    </row>
    <row r="693611" spans="8:8">
      <c r="H693611" s="12"/>
    </row>
    <row r="693612" spans="8:8">
      <c r="H693612" s="12"/>
    </row>
    <row r="693613" spans="8:8">
      <c r="H693613" s="12"/>
    </row>
    <row r="693614" spans="8:8">
      <c r="H693614" s="12"/>
    </row>
    <row r="693615" spans="8:8">
      <c r="H693615" s="12"/>
    </row>
    <row r="693616" spans="8:8">
      <c r="H693616" s="12"/>
    </row>
    <row r="693617" spans="8:8">
      <c r="H693617" s="12"/>
    </row>
    <row r="693618" spans="8:8">
      <c r="H693618" s="12"/>
    </row>
    <row r="693619" spans="8:8">
      <c r="H693619" s="12"/>
    </row>
    <row r="693620" spans="8:8">
      <c r="H693620" s="12"/>
    </row>
    <row r="693621" spans="8:8">
      <c r="H693621" s="12"/>
    </row>
    <row r="693622" spans="8:8">
      <c r="H693622" s="12"/>
    </row>
    <row r="693623" spans="8:8">
      <c r="H693623" s="12"/>
    </row>
    <row r="693624" spans="8:8">
      <c r="H693624" s="12"/>
    </row>
    <row r="693625" spans="8:8">
      <c r="H693625" s="12"/>
    </row>
    <row r="693626" spans="8:8">
      <c r="H693626" s="12"/>
    </row>
    <row r="693627" spans="8:8">
      <c r="H693627" s="12"/>
    </row>
    <row r="693628" spans="8:8">
      <c r="H693628" s="12"/>
    </row>
    <row r="693629" spans="8:8">
      <c r="H693629" s="12"/>
    </row>
    <row r="693630" spans="8:8">
      <c r="H693630" s="12"/>
    </row>
    <row r="693631" spans="8:8">
      <c r="H693631" s="12"/>
    </row>
    <row r="693632" spans="8:8">
      <c r="H693632" s="12"/>
    </row>
    <row r="693633" spans="8:8">
      <c r="H693633" s="12"/>
    </row>
    <row r="693634" spans="8:8">
      <c r="H693634" s="12"/>
    </row>
    <row r="693635" spans="8:8">
      <c r="H693635" s="12"/>
    </row>
    <row r="693636" spans="8:8">
      <c r="H693636" s="12"/>
    </row>
    <row r="693637" spans="8:8">
      <c r="H693637" s="12"/>
    </row>
    <row r="693638" spans="8:8">
      <c r="H693638" s="12"/>
    </row>
    <row r="693639" spans="8:8">
      <c r="H693639" s="12"/>
    </row>
    <row r="693640" spans="8:8">
      <c r="H693640" s="12"/>
    </row>
    <row r="693641" spans="8:8">
      <c r="H693641" s="12"/>
    </row>
    <row r="693642" spans="8:8">
      <c r="H693642" s="12"/>
    </row>
    <row r="693643" spans="8:8">
      <c r="H693643" s="12"/>
    </row>
    <row r="693644" spans="8:8">
      <c r="H693644" s="12"/>
    </row>
    <row r="693645" spans="8:8">
      <c r="H693645" s="12"/>
    </row>
    <row r="693646" spans="8:8">
      <c r="H693646" s="12"/>
    </row>
    <row r="693647" spans="8:8">
      <c r="H693647" s="12"/>
    </row>
    <row r="693648" spans="8:8">
      <c r="H693648" s="12"/>
    </row>
    <row r="693649" spans="8:8">
      <c r="H693649" s="12"/>
    </row>
    <row r="693650" spans="8:8">
      <c r="H693650" s="12"/>
    </row>
    <row r="693651" spans="8:8">
      <c r="H693651" s="12"/>
    </row>
    <row r="693652" spans="8:8">
      <c r="H693652" s="12"/>
    </row>
    <row r="693653" spans="8:8">
      <c r="H693653" s="12"/>
    </row>
    <row r="693654" spans="8:8">
      <c r="H693654" s="12"/>
    </row>
    <row r="693655" spans="8:8">
      <c r="H693655" s="12"/>
    </row>
    <row r="693656" spans="8:8">
      <c r="H693656" s="12"/>
    </row>
    <row r="693657" spans="8:8">
      <c r="H693657" s="12"/>
    </row>
    <row r="693658" spans="8:8">
      <c r="H693658" s="12"/>
    </row>
    <row r="693659" spans="8:8">
      <c r="H693659" s="12"/>
    </row>
    <row r="693660" spans="8:8">
      <c r="H693660" s="12"/>
    </row>
    <row r="693661" spans="8:8">
      <c r="H693661" s="12"/>
    </row>
    <row r="693662" spans="8:8">
      <c r="H693662" s="12"/>
    </row>
    <row r="693663" spans="8:8">
      <c r="H693663" s="12"/>
    </row>
    <row r="693664" spans="8:8">
      <c r="H693664" s="12"/>
    </row>
    <row r="693665" spans="8:8">
      <c r="H693665" s="12"/>
    </row>
    <row r="693666" spans="8:8">
      <c r="H693666" s="12"/>
    </row>
    <row r="693667" spans="8:8">
      <c r="H693667" s="12"/>
    </row>
    <row r="693668" spans="8:8">
      <c r="H693668" s="12"/>
    </row>
    <row r="693669" spans="8:8">
      <c r="H693669" s="12"/>
    </row>
    <row r="693670" spans="8:8">
      <c r="H693670" s="12"/>
    </row>
    <row r="693671" spans="8:8">
      <c r="H693671" s="12"/>
    </row>
    <row r="693672" spans="8:8">
      <c r="H693672" s="12"/>
    </row>
    <row r="693673" spans="8:8">
      <c r="H693673" s="12"/>
    </row>
    <row r="693674" spans="8:8">
      <c r="H693674" s="12"/>
    </row>
    <row r="693675" spans="8:8">
      <c r="H693675" s="12"/>
    </row>
    <row r="693676" spans="8:8">
      <c r="H693676" s="12"/>
    </row>
    <row r="693677" spans="8:8">
      <c r="H693677" s="12"/>
    </row>
    <row r="693678" spans="8:8">
      <c r="H693678" s="12"/>
    </row>
    <row r="693679" spans="8:8">
      <c r="H693679" s="12"/>
    </row>
    <row r="693680" spans="8:8">
      <c r="H693680" s="12"/>
    </row>
    <row r="693681" spans="8:8">
      <c r="H693681" s="12"/>
    </row>
    <row r="693682" spans="8:8">
      <c r="H693682" s="12"/>
    </row>
    <row r="693683" spans="8:8">
      <c r="H693683" s="12"/>
    </row>
    <row r="693684" spans="8:8">
      <c r="H693684" s="12"/>
    </row>
    <row r="693685" spans="8:8">
      <c r="H693685" s="12"/>
    </row>
    <row r="693686" spans="8:8">
      <c r="H693686" s="12"/>
    </row>
    <row r="693687" spans="8:8">
      <c r="H693687" s="12"/>
    </row>
    <row r="693688" spans="8:8">
      <c r="H693688" s="12"/>
    </row>
    <row r="693689" spans="8:8">
      <c r="H693689" s="12"/>
    </row>
    <row r="693690" spans="8:8">
      <c r="H693690" s="12"/>
    </row>
    <row r="693691" spans="8:8">
      <c r="H693691" s="12"/>
    </row>
    <row r="693692" spans="8:8">
      <c r="H693692" s="12"/>
    </row>
    <row r="693693" spans="8:8">
      <c r="H693693" s="12"/>
    </row>
    <row r="693694" spans="8:8">
      <c r="H693694" s="12"/>
    </row>
    <row r="693695" spans="8:8">
      <c r="H693695" s="12"/>
    </row>
    <row r="693696" spans="8:8">
      <c r="H693696" s="12"/>
    </row>
    <row r="693697" spans="8:8">
      <c r="H693697" s="12"/>
    </row>
    <row r="693698" spans="8:8">
      <c r="H693698" s="12"/>
    </row>
    <row r="693699" spans="8:8">
      <c r="H693699" s="12"/>
    </row>
    <row r="693700" spans="8:8">
      <c r="H693700" s="12"/>
    </row>
    <row r="693701" spans="8:8">
      <c r="H693701" s="12"/>
    </row>
    <row r="693702" spans="8:8">
      <c r="H693702" s="12"/>
    </row>
    <row r="693703" spans="8:8">
      <c r="H693703" s="12"/>
    </row>
    <row r="693704" spans="8:8">
      <c r="H693704" s="12"/>
    </row>
    <row r="693705" spans="8:8">
      <c r="H693705" s="12"/>
    </row>
    <row r="693706" spans="8:8">
      <c r="H693706" s="12"/>
    </row>
    <row r="693707" spans="8:8">
      <c r="H693707" s="12"/>
    </row>
    <row r="693708" spans="8:8">
      <c r="H693708" s="12"/>
    </row>
    <row r="693709" spans="8:8">
      <c r="H693709" s="12"/>
    </row>
    <row r="693710" spans="8:8">
      <c r="H693710" s="12"/>
    </row>
    <row r="693711" spans="8:8">
      <c r="H693711" s="12"/>
    </row>
    <row r="693712" spans="8:8">
      <c r="H693712" s="12"/>
    </row>
    <row r="693713" spans="8:8">
      <c r="H693713" s="12"/>
    </row>
    <row r="693714" spans="8:8">
      <c r="H693714" s="12"/>
    </row>
    <row r="693715" spans="8:8">
      <c r="H693715" s="12"/>
    </row>
    <row r="693716" spans="8:8">
      <c r="H693716" s="12"/>
    </row>
    <row r="693717" spans="8:8">
      <c r="H693717" s="12"/>
    </row>
    <row r="693718" spans="8:8">
      <c r="H693718" s="12"/>
    </row>
    <row r="693719" spans="8:8">
      <c r="H693719" s="12"/>
    </row>
    <row r="693720" spans="8:8">
      <c r="H693720" s="12"/>
    </row>
    <row r="693721" spans="8:8">
      <c r="H693721" s="12"/>
    </row>
    <row r="693722" spans="8:8">
      <c r="H693722" s="12"/>
    </row>
    <row r="693723" spans="8:8">
      <c r="H693723" s="12"/>
    </row>
    <row r="693724" spans="8:8">
      <c r="H693724" s="12"/>
    </row>
    <row r="693725" spans="8:8">
      <c r="H693725" s="12"/>
    </row>
    <row r="693726" spans="8:8">
      <c r="H693726" s="12"/>
    </row>
    <row r="693727" spans="8:8">
      <c r="H693727" s="12"/>
    </row>
    <row r="693728" spans="8:8">
      <c r="H693728" s="12"/>
    </row>
    <row r="693729" spans="8:8">
      <c r="H693729" s="12"/>
    </row>
    <row r="693730" spans="8:8">
      <c r="H693730" s="12"/>
    </row>
    <row r="693731" spans="8:8">
      <c r="H693731" s="12"/>
    </row>
    <row r="693732" spans="8:8">
      <c r="H693732" s="12"/>
    </row>
    <row r="693733" spans="8:8">
      <c r="H693733" s="12"/>
    </row>
    <row r="693734" spans="8:8">
      <c r="H693734" s="12"/>
    </row>
    <row r="693735" spans="8:8">
      <c r="H693735" s="12"/>
    </row>
    <row r="693736" spans="8:8">
      <c r="H693736" s="12"/>
    </row>
    <row r="693737" spans="8:8">
      <c r="H693737" s="12"/>
    </row>
    <row r="693738" spans="8:8">
      <c r="H693738" s="12"/>
    </row>
    <row r="693739" spans="8:8">
      <c r="H693739" s="12"/>
    </row>
    <row r="693740" spans="8:8">
      <c r="H693740" s="12"/>
    </row>
    <row r="693741" spans="8:8">
      <c r="H693741" s="12"/>
    </row>
    <row r="693742" spans="8:8">
      <c r="H693742" s="12"/>
    </row>
    <row r="693743" spans="8:8">
      <c r="H693743" s="12"/>
    </row>
    <row r="693744" spans="8:8">
      <c r="H693744" s="12"/>
    </row>
    <row r="693745" spans="8:8">
      <c r="H693745" s="12"/>
    </row>
    <row r="693746" spans="8:8">
      <c r="H693746" s="12"/>
    </row>
    <row r="693747" spans="8:8">
      <c r="H693747" s="12"/>
    </row>
    <row r="693748" spans="8:8">
      <c r="H693748" s="12"/>
    </row>
    <row r="693749" spans="8:8">
      <c r="H693749" s="12"/>
    </row>
    <row r="693750" spans="8:8">
      <c r="H693750" s="12"/>
    </row>
    <row r="693751" spans="8:8">
      <c r="H693751" s="12"/>
    </row>
    <row r="693752" spans="8:8">
      <c r="H693752" s="12"/>
    </row>
    <row r="693753" spans="8:8">
      <c r="H693753" s="12"/>
    </row>
    <row r="693754" spans="8:8">
      <c r="H693754" s="12"/>
    </row>
    <row r="693755" spans="8:8">
      <c r="H693755" s="12"/>
    </row>
    <row r="693756" spans="8:8">
      <c r="H693756" s="12"/>
    </row>
    <row r="693757" spans="8:8">
      <c r="H693757" s="12"/>
    </row>
    <row r="693758" spans="8:8">
      <c r="H693758" s="12"/>
    </row>
    <row r="693759" spans="8:8">
      <c r="H693759" s="12"/>
    </row>
    <row r="693760" spans="8:8">
      <c r="H693760" s="12"/>
    </row>
    <row r="693761" spans="8:8">
      <c r="H693761" s="12"/>
    </row>
    <row r="693762" spans="8:8">
      <c r="H693762" s="12"/>
    </row>
    <row r="693763" spans="8:8">
      <c r="H693763" s="12"/>
    </row>
    <row r="693764" spans="8:8">
      <c r="H693764" s="12"/>
    </row>
    <row r="693765" spans="8:8">
      <c r="H693765" s="12"/>
    </row>
    <row r="693766" spans="8:8">
      <c r="H693766" s="12"/>
    </row>
    <row r="693767" spans="8:8">
      <c r="H693767" s="12"/>
    </row>
    <row r="693768" spans="8:8">
      <c r="H693768" s="12"/>
    </row>
    <row r="693769" spans="8:8">
      <c r="H693769" s="12"/>
    </row>
    <row r="693770" spans="8:8">
      <c r="H693770" s="12"/>
    </row>
    <row r="693771" spans="8:8">
      <c r="H693771" s="12"/>
    </row>
    <row r="693772" spans="8:8">
      <c r="H693772" s="12"/>
    </row>
    <row r="693773" spans="8:8">
      <c r="H693773" s="12"/>
    </row>
    <row r="693774" spans="8:8">
      <c r="H693774" s="12"/>
    </row>
    <row r="693775" spans="8:8">
      <c r="H693775" s="12"/>
    </row>
    <row r="693776" spans="8:8">
      <c r="H693776" s="12"/>
    </row>
    <row r="693777" spans="8:8">
      <c r="H693777" s="12"/>
    </row>
    <row r="693778" spans="8:8">
      <c r="H693778" s="12"/>
    </row>
    <row r="693779" spans="8:8">
      <c r="H693779" s="12"/>
    </row>
    <row r="693780" spans="8:8">
      <c r="H693780" s="12"/>
    </row>
    <row r="693781" spans="8:8">
      <c r="H693781" s="12"/>
    </row>
    <row r="693782" spans="8:8">
      <c r="H693782" s="12"/>
    </row>
    <row r="693783" spans="8:8">
      <c r="H693783" s="12"/>
    </row>
    <row r="693784" spans="8:8">
      <c r="H693784" s="12"/>
    </row>
    <row r="693785" spans="8:8">
      <c r="H693785" s="12"/>
    </row>
    <row r="693786" spans="8:8">
      <c r="H693786" s="12"/>
    </row>
    <row r="693787" spans="8:8">
      <c r="H693787" s="12"/>
    </row>
    <row r="693788" spans="8:8">
      <c r="H693788" s="12"/>
    </row>
    <row r="693789" spans="8:8">
      <c r="H693789" s="12"/>
    </row>
    <row r="693790" spans="8:8">
      <c r="H693790" s="12"/>
    </row>
    <row r="693791" spans="8:8">
      <c r="H693791" s="12"/>
    </row>
    <row r="693792" spans="8:8">
      <c r="H693792" s="12"/>
    </row>
    <row r="693793" spans="8:8">
      <c r="H693793" s="12"/>
    </row>
    <row r="693794" spans="8:8">
      <c r="H693794" s="12"/>
    </row>
    <row r="693795" spans="8:8">
      <c r="H693795" s="12"/>
    </row>
    <row r="693796" spans="8:8">
      <c r="H693796" s="12"/>
    </row>
    <row r="693797" spans="8:8">
      <c r="H693797" s="12"/>
    </row>
    <row r="693798" spans="8:8">
      <c r="H693798" s="12"/>
    </row>
    <row r="693799" spans="8:8">
      <c r="H693799" s="12"/>
    </row>
    <row r="693800" spans="8:8">
      <c r="H693800" s="12"/>
    </row>
    <row r="693801" spans="8:8">
      <c r="H693801" s="12"/>
    </row>
    <row r="693802" spans="8:8">
      <c r="H693802" s="12"/>
    </row>
    <row r="693803" spans="8:8">
      <c r="H693803" s="12"/>
    </row>
    <row r="693804" spans="8:8">
      <c r="H693804" s="12"/>
    </row>
    <row r="693805" spans="8:8">
      <c r="H693805" s="12"/>
    </row>
    <row r="693806" spans="8:8">
      <c r="H693806" s="12"/>
    </row>
    <row r="693807" spans="8:8">
      <c r="H693807" s="12"/>
    </row>
    <row r="693808" spans="8:8">
      <c r="H693808" s="12"/>
    </row>
    <row r="693809" spans="8:8">
      <c r="H693809" s="12"/>
    </row>
    <row r="693810" spans="8:8">
      <c r="H693810" s="12"/>
    </row>
    <row r="693811" spans="8:8">
      <c r="H693811" s="12"/>
    </row>
    <row r="693812" spans="8:8">
      <c r="H693812" s="12"/>
    </row>
    <row r="693813" spans="8:8">
      <c r="H693813" s="12"/>
    </row>
    <row r="693814" spans="8:8">
      <c r="H693814" s="12"/>
    </row>
    <row r="693815" spans="8:8">
      <c r="H693815" s="12"/>
    </row>
    <row r="693816" spans="8:8">
      <c r="H693816" s="12"/>
    </row>
    <row r="693817" spans="8:8">
      <c r="H693817" s="12"/>
    </row>
    <row r="693818" spans="8:8">
      <c r="H693818" s="12"/>
    </row>
    <row r="693819" spans="8:8">
      <c r="H693819" s="12"/>
    </row>
    <row r="693820" spans="8:8">
      <c r="H693820" s="12"/>
    </row>
    <row r="693821" spans="8:8">
      <c r="H693821" s="12"/>
    </row>
    <row r="693822" spans="8:8">
      <c r="H693822" s="12"/>
    </row>
    <row r="693823" spans="8:8">
      <c r="H693823" s="12"/>
    </row>
    <row r="693824" spans="8:8">
      <c r="H693824" s="12"/>
    </row>
    <row r="693825" spans="8:8">
      <c r="H693825" s="12"/>
    </row>
    <row r="693826" spans="8:8">
      <c r="H693826" s="12"/>
    </row>
    <row r="693827" spans="8:8">
      <c r="H693827" s="12"/>
    </row>
    <row r="693828" spans="8:8">
      <c r="H693828" s="12"/>
    </row>
    <row r="693829" spans="8:8">
      <c r="H693829" s="12"/>
    </row>
    <row r="693830" spans="8:8">
      <c r="H693830" s="12"/>
    </row>
    <row r="693831" spans="8:8">
      <c r="H693831" s="12"/>
    </row>
    <row r="693832" spans="8:8">
      <c r="H693832" s="12"/>
    </row>
    <row r="693833" spans="8:8">
      <c r="H693833" s="12"/>
    </row>
    <row r="693834" spans="8:8">
      <c r="H693834" s="12"/>
    </row>
    <row r="693835" spans="8:8">
      <c r="H693835" s="12"/>
    </row>
    <row r="693836" spans="8:8">
      <c r="H693836" s="12"/>
    </row>
    <row r="693837" spans="8:8">
      <c r="H693837" s="12"/>
    </row>
    <row r="693838" spans="8:8">
      <c r="H693838" s="12"/>
    </row>
    <row r="693839" spans="8:8">
      <c r="H693839" s="12"/>
    </row>
    <row r="693840" spans="8:8">
      <c r="H693840" s="12"/>
    </row>
    <row r="693841" spans="8:8">
      <c r="H693841" s="12"/>
    </row>
    <row r="693842" spans="8:8">
      <c r="H693842" s="12"/>
    </row>
    <row r="693843" spans="8:8">
      <c r="H693843" s="12"/>
    </row>
    <row r="693844" spans="8:8">
      <c r="H693844" s="12"/>
    </row>
    <row r="693845" spans="8:8">
      <c r="H693845" s="12"/>
    </row>
    <row r="693846" spans="8:8">
      <c r="H693846" s="12"/>
    </row>
    <row r="693847" spans="8:8">
      <c r="H693847" s="12"/>
    </row>
    <row r="693848" spans="8:8">
      <c r="H693848" s="12"/>
    </row>
    <row r="693849" spans="8:8">
      <c r="H693849" s="12"/>
    </row>
    <row r="693850" spans="8:8">
      <c r="H693850" s="12"/>
    </row>
    <row r="693851" spans="8:8">
      <c r="H693851" s="12"/>
    </row>
    <row r="693852" spans="8:8">
      <c r="H693852" s="12"/>
    </row>
    <row r="693853" spans="8:8">
      <c r="H693853" s="12"/>
    </row>
    <row r="693854" spans="8:8">
      <c r="H693854" s="12"/>
    </row>
    <row r="693855" spans="8:8">
      <c r="H693855" s="12"/>
    </row>
    <row r="693856" spans="8:8">
      <c r="H693856" s="12"/>
    </row>
    <row r="693857" spans="8:8">
      <c r="H693857" s="12"/>
    </row>
    <row r="693858" spans="8:8">
      <c r="H693858" s="12"/>
    </row>
    <row r="693859" spans="8:8">
      <c r="H693859" s="12"/>
    </row>
    <row r="693860" spans="8:8">
      <c r="H693860" s="12"/>
    </row>
    <row r="693861" spans="8:8">
      <c r="H693861" s="12"/>
    </row>
    <row r="693862" spans="8:8">
      <c r="H693862" s="12"/>
    </row>
    <row r="693863" spans="8:8">
      <c r="H693863" s="12"/>
    </row>
    <row r="693864" spans="8:8">
      <c r="H693864" s="12"/>
    </row>
    <row r="693865" spans="8:8">
      <c r="H693865" s="12"/>
    </row>
    <row r="693866" spans="8:8">
      <c r="H693866" s="12"/>
    </row>
    <row r="693867" spans="8:8">
      <c r="H693867" s="12"/>
    </row>
    <row r="693868" spans="8:8">
      <c r="H693868" s="12"/>
    </row>
    <row r="693869" spans="8:8">
      <c r="H693869" s="12"/>
    </row>
    <row r="693870" spans="8:8">
      <c r="H693870" s="12"/>
    </row>
    <row r="693871" spans="8:8">
      <c r="H693871" s="12"/>
    </row>
    <row r="693872" spans="8:8">
      <c r="H693872" s="12"/>
    </row>
    <row r="693873" spans="8:8">
      <c r="H693873" s="12"/>
    </row>
    <row r="693874" spans="8:8">
      <c r="H693874" s="12"/>
    </row>
    <row r="693875" spans="8:8">
      <c r="H693875" s="12"/>
    </row>
    <row r="693876" spans="8:8">
      <c r="H693876" s="12"/>
    </row>
    <row r="693877" spans="8:8">
      <c r="H693877" s="12"/>
    </row>
    <row r="693878" spans="8:8">
      <c r="H693878" s="12"/>
    </row>
    <row r="693879" spans="8:8">
      <c r="H693879" s="12"/>
    </row>
    <row r="693880" spans="8:8">
      <c r="H693880" s="12"/>
    </row>
    <row r="693881" spans="8:8">
      <c r="H693881" s="12"/>
    </row>
    <row r="693882" spans="8:8">
      <c r="H693882" s="12"/>
    </row>
    <row r="693883" spans="8:8">
      <c r="H693883" s="12"/>
    </row>
    <row r="693884" spans="8:8">
      <c r="H693884" s="12"/>
    </row>
    <row r="693885" spans="8:8">
      <c r="H693885" s="12"/>
    </row>
    <row r="693886" spans="8:8">
      <c r="H693886" s="12"/>
    </row>
    <row r="693887" spans="8:8">
      <c r="H693887" s="12"/>
    </row>
    <row r="693888" spans="8:8">
      <c r="H693888" s="12"/>
    </row>
    <row r="693889" spans="8:8">
      <c r="H693889" s="12"/>
    </row>
    <row r="693890" spans="8:8">
      <c r="H693890" s="12"/>
    </row>
    <row r="693891" spans="8:8">
      <c r="H693891" s="12"/>
    </row>
    <row r="693892" spans="8:8">
      <c r="H693892" s="12"/>
    </row>
    <row r="693893" spans="8:8">
      <c r="H693893" s="12"/>
    </row>
    <row r="693894" spans="8:8">
      <c r="H693894" s="12"/>
    </row>
    <row r="693895" spans="8:8">
      <c r="H693895" s="12"/>
    </row>
    <row r="693896" spans="8:8">
      <c r="H693896" s="12"/>
    </row>
    <row r="693897" spans="8:8">
      <c r="H693897" s="12"/>
    </row>
    <row r="693898" spans="8:8">
      <c r="H693898" s="12"/>
    </row>
    <row r="693899" spans="8:8">
      <c r="H693899" s="12"/>
    </row>
    <row r="693900" spans="8:8">
      <c r="H693900" s="12"/>
    </row>
    <row r="693901" spans="8:8">
      <c r="H693901" s="12"/>
    </row>
    <row r="693902" spans="8:8">
      <c r="H693902" s="12"/>
    </row>
    <row r="693903" spans="8:8">
      <c r="H693903" s="12"/>
    </row>
    <row r="693904" spans="8:8">
      <c r="H693904" s="12"/>
    </row>
    <row r="693905" spans="8:8">
      <c r="H693905" s="12"/>
    </row>
    <row r="693906" spans="8:8">
      <c r="H693906" s="12"/>
    </row>
    <row r="693907" spans="8:8">
      <c r="H693907" s="12"/>
    </row>
    <row r="693908" spans="8:8">
      <c r="H693908" s="12"/>
    </row>
    <row r="693909" spans="8:8">
      <c r="H693909" s="12"/>
    </row>
    <row r="693910" spans="8:8">
      <c r="H693910" s="12"/>
    </row>
    <row r="693911" spans="8:8">
      <c r="H693911" s="12"/>
    </row>
    <row r="693912" spans="8:8">
      <c r="H693912" s="12"/>
    </row>
    <row r="693913" spans="8:8">
      <c r="H693913" s="12"/>
    </row>
    <row r="693914" spans="8:8">
      <c r="H693914" s="12"/>
    </row>
    <row r="693915" spans="8:8">
      <c r="H693915" s="12"/>
    </row>
    <row r="693916" spans="8:8">
      <c r="H693916" s="12"/>
    </row>
    <row r="693917" spans="8:8">
      <c r="H693917" s="12"/>
    </row>
    <row r="693918" spans="8:8">
      <c r="H693918" s="12"/>
    </row>
    <row r="693919" spans="8:8">
      <c r="H693919" s="12"/>
    </row>
    <row r="693920" spans="8:8">
      <c r="H693920" s="12"/>
    </row>
    <row r="693921" spans="8:8">
      <c r="H693921" s="12"/>
    </row>
    <row r="693922" spans="8:8">
      <c r="H693922" s="12"/>
    </row>
    <row r="693923" spans="8:8">
      <c r="H693923" s="12"/>
    </row>
    <row r="693924" spans="8:8">
      <c r="H693924" s="12"/>
    </row>
    <row r="693925" spans="8:8">
      <c r="H693925" s="12"/>
    </row>
    <row r="693926" spans="8:8">
      <c r="H693926" s="12"/>
    </row>
    <row r="693927" spans="8:8">
      <c r="H693927" s="12"/>
    </row>
    <row r="693928" spans="8:8">
      <c r="H693928" s="12"/>
    </row>
    <row r="693929" spans="8:8">
      <c r="H693929" s="12"/>
    </row>
    <row r="693930" spans="8:8">
      <c r="H693930" s="12"/>
    </row>
    <row r="693931" spans="8:8">
      <c r="H693931" s="12"/>
    </row>
    <row r="693932" spans="8:8">
      <c r="H693932" s="12"/>
    </row>
    <row r="693933" spans="8:8">
      <c r="H693933" s="12"/>
    </row>
    <row r="693934" spans="8:8">
      <c r="H693934" s="12"/>
    </row>
    <row r="693935" spans="8:8">
      <c r="H693935" s="12"/>
    </row>
    <row r="693936" spans="8:8">
      <c r="H693936" s="12"/>
    </row>
    <row r="693937" spans="8:8">
      <c r="H693937" s="12"/>
    </row>
    <row r="693938" spans="8:8">
      <c r="H693938" s="12"/>
    </row>
    <row r="693939" spans="8:8">
      <c r="H693939" s="12"/>
    </row>
    <row r="693940" spans="8:8">
      <c r="H693940" s="12"/>
    </row>
    <row r="693941" spans="8:8">
      <c r="H693941" s="12"/>
    </row>
    <row r="693942" spans="8:8">
      <c r="H693942" s="12"/>
    </row>
    <row r="693943" spans="8:8">
      <c r="H693943" s="12"/>
    </row>
    <row r="693944" spans="8:8">
      <c r="H693944" s="12"/>
    </row>
    <row r="693945" spans="8:8">
      <c r="H693945" s="12"/>
    </row>
    <row r="693946" spans="8:8">
      <c r="H693946" s="12"/>
    </row>
    <row r="693947" spans="8:8">
      <c r="H693947" s="12"/>
    </row>
    <row r="693948" spans="8:8">
      <c r="H693948" s="12"/>
    </row>
    <row r="693949" spans="8:8">
      <c r="H693949" s="12"/>
    </row>
    <row r="693950" spans="8:8">
      <c r="H693950" s="12"/>
    </row>
    <row r="693951" spans="8:8">
      <c r="H693951" s="12"/>
    </row>
    <row r="693952" spans="8:8">
      <c r="H693952" s="12"/>
    </row>
    <row r="693953" spans="8:8">
      <c r="H693953" s="12"/>
    </row>
    <row r="693954" spans="8:8">
      <c r="H693954" s="12"/>
    </row>
    <row r="693955" spans="8:8">
      <c r="H693955" s="12"/>
    </row>
    <row r="693956" spans="8:8">
      <c r="H693956" s="12"/>
    </row>
    <row r="693957" spans="8:8">
      <c r="H693957" s="12"/>
    </row>
    <row r="693958" spans="8:8">
      <c r="H693958" s="12"/>
    </row>
    <row r="693959" spans="8:8">
      <c r="H693959" s="12"/>
    </row>
    <row r="693960" spans="8:8">
      <c r="H693960" s="12"/>
    </row>
    <row r="693961" spans="8:8">
      <c r="H693961" s="12"/>
    </row>
    <row r="693962" spans="8:8">
      <c r="H693962" s="12"/>
    </row>
    <row r="693963" spans="8:8">
      <c r="H693963" s="12"/>
    </row>
    <row r="693964" spans="8:8">
      <c r="H693964" s="12"/>
    </row>
    <row r="693965" spans="8:8">
      <c r="H693965" s="12"/>
    </row>
    <row r="693966" spans="8:8">
      <c r="H693966" s="12"/>
    </row>
    <row r="693967" spans="8:8">
      <c r="H693967" s="12"/>
    </row>
    <row r="693968" spans="8:8">
      <c r="H693968" s="12"/>
    </row>
    <row r="693969" spans="8:8">
      <c r="H693969" s="12"/>
    </row>
    <row r="693970" spans="8:8">
      <c r="H693970" s="12"/>
    </row>
    <row r="693971" spans="8:8">
      <c r="H693971" s="12"/>
    </row>
    <row r="693972" spans="8:8">
      <c r="H693972" s="12"/>
    </row>
    <row r="693973" spans="8:8">
      <c r="H693973" s="12"/>
    </row>
    <row r="693974" spans="8:8">
      <c r="H693974" s="12"/>
    </row>
    <row r="693975" spans="8:8">
      <c r="H693975" s="12"/>
    </row>
    <row r="693976" spans="8:8">
      <c r="H693976" s="12"/>
    </row>
    <row r="693977" spans="8:8">
      <c r="H693977" s="12"/>
    </row>
    <row r="693978" spans="8:8">
      <c r="H693978" s="12"/>
    </row>
    <row r="693979" spans="8:8">
      <c r="H693979" s="12"/>
    </row>
    <row r="693980" spans="8:8">
      <c r="H693980" s="12"/>
    </row>
    <row r="693981" spans="8:8">
      <c r="H693981" s="12"/>
    </row>
    <row r="693982" spans="8:8">
      <c r="H693982" s="12"/>
    </row>
    <row r="693983" spans="8:8">
      <c r="H693983" s="12"/>
    </row>
    <row r="693984" spans="8:8">
      <c r="H693984" s="12"/>
    </row>
    <row r="693985" spans="8:8">
      <c r="H693985" s="12"/>
    </row>
    <row r="693986" spans="8:8">
      <c r="H693986" s="12"/>
    </row>
    <row r="693987" spans="8:8">
      <c r="H693987" s="12"/>
    </row>
    <row r="693988" spans="8:8">
      <c r="H693988" s="12"/>
    </row>
    <row r="693989" spans="8:8">
      <c r="H693989" s="12"/>
    </row>
    <row r="693990" spans="8:8">
      <c r="H693990" s="12"/>
    </row>
    <row r="693991" spans="8:8">
      <c r="H693991" s="12"/>
    </row>
    <row r="693992" spans="8:8">
      <c r="H693992" s="12"/>
    </row>
    <row r="693993" spans="8:8">
      <c r="H693993" s="12"/>
    </row>
    <row r="693994" spans="8:8">
      <c r="H693994" s="12"/>
    </row>
    <row r="693995" spans="8:8">
      <c r="H693995" s="12"/>
    </row>
    <row r="693996" spans="8:8">
      <c r="H693996" s="12"/>
    </row>
    <row r="693997" spans="8:8">
      <c r="H693997" s="12"/>
    </row>
    <row r="693998" spans="8:8">
      <c r="H693998" s="12"/>
    </row>
    <row r="693999" spans="8:8">
      <c r="H693999" s="12"/>
    </row>
    <row r="694000" spans="8:8">
      <c r="H694000" s="12"/>
    </row>
    <row r="694001" spans="8:8">
      <c r="H694001" s="12"/>
    </row>
    <row r="694002" spans="8:8">
      <c r="H694002" s="12"/>
    </row>
    <row r="694003" spans="8:8">
      <c r="H694003" s="12"/>
    </row>
    <row r="694004" spans="8:8">
      <c r="H694004" s="12"/>
    </row>
    <row r="694005" spans="8:8">
      <c r="H694005" s="12"/>
    </row>
    <row r="694006" spans="8:8">
      <c r="H694006" s="12"/>
    </row>
    <row r="694007" spans="8:8">
      <c r="H694007" s="12"/>
    </row>
    <row r="694008" spans="8:8">
      <c r="H694008" s="12"/>
    </row>
    <row r="694009" spans="8:8">
      <c r="H694009" s="12"/>
    </row>
    <row r="694010" spans="8:8">
      <c r="H694010" s="12"/>
    </row>
    <row r="694011" spans="8:8">
      <c r="H694011" s="12"/>
    </row>
    <row r="694012" spans="8:8">
      <c r="H694012" s="12"/>
    </row>
    <row r="694013" spans="8:8">
      <c r="H694013" s="12"/>
    </row>
    <row r="694014" spans="8:8">
      <c r="H694014" s="12"/>
    </row>
    <row r="694015" spans="8:8">
      <c r="H694015" s="12"/>
    </row>
    <row r="694016" spans="8:8">
      <c r="H694016" s="12"/>
    </row>
    <row r="694017" spans="8:8">
      <c r="H694017" s="12"/>
    </row>
    <row r="694018" spans="8:8">
      <c r="H694018" s="12"/>
    </row>
    <row r="694019" spans="8:8">
      <c r="H694019" s="12"/>
    </row>
    <row r="694020" spans="8:8">
      <c r="H694020" s="12"/>
    </row>
    <row r="694021" spans="8:8">
      <c r="H694021" s="12"/>
    </row>
    <row r="694022" spans="8:8">
      <c r="H694022" s="12"/>
    </row>
    <row r="694023" spans="8:8">
      <c r="H694023" s="12"/>
    </row>
    <row r="694024" spans="8:8">
      <c r="H694024" s="12"/>
    </row>
    <row r="694025" spans="8:8">
      <c r="H694025" s="12"/>
    </row>
    <row r="694026" spans="8:8">
      <c r="H694026" s="12"/>
    </row>
    <row r="694027" spans="8:8">
      <c r="H694027" s="12"/>
    </row>
    <row r="694028" spans="8:8">
      <c r="H694028" s="12"/>
    </row>
    <row r="694029" spans="8:8">
      <c r="H694029" s="12"/>
    </row>
    <row r="694030" spans="8:8">
      <c r="H694030" s="12"/>
    </row>
    <row r="694031" spans="8:8">
      <c r="H694031" s="12"/>
    </row>
    <row r="694032" spans="8:8">
      <c r="H694032" s="12"/>
    </row>
    <row r="694033" spans="8:8">
      <c r="H694033" s="12"/>
    </row>
    <row r="694034" spans="8:8">
      <c r="H694034" s="12"/>
    </row>
    <row r="694035" spans="8:8">
      <c r="H694035" s="12"/>
    </row>
    <row r="694036" spans="8:8">
      <c r="H694036" s="12"/>
    </row>
    <row r="694037" spans="8:8">
      <c r="H694037" s="12"/>
    </row>
    <row r="694038" spans="8:8">
      <c r="H694038" s="12"/>
    </row>
    <row r="694039" spans="8:8">
      <c r="H694039" s="12"/>
    </row>
    <row r="694040" spans="8:8">
      <c r="H694040" s="12"/>
    </row>
    <row r="694041" spans="8:8">
      <c r="H694041" s="12"/>
    </row>
    <row r="694042" spans="8:8">
      <c r="H694042" s="12"/>
    </row>
    <row r="694043" spans="8:8">
      <c r="H694043" s="12"/>
    </row>
    <row r="694044" spans="8:8">
      <c r="H694044" s="12"/>
    </row>
    <row r="694045" spans="8:8">
      <c r="H694045" s="12"/>
    </row>
    <row r="694046" spans="8:8">
      <c r="H694046" s="12"/>
    </row>
    <row r="694047" spans="8:8">
      <c r="H694047" s="12"/>
    </row>
    <row r="694048" spans="8:8">
      <c r="H694048" s="12"/>
    </row>
    <row r="694049" spans="8:8">
      <c r="H694049" s="12"/>
    </row>
    <row r="694050" spans="8:8">
      <c r="H694050" s="12"/>
    </row>
    <row r="694051" spans="8:8">
      <c r="H694051" s="12"/>
    </row>
    <row r="694052" spans="8:8">
      <c r="H694052" s="12"/>
    </row>
    <row r="694053" spans="8:8">
      <c r="H694053" s="12"/>
    </row>
    <row r="694054" spans="8:8">
      <c r="H694054" s="12"/>
    </row>
    <row r="694055" spans="8:8">
      <c r="H694055" s="12"/>
    </row>
    <row r="694056" spans="8:8">
      <c r="H694056" s="12"/>
    </row>
    <row r="694057" spans="8:8">
      <c r="H694057" s="12"/>
    </row>
    <row r="694058" spans="8:8">
      <c r="H694058" s="12"/>
    </row>
    <row r="694059" spans="8:8">
      <c r="H694059" s="12"/>
    </row>
    <row r="694060" spans="8:8">
      <c r="H694060" s="12"/>
    </row>
    <row r="694061" spans="8:8">
      <c r="H694061" s="12"/>
    </row>
    <row r="694062" spans="8:8">
      <c r="H694062" s="12"/>
    </row>
    <row r="694063" spans="8:8">
      <c r="H694063" s="12"/>
    </row>
    <row r="694064" spans="8:8">
      <c r="H694064" s="12"/>
    </row>
    <row r="694065" spans="8:8">
      <c r="H694065" s="12"/>
    </row>
    <row r="694066" spans="8:8">
      <c r="H694066" s="12"/>
    </row>
    <row r="694067" spans="8:8">
      <c r="H694067" s="12"/>
    </row>
    <row r="694068" spans="8:8">
      <c r="H694068" s="12"/>
    </row>
    <row r="694069" spans="8:8">
      <c r="H694069" s="12"/>
    </row>
    <row r="694070" spans="8:8">
      <c r="H694070" s="12"/>
    </row>
    <row r="694071" spans="8:8">
      <c r="H694071" s="12"/>
    </row>
    <row r="694072" spans="8:8">
      <c r="H694072" s="12"/>
    </row>
    <row r="694073" spans="8:8">
      <c r="H694073" s="12"/>
    </row>
    <row r="694074" spans="8:8">
      <c r="H694074" s="12"/>
    </row>
    <row r="694075" spans="8:8">
      <c r="H694075" s="12"/>
    </row>
    <row r="694076" spans="8:8">
      <c r="H694076" s="12"/>
    </row>
    <row r="694077" spans="8:8">
      <c r="H694077" s="12"/>
    </row>
    <row r="694078" spans="8:8">
      <c r="H694078" s="12"/>
    </row>
    <row r="694079" spans="8:8">
      <c r="H694079" s="12"/>
    </row>
    <row r="694080" spans="8:8">
      <c r="H694080" s="12"/>
    </row>
    <row r="694081" spans="8:8">
      <c r="H694081" s="12"/>
    </row>
    <row r="694082" spans="8:8">
      <c r="H694082" s="12"/>
    </row>
    <row r="694083" spans="8:8">
      <c r="H694083" s="12"/>
    </row>
    <row r="694084" spans="8:8">
      <c r="H694084" s="12"/>
    </row>
    <row r="694085" spans="8:8">
      <c r="H694085" s="12"/>
    </row>
    <row r="694086" spans="8:8">
      <c r="H694086" s="12"/>
    </row>
    <row r="694087" spans="8:8">
      <c r="H694087" s="12"/>
    </row>
    <row r="694088" spans="8:8">
      <c r="H694088" s="12"/>
    </row>
    <row r="694089" spans="8:8">
      <c r="H694089" s="12"/>
    </row>
    <row r="694090" spans="8:8">
      <c r="H694090" s="12"/>
    </row>
    <row r="694091" spans="8:8">
      <c r="H694091" s="12"/>
    </row>
    <row r="694092" spans="8:8">
      <c r="H694092" s="12"/>
    </row>
    <row r="694093" spans="8:8">
      <c r="H694093" s="12"/>
    </row>
    <row r="694094" spans="8:8">
      <c r="H694094" s="12"/>
    </row>
    <row r="694095" spans="8:8">
      <c r="H694095" s="12"/>
    </row>
    <row r="694096" spans="8:8">
      <c r="H694096" s="12"/>
    </row>
    <row r="694097" spans="8:8">
      <c r="H694097" s="12"/>
    </row>
    <row r="694098" spans="8:8">
      <c r="H694098" s="12"/>
    </row>
    <row r="694099" spans="8:8">
      <c r="H694099" s="12"/>
    </row>
    <row r="694100" spans="8:8">
      <c r="H694100" s="12"/>
    </row>
    <row r="694101" spans="8:8">
      <c r="H694101" s="12"/>
    </row>
    <row r="694102" spans="8:8">
      <c r="H694102" s="12"/>
    </row>
    <row r="694103" spans="8:8">
      <c r="H694103" s="12"/>
    </row>
    <row r="694104" spans="8:8">
      <c r="H694104" s="12"/>
    </row>
    <row r="694105" spans="8:8">
      <c r="H694105" s="12"/>
    </row>
    <row r="694106" spans="8:8">
      <c r="H694106" s="12"/>
    </row>
    <row r="694107" spans="8:8">
      <c r="H694107" s="12"/>
    </row>
    <row r="694108" spans="8:8">
      <c r="H694108" s="12"/>
    </row>
    <row r="694109" spans="8:8">
      <c r="H694109" s="12"/>
    </row>
    <row r="694110" spans="8:8">
      <c r="H694110" s="12"/>
    </row>
    <row r="694111" spans="8:8">
      <c r="H694111" s="12"/>
    </row>
    <row r="694112" spans="8:8">
      <c r="H694112" s="12"/>
    </row>
    <row r="694113" spans="8:8">
      <c r="H694113" s="12"/>
    </row>
    <row r="694114" spans="8:8">
      <c r="H694114" s="12"/>
    </row>
    <row r="694115" spans="8:8">
      <c r="H694115" s="12"/>
    </row>
    <row r="694116" spans="8:8">
      <c r="H694116" s="12"/>
    </row>
    <row r="694117" spans="8:8">
      <c r="H694117" s="12"/>
    </row>
    <row r="694118" spans="8:8">
      <c r="H694118" s="12"/>
    </row>
    <row r="694119" spans="8:8">
      <c r="H694119" s="12"/>
    </row>
    <row r="694120" spans="8:8">
      <c r="H694120" s="12"/>
    </row>
    <row r="694121" spans="8:8">
      <c r="H694121" s="12"/>
    </row>
    <row r="694122" spans="8:8">
      <c r="H694122" s="12"/>
    </row>
    <row r="694123" spans="8:8">
      <c r="H694123" s="12"/>
    </row>
    <row r="694124" spans="8:8">
      <c r="H694124" s="12"/>
    </row>
    <row r="694125" spans="8:8">
      <c r="H694125" s="12"/>
    </row>
    <row r="694126" spans="8:8">
      <c r="H694126" s="12"/>
    </row>
    <row r="694127" spans="8:8">
      <c r="H694127" s="12"/>
    </row>
    <row r="694128" spans="8:8">
      <c r="H694128" s="12"/>
    </row>
    <row r="694129" spans="8:8">
      <c r="H694129" s="12"/>
    </row>
    <row r="694130" spans="8:8">
      <c r="H694130" s="12"/>
    </row>
    <row r="694131" spans="8:8">
      <c r="H694131" s="12"/>
    </row>
    <row r="694132" spans="8:8">
      <c r="H694132" s="12"/>
    </row>
    <row r="694133" spans="8:8">
      <c r="H694133" s="12"/>
    </row>
    <row r="694134" spans="8:8">
      <c r="H694134" s="12"/>
    </row>
    <row r="694135" spans="8:8">
      <c r="H694135" s="12"/>
    </row>
    <row r="694136" spans="8:8">
      <c r="H694136" s="12"/>
    </row>
    <row r="694137" spans="8:8">
      <c r="H694137" s="12"/>
    </row>
    <row r="694138" spans="8:8">
      <c r="H694138" s="12"/>
    </row>
    <row r="694139" spans="8:8">
      <c r="H694139" s="12"/>
    </row>
    <row r="694140" spans="8:8">
      <c r="H694140" s="12"/>
    </row>
    <row r="694141" spans="8:8">
      <c r="H694141" s="12"/>
    </row>
    <row r="694142" spans="8:8">
      <c r="H694142" s="12"/>
    </row>
    <row r="694143" spans="8:8">
      <c r="H694143" s="12"/>
    </row>
    <row r="694144" spans="8:8">
      <c r="H694144" s="12"/>
    </row>
    <row r="694145" spans="8:8">
      <c r="H694145" s="12"/>
    </row>
    <row r="694146" spans="8:8">
      <c r="H694146" s="12"/>
    </row>
    <row r="694147" spans="8:8">
      <c r="H694147" s="12"/>
    </row>
    <row r="694148" spans="8:8">
      <c r="H694148" s="12"/>
    </row>
    <row r="694149" spans="8:8">
      <c r="H694149" s="12"/>
    </row>
    <row r="694150" spans="8:8">
      <c r="H694150" s="12"/>
    </row>
    <row r="694151" spans="8:8">
      <c r="H694151" s="12"/>
    </row>
    <row r="694152" spans="8:8">
      <c r="H694152" s="12"/>
    </row>
    <row r="694153" spans="8:8">
      <c r="H694153" s="12"/>
    </row>
    <row r="694154" spans="8:8">
      <c r="H694154" s="12"/>
    </row>
    <row r="694155" spans="8:8">
      <c r="H694155" s="12"/>
    </row>
    <row r="694156" spans="8:8">
      <c r="H694156" s="12"/>
    </row>
    <row r="694157" spans="8:8">
      <c r="H694157" s="12"/>
    </row>
    <row r="694158" spans="8:8">
      <c r="H694158" s="12"/>
    </row>
    <row r="694159" spans="8:8">
      <c r="H694159" s="12"/>
    </row>
    <row r="694160" spans="8:8">
      <c r="H694160" s="12"/>
    </row>
    <row r="694161" spans="8:8">
      <c r="H694161" s="12"/>
    </row>
    <row r="694162" spans="8:8">
      <c r="H694162" s="12"/>
    </row>
    <row r="694163" spans="8:8">
      <c r="H694163" s="12"/>
    </row>
    <row r="694164" spans="8:8">
      <c r="H694164" s="12"/>
    </row>
    <row r="694165" spans="8:8">
      <c r="H694165" s="12"/>
    </row>
    <row r="694166" spans="8:8">
      <c r="H694166" s="12"/>
    </row>
    <row r="694167" spans="8:8">
      <c r="H694167" s="12"/>
    </row>
    <row r="694168" spans="8:8">
      <c r="H694168" s="12"/>
    </row>
    <row r="694169" spans="8:8">
      <c r="H694169" s="12"/>
    </row>
    <row r="694170" spans="8:8">
      <c r="H694170" s="12"/>
    </row>
    <row r="694171" spans="8:8">
      <c r="H694171" s="12"/>
    </row>
    <row r="694172" spans="8:8">
      <c r="H694172" s="12"/>
    </row>
    <row r="694173" spans="8:8">
      <c r="H694173" s="12"/>
    </row>
    <row r="694174" spans="8:8">
      <c r="H694174" s="12"/>
    </row>
    <row r="694175" spans="8:8">
      <c r="H694175" s="12"/>
    </row>
    <row r="694176" spans="8:8">
      <c r="H694176" s="12"/>
    </row>
    <row r="694177" spans="8:8">
      <c r="H694177" s="12"/>
    </row>
    <row r="694178" spans="8:8">
      <c r="H694178" s="12"/>
    </row>
    <row r="694179" spans="8:8">
      <c r="H694179" s="12"/>
    </row>
    <row r="694180" spans="8:8">
      <c r="H694180" s="12"/>
    </row>
    <row r="694181" spans="8:8">
      <c r="H694181" s="12"/>
    </row>
    <row r="694182" spans="8:8">
      <c r="H694182" s="12"/>
    </row>
    <row r="694183" spans="8:8">
      <c r="H694183" s="12"/>
    </row>
    <row r="694184" spans="8:8">
      <c r="H694184" s="12"/>
    </row>
    <row r="694185" spans="8:8">
      <c r="H694185" s="12"/>
    </row>
    <row r="694186" spans="8:8">
      <c r="H694186" s="12"/>
    </row>
    <row r="694187" spans="8:8">
      <c r="H694187" s="12"/>
    </row>
    <row r="694188" spans="8:8">
      <c r="H694188" s="12"/>
    </row>
    <row r="694189" spans="8:8">
      <c r="H694189" s="12"/>
    </row>
    <row r="694190" spans="8:8">
      <c r="H694190" s="12"/>
    </row>
    <row r="694191" spans="8:8">
      <c r="H694191" s="12"/>
    </row>
    <row r="694192" spans="8:8">
      <c r="H694192" s="12"/>
    </row>
    <row r="694193" spans="8:8">
      <c r="H694193" s="12"/>
    </row>
    <row r="694194" spans="8:8">
      <c r="H694194" s="12"/>
    </row>
    <row r="694195" spans="8:8">
      <c r="H694195" s="12"/>
    </row>
    <row r="694196" spans="8:8">
      <c r="H694196" s="12"/>
    </row>
    <row r="694197" spans="8:8">
      <c r="H694197" s="12"/>
    </row>
    <row r="694198" spans="8:8">
      <c r="H694198" s="12"/>
    </row>
    <row r="694199" spans="8:8">
      <c r="H694199" s="12"/>
    </row>
    <row r="694200" spans="8:8">
      <c r="H694200" s="12"/>
    </row>
    <row r="694201" spans="8:8">
      <c r="H694201" s="12"/>
    </row>
    <row r="694202" spans="8:8">
      <c r="H694202" s="12"/>
    </row>
    <row r="694203" spans="8:8">
      <c r="H694203" s="12"/>
    </row>
    <row r="694204" spans="8:8">
      <c r="H694204" s="12"/>
    </row>
    <row r="694205" spans="8:8">
      <c r="H694205" s="12"/>
    </row>
    <row r="694206" spans="8:8">
      <c r="H694206" s="12"/>
    </row>
    <row r="694207" spans="8:8">
      <c r="H694207" s="12"/>
    </row>
    <row r="694208" spans="8:8">
      <c r="H694208" s="12"/>
    </row>
    <row r="694209" spans="8:8">
      <c r="H694209" s="12"/>
    </row>
    <row r="694210" spans="8:8">
      <c r="H694210" s="12"/>
    </row>
    <row r="694211" spans="8:8">
      <c r="H694211" s="12"/>
    </row>
    <row r="694212" spans="8:8">
      <c r="H694212" s="12"/>
    </row>
    <row r="694213" spans="8:8">
      <c r="H694213" s="12"/>
    </row>
    <row r="694214" spans="8:8">
      <c r="H694214" s="12"/>
    </row>
    <row r="694215" spans="8:8">
      <c r="H694215" s="12"/>
    </row>
    <row r="694216" spans="8:8">
      <c r="H694216" s="12"/>
    </row>
    <row r="694217" spans="8:8">
      <c r="H694217" s="12"/>
    </row>
    <row r="694218" spans="8:8">
      <c r="H694218" s="12"/>
    </row>
    <row r="694219" spans="8:8">
      <c r="H694219" s="12"/>
    </row>
    <row r="694220" spans="8:8">
      <c r="H694220" s="12"/>
    </row>
    <row r="694221" spans="8:8">
      <c r="H694221" s="12"/>
    </row>
    <row r="694222" spans="8:8">
      <c r="H694222" s="12"/>
    </row>
    <row r="694223" spans="8:8">
      <c r="H694223" s="12"/>
    </row>
    <row r="694224" spans="8:8">
      <c r="H694224" s="12"/>
    </row>
    <row r="694225" spans="8:8">
      <c r="H694225" s="12"/>
    </row>
    <row r="694226" spans="8:8">
      <c r="H694226" s="12"/>
    </row>
    <row r="694227" spans="8:8">
      <c r="H694227" s="12"/>
    </row>
    <row r="694228" spans="8:8">
      <c r="H694228" s="12"/>
    </row>
    <row r="694229" spans="8:8">
      <c r="H694229" s="12"/>
    </row>
    <row r="694230" spans="8:8">
      <c r="H694230" s="12"/>
    </row>
    <row r="694231" spans="8:8">
      <c r="H694231" s="12"/>
    </row>
    <row r="694232" spans="8:8">
      <c r="H694232" s="12"/>
    </row>
    <row r="694233" spans="8:8">
      <c r="H694233" s="12"/>
    </row>
    <row r="694234" spans="8:8">
      <c r="H694234" s="12"/>
    </row>
    <row r="694235" spans="8:8">
      <c r="H694235" s="12"/>
    </row>
    <row r="694236" spans="8:8">
      <c r="H694236" s="12"/>
    </row>
    <row r="694237" spans="8:8">
      <c r="H694237" s="12"/>
    </row>
    <row r="694238" spans="8:8">
      <c r="H694238" s="12"/>
    </row>
    <row r="694239" spans="8:8">
      <c r="H694239" s="12"/>
    </row>
    <row r="694240" spans="8:8">
      <c r="H694240" s="12"/>
    </row>
    <row r="694241" spans="8:8">
      <c r="H694241" s="12"/>
    </row>
    <row r="694242" spans="8:8">
      <c r="H694242" s="12"/>
    </row>
    <row r="694243" spans="8:8">
      <c r="H694243" s="12"/>
    </row>
    <row r="694244" spans="8:8">
      <c r="H694244" s="12"/>
    </row>
    <row r="694245" spans="8:8">
      <c r="H694245" s="12"/>
    </row>
    <row r="694246" spans="8:8">
      <c r="H694246" s="12"/>
    </row>
    <row r="694247" spans="8:8">
      <c r="H694247" s="12"/>
    </row>
    <row r="694248" spans="8:8">
      <c r="H694248" s="12"/>
    </row>
    <row r="694249" spans="8:8">
      <c r="H694249" s="12"/>
    </row>
    <row r="694250" spans="8:8">
      <c r="H694250" s="12"/>
    </row>
    <row r="694251" spans="8:8">
      <c r="H694251" s="12"/>
    </row>
    <row r="694252" spans="8:8">
      <c r="H694252" s="12"/>
    </row>
    <row r="694253" spans="8:8">
      <c r="H694253" s="12"/>
    </row>
    <row r="694254" spans="8:8">
      <c r="H694254" s="12"/>
    </row>
    <row r="694255" spans="8:8">
      <c r="H694255" s="12"/>
    </row>
    <row r="694256" spans="8:8">
      <c r="H694256" s="12"/>
    </row>
    <row r="694257" spans="8:8">
      <c r="H694257" s="12"/>
    </row>
    <row r="694258" spans="8:8">
      <c r="H694258" s="12"/>
    </row>
    <row r="694259" spans="8:8">
      <c r="H694259" s="12"/>
    </row>
    <row r="694260" spans="8:8">
      <c r="H694260" s="12"/>
    </row>
    <row r="694261" spans="8:8">
      <c r="H694261" s="12"/>
    </row>
    <row r="694262" spans="8:8">
      <c r="H694262" s="12"/>
    </row>
    <row r="694263" spans="8:8">
      <c r="H694263" s="12"/>
    </row>
    <row r="694264" spans="8:8">
      <c r="H694264" s="12"/>
    </row>
    <row r="694265" spans="8:8">
      <c r="H694265" s="12"/>
    </row>
    <row r="694266" spans="8:8">
      <c r="H694266" s="12"/>
    </row>
    <row r="694267" spans="8:8">
      <c r="H694267" s="12"/>
    </row>
    <row r="694268" spans="8:8">
      <c r="H694268" s="12"/>
    </row>
    <row r="694269" spans="8:8">
      <c r="H694269" s="12"/>
    </row>
    <row r="694270" spans="8:8">
      <c r="H694270" s="12"/>
    </row>
    <row r="694271" spans="8:8">
      <c r="H694271" s="12"/>
    </row>
    <row r="694272" spans="8:8">
      <c r="H694272" s="12"/>
    </row>
    <row r="694273" spans="8:8">
      <c r="H694273" s="12"/>
    </row>
    <row r="694274" spans="8:8">
      <c r="H694274" s="12"/>
    </row>
    <row r="694275" spans="8:8">
      <c r="H694275" s="12"/>
    </row>
    <row r="694276" spans="8:8">
      <c r="H694276" s="12"/>
    </row>
    <row r="694277" spans="8:8">
      <c r="H694277" s="12"/>
    </row>
    <row r="694278" spans="8:8">
      <c r="H694278" s="12"/>
    </row>
    <row r="694279" spans="8:8">
      <c r="H694279" s="12"/>
    </row>
    <row r="694280" spans="8:8">
      <c r="H694280" s="12"/>
    </row>
    <row r="694281" spans="8:8">
      <c r="H694281" s="12"/>
    </row>
    <row r="694282" spans="8:8">
      <c r="H694282" s="12"/>
    </row>
    <row r="694283" spans="8:8">
      <c r="H694283" s="12"/>
    </row>
    <row r="694284" spans="8:8">
      <c r="H694284" s="12"/>
    </row>
    <row r="694285" spans="8:8">
      <c r="H694285" s="12"/>
    </row>
    <row r="694286" spans="8:8">
      <c r="H694286" s="12"/>
    </row>
    <row r="694287" spans="8:8">
      <c r="H694287" s="12"/>
    </row>
    <row r="694288" spans="8:8">
      <c r="H694288" s="12"/>
    </row>
    <row r="694289" spans="8:8">
      <c r="H694289" s="12"/>
    </row>
    <row r="694290" spans="8:8">
      <c r="H694290" s="12"/>
    </row>
    <row r="694291" spans="8:8">
      <c r="H694291" s="12"/>
    </row>
    <row r="694292" spans="8:8">
      <c r="H694292" s="12"/>
    </row>
    <row r="694293" spans="8:8">
      <c r="H694293" s="12"/>
    </row>
    <row r="694294" spans="8:8">
      <c r="H694294" s="12"/>
    </row>
    <row r="694295" spans="8:8">
      <c r="H694295" s="12"/>
    </row>
    <row r="694296" spans="8:8">
      <c r="H694296" s="12"/>
    </row>
    <row r="694297" spans="8:8">
      <c r="H694297" s="12"/>
    </row>
    <row r="694298" spans="8:8">
      <c r="H694298" s="12"/>
    </row>
    <row r="694299" spans="8:8">
      <c r="H694299" s="12"/>
    </row>
    <row r="694300" spans="8:8">
      <c r="H694300" s="12"/>
    </row>
    <row r="694301" spans="8:8">
      <c r="H694301" s="12"/>
    </row>
    <row r="694302" spans="8:8">
      <c r="H694302" s="12"/>
    </row>
    <row r="694303" spans="8:8">
      <c r="H694303" s="12"/>
    </row>
    <row r="694304" spans="8:8">
      <c r="H694304" s="12"/>
    </row>
    <row r="694305" spans="8:8">
      <c r="H694305" s="12"/>
    </row>
    <row r="694306" spans="8:8">
      <c r="H694306" s="12"/>
    </row>
    <row r="694307" spans="8:8">
      <c r="H694307" s="12"/>
    </row>
    <row r="694308" spans="8:8">
      <c r="H694308" s="12"/>
    </row>
    <row r="694309" spans="8:8">
      <c r="H694309" s="12"/>
    </row>
    <row r="694310" spans="8:8">
      <c r="H694310" s="12"/>
    </row>
    <row r="694311" spans="8:8">
      <c r="H694311" s="12"/>
    </row>
    <row r="694312" spans="8:8">
      <c r="H694312" s="12"/>
    </row>
    <row r="694313" spans="8:8">
      <c r="H694313" s="12"/>
    </row>
    <row r="694314" spans="8:8">
      <c r="H694314" s="12"/>
    </row>
    <row r="694315" spans="8:8">
      <c r="H694315" s="12"/>
    </row>
    <row r="694316" spans="8:8">
      <c r="H694316" s="12"/>
    </row>
    <row r="694317" spans="8:8">
      <c r="H694317" s="12"/>
    </row>
    <row r="694318" spans="8:8">
      <c r="H694318" s="12"/>
    </row>
    <row r="694319" spans="8:8">
      <c r="H694319" s="12"/>
    </row>
    <row r="694320" spans="8:8">
      <c r="H694320" s="12"/>
    </row>
    <row r="694321" spans="8:8">
      <c r="H694321" s="12"/>
    </row>
    <row r="694322" spans="8:8">
      <c r="H694322" s="12"/>
    </row>
    <row r="694323" spans="8:8">
      <c r="H694323" s="12"/>
    </row>
    <row r="694324" spans="8:8">
      <c r="H694324" s="12"/>
    </row>
    <row r="694325" spans="8:8">
      <c r="H694325" s="12"/>
    </row>
    <row r="694326" spans="8:8">
      <c r="H694326" s="12"/>
    </row>
    <row r="694327" spans="8:8">
      <c r="H694327" s="12"/>
    </row>
    <row r="694328" spans="8:8">
      <c r="H694328" s="12"/>
    </row>
    <row r="694329" spans="8:8">
      <c r="H694329" s="12"/>
    </row>
    <row r="694330" spans="8:8">
      <c r="H694330" s="12"/>
    </row>
    <row r="694331" spans="8:8">
      <c r="H694331" s="12"/>
    </row>
    <row r="694332" spans="8:8">
      <c r="H694332" s="12"/>
    </row>
    <row r="694333" spans="8:8">
      <c r="H694333" s="12"/>
    </row>
    <row r="694334" spans="8:8">
      <c r="H694334" s="12"/>
    </row>
    <row r="694335" spans="8:8">
      <c r="H694335" s="12"/>
    </row>
    <row r="694336" spans="8:8">
      <c r="H694336" s="12"/>
    </row>
    <row r="694337" spans="8:8">
      <c r="H694337" s="12"/>
    </row>
    <row r="694338" spans="8:8">
      <c r="H694338" s="12"/>
    </row>
    <row r="694339" spans="8:8">
      <c r="H694339" s="12"/>
    </row>
    <row r="694340" spans="8:8">
      <c r="H694340" s="12"/>
    </row>
    <row r="694341" spans="8:8">
      <c r="H694341" s="12"/>
    </row>
    <row r="694342" spans="8:8">
      <c r="H694342" s="12"/>
    </row>
    <row r="694343" spans="8:8">
      <c r="H694343" s="12"/>
    </row>
    <row r="694344" spans="8:8">
      <c r="H694344" s="12"/>
    </row>
    <row r="694345" spans="8:8">
      <c r="H694345" s="12"/>
    </row>
    <row r="694346" spans="8:8">
      <c r="H694346" s="12"/>
    </row>
    <row r="694347" spans="8:8">
      <c r="H694347" s="12"/>
    </row>
    <row r="694348" spans="8:8">
      <c r="H694348" s="12"/>
    </row>
    <row r="694349" spans="8:8">
      <c r="H694349" s="12"/>
    </row>
    <row r="694350" spans="8:8">
      <c r="H694350" s="12"/>
    </row>
    <row r="694351" spans="8:8">
      <c r="H694351" s="12"/>
    </row>
    <row r="694352" spans="8:8">
      <c r="H694352" s="12"/>
    </row>
    <row r="694353" spans="8:8">
      <c r="H694353" s="12"/>
    </row>
    <row r="694354" spans="8:8">
      <c r="H694354" s="12"/>
    </row>
    <row r="694355" spans="8:8">
      <c r="H694355" s="12"/>
    </row>
    <row r="694356" spans="8:8">
      <c r="H694356" s="12"/>
    </row>
    <row r="694357" spans="8:8">
      <c r="H694357" s="12"/>
    </row>
    <row r="694358" spans="8:8">
      <c r="H694358" s="12"/>
    </row>
    <row r="694359" spans="8:8">
      <c r="H694359" s="12"/>
    </row>
    <row r="694360" spans="8:8">
      <c r="H694360" s="12"/>
    </row>
    <row r="694361" spans="8:8">
      <c r="H694361" s="12"/>
    </row>
    <row r="694362" spans="8:8">
      <c r="H694362" s="12"/>
    </row>
    <row r="694363" spans="8:8">
      <c r="H694363" s="12"/>
    </row>
    <row r="694364" spans="8:8">
      <c r="H694364" s="12"/>
    </row>
    <row r="694365" spans="8:8">
      <c r="H694365" s="12"/>
    </row>
    <row r="694366" spans="8:8">
      <c r="H694366" s="12"/>
    </row>
    <row r="694367" spans="8:8">
      <c r="H694367" s="12"/>
    </row>
    <row r="694368" spans="8:8">
      <c r="H694368" s="12"/>
    </row>
    <row r="694369" spans="8:8">
      <c r="H694369" s="12"/>
    </row>
    <row r="694370" spans="8:8">
      <c r="H694370" s="12"/>
    </row>
    <row r="694371" spans="8:8">
      <c r="H694371" s="12"/>
    </row>
    <row r="694372" spans="8:8">
      <c r="H694372" s="12"/>
    </row>
    <row r="694373" spans="8:8">
      <c r="H694373" s="12"/>
    </row>
    <row r="694374" spans="8:8">
      <c r="H694374" s="12"/>
    </row>
    <row r="694375" spans="8:8">
      <c r="H694375" s="12"/>
    </row>
    <row r="694376" spans="8:8">
      <c r="H694376" s="12"/>
    </row>
    <row r="694377" spans="8:8">
      <c r="H694377" s="12"/>
    </row>
    <row r="694378" spans="8:8">
      <c r="H694378" s="12"/>
    </row>
    <row r="694379" spans="8:8">
      <c r="H694379" s="12"/>
    </row>
    <row r="694380" spans="8:8">
      <c r="H694380" s="12"/>
    </row>
    <row r="694381" spans="8:8">
      <c r="H694381" s="12"/>
    </row>
    <row r="694382" spans="8:8">
      <c r="H694382" s="12"/>
    </row>
    <row r="694383" spans="8:8">
      <c r="H694383" s="12"/>
    </row>
    <row r="694384" spans="8:8">
      <c r="H694384" s="12"/>
    </row>
    <row r="694385" spans="8:8">
      <c r="H694385" s="12"/>
    </row>
    <row r="694386" spans="8:8">
      <c r="H694386" s="12"/>
    </row>
    <row r="694387" spans="8:8">
      <c r="H694387" s="12"/>
    </row>
    <row r="694388" spans="8:8">
      <c r="H694388" s="12"/>
    </row>
    <row r="694389" spans="8:8">
      <c r="H694389" s="12"/>
    </row>
    <row r="694390" spans="8:8">
      <c r="H694390" s="12"/>
    </row>
    <row r="694391" spans="8:8">
      <c r="H694391" s="12"/>
    </row>
    <row r="694392" spans="8:8">
      <c r="H694392" s="12"/>
    </row>
    <row r="694393" spans="8:8">
      <c r="H694393" s="12"/>
    </row>
    <row r="694394" spans="8:8">
      <c r="H694394" s="12"/>
    </row>
    <row r="694395" spans="8:8">
      <c r="H694395" s="12"/>
    </row>
    <row r="694396" spans="8:8">
      <c r="H694396" s="12"/>
    </row>
    <row r="694397" spans="8:8">
      <c r="H694397" s="12"/>
    </row>
    <row r="694398" spans="8:8">
      <c r="H694398" s="12"/>
    </row>
    <row r="694399" spans="8:8">
      <c r="H694399" s="12"/>
    </row>
    <row r="694400" spans="8:8">
      <c r="H694400" s="12"/>
    </row>
    <row r="694401" spans="8:8">
      <c r="H694401" s="12"/>
    </row>
    <row r="694402" spans="8:8">
      <c r="H694402" s="12"/>
    </row>
    <row r="694403" spans="8:8">
      <c r="H694403" s="12"/>
    </row>
    <row r="694404" spans="8:8">
      <c r="H694404" s="12"/>
    </row>
    <row r="694405" spans="8:8">
      <c r="H694405" s="12"/>
    </row>
    <row r="694406" spans="8:8">
      <c r="H694406" s="12"/>
    </row>
    <row r="694407" spans="8:8">
      <c r="H694407" s="12"/>
    </row>
    <row r="694408" spans="8:8">
      <c r="H694408" s="12"/>
    </row>
    <row r="694409" spans="8:8">
      <c r="H694409" s="12"/>
    </row>
    <row r="694410" spans="8:8">
      <c r="H694410" s="12"/>
    </row>
    <row r="694411" spans="8:8">
      <c r="H694411" s="12"/>
    </row>
    <row r="694412" spans="8:8">
      <c r="H694412" s="12"/>
    </row>
    <row r="694413" spans="8:8">
      <c r="H694413" s="12"/>
    </row>
    <row r="694414" spans="8:8">
      <c r="H694414" s="12"/>
    </row>
    <row r="694415" spans="8:8">
      <c r="H694415" s="12"/>
    </row>
    <row r="694416" spans="8:8">
      <c r="H694416" s="12"/>
    </row>
    <row r="694417" spans="8:8">
      <c r="H694417" s="12"/>
    </row>
    <row r="694418" spans="8:8">
      <c r="H694418" s="12"/>
    </row>
    <row r="694419" spans="8:8">
      <c r="H694419" s="12"/>
    </row>
    <row r="694420" spans="8:8">
      <c r="H694420" s="12"/>
    </row>
    <row r="694421" spans="8:8">
      <c r="H694421" s="12"/>
    </row>
    <row r="694422" spans="8:8">
      <c r="H694422" s="12"/>
    </row>
    <row r="694423" spans="8:8">
      <c r="H694423" s="12"/>
    </row>
    <row r="694424" spans="8:8">
      <c r="H694424" s="12"/>
    </row>
    <row r="694425" spans="8:8">
      <c r="H694425" s="12"/>
    </row>
    <row r="694426" spans="8:8">
      <c r="H694426" s="12"/>
    </row>
    <row r="694427" spans="8:8">
      <c r="H694427" s="12"/>
    </row>
    <row r="694428" spans="8:8">
      <c r="H694428" s="12"/>
    </row>
    <row r="694429" spans="8:8">
      <c r="H694429" s="12"/>
    </row>
    <row r="694430" spans="8:8">
      <c r="H694430" s="12"/>
    </row>
    <row r="694431" spans="8:8">
      <c r="H694431" s="12"/>
    </row>
    <row r="694432" spans="8:8">
      <c r="H694432" s="12"/>
    </row>
    <row r="694433" spans="8:8">
      <c r="H694433" s="12"/>
    </row>
    <row r="694434" spans="8:8">
      <c r="H694434" s="12"/>
    </row>
    <row r="694435" spans="8:8">
      <c r="H694435" s="12"/>
    </row>
    <row r="694436" spans="8:8">
      <c r="H694436" s="12"/>
    </row>
    <row r="694437" spans="8:8">
      <c r="H694437" s="12"/>
    </row>
    <row r="694438" spans="8:8">
      <c r="H694438" s="12"/>
    </row>
    <row r="694439" spans="8:8">
      <c r="H694439" s="12"/>
    </row>
    <row r="694440" spans="8:8">
      <c r="H694440" s="12"/>
    </row>
    <row r="694441" spans="8:8">
      <c r="H694441" s="12"/>
    </row>
    <row r="694442" spans="8:8">
      <c r="H694442" s="12"/>
    </row>
    <row r="694443" spans="8:8">
      <c r="H694443" s="12"/>
    </row>
    <row r="694444" spans="8:8">
      <c r="H694444" s="12"/>
    </row>
    <row r="694445" spans="8:8">
      <c r="H694445" s="12"/>
    </row>
    <row r="694446" spans="8:8">
      <c r="H694446" s="12"/>
    </row>
    <row r="694447" spans="8:8">
      <c r="H694447" s="12"/>
    </row>
    <row r="694448" spans="8:8">
      <c r="H694448" s="12"/>
    </row>
    <row r="694449" spans="8:8">
      <c r="H694449" s="12"/>
    </row>
    <row r="694450" spans="8:8">
      <c r="H694450" s="12"/>
    </row>
    <row r="694451" spans="8:8">
      <c r="H694451" s="12"/>
    </row>
    <row r="694452" spans="8:8">
      <c r="H694452" s="12"/>
    </row>
    <row r="694453" spans="8:8">
      <c r="H694453" s="12"/>
    </row>
    <row r="694454" spans="8:8">
      <c r="H694454" s="12"/>
    </row>
    <row r="694455" spans="8:8">
      <c r="H694455" s="12"/>
    </row>
    <row r="694456" spans="8:8">
      <c r="H694456" s="12"/>
    </row>
    <row r="694457" spans="8:8">
      <c r="H694457" s="12"/>
    </row>
    <row r="694458" spans="8:8">
      <c r="H694458" s="12"/>
    </row>
    <row r="694459" spans="8:8">
      <c r="H694459" s="12"/>
    </row>
    <row r="694460" spans="8:8">
      <c r="H694460" s="12"/>
    </row>
    <row r="694461" spans="8:8">
      <c r="H694461" s="12"/>
    </row>
    <row r="694462" spans="8:8">
      <c r="H694462" s="12"/>
    </row>
    <row r="694463" spans="8:8">
      <c r="H694463" s="12"/>
    </row>
    <row r="694464" spans="8:8">
      <c r="H694464" s="12"/>
    </row>
    <row r="694465" spans="8:8">
      <c r="H694465" s="12"/>
    </row>
    <row r="694466" spans="8:8">
      <c r="H694466" s="12"/>
    </row>
    <row r="694467" spans="8:8">
      <c r="H694467" s="12"/>
    </row>
    <row r="694468" spans="8:8">
      <c r="H694468" s="12"/>
    </row>
    <row r="694469" spans="8:8">
      <c r="H694469" s="12"/>
    </row>
    <row r="694470" spans="8:8">
      <c r="H694470" s="12"/>
    </row>
    <row r="694471" spans="8:8">
      <c r="H694471" s="12"/>
    </row>
    <row r="694472" spans="8:8">
      <c r="H694472" s="12"/>
    </row>
    <row r="694473" spans="8:8">
      <c r="H694473" s="12"/>
    </row>
    <row r="694474" spans="8:8">
      <c r="H694474" s="12"/>
    </row>
    <row r="694475" spans="8:8">
      <c r="H694475" s="12"/>
    </row>
    <row r="694476" spans="8:8">
      <c r="H694476" s="12"/>
    </row>
    <row r="694477" spans="8:8">
      <c r="H694477" s="12"/>
    </row>
    <row r="694478" spans="8:8">
      <c r="H694478" s="12"/>
    </row>
    <row r="694479" spans="8:8">
      <c r="H694479" s="12"/>
    </row>
    <row r="694480" spans="8:8">
      <c r="H694480" s="12"/>
    </row>
    <row r="694481" spans="8:8">
      <c r="H694481" s="12"/>
    </row>
    <row r="694482" spans="8:8">
      <c r="H694482" s="12"/>
    </row>
    <row r="694483" spans="8:8">
      <c r="H694483" s="12"/>
    </row>
    <row r="694484" spans="8:8">
      <c r="H694484" s="12"/>
    </row>
    <row r="694485" spans="8:8">
      <c r="H694485" s="12"/>
    </row>
    <row r="694486" spans="8:8">
      <c r="H694486" s="12"/>
    </row>
    <row r="694487" spans="8:8">
      <c r="H694487" s="12"/>
    </row>
    <row r="694488" spans="8:8">
      <c r="H694488" s="12"/>
    </row>
    <row r="694489" spans="8:8">
      <c r="H694489" s="12"/>
    </row>
    <row r="694490" spans="8:8">
      <c r="H694490" s="12"/>
    </row>
    <row r="694491" spans="8:8">
      <c r="H694491" s="12"/>
    </row>
    <row r="694492" spans="8:8">
      <c r="H694492" s="12"/>
    </row>
    <row r="694493" spans="8:8">
      <c r="H694493" s="12"/>
    </row>
    <row r="694494" spans="8:8">
      <c r="H694494" s="12"/>
    </row>
    <row r="694495" spans="8:8">
      <c r="H694495" s="12"/>
    </row>
    <row r="694496" spans="8:8">
      <c r="H694496" s="12"/>
    </row>
    <row r="694497" spans="8:8">
      <c r="H694497" s="12"/>
    </row>
    <row r="694498" spans="8:8">
      <c r="H694498" s="12"/>
    </row>
    <row r="694499" spans="8:8">
      <c r="H694499" s="12"/>
    </row>
    <row r="694500" spans="8:8">
      <c r="H694500" s="12"/>
    </row>
    <row r="694501" spans="8:8">
      <c r="H694501" s="12"/>
    </row>
    <row r="694502" spans="8:8">
      <c r="H694502" s="12"/>
    </row>
    <row r="694503" spans="8:8">
      <c r="H694503" s="12"/>
    </row>
    <row r="694504" spans="8:8">
      <c r="H694504" s="12"/>
    </row>
    <row r="694505" spans="8:8">
      <c r="H694505" s="12"/>
    </row>
    <row r="694506" spans="8:8">
      <c r="H694506" s="12"/>
    </row>
    <row r="694507" spans="8:8">
      <c r="H694507" s="12"/>
    </row>
    <row r="694508" spans="8:8">
      <c r="H694508" s="12"/>
    </row>
    <row r="694509" spans="8:8">
      <c r="H694509" s="12"/>
    </row>
    <row r="694510" spans="8:8">
      <c r="H694510" s="12"/>
    </row>
    <row r="694511" spans="8:8">
      <c r="H694511" s="12"/>
    </row>
    <row r="694512" spans="8:8">
      <c r="H694512" s="12"/>
    </row>
    <row r="694513" spans="8:8">
      <c r="H694513" s="12"/>
    </row>
    <row r="694514" spans="8:8">
      <c r="H694514" s="12"/>
    </row>
    <row r="694515" spans="8:8">
      <c r="H694515" s="12"/>
    </row>
    <row r="694516" spans="8:8">
      <c r="H694516" s="12"/>
    </row>
    <row r="694517" spans="8:8">
      <c r="H694517" s="12"/>
    </row>
    <row r="694518" spans="8:8">
      <c r="H694518" s="12"/>
    </row>
    <row r="694519" spans="8:8">
      <c r="H694519" s="12"/>
    </row>
    <row r="694520" spans="8:8">
      <c r="H694520" s="12"/>
    </row>
    <row r="694521" spans="8:8">
      <c r="H694521" s="12"/>
    </row>
    <row r="694522" spans="8:8">
      <c r="H694522" s="12"/>
    </row>
    <row r="694523" spans="8:8">
      <c r="H694523" s="12"/>
    </row>
    <row r="694524" spans="8:8">
      <c r="H694524" s="12"/>
    </row>
    <row r="694525" spans="8:8">
      <c r="H694525" s="12"/>
    </row>
    <row r="694526" spans="8:8">
      <c r="H694526" s="12"/>
    </row>
    <row r="694527" spans="8:8">
      <c r="H694527" s="12"/>
    </row>
    <row r="694528" spans="8:8">
      <c r="H694528" s="12"/>
    </row>
    <row r="694529" spans="8:8">
      <c r="H694529" s="12"/>
    </row>
    <row r="694530" spans="8:8">
      <c r="H694530" s="12"/>
    </row>
    <row r="694531" spans="8:8">
      <c r="H694531" s="12"/>
    </row>
    <row r="694532" spans="8:8">
      <c r="H694532" s="12"/>
    </row>
    <row r="694533" spans="8:8">
      <c r="H694533" s="12"/>
    </row>
    <row r="694534" spans="8:8">
      <c r="H694534" s="12"/>
    </row>
    <row r="694535" spans="8:8">
      <c r="H694535" s="12"/>
    </row>
    <row r="694536" spans="8:8">
      <c r="H694536" s="12"/>
    </row>
    <row r="694537" spans="8:8">
      <c r="H694537" s="12"/>
    </row>
    <row r="694538" spans="8:8">
      <c r="H694538" s="12"/>
    </row>
    <row r="694539" spans="8:8">
      <c r="H694539" s="12"/>
    </row>
    <row r="694540" spans="8:8">
      <c r="H694540" s="12"/>
    </row>
    <row r="694541" spans="8:8">
      <c r="H694541" s="12"/>
    </row>
    <row r="694542" spans="8:8">
      <c r="H694542" s="12"/>
    </row>
    <row r="694543" spans="8:8">
      <c r="H694543" s="12"/>
    </row>
    <row r="694544" spans="8:8">
      <c r="H694544" s="12"/>
    </row>
    <row r="694545" spans="8:8">
      <c r="H694545" s="12"/>
    </row>
    <row r="694546" spans="8:8">
      <c r="H694546" s="12"/>
    </row>
    <row r="694547" spans="8:8">
      <c r="H694547" s="12"/>
    </row>
    <row r="694548" spans="8:8">
      <c r="H694548" s="12"/>
    </row>
    <row r="694549" spans="8:8">
      <c r="H694549" s="12"/>
    </row>
    <row r="694550" spans="8:8">
      <c r="H694550" s="12"/>
    </row>
    <row r="694551" spans="8:8">
      <c r="H694551" s="12"/>
    </row>
    <row r="694552" spans="8:8">
      <c r="H694552" s="12"/>
    </row>
    <row r="694553" spans="8:8">
      <c r="H694553" s="12"/>
    </row>
    <row r="694554" spans="8:8">
      <c r="H694554" s="12"/>
    </row>
    <row r="694555" spans="8:8">
      <c r="H694555" s="12"/>
    </row>
    <row r="694556" spans="8:8">
      <c r="H694556" s="12"/>
    </row>
    <row r="694557" spans="8:8">
      <c r="H694557" s="12"/>
    </row>
    <row r="694558" spans="8:8">
      <c r="H694558" s="12"/>
    </row>
    <row r="694559" spans="8:8">
      <c r="H694559" s="12"/>
    </row>
    <row r="694560" spans="8:8">
      <c r="H694560" s="12"/>
    </row>
    <row r="694561" spans="8:8">
      <c r="H694561" s="12"/>
    </row>
    <row r="694562" spans="8:8">
      <c r="H694562" s="12"/>
    </row>
    <row r="694563" spans="8:8">
      <c r="H694563" s="12"/>
    </row>
    <row r="694564" spans="8:8">
      <c r="H694564" s="12"/>
    </row>
    <row r="694565" spans="8:8">
      <c r="H694565" s="12"/>
    </row>
    <row r="694566" spans="8:8">
      <c r="H694566" s="12"/>
    </row>
    <row r="694567" spans="8:8">
      <c r="H694567" s="12"/>
    </row>
    <row r="694568" spans="8:8">
      <c r="H694568" s="12"/>
    </row>
    <row r="694569" spans="8:8">
      <c r="H694569" s="12"/>
    </row>
    <row r="694570" spans="8:8">
      <c r="H694570" s="12"/>
    </row>
    <row r="694571" spans="8:8">
      <c r="H694571" s="12"/>
    </row>
    <row r="694572" spans="8:8">
      <c r="H694572" s="12"/>
    </row>
    <row r="694573" spans="8:8">
      <c r="H694573" s="12"/>
    </row>
    <row r="694574" spans="8:8">
      <c r="H694574" s="12"/>
    </row>
    <row r="694575" spans="8:8">
      <c r="H694575" s="12"/>
    </row>
    <row r="694576" spans="8:8">
      <c r="H694576" s="12"/>
    </row>
    <row r="694577" spans="8:8">
      <c r="H694577" s="12"/>
    </row>
    <row r="694578" spans="8:8">
      <c r="H694578" s="12"/>
    </row>
    <row r="694579" spans="8:8">
      <c r="H694579" s="12"/>
    </row>
    <row r="694580" spans="8:8">
      <c r="H694580" s="12"/>
    </row>
    <row r="694581" spans="8:8">
      <c r="H694581" s="12"/>
    </row>
    <row r="694582" spans="8:8">
      <c r="H694582" s="12"/>
    </row>
    <row r="694583" spans="8:8">
      <c r="H694583" s="12"/>
    </row>
    <row r="694584" spans="8:8">
      <c r="H694584" s="12"/>
    </row>
    <row r="694585" spans="8:8">
      <c r="H694585" s="12"/>
    </row>
    <row r="694586" spans="8:8">
      <c r="H694586" s="12"/>
    </row>
    <row r="694587" spans="8:8">
      <c r="H694587" s="12"/>
    </row>
    <row r="694588" spans="8:8">
      <c r="H694588" s="12"/>
    </row>
    <row r="694589" spans="8:8">
      <c r="H694589" s="12"/>
    </row>
    <row r="694590" spans="8:8">
      <c r="H694590" s="12"/>
    </row>
    <row r="694591" spans="8:8">
      <c r="H694591" s="12"/>
    </row>
    <row r="694592" spans="8:8">
      <c r="H694592" s="12"/>
    </row>
    <row r="694593" spans="8:8">
      <c r="H694593" s="12"/>
    </row>
    <row r="694594" spans="8:8">
      <c r="H694594" s="12"/>
    </row>
    <row r="694595" spans="8:8">
      <c r="H694595" s="12"/>
    </row>
    <row r="694596" spans="8:8">
      <c r="H694596" s="12"/>
    </row>
    <row r="694597" spans="8:8">
      <c r="H694597" s="12"/>
    </row>
    <row r="694598" spans="8:8">
      <c r="H694598" s="12"/>
    </row>
    <row r="694599" spans="8:8">
      <c r="H694599" s="12"/>
    </row>
    <row r="694600" spans="8:8">
      <c r="H694600" s="12"/>
    </row>
    <row r="694601" spans="8:8">
      <c r="H694601" s="12"/>
    </row>
    <row r="694602" spans="8:8">
      <c r="H694602" s="12"/>
    </row>
    <row r="694603" spans="8:8">
      <c r="H694603" s="12"/>
    </row>
    <row r="694604" spans="8:8">
      <c r="H694604" s="12"/>
    </row>
    <row r="694605" spans="8:8">
      <c r="H694605" s="12"/>
    </row>
    <row r="694606" spans="8:8">
      <c r="H694606" s="12"/>
    </row>
    <row r="694607" spans="8:8">
      <c r="H694607" s="12"/>
    </row>
    <row r="694608" spans="8:8">
      <c r="H694608" s="12"/>
    </row>
    <row r="694609" spans="8:8">
      <c r="H694609" s="12"/>
    </row>
    <row r="694610" spans="8:8">
      <c r="H694610" s="12"/>
    </row>
    <row r="694611" spans="8:8">
      <c r="H694611" s="12"/>
    </row>
    <row r="694612" spans="8:8">
      <c r="H694612" s="12"/>
    </row>
    <row r="694613" spans="8:8">
      <c r="H694613" s="12"/>
    </row>
    <row r="694614" spans="8:8">
      <c r="H694614" s="12"/>
    </row>
    <row r="694615" spans="8:8">
      <c r="H694615" s="12"/>
    </row>
    <row r="694616" spans="8:8">
      <c r="H694616" s="12"/>
    </row>
    <row r="694617" spans="8:8">
      <c r="H694617" s="12"/>
    </row>
    <row r="694618" spans="8:8">
      <c r="H694618" s="12"/>
    </row>
    <row r="694619" spans="8:8">
      <c r="H694619" s="12"/>
    </row>
    <row r="694620" spans="8:8">
      <c r="H694620" s="12"/>
    </row>
    <row r="694621" spans="8:8">
      <c r="H694621" s="12"/>
    </row>
    <row r="694622" spans="8:8">
      <c r="H694622" s="12"/>
    </row>
    <row r="694623" spans="8:8">
      <c r="H694623" s="12"/>
    </row>
    <row r="694624" spans="8:8">
      <c r="H694624" s="12"/>
    </row>
    <row r="694625" spans="8:8">
      <c r="H694625" s="12"/>
    </row>
    <row r="694626" spans="8:8">
      <c r="H694626" s="12"/>
    </row>
    <row r="694627" spans="8:8">
      <c r="H694627" s="12"/>
    </row>
    <row r="694628" spans="8:8">
      <c r="H694628" s="12"/>
    </row>
    <row r="694629" spans="8:8">
      <c r="H694629" s="12"/>
    </row>
    <row r="694630" spans="8:8">
      <c r="H694630" s="12"/>
    </row>
    <row r="694631" spans="8:8">
      <c r="H694631" s="12"/>
    </row>
    <row r="694632" spans="8:8">
      <c r="H694632" s="12"/>
    </row>
    <row r="694633" spans="8:8">
      <c r="H694633" s="12"/>
    </row>
    <row r="694634" spans="8:8">
      <c r="H694634" s="12"/>
    </row>
    <row r="694635" spans="8:8">
      <c r="H694635" s="12"/>
    </row>
    <row r="694636" spans="8:8">
      <c r="H694636" s="12"/>
    </row>
    <row r="694637" spans="8:8">
      <c r="H694637" s="12"/>
    </row>
    <row r="694638" spans="8:8">
      <c r="H694638" s="12"/>
    </row>
    <row r="694639" spans="8:8">
      <c r="H694639" s="12"/>
    </row>
    <row r="694640" spans="8:8">
      <c r="H694640" s="12"/>
    </row>
    <row r="694641" spans="8:8">
      <c r="H694641" s="12"/>
    </row>
    <row r="694642" spans="8:8">
      <c r="H694642" s="12"/>
    </row>
    <row r="694643" spans="8:8">
      <c r="H694643" s="12"/>
    </row>
    <row r="694644" spans="8:8">
      <c r="H694644" s="12"/>
    </row>
    <row r="694645" spans="8:8">
      <c r="H694645" s="12"/>
    </row>
    <row r="694646" spans="8:8">
      <c r="H694646" s="12"/>
    </row>
    <row r="694647" spans="8:8">
      <c r="H694647" s="12"/>
    </row>
    <row r="694648" spans="8:8">
      <c r="H694648" s="12"/>
    </row>
    <row r="694649" spans="8:8">
      <c r="H694649" s="12"/>
    </row>
    <row r="694650" spans="8:8">
      <c r="H694650" s="12"/>
    </row>
    <row r="694651" spans="8:8">
      <c r="H694651" s="12"/>
    </row>
    <row r="694652" spans="8:8">
      <c r="H694652" s="12"/>
    </row>
    <row r="694653" spans="8:8">
      <c r="H694653" s="12"/>
    </row>
    <row r="694654" spans="8:8">
      <c r="H694654" s="12"/>
    </row>
    <row r="694655" spans="8:8">
      <c r="H694655" s="12"/>
    </row>
    <row r="694656" spans="8:8">
      <c r="H694656" s="12"/>
    </row>
    <row r="694657" spans="8:8">
      <c r="H694657" s="12"/>
    </row>
    <row r="694658" spans="8:8">
      <c r="H694658" s="12"/>
    </row>
    <row r="694659" spans="8:8">
      <c r="H694659" s="12"/>
    </row>
    <row r="694660" spans="8:8">
      <c r="H694660" s="12"/>
    </row>
    <row r="694661" spans="8:8">
      <c r="H694661" s="12"/>
    </row>
    <row r="694662" spans="8:8">
      <c r="H694662" s="12"/>
    </row>
    <row r="694663" spans="8:8">
      <c r="H694663" s="12"/>
    </row>
    <row r="694664" spans="8:8">
      <c r="H694664" s="12"/>
    </row>
    <row r="694665" spans="8:8">
      <c r="H694665" s="12"/>
    </row>
    <row r="694666" spans="8:8">
      <c r="H694666" s="12"/>
    </row>
    <row r="694667" spans="8:8">
      <c r="H694667" s="12"/>
    </row>
    <row r="694668" spans="8:8">
      <c r="H694668" s="12"/>
    </row>
    <row r="694669" spans="8:8">
      <c r="H694669" s="12"/>
    </row>
    <row r="694670" spans="8:8">
      <c r="H694670" s="12"/>
    </row>
    <row r="694671" spans="8:8">
      <c r="H694671" s="12"/>
    </row>
    <row r="694672" spans="8:8">
      <c r="H694672" s="12"/>
    </row>
    <row r="694673" spans="8:8">
      <c r="H694673" s="12"/>
    </row>
    <row r="694674" spans="8:8">
      <c r="H694674" s="12"/>
    </row>
    <row r="694675" spans="8:8">
      <c r="H694675" s="12"/>
    </row>
    <row r="694676" spans="8:8">
      <c r="H694676" s="12"/>
    </row>
    <row r="694677" spans="8:8">
      <c r="H694677" s="12"/>
    </row>
    <row r="694678" spans="8:8">
      <c r="H694678" s="12"/>
    </row>
    <row r="694679" spans="8:8">
      <c r="H694679" s="12"/>
    </row>
    <row r="694680" spans="8:8">
      <c r="H694680" s="12"/>
    </row>
    <row r="694681" spans="8:8">
      <c r="H694681" s="12"/>
    </row>
    <row r="694682" spans="8:8">
      <c r="H694682" s="12"/>
    </row>
    <row r="694683" spans="8:8">
      <c r="H694683" s="12"/>
    </row>
    <row r="694684" spans="8:8">
      <c r="H694684" s="12"/>
    </row>
    <row r="694685" spans="8:8">
      <c r="H694685" s="12"/>
    </row>
    <row r="694686" spans="8:8">
      <c r="H694686" s="12"/>
    </row>
    <row r="694687" spans="8:8">
      <c r="H694687" s="12"/>
    </row>
    <row r="694688" spans="8:8">
      <c r="H694688" s="12"/>
    </row>
    <row r="694689" spans="8:8">
      <c r="H694689" s="12"/>
    </row>
    <row r="694690" spans="8:8">
      <c r="H694690" s="12"/>
    </row>
    <row r="694691" spans="8:8">
      <c r="H694691" s="12"/>
    </row>
    <row r="694692" spans="8:8">
      <c r="H694692" s="12"/>
    </row>
    <row r="694693" spans="8:8">
      <c r="H694693" s="12"/>
    </row>
    <row r="694694" spans="8:8">
      <c r="H694694" s="12"/>
    </row>
    <row r="694695" spans="8:8">
      <c r="H694695" s="12"/>
    </row>
    <row r="694696" spans="8:8">
      <c r="H694696" s="12"/>
    </row>
    <row r="694697" spans="8:8">
      <c r="H694697" s="12"/>
    </row>
    <row r="694698" spans="8:8">
      <c r="H694698" s="12"/>
    </row>
    <row r="694699" spans="8:8">
      <c r="H694699" s="12"/>
    </row>
    <row r="694700" spans="8:8">
      <c r="H694700" s="12"/>
    </row>
    <row r="694701" spans="8:8">
      <c r="H694701" s="12"/>
    </row>
    <row r="694702" spans="8:8">
      <c r="H694702" s="12"/>
    </row>
    <row r="694703" spans="8:8">
      <c r="H694703" s="12"/>
    </row>
    <row r="694704" spans="8:8">
      <c r="H694704" s="12"/>
    </row>
    <row r="694705" spans="8:8">
      <c r="H694705" s="12"/>
    </row>
    <row r="694706" spans="8:8">
      <c r="H694706" s="12"/>
    </row>
    <row r="694707" spans="8:8">
      <c r="H694707" s="12"/>
    </row>
    <row r="694708" spans="8:8">
      <c r="H694708" s="12"/>
    </row>
    <row r="694709" spans="8:8">
      <c r="H694709" s="12"/>
    </row>
    <row r="694710" spans="8:8">
      <c r="H694710" s="12"/>
    </row>
    <row r="694711" spans="8:8">
      <c r="H694711" s="12"/>
    </row>
    <row r="694712" spans="8:8">
      <c r="H694712" s="12"/>
    </row>
    <row r="694713" spans="8:8">
      <c r="H694713" s="12"/>
    </row>
    <row r="694714" spans="8:8">
      <c r="H694714" s="12"/>
    </row>
    <row r="694715" spans="8:8">
      <c r="H694715" s="12"/>
    </row>
    <row r="694716" spans="8:8">
      <c r="H694716" s="12"/>
    </row>
    <row r="694717" spans="8:8">
      <c r="H694717" s="12"/>
    </row>
    <row r="694718" spans="8:8">
      <c r="H694718" s="12"/>
    </row>
    <row r="694719" spans="8:8">
      <c r="H694719" s="12"/>
    </row>
    <row r="694720" spans="8:8">
      <c r="H694720" s="12"/>
    </row>
    <row r="694721" spans="8:8">
      <c r="H694721" s="12"/>
    </row>
    <row r="694722" spans="8:8">
      <c r="H694722" s="12"/>
    </row>
    <row r="694723" spans="8:8">
      <c r="H694723" s="12"/>
    </row>
    <row r="694724" spans="8:8">
      <c r="H694724" s="12"/>
    </row>
    <row r="694725" spans="8:8">
      <c r="H694725" s="12"/>
    </row>
    <row r="694726" spans="8:8">
      <c r="H694726" s="12"/>
    </row>
    <row r="694727" spans="8:8">
      <c r="H694727" s="12"/>
    </row>
    <row r="694728" spans="8:8">
      <c r="H694728" s="12"/>
    </row>
    <row r="694729" spans="8:8">
      <c r="H694729" s="12"/>
    </row>
    <row r="694730" spans="8:8">
      <c r="H694730" s="12"/>
    </row>
    <row r="694731" spans="8:8">
      <c r="H694731" s="12"/>
    </row>
    <row r="694732" spans="8:8">
      <c r="H694732" s="12"/>
    </row>
    <row r="694733" spans="8:8">
      <c r="H694733" s="12"/>
    </row>
    <row r="694734" spans="8:8">
      <c r="H694734" s="12"/>
    </row>
    <row r="694735" spans="8:8">
      <c r="H694735" s="12"/>
    </row>
    <row r="694736" spans="8:8">
      <c r="H694736" s="12"/>
    </row>
    <row r="694737" spans="8:8">
      <c r="H694737" s="12"/>
    </row>
    <row r="694738" spans="8:8">
      <c r="H694738" s="12"/>
    </row>
    <row r="694739" spans="8:8">
      <c r="H694739" s="12"/>
    </row>
    <row r="694740" spans="8:8">
      <c r="H694740" s="12"/>
    </row>
    <row r="694741" spans="8:8">
      <c r="H694741" s="12"/>
    </row>
    <row r="694742" spans="8:8">
      <c r="H694742" s="12"/>
    </row>
    <row r="694743" spans="8:8">
      <c r="H694743" s="12"/>
    </row>
    <row r="694744" spans="8:8">
      <c r="H694744" s="12"/>
    </row>
    <row r="694745" spans="8:8">
      <c r="H694745" s="12"/>
    </row>
    <row r="694746" spans="8:8">
      <c r="H694746" s="12"/>
    </row>
    <row r="694747" spans="8:8">
      <c r="H694747" s="12"/>
    </row>
    <row r="694748" spans="8:8">
      <c r="H694748" s="12"/>
    </row>
    <row r="694749" spans="8:8">
      <c r="H694749" s="12"/>
    </row>
    <row r="694750" spans="8:8">
      <c r="H694750" s="12"/>
    </row>
    <row r="694751" spans="8:8">
      <c r="H694751" s="12"/>
    </row>
    <row r="694752" spans="8:8">
      <c r="H694752" s="12"/>
    </row>
    <row r="694753" spans="8:8">
      <c r="H694753" s="12"/>
    </row>
    <row r="694754" spans="8:8">
      <c r="H694754" s="12"/>
    </row>
    <row r="694755" spans="8:8">
      <c r="H694755" s="12"/>
    </row>
    <row r="694756" spans="8:8">
      <c r="H694756" s="12"/>
    </row>
    <row r="694757" spans="8:8">
      <c r="H694757" s="12"/>
    </row>
    <row r="694758" spans="8:8">
      <c r="H694758" s="12"/>
    </row>
    <row r="694759" spans="8:8">
      <c r="H694759" s="12"/>
    </row>
    <row r="694760" spans="8:8">
      <c r="H694760" s="12"/>
    </row>
    <row r="694761" spans="8:8">
      <c r="H694761" s="12"/>
    </row>
    <row r="694762" spans="8:8">
      <c r="H694762" s="12"/>
    </row>
    <row r="694763" spans="8:8">
      <c r="H694763" s="12"/>
    </row>
    <row r="694764" spans="8:8">
      <c r="H694764" s="12"/>
    </row>
    <row r="694765" spans="8:8">
      <c r="H694765" s="12"/>
    </row>
    <row r="694766" spans="8:8">
      <c r="H694766" s="12"/>
    </row>
    <row r="694767" spans="8:8">
      <c r="H694767" s="12"/>
    </row>
    <row r="694768" spans="8:8">
      <c r="H694768" s="12"/>
    </row>
    <row r="694769" spans="8:8">
      <c r="H694769" s="12"/>
    </row>
    <row r="694770" spans="8:8">
      <c r="H694770" s="12"/>
    </row>
    <row r="694771" spans="8:8">
      <c r="H694771" s="12"/>
    </row>
    <row r="694772" spans="8:8">
      <c r="H694772" s="12"/>
    </row>
    <row r="694773" spans="8:8">
      <c r="H694773" s="12"/>
    </row>
    <row r="694774" spans="8:8">
      <c r="H694774" s="12"/>
    </row>
    <row r="694775" spans="8:8">
      <c r="H694775" s="12"/>
    </row>
    <row r="694776" spans="8:8">
      <c r="H694776" s="12"/>
    </row>
    <row r="694777" spans="8:8">
      <c r="H694777" s="12"/>
    </row>
    <row r="694778" spans="8:8">
      <c r="H694778" s="12"/>
    </row>
    <row r="694779" spans="8:8">
      <c r="H694779" s="12"/>
    </row>
    <row r="694780" spans="8:8">
      <c r="H694780" s="12"/>
    </row>
    <row r="694781" spans="8:8">
      <c r="H694781" s="12"/>
    </row>
    <row r="694782" spans="8:8">
      <c r="H694782" s="12"/>
    </row>
    <row r="694783" spans="8:8">
      <c r="H694783" s="12"/>
    </row>
    <row r="694784" spans="8:8">
      <c r="H694784" s="12"/>
    </row>
    <row r="694785" spans="8:8">
      <c r="H694785" s="12"/>
    </row>
    <row r="694786" spans="8:8">
      <c r="H694786" s="12"/>
    </row>
    <row r="694787" spans="8:8">
      <c r="H694787" s="12"/>
    </row>
    <row r="694788" spans="8:8">
      <c r="H694788" s="12"/>
    </row>
    <row r="694789" spans="8:8">
      <c r="H694789" s="12"/>
    </row>
    <row r="694790" spans="8:8">
      <c r="H694790" s="12"/>
    </row>
    <row r="694791" spans="8:8">
      <c r="H694791" s="12"/>
    </row>
    <row r="694792" spans="8:8">
      <c r="H694792" s="12"/>
    </row>
    <row r="694793" spans="8:8">
      <c r="H694793" s="12"/>
    </row>
    <row r="694794" spans="8:8">
      <c r="H694794" s="12"/>
    </row>
    <row r="694795" spans="8:8">
      <c r="H694795" s="12"/>
    </row>
    <row r="694796" spans="8:8">
      <c r="H694796" s="12"/>
    </row>
    <row r="694797" spans="8:8">
      <c r="H694797" s="12"/>
    </row>
    <row r="694798" spans="8:8">
      <c r="H694798" s="12"/>
    </row>
    <row r="694799" spans="8:8">
      <c r="H694799" s="12"/>
    </row>
    <row r="694800" spans="8:8">
      <c r="H694800" s="12"/>
    </row>
    <row r="694801" spans="8:8">
      <c r="H694801" s="12"/>
    </row>
    <row r="694802" spans="8:8">
      <c r="H694802" s="12"/>
    </row>
    <row r="694803" spans="8:8">
      <c r="H694803" s="12"/>
    </row>
    <row r="694804" spans="8:8">
      <c r="H694804" s="12"/>
    </row>
    <row r="694805" spans="8:8">
      <c r="H694805" s="12"/>
    </row>
    <row r="694806" spans="8:8">
      <c r="H694806" s="12"/>
    </row>
    <row r="694807" spans="8:8">
      <c r="H694807" s="12"/>
    </row>
    <row r="694808" spans="8:8">
      <c r="H694808" s="12"/>
    </row>
    <row r="694809" spans="8:8">
      <c r="H694809" s="12"/>
    </row>
    <row r="694810" spans="8:8">
      <c r="H694810" s="12"/>
    </row>
    <row r="694811" spans="8:8">
      <c r="H694811" s="12"/>
    </row>
    <row r="694812" spans="8:8">
      <c r="H694812" s="12"/>
    </row>
    <row r="694813" spans="8:8">
      <c r="H694813" s="12"/>
    </row>
    <row r="694814" spans="8:8">
      <c r="H694814" s="12"/>
    </row>
    <row r="694815" spans="8:8">
      <c r="H694815" s="12"/>
    </row>
    <row r="694816" spans="8:8">
      <c r="H694816" s="12"/>
    </row>
    <row r="694817" spans="8:8">
      <c r="H694817" s="12"/>
    </row>
    <row r="694818" spans="8:8">
      <c r="H694818" s="12"/>
    </row>
    <row r="694819" spans="8:8">
      <c r="H694819" s="12"/>
    </row>
    <row r="694820" spans="8:8">
      <c r="H694820" s="12"/>
    </row>
    <row r="694821" spans="8:8">
      <c r="H694821" s="12"/>
    </row>
    <row r="694822" spans="8:8">
      <c r="H694822" s="12"/>
    </row>
    <row r="694823" spans="8:8">
      <c r="H694823" s="12"/>
    </row>
    <row r="694824" spans="8:8">
      <c r="H694824" s="12"/>
    </row>
    <row r="694825" spans="8:8">
      <c r="H694825" s="12"/>
    </row>
    <row r="694826" spans="8:8">
      <c r="H694826" s="12"/>
    </row>
    <row r="694827" spans="8:8">
      <c r="H694827" s="12"/>
    </row>
    <row r="694828" spans="8:8">
      <c r="H694828" s="12"/>
    </row>
    <row r="694829" spans="8:8">
      <c r="H694829" s="12"/>
    </row>
    <row r="694830" spans="8:8">
      <c r="H694830" s="12"/>
    </row>
    <row r="694831" spans="8:8">
      <c r="H694831" s="12"/>
    </row>
    <row r="694832" spans="8:8">
      <c r="H694832" s="12"/>
    </row>
    <row r="694833" spans="8:8">
      <c r="H694833" s="12"/>
    </row>
    <row r="694834" spans="8:8">
      <c r="H694834" s="12"/>
    </row>
    <row r="694835" spans="8:8">
      <c r="H694835" s="12"/>
    </row>
    <row r="694836" spans="8:8">
      <c r="H694836" s="12"/>
    </row>
    <row r="694837" spans="8:8">
      <c r="H694837" s="12"/>
    </row>
    <row r="694838" spans="8:8">
      <c r="H694838" s="12"/>
    </row>
    <row r="694839" spans="8:8">
      <c r="H694839" s="12"/>
    </row>
    <row r="694840" spans="8:8">
      <c r="H694840" s="12"/>
    </row>
    <row r="694841" spans="8:8">
      <c r="H694841" s="12"/>
    </row>
    <row r="694842" spans="8:8">
      <c r="H694842" s="12"/>
    </row>
    <row r="694843" spans="8:8">
      <c r="H694843" s="12"/>
    </row>
    <row r="694844" spans="8:8">
      <c r="H694844" s="12"/>
    </row>
    <row r="694845" spans="8:8">
      <c r="H694845" s="12"/>
    </row>
    <row r="694846" spans="8:8">
      <c r="H694846" s="12"/>
    </row>
    <row r="694847" spans="8:8">
      <c r="H694847" s="12"/>
    </row>
    <row r="694848" spans="8:8">
      <c r="H694848" s="12"/>
    </row>
    <row r="694849" spans="8:8">
      <c r="H694849" s="12"/>
    </row>
    <row r="694850" spans="8:8">
      <c r="H694850" s="12"/>
    </row>
    <row r="694851" spans="8:8">
      <c r="H694851" s="12"/>
    </row>
    <row r="694852" spans="8:8">
      <c r="H694852" s="12"/>
    </row>
    <row r="694853" spans="8:8">
      <c r="H694853" s="12"/>
    </row>
    <row r="694854" spans="8:8">
      <c r="H694854" s="12"/>
    </row>
    <row r="694855" spans="8:8">
      <c r="H694855" s="12"/>
    </row>
    <row r="694856" spans="8:8">
      <c r="H694856" s="12"/>
    </row>
    <row r="694857" spans="8:8">
      <c r="H694857" s="12"/>
    </row>
    <row r="694858" spans="8:8">
      <c r="H694858" s="12"/>
    </row>
    <row r="694859" spans="8:8">
      <c r="H694859" s="12"/>
    </row>
    <row r="694860" spans="8:8">
      <c r="H694860" s="12"/>
    </row>
    <row r="694861" spans="8:8">
      <c r="H694861" s="12"/>
    </row>
    <row r="694862" spans="8:8">
      <c r="H694862" s="12"/>
    </row>
    <row r="694863" spans="8:8">
      <c r="H694863" s="12"/>
    </row>
    <row r="694864" spans="8:8">
      <c r="H694864" s="12"/>
    </row>
    <row r="694865" spans="8:8">
      <c r="H694865" s="12"/>
    </row>
    <row r="694866" spans="8:8">
      <c r="H694866" s="12"/>
    </row>
    <row r="694867" spans="8:8">
      <c r="H694867" s="12"/>
    </row>
    <row r="694868" spans="8:8">
      <c r="H694868" s="12"/>
    </row>
    <row r="694869" spans="8:8">
      <c r="H694869" s="12"/>
    </row>
    <row r="694870" spans="8:8">
      <c r="H694870" s="12"/>
    </row>
    <row r="694871" spans="8:8">
      <c r="H694871" s="12"/>
    </row>
    <row r="694872" spans="8:8">
      <c r="H694872" s="12"/>
    </row>
    <row r="694873" spans="8:8">
      <c r="H694873" s="12"/>
    </row>
    <row r="694874" spans="8:8">
      <c r="H694874" s="12"/>
    </row>
    <row r="694875" spans="8:8">
      <c r="H694875" s="12"/>
    </row>
    <row r="694876" spans="8:8">
      <c r="H694876" s="12"/>
    </row>
    <row r="694877" spans="8:8">
      <c r="H694877" s="12"/>
    </row>
    <row r="694878" spans="8:8">
      <c r="H694878" s="12"/>
    </row>
    <row r="694879" spans="8:8">
      <c r="H694879" s="12"/>
    </row>
    <row r="694880" spans="8:8">
      <c r="H694880" s="12"/>
    </row>
    <row r="694881" spans="8:8">
      <c r="H694881" s="12"/>
    </row>
    <row r="694882" spans="8:8">
      <c r="H694882" s="12"/>
    </row>
    <row r="694883" spans="8:8">
      <c r="H694883" s="12"/>
    </row>
    <row r="694884" spans="8:8">
      <c r="H694884" s="12"/>
    </row>
    <row r="694885" spans="8:8">
      <c r="H694885" s="12"/>
    </row>
    <row r="694886" spans="8:8">
      <c r="H694886" s="12"/>
    </row>
    <row r="694887" spans="8:8">
      <c r="H694887" s="12"/>
    </row>
    <row r="694888" spans="8:8">
      <c r="H694888" s="12"/>
    </row>
    <row r="694889" spans="8:8">
      <c r="H694889" s="12"/>
    </row>
    <row r="694890" spans="8:8">
      <c r="H694890" s="12"/>
    </row>
    <row r="694891" spans="8:8">
      <c r="H694891" s="12"/>
    </row>
    <row r="694892" spans="8:8">
      <c r="H694892" s="12"/>
    </row>
    <row r="694893" spans="8:8">
      <c r="H694893" s="12"/>
    </row>
    <row r="694894" spans="8:8">
      <c r="H694894" s="12"/>
    </row>
    <row r="694895" spans="8:8">
      <c r="H694895" s="12"/>
    </row>
    <row r="694896" spans="8:8">
      <c r="H694896" s="12"/>
    </row>
    <row r="694897" spans="8:8">
      <c r="H694897" s="12"/>
    </row>
    <row r="694898" spans="8:8">
      <c r="H694898" s="12"/>
    </row>
    <row r="694899" spans="8:8">
      <c r="H694899" s="12"/>
    </row>
    <row r="694900" spans="8:8">
      <c r="H694900" s="12"/>
    </row>
    <row r="694901" spans="8:8">
      <c r="H694901" s="12"/>
    </row>
    <row r="694902" spans="8:8">
      <c r="H694902" s="12"/>
    </row>
    <row r="694903" spans="8:8">
      <c r="H694903" s="12"/>
    </row>
    <row r="694904" spans="8:8">
      <c r="H694904" s="12"/>
    </row>
    <row r="694905" spans="8:8">
      <c r="H694905" s="12"/>
    </row>
    <row r="694906" spans="8:8">
      <c r="H694906" s="12"/>
    </row>
    <row r="694907" spans="8:8">
      <c r="H694907" s="12"/>
    </row>
    <row r="694908" spans="8:8">
      <c r="H694908" s="12"/>
    </row>
    <row r="694909" spans="8:8">
      <c r="H694909" s="12"/>
    </row>
    <row r="694910" spans="8:8">
      <c r="H694910" s="12"/>
    </row>
    <row r="694911" spans="8:8">
      <c r="H694911" s="12"/>
    </row>
    <row r="694912" spans="8:8">
      <c r="H694912" s="12"/>
    </row>
    <row r="694913" spans="8:8">
      <c r="H694913" s="12"/>
    </row>
    <row r="694914" spans="8:8">
      <c r="H694914" s="12"/>
    </row>
    <row r="694915" spans="8:8">
      <c r="H694915" s="12"/>
    </row>
    <row r="694916" spans="8:8">
      <c r="H694916" s="12"/>
    </row>
    <row r="694917" spans="8:8">
      <c r="H694917" s="12"/>
    </row>
    <row r="694918" spans="8:8">
      <c r="H694918" s="12"/>
    </row>
    <row r="694919" spans="8:8">
      <c r="H694919" s="12"/>
    </row>
    <row r="694920" spans="8:8">
      <c r="H694920" s="12"/>
    </row>
    <row r="694921" spans="8:8">
      <c r="H694921" s="12"/>
    </row>
    <row r="694922" spans="8:8">
      <c r="H694922" s="12"/>
    </row>
    <row r="694923" spans="8:8">
      <c r="H694923" s="12"/>
    </row>
    <row r="694924" spans="8:8">
      <c r="H694924" s="12"/>
    </row>
    <row r="694925" spans="8:8">
      <c r="H694925" s="12"/>
    </row>
    <row r="694926" spans="8:8">
      <c r="H694926" s="12"/>
    </row>
    <row r="694927" spans="8:8">
      <c r="H694927" s="12"/>
    </row>
    <row r="694928" spans="8:8">
      <c r="H694928" s="12"/>
    </row>
    <row r="694929" spans="8:8">
      <c r="H694929" s="12"/>
    </row>
    <row r="694930" spans="8:8">
      <c r="H694930" s="12"/>
    </row>
    <row r="694931" spans="8:8">
      <c r="H694931" s="12"/>
    </row>
    <row r="694932" spans="8:8">
      <c r="H694932" s="12"/>
    </row>
    <row r="694933" spans="8:8">
      <c r="H694933" s="12"/>
    </row>
    <row r="694934" spans="8:8">
      <c r="H694934" s="12"/>
    </row>
    <row r="694935" spans="8:8">
      <c r="H694935" s="12"/>
    </row>
    <row r="694936" spans="8:8">
      <c r="H694936" s="12"/>
    </row>
    <row r="694937" spans="8:8">
      <c r="H694937" s="12"/>
    </row>
    <row r="694938" spans="8:8">
      <c r="H694938" s="12"/>
    </row>
    <row r="694939" spans="8:8">
      <c r="H694939" s="12"/>
    </row>
    <row r="694940" spans="8:8">
      <c r="H694940" s="12"/>
    </row>
    <row r="694941" spans="8:8">
      <c r="H694941" s="12"/>
    </row>
    <row r="694942" spans="8:8">
      <c r="H694942" s="12"/>
    </row>
    <row r="694943" spans="8:8">
      <c r="H694943" s="12"/>
    </row>
    <row r="694944" spans="8:8">
      <c r="H694944" s="12"/>
    </row>
    <row r="694945" spans="8:8">
      <c r="H694945" s="12"/>
    </row>
    <row r="694946" spans="8:8">
      <c r="H694946" s="12"/>
    </row>
    <row r="694947" spans="8:8">
      <c r="H694947" s="12"/>
    </row>
    <row r="694948" spans="8:8">
      <c r="H694948" s="12"/>
    </row>
    <row r="694949" spans="8:8">
      <c r="H694949" s="12"/>
    </row>
    <row r="694950" spans="8:8">
      <c r="H694950" s="12"/>
    </row>
    <row r="694951" spans="8:8">
      <c r="H694951" s="12"/>
    </row>
    <row r="694952" spans="8:8">
      <c r="H694952" s="12"/>
    </row>
    <row r="694953" spans="8:8">
      <c r="H694953" s="12"/>
    </row>
    <row r="694954" spans="8:8">
      <c r="H694954" s="12"/>
    </row>
    <row r="694955" spans="8:8">
      <c r="H694955" s="12"/>
    </row>
    <row r="694956" spans="8:8">
      <c r="H694956" s="12"/>
    </row>
    <row r="694957" spans="8:8">
      <c r="H694957" s="12"/>
    </row>
    <row r="694958" spans="8:8">
      <c r="H694958" s="12"/>
    </row>
    <row r="694959" spans="8:8">
      <c r="H694959" s="12"/>
    </row>
    <row r="694960" spans="8:8">
      <c r="H694960" s="12"/>
    </row>
    <row r="694961" spans="8:8">
      <c r="H694961" s="12"/>
    </row>
    <row r="694962" spans="8:8">
      <c r="H694962" s="12"/>
    </row>
    <row r="694963" spans="8:8">
      <c r="H694963" s="12"/>
    </row>
    <row r="694964" spans="8:8">
      <c r="H694964" s="12"/>
    </row>
    <row r="694965" spans="8:8">
      <c r="H694965" s="12"/>
    </row>
    <row r="694966" spans="8:8">
      <c r="H694966" s="12"/>
    </row>
    <row r="694967" spans="8:8">
      <c r="H694967" s="12"/>
    </row>
    <row r="694968" spans="8:8">
      <c r="H694968" s="12"/>
    </row>
    <row r="694969" spans="8:8">
      <c r="H694969" s="12"/>
    </row>
    <row r="694970" spans="8:8">
      <c r="H694970" s="12"/>
    </row>
    <row r="694971" spans="8:8">
      <c r="H694971" s="12"/>
    </row>
    <row r="694972" spans="8:8">
      <c r="H694972" s="12"/>
    </row>
    <row r="694973" spans="8:8">
      <c r="H694973" s="12"/>
    </row>
    <row r="694974" spans="8:8">
      <c r="H694974" s="12"/>
    </row>
    <row r="694975" spans="8:8">
      <c r="H694975" s="12"/>
    </row>
    <row r="694976" spans="8:8">
      <c r="H694976" s="12"/>
    </row>
    <row r="694977" spans="8:8">
      <c r="H694977" s="12"/>
    </row>
    <row r="694978" spans="8:8">
      <c r="H694978" s="12"/>
    </row>
    <row r="694979" spans="8:8">
      <c r="H694979" s="12"/>
    </row>
    <row r="694980" spans="8:8">
      <c r="H694980" s="12"/>
    </row>
    <row r="694981" spans="8:8">
      <c r="H694981" s="12"/>
    </row>
    <row r="694982" spans="8:8">
      <c r="H694982" s="12"/>
    </row>
    <row r="694983" spans="8:8">
      <c r="H694983" s="12"/>
    </row>
    <row r="694984" spans="8:8">
      <c r="H694984" s="12"/>
    </row>
    <row r="694985" spans="8:8">
      <c r="H694985" s="12"/>
    </row>
    <row r="694986" spans="8:8">
      <c r="H694986" s="12"/>
    </row>
    <row r="694987" spans="8:8">
      <c r="H694987" s="12"/>
    </row>
    <row r="694988" spans="8:8">
      <c r="H694988" s="12"/>
    </row>
    <row r="694989" spans="8:8">
      <c r="H694989" s="12"/>
    </row>
    <row r="694990" spans="8:8">
      <c r="H694990" s="12"/>
    </row>
    <row r="694991" spans="8:8">
      <c r="H694991" s="12"/>
    </row>
    <row r="694992" spans="8:8">
      <c r="H694992" s="12"/>
    </row>
    <row r="694993" spans="8:8">
      <c r="H694993" s="12"/>
    </row>
    <row r="694994" spans="8:8">
      <c r="H694994" s="12"/>
    </row>
    <row r="694995" spans="8:8">
      <c r="H694995" s="12"/>
    </row>
    <row r="694996" spans="8:8">
      <c r="H694996" s="12"/>
    </row>
    <row r="694997" spans="8:8">
      <c r="H694997" s="12"/>
    </row>
    <row r="694998" spans="8:8">
      <c r="H694998" s="12"/>
    </row>
    <row r="694999" spans="8:8">
      <c r="H694999" s="12"/>
    </row>
    <row r="695000" spans="8:8">
      <c r="H695000" s="12"/>
    </row>
    <row r="695001" spans="8:8">
      <c r="H695001" s="12"/>
    </row>
    <row r="695002" spans="8:8">
      <c r="H695002" s="12"/>
    </row>
    <row r="695003" spans="8:8">
      <c r="H695003" s="12"/>
    </row>
    <row r="695004" spans="8:8">
      <c r="H695004" s="12"/>
    </row>
    <row r="695005" spans="8:8">
      <c r="H695005" s="12"/>
    </row>
    <row r="695006" spans="8:8">
      <c r="H695006" s="12"/>
    </row>
    <row r="695007" spans="8:8">
      <c r="H695007" s="12"/>
    </row>
    <row r="695008" spans="8:8">
      <c r="H695008" s="12"/>
    </row>
    <row r="695009" spans="8:8">
      <c r="H695009" s="12"/>
    </row>
    <row r="695010" spans="8:8">
      <c r="H695010" s="12"/>
    </row>
    <row r="695011" spans="8:8">
      <c r="H695011" s="12"/>
    </row>
    <row r="695012" spans="8:8">
      <c r="H695012" s="12"/>
    </row>
    <row r="695013" spans="8:8">
      <c r="H695013" s="12"/>
    </row>
    <row r="695014" spans="8:8">
      <c r="H695014" s="12"/>
    </row>
    <row r="695015" spans="8:8">
      <c r="H695015" s="12"/>
    </row>
    <row r="695016" spans="8:8">
      <c r="H695016" s="12"/>
    </row>
    <row r="695017" spans="8:8">
      <c r="H695017" s="12"/>
    </row>
    <row r="695018" spans="8:8">
      <c r="H695018" s="12"/>
    </row>
    <row r="695019" spans="8:8">
      <c r="H695019" s="12"/>
    </row>
    <row r="695020" spans="8:8">
      <c r="H695020" s="12"/>
    </row>
    <row r="695021" spans="8:8">
      <c r="H695021" s="12"/>
    </row>
    <row r="695022" spans="8:8">
      <c r="H695022" s="12"/>
    </row>
    <row r="695023" spans="8:8">
      <c r="H695023" s="12"/>
    </row>
    <row r="695024" spans="8:8">
      <c r="H695024" s="12"/>
    </row>
    <row r="695025" spans="8:8">
      <c r="H695025" s="12"/>
    </row>
    <row r="695026" spans="8:8">
      <c r="H695026" s="12"/>
    </row>
    <row r="695027" spans="8:8">
      <c r="H695027" s="12"/>
    </row>
    <row r="695028" spans="8:8">
      <c r="H695028" s="12"/>
    </row>
    <row r="695029" spans="8:8">
      <c r="H695029" s="12"/>
    </row>
    <row r="695030" spans="8:8">
      <c r="H695030" s="12"/>
    </row>
    <row r="695031" spans="8:8">
      <c r="H695031" s="12"/>
    </row>
    <row r="695032" spans="8:8">
      <c r="H695032" s="12"/>
    </row>
    <row r="695033" spans="8:8">
      <c r="H695033" s="12"/>
    </row>
    <row r="695034" spans="8:8">
      <c r="H695034" s="12"/>
    </row>
    <row r="695035" spans="8:8">
      <c r="H695035" s="12"/>
    </row>
    <row r="695036" spans="8:8">
      <c r="H695036" s="12"/>
    </row>
    <row r="695037" spans="8:8">
      <c r="H695037" s="12"/>
    </row>
    <row r="695038" spans="8:8">
      <c r="H695038" s="12"/>
    </row>
    <row r="695039" spans="8:8">
      <c r="H695039" s="12"/>
    </row>
    <row r="695040" spans="8:8">
      <c r="H695040" s="12"/>
    </row>
    <row r="695041" spans="8:8">
      <c r="H695041" s="12"/>
    </row>
    <row r="695042" spans="8:8">
      <c r="H695042" s="12"/>
    </row>
    <row r="695043" spans="8:8">
      <c r="H695043" s="12"/>
    </row>
    <row r="695044" spans="8:8">
      <c r="H695044" s="12"/>
    </row>
    <row r="695045" spans="8:8">
      <c r="H695045" s="12"/>
    </row>
    <row r="695046" spans="8:8">
      <c r="H695046" s="12"/>
    </row>
    <row r="695047" spans="8:8">
      <c r="H695047" s="12"/>
    </row>
    <row r="695048" spans="8:8">
      <c r="H695048" s="12"/>
    </row>
    <row r="695049" spans="8:8">
      <c r="H695049" s="12"/>
    </row>
    <row r="695050" spans="8:8">
      <c r="H695050" s="12"/>
    </row>
    <row r="695051" spans="8:8">
      <c r="H695051" s="12"/>
    </row>
    <row r="695052" spans="8:8">
      <c r="H695052" s="12"/>
    </row>
    <row r="695053" spans="8:8">
      <c r="H695053" s="12"/>
    </row>
    <row r="695054" spans="8:8">
      <c r="H695054" s="12"/>
    </row>
    <row r="695055" spans="8:8">
      <c r="H695055" s="12"/>
    </row>
    <row r="695056" spans="8:8">
      <c r="H695056" s="12"/>
    </row>
    <row r="695057" spans="8:8">
      <c r="H695057" s="12"/>
    </row>
    <row r="695058" spans="8:8">
      <c r="H695058" s="12"/>
    </row>
    <row r="695059" spans="8:8">
      <c r="H695059" s="12"/>
    </row>
    <row r="695060" spans="8:8">
      <c r="H695060" s="12"/>
    </row>
    <row r="695061" spans="8:8">
      <c r="H695061" s="12"/>
    </row>
    <row r="695062" spans="8:8">
      <c r="H695062" s="12"/>
    </row>
    <row r="695063" spans="8:8">
      <c r="H695063" s="12"/>
    </row>
    <row r="695064" spans="8:8">
      <c r="H695064" s="12"/>
    </row>
    <row r="695065" spans="8:8">
      <c r="H695065" s="12"/>
    </row>
    <row r="695066" spans="8:8">
      <c r="H695066" s="12"/>
    </row>
    <row r="695067" spans="8:8">
      <c r="H695067" s="12"/>
    </row>
    <row r="695068" spans="8:8">
      <c r="H695068" s="12"/>
    </row>
    <row r="695069" spans="8:8">
      <c r="H695069" s="12"/>
    </row>
    <row r="695070" spans="8:8">
      <c r="H695070" s="12"/>
    </row>
    <row r="695071" spans="8:8">
      <c r="H695071" s="12"/>
    </row>
    <row r="695072" spans="8:8">
      <c r="H695072" s="12"/>
    </row>
    <row r="695073" spans="8:8">
      <c r="H695073" s="12"/>
    </row>
    <row r="695074" spans="8:8">
      <c r="H695074" s="12"/>
    </row>
    <row r="695075" spans="8:8">
      <c r="H695075" s="12"/>
    </row>
    <row r="695076" spans="8:8">
      <c r="H695076" s="12"/>
    </row>
    <row r="695077" spans="8:8">
      <c r="H695077" s="12"/>
    </row>
    <row r="695078" spans="8:8">
      <c r="H695078" s="12"/>
    </row>
    <row r="695079" spans="8:8">
      <c r="H695079" s="12"/>
    </row>
    <row r="695080" spans="8:8">
      <c r="H695080" s="12"/>
    </row>
    <row r="695081" spans="8:8">
      <c r="H695081" s="12"/>
    </row>
    <row r="695082" spans="8:8">
      <c r="H695082" s="12"/>
    </row>
    <row r="695083" spans="8:8">
      <c r="H695083" s="12"/>
    </row>
    <row r="695084" spans="8:8">
      <c r="H695084" s="12"/>
    </row>
    <row r="695085" spans="8:8">
      <c r="H695085" s="12"/>
    </row>
    <row r="695086" spans="8:8">
      <c r="H695086" s="12"/>
    </row>
    <row r="695087" spans="8:8">
      <c r="H695087" s="12"/>
    </row>
    <row r="695088" spans="8:8">
      <c r="H695088" s="12"/>
    </row>
    <row r="695089" spans="8:8">
      <c r="H695089" s="12"/>
    </row>
    <row r="695090" spans="8:8">
      <c r="H695090" s="12"/>
    </row>
    <row r="695091" spans="8:8">
      <c r="H695091" s="12"/>
    </row>
    <row r="695092" spans="8:8">
      <c r="H695092" s="12"/>
    </row>
    <row r="695093" spans="8:8">
      <c r="H695093" s="12"/>
    </row>
    <row r="695094" spans="8:8">
      <c r="H695094" s="12"/>
    </row>
    <row r="695095" spans="8:8">
      <c r="H695095" s="12"/>
    </row>
    <row r="695096" spans="8:8">
      <c r="H695096" s="12"/>
    </row>
    <row r="695097" spans="8:8">
      <c r="H695097" s="12"/>
    </row>
    <row r="695098" spans="8:8">
      <c r="H695098" s="12"/>
    </row>
    <row r="695099" spans="8:8">
      <c r="H695099" s="12"/>
    </row>
    <row r="695100" spans="8:8">
      <c r="H695100" s="12"/>
    </row>
    <row r="695101" spans="8:8">
      <c r="H695101" s="12"/>
    </row>
    <row r="695102" spans="8:8">
      <c r="H695102" s="12"/>
    </row>
    <row r="695103" spans="8:8">
      <c r="H695103" s="12"/>
    </row>
    <row r="695104" spans="8:8">
      <c r="H695104" s="12"/>
    </row>
    <row r="695105" spans="8:8">
      <c r="H695105" s="12"/>
    </row>
    <row r="695106" spans="8:8">
      <c r="H695106" s="12"/>
    </row>
    <row r="695107" spans="8:8">
      <c r="H695107" s="12"/>
    </row>
    <row r="695108" spans="8:8">
      <c r="H695108" s="12"/>
    </row>
    <row r="695109" spans="8:8">
      <c r="H695109" s="12"/>
    </row>
    <row r="695110" spans="8:8">
      <c r="H695110" s="12"/>
    </row>
    <row r="695111" spans="8:8">
      <c r="H695111" s="12"/>
    </row>
    <row r="695112" spans="8:8">
      <c r="H695112" s="12"/>
    </row>
    <row r="695113" spans="8:8">
      <c r="H695113" s="12"/>
    </row>
    <row r="695114" spans="8:8">
      <c r="H695114" s="12"/>
    </row>
    <row r="695115" spans="8:8">
      <c r="H695115" s="12"/>
    </row>
    <row r="695116" spans="8:8">
      <c r="H695116" s="12"/>
    </row>
    <row r="695117" spans="8:8">
      <c r="H695117" s="12"/>
    </row>
    <row r="695118" spans="8:8">
      <c r="H695118" s="12"/>
    </row>
    <row r="695119" spans="8:8">
      <c r="H695119" s="12"/>
    </row>
    <row r="695120" spans="8:8">
      <c r="H695120" s="12"/>
    </row>
    <row r="695121" spans="8:8">
      <c r="H695121" s="12"/>
    </row>
    <row r="695122" spans="8:8">
      <c r="H695122" s="12"/>
    </row>
    <row r="695123" spans="8:8">
      <c r="H695123" s="12"/>
    </row>
    <row r="695124" spans="8:8">
      <c r="H695124" s="12"/>
    </row>
    <row r="695125" spans="8:8">
      <c r="H695125" s="12"/>
    </row>
    <row r="695126" spans="8:8">
      <c r="H695126" s="12"/>
    </row>
    <row r="695127" spans="8:8">
      <c r="H695127" s="12"/>
    </row>
    <row r="695128" spans="8:8">
      <c r="H695128" s="12"/>
    </row>
    <row r="695129" spans="8:8">
      <c r="H695129" s="12"/>
    </row>
    <row r="695130" spans="8:8">
      <c r="H695130" s="12"/>
    </row>
    <row r="695131" spans="8:8">
      <c r="H695131" s="12"/>
    </row>
    <row r="695132" spans="8:8">
      <c r="H695132" s="12"/>
    </row>
    <row r="695133" spans="8:8">
      <c r="H695133" s="12"/>
    </row>
    <row r="695134" spans="8:8">
      <c r="H695134" s="12"/>
    </row>
    <row r="695135" spans="8:8">
      <c r="H695135" s="12"/>
    </row>
    <row r="695136" spans="8:8">
      <c r="H695136" s="12"/>
    </row>
    <row r="695137" spans="8:8">
      <c r="H695137" s="12"/>
    </row>
    <row r="695138" spans="8:8">
      <c r="H695138" s="12"/>
    </row>
    <row r="695139" spans="8:8">
      <c r="H695139" s="12"/>
    </row>
    <row r="695140" spans="8:8">
      <c r="H695140" s="12"/>
    </row>
    <row r="695141" spans="8:8">
      <c r="H695141" s="12"/>
    </row>
    <row r="695142" spans="8:8">
      <c r="H695142" s="12"/>
    </row>
    <row r="695143" spans="8:8">
      <c r="H695143" s="12"/>
    </row>
    <row r="695144" spans="8:8">
      <c r="H695144" s="12"/>
    </row>
    <row r="695145" spans="8:8">
      <c r="H695145" s="12"/>
    </row>
    <row r="695146" spans="8:8">
      <c r="H695146" s="12"/>
    </row>
    <row r="695147" spans="8:8">
      <c r="H695147" s="12"/>
    </row>
    <row r="695148" spans="8:8">
      <c r="H695148" s="12"/>
    </row>
    <row r="695149" spans="8:8">
      <c r="H695149" s="12"/>
    </row>
    <row r="695150" spans="8:8">
      <c r="H695150" s="12"/>
    </row>
    <row r="695151" spans="8:8">
      <c r="H695151" s="12"/>
    </row>
    <row r="695152" spans="8:8">
      <c r="H695152" s="12"/>
    </row>
    <row r="695153" spans="8:8">
      <c r="H695153" s="12"/>
    </row>
    <row r="695154" spans="8:8">
      <c r="H695154" s="12"/>
    </row>
    <row r="695155" spans="8:8">
      <c r="H695155" s="12"/>
    </row>
    <row r="695156" spans="8:8">
      <c r="H695156" s="12"/>
    </row>
    <row r="695157" spans="8:8">
      <c r="H695157" s="12"/>
    </row>
    <row r="695158" spans="8:8">
      <c r="H695158" s="12"/>
    </row>
    <row r="695159" spans="8:8">
      <c r="H695159" s="12"/>
    </row>
    <row r="695160" spans="8:8">
      <c r="H695160" s="12"/>
    </row>
    <row r="695161" spans="8:8">
      <c r="H695161" s="12"/>
    </row>
    <row r="695162" spans="8:8">
      <c r="H695162" s="12"/>
    </row>
    <row r="695163" spans="8:8">
      <c r="H695163" s="12"/>
    </row>
    <row r="695164" spans="8:8">
      <c r="H695164" s="12"/>
    </row>
    <row r="695165" spans="8:8">
      <c r="H695165" s="12"/>
    </row>
    <row r="695166" spans="8:8">
      <c r="H695166" s="12"/>
    </row>
    <row r="695167" spans="8:8">
      <c r="H695167" s="12"/>
    </row>
    <row r="695168" spans="8:8">
      <c r="H695168" s="12"/>
    </row>
    <row r="695169" spans="8:8">
      <c r="H695169" s="12"/>
    </row>
    <row r="695170" spans="8:8">
      <c r="H695170" s="12"/>
    </row>
    <row r="695171" spans="8:8">
      <c r="H695171" s="12"/>
    </row>
    <row r="695172" spans="8:8">
      <c r="H695172" s="12"/>
    </row>
    <row r="695173" spans="8:8">
      <c r="H695173" s="12"/>
    </row>
    <row r="695174" spans="8:8">
      <c r="H695174" s="12"/>
    </row>
    <row r="695175" spans="8:8">
      <c r="H695175" s="12"/>
    </row>
    <row r="695176" spans="8:8">
      <c r="H695176" s="12"/>
    </row>
    <row r="695177" spans="8:8">
      <c r="H695177" s="12"/>
    </row>
    <row r="695178" spans="8:8">
      <c r="H695178" s="12"/>
    </row>
    <row r="695179" spans="8:8">
      <c r="H695179" s="12"/>
    </row>
    <row r="695180" spans="8:8">
      <c r="H695180" s="12"/>
    </row>
    <row r="695181" spans="8:8">
      <c r="H695181" s="12"/>
    </row>
    <row r="695182" spans="8:8">
      <c r="H695182" s="12"/>
    </row>
    <row r="695183" spans="8:8">
      <c r="H695183" s="12"/>
    </row>
    <row r="695184" spans="8:8">
      <c r="H695184" s="12"/>
    </row>
    <row r="695185" spans="8:8">
      <c r="H695185" s="12"/>
    </row>
    <row r="695186" spans="8:8">
      <c r="H695186" s="12"/>
    </row>
    <row r="695187" spans="8:8">
      <c r="H695187" s="12"/>
    </row>
    <row r="695188" spans="8:8">
      <c r="H695188" s="12"/>
    </row>
    <row r="695189" spans="8:8">
      <c r="H695189" s="12"/>
    </row>
    <row r="695190" spans="8:8">
      <c r="H695190" s="12"/>
    </row>
    <row r="695191" spans="8:8">
      <c r="H695191" s="12"/>
    </row>
    <row r="695192" spans="8:8">
      <c r="H695192" s="12"/>
    </row>
    <row r="695193" spans="8:8">
      <c r="H695193" s="12"/>
    </row>
    <row r="695194" spans="8:8">
      <c r="H695194" s="12"/>
    </row>
    <row r="695195" spans="8:8">
      <c r="H695195" s="12"/>
    </row>
    <row r="695196" spans="8:8">
      <c r="H695196" s="12"/>
    </row>
    <row r="695197" spans="8:8">
      <c r="H695197" s="12"/>
    </row>
    <row r="695198" spans="8:8">
      <c r="H695198" s="12"/>
    </row>
    <row r="695199" spans="8:8">
      <c r="H695199" s="12"/>
    </row>
    <row r="695200" spans="8:8">
      <c r="H695200" s="12"/>
    </row>
    <row r="695201" spans="8:8">
      <c r="H695201" s="12"/>
    </row>
    <row r="695202" spans="8:8">
      <c r="H695202" s="12"/>
    </row>
    <row r="695203" spans="8:8">
      <c r="H695203" s="12"/>
    </row>
    <row r="695204" spans="8:8">
      <c r="H695204" s="12"/>
    </row>
    <row r="695205" spans="8:8">
      <c r="H695205" s="12"/>
    </row>
    <row r="695206" spans="8:8">
      <c r="H695206" s="12"/>
    </row>
    <row r="695207" spans="8:8">
      <c r="H695207" s="12"/>
    </row>
    <row r="695208" spans="8:8">
      <c r="H695208" s="12"/>
    </row>
    <row r="695209" spans="8:8">
      <c r="H695209" s="12"/>
    </row>
    <row r="695210" spans="8:8">
      <c r="H695210" s="12"/>
    </row>
    <row r="695211" spans="8:8">
      <c r="H695211" s="12"/>
    </row>
    <row r="695212" spans="8:8">
      <c r="H695212" s="12"/>
    </row>
    <row r="695213" spans="8:8">
      <c r="H695213" s="12"/>
    </row>
    <row r="695214" spans="8:8">
      <c r="H695214" s="12"/>
    </row>
    <row r="695215" spans="8:8">
      <c r="H695215" s="12"/>
    </row>
    <row r="695216" spans="8:8">
      <c r="H695216" s="12"/>
    </row>
    <row r="695217" spans="8:8">
      <c r="H695217" s="12"/>
    </row>
    <row r="695218" spans="8:8">
      <c r="H695218" s="12"/>
    </row>
    <row r="695219" spans="8:8">
      <c r="H695219" s="12"/>
    </row>
    <row r="695220" spans="8:8">
      <c r="H695220" s="12"/>
    </row>
    <row r="695221" spans="8:8">
      <c r="H695221" s="12"/>
    </row>
    <row r="695222" spans="8:8">
      <c r="H695222" s="12"/>
    </row>
    <row r="695223" spans="8:8">
      <c r="H695223" s="12"/>
    </row>
    <row r="695224" spans="8:8">
      <c r="H695224" s="12"/>
    </row>
    <row r="695225" spans="8:8">
      <c r="H695225" s="12"/>
    </row>
    <row r="695226" spans="8:8">
      <c r="H695226" s="12"/>
    </row>
    <row r="695227" spans="8:8">
      <c r="H695227" s="12"/>
    </row>
    <row r="695228" spans="8:8">
      <c r="H695228" s="12"/>
    </row>
    <row r="695229" spans="8:8">
      <c r="H695229" s="12"/>
    </row>
    <row r="695230" spans="8:8">
      <c r="H695230" s="12"/>
    </row>
    <row r="695231" spans="8:8">
      <c r="H695231" s="12"/>
    </row>
    <row r="695232" spans="8:8">
      <c r="H695232" s="12"/>
    </row>
    <row r="695233" spans="8:8">
      <c r="H695233" s="12"/>
    </row>
    <row r="695234" spans="8:8">
      <c r="H695234" s="12"/>
    </row>
    <row r="695235" spans="8:8">
      <c r="H695235" s="12"/>
    </row>
    <row r="695236" spans="8:8">
      <c r="H695236" s="12"/>
    </row>
    <row r="695237" spans="8:8">
      <c r="H695237" s="12"/>
    </row>
    <row r="695238" spans="8:8">
      <c r="H695238" s="12"/>
    </row>
    <row r="695239" spans="8:8">
      <c r="H695239" s="12"/>
    </row>
    <row r="695240" spans="8:8">
      <c r="H695240" s="12"/>
    </row>
    <row r="695241" spans="8:8">
      <c r="H695241" s="12"/>
    </row>
    <row r="695242" spans="8:8">
      <c r="H695242" s="12"/>
    </row>
    <row r="695243" spans="8:8">
      <c r="H695243" s="12"/>
    </row>
    <row r="695244" spans="8:8">
      <c r="H695244" s="12"/>
    </row>
    <row r="695245" spans="8:8">
      <c r="H695245" s="12"/>
    </row>
    <row r="695246" spans="8:8">
      <c r="H695246" s="12"/>
    </row>
    <row r="695247" spans="8:8">
      <c r="H695247" s="12"/>
    </row>
    <row r="695248" spans="8:8">
      <c r="H695248" s="12"/>
    </row>
    <row r="695249" spans="8:8">
      <c r="H695249" s="12"/>
    </row>
    <row r="695250" spans="8:8">
      <c r="H695250" s="12"/>
    </row>
    <row r="695251" spans="8:8">
      <c r="H695251" s="12"/>
    </row>
    <row r="695252" spans="8:8">
      <c r="H695252" s="12"/>
    </row>
    <row r="695253" spans="8:8">
      <c r="H695253" s="12"/>
    </row>
    <row r="695254" spans="8:8">
      <c r="H695254" s="12"/>
    </row>
    <row r="695255" spans="8:8">
      <c r="H695255" s="12"/>
    </row>
    <row r="695256" spans="8:8">
      <c r="H695256" s="12"/>
    </row>
    <row r="695257" spans="8:8">
      <c r="H695257" s="12"/>
    </row>
    <row r="695258" spans="8:8">
      <c r="H695258" s="12"/>
    </row>
    <row r="695259" spans="8:8">
      <c r="H695259" s="12"/>
    </row>
    <row r="695260" spans="8:8">
      <c r="H695260" s="12"/>
    </row>
    <row r="695261" spans="8:8">
      <c r="H695261" s="12"/>
    </row>
    <row r="695262" spans="8:8">
      <c r="H695262" s="12"/>
    </row>
    <row r="695263" spans="8:8">
      <c r="H695263" s="12"/>
    </row>
    <row r="695264" spans="8:8">
      <c r="H695264" s="12"/>
    </row>
    <row r="695265" spans="8:8">
      <c r="H695265" s="12"/>
    </row>
    <row r="695266" spans="8:8">
      <c r="H695266" s="12"/>
    </row>
    <row r="695267" spans="8:8">
      <c r="H695267" s="12"/>
    </row>
    <row r="695268" spans="8:8">
      <c r="H695268" s="12"/>
    </row>
    <row r="695269" spans="8:8">
      <c r="H695269" s="12"/>
    </row>
    <row r="695270" spans="8:8">
      <c r="H695270" s="12"/>
    </row>
    <row r="695271" spans="8:8">
      <c r="H695271" s="12"/>
    </row>
    <row r="695272" spans="8:8">
      <c r="H695272" s="12"/>
    </row>
    <row r="695273" spans="8:8">
      <c r="H695273" s="12"/>
    </row>
    <row r="695274" spans="8:8">
      <c r="H695274" s="12"/>
    </row>
    <row r="695275" spans="8:8">
      <c r="H695275" s="12"/>
    </row>
    <row r="695276" spans="8:8">
      <c r="H695276" s="12"/>
    </row>
    <row r="695277" spans="8:8">
      <c r="H695277" s="12"/>
    </row>
    <row r="695278" spans="8:8">
      <c r="H695278" s="12"/>
    </row>
    <row r="695279" spans="8:8">
      <c r="H695279" s="12"/>
    </row>
    <row r="695280" spans="8:8">
      <c r="H695280" s="12"/>
    </row>
    <row r="695281" spans="8:8">
      <c r="H695281" s="12"/>
    </row>
    <row r="695282" spans="8:8">
      <c r="H695282" s="12"/>
    </row>
    <row r="695283" spans="8:8">
      <c r="H695283" s="12"/>
    </row>
    <row r="695284" spans="8:8">
      <c r="H695284" s="12"/>
    </row>
    <row r="695285" spans="8:8">
      <c r="H695285" s="12"/>
    </row>
    <row r="695286" spans="8:8">
      <c r="H695286" s="12"/>
    </row>
    <row r="695287" spans="8:8">
      <c r="H695287" s="12"/>
    </row>
    <row r="695288" spans="8:8">
      <c r="H695288" s="12"/>
    </row>
    <row r="695289" spans="8:8">
      <c r="H695289" s="12"/>
    </row>
    <row r="695290" spans="8:8">
      <c r="H695290" s="12"/>
    </row>
    <row r="695291" spans="8:8">
      <c r="H695291" s="12"/>
    </row>
    <row r="695292" spans="8:8">
      <c r="H695292" s="12"/>
    </row>
    <row r="695293" spans="8:8">
      <c r="H695293" s="12"/>
    </row>
    <row r="695294" spans="8:8">
      <c r="H695294" s="12"/>
    </row>
    <row r="695295" spans="8:8">
      <c r="H695295" s="12"/>
    </row>
    <row r="695296" spans="8:8">
      <c r="H695296" s="12"/>
    </row>
    <row r="695297" spans="8:8">
      <c r="H695297" s="12"/>
    </row>
    <row r="695298" spans="8:8">
      <c r="H695298" s="12"/>
    </row>
    <row r="695299" spans="8:8">
      <c r="H695299" s="12"/>
    </row>
    <row r="695300" spans="8:8">
      <c r="H695300" s="12"/>
    </row>
    <row r="695301" spans="8:8">
      <c r="H695301" s="12"/>
    </row>
    <row r="695302" spans="8:8">
      <c r="H695302" s="12"/>
    </row>
    <row r="695303" spans="8:8">
      <c r="H695303" s="12"/>
    </row>
    <row r="695304" spans="8:8">
      <c r="H695304" s="12"/>
    </row>
    <row r="695305" spans="8:8">
      <c r="H695305" s="12"/>
    </row>
    <row r="695306" spans="8:8">
      <c r="H695306" s="12"/>
    </row>
    <row r="695307" spans="8:8">
      <c r="H695307" s="12"/>
    </row>
    <row r="695308" spans="8:8">
      <c r="H695308" s="12"/>
    </row>
    <row r="695309" spans="8:8">
      <c r="H695309" s="12"/>
    </row>
    <row r="695310" spans="8:8">
      <c r="H695310" s="12"/>
    </row>
    <row r="695311" spans="8:8">
      <c r="H695311" s="12"/>
    </row>
    <row r="695312" spans="8:8">
      <c r="H695312" s="12"/>
    </row>
    <row r="695313" spans="8:8">
      <c r="H695313" s="12"/>
    </row>
    <row r="695314" spans="8:8">
      <c r="H695314" s="12"/>
    </row>
    <row r="695315" spans="8:8">
      <c r="H695315" s="12"/>
    </row>
    <row r="695316" spans="8:8">
      <c r="H695316" s="12"/>
    </row>
    <row r="695317" spans="8:8">
      <c r="H695317" s="12"/>
    </row>
    <row r="695318" spans="8:8">
      <c r="H695318" s="12"/>
    </row>
    <row r="695319" spans="8:8">
      <c r="H695319" s="12"/>
    </row>
    <row r="695320" spans="8:8">
      <c r="H695320" s="12"/>
    </row>
    <row r="695321" spans="8:8">
      <c r="H695321" s="12"/>
    </row>
    <row r="695322" spans="8:8">
      <c r="H695322" s="12"/>
    </row>
    <row r="695323" spans="8:8">
      <c r="H695323" s="12"/>
    </row>
    <row r="695324" spans="8:8">
      <c r="H695324" s="12"/>
    </row>
    <row r="695325" spans="8:8">
      <c r="H695325" s="12"/>
    </row>
    <row r="695326" spans="8:8">
      <c r="H695326" s="12"/>
    </row>
    <row r="695327" spans="8:8">
      <c r="H695327" s="12"/>
    </row>
    <row r="695328" spans="8:8">
      <c r="H695328" s="12"/>
    </row>
    <row r="695329" spans="8:8">
      <c r="H695329" s="12"/>
    </row>
    <row r="695330" spans="8:8">
      <c r="H695330" s="12"/>
    </row>
    <row r="695331" spans="8:8">
      <c r="H695331" s="12"/>
    </row>
    <row r="695332" spans="8:8">
      <c r="H695332" s="12"/>
    </row>
    <row r="695333" spans="8:8">
      <c r="H695333" s="12"/>
    </row>
    <row r="695334" spans="8:8">
      <c r="H695334" s="12"/>
    </row>
    <row r="695335" spans="8:8">
      <c r="H695335" s="12"/>
    </row>
    <row r="695336" spans="8:8">
      <c r="H695336" s="12"/>
    </row>
    <row r="695337" spans="8:8">
      <c r="H695337" s="12"/>
    </row>
    <row r="695338" spans="8:8">
      <c r="H695338" s="12"/>
    </row>
    <row r="695339" spans="8:8">
      <c r="H695339" s="12"/>
    </row>
    <row r="695340" spans="8:8">
      <c r="H695340" s="12"/>
    </row>
    <row r="695341" spans="8:8">
      <c r="H695341" s="12"/>
    </row>
    <row r="695342" spans="8:8">
      <c r="H695342" s="12"/>
    </row>
    <row r="695343" spans="8:8">
      <c r="H695343" s="12"/>
    </row>
    <row r="695344" spans="8:8">
      <c r="H695344" s="12"/>
    </row>
    <row r="695345" spans="8:8">
      <c r="H695345" s="12"/>
    </row>
    <row r="695346" spans="8:8">
      <c r="H695346" s="12"/>
    </row>
    <row r="695347" spans="8:8">
      <c r="H695347" s="12"/>
    </row>
    <row r="695348" spans="8:8">
      <c r="H695348" s="12"/>
    </row>
    <row r="695349" spans="8:8">
      <c r="H695349" s="12"/>
    </row>
    <row r="695350" spans="8:8">
      <c r="H695350" s="12"/>
    </row>
    <row r="695351" spans="8:8">
      <c r="H695351" s="12"/>
    </row>
    <row r="695352" spans="8:8">
      <c r="H695352" s="12"/>
    </row>
    <row r="695353" spans="8:8">
      <c r="H695353" s="12"/>
    </row>
    <row r="695354" spans="8:8">
      <c r="H695354" s="12"/>
    </row>
    <row r="695355" spans="8:8">
      <c r="H695355" s="12"/>
    </row>
    <row r="695356" spans="8:8">
      <c r="H695356" s="12"/>
    </row>
    <row r="695357" spans="8:8">
      <c r="H695357" s="12"/>
    </row>
    <row r="695358" spans="8:8">
      <c r="H695358" s="12"/>
    </row>
    <row r="695359" spans="8:8">
      <c r="H695359" s="12"/>
    </row>
    <row r="695360" spans="8:8">
      <c r="H695360" s="12"/>
    </row>
    <row r="695361" spans="8:8">
      <c r="H695361" s="12"/>
    </row>
    <row r="695362" spans="8:8">
      <c r="H695362" s="12"/>
    </row>
    <row r="695363" spans="8:8">
      <c r="H695363" s="12"/>
    </row>
    <row r="695364" spans="8:8">
      <c r="H695364" s="12"/>
    </row>
    <row r="695365" spans="8:8">
      <c r="H695365" s="12"/>
    </row>
    <row r="695366" spans="8:8">
      <c r="H695366" s="12"/>
    </row>
    <row r="695367" spans="8:8">
      <c r="H695367" s="12"/>
    </row>
    <row r="695368" spans="8:8">
      <c r="H695368" s="12"/>
    </row>
    <row r="695369" spans="8:8">
      <c r="H695369" s="12"/>
    </row>
    <row r="695370" spans="8:8">
      <c r="H695370" s="12"/>
    </row>
    <row r="695371" spans="8:8">
      <c r="H695371" s="12"/>
    </row>
    <row r="695372" spans="8:8">
      <c r="H695372" s="12"/>
    </row>
    <row r="695373" spans="8:8">
      <c r="H695373" s="12"/>
    </row>
    <row r="695374" spans="8:8">
      <c r="H695374" s="12"/>
    </row>
    <row r="695375" spans="8:8">
      <c r="H695375" s="12"/>
    </row>
    <row r="695376" spans="8:8">
      <c r="H695376" s="12"/>
    </row>
    <row r="695377" spans="8:8">
      <c r="H695377" s="12"/>
    </row>
    <row r="695378" spans="8:8">
      <c r="H695378" s="12"/>
    </row>
    <row r="695379" spans="8:8">
      <c r="H695379" s="12"/>
    </row>
    <row r="695380" spans="8:8">
      <c r="H695380" s="12"/>
    </row>
    <row r="695381" spans="8:8">
      <c r="H695381" s="12"/>
    </row>
    <row r="695382" spans="8:8">
      <c r="H695382" s="12"/>
    </row>
    <row r="695383" spans="8:8">
      <c r="H695383" s="12"/>
    </row>
    <row r="695384" spans="8:8">
      <c r="H695384" s="12"/>
    </row>
    <row r="695385" spans="8:8">
      <c r="H695385" s="12"/>
    </row>
    <row r="695386" spans="8:8">
      <c r="H695386" s="12"/>
    </row>
    <row r="695387" spans="8:8">
      <c r="H695387" s="12"/>
    </row>
    <row r="695388" spans="8:8">
      <c r="H695388" s="12"/>
    </row>
    <row r="695389" spans="8:8">
      <c r="H695389" s="12"/>
    </row>
    <row r="695390" spans="8:8">
      <c r="H695390" s="12"/>
    </row>
    <row r="695391" spans="8:8">
      <c r="H695391" s="12"/>
    </row>
    <row r="695392" spans="8:8">
      <c r="H695392" s="12"/>
    </row>
    <row r="695393" spans="8:8">
      <c r="H695393" s="12"/>
    </row>
    <row r="695394" spans="8:8">
      <c r="H695394" s="12"/>
    </row>
    <row r="695395" spans="8:8">
      <c r="H695395" s="12"/>
    </row>
    <row r="695396" spans="8:8">
      <c r="H695396" s="12"/>
    </row>
    <row r="695397" spans="8:8">
      <c r="H695397" s="12"/>
    </row>
    <row r="695398" spans="8:8">
      <c r="H695398" s="12"/>
    </row>
    <row r="695399" spans="8:8">
      <c r="H695399" s="12"/>
    </row>
    <row r="695400" spans="8:8">
      <c r="H695400" s="12"/>
    </row>
    <row r="695401" spans="8:8">
      <c r="H695401" s="12"/>
    </row>
    <row r="695402" spans="8:8">
      <c r="H695402" s="12"/>
    </row>
    <row r="695403" spans="8:8">
      <c r="H695403" s="12"/>
    </row>
    <row r="695404" spans="8:8">
      <c r="H695404" s="12"/>
    </row>
    <row r="695405" spans="8:8">
      <c r="H695405" s="12"/>
    </row>
    <row r="695406" spans="8:8">
      <c r="H695406" s="12"/>
    </row>
    <row r="695407" spans="8:8">
      <c r="H695407" s="12"/>
    </row>
    <row r="695408" spans="8:8">
      <c r="H695408" s="12"/>
    </row>
    <row r="695409" spans="8:8">
      <c r="H695409" s="12"/>
    </row>
    <row r="695410" spans="8:8">
      <c r="H695410" s="12"/>
    </row>
    <row r="695411" spans="8:8">
      <c r="H695411" s="12"/>
    </row>
    <row r="695412" spans="8:8">
      <c r="H695412" s="12"/>
    </row>
    <row r="695413" spans="8:8">
      <c r="H695413" s="12"/>
    </row>
    <row r="695414" spans="8:8">
      <c r="H695414" s="12"/>
    </row>
    <row r="695415" spans="8:8">
      <c r="H695415" s="12"/>
    </row>
    <row r="695416" spans="8:8">
      <c r="H695416" s="12"/>
    </row>
    <row r="695417" spans="8:8">
      <c r="H695417" s="12"/>
    </row>
    <row r="695418" spans="8:8">
      <c r="H695418" s="12"/>
    </row>
    <row r="695419" spans="8:8">
      <c r="H695419" s="12"/>
    </row>
    <row r="695420" spans="8:8">
      <c r="H695420" s="12"/>
    </row>
    <row r="695421" spans="8:8">
      <c r="H695421" s="12"/>
    </row>
    <row r="695422" spans="8:8">
      <c r="H695422" s="12"/>
    </row>
    <row r="695423" spans="8:8">
      <c r="H695423" s="12"/>
    </row>
    <row r="695424" spans="8:8">
      <c r="H695424" s="12"/>
    </row>
    <row r="695425" spans="8:8">
      <c r="H695425" s="12"/>
    </row>
    <row r="695426" spans="8:8">
      <c r="H695426" s="12"/>
    </row>
    <row r="695427" spans="8:8">
      <c r="H695427" s="12"/>
    </row>
    <row r="695428" spans="8:8">
      <c r="H695428" s="12"/>
    </row>
    <row r="695429" spans="8:8">
      <c r="H695429" s="12"/>
    </row>
    <row r="695430" spans="8:8">
      <c r="H695430" s="12"/>
    </row>
    <row r="695431" spans="8:8">
      <c r="H695431" s="12"/>
    </row>
    <row r="695432" spans="8:8">
      <c r="H695432" s="12"/>
    </row>
    <row r="695433" spans="8:8">
      <c r="H695433" s="12"/>
    </row>
    <row r="695434" spans="8:8">
      <c r="H695434" s="12"/>
    </row>
    <row r="695435" spans="8:8">
      <c r="H695435" s="12"/>
    </row>
    <row r="695436" spans="8:8">
      <c r="H695436" s="12"/>
    </row>
    <row r="695437" spans="8:8">
      <c r="H695437" s="12"/>
    </row>
    <row r="695438" spans="8:8">
      <c r="H695438" s="12"/>
    </row>
    <row r="695439" spans="8:8">
      <c r="H695439" s="12"/>
    </row>
    <row r="695440" spans="8:8">
      <c r="H695440" s="12"/>
    </row>
    <row r="695441" spans="8:8">
      <c r="H695441" s="12"/>
    </row>
    <row r="695442" spans="8:8">
      <c r="H695442" s="12"/>
    </row>
    <row r="695443" spans="8:8">
      <c r="H695443" s="12"/>
    </row>
    <row r="695444" spans="8:8">
      <c r="H695444" s="12"/>
    </row>
    <row r="695445" spans="8:8">
      <c r="H695445" s="12"/>
    </row>
    <row r="695446" spans="8:8">
      <c r="H695446" s="12"/>
    </row>
    <row r="695447" spans="8:8">
      <c r="H695447" s="12"/>
    </row>
    <row r="695448" spans="8:8">
      <c r="H695448" s="12"/>
    </row>
    <row r="695449" spans="8:8">
      <c r="H695449" s="12"/>
    </row>
    <row r="695450" spans="8:8">
      <c r="H695450" s="12"/>
    </row>
    <row r="695451" spans="8:8">
      <c r="H695451" s="12"/>
    </row>
    <row r="695452" spans="8:8">
      <c r="H695452" s="12"/>
    </row>
    <row r="695453" spans="8:8">
      <c r="H695453" s="12"/>
    </row>
    <row r="695454" spans="8:8">
      <c r="H695454" s="12"/>
    </row>
    <row r="695455" spans="8:8">
      <c r="H695455" s="12"/>
    </row>
    <row r="695456" spans="8:8">
      <c r="H695456" s="12"/>
    </row>
    <row r="695457" spans="8:8">
      <c r="H695457" s="12"/>
    </row>
    <row r="695458" spans="8:8">
      <c r="H695458" s="12"/>
    </row>
    <row r="695459" spans="8:8">
      <c r="H695459" s="12"/>
    </row>
    <row r="695460" spans="8:8">
      <c r="H695460" s="12"/>
    </row>
    <row r="695461" spans="8:8">
      <c r="H695461" s="12"/>
    </row>
    <row r="695462" spans="8:8">
      <c r="H695462" s="12"/>
    </row>
    <row r="695463" spans="8:8">
      <c r="H695463" s="12"/>
    </row>
    <row r="695464" spans="8:8">
      <c r="H695464" s="12"/>
    </row>
    <row r="695465" spans="8:8">
      <c r="H695465" s="12"/>
    </row>
    <row r="695466" spans="8:8">
      <c r="H695466" s="12"/>
    </row>
    <row r="695467" spans="8:8">
      <c r="H695467" s="12"/>
    </row>
    <row r="695468" spans="8:8">
      <c r="H695468" s="12"/>
    </row>
    <row r="695469" spans="8:8">
      <c r="H695469" s="12"/>
    </row>
    <row r="695470" spans="8:8">
      <c r="H695470" s="12"/>
    </row>
    <row r="695471" spans="8:8">
      <c r="H695471" s="12"/>
    </row>
    <row r="695472" spans="8:8">
      <c r="H695472" s="12"/>
    </row>
    <row r="695473" spans="8:8">
      <c r="H695473" s="12"/>
    </row>
    <row r="695474" spans="8:8">
      <c r="H695474" s="12"/>
    </row>
    <row r="695475" spans="8:8">
      <c r="H695475" s="12"/>
    </row>
    <row r="695476" spans="8:8">
      <c r="H695476" s="12"/>
    </row>
    <row r="695477" spans="8:8">
      <c r="H695477" s="12"/>
    </row>
    <row r="695478" spans="8:8">
      <c r="H695478" s="12"/>
    </row>
    <row r="695479" spans="8:8">
      <c r="H695479" s="12"/>
    </row>
    <row r="695480" spans="8:8">
      <c r="H695480" s="12"/>
    </row>
    <row r="695481" spans="8:8">
      <c r="H695481" s="12"/>
    </row>
    <row r="695482" spans="8:8">
      <c r="H695482" s="12"/>
    </row>
    <row r="695483" spans="8:8">
      <c r="H695483" s="12"/>
    </row>
    <row r="695484" spans="8:8">
      <c r="H695484" s="12"/>
    </row>
    <row r="695485" spans="8:8">
      <c r="H695485" s="12"/>
    </row>
    <row r="695486" spans="8:8">
      <c r="H695486" s="12"/>
    </row>
    <row r="695487" spans="8:8">
      <c r="H695487" s="12"/>
    </row>
    <row r="695488" spans="8:8">
      <c r="H695488" s="12"/>
    </row>
    <row r="695489" spans="8:8">
      <c r="H695489" s="12"/>
    </row>
    <row r="695490" spans="8:8">
      <c r="H695490" s="12"/>
    </row>
    <row r="695491" spans="8:8">
      <c r="H695491" s="12"/>
    </row>
    <row r="695492" spans="8:8">
      <c r="H695492" s="12"/>
    </row>
    <row r="695493" spans="8:8">
      <c r="H695493" s="12"/>
    </row>
    <row r="695494" spans="8:8">
      <c r="H695494" s="12"/>
    </row>
    <row r="695495" spans="8:8">
      <c r="H695495" s="12"/>
    </row>
    <row r="695496" spans="8:8">
      <c r="H695496" s="12"/>
    </row>
    <row r="695497" spans="8:8">
      <c r="H695497" s="12"/>
    </row>
    <row r="695498" spans="8:8">
      <c r="H695498" s="12"/>
    </row>
    <row r="695499" spans="8:8">
      <c r="H695499" s="12"/>
    </row>
    <row r="695500" spans="8:8">
      <c r="H695500" s="12"/>
    </row>
    <row r="695501" spans="8:8">
      <c r="H695501" s="12"/>
    </row>
    <row r="695502" spans="8:8">
      <c r="H695502" s="12"/>
    </row>
    <row r="695503" spans="8:8">
      <c r="H695503" s="12"/>
    </row>
    <row r="695504" spans="8:8">
      <c r="H695504" s="12"/>
    </row>
    <row r="695505" spans="8:8">
      <c r="H695505" s="12"/>
    </row>
    <row r="695506" spans="8:8">
      <c r="H695506" s="12"/>
    </row>
    <row r="695507" spans="8:8">
      <c r="H695507" s="12"/>
    </row>
    <row r="695508" spans="8:8">
      <c r="H695508" s="12"/>
    </row>
    <row r="695509" spans="8:8">
      <c r="H695509" s="12"/>
    </row>
    <row r="695510" spans="8:8">
      <c r="H695510" s="12"/>
    </row>
    <row r="695511" spans="8:8">
      <c r="H695511" s="12"/>
    </row>
    <row r="695512" spans="8:8">
      <c r="H695512" s="12"/>
    </row>
    <row r="695513" spans="8:8">
      <c r="H695513" s="12"/>
    </row>
    <row r="695514" spans="8:8">
      <c r="H695514" s="12"/>
    </row>
    <row r="695515" spans="8:8">
      <c r="H695515" s="12"/>
    </row>
    <row r="695516" spans="8:8">
      <c r="H695516" s="12"/>
    </row>
    <row r="695517" spans="8:8">
      <c r="H695517" s="12"/>
    </row>
    <row r="695518" spans="8:8">
      <c r="H695518" s="12"/>
    </row>
    <row r="695519" spans="8:8">
      <c r="H695519" s="12"/>
    </row>
    <row r="695520" spans="8:8">
      <c r="H695520" s="12"/>
    </row>
    <row r="695521" spans="8:8">
      <c r="H695521" s="12"/>
    </row>
    <row r="695522" spans="8:8">
      <c r="H695522" s="12"/>
    </row>
    <row r="695523" spans="8:8">
      <c r="H695523" s="12"/>
    </row>
    <row r="695524" spans="8:8">
      <c r="H695524" s="12"/>
    </row>
    <row r="695525" spans="8:8">
      <c r="H695525" s="12"/>
    </row>
    <row r="695526" spans="8:8">
      <c r="H695526" s="12"/>
    </row>
    <row r="695527" spans="8:8">
      <c r="H695527" s="12"/>
    </row>
    <row r="695528" spans="8:8">
      <c r="H695528" s="12"/>
    </row>
    <row r="695529" spans="8:8">
      <c r="H695529" s="12"/>
    </row>
    <row r="695530" spans="8:8">
      <c r="H695530" s="12"/>
    </row>
    <row r="695531" spans="8:8">
      <c r="H695531" s="12"/>
    </row>
    <row r="695532" spans="8:8">
      <c r="H695532" s="12"/>
    </row>
    <row r="695533" spans="8:8">
      <c r="H695533" s="12"/>
    </row>
    <row r="695534" spans="8:8">
      <c r="H695534" s="12"/>
    </row>
    <row r="695535" spans="8:8">
      <c r="H695535" s="12"/>
    </row>
    <row r="695536" spans="8:8">
      <c r="H695536" s="12"/>
    </row>
    <row r="695537" spans="8:8">
      <c r="H695537" s="12"/>
    </row>
    <row r="695538" spans="8:8">
      <c r="H695538" s="12"/>
    </row>
    <row r="695539" spans="8:8">
      <c r="H695539" s="12"/>
    </row>
    <row r="695540" spans="8:8">
      <c r="H695540" s="12"/>
    </row>
    <row r="695541" spans="8:8">
      <c r="H695541" s="12"/>
    </row>
    <row r="695542" spans="8:8">
      <c r="H695542" s="12"/>
    </row>
    <row r="695543" spans="8:8">
      <c r="H695543" s="12"/>
    </row>
    <row r="695544" spans="8:8">
      <c r="H695544" s="12"/>
    </row>
    <row r="695545" spans="8:8">
      <c r="H695545" s="12"/>
    </row>
    <row r="695546" spans="8:8">
      <c r="H695546" s="12"/>
    </row>
    <row r="695547" spans="8:8">
      <c r="H695547" s="12"/>
    </row>
    <row r="695548" spans="8:8">
      <c r="H695548" s="12"/>
    </row>
    <row r="695549" spans="8:8">
      <c r="H695549" s="12"/>
    </row>
    <row r="695550" spans="8:8">
      <c r="H695550" s="12"/>
    </row>
    <row r="695551" spans="8:8">
      <c r="H695551" s="12"/>
    </row>
    <row r="695552" spans="8:8">
      <c r="H695552" s="12"/>
    </row>
    <row r="695553" spans="8:8">
      <c r="H695553" s="12"/>
    </row>
    <row r="695554" spans="8:8">
      <c r="H695554" s="12"/>
    </row>
    <row r="695555" spans="8:8">
      <c r="H695555" s="12"/>
    </row>
    <row r="695556" spans="8:8">
      <c r="H695556" s="12"/>
    </row>
    <row r="695557" spans="8:8">
      <c r="H695557" s="12"/>
    </row>
    <row r="695558" spans="8:8">
      <c r="H695558" s="12"/>
    </row>
    <row r="695559" spans="8:8">
      <c r="H695559" s="12"/>
    </row>
    <row r="695560" spans="8:8">
      <c r="H695560" s="12"/>
    </row>
    <row r="695561" spans="8:8">
      <c r="H695561" s="12"/>
    </row>
    <row r="695562" spans="8:8">
      <c r="H695562" s="12"/>
    </row>
    <row r="695563" spans="8:8">
      <c r="H695563" s="12"/>
    </row>
    <row r="695564" spans="8:8">
      <c r="H695564" s="12"/>
    </row>
    <row r="695565" spans="8:8">
      <c r="H695565" s="12"/>
    </row>
    <row r="695566" spans="8:8">
      <c r="H695566" s="12"/>
    </row>
    <row r="695567" spans="8:8">
      <c r="H695567" s="12"/>
    </row>
    <row r="695568" spans="8:8">
      <c r="H695568" s="12"/>
    </row>
    <row r="695569" spans="8:8">
      <c r="H695569" s="12"/>
    </row>
    <row r="695570" spans="8:8">
      <c r="H695570" s="12"/>
    </row>
    <row r="695571" spans="8:8">
      <c r="H695571" s="12"/>
    </row>
    <row r="695572" spans="8:8">
      <c r="H695572" s="12"/>
    </row>
    <row r="695573" spans="8:8">
      <c r="H695573" s="12"/>
    </row>
    <row r="695574" spans="8:8">
      <c r="H695574" s="12"/>
    </row>
    <row r="695575" spans="8:8">
      <c r="H695575" s="12"/>
    </row>
    <row r="695576" spans="8:8">
      <c r="H695576" s="12"/>
    </row>
    <row r="695577" spans="8:8">
      <c r="H695577" s="12"/>
    </row>
    <row r="695578" spans="8:8">
      <c r="H695578" s="12"/>
    </row>
    <row r="695579" spans="8:8">
      <c r="H695579" s="12"/>
    </row>
    <row r="695580" spans="8:8">
      <c r="H695580" s="12"/>
    </row>
    <row r="695581" spans="8:8">
      <c r="H695581" s="12"/>
    </row>
    <row r="695582" spans="8:8">
      <c r="H695582" s="12"/>
    </row>
    <row r="695583" spans="8:8">
      <c r="H695583" s="12"/>
    </row>
    <row r="695584" spans="8:8">
      <c r="H695584" s="12"/>
    </row>
    <row r="695585" spans="8:8">
      <c r="H695585" s="12"/>
    </row>
    <row r="695586" spans="8:8">
      <c r="H695586" s="12"/>
    </row>
    <row r="695587" spans="8:8">
      <c r="H695587" s="12"/>
    </row>
    <row r="695588" spans="8:8">
      <c r="H695588" s="12"/>
    </row>
    <row r="695589" spans="8:8">
      <c r="H695589" s="12"/>
    </row>
    <row r="695590" spans="8:8">
      <c r="H695590" s="12"/>
    </row>
    <row r="695591" spans="8:8">
      <c r="H695591" s="12"/>
    </row>
    <row r="695592" spans="8:8">
      <c r="H695592" s="12"/>
    </row>
    <row r="695593" spans="8:8">
      <c r="H695593" s="12"/>
    </row>
    <row r="695594" spans="8:8">
      <c r="H695594" s="12"/>
    </row>
    <row r="695595" spans="8:8">
      <c r="H695595" s="12"/>
    </row>
    <row r="695596" spans="8:8">
      <c r="H695596" s="12"/>
    </row>
    <row r="695597" spans="8:8">
      <c r="H695597" s="12"/>
    </row>
    <row r="695598" spans="8:8">
      <c r="H695598" s="12"/>
    </row>
    <row r="695599" spans="8:8">
      <c r="H695599" s="12"/>
    </row>
    <row r="695600" spans="8:8">
      <c r="H695600" s="12"/>
    </row>
    <row r="695601" spans="8:8">
      <c r="H695601" s="12"/>
    </row>
    <row r="695602" spans="8:8">
      <c r="H695602" s="12"/>
    </row>
    <row r="695603" spans="8:8">
      <c r="H695603" s="12"/>
    </row>
    <row r="695604" spans="8:8">
      <c r="H695604" s="12"/>
    </row>
    <row r="695605" spans="8:8">
      <c r="H695605" s="12"/>
    </row>
    <row r="695606" spans="8:8">
      <c r="H695606" s="12"/>
    </row>
    <row r="695607" spans="8:8">
      <c r="H695607" s="12"/>
    </row>
    <row r="695608" spans="8:8">
      <c r="H695608" s="12"/>
    </row>
    <row r="695609" spans="8:8">
      <c r="H695609" s="12"/>
    </row>
    <row r="695610" spans="8:8">
      <c r="H695610" s="12"/>
    </row>
    <row r="695611" spans="8:8">
      <c r="H695611" s="12"/>
    </row>
    <row r="695612" spans="8:8">
      <c r="H695612" s="12"/>
    </row>
    <row r="695613" spans="8:8">
      <c r="H695613" s="12"/>
    </row>
    <row r="695614" spans="8:8">
      <c r="H695614" s="12"/>
    </row>
    <row r="695615" spans="8:8">
      <c r="H695615" s="12"/>
    </row>
    <row r="695616" spans="8:8">
      <c r="H695616" s="12"/>
    </row>
    <row r="695617" spans="8:8">
      <c r="H695617" s="12"/>
    </row>
    <row r="695618" spans="8:8">
      <c r="H695618" s="12"/>
    </row>
    <row r="695619" spans="8:8">
      <c r="H695619" s="12"/>
    </row>
    <row r="695620" spans="8:8">
      <c r="H695620" s="12"/>
    </row>
    <row r="695621" spans="8:8">
      <c r="H695621" s="12"/>
    </row>
    <row r="695622" spans="8:8">
      <c r="H695622" s="12"/>
    </row>
    <row r="695623" spans="8:8">
      <c r="H695623" s="12"/>
    </row>
    <row r="695624" spans="8:8">
      <c r="H695624" s="12"/>
    </row>
    <row r="695625" spans="8:8">
      <c r="H695625" s="12"/>
    </row>
    <row r="695626" spans="8:8">
      <c r="H695626" s="12"/>
    </row>
    <row r="695627" spans="8:8">
      <c r="H695627" s="12"/>
    </row>
    <row r="695628" spans="8:8">
      <c r="H695628" s="12"/>
    </row>
    <row r="695629" spans="8:8">
      <c r="H695629" s="12"/>
    </row>
    <row r="695630" spans="8:8">
      <c r="H695630" s="12"/>
    </row>
    <row r="695631" spans="8:8">
      <c r="H695631" s="12"/>
    </row>
    <row r="695632" spans="8:8">
      <c r="H695632" s="12"/>
    </row>
    <row r="695633" spans="8:8">
      <c r="H695633" s="12"/>
    </row>
    <row r="695634" spans="8:8">
      <c r="H695634" s="12"/>
    </row>
    <row r="695635" spans="8:8">
      <c r="H695635" s="12"/>
    </row>
    <row r="695636" spans="8:8">
      <c r="H695636" s="12"/>
    </row>
    <row r="695637" spans="8:8">
      <c r="H695637" s="12"/>
    </row>
    <row r="695638" spans="8:8">
      <c r="H695638" s="12"/>
    </row>
    <row r="695639" spans="8:8">
      <c r="H695639" s="12"/>
    </row>
    <row r="695640" spans="8:8">
      <c r="H695640" s="12"/>
    </row>
    <row r="695641" spans="8:8">
      <c r="H695641" s="12"/>
    </row>
    <row r="695642" spans="8:8">
      <c r="H695642" s="12"/>
    </row>
    <row r="695643" spans="8:8">
      <c r="H695643" s="12"/>
    </row>
    <row r="695644" spans="8:8">
      <c r="H695644" s="12"/>
    </row>
    <row r="695645" spans="8:8">
      <c r="H695645" s="12"/>
    </row>
    <row r="695646" spans="8:8">
      <c r="H695646" s="12"/>
    </row>
    <row r="695647" spans="8:8">
      <c r="H695647" s="12"/>
    </row>
    <row r="695648" spans="8:8">
      <c r="H695648" s="12"/>
    </row>
    <row r="695649" spans="8:8">
      <c r="H695649" s="12"/>
    </row>
    <row r="695650" spans="8:8">
      <c r="H695650" s="12"/>
    </row>
    <row r="695651" spans="8:8">
      <c r="H695651" s="12"/>
    </row>
    <row r="695652" spans="8:8">
      <c r="H695652" s="12"/>
    </row>
    <row r="695653" spans="8:8">
      <c r="H695653" s="12"/>
    </row>
    <row r="695654" spans="8:8">
      <c r="H695654" s="12"/>
    </row>
    <row r="695655" spans="8:8">
      <c r="H695655" s="12"/>
    </row>
    <row r="695656" spans="8:8">
      <c r="H695656" s="12"/>
    </row>
    <row r="695657" spans="8:8">
      <c r="H695657" s="12"/>
    </row>
    <row r="695658" spans="8:8">
      <c r="H695658" s="12"/>
    </row>
    <row r="695659" spans="8:8">
      <c r="H695659" s="12"/>
    </row>
    <row r="695660" spans="8:8">
      <c r="H695660" s="12"/>
    </row>
    <row r="695661" spans="8:8">
      <c r="H695661" s="12"/>
    </row>
    <row r="695662" spans="8:8">
      <c r="H695662" s="12"/>
    </row>
    <row r="695663" spans="8:8">
      <c r="H695663" s="12"/>
    </row>
    <row r="695664" spans="8:8">
      <c r="H695664" s="12"/>
    </row>
    <row r="695665" spans="8:8">
      <c r="H695665" s="12"/>
    </row>
    <row r="695666" spans="8:8">
      <c r="H695666" s="12"/>
    </row>
    <row r="695667" spans="8:8">
      <c r="H695667" s="12"/>
    </row>
    <row r="695668" spans="8:8">
      <c r="H695668" s="12"/>
    </row>
    <row r="695669" spans="8:8">
      <c r="H695669" s="12"/>
    </row>
    <row r="695670" spans="8:8">
      <c r="H695670" s="12"/>
    </row>
    <row r="695671" spans="8:8">
      <c r="H695671" s="12"/>
    </row>
    <row r="695672" spans="8:8">
      <c r="H695672" s="12"/>
    </row>
    <row r="695673" spans="8:8">
      <c r="H695673" s="12"/>
    </row>
    <row r="695674" spans="8:8">
      <c r="H695674" s="12"/>
    </row>
    <row r="695675" spans="8:8">
      <c r="H695675" s="12"/>
    </row>
    <row r="695676" spans="8:8">
      <c r="H695676" s="12"/>
    </row>
    <row r="695677" spans="8:8">
      <c r="H695677" s="12"/>
    </row>
    <row r="695678" spans="8:8">
      <c r="H695678" s="12"/>
    </row>
    <row r="695679" spans="8:8">
      <c r="H695679" s="12"/>
    </row>
    <row r="695680" spans="8:8">
      <c r="H695680" s="12"/>
    </row>
    <row r="695681" spans="8:8">
      <c r="H695681" s="12"/>
    </row>
    <row r="695682" spans="8:8">
      <c r="H695682" s="12"/>
    </row>
    <row r="695683" spans="8:8">
      <c r="H695683" s="12"/>
    </row>
    <row r="695684" spans="8:8">
      <c r="H695684" s="12"/>
    </row>
    <row r="695685" spans="8:8">
      <c r="H695685" s="12"/>
    </row>
    <row r="695686" spans="8:8">
      <c r="H695686" s="12"/>
    </row>
    <row r="695687" spans="8:8">
      <c r="H695687" s="12"/>
    </row>
    <row r="695688" spans="8:8">
      <c r="H695688" s="12"/>
    </row>
    <row r="695689" spans="8:8">
      <c r="H695689" s="12"/>
    </row>
    <row r="695690" spans="8:8">
      <c r="H695690" s="12"/>
    </row>
    <row r="695691" spans="8:8">
      <c r="H695691" s="12"/>
    </row>
    <row r="695692" spans="8:8">
      <c r="H695692" s="12"/>
    </row>
    <row r="695693" spans="8:8">
      <c r="H695693" s="12"/>
    </row>
    <row r="695694" spans="8:8">
      <c r="H695694" s="12"/>
    </row>
    <row r="695695" spans="8:8">
      <c r="H695695" s="12"/>
    </row>
    <row r="695696" spans="8:8">
      <c r="H695696" s="12"/>
    </row>
    <row r="695697" spans="8:8">
      <c r="H695697" s="12"/>
    </row>
    <row r="695698" spans="8:8">
      <c r="H695698" s="12"/>
    </row>
    <row r="695699" spans="8:8">
      <c r="H695699" s="12"/>
    </row>
    <row r="695700" spans="8:8">
      <c r="H695700" s="12"/>
    </row>
    <row r="695701" spans="8:8">
      <c r="H695701" s="12"/>
    </row>
    <row r="695702" spans="8:8">
      <c r="H695702" s="12"/>
    </row>
    <row r="695703" spans="8:8">
      <c r="H695703" s="12"/>
    </row>
    <row r="695704" spans="8:8">
      <c r="H695704" s="12"/>
    </row>
    <row r="695705" spans="8:8">
      <c r="H695705" s="12"/>
    </row>
    <row r="695706" spans="8:8">
      <c r="H695706" s="12"/>
    </row>
    <row r="695707" spans="8:8">
      <c r="H695707" s="12"/>
    </row>
    <row r="695708" spans="8:8">
      <c r="H695708" s="12"/>
    </row>
    <row r="695709" spans="8:8">
      <c r="H695709" s="12"/>
    </row>
    <row r="695710" spans="8:8">
      <c r="H695710" s="12"/>
    </row>
    <row r="695711" spans="8:8">
      <c r="H695711" s="12"/>
    </row>
    <row r="695712" spans="8:8">
      <c r="H695712" s="12"/>
    </row>
    <row r="695713" spans="8:8">
      <c r="H695713" s="12"/>
    </row>
    <row r="695714" spans="8:8">
      <c r="H695714" s="12"/>
    </row>
    <row r="695715" spans="8:8">
      <c r="H695715" s="12"/>
    </row>
    <row r="695716" spans="8:8">
      <c r="H695716" s="12"/>
    </row>
    <row r="695717" spans="8:8">
      <c r="H695717" s="12"/>
    </row>
    <row r="695718" spans="8:8">
      <c r="H695718" s="12"/>
    </row>
    <row r="695719" spans="8:8">
      <c r="H695719" s="12"/>
    </row>
    <row r="695720" spans="8:8">
      <c r="H695720" s="12"/>
    </row>
    <row r="695721" spans="8:8">
      <c r="H695721" s="12"/>
    </row>
    <row r="695722" spans="8:8">
      <c r="H695722" s="12"/>
    </row>
    <row r="695723" spans="8:8">
      <c r="H695723" s="12"/>
    </row>
    <row r="695724" spans="8:8">
      <c r="H695724" s="12"/>
    </row>
    <row r="695725" spans="8:8">
      <c r="H695725" s="12"/>
    </row>
    <row r="695726" spans="8:8">
      <c r="H695726" s="12"/>
    </row>
    <row r="695727" spans="8:8">
      <c r="H695727" s="12"/>
    </row>
    <row r="695728" spans="8:8">
      <c r="H695728" s="12"/>
    </row>
    <row r="695729" spans="8:8">
      <c r="H695729" s="12"/>
    </row>
    <row r="695730" spans="8:8">
      <c r="H695730" s="12"/>
    </row>
    <row r="695731" spans="8:8">
      <c r="H695731" s="12"/>
    </row>
    <row r="695732" spans="8:8">
      <c r="H695732" s="12"/>
    </row>
    <row r="695733" spans="8:8">
      <c r="H695733" s="12"/>
    </row>
    <row r="695734" spans="8:8">
      <c r="H695734" s="12"/>
    </row>
    <row r="695735" spans="8:8">
      <c r="H695735" s="12"/>
    </row>
    <row r="695736" spans="8:8">
      <c r="H695736" s="12"/>
    </row>
    <row r="695737" spans="8:8">
      <c r="H695737" s="12"/>
    </row>
    <row r="695738" spans="8:8">
      <c r="H695738" s="12"/>
    </row>
    <row r="695739" spans="8:8">
      <c r="H695739" s="12"/>
    </row>
    <row r="695740" spans="8:8">
      <c r="H695740" s="12"/>
    </row>
    <row r="695741" spans="8:8">
      <c r="H695741" s="12"/>
    </row>
    <row r="695742" spans="8:8">
      <c r="H695742" s="12"/>
    </row>
    <row r="695743" spans="8:8">
      <c r="H695743" s="12"/>
    </row>
    <row r="695744" spans="8:8">
      <c r="H695744" s="12"/>
    </row>
    <row r="695745" spans="8:8">
      <c r="H695745" s="12"/>
    </row>
    <row r="695746" spans="8:8">
      <c r="H695746" s="12"/>
    </row>
    <row r="695747" spans="8:8">
      <c r="H695747" s="12"/>
    </row>
    <row r="695748" spans="8:8">
      <c r="H695748" s="12"/>
    </row>
    <row r="695749" spans="8:8">
      <c r="H695749" s="12"/>
    </row>
    <row r="695750" spans="8:8">
      <c r="H695750" s="12"/>
    </row>
    <row r="695751" spans="8:8">
      <c r="H695751" s="12"/>
    </row>
    <row r="695752" spans="8:8">
      <c r="H695752" s="12"/>
    </row>
    <row r="695753" spans="8:8">
      <c r="H695753" s="12"/>
    </row>
    <row r="695754" spans="8:8">
      <c r="H695754" s="12"/>
    </row>
    <row r="695755" spans="8:8">
      <c r="H695755" s="12"/>
    </row>
    <row r="695756" spans="8:8">
      <c r="H695756" s="12"/>
    </row>
    <row r="695757" spans="8:8">
      <c r="H695757" s="12"/>
    </row>
    <row r="695758" spans="8:8">
      <c r="H695758" s="12"/>
    </row>
    <row r="695759" spans="8:8">
      <c r="H695759" s="12"/>
    </row>
    <row r="695760" spans="8:8">
      <c r="H695760" s="12"/>
    </row>
    <row r="695761" spans="8:8">
      <c r="H695761" s="12"/>
    </row>
    <row r="695762" spans="8:8">
      <c r="H695762" s="12"/>
    </row>
    <row r="695763" spans="8:8">
      <c r="H695763" s="12"/>
    </row>
    <row r="695764" spans="8:8">
      <c r="H695764" s="12"/>
    </row>
    <row r="695765" spans="8:8">
      <c r="H695765" s="12"/>
    </row>
    <row r="695766" spans="8:8">
      <c r="H695766" s="12"/>
    </row>
    <row r="695767" spans="8:8">
      <c r="H695767" s="12"/>
    </row>
    <row r="695768" spans="8:8">
      <c r="H695768" s="12"/>
    </row>
    <row r="695769" spans="8:8">
      <c r="H695769" s="12"/>
    </row>
    <row r="695770" spans="8:8">
      <c r="H695770" s="12"/>
    </row>
    <row r="695771" spans="8:8">
      <c r="H695771" s="12"/>
    </row>
    <row r="695772" spans="8:8">
      <c r="H695772" s="12"/>
    </row>
    <row r="695773" spans="8:8">
      <c r="H695773" s="12"/>
    </row>
    <row r="695774" spans="8:8">
      <c r="H695774" s="12"/>
    </row>
    <row r="695775" spans="8:8">
      <c r="H695775" s="12"/>
    </row>
    <row r="695776" spans="8:8">
      <c r="H695776" s="12"/>
    </row>
    <row r="695777" spans="8:8">
      <c r="H695777" s="12"/>
    </row>
    <row r="695778" spans="8:8">
      <c r="H695778" s="12"/>
    </row>
    <row r="695779" spans="8:8">
      <c r="H695779" s="12"/>
    </row>
    <row r="695780" spans="8:8">
      <c r="H695780" s="12"/>
    </row>
    <row r="695781" spans="8:8">
      <c r="H695781" s="12"/>
    </row>
    <row r="695782" spans="8:8">
      <c r="H695782" s="12"/>
    </row>
    <row r="695783" spans="8:8">
      <c r="H695783" s="12"/>
    </row>
    <row r="695784" spans="8:8">
      <c r="H695784" s="12"/>
    </row>
    <row r="695785" spans="8:8">
      <c r="H695785" s="12"/>
    </row>
    <row r="695786" spans="8:8">
      <c r="H695786" s="12"/>
    </row>
    <row r="695787" spans="8:8">
      <c r="H695787" s="12"/>
    </row>
    <row r="695788" spans="8:8">
      <c r="H695788" s="12"/>
    </row>
    <row r="695789" spans="8:8">
      <c r="H695789" s="12"/>
    </row>
    <row r="695790" spans="8:8">
      <c r="H695790" s="12"/>
    </row>
    <row r="695791" spans="8:8">
      <c r="H695791" s="12"/>
    </row>
    <row r="695792" spans="8:8">
      <c r="H695792" s="12"/>
    </row>
    <row r="695793" spans="8:8">
      <c r="H695793" s="12"/>
    </row>
    <row r="695794" spans="8:8">
      <c r="H695794" s="12"/>
    </row>
    <row r="695795" spans="8:8">
      <c r="H695795" s="12"/>
    </row>
    <row r="695796" spans="8:8">
      <c r="H695796" s="12"/>
    </row>
    <row r="695797" spans="8:8">
      <c r="H695797" s="12"/>
    </row>
    <row r="695798" spans="8:8">
      <c r="H695798" s="12"/>
    </row>
    <row r="695799" spans="8:8">
      <c r="H695799" s="12"/>
    </row>
    <row r="695800" spans="8:8">
      <c r="H695800" s="12"/>
    </row>
    <row r="695801" spans="8:8">
      <c r="H695801" s="12"/>
    </row>
    <row r="695802" spans="8:8">
      <c r="H695802" s="12"/>
    </row>
    <row r="695803" spans="8:8">
      <c r="H695803" s="12"/>
    </row>
    <row r="695804" spans="8:8">
      <c r="H695804" s="12"/>
    </row>
    <row r="695805" spans="8:8">
      <c r="H695805" s="12"/>
    </row>
    <row r="695806" spans="8:8">
      <c r="H695806" s="12"/>
    </row>
    <row r="695807" spans="8:8">
      <c r="H695807" s="12"/>
    </row>
    <row r="695808" spans="8:8">
      <c r="H695808" s="12"/>
    </row>
    <row r="695809" spans="8:8">
      <c r="H695809" s="12"/>
    </row>
    <row r="695810" spans="8:8">
      <c r="H695810" s="12"/>
    </row>
    <row r="695811" spans="8:8">
      <c r="H695811" s="12"/>
    </row>
    <row r="695812" spans="8:8">
      <c r="H695812" s="12"/>
    </row>
    <row r="695813" spans="8:8">
      <c r="H695813" s="12"/>
    </row>
    <row r="695814" spans="8:8">
      <c r="H695814" s="12"/>
    </row>
    <row r="695815" spans="8:8">
      <c r="H695815" s="12"/>
    </row>
    <row r="695816" spans="8:8">
      <c r="H695816" s="12"/>
    </row>
    <row r="695817" spans="8:8">
      <c r="H695817" s="12"/>
    </row>
    <row r="695818" spans="8:8">
      <c r="H695818" s="12"/>
    </row>
    <row r="695819" spans="8:8">
      <c r="H695819" s="12"/>
    </row>
    <row r="695820" spans="8:8">
      <c r="H695820" s="12"/>
    </row>
    <row r="695821" spans="8:8">
      <c r="H695821" s="12"/>
    </row>
    <row r="695822" spans="8:8">
      <c r="H695822" s="12"/>
    </row>
    <row r="695823" spans="8:8">
      <c r="H695823" s="12"/>
    </row>
    <row r="695824" spans="8:8">
      <c r="H695824" s="12"/>
    </row>
    <row r="695825" spans="8:8">
      <c r="H695825" s="12"/>
    </row>
    <row r="695826" spans="8:8">
      <c r="H695826" s="12"/>
    </row>
    <row r="695827" spans="8:8">
      <c r="H695827" s="12"/>
    </row>
    <row r="695828" spans="8:8">
      <c r="H695828" s="12"/>
    </row>
    <row r="695829" spans="8:8">
      <c r="H695829" s="12"/>
    </row>
    <row r="695830" spans="8:8">
      <c r="H695830" s="12"/>
    </row>
    <row r="695831" spans="8:8">
      <c r="H695831" s="12"/>
    </row>
    <row r="695832" spans="8:8">
      <c r="H695832" s="12"/>
    </row>
    <row r="695833" spans="8:8">
      <c r="H695833" s="12"/>
    </row>
    <row r="695834" spans="8:8">
      <c r="H695834" s="12"/>
    </row>
    <row r="695835" spans="8:8">
      <c r="H695835" s="12"/>
    </row>
    <row r="695836" spans="8:8">
      <c r="H695836" s="12"/>
    </row>
    <row r="695837" spans="8:8">
      <c r="H695837" s="12"/>
    </row>
    <row r="695838" spans="8:8">
      <c r="H695838" s="12"/>
    </row>
    <row r="695839" spans="8:8">
      <c r="H695839" s="12"/>
    </row>
    <row r="695840" spans="8:8">
      <c r="H695840" s="12"/>
    </row>
    <row r="695841" spans="8:8">
      <c r="H695841" s="12"/>
    </row>
    <row r="695842" spans="8:8">
      <c r="H695842" s="12"/>
    </row>
    <row r="695843" spans="8:8">
      <c r="H695843" s="12"/>
    </row>
    <row r="695844" spans="8:8">
      <c r="H695844" s="12"/>
    </row>
    <row r="695845" spans="8:8">
      <c r="H695845" s="12"/>
    </row>
    <row r="695846" spans="8:8">
      <c r="H695846" s="12"/>
    </row>
    <row r="695847" spans="8:8">
      <c r="H695847" s="12"/>
    </row>
    <row r="695848" spans="8:8">
      <c r="H695848" s="12"/>
    </row>
    <row r="695849" spans="8:8">
      <c r="H695849" s="12"/>
    </row>
    <row r="695850" spans="8:8">
      <c r="H695850" s="12"/>
    </row>
    <row r="695851" spans="8:8">
      <c r="H695851" s="12"/>
    </row>
    <row r="695852" spans="8:8">
      <c r="H695852" s="12"/>
    </row>
    <row r="695853" spans="8:8">
      <c r="H695853" s="12"/>
    </row>
    <row r="695854" spans="8:8">
      <c r="H695854" s="12"/>
    </row>
    <row r="695855" spans="8:8">
      <c r="H695855" s="12"/>
    </row>
    <row r="695856" spans="8:8">
      <c r="H695856" s="12"/>
    </row>
    <row r="695857" spans="8:8">
      <c r="H695857" s="12"/>
    </row>
    <row r="695858" spans="8:8">
      <c r="H695858" s="12"/>
    </row>
    <row r="695859" spans="8:8">
      <c r="H695859" s="12"/>
    </row>
    <row r="695860" spans="8:8">
      <c r="H695860" s="12"/>
    </row>
    <row r="695861" spans="8:8">
      <c r="H695861" s="12"/>
    </row>
    <row r="695862" spans="8:8">
      <c r="H695862" s="12"/>
    </row>
    <row r="695863" spans="8:8">
      <c r="H695863" s="12"/>
    </row>
    <row r="695864" spans="8:8">
      <c r="H695864" s="12"/>
    </row>
    <row r="695865" spans="8:8">
      <c r="H695865" s="12"/>
    </row>
    <row r="695866" spans="8:8">
      <c r="H695866" s="12"/>
    </row>
    <row r="695867" spans="8:8">
      <c r="H695867" s="12"/>
    </row>
    <row r="695868" spans="8:8">
      <c r="H695868" s="12"/>
    </row>
    <row r="695869" spans="8:8">
      <c r="H695869" s="12"/>
    </row>
    <row r="695870" spans="8:8">
      <c r="H695870" s="12"/>
    </row>
    <row r="695871" spans="8:8">
      <c r="H695871" s="12"/>
    </row>
    <row r="695872" spans="8:8">
      <c r="H695872" s="12"/>
    </row>
    <row r="695873" spans="8:8">
      <c r="H695873" s="12"/>
    </row>
    <row r="695874" spans="8:8">
      <c r="H695874" s="12"/>
    </row>
    <row r="695875" spans="8:8">
      <c r="H695875" s="12"/>
    </row>
    <row r="695876" spans="8:8">
      <c r="H695876" s="12"/>
    </row>
    <row r="695877" spans="8:8">
      <c r="H695877" s="12"/>
    </row>
    <row r="695878" spans="8:8">
      <c r="H695878" s="12"/>
    </row>
    <row r="695879" spans="8:8">
      <c r="H695879" s="12"/>
    </row>
    <row r="695880" spans="8:8">
      <c r="H695880" s="12"/>
    </row>
    <row r="695881" spans="8:8">
      <c r="H695881" s="12"/>
    </row>
    <row r="695882" spans="8:8">
      <c r="H695882" s="12"/>
    </row>
    <row r="695883" spans="8:8">
      <c r="H695883" s="12"/>
    </row>
    <row r="695884" spans="8:8">
      <c r="H695884" s="12"/>
    </row>
    <row r="695885" spans="8:8">
      <c r="H695885" s="12"/>
    </row>
    <row r="695886" spans="8:8">
      <c r="H695886" s="12"/>
    </row>
    <row r="695887" spans="8:8">
      <c r="H695887" s="12"/>
    </row>
    <row r="695888" spans="8:8">
      <c r="H695888" s="12"/>
    </row>
    <row r="695889" spans="8:8">
      <c r="H695889" s="12"/>
    </row>
    <row r="695890" spans="8:8">
      <c r="H695890" s="12"/>
    </row>
    <row r="695891" spans="8:8">
      <c r="H695891" s="12"/>
    </row>
    <row r="695892" spans="8:8">
      <c r="H695892" s="12"/>
    </row>
    <row r="695893" spans="8:8">
      <c r="H695893" s="12"/>
    </row>
    <row r="695894" spans="8:8">
      <c r="H695894" s="12"/>
    </row>
    <row r="695895" spans="8:8">
      <c r="H695895" s="12"/>
    </row>
    <row r="695896" spans="8:8">
      <c r="H695896" s="12"/>
    </row>
    <row r="695897" spans="8:8">
      <c r="H695897" s="12"/>
    </row>
    <row r="695898" spans="8:8">
      <c r="H695898" s="12"/>
    </row>
    <row r="695899" spans="8:8">
      <c r="H695899" s="12"/>
    </row>
    <row r="695900" spans="8:8">
      <c r="H695900" s="12"/>
    </row>
    <row r="695901" spans="8:8">
      <c r="H695901" s="12"/>
    </row>
    <row r="695902" spans="8:8">
      <c r="H695902" s="12"/>
    </row>
    <row r="695903" spans="8:8">
      <c r="H695903" s="12"/>
    </row>
    <row r="695904" spans="8:8">
      <c r="H695904" s="12"/>
    </row>
    <row r="695905" spans="8:8">
      <c r="H695905" s="12"/>
    </row>
    <row r="695906" spans="8:8">
      <c r="H695906" s="12"/>
    </row>
    <row r="695907" spans="8:8">
      <c r="H695907" s="12"/>
    </row>
    <row r="695908" spans="8:8">
      <c r="H695908" s="12"/>
    </row>
    <row r="695909" spans="8:8">
      <c r="H695909" s="12"/>
    </row>
    <row r="695910" spans="8:8">
      <c r="H695910" s="12"/>
    </row>
    <row r="695911" spans="8:8">
      <c r="H695911" s="12"/>
    </row>
    <row r="695912" spans="8:8">
      <c r="H695912" s="12"/>
    </row>
    <row r="695913" spans="8:8">
      <c r="H695913" s="12"/>
    </row>
    <row r="695914" spans="8:8">
      <c r="H695914" s="12"/>
    </row>
    <row r="695915" spans="8:8">
      <c r="H695915" s="12"/>
    </row>
    <row r="695916" spans="8:8">
      <c r="H695916" s="12"/>
    </row>
    <row r="695917" spans="8:8">
      <c r="H695917" s="12"/>
    </row>
    <row r="695918" spans="8:8">
      <c r="H695918" s="12"/>
    </row>
    <row r="695919" spans="8:8">
      <c r="H695919" s="12"/>
    </row>
    <row r="695920" spans="8:8">
      <c r="H695920" s="12"/>
    </row>
    <row r="695921" spans="8:8">
      <c r="H695921" s="12"/>
    </row>
    <row r="695922" spans="8:8">
      <c r="H695922" s="12"/>
    </row>
    <row r="695923" spans="8:8">
      <c r="H695923" s="12"/>
    </row>
    <row r="695924" spans="8:8">
      <c r="H695924" s="12"/>
    </row>
    <row r="695925" spans="8:8">
      <c r="H695925" s="12"/>
    </row>
    <row r="695926" spans="8:8">
      <c r="H695926" s="12"/>
    </row>
    <row r="695927" spans="8:8">
      <c r="H695927" s="12"/>
    </row>
    <row r="695928" spans="8:8">
      <c r="H695928" s="12"/>
    </row>
    <row r="695929" spans="8:8">
      <c r="H695929" s="12"/>
    </row>
    <row r="695930" spans="8:8">
      <c r="H695930" s="12"/>
    </row>
    <row r="695931" spans="8:8">
      <c r="H695931" s="12"/>
    </row>
    <row r="695932" spans="8:8">
      <c r="H695932" s="12"/>
    </row>
    <row r="695933" spans="8:8">
      <c r="H695933" s="12"/>
    </row>
    <row r="695934" spans="8:8">
      <c r="H695934" s="12"/>
    </row>
    <row r="695935" spans="8:8">
      <c r="H695935" s="12"/>
    </row>
    <row r="695936" spans="8:8">
      <c r="H695936" s="12"/>
    </row>
    <row r="695937" spans="8:8">
      <c r="H695937" s="12"/>
    </row>
    <row r="695938" spans="8:8">
      <c r="H695938" s="12"/>
    </row>
    <row r="695939" spans="8:8">
      <c r="H695939" s="12"/>
    </row>
    <row r="695940" spans="8:8">
      <c r="H695940" s="12"/>
    </row>
    <row r="695941" spans="8:8">
      <c r="H695941" s="12"/>
    </row>
    <row r="695942" spans="8:8">
      <c r="H695942" s="12"/>
    </row>
    <row r="695943" spans="8:8">
      <c r="H695943" s="12"/>
    </row>
    <row r="695944" spans="8:8">
      <c r="H695944" s="12"/>
    </row>
    <row r="695945" spans="8:8">
      <c r="H695945" s="12"/>
    </row>
    <row r="695946" spans="8:8">
      <c r="H695946" s="12"/>
    </row>
    <row r="695947" spans="8:8">
      <c r="H695947" s="12"/>
    </row>
    <row r="695948" spans="8:8">
      <c r="H695948" s="12"/>
    </row>
    <row r="695949" spans="8:8">
      <c r="H695949" s="12"/>
    </row>
    <row r="695950" spans="8:8">
      <c r="H695950" s="12"/>
    </row>
    <row r="695951" spans="8:8">
      <c r="H695951" s="12"/>
    </row>
    <row r="695952" spans="8:8">
      <c r="H695952" s="12"/>
    </row>
    <row r="695953" spans="8:8">
      <c r="H695953" s="12"/>
    </row>
    <row r="695954" spans="8:8">
      <c r="H695954" s="12"/>
    </row>
    <row r="695955" spans="8:8">
      <c r="H695955" s="12"/>
    </row>
    <row r="695956" spans="8:8">
      <c r="H695956" s="12"/>
    </row>
    <row r="695957" spans="8:8">
      <c r="H695957" s="12"/>
    </row>
    <row r="695958" spans="8:8">
      <c r="H695958" s="12"/>
    </row>
    <row r="695959" spans="8:8">
      <c r="H695959" s="12"/>
    </row>
    <row r="695960" spans="8:8">
      <c r="H695960" s="12"/>
    </row>
    <row r="695961" spans="8:8">
      <c r="H695961" s="12"/>
    </row>
    <row r="695962" spans="8:8">
      <c r="H695962" s="12"/>
    </row>
    <row r="695963" spans="8:8">
      <c r="H695963" s="12"/>
    </row>
    <row r="695964" spans="8:8">
      <c r="H695964" s="12"/>
    </row>
    <row r="695965" spans="8:8">
      <c r="H695965" s="12"/>
    </row>
    <row r="695966" spans="8:8">
      <c r="H695966" s="12"/>
    </row>
    <row r="695967" spans="8:8">
      <c r="H695967" s="12"/>
    </row>
    <row r="695968" spans="8:8">
      <c r="H695968" s="12"/>
    </row>
    <row r="695969" spans="8:8">
      <c r="H695969" s="12"/>
    </row>
    <row r="695970" spans="8:8">
      <c r="H695970" s="12"/>
    </row>
    <row r="695971" spans="8:8">
      <c r="H695971" s="12"/>
    </row>
    <row r="695972" spans="8:8">
      <c r="H695972" s="12"/>
    </row>
    <row r="695973" spans="8:8">
      <c r="H695973" s="12"/>
    </row>
    <row r="695974" spans="8:8">
      <c r="H695974" s="12"/>
    </row>
    <row r="695975" spans="8:8">
      <c r="H695975" s="12"/>
    </row>
    <row r="695976" spans="8:8">
      <c r="H695976" s="12"/>
    </row>
    <row r="695977" spans="8:8">
      <c r="H695977" s="12"/>
    </row>
    <row r="695978" spans="8:8">
      <c r="H695978" s="12"/>
    </row>
    <row r="695979" spans="8:8">
      <c r="H695979" s="12"/>
    </row>
    <row r="695980" spans="8:8">
      <c r="H695980" s="12"/>
    </row>
    <row r="695981" spans="8:8">
      <c r="H695981" s="12"/>
    </row>
    <row r="695982" spans="8:8">
      <c r="H695982" s="12"/>
    </row>
    <row r="695983" spans="8:8">
      <c r="H695983" s="12"/>
    </row>
    <row r="695984" spans="8:8">
      <c r="H695984" s="12"/>
    </row>
    <row r="695985" spans="8:8">
      <c r="H695985" s="12"/>
    </row>
    <row r="695986" spans="8:8">
      <c r="H695986" s="12"/>
    </row>
    <row r="695987" spans="8:8">
      <c r="H695987" s="12"/>
    </row>
    <row r="695988" spans="8:8">
      <c r="H695988" s="12"/>
    </row>
    <row r="695989" spans="8:8">
      <c r="H695989" s="12"/>
    </row>
    <row r="695990" spans="8:8">
      <c r="H695990" s="12"/>
    </row>
    <row r="695991" spans="8:8">
      <c r="H695991" s="12"/>
    </row>
    <row r="695992" spans="8:8">
      <c r="H695992" s="12"/>
    </row>
    <row r="695993" spans="8:8">
      <c r="H695993" s="12"/>
    </row>
    <row r="695994" spans="8:8">
      <c r="H695994" s="12"/>
    </row>
    <row r="695995" spans="8:8">
      <c r="H695995" s="12"/>
    </row>
    <row r="695996" spans="8:8">
      <c r="H695996" s="12"/>
    </row>
    <row r="695997" spans="8:8">
      <c r="H695997" s="12"/>
    </row>
    <row r="695998" spans="8:8">
      <c r="H695998" s="12"/>
    </row>
    <row r="695999" spans="8:8">
      <c r="H695999" s="12"/>
    </row>
    <row r="696000" spans="8:8">
      <c r="H696000" s="12"/>
    </row>
    <row r="696001" spans="8:8">
      <c r="H696001" s="12"/>
    </row>
    <row r="696002" spans="8:8">
      <c r="H696002" s="12"/>
    </row>
    <row r="696003" spans="8:8">
      <c r="H696003" s="12"/>
    </row>
    <row r="696004" spans="8:8">
      <c r="H696004" s="12"/>
    </row>
    <row r="696005" spans="8:8">
      <c r="H696005" s="12"/>
    </row>
    <row r="696006" spans="8:8">
      <c r="H696006" s="12"/>
    </row>
    <row r="696007" spans="8:8">
      <c r="H696007" s="12"/>
    </row>
    <row r="696008" spans="8:8">
      <c r="H696008" s="12"/>
    </row>
    <row r="696009" spans="8:8">
      <c r="H696009" s="12"/>
    </row>
    <row r="696010" spans="8:8">
      <c r="H696010" s="12"/>
    </row>
    <row r="696011" spans="8:8">
      <c r="H696011" s="12"/>
    </row>
    <row r="696012" spans="8:8">
      <c r="H696012" s="12"/>
    </row>
    <row r="696013" spans="8:8">
      <c r="H696013" s="12"/>
    </row>
    <row r="696014" spans="8:8">
      <c r="H696014" s="12"/>
    </row>
    <row r="696015" spans="8:8">
      <c r="H696015" s="12"/>
    </row>
    <row r="696016" spans="8:8">
      <c r="H696016" s="12"/>
    </row>
    <row r="696017" spans="8:8">
      <c r="H696017" s="12"/>
    </row>
    <row r="696018" spans="8:8">
      <c r="H696018" s="12"/>
    </row>
    <row r="696019" spans="8:8">
      <c r="H696019" s="12"/>
    </row>
    <row r="696020" spans="8:8">
      <c r="H696020" s="12"/>
    </row>
    <row r="696021" spans="8:8">
      <c r="H696021" s="12"/>
    </row>
    <row r="696022" spans="8:8">
      <c r="H696022" s="12"/>
    </row>
    <row r="696023" spans="8:8">
      <c r="H696023" s="12"/>
    </row>
    <row r="696024" spans="8:8">
      <c r="H696024" s="12"/>
    </row>
    <row r="696025" spans="8:8">
      <c r="H696025" s="12"/>
    </row>
    <row r="696026" spans="8:8">
      <c r="H696026" s="12"/>
    </row>
    <row r="696027" spans="8:8">
      <c r="H696027" s="12"/>
    </row>
    <row r="696028" spans="8:8">
      <c r="H696028" s="12"/>
    </row>
    <row r="696029" spans="8:8">
      <c r="H696029" s="12"/>
    </row>
    <row r="696030" spans="8:8">
      <c r="H696030" s="12"/>
    </row>
    <row r="696031" spans="8:8">
      <c r="H696031" s="12"/>
    </row>
    <row r="696032" spans="8:8">
      <c r="H696032" s="12"/>
    </row>
    <row r="696033" spans="8:8">
      <c r="H696033" s="12"/>
    </row>
    <row r="696034" spans="8:8">
      <c r="H696034" s="12"/>
    </row>
    <row r="696035" spans="8:8">
      <c r="H696035" s="12"/>
    </row>
    <row r="696036" spans="8:8">
      <c r="H696036" s="12"/>
    </row>
    <row r="696037" spans="8:8">
      <c r="H696037" s="12"/>
    </row>
    <row r="696038" spans="8:8">
      <c r="H696038" s="12"/>
    </row>
    <row r="696039" spans="8:8">
      <c r="H696039" s="12"/>
    </row>
    <row r="696040" spans="8:8">
      <c r="H696040" s="12"/>
    </row>
    <row r="696041" spans="8:8">
      <c r="H696041" s="12"/>
    </row>
    <row r="696042" spans="8:8">
      <c r="H696042" s="12"/>
    </row>
    <row r="696043" spans="8:8">
      <c r="H696043" s="12"/>
    </row>
    <row r="696044" spans="8:8">
      <c r="H696044" s="12"/>
    </row>
    <row r="696045" spans="8:8">
      <c r="H696045" s="12"/>
    </row>
    <row r="696046" spans="8:8">
      <c r="H696046" s="12"/>
    </row>
    <row r="696047" spans="8:8">
      <c r="H696047" s="12"/>
    </row>
    <row r="696048" spans="8:8">
      <c r="H696048" s="12"/>
    </row>
    <row r="696049" spans="8:8">
      <c r="H696049" s="12"/>
    </row>
    <row r="696050" spans="8:8">
      <c r="H696050" s="12"/>
    </row>
    <row r="696051" spans="8:8">
      <c r="H696051" s="12"/>
    </row>
    <row r="696052" spans="8:8">
      <c r="H696052" s="12"/>
    </row>
    <row r="696053" spans="8:8">
      <c r="H696053" s="12"/>
    </row>
    <row r="696054" spans="8:8">
      <c r="H696054" s="12"/>
    </row>
    <row r="696055" spans="8:8">
      <c r="H696055" s="12"/>
    </row>
    <row r="696056" spans="8:8">
      <c r="H696056" s="12"/>
    </row>
    <row r="696057" spans="8:8">
      <c r="H696057" s="12"/>
    </row>
    <row r="696058" spans="8:8">
      <c r="H696058" s="12"/>
    </row>
    <row r="696059" spans="8:8">
      <c r="H696059" s="12"/>
    </row>
    <row r="696060" spans="8:8">
      <c r="H696060" s="12"/>
    </row>
    <row r="696061" spans="8:8">
      <c r="H696061" s="12"/>
    </row>
    <row r="696062" spans="8:8">
      <c r="H696062" s="12"/>
    </row>
    <row r="696063" spans="8:8">
      <c r="H696063" s="12"/>
    </row>
    <row r="696064" spans="8:8">
      <c r="H696064" s="12"/>
    </row>
    <row r="696065" spans="8:8">
      <c r="H696065" s="12"/>
    </row>
    <row r="696066" spans="8:8">
      <c r="H696066" s="12"/>
    </row>
    <row r="696067" spans="8:8">
      <c r="H696067" s="12"/>
    </row>
    <row r="696068" spans="8:8">
      <c r="H696068" s="12"/>
    </row>
    <row r="696069" spans="8:8">
      <c r="H696069" s="12"/>
    </row>
    <row r="696070" spans="8:8">
      <c r="H696070" s="12"/>
    </row>
    <row r="696071" spans="8:8">
      <c r="H696071" s="12"/>
    </row>
    <row r="696072" spans="8:8">
      <c r="H696072" s="12"/>
    </row>
    <row r="696073" spans="8:8">
      <c r="H696073" s="12"/>
    </row>
    <row r="696074" spans="8:8">
      <c r="H696074" s="12"/>
    </row>
    <row r="696075" spans="8:8">
      <c r="H696075" s="12"/>
    </row>
    <row r="696076" spans="8:8">
      <c r="H696076" s="12"/>
    </row>
    <row r="696077" spans="8:8">
      <c r="H696077" s="12"/>
    </row>
    <row r="696078" spans="8:8">
      <c r="H696078" s="12"/>
    </row>
    <row r="696079" spans="8:8">
      <c r="H696079" s="12"/>
    </row>
    <row r="696080" spans="8:8">
      <c r="H696080" s="12"/>
    </row>
    <row r="696081" spans="8:8">
      <c r="H696081" s="12"/>
    </row>
    <row r="696082" spans="8:8">
      <c r="H696082" s="12"/>
    </row>
    <row r="696083" spans="8:8">
      <c r="H696083" s="12"/>
    </row>
    <row r="696084" spans="8:8">
      <c r="H696084" s="12"/>
    </row>
    <row r="696085" spans="8:8">
      <c r="H696085" s="12"/>
    </row>
    <row r="696086" spans="8:8">
      <c r="H696086" s="12"/>
    </row>
    <row r="696087" spans="8:8">
      <c r="H696087" s="12"/>
    </row>
    <row r="696088" spans="8:8">
      <c r="H696088" s="12"/>
    </row>
    <row r="696089" spans="8:8">
      <c r="H696089" s="12"/>
    </row>
    <row r="696090" spans="8:8">
      <c r="H696090" s="12"/>
    </row>
    <row r="696091" spans="8:8">
      <c r="H696091" s="12"/>
    </row>
    <row r="696092" spans="8:8">
      <c r="H696092" s="12"/>
    </row>
    <row r="696093" spans="8:8">
      <c r="H696093" s="12"/>
    </row>
    <row r="696094" spans="8:8">
      <c r="H696094" s="12"/>
    </row>
    <row r="696095" spans="8:8">
      <c r="H696095" s="12"/>
    </row>
    <row r="696096" spans="8:8">
      <c r="H696096" s="12"/>
    </row>
    <row r="696097" spans="8:8">
      <c r="H696097" s="12"/>
    </row>
    <row r="696098" spans="8:8">
      <c r="H696098" s="12"/>
    </row>
    <row r="696099" spans="8:8">
      <c r="H696099" s="12"/>
    </row>
    <row r="696100" spans="8:8">
      <c r="H696100" s="12"/>
    </row>
    <row r="696101" spans="8:8">
      <c r="H696101" s="12"/>
    </row>
    <row r="696102" spans="8:8">
      <c r="H696102" s="12"/>
    </row>
    <row r="696103" spans="8:8">
      <c r="H696103" s="12"/>
    </row>
    <row r="696104" spans="8:8">
      <c r="H696104" s="12"/>
    </row>
    <row r="696105" spans="8:8">
      <c r="H696105" s="12"/>
    </row>
    <row r="696106" spans="8:8">
      <c r="H696106" s="12"/>
    </row>
    <row r="696107" spans="8:8">
      <c r="H696107" s="12"/>
    </row>
    <row r="696108" spans="8:8">
      <c r="H696108" s="12"/>
    </row>
    <row r="696109" spans="8:8">
      <c r="H696109" s="12"/>
    </row>
    <row r="696110" spans="8:8">
      <c r="H696110" s="12"/>
    </row>
    <row r="696111" spans="8:8">
      <c r="H696111" s="12"/>
    </row>
    <row r="696112" spans="8:8">
      <c r="H696112" s="12"/>
    </row>
    <row r="696113" spans="8:8">
      <c r="H696113" s="12"/>
    </row>
    <row r="696114" spans="8:8">
      <c r="H696114" s="12"/>
    </row>
    <row r="696115" spans="8:8">
      <c r="H696115" s="12"/>
    </row>
    <row r="696116" spans="8:8">
      <c r="H696116" s="12"/>
    </row>
    <row r="696117" spans="8:8">
      <c r="H696117" s="12"/>
    </row>
    <row r="696118" spans="8:8">
      <c r="H696118" s="12"/>
    </row>
    <row r="696119" spans="8:8">
      <c r="H696119" s="12"/>
    </row>
    <row r="696120" spans="8:8">
      <c r="H696120" s="12"/>
    </row>
    <row r="696121" spans="8:8">
      <c r="H696121" s="12"/>
    </row>
    <row r="696122" spans="8:8">
      <c r="H696122" s="12"/>
    </row>
    <row r="696123" spans="8:8">
      <c r="H696123" s="12"/>
    </row>
    <row r="696124" spans="8:8">
      <c r="H696124" s="12"/>
    </row>
    <row r="696125" spans="8:8">
      <c r="H696125" s="12"/>
    </row>
    <row r="696126" spans="8:8">
      <c r="H696126" s="12"/>
    </row>
    <row r="696127" spans="8:8">
      <c r="H696127" s="12"/>
    </row>
    <row r="696128" spans="8:8">
      <c r="H696128" s="12"/>
    </row>
    <row r="696129" spans="8:8">
      <c r="H696129" s="12"/>
    </row>
    <row r="696130" spans="8:8">
      <c r="H696130" s="12"/>
    </row>
    <row r="696131" spans="8:8">
      <c r="H696131" s="12"/>
    </row>
    <row r="696132" spans="8:8">
      <c r="H696132" s="12"/>
    </row>
    <row r="696133" spans="8:8">
      <c r="H696133" s="12"/>
    </row>
    <row r="696134" spans="8:8">
      <c r="H696134" s="12"/>
    </row>
    <row r="696135" spans="8:8">
      <c r="H696135" s="12"/>
    </row>
    <row r="696136" spans="8:8">
      <c r="H696136" s="12"/>
    </row>
    <row r="696137" spans="8:8">
      <c r="H696137" s="12"/>
    </row>
    <row r="696138" spans="8:8">
      <c r="H696138" s="12"/>
    </row>
    <row r="696139" spans="8:8">
      <c r="H696139" s="12"/>
    </row>
    <row r="696140" spans="8:8">
      <c r="H696140" s="12"/>
    </row>
    <row r="696141" spans="8:8">
      <c r="H696141" s="12"/>
    </row>
    <row r="696142" spans="8:8">
      <c r="H696142" s="12"/>
    </row>
    <row r="696143" spans="8:8">
      <c r="H696143" s="12"/>
    </row>
    <row r="696144" spans="8:8">
      <c r="H696144" s="12"/>
    </row>
    <row r="696145" spans="8:8">
      <c r="H696145" s="12"/>
    </row>
    <row r="696146" spans="8:8">
      <c r="H696146" s="12"/>
    </row>
    <row r="696147" spans="8:8">
      <c r="H696147" s="12"/>
    </row>
    <row r="696148" spans="8:8">
      <c r="H696148" s="12"/>
    </row>
    <row r="696149" spans="8:8">
      <c r="H696149" s="12"/>
    </row>
    <row r="696150" spans="8:8">
      <c r="H696150" s="12"/>
    </row>
    <row r="696151" spans="8:8">
      <c r="H696151" s="12"/>
    </row>
    <row r="696152" spans="8:8">
      <c r="H696152" s="12"/>
    </row>
    <row r="696153" spans="8:8">
      <c r="H696153" s="12"/>
    </row>
    <row r="696154" spans="8:8">
      <c r="H696154" s="12"/>
    </row>
    <row r="696155" spans="8:8">
      <c r="H696155" s="12"/>
    </row>
    <row r="696156" spans="8:8">
      <c r="H696156" s="12"/>
    </row>
    <row r="696157" spans="8:8">
      <c r="H696157" s="12"/>
    </row>
    <row r="696158" spans="8:8">
      <c r="H696158" s="12"/>
    </row>
    <row r="696159" spans="8:8">
      <c r="H696159" s="12"/>
    </row>
    <row r="696160" spans="8:8">
      <c r="H696160" s="12"/>
    </row>
    <row r="696161" spans="8:8">
      <c r="H696161" s="12"/>
    </row>
    <row r="696162" spans="8:8">
      <c r="H696162" s="12"/>
    </row>
    <row r="696163" spans="8:8">
      <c r="H696163" s="12"/>
    </row>
    <row r="696164" spans="8:8">
      <c r="H696164" s="12"/>
    </row>
    <row r="696165" spans="8:8">
      <c r="H696165" s="12"/>
    </row>
    <row r="696166" spans="8:8">
      <c r="H696166" s="12"/>
    </row>
    <row r="696167" spans="8:8">
      <c r="H696167" s="12"/>
    </row>
    <row r="696168" spans="8:8">
      <c r="H696168" s="12"/>
    </row>
    <row r="696169" spans="8:8">
      <c r="H696169" s="12"/>
    </row>
    <row r="696170" spans="8:8">
      <c r="H696170" s="12"/>
    </row>
    <row r="696171" spans="8:8">
      <c r="H696171" s="12"/>
    </row>
    <row r="696172" spans="8:8">
      <c r="H696172" s="12"/>
    </row>
    <row r="696173" spans="8:8">
      <c r="H696173" s="12"/>
    </row>
    <row r="696174" spans="8:8">
      <c r="H696174" s="12"/>
    </row>
    <row r="696175" spans="8:8">
      <c r="H696175" s="12"/>
    </row>
    <row r="696176" spans="8:8">
      <c r="H696176" s="12"/>
    </row>
    <row r="696177" spans="8:8">
      <c r="H696177" s="12"/>
    </row>
    <row r="696178" spans="8:8">
      <c r="H696178" s="12"/>
    </row>
    <row r="696179" spans="8:8">
      <c r="H696179" s="12"/>
    </row>
    <row r="696180" spans="8:8">
      <c r="H696180" s="12"/>
    </row>
    <row r="696181" spans="8:8">
      <c r="H696181" s="12"/>
    </row>
    <row r="696182" spans="8:8">
      <c r="H696182" s="12"/>
    </row>
    <row r="696183" spans="8:8">
      <c r="H696183" s="12"/>
    </row>
    <row r="696184" spans="8:8">
      <c r="H696184" s="12"/>
    </row>
    <row r="696185" spans="8:8">
      <c r="H696185" s="12"/>
    </row>
    <row r="696186" spans="8:8">
      <c r="H696186" s="12"/>
    </row>
    <row r="696187" spans="8:8">
      <c r="H696187" s="12"/>
    </row>
    <row r="696188" spans="8:8">
      <c r="H696188" s="12"/>
    </row>
    <row r="696189" spans="8:8">
      <c r="H696189" s="12"/>
    </row>
    <row r="696190" spans="8:8">
      <c r="H696190" s="12"/>
    </row>
    <row r="696191" spans="8:8">
      <c r="H696191" s="12"/>
    </row>
    <row r="696192" spans="8:8">
      <c r="H696192" s="12"/>
    </row>
    <row r="696193" spans="8:8">
      <c r="H696193" s="12"/>
    </row>
    <row r="696194" spans="8:8">
      <c r="H696194" s="12"/>
    </row>
    <row r="696195" spans="8:8">
      <c r="H696195" s="12"/>
    </row>
    <row r="696196" spans="8:8">
      <c r="H696196" s="12"/>
    </row>
    <row r="696197" spans="8:8">
      <c r="H696197" s="12"/>
    </row>
    <row r="696198" spans="8:8">
      <c r="H696198" s="12"/>
    </row>
    <row r="696199" spans="8:8">
      <c r="H696199" s="12"/>
    </row>
    <row r="696200" spans="8:8">
      <c r="H696200" s="12"/>
    </row>
    <row r="696201" spans="8:8">
      <c r="H696201" s="12"/>
    </row>
    <row r="696202" spans="8:8">
      <c r="H696202" s="12"/>
    </row>
    <row r="696203" spans="8:8">
      <c r="H696203" s="12"/>
    </row>
    <row r="696204" spans="8:8">
      <c r="H696204" s="12"/>
    </row>
    <row r="696205" spans="8:8">
      <c r="H696205" s="12"/>
    </row>
    <row r="696206" spans="8:8">
      <c r="H696206" s="12"/>
    </row>
    <row r="696207" spans="8:8">
      <c r="H696207" s="12"/>
    </row>
    <row r="696208" spans="8:8">
      <c r="H696208" s="12"/>
    </row>
    <row r="696209" spans="8:8">
      <c r="H696209" s="12"/>
    </row>
    <row r="696210" spans="8:8">
      <c r="H696210" s="12"/>
    </row>
    <row r="696211" spans="8:8">
      <c r="H696211" s="12"/>
    </row>
    <row r="696212" spans="8:8">
      <c r="H696212" s="12"/>
    </row>
    <row r="696213" spans="8:8">
      <c r="H696213" s="12"/>
    </row>
    <row r="696214" spans="8:8">
      <c r="H696214" s="12"/>
    </row>
    <row r="696215" spans="8:8">
      <c r="H696215" s="12"/>
    </row>
    <row r="696216" spans="8:8">
      <c r="H696216" s="12"/>
    </row>
    <row r="696217" spans="8:8">
      <c r="H696217" s="12"/>
    </row>
    <row r="696218" spans="8:8">
      <c r="H696218" s="12"/>
    </row>
    <row r="696219" spans="8:8">
      <c r="H696219" s="12"/>
    </row>
    <row r="696220" spans="8:8">
      <c r="H696220" s="12"/>
    </row>
    <row r="696221" spans="8:8">
      <c r="H696221" s="12"/>
    </row>
    <row r="696222" spans="8:8">
      <c r="H696222" s="12"/>
    </row>
    <row r="696223" spans="8:8">
      <c r="H696223" s="12"/>
    </row>
    <row r="696224" spans="8:8">
      <c r="H696224" s="12"/>
    </row>
    <row r="696225" spans="8:8">
      <c r="H696225" s="12"/>
    </row>
    <row r="696226" spans="8:8">
      <c r="H696226" s="12"/>
    </row>
    <row r="696227" spans="8:8">
      <c r="H696227" s="12"/>
    </row>
    <row r="696228" spans="8:8">
      <c r="H696228" s="12"/>
    </row>
    <row r="696229" spans="8:8">
      <c r="H696229" s="12"/>
    </row>
    <row r="696230" spans="8:8">
      <c r="H696230" s="12"/>
    </row>
    <row r="696231" spans="8:8">
      <c r="H696231" s="12"/>
    </row>
    <row r="696232" spans="8:8">
      <c r="H696232" s="12"/>
    </row>
    <row r="696233" spans="8:8">
      <c r="H696233" s="12"/>
    </row>
    <row r="696234" spans="8:8">
      <c r="H696234" s="12"/>
    </row>
    <row r="696235" spans="8:8">
      <c r="H696235" s="12"/>
    </row>
    <row r="696236" spans="8:8">
      <c r="H696236" s="12"/>
    </row>
    <row r="696237" spans="8:8">
      <c r="H696237" s="12"/>
    </row>
    <row r="696238" spans="8:8">
      <c r="H696238" s="12"/>
    </row>
    <row r="696239" spans="8:8">
      <c r="H696239" s="12"/>
    </row>
    <row r="696240" spans="8:8">
      <c r="H696240" s="12"/>
    </row>
    <row r="696241" spans="8:8">
      <c r="H696241" s="12"/>
    </row>
    <row r="696242" spans="8:8">
      <c r="H696242" s="12"/>
    </row>
    <row r="696243" spans="8:8">
      <c r="H696243" s="12"/>
    </row>
    <row r="696244" spans="8:8">
      <c r="H696244" s="12"/>
    </row>
    <row r="696245" spans="8:8">
      <c r="H696245" s="12"/>
    </row>
    <row r="696246" spans="8:8">
      <c r="H696246" s="12"/>
    </row>
    <row r="696247" spans="8:8">
      <c r="H696247" s="12"/>
    </row>
    <row r="696248" spans="8:8">
      <c r="H696248" s="12"/>
    </row>
    <row r="696249" spans="8:8">
      <c r="H696249" s="12"/>
    </row>
    <row r="696250" spans="8:8">
      <c r="H696250" s="12"/>
    </row>
    <row r="696251" spans="8:8">
      <c r="H696251" s="12"/>
    </row>
    <row r="696252" spans="8:8">
      <c r="H696252" s="12"/>
    </row>
    <row r="696253" spans="8:8">
      <c r="H696253" s="12"/>
    </row>
    <row r="696254" spans="8:8">
      <c r="H696254" s="12"/>
    </row>
    <row r="696255" spans="8:8">
      <c r="H696255" s="12"/>
    </row>
    <row r="696256" spans="8:8">
      <c r="H696256" s="12"/>
    </row>
    <row r="696257" spans="8:8">
      <c r="H696257" s="12"/>
    </row>
    <row r="696258" spans="8:8">
      <c r="H696258" s="12"/>
    </row>
    <row r="696259" spans="8:8">
      <c r="H696259" s="12"/>
    </row>
    <row r="696260" spans="8:8">
      <c r="H696260" s="12"/>
    </row>
    <row r="696261" spans="8:8">
      <c r="H696261" s="12"/>
    </row>
    <row r="696262" spans="8:8">
      <c r="H696262" s="12"/>
    </row>
    <row r="696263" spans="8:8">
      <c r="H696263" s="12"/>
    </row>
    <row r="696264" spans="8:8">
      <c r="H696264" s="12"/>
    </row>
    <row r="696265" spans="8:8">
      <c r="H696265" s="12"/>
    </row>
    <row r="696266" spans="8:8">
      <c r="H696266" s="12"/>
    </row>
    <row r="696267" spans="8:8">
      <c r="H696267" s="12"/>
    </row>
    <row r="696268" spans="8:8">
      <c r="H696268" s="12"/>
    </row>
    <row r="696269" spans="8:8">
      <c r="H696269" s="12"/>
    </row>
    <row r="696270" spans="8:8">
      <c r="H696270" s="12"/>
    </row>
    <row r="696271" spans="8:8">
      <c r="H696271" s="12"/>
    </row>
    <row r="696272" spans="8:8">
      <c r="H696272" s="12"/>
    </row>
    <row r="696273" spans="8:8">
      <c r="H696273" s="12"/>
    </row>
    <row r="696274" spans="8:8">
      <c r="H696274" s="12"/>
    </row>
    <row r="696275" spans="8:8">
      <c r="H696275" s="12"/>
    </row>
    <row r="696276" spans="8:8">
      <c r="H696276" s="12"/>
    </row>
    <row r="696277" spans="8:8">
      <c r="H696277" s="12"/>
    </row>
    <row r="696278" spans="8:8">
      <c r="H696278" s="12"/>
    </row>
    <row r="696279" spans="8:8">
      <c r="H696279" s="12"/>
    </row>
    <row r="696280" spans="8:8">
      <c r="H696280" s="12"/>
    </row>
    <row r="696281" spans="8:8">
      <c r="H696281" s="12"/>
    </row>
    <row r="696282" spans="8:8">
      <c r="H696282" s="12"/>
    </row>
    <row r="696283" spans="8:8">
      <c r="H696283" s="12"/>
    </row>
    <row r="696284" spans="8:8">
      <c r="H696284" s="12"/>
    </row>
    <row r="696285" spans="8:8">
      <c r="H696285" s="12"/>
    </row>
    <row r="696286" spans="8:8">
      <c r="H696286" s="12"/>
    </row>
    <row r="696287" spans="8:8">
      <c r="H696287" s="12"/>
    </row>
    <row r="696288" spans="8:8">
      <c r="H696288" s="12"/>
    </row>
    <row r="696289" spans="8:8">
      <c r="H696289" s="12"/>
    </row>
    <row r="696290" spans="8:8">
      <c r="H696290" s="12"/>
    </row>
    <row r="696291" spans="8:8">
      <c r="H696291" s="12"/>
    </row>
    <row r="696292" spans="8:8">
      <c r="H696292" s="12"/>
    </row>
    <row r="696293" spans="8:8">
      <c r="H696293" s="12"/>
    </row>
    <row r="696294" spans="8:8">
      <c r="H696294" s="12"/>
    </row>
    <row r="696295" spans="8:8">
      <c r="H696295" s="12"/>
    </row>
    <row r="696296" spans="8:8">
      <c r="H696296" s="12"/>
    </row>
    <row r="696297" spans="8:8">
      <c r="H696297" s="12"/>
    </row>
    <row r="696298" spans="8:8">
      <c r="H696298" s="12"/>
    </row>
    <row r="696299" spans="8:8">
      <c r="H696299" s="12"/>
    </row>
    <row r="696300" spans="8:8">
      <c r="H696300" s="12"/>
    </row>
    <row r="696301" spans="8:8">
      <c r="H696301" s="12"/>
    </row>
    <row r="696302" spans="8:8">
      <c r="H696302" s="12"/>
    </row>
    <row r="696303" spans="8:8">
      <c r="H696303" s="12"/>
    </row>
    <row r="696304" spans="8:8">
      <c r="H696304" s="12"/>
    </row>
    <row r="696305" spans="8:8">
      <c r="H696305" s="12"/>
    </row>
    <row r="696306" spans="8:8">
      <c r="H696306" s="12"/>
    </row>
    <row r="696307" spans="8:8">
      <c r="H696307" s="12"/>
    </row>
    <row r="696308" spans="8:8">
      <c r="H696308" s="12"/>
    </row>
    <row r="696309" spans="8:8">
      <c r="H696309" s="12"/>
    </row>
    <row r="696310" spans="8:8">
      <c r="H696310" s="12"/>
    </row>
    <row r="696311" spans="8:8">
      <c r="H696311" s="12"/>
    </row>
    <row r="696312" spans="8:8">
      <c r="H696312" s="12"/>
    </row>
    <row r="696313" spans="8:8">
      <c r="H696313" s="12"/>
    </row>
    <row r="696314" spans="8:8">
      <c r="H696314" s="12"/>
    </row>
    <row r="696315" spans="8:8">
      <c r="H696315" s="12"/>
    </row>
    <row r="696316" spans="8:8">
      <c r="H696316" s="12"/>
    </row>
    <row r="696317" spans="8:8">
      <c r="H696317" s="12"/>
    </row>
    <row r="696318" spans="8:8">
      <c r="H696318" s="12"/>
    </row>
    <row r="696319" spans="8:8">
      <c r="H696319" s="12"/>
    </row>
    <row r="696320" spans="8:8">
      <c r="H696320" s="12"/>
    </row>
    <row r="696321" spans="8:8">
      <c r="H696321" s="12"/>
    </row>
    <row r="696322" spans="8:8">
      <c r="H696322" s="12"/>
    </row>
    <row r="696323" spans="8:8">
      <c r="H696323" s="12"/>
    </row>
    <row r="696324" spans="8:8">
      <c r="H696324" s="12"/>
    </row>
    <row r="696325" spans="8:8">
      <c r="H696325" s="12"/>
    </row>
    <row r="696326" spans="8:8">
      <c r="H696326" s="12"/>
    </row>
    <row r="696327" spans="8:8">
      <c r="H696327" s="12"/>
    </row>
    <row r="696328" spans="8:8">
      <c r="H696328" s="12"/>
    </row>
    <row r="696329" spans="8:8">
      <c r="H696329" s="12"/>
    </row>
    <row r="696330" spans="8:8">
      <c r="H696330" s="12"/>
    </row>
    <row r="696331" spans="8:8">
      <c r="H696331" s="12"/>
    </row>
    <row r="696332" spans="8:8">
      <c r="H696332" s="12"/>
    </row>
    <row r="696333" spans="8:8">
      <c r="H696333" s="12"/>
    </row>
    <row r="696334" spans="8:8">
      <c r="H696334" s="12"/>
    </row>
    <row r="696335" spans="8:8">
      <c r="H696335" s="12"/>
    </row>
    <row r="696336" spans="8:8">
      <c r="H696336" s="12"/>
    </row>
    <row r="696337" spans="8:8">
      <c r="H696337" s="12"/>
    </row>
    <row r="696338" spans="8:8">
      <c r="H696338" s="12"/>
    </row>
    <row r="696339" spans="8:8">
      <c r="H696339" s="12"/>
    </row>
    <row r="696340" spans="8:8">
      <c r="H696340" s="12"/>
    </row>
    <row r="696341" spans="8:8">
      <c r="H696341" s="12"/>
    </row>
    <row r="696342" spans="8:8">
      <c r="H696342" s="12"/>
    </row>
    <row r="696343" spans="8:8">
      <c r="H696343" s="12"/>
    </row>
    <row r="696344" spans="8:8">
      <c r="H696344" s="12"/>
    </row>
    <row r="696345" spans="8:8">
      <c r="H696345" s="12"/>
    </row>
    <row r="696346" spans="8:8">
      <c r="H696346" s="12"/>
    </row>
    <row r="696347" spans="8:8">
      <c r="H696347" s="12"/>
    </row>
    <row r="696348" spans="8:8">
      <c r="H696348" s="12"/>
    </row>
    <row r="696349" spans="8:8">
      <c r="H696349" s="12"/>
    </row>
    <row r="696350" spans="8:8">
      <c r="H696350" s="12"/>
    </row>
    <row r="696351" spans="8:8">
      <c r="H696351" s="12"/>
    </row>
    <row r="696352" spans="8:8">
      <c r="H696352" s="12"/>
    </row>
    <row r="696353" spans="8:8">
      <c r="H696353" s="12"/>
    </row>
    <row r="696354" spans="8:8">
      <c r="H696354" s="12"/>
    </row>
    <row r="696355" spans="8:8">
      <c r="H696355" s="12"/>
    </row>
    <row r="696356" spans="8:8">
      <c r="H696356" s="12"/>
    </row>
    <row r="696357" spans="8:8">
      <c r="H696357" s="12"/>
    </row>
    <row r="696358" spans="8:8">
      <c r="H696358" s="12"/>
    </row>
    <row r="696359" spans="8:8">
      <c r="H696359" s="12"/>
    </row>
    <row r="696360" spans="8:8">
      <c r="H696360" s="12"/>
    </row>
    <row r="696361" spans="8:8">
      <c r="H696361" s="12"/>
    </row>
    <row r="696362" spans="8:8">
      <c r="H696362" s="12"/>
    </row>
    <row r="696363" spans="8:8">
      <c r="H696363" s="12"/>
    </row>
    <row r="696364" spans="8:8">
      <c r="H696364" s="12"/>
    </row>
    <row r="696365" spans="8:8">
      <c r="H696365" s="12"/>
    </row>
    <row r="696366" spans="8:8">
      <c r="H696366" s="12"/>
    </row>
    <row r="696367" spans="8:8">
      <c r="H696367" s="12"/>
    </row>
    <row r="696368" spans="8:8">
      <c r="H696368" s="12"/>
    </row>
    <row r="696369" spans="8:8">
      <c r="H696369" s="12"/>
    </row>
    <row r="696370" spans="8:8">
      <c r="H696370" s="12"/>
    </row>
    <row r="696371" spans="8:8">
      <c r="H696371" s="12"/>
    </row>
    <row r="696372" spans="8:8">
      <c r="H696372" s="12"/>
    </row>
    <row r="696373" spans="8:8">
      <c r="H696373" s="12"/>
    </row>
    <row r="696374" spans="8:8">
      <c r="H696374" s="12"/>
    </row>
    <row r="696375" spans="8:8">
      <c r="H696375" s="12"/>
    </row>
    <row r="696376" spans="8:8">
      <c r="H696376" s="12"/>
    </row>
    <row r="696377" spans="8:8">
      <c r="H696377" s="12"/>
    </row>
    <row r="696378" spans="8:8">
      <c r="H696378" s="12"/>
    </row>
    <row r="696379" spans="8:8">
      <c r="H696379" s="12"/>
    </row>
    <row r="696380" spans="8:8">
      <c r="H696380" s="12"/>
    </row>
    <row r="696381" spans="8:8">
      <c r="H696381" s="12"/>
    </row>
    <row r="696382" spans="8:8">
      <c r="H696382" s="12"/>
    </row>
    <row r="696383" spans="8:8">
      <c r="H696383" s="12"/>
    </row>
    <row r="696384" spans="8:8">
      <c r="H696384" s="12"/>
    </row>
    <row r="696385" spans="8:8">
      <c r="H696385" s="12"/>
    </row>
    <row r="696386" spans="8:8">
      <c r="H696386" s="12"/>
    </row>
    <row r="696387" spans="8:8">
      <c r="H696387" s="12"/>
    </row>
    <row r="696388" spans="8:8">
      <c r="H696388" s="12"/>
    </row>
    <row r="696389" spans="8:8">
      <c r="H696389" s="12"/>
    </row>
    <row r="696390" spans="8:8">
      <c r="H696390" s="12"/>
    </row>
    <row r="696391" spans="8:8">
      <c r="H696391" s="12"/>
    </row>
    <row r="696392" spans="8:8">
      <c r="H696392" s="12"/>
    </row>
    <row r="696393" spans="8:8">
      <c r="H696393" s="12"/>
    </row>
    <row r="696394" spans="8:8">
      <c r="H696394" s="12"/>
    </row>
    <row r="696395" spans="8:8">
      <c r="H696395" s="12"/>
    </row>
    <row r="696396" spans="8:8">
      <c r="H696396" s="12"/>
    </row>
    <row r="696397" spans="8:8">
      <c r="H696397" s="12"/>
    </row>
    <row r="696398" spans="8:8">
      <c r="H696398" s="12"/>
    </row>
    <row r="696399" spans="8:8">
      <c r="H696399" s="12"/>
    </row>
    <row r="696400" spans="8:8">
      <c r="H696400" s="12"/>
    </row>
    <row r="696401" spans="8:8">
      <c r="H696401" s="12"/>
    </row>
    <row r="696402" spans="8:8">
      <c r="H696402" s="12"/>
    </row>
    <row r="696403" spans="8:8">
      <c r="H696403" s="12"/>
    </row>
    <row r="696404" spans="8:8">
      <c r="H696404" s="12"/>
    </row>
    <row r="696405" spans="8:8">
      <c r="H696405" s="12"/>
    </row>
    <row r="696406" spans="8:8">
      <c r="H696406" s="12"/>
    </row>
    <row r="696407" spans="8:8">
      <c r="H696407" s="12"/>
    </row>
    <row r="696408" spans="8:8">
      <c r="H696408" s="12"/>
    </row>
    <row r="696409" spans="8:8">
      <c r="H696409" s="12"/>
    </row>
    <row r="696410" spans="8:8">
      <c r="H696410" s="12"/>
    </row>
    <row r="696411" spans="8:8">
      <c r="H696411" s="12"/>
    </row>
    <row r="696412" spans="8:8">
      <c r="H696412" s="12"/>
    </row>
    <row r="696413" spans="8:8">
      <c r="H696413" s="12"/>
    </row>
    <row r="696414" spans="8:8">
      <c r="H696414" s="12"/>
    </row>
    <row r="696415" spans="8:8">
      <c r="H696415" s="12"/>
    </row>
    <row r="696416" spans="8:8">
      <c r="H696416" s="12"/>
    </row>
    <row r="696417" spans="8:8">
      <c r="H696417" s="12"/>
    </row>
    <row r="696418" spans="8:8">
      <c r="H696418" s="12"/>
    </row>
    <row r="696419" spans="8:8">
      <c r="H696419" s="12"/>
    </row>
    <row r="696420" spans="8:8">
      <c r="H696420" s="12"/>
    </row>
    <row r="696421" spans="8:8">
      <c r="H696421" s="12"/>
    </row>
    <row r="696422" spans="8:8">
      <c r="H696422" s="12"/>
    </row>
    <row r="696423" spans="8:8">
      <c r="H696423" s="12"/>
    </row>
    <row r="696424" spans="8:8">
      <c r="H696424" s="12"/>
    </row>
    <row r="696425" spans="8:8">
      <c r="H696425" s="12"/>
    </row>
    <row r="696426" spans="8:8">
      <c r="H696426" s="12"/>
    </row>
    <row r="696427" spans="8:8">
      <c r="H696427" s="12"/>
    </row>
    <row r="696428" spans="8:8">
      <c r="H696428" s="12"/>
    </row>
    <row r="696429" spans="8:8">
      <c r="H696429" s="12"/>
    </row>
    <row r="696430" spans="8:8">
      <c r="H696430" s="12"/>
    </row>
    <row r="696431" spans="8:8">
      <c r="H696431" s="12"/>
    </row>
    <row r="696432" spans="8:8">
      <c r="H696432" s="12"/>
    </row>
    <row r="696433" spans="8:8">
      <c r="H696433" s="12"/>
    </row>
    <row r="696434" spans="8:8">
      <c r="H696434" s="12"/>
    </row>
    <row r="696435" spans="8:8">
      <c r="H696435" s="12"/>
    </row>
    <row r="696436" spans="8:8">
      <c r="H696436" s="12"/>
    </row>
    <row r="696437" spans="8:8">
      <c r="H696437" s="12"/>
    </row>
    <row r="696438" spans="8:8">
      <c r="H696438" s="12"/>
    </row>
    <row r="696439" spans="8:8">
      <c r="H696439" s="12"/>
    </row>
    <row r="696440" spans="8:8">
      <c r="H696440" s="12"/>
    </row>
    <row r="696441" spans="8:8">
      <c r="H696441" s="12"/>
    </row>
    <row r="696442" spans="8:8">
      <c r="H696442" s="12"/>
    </row>
    <row r="696443" spans="8:8">
      <c r="H696443" s="12"/>
    </row>
    <row r="696444" spans="8:8">
      <c r="H696444" s="12"/>
    </row>
    <row r="696445" spans="8:8">
      <c r="H696445" s="12"/>
    </row>
    <row r="696446" spans="8:8">
      <c r="H696446" s="12"/>
    </row>
    <row r="696447" spans="8:8">
      <c r="H696447" s="12"/>
    </row>
    <row r="696448" spans="8:8">
      <c r="H696448" s="12"/>
    </row>
    <row r="696449" spans="8:8">
      <c r="H696449" s="12"/>
    </row>
    <row r="696450" spans="8:8">
      <c r="H696450" s="12"/>
    </row>
    <row r="696451" spans="8:8">
      <c r="H696451" s="12"/>
    </row>
    <row r="696452" spans="8:8">
      <c r="H696452" s="12"/>
    </row>
    <row r="696453" spans="8:8">
      <c r="H696453" s="12"/>
    </row>
    <row r="696454" spans="8:8">
      <c r="H696454" s="12"/>
    </row>
    <row r="696455" spans="8:8">
      <c r="H696455" s="12"/>
    </row>
    <row r="696456" spans="8:8">
      <c r="H696456" s="12"/>
    </row>
    <row r="696457" spans="8:8">
      <c r="H696457" s="12"/>
    </row>
    <row r="696458" spans="8:8">
      <c r="H696458" s="12"/>
    </row>
    <row r="696459" spans="8:8">
      <c r="H696459" s="12"/>
    </row>
    <row r="696460" spans="8:8">
      <c r="H696460" s="12"/>
    </row>
    <row r="696461" spans="8:8">
      <c r="H696461" s="12"/>
    </row>
    <row r="696462" spans="8:8">
      <c r="H696462" s="12"/>
    </row>
    <row r="696463" spans="8:8">
      <c r="H696463" s="12"/>
    </row>
    <row r="696464" spans="8:8">
      <c r="H696464" s="12"/>
    </row>
    <row r="696465" spans="8:8">
      <c r="H696465" s="12"/>
    </row>
    <row r="696466" spans="8:8">
      <c r="H696466" s="12"/>
    </row>
    <row r="696467" spans="8:8">
      <c r="H696467" s="12"/>
    </row>
    <row r="696468" spans="8:8">
      <c r="H696468" s="12"/>
    </row>
    <row r="696469" spans="8:8">
      <c r="H696469" s="12"/>
    </row>
    <row r="696470" spans="8:8">
      <c r="H696470" s="12"/>
    </row>
    <row r="696471" spans="8:8">
      <c r="H696471" s="12"/>
    </row>
    <row r="696472" spans="8:8">
      <c r="H696472" s="12"/>
    </row>
    <row r="696473" spans="8:8">
      <c r="H696473" s="12"/>
    </row>
    <row r="696474" spans="8:8">
      <c r="H696474" s="12"/>
    </row>
    <row r="696475" spans="8:8">
      <c r="H696475" s="12"/>
    </row>
    <row r="696476" spans="8:8">
      <c r="H696476" s="12"/>
    </row>
    <row r="696477" spans="8:8">
      <c r="H696477" s="12"/>
    </row>
    <row r="696478" spans="8:8">
      <c r="H696478" s="12"/>
    </row>
    <row r="696479" spans="8:8">
      <c r="H696479" s="12"/>
    </row>
    <row r="696480" spans="8:8">
      <c r="H696480" s="12"/>
    </row>
    <row r="696481" spans="8:8">
      <c r="H696481" s="12"/>
    </row>
    <row r="696482" spans="8:8">
      <c r="H696482" s="12"/>
    </row>
    <row r="696483" spans="8:8">
      <c r="H696483" s="12"/>
    </row>
    <row r="696484" spans="8:8">
      <c r="H696484" s="12"/>
    </row>
    <row r="696485" spans="8:8">
      <c r="H696485" s="12"/>
    </row>
    <row r="696486" spans="8:8">
      <c r="H696486" s="12"/>
    </row>
    <row r="696487" spans="8:8">
      <c r="H696487" s="12"/>
    </row>
    <row r="696488" spans="8:8">
      <c r="H696488" s="12"/>
    </row>
    <row r="696489" spans="8:8">
      <c r="H696489" s="12"/>
    </row>
    <row r="696490" spans="8:8">
      <c r="H696490" s="12"/>
    </row>
    <row r="696491" spans="8:8">
      <c r="H696491" s="12"/>
    </row>
    <row r="696492" spans="8:8">
      <c r="H696492" s="12"/>
    </row>
    <row r="696493" spans="8:8">
      <c r="H696493" s="12"/>
    </row>
    <row r="696494" spans="8:8">
      <c r="H696494" s="12"/>
    </row>
    <row r="696495" spans="8:8">
      <c r="H696495" s="12"/>
    </row>
    <row r="696496" spans="8:8">
      <c r="H696496" s="12"/>
    </row>
    <row r="696497" spans="8:8">
      <c r="H696497" s="12"/>
    </row>
    <row r="696498" spans="8:8">
      <c r="H696498" s="12"/>
    </row>
    <row r="696499" spans="8:8">
      <c r="H696499" s="12"/>
    </row>
    <row r="696500" spans="8:8">
      <c r="H696500" s="12"/>
    </row>
    <row r="696501" spans="8:8">
      <c r="H696501" s="12"/>
    </row>
    <row r="696502" spans="8:8">
      <c r="H696502" s="12"/>
    </row>
    <row r="696503" spans="8:8">
      <c r="H696503" s="12"/>
    </row>
    <row r="696504" spans="8:8">
      <c r="H696504" s="12"/>
    </row>
    <row r="696505" spans="8:8">
      <c r="H696505" s="12"/>
    </row>
    <row r="696506" spans="8:8">
      <c r="H696506" s="12"/>
    </row>
    <row r="696507" spans="8:8">
      <c r="H696507" s="12"/>
    </row>
    <row r="696508" spans="8:8">
      <c r="H696508" s="12"/>
    </row>
    <row r="696509" spans="8:8">
      <c r="H696509" s="12"/>
    </row>
    <row r="696510" spans="8:8">
      <c r="H696510" s="12"/>
    </row>
    <row r="696511" spans="8:8">
      <c r="H696511" s="12"/>
    </row>
    <row r="696512" spans="8:8">
      <c r="H696512" s="12"/>
    </row>
    <row r="696513" spans="8:8">
      <c r="H696513" s="12"/>
    </row>
    <row r="696514" spans="8:8">
      <c r="H696514" s="12"/>
    </row>
    <row r="696515" spans="8:8">
      <c r="H696515" s="12"/>
    </row>
    <row r="696516" spans="8:8">
      <c r="H696516" s="12"/>
    </row>
    <row r="696517" spans="8:8">
      <c r="H696517" s="12"/>
    </row>
    <row r="696518" spans="8:8">
      <c r="H696518" s="12"/>
    </row>
    <row r="696519" spans="8:8">
      <c r="H696519" s="12"/>
    </row>
    <row r="696520" spans="8:8">
      <c r="H696520" s="12"/>
    </row>
    <row r="696521" spans="8:8">
      <c r="H696521" s="12"/>
    </row>
    <row r="696522" spans="8:8">
      <c r="H696522" s="12"/>
    </row>
    <row r="696523" spans="8:8">
      <c r="H696523" s="12"/>
    </row>
    <row r="696524" spans="8:8">
      <c r="H696524" s="12"/>
    </row>
    <row r="696525" spans="8:8">
      <c r="H696525" s="12"/>
    </row>
    <row r="696526" spans="8:8">
      <c r="H696526" s="12"/>
    </row>
    <row r="696527" spans="8:8">
      <c r="H696527" s="12"/>
    </row>
    <row r="696528" spans="8:8">
      <c r="H696528" s="12"/>
    </row>
    <row r="696529" spans="8:8">
      <c r="H696529" s="12"/>
    </row>
    <row r="696530" spans="8:8">
      <c r="H696530" s="12"/>
    </row>
    <row r="696531" spans="8:8">
      <c r="H696531" s="12"/>
    </row>
    <row r="696532" spans="8:8">
      <c r="H696532" s="12"/>
    </row>
    <row r="696533" spans="8:8">
      <c r="H696533" s="12"/>
    </row>
    <row r="696534" spans="8:8">
      <c r="H696534" s="12"/>
    </row>
    <row r="696535" spans="8:8">
      <c r="H696535" s="12"/>
    </row>
    <row r="696536" spans="8:8">
      <c r="H696536" s="12"/>
    </row>
    <row r="696537" spans="8:8">
      <c r="H696537" s="12"/>
    </row>
    <row r="696538" spans="8:8">
      <c r="H696538" s="12"/>
    </row>
    <row r="696539" spans="8:8">
      <c r="H696539" s="12"/>
    </row>
    <row r="696540" spans="8:8">
      <c r="H696540" s="12"/>
    </row>
    <row r="696541" spans="8:8">
      <c r="H696541" s="12"/>
    </row>
    <row r="696542" spans="8:8">
      <c r="H696542" s="12"/>
    </row>
    <row r="696543" spans="8:8">
      <c r="H696543" s="12"/>
    </row>
    <row r="696544" spans="8:8">
      <c r="H696544" s="12"/>
    </row>
    <row r="696545" spans="8:8">
      <c r="H696545" s="12"/>
    </row>
    <row r="696546" spans="8:8">
      <c r="H696546" s="12"/>
    </row>
    <row r="696547" spans="8:8">
      <c r="H696547" s="12"/>
    </row>
    <row r="696548" spans="8:8">
      <c r="H696548" s="12"/>
    </row>
    <row r="696549" spans="8:8">
      <c r="H696549" s="12"/>
    </row>
    <row r="696550" spans="8:8">
      <c r="H696550" s="12"/>
    </row>
    <row r="696551" spans="8:8">
      <c r="H696551" s="12"/>
    </row>
    <row r="696552" spans="8:8">
      <c r="H696552" s="12"/>
    </row>
    <row r="696553" spans="8:8">
      <c r="H696553" s="12"/>
    </row>
    <row r="696554" spans="8:8">
      <c r="H696554" s="12"/>
    </row>
    <row r="696555" spans="8:8">
      <c r="H696555" s="12"/>
    </row>
    <row r="696556" spans="8:8">
      <c r="H696556" s="12"/>
    </row>
    <row r="696557" spans="8:8">
      <c r="H696557" s="12"/>
    </row>
    <row r="696558" spans="8:8">
      <c r="H696558" s="12"/>
    </row>
    <row r="696559" spans="8:8">
      <c r="H696559" s="12"/>
    </row>
    <row r="696560" spans="8:8">
      <c r="H696560" s="12"/>
    </row>
    <row r="696561" spans="8:8">
      <c r="H696561" s="12"/>
    </row>
    <row r="696562" spans="8:8">
      <c r="H696562" s="12"/>
    </row>
    <row r="696563" spans="8:8">
      <c r="H696563" s="12"/>
    </row>
    <row r="696564" spans="8:8">
      <c r="H696564" s="12"/>
    </row>
    <row r="696565" spans="8:8">
      <c r="H696565" s="12"/>
    </row>
    <row r="696566" spans="8:8">
      <c r="H696566" s="12"/>
    </row>
    <row r="696567" spans="8:8">
      <c r="H696567" s="12"/>
    </row>
    <row r="696568" spans="8:8">
      <c r="H696568" s="12"/>
    </row>
    <row r="696569" spans="8:8">
      <c r="H696569" s="12"/>
    </row>
    <row r="696570" spans="8:8">
      <c r="H696570" s="12"/>
    </row>
    <row r="696571" spans="8:8">
      <c r="H696571" s="12"/>
    </row>
    <row r="696572" spans="8:8">
      <c r="H696572" s="12"/>
    </row>
    <row r="696573" spans="8:8">
      <c r="H696573" s="12"/>
    </row>
    <row r="696574" spans="8:8">
      <c r="H696574" s="12"/>
    </row>
    <row r="696575" spans="8:8">
      <c r="H696575" s="12"/>
    </row>
    <row r="696576" spans="8:8">
      <c r="H696576" s="12"/>
    </row>
    <row r="696577" spans="8:8">
      <c r="H696577" s="12"/>
    </row>
    <row r="696578" spans="8:8">
      <c r="H696578" s="12"/>
    </row>
    <row r="696579" spans="8:8">
      <c r="H696579" s="12"/>
    </row>
    <row r="696580" spans="8:8">
      <c r="H696580" s="12"/>
    </row>
    <row r="696581" spans="8:8">
      <c r="H696581" s="12"/>
    </row>
    <row r="696582" spans="8:8">
      <c r="H696582" s="12"/>
    </row>
    <row r="696583" spans="8:8">
      <c r="H696583" s="12"/>
    </row>
    <row r="696584" spans="8:8">
      <c r="H696584" s="12"/>
    </row>
    <row r="696585" spans="8:8">
      <c r="H696585" s="12"/>
    </row>
    <row r="696586" spans="8:8">
      <c r="H696586" s="12"/>
    </row>
    <row r="696587" spans="8:8">
      <c r="H696587" s="12"/>
    </row>
    <row r="696588" spans="8:8">
      <c r="H696588" s="12"/>
    </row>
    <row r="696589" spans="8:8">
      <c r="H696589" s="12"/>
    </row>
    <row r="696590" spans="8:8">
      <c r="H696590" s="12"/>
    </row>
    <row r="696591" spans="8:8">
      <c r="H696591" s="12"/>
    </row>
    <row r="696592" spans="8:8">
      <c r="H696592" s="12"/>
    </row>
    <row r="696593" spans="8:8">
      <c r="H696593" s="12"/>
    </row>
    <row r="696594" spans="8:8">
      <c r="H696594" s="12"/>
    </row>
    <row r="696595" spans="8:8">
      <c r="H696595" s="12"/>
    </row>
    <row r="696596" spans="8:8">
      <c r="H696596" s="12"/>
    </row>
    <row r="696597" spans="8:8">
      <c r="H696597" s="12"/>
    </row>
    <row r="696598" spans="8:8">
      <c r="H696598" s="12"/>
    </row>
    <row r="696599" spans="8:8">
      <c r="H696599" s="12"/>
    </row>
    <row r="696600" spans="8:8">
      <c r="H696600" s="12"/>
    </row>
    <row r="696601" spans="8:8">
      <c r="H696601" s="12"/>
    </row>
    <row r="696602" spans="8:8">
      <c r="H696602" s="12"/>
    </row>
    <row r="696603" spans="8:8">
      <c r="H696603" s="12"/>
    </row>
    <row r="696604" spans="8:8">
      <c r="H696604" s="12"/>
    </row>
    <row r="696605" spans="8:8">
      <c r="H696605" s="12"/>
    </row>
    <row r="696606" spans="8:8">
      <c r="H696606" s="12"/>
    </row>
    <row r="696607" spans="8:8">
      <c r="H696607" s="12"/>
    </row>
    <row r="696608" spans="8:8">
      <c r="H696608" s="12"/>
    </row>
    <row r="696609" spans="8:8">
      <c r="H696609" s="12"/>
    </row>
    <row r="696610" spans="8:8">
      <c r="H696610" s="12"/>
    </row>
    <row r="696611" spans="8:8">
      <c r="H696611" s="12"/>
    </row>
    <row r="696612" spans="8:8">
      <c r="H696612" s="12"/>
    </row>
    <row r="696613" spans="8:8">
      <c r="H696613" s="12"/>
    </row>
    <row r="696614" spans="8:8">
      <c r="H696614" s="12"/>
    </row>
    <row r="696615" spans="8:8">
      <c r="H696615" s="12"/>
    </row>
    <row r="696616" spans="8:8">
      <c r="H696616" s="12"/>
    </row>
    <row r="696617" spans="8:8">
      <c r="H696617" s="12"/>
    </row>
    <row r="696618" spans="8:8">
      <c r="H696618" s="12"/>
    </row>
    <row r="696619" spans="8:8">
      <c r="H696619" s="12"/>
    </row>
    <row r="696620" spans="8:8">
      <c r="H696620" s="12"/>
    </row>
    <row r="696621" spans="8:8">
      <c r="H696621" s="12"/>
    </row>
    <row r="696622" spans="8:8">
      <c r="H696622" s="12"/>
    </row>
    <row r="696623" spans="8:8">
      <c r="H696623" s="12"/>
    </row>
    <row r="696624" spans="8:8">
      <c r="H696624" s="12"/>
    </row>
    <row r="696625" spans="8:8">
      <c r="H696625" s="12"/>
    </row>
    <row r="696626" spans="8:8">
      <c r="H696626" s="12"/>
    </row>
    <row r="696627" spans="8:8">
      <c r="H696627" s="12"/>
    </row>
    <row r="696628" spans="8:8">
      <c r="H696628" s="12"/>
    </row>
    <row r="696629" spans="8:8">
      <c r="H696629" s="12"/>
    </row>
    <row r="696630" spans="8:8">
      <c r="H696630" s="12"/>
    </row>
    <row r="696631" spans="8:8">
      <c r="H696631" s="12"/>
    </row>
    <row r="696632" spans="8:8">
      <c r="H696632" s="12"/>
    </row>
    <row r="696633" spans="8:8">
      <c r="H696633" s="12"/>
    </row>
    <row r="696634" spans="8:8">
      <c r="H696634" s="12"/>
    </row>
    <row r="696635" spans="8:8">
      <c r="H696635" s="12"/>
    </row>
    <row r="696636" spans="8:8">
      <c r="H696636" s="12"/>
    </row>
    <row r="696637" spans="8:8">
      <c r="H696637" s="12"/>
    </row>
    <row r="696638" spans="8:8">
      <c r="H696638" s="12"/>
    </row>
    <row r="696639" spans="8:8">
      <c r="H696639" s="12"/>
    </row>
    <row r="696640" spans="8:8">
      <c r="H696640" s="12"/>
    </row>
    <row r="696641" spans="8:8">
      <c r="H696641" s="12"/>
    </row>
    <row r="696642" spans="8:8">
      <c r="H696642" s="12"/>
    </row>
    <row r="696643" spans="8:8">
      <c r="H696643" s="12"/>
    </row>
    <row r="696644" spans="8:8">
      <c r="H696644" s="12"/>
    </row>
    <row r="696645" spans="8:8">
      <c r="H696645" s="12"/>
    </row>
    <row r="696646" spans="8:8">
      <c r="H696646" s="12"/>
    </row>
    <row r="696647" spans="8:8">
      <c r="H696647" s="12"/>
    </row>
    <row r="696648" spans="8:8">
      <c r="H696648" s="12"/>
    </row>
    <row r="696649" spans="8:8">
      <c r="H696649" s="12"/>
    </row>
    <row r="696650" spans="8:8">
      <c r="H696650" s="12"/>
    </row>
    <row r="696651" spans="8:8">
      <c r="H696651" s="12"/>
    </row>
    <row r="696652" spans="8:8">
      <c r="H696652" s="12"/>
    </row>
    <row r="696653" spans="8:8">
      <c r="H696653" s="12"/>
    </row>
    <row r="696654" spans="8:8">
      <c r="H696654" s="12"/>
    </row>
    <row r="696655" spans="8:8">
      <c r="H696655" s="12"/>
    </row>
    <row r="696656" spans="8:8">
      <c r="H696656" s="12"/>
    </row>
    <row r="696657" spans="8:8">
      <c r="H696657" s="12"/>
    </row>
    <row r="696658" spans="8:8">
      <c r="H696658" s="12"/>
    </row>
    <row r="696659" spans="8:8">
      <c r="H696659" s="12"/>
    </row>
    <row r="696660" spans="8:8">
      <c r="H696660" s="12"/>
    </row>
    <row r="696661" spans="8:8">
      <c r="H696661" s="12"/>
    </row>
    <row r="696662" spans="8:8">
      <c r="H696662" s="12"/>
    </row>
    <row r="696663" spans="8:8">
      <c r="H696663" s="12"/>
    </row>
    <row r="696664" spans="8:8">
      <c r="H696664" s="12"/>
    </row>
    <row r="696665" spans="8:8">
      <c r="H696665" s="12"/>
    </row>
    <row r="696666" spans="8:8">
      <c r="H696666" s="12"/>
    </row>
    <row r="696667" spans="8:8">
      <c r="H696667" s="12"/>
    </row>
    <row r="696668" spans="8:8">
      <c r="H696668" s="12"/>
    </row>
    <row r="696669" spans="8:8">
      <c r="H696669" s="12"/>
    </row>
    <row r="696670" spans="8:8">
      <c r="H696670" s="12"/>
    </row>
    <row r="696671" spans="8:8">
      <c r="H696671" s="12"/>
    </row>
    <row r="696672" spans="8:8">
      <c r="H696672" s="12"/>
    </row>
    <row r="696673" spans="8:8">
      <c r="H696673" s="12"/>
    </row>
    <row r="696674" spans="8:8">
      <c r="H696674" s="12"/>
    </row>
    <row r="696675" spans="8:8">
      <c r="H696675" s="12"/>
    </row>
    <row r="696676" spans="8:8">
      <c r="H696676" s="12"/>
    </row>
    <row r="696677" spans="8:8">
      <c r="H696677" s="12"/>
    </row>
    <row r="696678" spans="8:8">
      <c r="H696678" s="12"/>
    </row>
    <row r="696679" spans="8:8">
      <c r="H696679" s="12"/>
    </row>
    <row r="696680" spans="8:8">
      <c r="H696680" s="12"/>
    </row>
    <row r="696681" spans="8:8">
      <c r="H696681" s="12"/>
    </row>
    <row r="696682" spans="8:8">
      <c r="H696682" s="12"/>
    </row>
    <row r="696683" spans="8:8">
      <c r="H696683" s="12"/>
    </row>
    <row r="696684" spans="8:8">
      <c r="H696684" s="12"/>
    </row>
    <row r="696685" spans="8:8">
      <c r="H696685" s="12"/>
    </row>
    <row r="696686" spans="8:8">
      <c r="H696686" s="12"/>
    </row>
    <row r="696687" spans="8:8">
      <c r="H696687" s="12"/>
    </row>
    <row r="696688" spans="8:8">
      <c r="H696688" s="12"/>
    </row>
    <row r="696689" spans="8:8">
      <c r="H696689" s="12"/>
    </row>
    <row r="696690" spans="8:8">
      <c r="H696690" s="12"/>
    </row>
    <row r="696691" spans="8:8">
      <c r="H696691" s="12"/>
    </row>
    <row r="696692" spans="8:8">
      <c r="H696692" s="12"/>
    </row>
    <row r="696693" spans="8:8">
      <c r="H696693" s="12"/>
    </row>
    <row r="696694" spans="8:8">
      <c r="H696694" s="12"/>
    </row>
    <row r="696695" spans="8:8">
      <c r="H696695" s="12"/>
    </row>
    <row r="696696" spans="8:8">
      <c r="H696696" s="12"/>
    </row>
    <row r="696697" spans="8:8">
      <c r="H696697" s="12"/>
    </row>
    <row r="696698" spans="8:8">
      <c r="H696698" s="12"/>
    </row>
    <row r="696699" spans="8:8">
      <c r="H696699" s="12"/>
    </row>
    <row r="696700" spans="8:8">
      <c r="H696700" s="12"/>
    </row>
    <row r="696701" spans="8:8">
      <c r="H696701" s="12"/>
    </row>
    <row r="696702" spans="8:8">
      <c r="H696702" s="12"/>
    </row>
    <row r="696703" spans="8:8">
      <c r="H696703" s="12"/>
    </row>
    <row r="696704" spans="8:8">
      <c r="H696704" s="12"/>
    </row>
    <row r="696705" spans="8:8">
      <c r="H696705" s="12"/>
    </row>
    <row r="696706" spans="8:8">
      <c r="H696706" s="12"/>
    </row>
    <row r="696707" spans="8:8">
      <c r="H696707" s="12"/>
    </row>
    <row r="696708" spans="8:8">
      <c r="H696708" s="12"/>
    </row>
    <row r="696709" spans="8:8">
      <c r="H696709" s="12"/>
    </row>
    <row r="696710" spans="8:8">
      <c r="H696710" s="12"/>
    </row>
    <row r="696711" spans="8:8">
      <c r="H696711" s="12"/>
    </row>
    <row r="696712" spans="8:8">
      <c r="H696712" s="12"/>
    </row>
    <row r="696713" spans="8:8">
      <c r="H696713" s="12"/>
    </row>
    <row r="696714" spans="8:8">
      <c r="H696714" s="12"/>
    </row>
    <row r="696715" spans="8:8">
      <c r="H696715" s="12"/>
    </row>
    <row r="696716" spans="8:8">
      <c r="H696716" s="12"/>
    </row>
    <row r="696717" spans="8:8">
      <c r="H696717" s="12"/>
    </row>
    <row r="696718" spans="8:8">
      <c r="H696718" s="12"/>
    </row>
    <row r="696719" spans="8:8">
      <c r="H696719" s="12"/>
    </row>
    <row r="696720" spans="8:8">
      <c r="H696720" s="12"/>
    </row>
    <row r="696721" spans="8:8">
      <c r="H696721" s="12"/>
    </row>
    <row r="696722" spans="8:8">
      <c r="H696722" s="12"/>
    </row>
    <row r="696723" spans="8:8">
      <c r="H696723" s="12"/>
    </row>
    <row r="696724" spans="8:8">
      <c r="H696724" s="12"/>
    </row>
    <row r="696725" spans="8:8">
      <c r="H696725" s="12"/>
    </row>
    <row r="696726" spans="8:8">
      <c r="H696726" s="12"/>
    </row>
    <row r="696727" spans="8:8">
      <c r="H696727" s="12"/>
    </row>
    <row r="696728" spans="8:8">
      <c r="H696728" s="12"/>
    </row>
    <row r="696729" spans="8:8">
      <c r="H696729" s="12"/>
    </row>
    <row r="696730" spans="8:8">
      <c r="H696730" s="12"/>
    </row>
    <row r="696731" spans="8:8">
      <c r="H696731" s="12"/>
    </row>
    <row r="696732" spans="8:8">
      <c r="H696732" s="12"/>
    </row>
    <row r="696733" spans="8:8">
      <c r="H696733" s="12"/>
    </row>
    <row r="696734" spans="8:8">
      <c r="H696734" s="12"/>
    </row>
    <row r="696735" spans="8:8">
      <c r="H696735" s="12"/>
    </row>
    <row r="696736" spans="8:8">
      <c r="H696736" s="12"/>
    </row>
    <row r="696737" spans="8:8">
      <c r="H696737" s="12"/>
    </row>
    <row r="696738" spans="8:8">
      <c r="H696738" s="12"/>
    </row>
    <row r="696739" spans="8:8">
      <c r="H696739" s="12"/>
    </row>
    <row r="696740" spans="8:8">
      <c r="H696740" s="12"/>
    </row>
    <row r="696741" spans="8:8">
      <c r="H696741" s="12"/>
    </row>
    <row r="696742" spans="8:8">
      <c r="H696742" s="12"/>
    </row>
    <row r="696743" spans="8:8">
      <c r="H696743" s="12"/>
    </row>
    <row r="696744" spans="8:8">
      <c r="H696744" s="12"/>
    </row>
    <row r="696745" spans="8:8">
      <c r="H696745" s="12"/>
    </row>
    <row r="696746" spans="8:8">
      <c r="H696746" s="12"/>
    </row>
    <row r="696747" spans="8:8">
      <c r="H696747" s="12"/>
    </row>
    <row r="696748" spans="8:8">
      <c r="H696748" s="12"/>
    </row>
    <row r="696749" spans="8:8">
      <c r="H696749" s="12"/>
    </row>
    <row r="696750" spans="8:8">
      <c r="H696750" s="12"/>
    </row>
    <row r="696751" spans="8:8">
      <c r="H696751" s="12"/>
    </row>
    <row r="696752" spans="8:8">
      <c r="H696752" s="12"/>
    </row>
    <row r="696753" spans="8:8">
      <c r="H696753" s="12"/>
    </row>
    <row r="696754" spans="8:8">
      <c r="H696754" s="12"/>
    </row>
    <row r="696755" spans="8:8">
      <c r="H696755" s="12"/>
    </row>
    <row r="696756" spans="8:8">
      <c r="H696756" s="12"/>
    </row>
    <row r="696757" spans="8:8">
      <c r="H696757" s="12"/>
    </row>
    <row r="696758" spans="8:8">
      <c r="H696758" s="12"/>
    </row>
    <row r="696759" spans="8:8">
      <c r="H696759" s="12"/>
    </row>
    <row r="696760" spans="8:8">
      <c r="H696760" s="12"/>
    </row>
    <row r="696761" spans="8:8">
      <c r="H696761" s="12"/>
    </row>
    <row r="696762" spans="8:8">
      <c r="H696762" s="12"/>
    </row>
    <row r="696763" spans="8:8">
      <c r="H696763" s="12"/>
    </row>
    <row r="696764" spans="8:8">
      <c r="H696764" s="12"/>
    </row>
    <row r="696765" spans="8:8">
      <c r="H696765" s="12"/>
    </row>
    <row r="696766" spans="8:8">
      <c r="H696766" s="12"/>
    </row>
    <row r="696767" spans="8:8">
      <c r="H696767" s="12"/>
    </row>
    <row r="696768" spans="8:8">
      <c r="H696768" s="12"/>
    </row>
    <row r="696769" spans="8:8">
      <c r="H696769" s="12"/>
    </row>
    <row r="696770" spans="8:8">
      <c r="H696770" s="12"/>
    </row>
    <row r="696771" spans="8:8">
      <c r="H696771" s="12"/>
    </row>
    <row r="696772" spans="8:8">
      <c r="H696772" s="12"/>
    </row>
    <row r="696773" spans="8:8">
      <c r="H696773" s="12"/>
    </row>
    <row r="696774" spans="8:8">
      <c r="H696774" s="12"/>
    </row>
    <row r="696775" spans="8:8">
      <c r="H696775" s="12"/>
    </row>
    <row r="696776" spans="8:8">
      <c r="H696776" s="12"/>
    </row>
    <row r="696777" spans="8:8">
      <c r="H696777" s="12"/>
    </row>
    <row r="696778" spans="8:8">
      <c r="H696778" s="12"/>
    </row>
    <row r="696779" spans="8:8">
      <c r="H696779" s="12"/>
    </row>
    <row r="696780" spans="8:8">
      <c r="H696780" s="12"/>
    </row>
    <row r="696781" spans="8:8">
      <c r="H696781" s="12"/>
    </row>
    <row r="696782" spans="8:8">
      <c r="H696782" s="12"/>
    </row>
    <row r="696783" spans="8:8">
      <c r="H696783" s="12"/>
    </row>
    <row r="696784" spans="8:8">
      <c r="H696784" s="12"/>
    </row>
    <row r="696785" spans="8:8">
      <c r="H696785" s="12"/>
    </row>
    <row r="696786" spans="8:8">
      <c r="H696786" s="12"/>
    </row>
    <row r="696787" spans="8:8">
      <c r="H696787" s="12"/>
    </row>
    <row r="696788" spans="8:8">
      <c r="H696788" s="12"/>
    </row>
    <row r="696789" spans="8:8">
      <c r="H696789" s="12"/>
    </row>
    <row r="696790" spans="8:8">
      <c r="H696790" s="12"/>
    </row>
    <row r="696791" spans="8:8">
      <c r="H696791" s="12"/>
    </row>
    <row r="696792" spans="8:8">
      <c r="H696792" s="12"/>
    </row>
    <row r="696793" spans="8:8">
      <c r="H696793" s="12"/>
    </row>
    <row r="696794" spans="8:8">
      <c r="H696794" s="12"/>
    </row>
    <row r="696795" spans="8:8">
      <c r="H696795" s="12"/>
    </row>
    <row r="696796" spans="8:8">
      <c r="H696796" s="12"/>
    </row>
    <row r="696797" spans="8:8">
      <c r="H696797" s="12"/>
    </row>
    <row r="696798" spans="8:8">
      <c r="H696798" s="12"/>
    </row>
    <row r="696799" spans="8:8">
      <c r="H696799" s="12"/>
    </row>
    <row r="696800" spans="8:8">
      <c r="H696800" s="12"/>
    </row>
    <row r="696801" spans="8:8">
      <c r="H696801" s="12"/>
    </row>
    <row r="696802" spans="8:8">
      <c r="H696802" s="12"/>
    </row>
    <row r="696803" spans="8:8">
      <c r="H696803" s="12"/>
    </row>
    <row r="696804" spans="8:8">
      <c r="H696804" s="12"/>
    </row>
    <row r="696805" spans="8:8">
      <c r="H696805" s="12"/>
    </row>
    <row r="696806" spans="8:8">
      <c r="H696806" s="12"/>
    </row>
    <row r="696807" spans="8:8">
      <c r="H696807" s="12"/>
    </row>
    <row r="696808" spans="8:8">
      <c r="H696808" s="12"/>
    </row>
    <row r="696809" spans="8:8">
      <c r="H696809" s="12"/>
    </row>
    <row r="696810" spans="8:8">
      <c r="H696810" s="12"/>
    </row>
    <row r="696811" spans="8:8">
      <c r="H696811" s="12"/>
    </row>
    <row r="696812" spans="8:8">
      <c r="H696812" s="12"/>
    </row>
    <row r="696813" spans="8:8">
      <c r="H696813" s="12"/>
    </row>
    <row r="696814" spans="8:8">
      <c r="H696814" s="12"/>
    </row>
    <row r="696815" spans="8:8">
      <c r="H696815" s="12"/>
    </row>
    <row r="696816" spans="8:8">
      <c r="H696816" s="12"/>
    </row>
    <row r="696817" spans="8:8">
      <c r="H696817" s="12"/>
    </row>
    <row r="696818" spans="8:8">
      <c r="H696818" s="12"/>
    </row>
    <row r="696819" spans="8:8">
      <c r="H696819" s="12"/>
    </row>
    <row r="696820" spans="8:8">
      <c r="H696820" s="12"/>
    </row>
    <row r="696821" spans="8:8">
      <c r="H696821" s="12"/>
    </row>
    <row r="696822" spans="8:8">
      <c r="H696822" s="12"/>
    </row>
    <row r="696823" spans="8:8">
      <c r="H696823" s="12"/>
    </row>
    <row r="696824" spans="8:8">
      <c r="H696824" s="12"/>
    </row>
    <row r="696825" spans="8:8">
      <c r="H696825" s="12"/>
    </row>
    <row r="696826" spans="8:8">
      <c r="H696826" s="12"/>
    </row>
    <row r="696827" spans="8:8">
      <c r="H696827" s="12"/>
    </row>
    <row r="696828" spans="8:8">
      <c r="H696828" s="12"/>
    </row>
    <row r="696829" spans="8:8">
      <c r="H696829" s="12"/>
    </row>
    <row r="696830" spans="8:8">
      <c r="H696830" s="12"/>
    </row>
    <row r="696831" spans="8:8">
      <c r="H696831" s="12"/>
    </row>
    <row r="696832" spans="8:8">
      <c r="H696832" s="12"/>
    </row>
    <row r="696833" spans="8:8">
      <c r="H696833" s="12"/>
    </row>
    <row r="696834" spans="8:8">
      <c r="H696834" s="12"/>
    </row>
    <row r="696835" spans="8:8">
      <c r="H696835" s="12"/>
    </row>
    <row r="696836" spans="8:8">
      <c r="H696836" s="12"/>
    </row>
    <row r="696837" spans="8:8">
      <c r="H696837" s="12"/>
    </row>
    <row r="696838" spans="8:8">
      <c r="H696838" s="12"/>
    </row>
    <row r="696839" spans="8:8">
      <c r="H696839" s="12"/>
    </row>
    <row r="696840" spans="8:8">
      <c r="H696840" s="12"/>
    </row>
    <row r="696841" spans="8:8">
      <c r="H696841" s="12"/>
    </row>
    <row r="696842" spans="8:8">
      <c r="H696842" s="12"/>
    </row>
    <row r="696843" spans="8:8">
      <c r="H696843" s="12"/>
    </row>
    <row r="696844" spans="8:8">
      <c r="H696844" s="12"/>
    </row>
    <row r="696845" spans="8:8">
      <c r="H696845" s="12"/>
    </row>
    <row r="696846" spans="8:8">
      <c r="H696846" s="12"/>
    </row>
    <row r="696847" spans="8:8">
      <c r="H696847" s="12"/>
    </row>
    <row r="696848" spans="8:8">
      <c r="H696848" s="12"/>
    </row>
    <row r="696849" spans="8:8">
      <c r="H696849" s="12"/>
    </row>
    <row r="696850" spans="8:8">
      <c r="H696850" s="12"/>
    </row>
    <row r="696851" spans="8:8">
      <c r="H696851" s="12"/>
    </row>
    <row r="696852" spans="8:8">
      <c r="H696852" s="12"/>
    </row>
    <row r="696853" spans="8:8">
      <c r="H696853" s="12"/>
    </row>
    <row r="696854" spans="8:8">
      <c r="H696854" s="12"/>
    </row>
    <row r="696855" spans="8:8">
      <c r="H696855" s="12"/>
    </row>
    <row r="696856" spans="8:8">
      <c r="H696856" s="12"/>
    </row>
    <row r="696857" spans="8:8">
      <c r="H696857" s="12"/>
    </row>
    <row r="696858" spans="8:8">
      <c r="H696858" s="12"/>
    </row>
    <row r="696859" spans="8:8">
      <c r="H696859" s="12"/>
    </row>
    <row r="696860" spans="8:8">
      <c r="H696860" s="12"/>
    </row>
    <row r="696861" spans="8:8">
      <c r="H696861" s="12"/>
    </row>
    <row r="696862" spans="8:8">
      <c r="H696862" s="12"/>
    </row>
    <row r="696863" spans="8:8">
      <c r="H696863" s="12"/>
    </row>
    <row r="696864" spans="8:8">
      <c r="H696864" s="12"/>
    </row>
    <row r="696865" spans="8:8">
      <c r="H696865" s="12"/>
    </row>
    <row r="696866" spans="8:8">
      <c r="H696866" s="12"/>
    </row>
    <row r="696867" spans="8:8">
      <c r="H696867" s="12"/>
    </row>
    <row r="696868" spans="8:8">
      <c r="H696868" s="12"/>
    </row>
    <row r="696869" spans="8:8">
      <c r="H696869" s="12"/>
    </row>
    <row r="696870" spans="8:8">
      <c r="H696870" s="12"/>
    </row>
    <row r="696871" spans="8:8">
      <c r="H696871" s="12"/>
    </row>
    <row r="696872" spans="8:8">
      <c r="H696872" s="12"/>
    </row>
    <row r="696873" spans="8:8">
      <c r="H696873" s="12"/>
    </row>
    <row r="696874" spans="8:8">
      <c r="H696874" s="12"/>
    </row>
    <row r="696875" spans="8:8">
      <c r="H696875" s="12"/>
    </row>
    <row r="696876" spans="8:8">
      <c r="H696876" s="12"/>
    </row>
    <row r="696877" spans="8:8">
      <c r="H696877" s="12"/>
    </row>
    <row r="696878" spans="8:8">
      <c r="H696878" s="12"/>
    </row>
    <row r="696879" spans="8:8">
      <c r="H696879" s="12"/>
    </row>
    <row r="696880" spans="8:8">
      <c r="H696880" s="12"/>
    </row>
    <row r="696881" spans="8:8">
      <c r="H696881" s="12"/>
    </row>
    <row r="696882" spans="8:8">
      <c r="H696882" s="12"/>
    </row>
    <row r="696883" spans="8:8">
      <c r="H696883" s="12"/>
    </row>
    <row r="696884" spans="8:8">
      <c r="H696884" s="12"/>
    </row>
    <row r="696885" spans="8:8">
      <c r="H696885" s="12"/>
    </row>
    <row r="696886" spans="8:8">
      <c r="H696886" s="12"/>
    </row>
    <row r="696887" spans="8:8">
      <c r="H696887" s="12"/>
    </row>
    <row r="696888" spans="8:8">
      <c r="H696888" s="12"/>
    </row>
    <row r="696889" spans="8:8">
      <c r="H696889" s="12"/>
    </row>
    <row r="696890" spans="8:8">
      <c r="H696890" s="12"/>
    </row>
    <row r="696891" spans="8:8">
      <c r="H696891" s="12"/>
    </row>
    <row r="696892" spans="8:8">
      <c r="H696892" s="12"/>
    </row>
    <row r="696893" spans="8:8">
      <c r="H696893" s="12"/>
    </row>
    <row r="696894" spans="8:8">
      <c r="H696894" s="12"/>
    </row>
    <row r="696895" spans="8:8">
      <c r="H696895" s="12"/>
    </row>
    <row r="696896" spans="8:8">
      <c r="H696896" s="12"/>
    </row>
    <row r="696897" spans="8:8">
      <c r="H696897" s="12"/>
    </row>
    <row r="696898" spans="8:8">
      <c r="H696898" s="12"/>
    </row>
    <row r="696899" spans="8:8">
      <c r="H696899" s="12"/>
    </row>
    <row r="696900" spans="8:8">
      <c r="H696900" s="12"/>
    </row>
    <row r="696901" spans="8:8">
      <c r="H696901" s="12"/>
    </row>
    <row r="696902" spans="8:8">
      <c r="H696902" s="12"/>
    </row>
    <row r="696903" spans="8:8">
      <c r="H696903" s="12"/>
    </row>
    <row r="696904" spans="8:8">
      <c r="H696904" s="12"/>
    </row>
    <row r="696905" spans="8:8">
      <c r="H696905" s="12"/>
    </row>
    <row r="696906" spans="8:8">
      <c r="H696906" s="12"/>
    </row>
    <row r="696907" spans="8:8">
      <c r="H696907" s="12"/>
    </row>
    <row r="696908" spans="8:8">
      <c r="H696908" s="12"/>
    </row>
    <row r="696909" spans="8:8">
      <c r="H696909" s="12"/>
    </row>
    <row r="696910" spans="8:8">
      <c r="H696910" s="12"/>
    </row>
    <row r="696911" spans="8:8">
      <c r="H696911" s="12"/>
    </row>
    <row r="696912" spans="8:8">
      <c r="H696912" s="12"/>
    </row>
    <row r="696913" spans="8:8">
      <c r="H696913" s="12"/>
    </row>
    <row r="696914" spans="8:8">
      <c r="H696914" s="12"/>
    </row>
    <row r="696915" spans="8:8">
      <c r="H696915" s="12"/>
    </row>
    <row r="696916" spans="8:8">
      <c r="H696916" s="12"/>
    </row>
    <row r="696917" spans="8:8">
      <c r="H696917" s="12"/>
    </row>
    <row r="696918" spans="8:8">
      <c r="H696918" s="12"/>
    </row>
    <row r="696919" spans="8:8">
      <c r="H696919" s="12"/>
    </row>
    <row r="696920" spans="8:8">
      <c r="H696920" s="12"/>
    </row>
    <row r="696921" spans="8:8">
      <c r="H696921" s="12"/>
    </row>
    <row r="696922" spans="8:8">
      <c r="H696922" s="12"/>
    </row>
    <row r="696923" spans="8:8">
      <c r="H696923" s="12"/>
    </row>
    <row r="696924" spans="8:8">
      <c r="H696924" s="12"/>
    </row>
    <row r="696925" spans="8:8">
      <c r="H696925" s="12"/>
    </row>
    <row r="696926" spans="8:8">
      <c r="H696926" s="12"/>
    </row>
    <row r="696927" spans="8:8">
      <c r="H696927" s="12"/>
    </row>
    <row r="696928" spans="8:8">
      <c r="H696928" s="12"/>
    </row>
    <row r="696929" spans="8:8">
      <c r="H696929" s="12"/>
    </row>
    <row r="696930" spans="8:8">
      <c r="H696930" s="12"/>
    </row>
    <row r="696931" spans="8:8">
      <c r="H696931" s="12"/>
    </row>
    <row r="696932" spans="8:8">
      <c r="H696932" s="12"/>
    </row>
    <row r="696933" spans="8:8">
      <c r="H696933" s="12"/>
    </row>
    <row r="696934" spans="8:8">
      <c r="H696934" s="12"/>
    </row>
    <row r="696935" spans="8:8">
      <c r="H696935" s="12"/>
    </row>
    <row r="696936" spans="8:8">
      <c r="H696936" s="12"/>
    </row>
    <row r="696937" spans="8:8">
      <c r="H696937" s="12"/>
    </row>
    <row r="696938" spans="8:8">
      <c r="H696938" s="12"/>
    </row>
    <row r="696939" spans="8:8">
      <c r="H696939" s="12"/>
    </row>
    <row r="696940" spans="8:8">
      <c r="H696940" s="12"/>
    </row>
    <row r="696941" spans="8:8">
      <c r="H696941" s="12"/>
    </row>
    <row r="696942" spans="8:8">
      <c r="H696942" s="12"/>
    </row>
    <row r="696943" spans="8:8">
      <c r="H696943" s="12"/>
    </row>
    <row r="696944" spans="8:8">
      <c r="H696944" s="12"/>
    </row>
    <row r="696945" spans="8:8">
      <c r="H696945" s="12"/>
    </row>
    <row r="696946" spans="8:8">
      <c r="H696946" s="12"/>
    </row>
    <row r="696947" spans="8:8">
      <c r="H696947" s="12"/>
    </row>
    <row r="696948" spans="8:8">
      <c r="H696948" s="12"/>
    </row>
    <row r="696949" spans="8:8">
      <c r="H696949" s="12"/>
    </row>
    <row r="696950" spans="8:8">
      <c r="H696950" s="12"/>
    </row>
    <row r="696951" spans="8:8">
      <c r="H696951" s="12"/>
    </row>
    <row r="696952" spans="8:8">
      <c r="H696952" s="12"/>
    </row>
    <row r="696953" spans="8:8">
      <c r="H696953" s="12"/>
    </row>
    <row r="696954" spans="8:8">
      <c r="H696954" s="12"/>
    </row>
    <row r="696955" spans="8:8">
      <c r="H696955" s="12"/>
    </row>
    <row r="696956" spans="8:8">
      <c r="H696956" s="12"/>
    </row>
    <row r="696957" spans="8:8">
      <c r="H696957" s="12"/>
    </row>
    <row r="696958" spans="8:8">
      <c r="H696958" s="12"/>
    </row>
    <row r="696959" spans="8:8">
      <c r="H696959" s="12"/>
    </row>
    <row r="696960" spans="8:8">
      <c r="H696960" s="12"/>
    </row>
    <row r="696961" spans="8:8">
      <c r="H696961" s="12"/>
    </row>
    <row r="696962" spans="8:8">
      <c r="H696962" s="12"/>
    </row>
    <row r="696963" spans="8:8">
      <c r="H696963" s="12"/>
    </row>
    <row r="696964" spans="8:8">
      <c r="H696964" s="12"/>
    </row>
    <row r="696965" spans="8:8">
      <c r="H696965" s="12"/>
    </row>
    <row r="696966" spans="8:8">
      <c r="H696966" s="12"/>
    </row>
    <row r="696967" spans="8:8">
      <c r="H696967" s="12"/>
    </row>
    <row r="696968" spans="8:8">
      <c r="H696968" s="12"/>
    </row>
    <row r="696969" spans="8:8">
      <c r="H696969" s="12"/>
    </row>
    <row r="696970" spans="8:8">
      <c r="H696970" s="12"/>
    </row>
    <row r="696971" spans="8:8">
      <c r="H696971" s="12"/>
    </row>
    <row r="696972" spans="8:8">
      <c r="H696972" s="12"/>
    </row>
    <row r="696973" spans="8:8">
      <c r="H696973" s="12"/>
    </row>
    <row r="696974" spans="8:8">
      <c r="H696974" s="12"/>
    </row>
    <row r="696975" spans="8:8">
      <c r="H696975" s="12"/>
    </row>
    <row r="696976" spans="8:8">
      <c r="H696976" s="12"/>
    </row>
    <row r="696977" spans="8:8">
      <c r="H696977" s="12"/>
    </row>
    <row r="696978" spans="8:8">
      <c r="H696978" s="12"/>
    </row>
    <row r="696979" spans="8:8">
      <c r="H696979" s="12"/>
    </row>
    <row r="696980" spans="8:8">
      <c r="H696980" s="12"/>
    </row>
    <row r="696981" spans="8:8">
      <c r="H696981" s="12"/>
    </row>
    <row r="696982" spans="8:8">
      <c r="H696982" s="12"/>
    </row>
    <row r="696983" spans="8:8">
      <c r="H696983" s="12"/>
    </row>
    <row r="696984" spans="8:8">
      <c r="H696984" s="12"/>
    </row>
    <row r="696985" spans="8:8">
      <c r="H696985" s="12"/>
    </row>
    <row r="696986" spans="8:8">
      <c r="H696986" s="12"/>
    </row>
    <row r="696987" spans="8:8">
      <c r="H696987" s="12"/>
    </row>
    <row r="696988" spans="8:8">
      <c r="H696988" s="12"/>
    </row>
    <row r="696989" spans="8:8">
      <c r="H696989" s="12"/>
    </row>
    <row r="696990" spans="8:8">
      <c r="H696990" s="12"/>
    </row>
    <row r="696991" spans="8:8">
      <c r="H696991" s="12"/>
    </row>
    <row r="696992" spans="8:8">
      <c r="H696992" s="12"/>
    </row>
    <row r="696993" spans="8:8">
      <c r="H696993" s="12"/>
    </row>
    <row r="696994" spans="8:8">
      <c r="H696994" s="12"/>
    </row>
    <row r="696995" spans="8:8">
      <c r="H696995" s="12"/>
    </row>
    <row r="696996" spans="8:8">
      <c r="H696996" s="12"/>
    </row>
    <row r="696997" spans="8:8">
      <c r="H696997" s="12"/>
    </row>
    <row r="696998" spans="8:8">
      <c r="H696998" s="12"/>
    </row>
    <row r="696999" spans="8:8">
      <c r="H696999" s="12"/>
    </row>
    <row r="697000" spans="8:8">
      <c r="H697000" s="12"/>
    </row>
    <row r="697001" spans="8:8">
      <c r="H697001" s="12"/>
    </row>
    <row r="697002" spans="8:8">
      <c r="H697002" s="12"/>
    </row>
    <row r="697003" spans="8:8">
      <c r="H697003" s="12"/>
    </row>
    <row r="697004" spans="8:8">
      <c r="H697004" s="12"/>
    </row>
    <row r="697005" spans="8:8">
      <c r="H697005" s="12"/>
    </row>
    <row r="697006" spans="8:8">
      <c r="H697006" s="12"/>
    </row>
    <row r="697007" spans="8:8">
      <c r="H697007" s="12"/>
    </row>
    <row r="697008" spans="8:8">
      <c r="H697008" s="12"/>
    </row>
    <row r="697009" spans="8:8">
      <c r="H697009" s="12"/>
    </row>
    <row r="697010" spans="8:8">
      <c r="H697010" s="12"/>
    </row>
    <row r="697011" spans="8:8">
      <c r="H697011" s="12"/>
    </row>
    <row r="697012" spans="8:8">
      <c r="H697012" s="12"/>
    </row>
    <row r="697013" spans="8:8">
      <c r="H697013" s="12"/>
    </row>
    <row r="697014" spans="8:8">
      <c r="H697014" s="12"/>
    </row>
    <row r="697015" spans="8:8">
      <c r="H697015" s="12"/>
    </row>
    <row r="697016" spans="8:8">
      <c r="H697016" s="12"/>
    </row>
    <row r="697017" spans="8:8">
      <c r="H697017" s="12"/>
    </row>
    <row r="697018" spans="8:8">
      <c r="H697018" s="12"/>
    </row>
    <row r="697019" spans="8:8">
      <c r="H697019" s="12"/>
    </row>
    <row r="697020" spans="8:8">
      <c r="H697020" s="12"/>
    </row>
    <row r="697021" spans="8:8">
      <c r="H697021" s="12"/>
    </row>
    <row r="697022" spans="8:8">
      <c r="H697022" s="12"/>
    </row>
    <row r="697023" spans="8:8">
      <c r="H697023" s="12"/>
    </row>
    <row r="697024" spans="8:8">
      <c r="H697024" s="12"/>
    </row>
    <row r="697025" spans="8:8">
      <c r="H697025" s="12"/>
    </row>
    <row r="697026" spans="8:8">
      <c r="H697026" s="12"/>
    </row>
    <row r="697027" spans="8:8">
      <c r="H697027" s="12"/>
    </row>
    <row r="697028" spans="8:8">
      <c r="H697028" s="12"/>
    </row>
    <row r="697029" spans="8:8">
      <c r="H697029" s="12"/>
    </row>
    <row r="697030" spans="8:8">
      <c r="H697030" s="12"/>
    </row>
    <row r="697031" spans="8:8">
      <c r="H697031" s="12"/>
    </row>
    <row r="697032" spans="8:8">
      <c r="H697032" s="12"/>
    </row>
    <row r="697033" spans="8:8">
      <c r="H697033" s="12"/>
    </row>
    <row r="697034" spans="8:8">
      <c r="H697034" s="12"/>
    </row>
    <row r="697035" spans="8:8">
      <c r="H697035" s="12"/>
    </row>
    <row r="697036" spans="8:8">
      <c r="H697036" s="12"/>
    </row>
    <row r="697037" spans="8:8">
      <c r="H697037" s="12"/>
    </row>
    <row r="697038" spans="8:8">
      <c r="H697038" s="12"/>
    </row>
    <row r="697039" spans="8:8">
      <c r="H697039" s="12"/>
    </row>
    <row r="697040" spans="8:8">
      <c r="H697040" s="12"/>
    </row>
    <row r="697041" spans="8:8">
      <c r="H697041" s="12"/>
    </row>
    <row r="697042" spans="8:8">
      <c r="H697042" s="12"/>
    </row>
    <row r="697043" spans="8:8">
      <c r="H697043" s="12"/>
    </row>
    <row r="697044" spans="8:8">
      <c r="H697044" s="12"/>
    </row>
    <row r="697045" spans="8:8">
      <c r="H697045" s="12"/>
    </row>
    <row r="697046" spans="8:8">
      <c r="H697046" s="12"/>
    </row>
    <row r="697047" spans="8:8">
      <c r="H697047" s="12"/>
    </row>
    <row r="697048" spans="8:8">
      <c r="H697048" s="12"/>
    </row>
    <row r="697049" spans="8:8">
      <c r="H697049" s="12"/>
    </row>
    <row r="697050" spans="8:8">
      <c r="H697050" s="12"/>
    </row>
    <row r="697051" spans="8:8">
      <c r="H697051" s="12"/>
    </row>
    <row r="697052" spans="8:8">
      <c r="H697052" s="12"/>
    </row>
    <row r="697053" spans="8:8">
      <c r="H697053" s="12"/>
    </row>
    <row r="697054" spans="8:8">
      <c r="H697054" s="12"/>
    </row>
    <row r="697055" spans="8:8">
      <c r="H697055" s="12"/>
    </row>
    <row r="697056" spans="8:8">
      <c r="H697056" s="12"/>
    </row>
    <row r="697057" spans="8:8">
      <c r="H697057" s="12"/>
    </row>
    <row r="697058" spans="8:8">
      <c r="H697058" s="12"/>
    </row>
    <row r="697059" spans="8:8">
      <c r="H697059" s="12"/>
    </row>
    <row r="697060" spans="8:8">
      <c r="H697060" s="12"/>
    </row>
    <row r="697061" spans="8:8">
      <c r="H697061" s="12"/>
    </row>
    <row r="697062" spans="8:8">
      <c r="H697062" s="12"/>
    </row>
    <row r="697063" spans="8:8">
      <c r="H697063" s="12"/>
    </row>
    <row r="697064" spans="8:8">
      <c r="H697064" s="12"/>
    </row>
    <row r="697065" spans="8:8">
      <c r="H697065" s="12"/>
    </row>
    <row r="697066" spans="8:8">
      <c r="H697066" s="12"/>
    </row>
    <row r="697067" spans="8:8">
      <c r="H697067" s="12"/>
    </row>
    <row r="697068" spans="8:8">
      <c r="H697068" s="12"/>
    </row>
    <row r="697069" spans="8:8">
      <c r="H697069" s="12"/>
    </row>
    <row r="697070" spans="8:8">
      <c r="H697070" s="12"/>
    </row>
    <row r="697071" spans="8:8">
      <c r="H697071" s="12"/>
    </row>
    <row r="697072" spans="8:8">
      <c r="H697072" s="12"/>
    </row>
    <row r="697073" spans="8:8">
      <c r="H697073" s="12"/>
    </row>
    <row r="697074" spans="8:8">
      <c r="H697074" s="12"/>
    </row>
    <row r="697075" spans="8:8">
      <c r="H697075" s="12"/>
    </row>
    <row r="697076" spans="8:8">
      <c r="H697076" s="12"/>
    </row>
    <row r="697077" spans="8:8">
      <c r="H697077" s="12"/>
    </row>
    <row r="697078" spans="8:8">
      <c r="H697078" s="12"/>
    </row>
    <row r="697079" spans="8:8">
      <c r="H697079" s="12"/>
    </row>
    <row r="697080" spans="8:8">
      <c r="H697080" s="12"/>
    </row>
    <row r="697081" spans="8:8">
      <c r="H697081" s="12"/>
    </row>
    <row r="697082" spans="8:8">
      <c r="H697082" s="12"/>
    </row>
    <row r="697083" spans="8:8">
      <c r="H697083" s="12"/>
    </row>
    <row r="697084" spans="8:8">
      <c r="H697084" s="12"/>
    </row>
    <row r="697085" spans="8:8">
      <c r="H697085" s="12"/>
    </row>
    <row r="697086" spans="8:8">
      <c r="H697086" s="12"/>
    </row>
    <row r="697087" spans="8:8">
      <c r="H697087" s="12"/>
    </row>
    <row r="697088" spans="8:8">
      <c r="H697088" s="12"/>
    </row>
    <row r="697089" spans="8:8">
      <c r="H697089" s="12"/>
    </row>
    <row r="697090" spans="8:8">
      <c r="H697090" s="12"/>
    </row>
    <row r="697091" spans="8:8">
      <c r="H697091" s="12"/>
    </row>
    <row r="697092" spans="8:8">
      <c r="H697092" s="12"/>
    </row>
    <row r="697093" spans="8:8">
      <c r="H697093" s="12"/>
    </row>
    <row r="697094" spans="8:8">
      <c r="H697094" s="12"/>
    </row>
    <row r="697095" spans="8:8">
      <c r="H697095" s="12"/>
    </row>
    <row r="697096" spans="8:8">
      <c r="H697096" s="12"/>
    </row>
    <row r="697097" spans="8:8">
      <c r="H697097" s="12"/>
    </row>
    <row r="697098" spans="8:8">
      <c r="H697098" s="12"/>
    </row>
    <row r="697099" spans="8:8">
      <c r="H697099" s="12"/>
    </row>
    <row r="697100" spans="8:8">
      <c r="H697100" s="12"/>
    </row>
    <row r="697101" spans="8:8">
      <c r="H697101" s="12"/>
    </row>
    <row r="697102" spans="8:8">
      <c r="H697102" s="12"/>
    </row>
    <row r="697103" spans="8:8">
      <c r="H697103" s="12"/>
    </row>
    <row r="697104" spans="8:8">
      <c r="H697104" s="12"/>
    </row>
    <row r="697105" spans="8:8">
      <c r="H697105" s="12"/>
    </row>
    <row r="697106" spans="8:8">
      <c r="H697106" s="12"/>
    </row>
    <row r="697107" spans="8:8">
      <c r="H697107" s="12"/>
    </row>
    <row r="697108" spans="8:8">
      <c r="H697108" s="12"/>
    </row>
    <row r="697109" spans="8:8">
      <c r="H697109" s="12"/>
    </row>
    <row r="697110" spans="8:8">
      <c r="H697110" s="12"/>
    </row>
    <row r="697111" spans="8:8">
      <c r="H697111" s="12"/>
    </row>
    <row r="697112" spans="8:8">
      <c r="H697112" s="12"/>
    </row>
    <row r="697113" spans="8:8">
      <c r="H697113" s="12"/>
    </row>
    <row r="697114" spans="8:8">
      <c r="H697114" s="12"/>
    </row>
    <row r="697115" spans="8:8">
      <c r="H697115" s="12"/>
    </row>
    <row r="697116" spans="8:8">
      <c r="H697116" s="12"/>
    </row>
    <row r="697117" spans="8:8">
      <c r="H697117" s="12"/>
    </row>
    <row r="697118" spans="8:8">
      <c r="H697118" s="12"/>
    </row>
    <row r="697119" spans="8:8">
      <c r="H697119" s="12"/>
    </row>
    <row r="697120" spans="8:8">
      <c r="H697120" s="12"/>
    </row>
    <row r="697121" spans="8:8">
      <c r="H697121" s="12"/>
    </row>
    <row r="697122" spans="8:8">
      <c r="H697122" s="12"/>
    </row>
    <row r="697123" spans="8:8">
      <c r="H697123" s="12"/>
    </row>
    <row r="697124" spans="8:8">
      <c r="H697124" s="12"/>
    </row>
    <row r="697125" spans="8:8">
      <c r="H697125" s="12"/>
    </row>
    <row r="697126" spans="8:8">
      <c r="H697126" s="12"/>
    </row>
    <row r="697127" spans="8:8">
      <c r="H697127" s="12"/>
    </row>
    <row r="697128" spans="8:8">
      <c r="H697128" s="12"/>
    </row>
    <row r="697129" spans="8:8">
      <c r="H697129" s="12"/>
    </row>
    <row r="697130" spans="8:8">
      <c r="H697130" s="12"/>
    </row>
    <row r="697131" spans="8:8">
      <c r="H697131" s="12"/>
    </row>
    <row r="697132" spans="8:8">
      <c r="H697132" s="12"/>
    </row>
    <row r="697133" spans="8:8">
      <c r="H697133" s="12"/>
    </row>
    <row r="697134" spans="8:8">
      <c r="H697134" s="12"/>
    </row>
    <row r="697135" spans="8:8">
      <c r="H697135" s="12"/>
    </row>
    <row r="697136" spans="8:8">
      <c r="H697136" s="12"/>
    </row>
    <row r="697137" spans="8:8">
      <c r="H697137" s="12"/>
    </row>
    <row r="697138" spans="8:8">
      <c r="H697138" s="12"/>
    </row>
    <row r="697139" spans="8:8">
      <c r="H697139" s="12"/>
    </row>
    <row r="697140" spans="8:8">
      <c r="H697140" s="12"/>
    </row>
    <row r="697141" spans="8:8">
      <c r="H697141" s="12"/>
    </row>
    <row r="697142" spans="8:8">
      <c r="H697142" s="12"/>
    </row>
    <row r="697143" spans="8:8">
      <c r="H697143" s="12"/>
    </row>
    <row r="697144" spans="8:8">
      <c r="H697144" s="12"/>
    </row>
    <row r="697145" spans="8:8">
      <c r="H697145" s="12"/>
    </row>
    <row r="697146" spans="8:8">
      <c r="H697146" s="12"/>
    </row>
    <row r="697147" spans="8:8">
      <c r="H697147" s="12"/>
    </row>
    <row r="697148" spans="8:8">
      <c r="H697148" s="12"/>
    </row>
    <row r="697149" spans="8:8">
      <c r="H697149" s="12"/>
    </row>
    <row r="697150" spans="8:8">
      <c r="H697150" s="12"/>
    </row>
    <row r="697151" spans="8:8">
      <c r="H697151" s="12"/>
    </row>
    <row r="697152" spans="8:8">
      <c r="H697152" s="12"/>
    </row>
    <row r="697153" spans="8:8">
      <c r="H697153" s="12"/>
    </row>
    <row r="697154" spans="8:8">
      <c r="H697154" s="12"/>
    </row>
    <row r="697155" spans="8:8">
      <c r="H697155" s="12"/>
    </row>
    <row r="697156" spans="8:8">
      <c r="H697156" s="12"/>
    </row>
    <row r="697157" spans="8:8">
      <c r="H697157" s="12"/>
    </row>
    <row r="697158" spans="8:8">
      <c r="H697158" s="12"/>
    </row>
    <row r="697159" spans="8:8">
      <c r="H697159" s="12"/>
    </row>
    <row r="697160" spans="8:8">
      <c r="H697160" s="12"/>
    </row>
    <row r="697161" spans="8:8">
      <c r="H697161" s="12"/>
    </row>
    <row r="697162" spans="8:8">
      <c r="H697162" s="12"/>
    </row>
    <row r="697163" spans="8:8">
      <c r="H697163" s="12"/>
    </row>
    <row r="697164" spans="8:8">
      <c r="H697164" s="12"/>
    </row>
    <row r="697165" spans="8:8">
      <c r="H697165" s="12"/>
    </row>
    <row r="697166" spans="8:8">
      <c r="H697166" s="12"/>
    </row>
    <row r="697167" spans="8:8">
      <c r="H697167" s="12"/>
    </row>
    <row r="697168" spans="8:8">
      <c r="H697168" s="12"/>
    </row>
    <row r="697169" spans="8:8">
      <c r="H697169" s="12"/>
    </row>
    <row r="697170" spans="8:8">
      <c r="H697170" s="12"/>
    </row>
    <row r="697171" spans="8:8">
      <c r="H697171" s="12"/>
    </row>
    <row r="697172" spans="8:8">
      <c r="H697172" s="12"/>
    </row>
    <row r="697173" spans="8:8">
      <c r="H697173" s="12"/>
    </row>
    <row r="697174" spans="8:8">
      <c r="H697174" s="12"/>
    </row>
    <row r="697175" spans="8:8">
      <c r="H697175" s="12"/>
    </row>
    <row r="697176" spans="8:8">
      <c r="H697176" s="12"/>
    </row>
    <row r="697177" spans="8:8">
      <c r="H697177" s="12"/>
    </row>
    <row r="697178" spans="8:8">
      <c r="H697178" s="12"/>
    </row>
    <row r="697179" spans="8:8">
      <c r="H697179" s="12"/>
    </row>
    <row r="697180" spans="8:8">
      <c r="H697180" s="12"/>
    </row>
    <row r="697181" spans="8:8">
      <c r="H697181" s="12"/>
    </row>
    <row r="697182" spans="8:8">
      <c r="H697182" s="12"/>
    </row>
    <row r="697183" spans="8:8">
      <c r="H697183" s="12"/>
    </row>
    <row r="697184" spans="8:8">
      <c r="H697184" s="12"/>
    </row>
    <row r="697185" spans="8:8">
      <c r="H697185" s="12"/>
    </row>
    <row r="697186" spans="8:8">
      <c r="H697186" s="12"/>
    </row>
    <row r="697187" spans="8:8">
      <c r="H697187" s="12"/>
    </row>
    <row r="697188" spans="8:8">
      <c r="H697188" s="12"/>
    </row>
    <row r="697189" spans="8:8">
      <c r="H697189" s="12"/>
    </row>
    <row r="697190" spans="8:8">
      <c r="H697190" s="12"/>
    </row>
    <row r="697191" spans="8:8">
      <c r="H697191" s="12"/>
    </row>
    <row r="697192" spans="8:8">
      <c r="H697192" s="12"/>
    </row>
    <row r="697193" spans="8:8">
      <c r="H697193" s="12"/>
    </row>
    <row r="697194" spans="8:8">
      <c r="H697194" s="12"/>
    </row>
    <row r="697195" spans="8:8">
      <c r="H697195" s="12"/>
    </row>
    <row r="697196" spans="8:8">
      <c r="H697196" s="12"/>
    </row>
    <row r="697197" spans="8:8">
      <c r="H697197" s="12"/>
    </row>
    <row r="697198" spans="8:8">
      <c r="H697198" s="12"/>
    </row>
    <row r="697199" spans="8:8">
      <c r="H697199" s="12"/>
    </row>
    <row r="697200" spans="8:8">
      <c r="H697200" s="12"/>
    </row>
    <row r="697201" spans="8:8">
      <c r="H697201" s="12"/>
    </row>
    <row r="697202" spans="8:8">
      <c r="H697202" s="12"/>
    </row>
    <row r="697203" spans="8:8">
      <c r="H697203" s="12"/>
    </row>
    <row r="697204" spans="8:8">
      <c r="H697204" s="12"/>
    </row>
    <row r="697205" spans="8:8">
      <c r="H697205" s="12"/>
    </row>
    <row r="697206" spans="8:8">
      <c r="H697206" s="12"/>
    </row>
    <row r="697207" spans="8:8">
      <c r="H697207" s="12"/>
    </row>
    <row r="697208" spans="8:8">
      <c r="H697208" s="12"/>
    </row>
    <row r="697209" spans="8:8">
      <c r="H697209" s="12"/>
    </row>
    <row r="697210" spans="8:8">
      <c r="H697210" s="12"/>
    </row>
    <row r="697211" spans="8:8">
      <c r="H697211" s="12"/>
    </row>
    <row r="697212" spans="8:8">
      <c r="H697212" s="12"/>
    </row>
    <row r="697213" spans="8:8">
      <c r="H697213" s="12"/>
    </row>
    <row r="697214" spans="8:8">
      <c r="H697214" s="12"/>
    </row>
    <row r="697215" spans="8:8">
      <c r="H697215" s="12"/>
    </row>
    <row r="697216" spans="8:8">
      <c r="H697216" s="12"/>
    </row>
    <row r="697217" spans="8:8">
      <c r="H697217" s="12"/>
    </row>
    <row r="697218" spans="8:8">
      <c r="H697218" s="12"/>
    </row>
    <row r="697219" spans="8:8">
      <c r="H697219" s="12"/>
    </row>
    <row r="697220" spans="8:8">
      <c r="H697220" s="12"/>
    </row>
    <row r="697221" spans="8:8">
      <c r="H697221" s="12"/>
    </row>
    <row r="697222" spans="8:8">
      <c r="H697222" s="12"/>
    </row>
    <row r="697223" spans="8:8">
      <c r="H697223" s="12"/>
    </row>
    <row r="697224" spans="8:8">
      <c r="H697224" s="12"/>
    </row>
    <row r="697225" spans="8:8">
      <c r="H697225" s="12"/>
    </row>
    <row r="697226" spans="8:8">
      <c r="H697226" s="12"/>
    </row>
    <row r="697227" spans="8:8">
      <c r="H697227" s="12"/>
    </row>
    <row r="697228" spans="8:8">
      <c r="H697228" s="12"/>
    </row>
    <row r="697229" spans="8:8">
      <c r="H697229" s="12"/>
    </row>
    <row r="697230" spans="8:8">
      <c r="H697230" s="12"/>
    </row>
    <row r="697231" spans="8:8">
      <c r="H697231" s="12"/>
    </row>
    <row r="697232" spans="8:8">
      <c r="H697232" s="12"/>
    </row>
    <row r="697233" spans="8:8">
      <c r="H697233" s="12"/>
    </row>
    <row r="697234" spans="8:8">
      <c r="H697234" s="12"/>
    </row>
    <row r="697235" spans="8:8">
      <c r="H697235" s="12"/>
    </row>
    <row r="697236" spans="8:8">
      <c r="H697236" s="12"/>
    </row>
    <row r="697237" spans="8:8">
      <c r="H697237" s="12"/>
    </row>
    <row r="697238" spans="8:8">
      <c r="H697238" s="12"/>
    </row>
    <row r="697239" spans="8:8">
      <c r="H697239" s="12"/>
    </row>
    <row r="697240" spans="8:8">
      <c r="H697240" s="12"/>
    </row>
    <row r="697241" spans="8:8">
      <c r="H697241" s="12"/>
    </row>
    <row r="697242" spans="8:8">
      <c r="H697242" s="12"/>
    </row>
    <row r="697243" spans="8:8">
      <c r="H697243" s="12"/>
    </row>
    <row r="697244" spans="8:8">
      <c r="H697244" s="12"/>
    </row>
    <row r="697245" spans="8:8">
      <c r="H697245" s="12"/>
    </row>
    <row r="697246" spans="8:8">
      <c r="H697246" s="12"/>
    </row>
    <row r="697247" spans="8:8">
      <c r="H697247" s="12"/>
    </row>
    <row r="697248" spans="8:8">
      <c r="H697248" s="12"/>
    </row>
    <row r="697249" spans="8:8">
      <c r="H697249" s="12"/>
    </row>
    <row r="697250" spans="8:8">
      <c r="H697250" s="12"/>
    </row>
    <row r="697251" spans="8:8">
      <c r="H697251" s="12"/>
    </row>
    <row r="697252" spans="8:8">
      <c r="H697252" s="12"/>
    </row>
    <row r="697253" spans="8:8">
      <c r="H697253" s="12"/>
    </row>
    <row r="697254" spans="8:8">
      <c r="H697254" s="12"/>
    </row>
    <row r="697255" spans="8:8">
      <c r="H697255" s="12"/>
    </row>
    <row r="697256" spans="8:8">
      <c r="H697256" s="12"/>
    </row>
    <row r="697257" spans="8:8">
      <c r="H697257" s="12"/>
    </row>
    <row r="697258" spans="8:8">
      <c r="H697258" s="12"/>
    </row>
    <row r="697259" spans="8:8">
      <c r="H697259" s="12"/>
    </row>
    <row r="697260" spans="8:8">
      <c r="H697260" s="12"/>
    </row>
    <row r="697261" spans="8:8">
      <c r="H697261" s="12"/>
    </row>
    <row r="697262" spans="8:8">
      <c r="H697262" s="12"/>
    </row>
    <row r="697263" spans="8:8">
      <c r="H697263" s="12"/>
    </row>
    <row r="697264" spans="8:8">
      <c r="H697264" s="12"/>
    </row>
    <row r="697265" spans="8:8">
      <c r="H697265" s="12"/>
    </row>
    <row r="697266" spans="8:8">
      <c r="H697266" s="12"/>
    </row>
    <row r="697267" spans="8:8">
      <c r="H697267" s="12"/>
    </row>
    <row r="697268" spans="8:8">
      <c r="H697268" s="12"/>
    </row>
    <row r="697269" spans="8:8">
      <c r="H697269" s="12"/>
    </row>
    <row r="697270" spans="8:8">
      <c r="H697270" s="12"/>
    </row>
    <row r="697271" spans="8:8">
      <c r="H697271" s="12"/>
    </row>
    <row r="697272" spans="8:8">
      <c r="H697272" s="12"/>
    </row>
    <row r="697273" spans="8:8">
      <c r="H697273" s="12"/>
    </row>
    <row r="697274" spans="8:8">
      <c r="H697274" s="12"/>
    </row>
    <row r="697275" spans="8:8">
      <c r="H697275" s="12"/>
    </row>
    <row r="697276" spans="8:8">
      <c r="H697276" s="12"/>
    </row>
    <row r="697277" spans="8:8">
      <c r="H697277" s="12"/>
    </row>
    <row r="697278" spans="8:8">
      <c r="H697278" s="12"/>
    </row>
    <row r="697279" spans="8:8">
      <c r="H697279" s="12"/>
    </row>
    <row r="697280" spans="8:8">
      <c r="H697280" s="12"/>
    </row>
    <row r="697281" spans="8:8">
      <c r="H697281" s="12"/>
    </row>
    <row r="697282" spans="8:8">
      <c r="H697282" s="12"/>
    </row>
    <row r="697283" spans="8:8">
      <c r="H697283" s="12"/>
    </row>
    <row r="697284" spans="8:8">
      <c r="H697284" s="12"/>
    </row>
    <row r="697285" spans="8:8">
      <c r="H697285" s="12"/>
    </row>
    <row r="697286" spans="8:8">
      <c r="H697286" s="12"/>
    </row>
    <row r="697287" spans="8:8">
      <c r="H697287" s="12"/>
    </row>
    <row r="697288" spans="8:8">
      <c r="H697288" s="12"/>
    </row>
    <row r="697289" spans="8:8">
      <c r="H697289" s="12"/>
    </row>
    <row r="697290" spans="8:8">
      <c r="H697290" s="12"/>
    </row>
    <row r="697291" spans="8:8">
      <c r="H697291" s="12"/>
    </row>
    <row r="697292" spans="8:8">
      <c r="H697292" s="12"/>
    </row>
    <row r="697293" spans="8:8">
      <c r="H697293" s="12"/>
    </row>
    <row r="697294" spans="8:8">
      <c r="H697294" s="12"/>
    </row>
    <row r="697295" spans="8:8">
      <c r="H697295" s="12"/>
    </row>
    <row r="697296" spans="8:8">
      <c r="H697296" s="12"/>
    </row>
    <row r="697297" spans="8:8">
      <c r="H697297" s="12"/>
    </row>
    <row r="697298" spans="8:8">
      <c r="H697298" s="12"/>
    </row>
    <row r="697299" spans="8:8">
      <c r="H697299" s="12"/>
    </row>
    <row r="697300" spans="8:8">
      <c r="H697300" s="12"/>
    </row>
    <row r="697301" spans="8:8">
      <c r="H697301" s="12"/>
    </row>
    <row r="697302" spans="8:8">
      <c r="H697302" s="12"/>
    </row>
    <row r="697303" spans="8:8">
      <c r="H697303" s="12"/>
    </row>
    <row r="697304" spans="8:8">
      <c r="H697304" s="12"/>
    </row>
    <row r="697305" spans="8:8">
      <c r="H697305" s="12"/>
    </row>
    <row r="697306" spans="8:8">
      <c r="H697306" s="12"/>
    </row>
    <row r="697307" spans="8:8">
      <c r="H697307" s="12"/>
    </row>
    <row r="697308" spans="8:8">
      <c r="H697308" s="12"/>
    </row>
    <row r="697309" spans="8:8">
      <c r="H697309" s="12"/>
    </row>
    <row r="697310" spans="8:8">
      <c r="H697310" s="12"/>
    </row>
    <row r="697311" spans="8:8">
      <c r="H697311" s="12"/>
    </row>
    <row r="697312" spans="8:8">
      <c r="H697312" s="12"/>
    </row>
    <row r="697313" spans="8:8">
      <c r="H697313" s="12"/>
    </row>
    <row r="697314" spans="8:8">
      <c r="H697314" s="12"/>
    </row>
    <row r="697315" spans="8:8">
      <c r="H697315" s="12"/>
    </row>
    <row r="697316" spans="8:8">
      <c r="H697316" s="12"/>
    </row>
    <row r="697317" spans="8:8">
      <c r="H697317" s="12"/>
    </row>
    <row r="697318" spans="8:8">
      <c r="H697318" s="12"/>
    </row>
    <row r="697319" spans="8:8">
      <c r="H697319" s="12"/>
    </row>
    <row r="697320" spans="8:8">
      <c r="H697320" s="12"/>
    </row>
    <row r="697321" spans="8:8">
      <c r="H697321" s="12"/>
    </row>
    <row r="697322" spans="8:8">
      <c r="H697322" s="12"/>
    </row>
    <row r="697323" spans="8:8">
      <c r="H697323" s="12"/>
    </row>
    <row r="697324" spans="8:8">
      <c r="H697324" s="12"/>
    </row>
    <row r="697325" spans="8:8">
      <c r="H697325" s="12"/>
    </row>
    <row r="697326" spans="8:8">
      <c r="H697326" s="12"/>
    </row>
    <row r="697327" spans="8:8">
      <c r="H697327" s="12"/>
    </row>
    <row r="697328" spans="8:8">
      <c r="H697328" s="12"/>
    </row>
    <row r="697329" spans="8:8">
      <c r="H697329" s="12"/>
    </row>
    <row r="697330" spans="8:8">
      <c r="H697330" s="12"/>
    </row>
    <row r="697331" spans="8:8">
      <c r="H697331" s="12"/>
    </row>
    <row r="697332" spans="8:8">
      <c r="H697332" s="12"/>
    </row>
    <row r="697333" spans="8:8">
      <c r="H697333" s="12"/>
    </row>
    <row r="697334" spans="8:8">
      <c r="H697334" s="12"/>
    </row>
    <row r="697335" spans="8:8">
      <c r="H697335" s="12"/>
    </row>
    <row r="697336" spans="8:8">
      <c r="H697336" s="12"/>
    </row>
    <row r="697337" spans="8:8">
      <c r="H697337" s="12"/>
    </row>
    <row r="697338" spans="8:8">
      <c r="H697338" s="12"/>
    </row>
    <row r="697339" spans="8:8">
      <c r="H697339" s="12"/>
    </row>
    <row r="697340" spans="8:8">
      <c r="H697340" s="12"/>
    </row>
    <row r="697341" spans="8:8">
      <c r="H697341" s="12"/>
    </row>
    <row r="697342" spans="8:8">
      <c r="H697342" s="12"/>
    </row>
    <row r="697343" spans="8:8">
      <c r="H697343" s="12"/>
    </row>
    <row r="697344" spans="8:8">
      <c r="H697344" s="12"/>
    </row>
    <row r="697345" spans="8:8">
      <c r="H697345" s="12"/>
    </row>
    <row r="697346" spans="8:8">
      <c r="H697346" s="12"/>
    </row>
    <row r="697347" spans="8:8">
      <c r="H697347" s="12"/>
    </row>
    <row r="697348" spans="8:8">
      <c r="H697348" s="12"/>
    </row>
    <row r="697349" spans="8:8">
      <c r="H697349" s="12"/>
    </row>
    <row r="697350" spans="8:8">
      <c r="H697350" s="12"/>
    </row>
    <row r="697351" spans="8:8">
      <c r="H697351" s="12"/>
    </row>
    <row r="697352" spans="8:8">
      <c r="H697352" s="12"/>
    </row>
    <row r="697353" spans="8:8">
      <c r="H697353" s="12"/>
    </row>
    <row r="697354" spans="8:8">
      <c r="H697354" s="12"/>
    </row>
    <row r="697355" spans="8:8">
      <c r="H697355" s="12"/>
    </row>
    <row r="697356" spans="8:8">
      <c r="H697356" s="12"/>
    </row>
    <row r="697357" spans="8:8">
      <c r="H697357" s="12"/>
    </row>
    <row r="697358" spans="8:8">
      <c r="H697358" s="12"/>
    </row>
    <row r="697359" spans="8:8">
      <c r="H697359" s="12"/>
    </row>
    <row r="697360" spans="8:8">
      <c r="H697360" s="12"/>
    </row>
    <row r="697361" spans="8:8">
      <c r="H697361" s="12"/>
    </row>
    <row r="697362" spans="8:8">
      <c r="H697362" s="12"/>
    </row>
    <row r="697363" spans="8:8">
      <c r="H697363" s="12"/>
    </row>
    <row r="697364" spans="8:8">
      <c r="H697364" s="12"/>
    </row>
    <row r="697365" spans="8:8">
      <c r="H697365" s="12"/>
    </row>
    <row r="697366" spans="8:8">
      <c r="H697366" s="12"/>
    </row>
    <row r="697367" spans="8:8">
      <c r="H697367" s="12"/>
    </row>
    <row r="697368" spans="8:8">
      <c r="H697368" s="12"/>
    </row>
    <row r="697369" spans="8:8">
      <c r="H697369" s="12"/>
    </row>
    <row r="697370" spans="8:8">
      <c r="H697370" s="12"/>
    </row>
    <row r="697371" spans="8:8">
      <c r="H697371" s="12"/>
    </row>
    <row r="697372" spans="8:8">
      <c r="H697372" s="12"/>
    </row>
    <row r="697373" spans="8:8">
      <c r="H697373" s="12"/>
    </row>
    <row r="697374" spans="8:8">
      <c r="H697374" s="12"/>
    </row>
    <row r="697375" spans="8:8">
      <c r="H697375" s="12"/>
    </row>
    <row r="697376" spans="8:8">
      <c r="H697376" s="12"/>
    </row>
    <row r="697377" spans="8:8">
      <c r="H697377" s="12"/>
    </row>
    <row r="697378" spans="8:8">
      <c r="H697378" s="12"/>
    </row>
    <row r="697379" spans="8:8">
      <c r="H697379" s="12"/>
    </row>
    <row r="697380" spans="8:8">
      <c r="H697380" s="12"/>
    </row>
    <row r="697381" spans="8:8">
      <c r="H697381" s="12"/>
    </row>
    <row r="697382" spans="8:8">
      <c r="H697382" s="12"/>
    </row>
    <row r="697383" spans="8:8">
      <c r="H697383" s="12"/>
    </row>
    <row r="697384" spans="8:8">
      <c r="H697384" s="12"/>
    </row>
    <row r="697385" spans="8:8">
      <c r="H697385" s="12"/>
    </row>
    <row r="697386" spans="8:8">
      <c r="H697386" s="12"/>
    </row>
    <row r="697387" spans="8:8">
      <c r="H697387" s="12"/>
    </row>
    <row r="697388" spans="8:8">
      <c r="H697388" s="12"/>
    </row>
    <row r="697389" spans="8:8">
      <c r="H697389" s="12"/>
    </row>
    <row r="697390" spans="8:8">
      <c r="H697390" s="12"/>
    </row>
    <row r="697391" spans="8:8">
      <c r="H697391" s="12"/>
    </row>
    <row r="697392" spans="8:8">
      <c r="H697392" s="12"/>
    </row>
    <row r="697393" spans="8:8">
      <c r="H697393" s="12"/>
    </row>
    <row r="697394" spans="8:8">
      <c r="H697394" s="12"/>
    </row>
    <row r="697395" spans="8:8">
      <c r="H697395" s="12"/>
    </row>
    <row r="697396" spans="8:8">
      <c r="H697396" s="12"/>
    </row>
    <row r="697397" spans="8:8">
      <c r="H697397" s="12"/>
    </row>
    <row r="697398" spans="8:8">
      <c r="H697398" s="12"/>
    </row>
    <row r="697399" spans="8:8">
      <c r="H697399" s="12"/>
    </row>
    <row r="697400" spans="8:8">
      <c r="H697400" s="12"/>
    </row>
    <row r="697401" spans="8:8">
      <c r="H697401" s="12"/>
    </row>
    <row r="697402" spans="8:8">
      <c r="H697402" s="12"/>
    </row>
    <row r="697403" spans="8:8">
      <c r="H697403" s="12"/>
    </row>
    <row r="697404" spans="8:8">
      <c r="H697404" s="12"/>
    </row>
    <row r="697405" spans="8:8">
      <c r="H697405" s="12"/>
    </row>
    <row r="697406" spans="8:8">
      <c r="H697406" s="12"/>
    </row>
    <row r="697407" spans="8:8">
      <c r="H697407" s="12"/>
    </row>
    <row r="697408" spans="8:8">
      <c r="H697408" s="12"/>
    </row>
    <row r="697409" spans="8:8">
      <c r="H697409" s="12"/>
    </row>
    <row r="697410" spans="8:8">
      <c r="H697410" s="12"/>
    </row>
    <row r="697411" spans="8:8">
      <c r="H697411" s="12"/>
    </row>
    <row r="697412" spans="8:8">
      <c r="H697412" s="12"/>
    </row>
    <row r="697413" spans="8:8">
      <c r="H697413" s="12"/>
    </row>
    <row r="697414" spans="8:8">
      <c r="H697414" s="12"/>
    </row>
    <row r="697415" spans="8:8">
      <c r="H697415" s="12"/>
    </row>
    <row r="697416" spans="8:8">
      <c r="H697416" s="12"/>
    </row>
    <row r="697417" spans="8:8">
      <c r="H697417" s="12"/>
    </row>
    <row r="697418" spans="8:8">
      <c r="H697418" s="12"/>
    </row>
    <row r="697419" spans="8:8">
      <c r="H697419" s="12"/>
    </row>
    <row r="697420" spans="8:8">
      <c r="H697420" s="12"/>
    </row>
    <row r="697421" spans="8:8">
      <c r="H697421" s="12"/>
    </row>
    <row r="697422" spans="8:8">
      <c r="H697422" s="12"/>
    </row>
    <row r="697423" spans="8:8">
      <c r="H697423" s="12"/>
    </row>
    <row r="697424" spans="8:8">
      <c r="H697424" s="12"/>
    </row>
    <row r="697425" spans="8:8">
      <c r="H697425" s="12"/>
    </row>
    <row r="697426" spans="8:8">
      <c r="H697426" s="12"/>
    </row>
    <row r="697427" spans="8:8">
      <c r="H697427" s="12"/>
    </row>
    <row r="697428" spans="8:8">
      <c r="H697428" s="12"/>
    </row>
    <row r="697429" spans="8:8">
      <c r="H697429" s="12"/>
    </row>
    <row r="697430" spans="8:8">
      <c r="H697430" s="12"/>
    </row>
    <row r="697431" spans="8:8">
      <c r="H697431" s="12"/>
    </row>
    <row r="697432" spans="8:8">
      <c r="H697432" s="12"/>
    </row>
    <row r="697433" spans="8:8">
      <c r="H697433" s="12"/>
    </row>
    <row r="697434" spans="8:8">
      <c r="H697434" s="12"/>
    </row>
    <row r="697435" spans="8:8">
      <c r="H697435" s="12"/>
    </row>
    <row r="697436" spans="8:8">
      <c r="H697436" s="12"/>
    </row>
    <row r="697437" spans="8:8">
      <c r="H697437" s="12"/>
    </row>
    <row r="697438" spans="8:8">
      <c r="H697438" s="12"/>
    </row>
    <row r="697439" spans="8:8">
      <c r="H697439" s="12"/>
    </row>
    <row r="697440" spans="8:8">
      <c r="H697440" s="12"/>
    </row>
    <row r="697441" spans="8:8">
      <c r="H697441" s="12"/>
    </row>
    <row r="697442" spans="8:8">
      <c r="H697442" s="12"/>
    </row>
    <row r="697443" spans="8:8">
      <c r="H697443" s="12"/>
    </row>
    <row r="697444" spans="8:8">
      <c r="H697444" s="12"/>
    </row>
    <row r="697445" spans="8:8">
      <c r="H697445" s="12"/>
    </row>
    <row r="697446" spans="8:8">
      <c r="H697446" s="12"/>
    </row>
    <row r="697447" spans="8:8">
      <c r="H697447" s="12"/>
    </row>
    <row r="697448" spans="8:8">
      <c r="H697448" s="12"/>
    </row>
    <row r="697449" spans="8:8">
      <c r="H697449" s="12"/>
    </row>
    <row r="697450" spans="8:8">
      <c r="H697450" s="12"/>
    </row>
    <row r="697451" spans="8:8">
      <c r="H697451" s="12"/>
    </row>
    <row r="697452" spans="8:8">
      <c r="H697452" s="12"/>
    </row>
    <row r="697453" spans="8:8">
      <c r="H697453" s="12"/>
    </row>
    <row r="697454" spans="8:8">
      <c r="H697454" s="12"/>
    </row>
    <row r="697455" spans="8:8">
      <c r="H697455" s="12"/>
    </row>
    <row r="697456" spans="8:8">
      <c r="H697456" s="12"/>
    </row>
    <row r="697457" spans="8:8">
      <c r="H697457" s="12"/>
    </row>
    <row r="697458" spans="8:8">
      <c r="H697458" s="12"/>
    </row>
    <row r="697459" spans="8:8">
      <c r="H697459" s="12"/>
    </row>
    <row r="697460" spans="8:8">
      <c r="H697460" s="12"/>
    </row>
    <row r="697461" spans="8:8">
      <c r="H697461" s="12"/>
    </row>
    <row r="697462" spans="8:8">
      <c r="H697462" s="12"/>
    </row>
    <row r="697463" spans="8:8">
      <c r="H697463" s="12"/>
    </row>
    <row r="697464" spans="8:8">
      <c r="H697464" s="12"/>
    </row>
    <row r="697465" spans="8:8">
      <c r="H697465" s="12"/>
    </row>
    <row r="697466" spans="8:8">
      <c r="H697466" s="12"/>
    </row>
    <row r="697467" spans="8:8">
      <c r="H697467" s="12"/>
    </row>
    <row r="697468" spans="8:8">
      <c r="H697468" s="12"/>
    </row>
    <row r="697469" spans="8:8">
      <c r="H697469" s="12"/>
    </row>
    <row r="697470" spans="8:8">
      <c r="H697470" s="12"/>
    </row>
    <row r="697471" spans="8:8">
      <c r="H697471" s="12"/>
    </row>
    <row r="697472" spans="8:8">
      <c r="H697472" s="12"/>
    </row>
    <row r="697473" spans="8:8">
      <c r="H697473" s="12"/>
    </row>
    <row r="697474" spans="8:8">
      <c r="H697474" s="12"/>
    </row>
    <row r="697475" spans="8:8">
      <c r="H697475" s="12"/>
    </row>
    <row r="697476" spans="8:8">
      <c r="H697476" s="12"/>
    </row>
    <row r="697477" spans="8:8">
      <c r="H697477" s="12"/>
    </row>
    <row r="697478" spans="8:8">
      <c r="H697478" s="12"/>
    </row>
    <row r="697479" spans="8:8">
      <c r="H697479" s="12"/>
    </row>
    <row r="697480" spans="8:8">
      <c r="H697480" s="12"/>
    </row>
    <row r="697481" spans="8:8">
      <c r="H697481" s="12"/>
    </row>
    <row r="697482" spans="8:8">
      <c r="H697482" s="12"/>
    </row>
    <row r="697483" spans="8:8">
      <c r="H697483" s="12"/>
    </row>
    <row r="697484" spans="8:8">
      <c r="H697484" s="12"/>
    </row>
    <row r="697485" spans="8:8">
      <c r="H697485" s="12"/>
    </row>
    <row r="697486" spans="8:8">
      <c r="H697486" s="12"/>
    </row>
    <row r="697487" spans="8:8">
      <c r="H697487" s="12"/>
    </row>
    <row r="697488" spans="8:8">
      <c r="H697488" s="12"/>
    </row>
    <row r="697489" spans="8:8">
      <c r="H697489" s="12"/>
    </row>
    <row r="697490" spans="8:8">
      <c r="H697490" s="12"/>
    </row>
    <row r="697491" spans="8:8">
      <c r="H697491" s="12"/>
    </row>
    <row r="697492" spans="8:8">
      <c r="H697492" s="12"/>
    </row>
    <row r="697493" spans="8:8">
      <c r="H697493" s="12"/>
    </row>
    <row r="697494" spans="8:8">
      <c r="H697494" s="12"/>
    </row>
    <row r="697495" spans="8:8">
      <c r="H697495" s="12"/>
    </row>
    <row r="697496" spans="8:8">
      <c r="H697496" s="12"/>
    </row>
    <row r="697497" spans="8:8">
      <c r="H697497" s="12"/>
    </row>
    <row r="697498" spans="8:8">
      <c r="H697498" s="12"/>
    </row>
    <row r="697499" spans="8:8">
      <c r="H697499" s="12"/>
    </row>
    <row r="697500" spans="8:8">
      <c r="H697500" s="12"/>
    </row>
    <row r="697501" spans="8:8">
      <c r="H697501" s="12"/>
    </row>
    <row r="697502" spans="8:8">
      <c r="H697502" s="12"/>
    </row>
    <row r="697503" spans="8:8">
      <c r="H697503" s="12"/>
    </row>
    <row r="697504" spans="8:8">
      <c r="H697504" s="12"/>
    </row>
    <row r="697505" spans="8:8">
      <c r="H697505" s="12"/>
    </row>
    <row r="697506" spans="8:8">
      <c r="H697506" s="12"/>
    </row>
    <row r="697507" spans="8:8">
      <c r="H697507" s="12"/>
    </row>
    <row r="697508" spans="8:8">
      <c r="H697508" s="12"/>
    </row>
    <row r="697509" spans="8:8">
      <c r="H697509" s="12"/>
    </row>
    <row r="697510" spans="8:8">
      <c r="H697510" s="12"/>
    </row>
    <row r="697511" spans="8:8">
      <c r="H697511" s="12"/>
    </row>
    <row r="697512" spans="8:8">
      <c r="H697512" s="12"/>
    </row>
    <row r="697513" spans="8:8">
      <c r="H697513" s="12"/>
    </row>
    <row r="697514" spans="8:8">
      <c r="H697514" s="12"/>
    </row>
    <row r="697515" spans="8:8">
      <c r="H697515" s="12"/>
    </row>
    <row r="697516" spans="8:8">
      <c r="H697516" s="12"/>
    </row>
    <row r="697517" spans="8:8">
      <c r="H697517" s="12"/>
    </row>
    <row r="697518" spans="8:8">
      <c r="H697518" s="12"/>
    </row>
    <row r="697519" spans="8:8">
      <c r="H697519" s="12"/>
    </row>
    <row r="697520" spans="8:8">
      <c r="H697520" s="12"/>
    </row>
    <row r="697521" spans="8:8">
      <c r="H697521" s="12"/>
    </row>
    <row r="697522" spans="8:8">
      <c r="H697522" s="12"/>
    </row>
    <row r="697523" spans="8:8">
      <c r="H697523" s="12"/>
    </row>
    <row r="697524" spans="8:8">
      <c r="H697524" s="12"/>
    </row>
    <row r="697525" spans="8:8">
      <c r="H697525" s="12"/>
    </row>
    <row r="697526" spans="8:8">
      <c r="H697526" s="12"/>
    </row>
    <row r="697527" spans="8:8">
      <c r="H697527" s="12"/>
    </row>
    <row r="697528" spans="8:8">
      <c r="H697528" s="12"/>
    </row>
    <row r="697529" spans="8:8">
      <c r="H697529" s="12"/>
    </row>
    <row r="697530" spans="8:8">
      <c r="H697530" s="12"/>
    </row>
    <row r="697531" spans="8:8">
      <c r="H697531" s="12"/>
    </row>
    <row r="697532" spans="8:8">
      <c r="H697532" s="12"/>
    </row>
    <row r="697533" spans="8:8">
      <c r="H697533" s="12"/>
    </row>
    <row r="697534" spans="8:8">
      <c r="H697534" s="12"/>
    </row>
    <row r="697535" spans="8:8">
      <c r="H697535" s="12"/>
    </row>
    <row r="697536" spans="8:8">
      <c r="H697536" s="12"/>
    </row>
    <row r="697537" spans="8:8">
      <c r="H697537" s="12"/>
    </row>
    <row r="697538" spans="8:8">
      <c r="H697538" s="12"/>
    </row>
    <row r="697539" spans="8:8">
      <c r="H697539" s="12"/>
    </row>
    <row r="697540" spans="8:8">
      <c r="H697540" s="12"/>
    </row>
    <row r="697541" spans="8:8">
      <c r="H697541" s="12"/>
    </row>
    <row r="697542" spans="8:8">
      <c r="H697542" s="12"/>
    </row>
    <row r="697543" spans="8:8">
      <c r="H697543" s="12"/>
    </row>
    <row r="697544" spans="8:8">
      <c r="H697544" s="12"/>
    </row>
    <row r="697545" spans="8:8">
      <c r="H697545" s="12"/>
    </row>
    <row r="697546" spans="8:8">
      <c r="H697546" s="12"/>
    </row>
    <row r="697547" spans="8:8">
      <c r="H697547" s="12"/>
    </row>
    <row r="697548" spans="8:8">
      <c r="H697548" s="12"/>
    </row>
    <row r="697549" spans="8:8">
      <c r="H697549" s="12"/>
    </row>
    <row r="697550" spans="8:8">
      <c r="H697550" s="12"/>
    </row>
    <row r="697551" spans="8:8">
      <c r="H697551" s="12"/>
    </row>
    <row r="697552" spans="8:8">
      <c r="H697552" s="12"/>
    </row>
    <row r="697553" spans="8:8">
      <c r="H697553" s="12"/>
    </row>
    <row r="697554" spans="8:8">
      <c r="H697554" s="12"/>
    </row>
    <row r="697555" spans="8:8">
      <c r="H697555" s="12"/>
    </row>
    <row r="697556" spans="8:8">
      <c r="H697556" s="12"/>
    </row>
    <row r="697557" spans="8:8">
      <c r="H697557" s="12"/>
    </row>
    <row r="697558" spans="8:8">
      <c r="H697558" s="12"/>
    </row>
    <row r="697559" spans="8:8">
      <c r="H697559" s="12"/>
    </row>
    <row r="697560" spans="8:8">
      <c r="H697560" s="12"/>
    </row>
    <row r="697561" spans="8:8">
      <c r="H697561" s="12"/>
    </row>
    <row r="697562" spans="8:8">
      <c r="H697562" s="12"/>
    </row>
    <row r="697563" spans="8:8">
      <c r="H697563" s="12"/>
    </row>
    <row r="697564" spans="8:8">
      <c r="H697564" s="12"/>
    </row>
    <row r="697565" spans="8:8">
      <c r="H697565" s="12"/>
    </row>
    <row r="697566" spans="8:8">
      <c r="H697566" s="12"/>
    </row>
    <row r="697567" spans="8:8">
      <c r="H697567" s="12"/>
    </row>
    <row r="697568" spans="8:8">
      <c r="H697568" s="12"/>
    </row>
    <row r="697569" spans="8:8">
      <c r="H697569" s="12"/>
    </row>
    <row r="697570" spans="8:8">
      <c r="H697570" s="12"/>
    </row>
    <row r="697571" spans="8:8">
      <c r="H697571" s="12"/>
    </row>
    <row r="697572" spans="8:8">
      <c r="H697572" s="12"/>
    </row>
    <row r="697573" spans="8:8">
      <c r="H697573" s="12"/>
    </row>
    <row r="697574" spans="8:8">
      <c r="H697574" s="12"/>
    </row>
    <row r="697575" spans="8:8">
      <c r="H697575" s="12"/>
    </row>
    <row r="697576" spans="8:8">
      <c r="H697576" s="12"/>
    </row>
    <row r="697577" spans="8:8">
      <c r="H697577" s="12"/>
    </row>
    <row r="697578" spans="8:8">
      <c r="H697578" s="12"/>
    </row>
    <row r="697579" spans="8:8">
      <c r="H697579" s="12"/>
    </row>
    <row r="697580" spans="8:8">
      <c r="H697580" s="12"/>
    </row>
    <row r="697581" spans="8:8">
      <c r="H697581" s="12"/>
    </row>
    <row r="697582" spans="8:8">
      <c r="H697582" s="12"/>
    </row>
    <row r="697583" spans="8:8">
      <c r="H697583" s="12"/>
    </row>
    <row r="697584" spans="8:8">
      <c r="H697584" s="12"/>
    </row>
    <row r="697585" spans="8:8">
      <c r="H697585" s="12"/>
    </row>
    <row r="697586" spans="8:8">
      <c r="H697586" s="12"/>
    </row>
    <row r="697587" spans="8:8">
      <c r="H697587" s="12"/>
    </row>
    <row r="697588" spans="8:8">
      <c r="H697588" s="12"/>
    </row>
    <row r="697589" spans="8:8">
      <c r="H697589" s="12"/>
    </row>
    <row r="697590" spans="8:8">
      <c r="H697590" s="12"/>
    </row>
    <row r="697591" spans="8:8">
      <c r="H697591" s="12"/>
    </row>
    <row r="697592" spans="8:8">
      <c r="H697592" s="12"/>
    </row>
    <row r="697593" spans="8:8">
      <c r="H697593" s="12"/>
    </row>
    <row r="697594" spans="8:8">
      <c r="H697594" s="12"/>
    </row>
    <row r="697595" spans="8:8">
      <c r="H697595" s="12"/>
    </row>
    <row r="697596" spans="8:8">
      <c r="H697596" s="12"/>
    </row>
    <row r="697597" spans="8:8">
      <c r="H697597" s="12"/>
    </row>
    <row r="697598" spans="8:8">
      <c r="H697598" s="12"/>
    </row>
    <row r="697599" spans="8:8">
      <c r="H697599" s="12"/>
    </row>
    <row r="697600" spans="8:8">
      <c r="H697600" s="12"/>
    </row>
    <row r="697601" spans="8:8">
      <c r="H697601" s="12"/>
    </row>
    <row r="697602" spans="8:8">
      <c r="H697602" s="12"/>
    </row>
    <row r="697603" spans="8:8">
      <c r="H697603" s="12"/>
    </row>
    <row r="697604" spans="8:8">
      <c r="H697604" s="12"/>
    </row>
    <row r="697605" spans="8:8">
      <c r="H697605" s="12"/>
    </row>
    <row r="697606" spans="8:8">
      <c r="H697606" s="12"/>
    </row>
    <row r="697607" spans="8:8">
      <c r="H697607" s="12"/>
    </row>
    <row r="697608" spans="8:8">
      <c r="H697608" s="12"/>
    </row>
    <row r="697609" spans="8:8">
      <c r="H697609" s="12"/>
    </row>
    <row r="697610" spans="8:8">
      <c r="H697610" s="12"/>
    </row>
    <row r="697611" spans="8:8">
      <c r="H697611" s="12"/>
    </row>
    <row r="697612" spans="8:8">
      <c r="H697612" s="12"/>
    </row>
    <row r="697613" spans="8:8">
      <c r="H697613" s="12"/>
    </row>
    <row r="697614" spans="8:8">
      <c r="H697614" s="12"/>
    </row>
    <row r="697615" spans="8:8">
      <c r="H697615" s="12"/>
    </row>
    <row r="697616" spans="8:8">
      <c r="H697616" s="12"/>
    </row>
    <row r="697617" spans="8:8">
      <c r="H697617" s="12"/>
    </row>
    <row r="697618" spans="8:8">
      <c r="H697618" s="12"/>
    </row>
    <row r="697619" spans="8:8">
      <c r="H697619" s="12"/>
    </row>
    <row r="697620" spans="8:8">
      <c r="H697620" s="12"/>
    </row>
    <row r="697621" spans="8:8">
      <c r="H697621" s="12"/>
    </row>
    <row r="697622" spans="8:8">
      <c r="H697622" s="12"/>
    </row>
    <row r="697623" spans="8:8">
      <c r="H697623" s="12"/>
    </row>
    <row r="697624" spans="8:8">
      <c r="H697624" s="12"/>
    </row>
    <row r="697625" spans="8:8">
      <c r="H697625" s="12"/>
    </row>
    <row r="697626" spans="8:8">
      <c r="H697626" s="12"/>
    </row>
    <row r="697627" spans="8:8">
      <c r="H697627" s="12"/>
    </row>
    <row r="697628" spans="8:8">
      <c r="H697628" s="12"/>
    </row>
    <row r="697629" spans="8:8">
      <c r="H697629" s="12"/>
    </row>
    <row r="697630" spans="8:8">
      <c r="H697630" s="12"/>
    </row>
    <row r="697631" spans="8:8">
      <c r="H697631" s="12"/>
    </row>
    <row r="697632" spans="8:8">
      <c r="H697632" s="12"/>
    </row>
    <row r="697633" spans="8:8">
      <c r="H697633" s="12"/>
    </row>
    <row r="697634" spans="8:8">
      <c r="H697634" s="12"/>
    </row>
    <row r="697635" spans="8:8">
      <c r="H697635" s="12"/>
    </row>
    <row r="697636" spans="8:8">
      <c r="H697636" s="12"/>
    </row>
    <row r="697637" spans="8:8">
      <c r="H697637" s="12"/>
    </row>
    <row r="697638" spans="8:8">
      <c r="H697638" s="12"/>
    </row>
    <row r="697639" spans="8:8">
      <c r="H697639" s="12"/>
    </row>
    <row r="697640" spans="8:8">
      <c r="H697640" s="12"/>
    </row>
    <row r="697641" spans="8:8">
      <c r="H697641" s="12"/>
    </row>
    <row r="697642" spans="8:8">
      <c r="H697642" s="12"/>
    </row>
    <row r="697643" spans="8:8">
      <c r="H697643" s="12"/>
    </row>
    <row r="697644" spans="8:8">
      <c r="H697644" s="12"/>
    </row>
    <row r="697645" spans="8:8">
      <c r="H697645" s="12"/>
    </row>
    <row r="697646" spans="8:8">
      <c r="H697646" s="12"/>
    </row>
    <row r="697647" spans="8:8">
      <c r="H697647" s="12"/>
    </row>
    <row r="697648" spans="8:8">
      <c r="H697648" s="12"/>
    </row>
    <row r="697649" spans="8:8">
      <c r="H697649" s="12"/>
    </row>
    <row r="697650" spans="8:8">
      <c r="H697650" s="12"/>
    </row>
    <row r="697651" spans="8:8">
      <c r="H697651" s="12"/>
    </row>
    <row r="697652" spans="8:8">
      <c r="H697652" s="12"/>
    </row>
    <row r="697653" spans="8:8">
      <c r="H697653" s="12"/>
    </row>
    <row r="697654" spans="8:8">
      <c r="H697654" s="12"/>
    </row>
    <row r="697655" spans="8:8">
      <c r="H697655" s="12"/>
    </row>
    <row r="697656" spans="8:8">
      <c r="H697656" s="12"/>
    </row>
    <row r="697657" spans="8:8">
      <c r="H697657" s="12"/>
    </row>
    <row r="697658" spans="8:8">
      <c r="H697658" s="12"/>
    </row>
    <row r="697659" spans="8:8">
      <c r="H697659" s="12"/>
    </row>
    <row r="697660" spans="8:8">
      <c r="H697660" s="12"/>
    </row>
    <row r="697661" spans="8:8">
      <c r="H697661" s="12"/>
    </row>
    <row r="697662" spans="8:8">
      <c r="H697662" s="12"/>
    </row>
    <row r="697663" spans="8:8">
      <c r="H697663" s="12"/>
    </row>
    <row r="697664" spans="8:8">
      <c r="H697664" s="12"/>
    </row>
    <row r="697665" spans="8:8">
      <c r="H697665" s="12"/>
    </row>
    <row r="697666" spans="8:8">
      <c r="H697666" s="12"/>
    </row>
    <row r="697667" spans="8:8">
      <c r="H697667" s="12"/>
    </row>
    <row r="697668" spans="8:8">
      <c r="H697668" s="12"/>
    </row>
    <row r="697669" spans="8:8">
      <c r="H697669" s="12"/>
    </row>
    <row r="697670" spans="8:8">
      <c r="H697670" s="12"/>
    </row>
    <row r="697671" spans="8:8">
      <c r="H697671" s="12"/>
    </row>
    <row r="697672" spans="8:8">
      <c r="H697672" s="12"/>
    </row>
    <row r="697673" spans="8:8">
      <c r="H697673" s="12"/>
    </row>
    <row r="697674" spans="8:8">
      <c r="H697674" s="12"/>
    </row>
    <row r="697675" spans="8:8">
      <c r="H697675" s="12"/>
    </row>
    <row r="697676" spans="8:8">
      <c r="H697676" s="12"/>
    </row>
    <row r="697677" spans="8:8">
      <c r="H697677" s="12"/>
    </row>
    <row r="697678" spans="8:8">
      <c r="H697678" s="12"/>
    </row>
    <row r="697679" spans="8:8">
      <c r="H697679" s="12"/>
    </row>
    <row r="697680" spans="8:8">
      <c r="H697680" s="12"/>
    </row>
    <row r="697681" spans="8:8">
      <c r="H697681" s="12"/>
    </row>
    <row r="697682" spans="8:8">
      <c r="H697682" s="12"/>
    </row>
    <row r="697683" spans="8:8">
      <c r="H697683" s="12"/>
    </row>
    <row r="697684" spans="8:8">
      <c r="H697684" s="12"/>
    </row>
    <row r="697685" spans="8:8">
      <c r="H697685" s="12"/>
    </row>
    <row r="697686" spans="8:8">
      <c r="H697686" s="12"/>
    </row>
    <row r="697687" spans="8:8">
      <c r="H697687" s="12"/>
    </row>
    <row r="697688" spans="8:8">
      <c r="H697688" s="12"/>
    </row>
    <row r="697689" spans="8:8">
      <c r="H697689" s="12"/>
    </row>
    <row r="697690" spans="8:8">
      <c r="H697690" s="12"/>
    </row>
    <row r="697691" spans="8:8">
      <c r="H697691" s="12"/>
    </row>
    <row r="697692" spans="8:8">
      <c r="H697692" s="12"/>
    </row>
    <row r="697693" spans="8:8">
      <c r="H697693" s="12"/>
    </row>
    <row r="697694" spans="8:8">
      <c r="H697694" s="12"/>
    </row>
    <row r="697695" spans="8:8">
      <c r="H697695" s="12"/>
    </row>
    <row r="697696" spans="8:8">
      <c r="H697696" s="12"/>
    </row>
    <row r="697697" spans="8:8">
      <c r="H697697" s="12"/>
    </row>
    <row r="697698" spans="8:8">
      <c r="H697698" s="12"/>
    </row>
    <row r="697699" spans="8:8">
      <c r="H697699" s="12"/>
    </row>
    <row r="697700" spans="8:8">
      <c r="H697700" s="12"/>
    </row>
    <row r="697701" spans="8:8">
      <c r="H697701" s="12"/>
    </row>
    <row r="697702" spans="8:8">
      <c r="H697702" s="12"/>
    </row>
    <row r="697703" spans="8:8">
      <c r="H697703" s="12"/>
    </row>
    <row r="697704" spans="8:8">
      <c r="H697704" s="12"/>
    </row>
    <row r="697705" spans="8:8">
      <c r="H697705" s="12"/>
    </row>
    <row r="697706" spans="8:8">
      <c r="H697706" s="12"/>
    </row>
    <row r="697707" spans="8:8">
      <c r="H697707" s="12"/>
    </row>
    <row r="697708" spans="8:8">
      <c r="H697708" s="12"/>
    </row>
    <row r="697709" spans="8:8">
      <c r="H697709" s="12"/>
    </row>
    <row r="697710" spans="8:8">
      <c r="H697710" s="12"/>
    </row>
    <row r="697711" spans="8:8">
      <c r="H697711" s="12"/>
    </row>
    <row r="697712" spans="8:8">
      <c r="H697712" s="12"/>
    </row>
    <row r="697713" spans="8:8">
      <c r="H697713" s="12"/>
    </row>
    <row r="697714" spans="8:8">
      <c r="H697714" s="12"/>
    </row>
    <row r="697715" spans="8:8">
      <c r="H697715" s="12"/>
    </row>
    <row r="697716" spans="8:8">
      <c r="H697716" s="12"/>
    </row>
    <row r="697717" spans="8:8">
      <c r="H697717" s="12"/>
    </row>
    <row r="697718" spans="8:8">
      <c r="H697718" s="12"/>
    </row>
    <row r="697719" spans="8:8">
      <c r="H697719" s="12"/>
    </row>
    <row r="697720" spans="8:8">
      <c r="H697720" s="12"/>
    </row>
    <row r="697721" spans="8:8">
      <c r="H697721" s="12"/>
    </row>
    <row r="697722" spans="8:8">
      <c r="H697722" s="12"/>
    </row>
    <row r="697723" spans="8:8">
      <c r="H697723" s="12"/>
    </row>
    <row r="697724" spans="8:8">
      <c r="H697724" s="12"/>
    </row>
    <row r="697725" spans="8:8">
      <c r="H697725" s="12"/>
    </row>
    <row r="697726" spans="8:8">
      <c r="H697726" s="12"/>
    </row>
    <row r="697727" spans="8:8">
      <c r="H697727" s="12"/>
    </row>
    <row r="697728" spans="8:8">
      <c r="H697728" s="12"/>
    </row>
    <row r="697729" spans="8:8">
      <c r="H697729" s="12"/>
    </row>
    <row r="697730" spans="8:8">
      <c r="H697730" s="12"/>
    </row>
    <row r="697731" spans="8:8">
      <c r="H697731" s="12"/>
    </row>
    <row r="697732" spans="8:8">
      <c r="H697732" s="12"/>
    </row>
    <row r="697733" spans="8:8">
      <c r="H697733" s="12"/>
    </row>
    <row r="697734" spans="8:8">
      <c r="H697734" s="12"/>
    </row>
    <row r="697735" spans="8:8">
      <c r="H697735" s="12"/>
    </row>
    <row r="697736" spans="8:8">
      <c r="H697736" s="12"/>
    </row>
    <row r="697737" spans="8:8">
      <c r="H697737" s="12"/>
    </row>
    <row r="697738" spans="8:8">
      <c r="H697738" s="12"/>
    </row>
    <row r="697739" spans="8:8">
      <c r="H697739" s="12"/>
    </row>
    <row r="697740" spans="8:8">
      <c r="H697740" s="12"/>
    </row>
    <row r="697741" spans="8:8">
      <c r="H697741" s="12"/>
    </row>
    <row r="697742" spans="8:8">
      <c r="H697742" s="12"/>
    </row>
    <row r="697743" spans="8:8">
      <c r="H697743" s="12"/>
    </row>
    <row r="697744" spans="8:8">
      <c r="H697744" s="12"/>
    </row>
    <row r="697745" spans="8:8">
      <c r="H697745" s="12"/>
    </row>
    <row r="697746" spans="8:8">
      <c r="H697746" s="12"/>
    </row>
    <row r="697747" spans="8:8">
      <c r="H697747" s="12"/>
    </row>
    <row r="697748" spans="8:8">
      <c r="H697748" s="12"/>
    </row>
    <row r="697749" spans="8:8">
      <c r="H697749" s="12"/>
    </row>
    <row r="697750" spans="8:8">
      <c r="H697750" s="12"/>
    </row>
    <row r="697751" spans="8:8">
      <c r="H697751" s="12"/>
    </row>
    <row r="697752" spans="8:8">
      <c r="H697752" s="12"/>
    </row>
    <row r="697753" spans="8:8">
      <c r="H697753" s="12"/>
    </row>
    <row r="697754" spans="8:8">
      <c r="H697754" s="12"/>
    </row>
    <row r="697755" spans="8:8">
      <c r="H697755" s="12"/>
    </row>
    <row r="697756" spans="8:8">
      <c r="H697756" s="12"/>
    </row>
    <row r="697757" spans="8:8">
      <c r="H697757" s="12"/>
    </row>
    <row r="697758" spans="8:8">
      <c r="H697758" s="12"/>
    </row>
    <row r="697759" spans="8:8">
      <c r="H697759" s="12"/>
    </row>
    <row r="697760" spans="8:8">
      <c r="H697760" s="12"/>
    </row>
    <row r="697761" spans="8:8">
      <c r="H697761" s="12"/>
    </row>
    <row r="697762" spans="8:8">
      <c r="H697762" s="12"/>
    </row>
    <row r="697763" spans="8:8">
      <c r="H697763" s="12"/>
    </row>
    <row r="697764" spans="8:8">
      <c r="H697764" s="12"/>
    </row>
    <row r="697765" spans="8:8">
      <c r="H697765" s="12"/>
    </row>
    <row r="697766" spans="8:8">
      <c r="H697766" s="12"/>
    </row>
    <row r="697767" spans="8:8">
      <c r="H697767" s="12"/>
    </row>
    <row r="697768" spans="8:8">
      <c r="H697768" s="12"/>
    </row>
    <row r="697769" spans="8:8">
      <c r="H697769" s="12"/>
    </row>
    <row r="697770" spans="8:8">
      <c r="H697770" s="12"/>
    </row>
    <row r="697771" spans="8:8">
      <c r="H697771" s="12"/>
    </row>
    <row r="697772" spans="8:8">
      <c r="H697772" s="12"/>
    </row>
    <row r="697773" spans="8:8">
      <c r="H697773" s="12"/>
    </row>
    <row r="697774" spans="8:8">
      <c r="H697774" s="12"/>
    </row>
    <row r="697775" spans="8:8">
      <c r="H697775" s="12"/>
    </row>
    <row r="697776" spans="8:8">
      <c r="H697776" s="12"/>
    </row>
    <row r="697777" spans="8:8">
      <c r="H697777" s="12"/>
    </row>
    <row r="697778" spans="8:8">
      <c r="H697778" s="12"/>
    </row>
    <row r="697779" spans="8:8">
      <c r="H697779" s="12"/>
    </row>
    <row r="697780" spans="8:8">
      <c r="H697780" s="12"/>
    </row>
    <row r="697781" spans="8:8">
      <c r="H697781" s="12"/>
    </row>
    <row r="697782" spans="8:8">
      <c r="H697782" s="12"/>
    </row>
    <row r="697783" spans="8:8">
      <c r="H697783" s="12"/>
    </row>
    <row r="697784" spans="8:8">
      <c r="H697784" s="12"/>
    </row>
    <row r="697785" spans="8:8">
      <c r="H697785" s="12"/>
    </row>
    <row r="697786" spans="8:8">
      <c r="H697786" s="12"/>
    </row>
    <row r="697787" spans="8:8">
      <c r="H697787" s="12"/>
    </row>
    <row r="697788" spans="8:8">
      <c r="H697788" s="12"/>
    </row>
    <row r="697789" spans="8:8">
      <c r="H697789" s="12"/>
    </row>
    <row r="697790" spans="8:8">
      <c r="H697790" s="12"/>
    </row>
    <row r="697791" spans="8:8">
      <c r="H697791" s="12"/>
    </row>
    <row r="697792" spans="8:8">
      <c r="H697792" s="12"/>
    </row>
    <row r="697793" spans="8:8">
      <c r="H697793" s="12"/>
    </row>
    <row r="697794" spans="8:8">
      <c r="H697794" s="12"/>
    </row>
    <row r="697795" spans="8:8">
      <c r="H697795" s="12"/>
    </row>
    <row r="697796" spans="8:8">
      <c r="H697796" s="12"/>
    </row>
    <row r="697797" spans="8:8">
      <c r="H697797" s="12"/>
    </row>
    <row r="697798" spans="8:8">
      <c r="H697798" s="12"/>
    </row>
    <row r="697799" spans="8:8">
      <c r="H697799" s="12"/>
    </row>
    <row r="697800" spans="8:8">
      <c r="H697800" s="12"/>
    </row>
    <row r="697801" spans="8:8">
      <c r="H697801" s="12"/>
    </row>
    <row r="697802" spans="8:8">
      <c r="H697802" s="12"/>
    </row>
    <row r="697803" spans="8:8">
      <c r="H697803" s="12"/>
    </row>
    <row r="697804" spans="8:8">
      <c r="H697804" s="12"/>
    </row>
    <row r="697805" spans="8:8">
      <c r="H697805" s="12"/>
    </row>
    <row r="697806" spans="8:8">
      <c r="H697806" s="12"/>
    </row>
    <row r="697807" spans="8:8">
      <c r="H697807" s="12"/>
    </row>
    <row r="697808" spans="8:8">
      <c r="H697808" s="12"/>
    </row>
    <row r="697809" spans="8:8">
      <c r="H697809" s="12"/>
    </row>
    <row r="697810" spans="8:8">
      <c r="H697810" s="12"/>
    </row>
    <row r="697811" spans="8:8">
      <c r="H697811" s="12"/>
    </row>
    <row r="697812" spans="8:8">
      <c r="H697812" s="12"/>
    </row>
    <row r="697813" spans="8:8">
      <c r="H697813" s="12"/>
    </row>
    <row r="697814" spans="8:8">
      <c r="H697814" s="12"/>
    </row>
    <row r="697815" spans="8:8">
      <c r="H697815" s="12"/>
    </row>
    <row r="697816" spans="8:8">
      <c r="H697816" s="12"/>
    </row>
    <row r="697817" spans="8:8">
      <c r="H697817" s="12"/>
    </row>
    <row r="697818" spans="8:8">
      <c r="H697818" s="12"/>
    </row>
    <row r="697819" spans="8:8">
      <c r="H697819" s="12"/>
    </row>
    <row r="697820" spans="8:8">
      <c r="H697820" s="12"/>
    </row>
    <row r="697821" spans="8:8">
      <c r="H697821" s="12"/>
    </row>
    <row r="697822" spans="8:8">
      <c r="H697822" s="12"/>
    </row>
    <row r="697823" spans="8:8">
      <c r="H697823" s="12"/>
    </row>
    <row r="697824" spans="8:8">
      <c r="H697824" s="12"/>
    </row>
    <row r="697825" spans="8:8">
      <c r="H697825" s="12"/>
    </row>
    <row r="697826" spans="8:8">
      <c r="H697826" s="12"/>
    </row>
    <row r="697827" spans="8:8">
      <c r="H697827" s="12"/>
    </row>
    <row r="697828" spans="8:8">
      <c r="H697828" s="12"/>
    </row>
    <row r="697829" spans="8:8">
      <c r="H697829" s="12"/>
    </row>
    <row r="697830" spans="8:8">
      <c r="H697830" s="12"/>
    </row>
    <row r="697831" spans="8:8">
      <c r="H697831" s="12"/>
    </row>
    <row r="697832" spans="8:8">
      <c r="H697832" s="12"/>
    </row>
    <row r="697833" spans="8:8">
      <c r="H697833" s="12"/>
    </row>
    <row r="697834" spans="8:8">
      <c r="H697834" s="12"/>
    </row>
    <row r="697835" spans="8:8">
      <c r="H697835" s="12"/>
    </row>
    <row r="697836" spans="8:8">
      <c r="H697836" s="12"/>
    </row>
    <row r="697837" spans="8:8">
      <c r="H697837" s="12"/>
    </row>
    <row r="697838" spans="8:8">
      <c r="H697838" s="12"/>
    </row>
    <row r="697839" spans="8:8">
      <c r="H697839" s="12"/>
    </row>
    <row r="697840" spans="8:8">
      <c r="H697840" s="12"/>
    </row>
    <row r="697841" spans="8:8">
      <c r="H697841" s="12"/>
    </row>
    <row r="697842" spans="8:8">
      <c r="H697842" s="12"/>
    </row>
    <row r="697843" spans="8:8">
      <c r="H697843" s="12"/>
    </row>
    <row r="697844" spans="8:8">
      <c r="H697844" s="12"/>
    </row>
    <row r="697845" spans="8:8">
      <c r="H697845" s="12"/>
    </row>
    <row r="697846" spans="8:8">
      <c r="H697846" s="12"/>
    </row>
    <row r="697847" spans="8:8">
      <c r="H697847" s="12"/>
    </row>
    <row r="697848" spans="8:8">
      <c r="H697848" s="12"/>
    </row>
    <row r="697849" spans="8:8">
      <c r="H697849" s="12"/>
    </row>
    <row r="697850" spans="8:8">
      <c r="H697850" s="12"/>
    </row>
    <row r="697851" spans="8:8">
      <c r="H697851" s="12"/>
    </row>
    <row r="697852" spans="8:8">
      <c r="H697852" s="12"/>
    </row>
    <row r="697853" spans="8:8">
      <c r="H697853" s="12"/>
    </row>
    <row r="697854" spans="8:8">
      <c r="H697854" s="12"/>
    </row>
    <row r="697855" spans="8:8">
      <c r="H697855" s="12"/>
    </row>
    <row r="697856" spans="8:8">
      <c r="H697856" s="12"/>
    </row>
    <row r="697857" spans="8:8">
      <c r="H697857" s="12"/>
    </row>
    <row r="697858" spans="8:8">
      <c r="H697858" s="12"/>
    </row>
    <row r="697859" spans="8:8">
      <c r="H697859" s="12"/>
    </row>
    <row r="697860" spans="8:8">
      <c r="H697860" s="12"/>
    </row>
    <row r="697861" spans="8:8">
      <c r="H697861" s="12"/>
    </row>
    <row r="697862" spans="8:8">
      <c r="H697862" s="12"/>
    </row>
    <row r="697863" spans="8:8">
      <c r="H697863" s="12"/>
    </row>
    <row r="697864" spans="8:8">
      <c r="H697864" s="12"/>
    </row>
    <row r="697865" spans="8:8">
      <c r="H697865" s="12"/>
    </row>
    <row r="697866" spans="8:8">
      <c r="H697866" s="12"/>
    </row>
    <row r="697867" spans="8:8">
      <c r="H697867" s="12"/>
    </row>
    <row r="697868" spans="8:8">
      <c r="H697868" s="12"/>
    </row>
    <row r="697869" spans="8:8">
      <c r="H697869" s="12"/>
    </row>
    <row r="697870" spans="8:8">
      <c r="H697870" s="12"/>
    </row>
    <row r="697871" spans="8:8">
      <c r="H697871" s="12"/>
    </row>
    <row r="697872" spans="8:8">
      <c r="H697872" s="12"/>
    </row>
    <row r="697873" spans="8:8">
      <c r="H697873" s="12"/>
    </row>
    <row r="697874" spans="8:8">
      <c r="H697874" s="12"/>
    </row>
    <row r="697875" spans="8:8">
      <c r="H697875" s="12"/>
    </row>
    <row r="697876" spans="8:8">
      <c r="H697876" s="12"/>
    </row>
    <row r="697877" spans="8:8">
      <c r="H697877" s="12"/>
    </row>
    <row r="697878" spans="8:8">
      <c r="H697878" s="12"/>
    </row>
    <row r="697879" spans="8:8">
      <c r="H697879" s="12"/>
    </row>
    <row r="697880" spans="8:8">
      <c r="H697880" s="12"/>
    </row>
    <row r="697881" spans="8:8">
      <c r="H697881" s="12"/>
    </row>
    <row r="697882" spans="8:8">
      <c r="H697882" s="12"/>
    </row>
    <row r="697883" spans="8:8">
      <c r="H697883" s="12"/>
    </row>
    <row r="697884" spans="8:8">
      <c r="H697884" s="12"/>
    </row>
    <row r="697885" spans="8:8">
      <c r="H697885" s="12"/>
    </row>
    <row r="697886" spans="8:8">
      <c r="H697886" s="12"/>
    </row>
    <row r="697887" spans="8:8">
      <c r="H697887" s="12"/>
    </row>
    <row r="697888" spans="8:8">
      <c r="H697888" s="12"/>
    </row>
    <row r="697889" spans="8:8">
      <c r="H697889" s="12"/>
    </row>
    <row r="697890" spans="8:8">
      <c r="H697890" s="12"/>
    </row>
    <row r="697891" spans="8:8">
      <c r="H697891" s="12"/>
    </row>
    <row r="697892" spans="8:8">
      <c r="H697892" s="12"/>
    </row>
    <row r="697893" spans="8:8">
      <c r="H697893" s="12"/>
    </row>
    <row r="697894" spans="8:8">
      <c r="H697894" s="12"/>
    </row>
    <row r="697895" spans="8:8">
      <c r="H697895" s="12"/>
    </row>
    <row r="697896" spans="8:8">
      <c r="H697896" s="12"/>
    </row>
    <row r="697897" spans="8:8">
      <c r="H697897" s="12"/>
    </row>
    <row r="697898" spans="8:8">
      <c r="H697898" s="12"/>
    </row>
    <row r="697899" spans="8:8">
      <c r="H697899" s="12"/>
    </row>
    <row r="697900" spans="8:8">
      <c r="H697900" s="12"/>
    </row>
    <row r="697901" spans="8:8">
      <c r="H697901" s="12"/>
    </row>
    <row r="697902" spans="8:8">
      <c r="H697902" s="12"/>
    </row>
    <row r="697903" spans="8:8">
      <c r="H697903" s="12"/>
    </row>
    <row r="697904" spans="8:8">
      <c r="H697904" s="12"/>
    </row>
    <row r="697905" spans="8:8">
      <c r="H697905" s="12"/>
    </row>
    <row r="697906" spans="8:8">
      <c r="H697906" s="12"/>
    </row>
    <row r="697907" spans="8:8">
      <c r="H697907" s="12"/>
    </row>
    <row r="697908" spans="8:8">
      <c r="H697908" s="12"/>
    </row>
    <row r="697909" spans="8:8">
      <c r="H697909" s="12"/>
    </row>
    <row r="697910" spans="8:8">
      <c r="H697910" s="12"/>
    </row>
    <row r="697911" spans="8:8">
      <c r="H697911" s="12"/>
    </row>
    <row r="697912" spans="8:8">
      <c r="H697912" s="12"/>
    </row>
    <row r="697913" spans="8:8">
      <c r="H697913" s="12"/>
    </row>
    <row r="697914" spans="8:8">
      <c r="H697914" s="12"/>
    </row>
    <row r="697915" spans="8:8">
      <c r="H697915" s="12"/>
    </row>
    <row r="697916" spans="8:8">
      <c r="H697916" s="12"/>
    </row>
    <row r="697917" spans="8:8">
      <c r="H697917" s="12"/>
    </row>
    <row r="697918" spans="8:8">
      <c r="H697918" s="12"/>
    </row>
    <row r="697919" spans="8:8">
      <c r="H697919" s="12"/>
    </row>
    <row r="697920" spans="8:8">
      <c r="H697920" s="12"/>
    </row>
    <row r="697921" spans="8:8">
      <c r="H697921" s="12"/>
    </row>
    <row r="697922" spans="8:8">
      <c r="H697922" s="12"/>
    </row>
    <row r="697923" spans="8:8">
      <c r="H697923" s="12"/>
    </row>
    <row r="697924" spans="8:8">
      <c r="H697924" s="12"/>
    </row>
    <row r="697925" spans="8:8">
      <c r="H697925" s="12"/>
    </row>
    <row r="697926" spans="8:8">
      <c r="H697926" s="12"/>
    </row>
    <row r="697927" spans="8:8">
      <c r="H697927" s="12"/>
    </row>
    <row r="697928" spans="8:8">
      <c r="H697928" s="12"/>
    </row>
    <row r="697929" spans="8:8">
      <c r="H697929" s="12"/>
    </row>
    <row r="697930" spans="8:8">
      <c r="H697930" s="12"/>
    </row>
    <row r="697931" spans="8:8">
      <c r="H697931" s="12"/>
    </row>
    <row r="697932" spans="8:8">
      <c r="H697932" s="12"/>
    </row>
    <row r="697933" spans="8:8">
      <c r="H697933" s="12"/>
    </row>
    <row r="697934" spans="8:8">
      <c r="H697934" s="12"/>
    </row>
    <row r="697935" spans="8:8">
      <c r="H697935" s="12"/>
    </row>
    <row r="697936" spans="8:8">
      <c r="H697936" s="12"/>
    </row>
    <row r="697937" spans="8:8">
      <c r="H697937" s="12"/>
    </row>
    <row r="697938" spans="8:8">
      <c r="H697938" s="12"/>
    </row>
    <row r="697939" spans="8:8">
      <c r="H697939" s="12"/>
    </row>
    <row r="697940" spans="8:8">
      <c r="H697940" s="12"/>
    </row>
    <row r="697941" spans="8:8">
      <c r="H697941" s="12"/>
    </row>
    <row r="697942" spans="8:8">
      <c r="H697942" s="12"/>
    </row>
    <row r="697943" spans="8:8">
      <c r="H697943" s="12"/>
    </row>
    <row r="697944" spans="8:8">
      <c r="H697944" s="12"/>
    </row>
    <row r="697945" spans="8:8">
      <c r="H697945" s="12"/>
    </row>
    <row r="697946" spans="8:8">
      <c r="H697946" s="12"/>
    </row>
    <row r="697947" spans="8:8">
      <c r="H697947" s="12"/>
    </row>
    <row r="697948" spans="8:8">
      <c r="H697948" s="12"/>
    </row>
    <row r="697949" spans="8:8">
      <c r="H697949" s="12"/>
    </row>
    <row r="697950" spans="8:8">
      <c r="H697950" s="12"/>
    </row>
    <row r="697951" spans="8:8">
      <c r="H697951" s="12"/>
    </row>
    <row r="697952" spans="8:8">
      <c r="H697952" s="12"/>
    </row>
    <row r="697953" spans="8:8">
      <c r="H697953" s="12"/>
    </row>
    <row r="697954" spans="8:8">
      <c r="H697954" s="12"/>
    </row>
    <row r="697955" spans="8:8">
      <c r="H697955" s="12"/>
    </row>
    <row r="697956" spans="8:8">
      <c r="H697956" s="12"/>
    </row>
    <row r="697957" spans="8:8">
      <c r="H697957" s="12"/>
    </row>
    <row r="697958" spans="8:8">
      <c r="H697958" s="12"/>
    </row>
    <row r="697959" spans="8:8">
      <c r="H697959" s="12"/>
    </row>
    <row r="697960" spans="8:8">
      <c r="H697960" s="12"/>
    </row>
    <row r="697961" spans="8:8">
      <c r="H697961" s="12"/>
    </row>
    <row r="697962" spans="8:8">
      <c r="H697962" s="12"/>
    </row>
    <row r="697963" spans="8:8">
      <c r="H697963" s="12"/>
    </row>
    <row r="697964" spans="8:8">
      <c r="H697964" s="12"/>
    </row>
    <row r="697965" spans="8:8">
      <c r="H697965" s="12"/>
    </row>
    <row r="697966" spans="8:8">
      <c r="H697966" s="12"/>
    </row>
    <row r="697967" spans="8:8">
      <c r="H697967" s="12"/>
    </row>
    <row r="697968" spans="8:8">
      <c r="H697968" s="12"/>
    </row>
    <row r="697969" spans="8:8">
      <c r="H697969" s="12"/>
    </row>
    <row r="697970" spans="8:8">
      <c r="H697970" s="12"/>
    </row>
    <row r="697971" spans="8:8">
      <c r="H697971" s="12"/>
    </row>
    <row r="697972" spans="8:8">
      <c r="H697972" s="12"/>
    </row>
    <row r="697973" spans="8:8">
      <c r="H697973" s="12"/>
    </row>
    <row r="697974" spans="8:8">
      <c r="H697974" s="12"/>
    </row>
    <row r="697975" spans="8:8">
      <c r="H697975" s="12"/>
    </row>
    <row r="697976" spans="8:8">
      <c r="H697976" s="12"/>
    </row>
    <row r="697977" spans="8:8">
      <c r="H697977" s="12"/>
    </row>
    <row r="697978" spans="8:8">
      <c r="H697978" s="12"/>
    </row>
    <row r="697979" spans="8:8">
      <c r="H697979" s="12"/>
    </row>
    <row r="697980" spans="8:8">
      <c r="H697980" s="12"/>
    </row>
    <row r="697981" spans="8:8">
      <c r="H697981" s="12"/>
    </row>
    <row r="697982" spans="8:8">
      <c r="H697982" s="12"/>
    </row>
    <row r="697983" spans="8:8">
      <c r="H697983" s="12"/>
    </row>
    <row r="697984" spans="8:8">
      <c r="H697984" s="12"/>
    </row>
    <row r="697985" spans="8:8">
      <c r="H697985" s="12"/>
    </row>
    <row r="697986" spans="8:8">
      <c r="H697986" s="12"/>
    </row>
    <row r="697987" spans="8:8">
      <c r="H697987" s="12"/>
    </row>
    <row r="697988" spans="8:8">
      <c r="H697988" s="12"/>
    </row>
    <row r="697989" spans="8:8">
      <c r="H697989" s="12"/>
    </row>
    <row r="697990" spans="8:8">
      <c r="H697990" s="12"/>
    </row>
    <row r="697991" spans="8:8">
      <c r="H697991" s="12"/>
    </row>
    <row r="697992" spans="8:8">
      <c r="H697992" s="12"/>
    </row>
    <row r="697993" spans="8:8">
      <c r="H697993" s="12"/>
    </row>
    <row r="697994" spans="8:8">
      <c r="H697994" s="12"/>
    </row>
    <row r="697995" spans="8:8">
      <c r="H697995" s="12"/>
    </row>
    <row r="697996" spans="8:8">
      <c r="H697996" s="12"/>
    </row>
    <row r="697997" spans="8:8">
      <c r="H697997" s="12"/>
    </row>
    <row r="697998" spans="8:8">
      <c r="H697998" s="12"/>
    </row>
    <row r="697999" spans="8:8">
      <c r="H697999" s="12"/>
    </row>
    <row r="698000" spans="8:8">
      <c r="H698000" s="12"/>
    </row>
    <row r="698001" spans="8:8">
      <c r="H698001" s="12"/>
    </row>
    <row r="698002" spans="8:8">
      <c r="H698002" s="12"/>
    </row>
    <row r="698003" spans="8:8">
      <c r="H698003" s="12"/>
    </row>
    <row r="698004" spans="8:8">
      <c r="H698004" s="12"/>
    </row>
    <row r="698005" spans="8:8">
      <c r="H698005" s="12"/>
    </row>
    <row r="698006" spans="8:8">
      <c r="H698006" s="12"/>
    </row>
    <row r="698007" spans="8:8">
      <c r="H698007" s="12"/>
    </row>
    <row r="698008" spans="8:8">
      <c r="H698008" s="12"/>
    </row>
    <row r="698009" spans="8:8">
      <c r="H698009" s="12"/>
    </row>
    <row r="698010" spans="8:8">
      <c r="H698010" s="12"/>
    </row>
    <row r="698011" spans="8:8">
      <c r="H698011" s="12"/>
    </row>
    <row r="698012" spans="8:8">
      <c r="H698012" s="12"/>
    </row>
    <row r="698013" spans="8:8">
      <c r="H698013" s="12"/>
    </row>
    <row r="698014" spans="8:8">
      <c r="H698014" s="12"/>
    </row>
    <row r="698015" spans="8:8">
      <c r="H698015" s="12"/>
    </row>
    <row r="698016" spans="8:8">
      <c r="H698016" s="12"/>
    </row>
    <row r="698017" spans="8:8">
      <c r="H698017" s="12"/>
    </row>
    <row r="698018" spans="8:8">
      <c r="H698018" s="12"/>
    </row>
    <row r="698019" spans="8:8">
      <c r="H698019" s="12"/>
    </row>
    <row r="698020" spans="8:8">
      <c r="H698020" s="12"/>
    </row>
    <row r="698021" spans="8:8">
      <c r="H698021" s="12"/>
    </row>
    <row r="698022" spans="8:8">
      <c r="H698022" s="12"/>
    </row>
    <row r="698023" spans="8:8">
      <c r="H698023" s="12"/>
    </row>
    <row r="698024" spans="8:8">
      <c r="H698024" s="12"/>
    </row>
    <row r="698025" spans="8:8">
      <c r="H698025" s="12"/>
    </row>
    <row r="698026" spans="8:8">
      <c r="H698026" s="12"/>
    </row>
    <row r="698027" spans="8:8">
      <c r="H698027" s="12"/>
    </row>
    <row r="698028" spans="8:8">
      <c r="H698028" s="12"/>
    </row>
    <row r="698029" spans="8:8">
      <c r="H698029" s="12"/>
    </row>
    <row r="698030" spans="8:8">
      <c r="H698030" s="12"/>
    </row>
    <row r="698031" spans="8:8">
      <c r="H698031" s="12"/>
    </row>
    <row r="698032" spans="8:8">
      <c r="H698032" s="12"/>
    </row>
    <row r="698033" spans="8:8">
      <c r="H698033" s="12"/>
    </row>
    <row r="698034" spans="8:8">
      <c r="H698034" s="12"/>
    </row>
    <row r="698035" spans="8:8">
      <c r="H698035" s="12"/>
    </row>
    <row r="698036" spans="8:8">
      <c r="H698036" s="12"/>
    </row>
    <row r="698037" spans="8:8">
      <c r="H698037" s="12"/>
    </row>
    <row r="698038" spans="8:8">
      <c r="H698038" s="12"/>
    </row>
    <row r="698039" spans="8:8">
      <c r="H698039" s="12"/>
    </row>
    <row r="698040" spans="8:8">
      <c r="H698040" s="12"/>
    </row>
    <row r="698041" spans="8:8">
      <c r="H698041" s="12"/>
    </row>
    <row r="698042" spans="8:8">
      <c r="H698042" s="12"/>
    </row>
    <row r="698043" spans="8:8">
      <c r="H698043" s="12"/>
    </row>
    <row r="698044" spans="8:8">
      <c r="H698044" s="12"/>
    </row>
    <row r="698045" spans="8:8">
      <c r="H698045" s="12"/>
    </row>
    <row r="698046" spans="8:8">
      <c r="H698046" s="12"/>
    </row>
    <row r="698047" spans="8:8">
      <c r="H698047" s="12"/>
    </row>
    <row r="698048" spans="8:8">
      <c r="H698048" s="12"/>
    </row>
    <row r="698049" spans="8:8">
      <c r="H698049" s="12"/>
    </row>
    <row r="698050" spans="8:8">
      <c r="H698050" s="12"/>
    </row>
    <row r="698051" spans="8:8">
      <c r="H698051" s="12"/>
    </row>
    <row r="698052" spans="8:8">
      <c r="H698052" s="12"/>
    </row>
    <row r="698053" spans="8:8">
      <c r="H698053" s="12"/>
    </row>
    <row r="698054" spans="8:8">
      <c r="H698054" s="12"/>
    </row>
    <row r="698055" spans="8:8">
      <c r="H698055" s="12"/>
    </row>
    <row r="698056" spans="8:8">
      <c r="H698056" s="12"/>
    </row>
    <row r="698057" spans="8:8">
      <c r="H698057" s="12"/>
    </row>
    <row r="698058" spans="8:8">
      <c r="H698058" s="12"/>
    </row>
    <row r="698059" spans="8:8">
      <c r="H698059" s="12"/>
    </row>
    <row r="698060" spans="8:8">
      <c r="H698060" s="12"/>
    </row>
    <row r="698061" spans="8:8">
      <c r="H698061" s="12"/>
    </row>
    <row r="698062" spans="8:8">
      <c r="H698062" s="12"/>
    </row>
    <row r="698063" spans="8:8">
      <c r="H698063" s="12"/>
    </row>
    <row r="698064" spans="8:8">
      <c r="H698064" s="12"/>
    </row>
    <row r="698065" spans="8:8">
      <c r="H698065" s="12"/>
    </row>
    <row r="698066" spans="8:8">
      <c r="H698066" s="12"/>
    </row>
    <row r="698067" spans="8:8">
      <c r="H698067" s="12"/>
    </row>
    <row r="698068" spans="8:8">
      <c r="H698068" s="12"/>
    </row>
    <row r="698069" spans="8:8">
      <c r="H698069" s="12"/>
    </row>
    <row r="698070" spans="8:8">
      <c r="H698070" s="12"/>
    </row>
    <row r="698071" spans="8:8">
      <c r="H698071" s="12"/>
    </row>
    <row r="698072" spans="8:8">
      <c r="H698072" s="12"/>
    </row>
    <row r="698073" spans="8:8">
      <c r="H698073" s="12"/>
    </row>
    <row r="698074" spans="8:8">
      <c r="H698074" s="12"/>
    </row>
    <row r="698075" spans="8:8">
      <c r="H698075" s="12"/>
    </row>
    <row r="698076" spans="8:8">
      <c r="H698076" s="12"/>
    </row>
    <row r="698077" spans="8:8">
      <c r="H698077" s="12"/>
    </row>
    <row r="698078" spans="8:8">
      <c r="H698078" s="12"/>
    </row>
    <row r="698079" spans="8:8">
      <c r="H698079" s="12"/>
    </row>
    <row r="698080" spans="8:8">
      <c r="H698080" s="12"/>
    </row>
    <row r="698081" spans="8:8">
      <c r="H698081" s="12"/>
    </row>
    <row r="698082" spans="8:8">
      <c r="H698082" s="12"/>
    </row>
    <row r="698083" spans="8:8">
      <c r="H698083" s="12"/>
    </row>
    <row r="698084" spans="8:8">
      <c r="H698084" s="12"/>
    </row>
    <row r="698085" spans="8:8">
      <c r="H698085" s="12"/>
    </row>
    <row r="698086" spans="8:8">
      <c r="H698086" s="12"/>
    </row>
    <row r="698087" spans="8:8">
      <c r="H698087" s="12"/>
    </row>
    <row r="698088" spans="8:8">
      <c r="H698088" s="12"/>
    </row>
    <row r="698089" spans="8:8">
      <c r="H698089" s="12"/>
    </row>
    <row r="698090" spans="8:8">
      <c r="H698090" s="12"/>
    </row>
    <row r="698091" spans="8:8">
      <c r="H698091" s="12"/>
    </row>
    <row r="698092" spans="8:8">
      <c r="H698092" s="12"/>
    </row>
    <row r="698093" spans="8:8">
      <c r="H698093" s="12"/>
    </row>
    <row r="698094" spans="8:8">
      <c r="H698094" s="12"/>
    </row>
    <row r="698095" spans="8:8">
      <c r="H698095" s="12"/>
    </row>
    <row r="698096" spans="8:8">
      <c r="H698096" s="12"/>
    </row>
    <row r="698097" spans="8:8">
      <c r="H698097" s="12"/>
    </row>
    <row r="698098" spans="8:8">
      <c r="H698098" s="12"/>
    </row>
    <row r="698099" spans="8:8">
      <c r="H698099" s="12"/>
    </row>
    <row r="698100" spans="8:8">
      <c r="H698100" s="12"/>
    </row>
    <row r="698101" spans="8:8">
      <c r="H698101" s="12"/>
    </row>
    <row r="698102" spans="8:8">
      <c r="H698102" s="12"/>
    </row>
    <row r="698103" spans="8:8">
      <c r="H698103" s="12"/>
    </row>
    <row r="698104" spans="8:8">
      <c r="H698104" s="12"/>
    </row>
    <row r="698105" spans="8:8">
      <c r="H698105" s="12"/>
    </row>
    <row r="698106" spans="8:8">
      <c r="H698106" s="12"/>
    </row>
    <row r="698107" spans="8:8">
      <c r="H698107" s="12"/>
    </row>
    <row r="698108" spans="8:8">
      <c r="H698108" s="12"/>
    </row>
    <row r="698109" spans="8:8">
      <c r="H698109" s="12"/>
    </row>
    <row r="698110" spans="8:8">
      <c r="H698110" s="12"/>
    </row>
    <row r="698111" spans="8:8">
      <c r="H698111" s="12"/>
    </row>
    <row r="698112" spans="8:8">
      <c r="H698112" s="12"/>
    </row>
    <row r="698113" spans="8:8">
      <c r="H698113" s="12"/>
    </row>
    <row r="698114" spans="8:8">
      <c r="H698114" s="12"/>
    </row>
    <row r="698115" spans="8:8">
      <c r="H698115" s="12"/>
    </row>
    <row r="698116" spans="8:8">
      <c r="H698116" s="12"/>
    </row>
    <row r="698117" spans="8:8">
      <c r="H698117" s="12"/>
    </row>
    <row r="698118" spans="8:8">
      <c r="H698118" s="12"/>
    </row>
    <row r="698119" spans="8:8">
      <c r="H698119" s="12"/>
    </row>
    <row r="698120" spans="8:8">
      <c r="H698120" s="12"/>
    </row>
    <row r="698121" spans="8:8">
      <c r="H698121" s="12"/>
    </row>
    <row r="698122" spans="8:8">
      <c r="H698122" s="12"/>
    </row>
    <row r="698123" spans="8:8">
      <c r="H698123" s="12"/>
    </row>
    <row r="698124" spans="8:8">
      <c r="H698124" s="12"/>
    </row>
    <row r="698125" spans="8:8">
      <c r="H698125" s="12"/>
    </row>
    <row r="698126" spans="8:8">
      <c r="H698126" s="12"/>
    </row>
    <row r="698127" spans="8:8">
      <c r="H698127" s="12"/>
    </row>
    <row r="698128" spans="8:8">
      <c r="H698128" s="12"/>
    </row>
    <row r="698129" spans="8:8">
      <c r="H698129" s="12"/>
    </row>
    <row r="698130" spans="8:8">
      <c r="H698130" s="12"/>
    </row>
    <row r="698131" spans="8:8">
      <c r="H698131" s="12"/>
    </row>
    <row r="698132" spans="8:8">
      <c r="H698132" s="12"/>
    </row>
    <row r="698133" spans="8:8">
      <c r="H698133" s="12"/>
    </row>
    <row r="698134" spans="8:8">
      <c r="H698134" s="12"/>
    </row>
    <row r="698135" spans="8:8">
      <c r="H698135" s="12"/>
    </row>
    <row r="698136" spans="8:8">
      <c r="H698136" s="12"/>
    </row>
    <row r="698137" spans="8:8">
      <c r="H698137" s="12"/>
    </row>
    <row r="698138" spans="8:8">
      <c r="H698138" s="12"/>
    </row>
    <row r="698139" spans="8:8">
      <c r="H698139" s="12"/>
    </row>
    <row r="698140" spans="8:8">
      <c r="H698140" s="12"/>
    </row>
    <row r="698141" spans="8:8">
      <c r="H698141" s="12"/>
    </row>
    <row r="698142" spans="8:8">
      <c r="H698142" s="12"/>
    </row>
    <row r="698143" spans="8:8">
      <c r="H698143" s="12"/>
    </row>
    <row r="698144" spans="8:8">
      <c r="H698144" s="12"/>
    </row>
    <row r="698145" spans="8:8">
      <c r="H698145" s="12"/>
    </row>
    <row r="698146" spans="8:8">
      <c r="H698146" s="12"/>
    </row>
    <row r="698147" spans="8:8">
      <c r="H698147" s="12"/>
    </row>
    <row r="698148" spans="8:8">
      <c r="H698148" s="12"/>
    </row>
    <row r="698149" spans="8:8">
      <c r="H698149" s="12"/>
    </row>
    <row r="698150" spans="8:8">
      <c r="H698150" s="12"/>
    </row>
    <row r="698151" spans="8:8">
      <c r="H698151" s="12"/>
    </row>
    <row r="698152" spans="8:8">
      <c r="H698152" s="12"/>
    </row>
    <row r="698153" spans="8:8">
      <c r="H698153" s="12"/>
    </row>
    <row r="698154" spans="8:8">
      <c r="H698154" s="12"/>
    </row>
    <row r="698155" spans="8:8">
      <c r="H698155" s="12"/>
    </row>
    <row r="698156" spans="8:8">
      <c r="H698156" s="12"/>
    </row>
    <row r="698157" spans="8:8">
      <c r="H698157" s="12"/>
    </row>
    <row r="698158" spans="8:8">
      <c r="H698158" s="12"/>
    </row>
    <row r="698159" spans="8:8">
      <c r="H698159" s="12"/>
    </row>
    <row r="698160" spans="8:8">
      <c r="H698160" s="12"/>
    </row>
    <row r="698161" spans="8:8">
      <c r="H698161" s="12"/>
    </row>
    <row r="698162" spans="8:8">
      <c r="H698162" s="12"/>
    </row>
    <row r="698163" spans="8:8">
      <c r="H698163" s="12"/>
    </row>
    <row r="698164" spans="8:8">
      <c r="H698164" s="12"/>
    </row>
    <row r="698165" spans="8:8">
      <c r="H698165" s="12"/>
    </row>
    <row r="698166" spans="8:8">
      <c r="H698166" s="12"/>
    </row>
    <row r="698167" spans="8:8">
      <c r="H698167" s="12"/>
    </row>
    <row r="698168" spans="8:8">
      <c r="H698168" s="12"/>
    </row>
    <row r="698169" spans="8:8">
      <c r="H698169" s="12"/>
    </row>
    <row r="698170" spans="8:8">
      <c r="H698170" s="12"/>
    </row>
    <row r="698171" spans="8:8">
      <c r="H698171" s="12"/>
    </row>
    <row r="698172" spans="8:8">
      <c r="H698172" s="12"/>
    </row>
    <row r="698173" spans="8:8">
      <c r="H698173" s="12"/>
    </row>
    <row r="698174" spans="8:8">
      <c r="H698174" s="12"/>
    </row>
    <row r="698175" spans="8:8">
      <c r="H698175" s="12"/>
    </row>
    <row r="698176" spans="8:8">
      <c r="H698176" s="12"/>
    </row>
    <row r="698177" spans="8:8">
      <c r="H698177" s="12"/>
    </row>
    <row r="698178" spans="8:8">
      <c r="H698178" s="12"/>
    </row>
    <row r="698179" spans="8:8">
      <c r="H698179" s="12"/>
    </row>
    <row r="698180" spans="8:8">
      <c r="H698180" s="12"/>
    </row>
    <row r="698181" spans="8:8">
      <c r="H698181" s="12"/>
    </row>
    <row r="698182" spans="8:8">
      <c r="H698182" s="12"/>
    </row>
    <row r="698183" spans="8:8">
      <c r="H698183" s="12"/>
    </row>
    <row r="698184" spans="8:8">
      <c r="H698184" s="12"/>
    </row>
    <row r="698185" spans="8:8">
      <c r="H698185" s="12"/>
    </row>
    <row r="698186" spans="8:8">
      <c r="H698186" s="12"/>
    </row>
    <row r="698187" spans="8:8">
      <c r="H698187" s="12"/>
    </row>
    <row r="698188" spans="8:8">
      <c r="H698188" s="12"/>
    </row>
    <row r="698189" spans="8:8">
      <c r="H698189" s="12"/>
    </row>
    <row r="698190" spans="8:8">
      <c r="H698190" s="12"/>
    </row>
    <row r="698191" spans="8:8">
      <c r="H698191" s="12"/>
    </row>
    <row r="698192" spans="8:8">
      <c r="H698192" s="12"/>
    </row>
    <row r="698193" spans="8:8">
      <c r="H698193" s="12"/>
    </row>
    <row r="698194" spans="8:8">
      <c r="H698194" s="12"/>
    </row>
    <row r="698195" spans="8:8">
      <c r="H698195" s="12"/>
    </row>
    <row r="698196" spans="8:8">
      <c r="H698196" s="12"/>
    </row>
    <row r="698197" spans="8:8">
      <c r="H698197" s="12"/>
    </row>
    <row r="698198" spans="8:8">
      <c r="H698198" s="12"/>
    </row>
    <row r="698199" spans="8:8">
      <c r="H698199" s="12"/>
    </row>
    <row r="698200" spans="8:8">
      <c r="H698200" s="12"/>
    </row>
    <row r="698201" spans="8:8">
      <c r="H698201" s="12"/>
    </row>
    <row r="698202" spans="8:8">
      <c r="H698202" s="12"/>
    </row>
    <row r="698203" spans="8:8">
      <c r="H698203" s="12"/>
    </row>
    <row r="698204" spans="8:8">
      <c r="H698204" s="12"/>
    </row>
    <row r="698205" spans="8:8">
      <c r="H698205" s="12"/>
    </row>
    <row r="698206" spans="8:8">
      <c r="H698206" s="12"/>
    </row>
    <row r="698207" spans="8:8">
      <c r="H698207" s="12"/>
    </row>
    <row r="698208" spans="8:8">
      <c r="H698208" s="12"/>
    </row>
    <row r="698209" spans="8:8">
      <c r="H698209" s="12"/>
    </row>
    <row r="698210" spans="8:8">
      <c r="H698210" s="12"/>
    </row>
    <row r="698211" spans="8:8">
      <c r="H698211" s="12"/>
    </row>
    <row r="698212" spans="8:8">
      <c r="H698212" s="12"/>
    </row>
    <row r="698213" spans="8:8">
      <c r="H698213" s="12"/>
    </row>
    <row r="698214" spans="8:8">
      <c r="H698214" s="12"/>
    </row>
    <row r="698215" spans="8:8">
      <c r="H698215" s="12"/>
    </row>
    <row r="698216" spans="8:8">
      <c r="H698216" s="12"/>
    </row>
    <row r="698217" spans="8:8">
      <c r="H698217" s="12"/>
    </row>
    <row r="698218" spans="8:8">
      <c r="H698218" s="12"/>
    </row>
    <row r="698219" spans="8:8">
      <c r="H698219" s="12"/>
    </row>
    <row r="698220" spans="8:8">
      <c r="H698220" s="12"/>
    </row>
    <row r="698221" spans="8:8">
      <c r="H698221" s="12"/>
    </row>
    <row r="698222" spans="8:8">
      <c r="H698222" s="12"/>
    </row>
    <row r="698223" spans="8:8">
      <c r="H698223" s="12"/>
    </row>
    <row r="698224" spans="8:8">
      <c r="H698224" s="12"/>
    </row>
    <row r="698225" spans="8:8">
      <c r="H698225" s="12"/>
    </row>
    <row r="698226" spans="8:8">
      <c r="H698226" s="12"/>
    </row>
    <row r="698227" spans="8:8">
      <c r="H698227" s="12"/>
    </row>
    <row r="698228" spans="8:8">
      <c r="H698228" s="12"/>
    </row>
    <row r="698229" spans="8:8">
      <c r="H698229" s="12"/>
    </row>
    <row r="698230" spans="8:8">
      <c r="H698230" s="12"/>
    </row>
    <row r="698231" spans="8:8">
      <c r="H698231" s="12"/>
    </row>
    <row r="698232" spans="8:8">
      <c r="H698232" s="12"/>
    </row>
    <row r="698233" spans="8:8">
      <c r="H698233" s="12"/>
    </row>
    <row r="698234" spans="8:8">
      <c r="H698234" s="12"/>
    </row>
    <row r="698235" spans="8:8">
      <c r="H698235" s="12"/>
    </row>
    <row r="698236" spans="8:8">
      <c r="H698236" s="12"/>
    </row>
    <row r="698237" spans="8:8">
      <c r="H698237" s="12"/>
    </row>
    <row r="698238" spans="8:8">
      <c r="H698238" s="12"/>
    </row>
    <row r="698239" spans="8:8">
      <c r="H698239" s="12"/>
    </row>
    <row r="698240" spans="8:8">
      <c r="H698240" s="12"/>
    </row>
    <row r="698241" spans="8:8">
      <c r="H698241" s="12"/>
    </row>
    <row r="698242" spans="8:8">
      <c r="H698242" s="12"/>
    </row>
    <row r="698243" spans="8:8">
      <c r="H698243" s="12"/>
    </row>
    <row r="698244" spans="8:8">
      <c r="H698244" s="12"/>
    </row>
    <row r="698245" spans="8:8">
      <c r="H698245" s="12"/>
    </row>
    <row r="698246" spans="8:8">
      <c r="H698246" s="12"/>
    </row>
    <row r="698247" spans="8:8">
      <c r="H698247" s="12"/>
    </row>
    <row r="698248" spans="8:8">
      <c r="H698248" s="12"/>
    </row>
    <row r="698249" spans="8:8">
      <c r="H698249" s="12"/>
    </row>
    <row r="698250" spans="8:8">
      <c r="H698250" s="12"/>
    </row>
    <row r="698251" spans="8:8">
      <c r="H698251" s="12"/>
    </row>
    <row r="698252" spans="8:8">
      <c r="H698252" s="12"/>
    </row>
    <row r="698253" spans="8:8">
      <c r="H698253" s="12"/>
    </row>
    <row r="698254" spans="8:8">
      <c r="H698254" s="12"/>
    </row>
    <row r="698255" spans="8:8">
      <c r="H698255" s="12"/>
    </row>
    <row r="698256" spans="8:8">
      <c r="H698256" s="12"/>
    </row>
    <row r="698257" spans="8:8">
      <c r="H698257" s="12"/>
    </row>
    <row r="698258" spans="8:8">
      <c r="H698258" s="12"/>
    </row>
    <row r="698259" spans="8:8">
      <c r="H698259" s="12"/>
    </row>
    <row r="698260" spans="8:8">
      <c r="H698260" s="12"/>
    </row>
    <row r="698261" spans="8:8">
      <c r="H698261" s="12"/>
    </row>
    <row r="698262" spans="8:8">
      <c r="H698262" s="12"/>
    </row>
    <row r="698263" spans="8:8">
      <c r="H698263" s="12"/>
    </row>
    <row r="698264" spans="8:8">
      <c r="H698264" s="12"/>
    </row>
    <row r="698265" spans="8:8">
      <c r="H698265" s="12"/>
    </row>
    <row r="698266" spans="8:8">
      <c r="H698266" s="12"/>
    </row>
    <row r="698267" spans="8:8">
      <c r="H698267" s="12"/>
    </row>
    <row r="698268" spans="8:8">
      <c r="H698268" s="12"/>
    </row>
    <row r="698269" spans="8:8">
      <c r="H698269" s="12"/>
    </row>
    <row r="698270" spans="8:8">
      <c r="H698270" s="12"/>
    </row>
    <row r="698271" spans="8:8">
      <c r="H698271" s="12"/>
    </row>
    <row r="698272" spans="8:8">
      <c r="H698272" s="12"/>
    </row>
    <row r="698273" spans="8:8">
      <c r="H698273" s="12"/>
    </row>
    <row r="698274" spans="8:8">
      <c r="H698274" s="12"/>
    </row>
    <row r="698275" spans="8:8">
      <c r="H698275" s="12"/>
    </row>
    <row r="698276" spans="8:8">
      <c r="H698276" s="12"/>
    </row>
    <row r="698277" spans="8:8">
      <c r="H698277" s="12"/>
    </row>
    <row r="698278" spans="8:8">
      <c r="H698278" s="12"/>
    </row>
    <row r="698279" spans="8:8">
      <c r="H698279" s="12"/>
    </row>
    <row r="698280" spans="8:8">
      <c r="H698280" s="12"/>
    </row>
    <row r="698281" spans="8:8">
      <c r="H698281" s="12"/>
    </row>
    <row r="698282" spans="8:8">
      <c r="H698282" s="12"/>
    </row>
    <row r="698283" spans="8:8">
      <c r="H698283" s="12"/>
    </row>
    <row r="698284" spans="8:8">
      <c r="H698284" s="12"/>
    </row>
    <row r="698285" spans="8:8">
      <c r="H698285" s="12"/>
    </row>
    <row r="698286" spans="8:8">
      <c r="H698286" s="12"/>
    </row>
    <row r="698287" spans="8:8">
      <c r="H698287" s="12"/>
    </row>
    <row r="698288" spans="8:8">
      <c r="H698288" s="12"/>
    </row>
    <row r="698289" spans="8:8">
      <c r="H698289" s="12"/>
    </row>
    <row r="698290" spans="8:8">
      <c r="H698290" s="12"/>
    </row>
    <row r="698291" spans="8:8">
      <c r="H698291" s="12"/>
    </row>
    <row r="698292" spans="8:8">
      <c r="H698292" s="12"/>
    </row>
    <row r="698293" spans="8:8">
      <c r="H698293" s="12"/>
    </row>
    <row r="698294" spans="8:8">
      <c r="H698294" s="12"/>
    </row>
    <row r="698295" spans="8:8">
      <c r="H698295" s="12"/>
    </row>
    <row r="698296" spans="8:8">
      <c r="H698296" s="12"/>
    </row>
    <row r="698297" spans="8:8">
      <c r="H698297" s="12"/>
    </row>
    <row r="698298" spans="8:8">
      <c r="H698298" s="12"/>
    </row>
    <row r="698299" spans="8:8">
      <c r="H698299" s="12"/>
    </row>
    <row r="698300" spans="8:8">
      <c r="H698300" s="12"/>
    </row>
    <row r="698301" spans="8:8">
      <c r="H698301" s="12"/>
    </row>
    <row r="698302" spans="8:8">
      <c r="H698302" s="12"/>
    </row>
    <row r="698303" spans="8:8">
      <c r="H698303" s="12"/>
    </row>
    <row r="698304" spans="8:8">
      <c r="H698304" s="12"/>
    </row>
    <row r="698305" spans="8:8">
      <c r="H698305" s="12"/>
    </row>
    <row r="698306" spans="8:8">
      <c r="H698306" s="12"/>
    </row>
    <row r="698307" spans="8:8">
      <c r="H698307" s="12"/>
    </row>
    <row r="698308" spans="8:8">
      <c r="H698308" s="12"/>
    </row>
    <row r="698309" spans="8:8">
      <c r="H698309" s="12"/>
    </row>
    <row r="698310" spans="8:8">
      <c r="H698310" s="12"/>
    </row>
    <row r="698311" spans="8:8">
      <c r="H698311" s="12"/>
    </row>
    <row r="698312" spans="8:8">
      <c r="H698312" s="12"/>
    </row>
    <row r="698313" spans="8:8">
      <c r="H698313" s="12"/>
    </row>
    <row r="698314" spans="8:8">
      <c r="H698314" s="12"/>
    </row>
    <row r="698315" spans="8:8">
      <c r="H698315" s="12"/>
    </row>
    <row r="698316" spans="8:8">
      <c r="H698316" s="12"/>
    </row>
    <row r="698317" spans="8:8">
      <c r="H698317" s="12"/>
    </row>
    <row r="698318" spans="8:8">
      <c r="H698318" s="12"/>
    </row>
    <row r="698319" spans="8:8">
      <c r="H698319" s="12"/>
    </row>
    <row r="698320" spans="8:8">
      <c r="H698320" s="12"/>
    </row>
    <row r="698321" spans="8:8">
      <c r="H698321" s="12"/>
    </row>
    <row r="698322" spans="8:8">
      <c r="H698322" s="12"/>
    </row>
    <row r="698323" spans="8:8">
      <c r="H698323" s="12"/>
    </row>
    <row r="698324" spans="8:8">
      <c r="H698324" s="12"/>
    </row>
    <row r="698325" spans="8:8">
      <c r="H698325" s="12"/>
    </row>
    <row r="698326" spans="8:8">
      <c r="H698326" s="12"/>
    </row>
    <row r="698327" spans="8:8">
      <c r="H698327" s="12"/>
    </row>
    <row r="698328" spans="8:8">
      <c r="H698328" s="12"/>
    </row>
    <row r="698329" spans="8:8">
      <c r="H698329" s="12"/>
    </row>
    <row r="698330" spans="8:8">
      <c r="H698330" s="12"/>
    </row>
    <row r="698331" spans="8:8">
      <c r="H698331" s="12"/>
    </row>
    <row r="698332" spans="8:8">
      <c r="H698332" s="12"/>
    </row>
    <row r="698333" spans="8:8">
      <c r="H698333" s="12"/>
    </row>
    <row r="698334" spans="8:8">
      <c r="H698334" s="12"/>
    </row>
    <row r="698335" spans="8:8">
      <c r="H698335" s="12"/>
    </row>
    <row r="698336" spans="8:8">
      <c r="H698336" s="12"/>
    </row>
    <row r="698337" spans="8:8">
      <c r="H698337" s="12"/>
    </row>
    <row r="698338" spans="8:8">
      <c r="H698338" s="12"/>
    </row>
    <row r="698339" spans="8:8">
      <c r="H698339" s="12"/>
    </row>
    <row r="698340" spans="8:8">
      <c r="H698340" s="12"/>
    </row>
    <row r="698341" spans="8:8">
      <c r="H698341" s="12"/>
    </row>
    <row r="698342" spans="8:8">
      <c r="H698342" s="12"/>
    </row>
    <row r="698343" spans="8:8">
      <c r="H698343" s="12"/>
    </row>
    <row r="698344" spans="8:8">
      <c r="H698344" s="12"/>
    </row>
    <row r="698345" spans="8:8">
      <c r="H698345" s="12"/>
    </row>
    <row r="698346" spans="8:8">
      <c r="H698346" s="12"/>
    </row>
    <row r="698347" spans="8:8">
      <c r="H698347" s="12"/>
    </row>
    <row r="698348" spans="8:8">
      <c r="H698348" s="12"/>
    </row>
    <row r="698349" spans="8:8">
      <c r="H698349" s="12"/>
    </row>
    <row r="698350" spans="8:8">
      <c r="H698350" s="12"/>
    </row>
    <row r="698351" spans="8:8">
      <c r="H698351" s="12"/>
    </row>
    <row r="698352" spans="8:8">
      <c r="H698352" s="12"/>
    </row>
    <row r="698353" spans="8:8">
      <c r="H698353" s="12"/>
    </row>
    <row r="698354" spans="8:8">
      <c r="H698354" s="12"/>
    </row>
    <row r="698355" spans="8:8">
      <c r="H698355" s="12"/>
    </row>
    <row r="698356" spans="8:8">
      <c r="H698356" s="12"/>
    </row>
    <row r="698357" spans="8:8">
      <c r="H698357" s="12"/>
    </row>
    <row r="698358" spans="8:8">
      <c r="H698358" s="12"/>
    </row>
    <row r="698359" spans="8:8">
      <c r="H698359" s="12"/>
    </row>
    <row r="698360" spans="8:8">
      <c r="H698360" s="12"/>
    </row>
    <row r="698361" spans="8:8">
      <c r="H698361" s="12"/>
    </row>
    <row r="698362" spans="8:8">
      <c r="H698362" s="12"/>
    </row>
    <row r="698363" spans="8:8">
      <c r="H698363" s="12"/>
    </row>
    <row r="698364" spans="8:8">
      <c r="H698364" s="12"/>
    </row>
    <row r="698365" spans="8:8">
      <c r="H698365" s="12"/>
    </row>
    <row r="698366" spans="8:8">
      <c r="H698366" s="12"/>
    </row>
    <row r="698367" spans="8:8">
      <c r="H698367" s="12"/>
    </row>
    <row r="698368" spans="8:8">
      <c r="H698368" s="12"/>
    </row>
    <row r="698369" spans="8:8">
      <c r="H698369" s="12"/>
    </row>
    <row r="698370" spans="8:8">
      <c r="H698370" s="12"/>
    </row>
    <row r="698371" spans="8:8">
      <c r="H698371" s="12"/>
    </row>
    <row r="698372" spans="8:8">
      <c r="H698372" s="12"/>
    </row>
    <row r="698373" spans="8:8">
      <c r="H698373" s="12"/>
    </row>
    <row r="698374" spans="8:8">
      <c r="H698374" s="12"/>
    </row>
    <row r="698375" spans="8:8">
      <c r="H698375" s="12"/>
    </row>
    <row r="698376" spans="8:8">
      <c r="H698376" s="12"/>
    </row>
    <row r="698377" spans="8:8">
      <c r="H698377" s="12"/>
    </row>
    <row r="698378" spans="8:8">
      <c r="H698378" s="12"/>
    </row>
    <row r="698379" spans="8:8">
      <c r="H698379" s="12"/>
    </row>
    <row r="698380" spans="8:8">
      <c r="H698380" s="12"/>
    </row>
    <row r="698381" spans="8:8">
      <c r="H698381" s="12"/>
    </row>
    <row r="698382" spans="8:8">
      <c r="H698382" s="12"/>
    </row>
    <row r="698383" spans="8:8">
      <c r="H698383" s="12"/>
    </row>
    <row r="698384" spans="8:8">
      <c r="H698384" s="12"/>
    </row>
    <row r="698385" spans="8:8">
      <c r="H698385" s="12"/>
    </row>
    <row r="698386" spans="8:8">
      <c r="H698386" s="12"/>
    </row>
    <row r="698387" spans="8:8">
      <c r="H698387" s="12"/>
    </row>
    <row r="698388" spans="8:8">
      <c r="H698388" s="12"/>
    </row>
    <row r="698389" spans="8:8">
      <c r="H698389" s="12"/>
    </row>
    <row r="698390" spans="8:8">
      <c r="H698390" s="12"/>
    </row>
    <row r="698391" spans="8:8">
      <c r="H698391" s="12"/>
    </row>
    <row r="698392" spans="8:8">
      <c r="H698392" s="12"/>
    </row>
    <row r="698393" spans="8:8">
      <c r="H698393" s="12"/>
    </row>
    <row r="698394" spans="8:8">
      <c r="H698394" s="12"/>
    </row>
    <row r="698395" spans="8:8">
      <c r="H698395" s="12"/>
    </row>
    <row r="698396" spans="8:8">
      <c r="H698396" s="12"/>
    </row>
    <row r="698397" spans="8:8">
      <c r="H698397" s="12"/>
    </row>
    <row r="698398" spans="8:8">
      <c r="H698398" s="12"/>
    </row>
    <row r="698399" spans="8:8">
      <c r="H698399" s="12"/>
    </row>
    <row r="698400" spans="8:8">
      <c r="H698400" s="12"/>
    </row>
    <row r="698401" spans="8:8">
      <c r="H698401" s="12"/>
    </row>
    <row r="698402" spans="8:8">
      <c r="H698402" s="12"/>
    </row>
    <row r="698403" spans="8:8">
      <c r="H698403" s="12"/>
    </row>
    <row r="698404" spans="8:8">
      <c r="H698404" s="12"/>
    </row>
    <row r="698405" spans="8:8">
      <c r="H698405" s="12"/>
    </row>
    <row r="698406" spans="8:8">
      <c r="H698406" s="12"/>
    </row>
    <row r="698407" spans="8:8">
      <c r="H698407" s="12"/>
    </row>
    <row r="698408" spans="8:8">
      <c r="H698408" s="12"/>
    </row>
    <row r="698409" spans="8:8">
      <c r="H698409" s="12"/>
    </row>
    <row r="698410" spans="8:8">
      <c r="H698410" s="12"/>
    </row>
    <row r="698411" spans="8:8">
      <c r="H698411" s="12"/>
    </row>
    <row r="698412" spans="8:8">
      <c r="H698412" s="12"/>
    </row>
    <row r="698413" spans="8:8">
      <c r="H698413" s="12"/>
    </row>
    <row r="698414" spans="8:8">
      <c r="H698414" s="12"/>
    </row>
    <row r="698415" spans="8:8">
      <c r="H698415" s="12"/>
    </row>
    <row r="698416" spans="8:8">
      <c r="H698416" s="12"/>
    </row>
    <row r="698417" spans="8:8">
      <c r="H698417" s="12"/>
    </row>
    <row r="698418" spans="8:8">
      <c r="H698418" s="12"/>
    </row>
    <row r="698419" spans="8:8">
      <c r="H698419" s="12"/>
    </row>
    <row r="698420" spans="8:8">
      <c r="H698420" s="12"/>
    </row>
    <row r="698421" spans="8:8">
      <c r="H698421" s="12"/>
    </row>
    <row r="698422" spans="8:8">
      <c r="H698422" s="12"/>
    </row>
    <row r="698423" spans="8:8">
      <c r="H698423" s="12"/>
    </row>
    <row r="698424" spans="8:8">
      <c r="H698424" s="12"/>
    </row>
    <row r="698425" spans="8:8">
      <c r="H698425" s="12"/>
    </row>
    <row r="698426" spans="8:8">
      <c r="H698426" s="12"/>
    </row>
    <row r="698427" spans="8:8">
      <c r="H698427" s="12"/>
    </row>
    <row r="698428" spans="8:8">
      <c r="H698428" s="12"/>
    </row>
    <row r="698429" spans="8:8">
      <c r="H698429" s="12"/>
    </row>
    <row r="698430" spans="8:8">
      <c r="H698430" s="12"/>
    </row>
    <row r="698431" spans="8:8">
      <c r="H698431" s="12"/>
    </row>
    <row r="698432" spans="8:8">
      <c r="H698432" s="12"/>
    </row>
    <row r="698433" spans="8:8">
      <c r="H698433" s="12"/>
    </row>
    <row r="698434" spans="8:8">
      <c r="H698434" s="12"/>
    </row>
    <row r="698435" spans="8:8">
      <c r="H698435" s="12"/>
    </row>
    <row r="698436" spans="8:8">
      <c r="H698436" s="12"/>
    </row>
    <row r="698437" spans="8:8">
      <c r="H698437" s="12"/>
    </row>
    <row r="698438" spans="8:8">
      <c r="H698438" s="12"/>
    </row>
    <row r="698439" spans="8:8">
      <c r="H698439" s="12"/>
    </row>
    <row r="698440" spans="8:8">
      <c r="H698440" s="12"/>
    </row>
    <row r="698441" spans="8:8">
      <c r="H698441" s="12"/>
    </row>
    <row r="698442" spans="8:8">
      <c r="H698442" s="12"/>
    </row>
    <row r="698443" spans="8:8">
      <c r="H698443" s="12"/>
    </row>
    <row r="698444" spans="8:8">
      <c r="H698444" s="12"/>
    </row>
    <row r="698445" spans="8:8">
      <c r="H698445" s="12"/>
    </row>
    <row r="698446" spans="8:8">
      <c r="H698446" s="12"/>
    </row>
    <row r="698447" spans="8:8">
      <c r="H698447" s="12"/>
    </row>
    <row r="698448" spans="8:8">
      <c r="H698448" s="12"/>
    </row>
    <row r="698449" spans="8:8">
      <c r="H698449" s="12"/>
    </row>
    <row r="698450" spans="8:8">
      <c r="H698450" s="12"/>
    </row>
    <row r="698451" spans="8:8">
      <c r="H698451" s="12"/>
    </row>
    <row r="698452" spans="8:8">
      <c r="H698452" s="12"/>
    </row>
    <row r="698453" spans="8:8">
      <c r="H698453" s="12"/>
    </row>
    <row r="698454" spans="8:8">
      <c r="H698454" s="12"/>
    </row>
    <row r="698455" spans="8:8">
      <c r="H698455" s="12"/>
    </row>
    <row r="698456" spans="8:8">
      <c r="H698456" s="12"/>
    </row>
    <row r="698457" spans="8:8">
      <c r="H698457" s="12"/>
    </row>
    <row r="698458" spans="8:8">
      <c r="H698458" s="12"/>
    </row>
    <row r="698459" spans="8:8">
      <c r="H698459" s="12"/>
    </row>
    <row r="698460" spans="8:8">
      <c r="H698460" s="12"/>
    </row>
    <row r="698461" spans="8:8">
      <c r="H698461" s="12"/>
    </row>
    <row r="698462" spans="8:8">
      <c r="H698462" s="12"/>
    </row>
    <row r="698463" spans="8:8">
      <c r="H698463" s="12"/>
    </row>
    <row r="698464" spans="8:8">
      <c r="H698464" s="12"/>
    </row>
    <row r="698465" spans="8:8">
      <c r="H698465" s="12"/>
    </row>
    <row r="698466" spans="8:8">
      <c r="H698466" s="12"/>
    </row>
    <row r="698467" spans="8:8">
      <c r="H698467" s="12"/>
    </row>
    <row r="698468" spans="8:8">
      <c r="H698468" s="12"/>
    </row>
    <row r="698469" spans="8:8">
      <c r="H698469" s="12"/>
    </row>
    <row r="698470" spans="8:8">
      <c r="H698470" s="12"/>
    </row>
    <row r="698471" spans="8:8">
      <c r="H698471" s="12"/>
    </row>
    <row r="698472" spans="8:8">
      <c r="H698472" s="12"/>
    </row>
    <row r="698473" spans="8:8">
      <c r="H698473" s="12"/>
    </row>
    <row r="698474" spans="8:8">
      <c r="H698474" s="12"/>
    </row>
    <row r="698475" spans="8:8">
      <c r="H698475" s="12"/>
    </row>
    <row r="698476" spans="8:8">
      <c r="H698476" s="12"/>
    </row>
    <row r="698477" spans="8:8">
      <c r="H698477" s="12"/>
    </row>
    <row r="698478" spans="8:8">
      <c r="H698478" s="12"/>
    </row>
    <row r="698479" spans="8:8">
      <c r="H698479" s="12"/>
    </row>
    <row r="698480" spans="8:8">
      <c r="H698480" s="12"/>
    </row>
    <row r="698481" spans="8:8">
      <c r="H698481" s="12"/>
    </row>
    <row r="698482" spans="8:8">
      <c r="H698482" s="12"/>
    </row>
    <row r="698483" spans="8:8">
      <c r="H698483" s="12"/>
    </row>
    <row r="698484" spans="8:8">
      <c r="H698484" s="12"/>
    </row>
    <row r="698485" spans="8:8">
      <c r="H698485" s="12"/>
    </row>
    <row r="698486" spans="8:8">
      <c r="H698486" s="12"/>
    </row>
    <row r="698487" spans="8:8">
      <c r="H698487" s="12"/>
    </row>
    <row r="698488" spans="8:8">
      <c r="H698488" s="12"/>
    </row>
    <row r="698489" spans="8:8">
      <c r="H698489" s="12"/>
    </row>
    <row r="698490" spans="8:8">
      <c r="H698490" s="12"/>
    </row>
    <row r="698491" spans="8:8">
      <c r="H698491" s="12"/>
    </row>
    <row r="698492" spans="8:8">
      <c r="H698492" s="12"/>
    </row>
    <row r="698493" spans="8:8">
      <c r="H698493" s="12"/>
    </row>
    <row r="698494" spans="8:8">
      <c r="H698494" s="12"/>
    </row>
    <row r="698495" spans="8:8">
      <c r="H698495" s="12"/>
    </row>
    <row r="698496" spans="8:8">
      <c r="H698496" s="12"/>
    </row>
    <row r="698497" spans="8:8">
      <c r="H698497" s="12"/>
    </row>
    <row r="698498" spans="8:8">
      <c r="H698498" s="12"/>
    </row>
    <row r="698499" spans="8:8">
      <c r="H698499" s="12"/>
    </row>
    <row r="698500" spans="8:8">
      <c r="H698500" s="12"/>
    </row>
    <row r="698501" spans="8:8">
      <c r="H698501" s="12"/>
    </row>
    <row r="698502" spans="8:8">
      <c r="H698502" s="12"/>
    </row>
    <row r="698503" spans="8:8">
      <c r="H698503" s="12"/>
    </row>
    <row r="698504" spans="8:8">
      <c r="H698504" s="12"/>
    </row>
    <row r="698505" spans="8:8">
      <c r="H698505" s="12"/>
    </row>
    <row r="698506" spans="8:8">
      <c r="H698506" s="12"/>
    </row>
    <row r="698507" spans="8:8">
      <c r="H698507" s="12"/>
    </row>
    <row r="698508" spans="8:8">
      <c r="H698508" s="12"/>
    </row>
    <row r="698509" spans="8:8">
      <c r="H698509" s="12"/>
    </row>
    <row r="698510" spans="8:8">
      <c r="H698510" s="12"/>
    </row>
    <row r="698511" spans="8:8">
      <c r="H698511" s="12"/>
    </row>
    <row r="698512" spans="8:8">
      <c r="H698512" s="12"/>
    </row>
    <row r="698513" spans="8:8">
      <c r="H698513" s="12"/>
    </row>
    <row r="698514" spans="8:8">
      <c r="H698514" s="12"/>
    </row>
    <row r="698515" spans="8:8">
      <c r="H698515" s="12"/>
    </row>
    <row r="698516" spans="8:8">
      <c r="H698516" s="12"/>
    </row>
    <row r="698517" spans="8:8">
      <c r="H698517" s="12"/>
    </row>
    <row r="698518" spans="8:8">
      <c r="H698518" s="12"/>
    </row>
    <row r="698519" spans="8:8">
      <c r="H698519" s="12"/>
    </row>
    <row r="698520" spans="8:8">
      <c r="H698520" s="12"/>
    </row>
    <row r="698521" spans="8:8">
      <c r="H698521" s="12"/>
    </row>
    <row r="698522" spans="8:8">
      <c r="H698522" s="12"/>
    </row>
    <row r="698523" spans="8:8">
      <c r="H698523" s="12"/>
    </row>
    <row r="698524" spans="8:8">
      <c r="H698524" s="12"/>
    </row>
    <row r="698525" spans="8:8">
      <c r="H698525" s="12"/>
    </row>
    <row r="698526" spans="8:8">
      <c r="H698526" s="12"/>
    </row>
    <row r="698527" spans="8:8">
      <c r="H698527" s="12"/>
    </row>
    <row r="698528" spans="8:8">
      <c r="H698528" s="12"/>
    </row>
    <row r="698529" spans="8:8">
      <c r="H698529" s="12"/>
    </row>
    <row r="698530" spans="8:8">
      <c r="H698530" s="12"/>
    </row>
    <row r="698531" spans="8:8">
      <c r="H698531" s="12"/>
    </row>
    <row r="698532" spans="8:8">
      <c r="H698532" s="12"/>
    </row>
    <row r="698533" spans="8:8">
      <c r="H698533" s="12"/>
    </row>
    <row r="698534" spans="8:8">
      <c r="H698534" s="12"/>
    </row>
    <row r="698535" spans="8:8">
      <c r="H698535" s="12"/>
    </row>
    <row r="698536" spans="8:8">
      <c r="H698536" s="12"/>
    </row>
    <row r="698537" spans="8:8">
      <c r="H698537" s="12"/>
    </row>
    <row r="698538" spans="8:8">
      <c r="H698538" s="12"/>
    </row>
    <row r="698539" spans="8:8">
      <c r="H698539" s="12"/>
    </row>
    <row r="698540" spans="8:8">
      <c r="H698540" s="12"/>
    </row>
    <row r="698541" spans="8:8">
      <c r="H698541" s="12"/>
    </row>
    <row r="698542" spans="8:8">
      <c r="H698542" s="12"/>
    </row>
    <row r="698543" spans="8:8">
      <c r="H698543" s="12"/>
    </row>
    <row r="698544" spans="8:8">
      <c r="H698544" s="12"/>
    </row>
    <row r="698545" spans="8:8">
      <c r="H698545" s="12"/>
    </row>
    <row r="698546" spans="8:8">
      <c r="H698546" s="12"/>
    </row>
    <row r="698547" spans="8:8">
      <c r="H698547" s="12"/>
    </row>
    <row r="698548" spans="8:8">
      <c r="H698548" s="12"/>
    </row>
    <row r="698549" spans="8:8">
      <c r="H698549" s="12"/>
    </row>
    <row r="698550" spans="8:8">
      <c r="H698550" s="12"/>
    </row>
    <row r="698551" spans="8:8">
      <c r="H698551" s="12"/>
    </row>
    <row r="698552" spans="8:8">
      <c r="H698552" s="12"/>
    </row>
    <row r="698553" spans="8:8">
      <c r="H698553" s="12"/>
    </row>
    <row r="698554" spans="8:8">
      <c r="H698554" s="12"/>
    </row>
    <row r="698555" spans="8:8">
      <c r="H698555" s="12"/>
    </row>
    <row r="698556" spans="8:8">
      <c r="H698556" s="12"/>
    </row>
    <row r="698557" spans="8:8">
      <c r="H698557" s="12"/>
    </row>
    <row r="698558" spans="8:8">
      <c r="H698558" s="12"/>
    </row>
    <row r="698559" spans="8:8">
      <c r="H698559" s="12"/>
    </row>
    <row r="698560" spans="8:8">
      <c r="H698560" s="12"/>
    </row>
    <row r="698561" spans="8:8">
      <c r="H698561" s="12"/>
    </row>
    <row r="698562" spans="8:8">
      <c r="H698562" s="12"/>
    </row>
    <row r="698563" spans="8:8">
      <c r="H698563" s="12"/>
    </row>
    <row r="698564" spans="8:8">
      <c r="H698564" s="12"/>
    </row>
    <row r="698565" spans="8:8">
      <c r="H698565" s="12"/>
    </row>
    <row r="698566" spans="8:8">
      <c r="H698566" s="12"/>
    </row>
    <row r="698567" spans="8:8">
      <c r="H698567" s="12"/>
    </row>
    <row r="698568" spans="8:8">
      <c r="H698568" s="12"/>
    </row>
    <row r="698569" spans="8:8">
      <c r="H698569" s="12"/>
    </row>
    <row r="698570" spans="8:8">
      <c r="H698570" s="12"/>
    </row>
    <row r="698571" spans="8:8">
      <c r="H698571" s="12"/>
    </row>
    <row r="698572" spans="8:8">
      <c r="H698572" s="12"/>
    </row>
    <row r="698573" spans="8:8">
      <c r="H698573" s="12"/>
    </row>
    <row r="698574" spans="8:8">
      <c r="H698574" s="12"/>
    </row>
    <row r="698575" spans="8:8">
      <c r="H698575" s="12"/>
    </row>
    <row r="698576" spans="8:8">
      <c r="H698576" s="12"/>
    </row>
    <row r="698577" spans="8:8">
      <c r="H698577" s="12"/>
    </row>
    <row r="698578" spans="8:8">
      <c r="H698578" s="12"/>
    </row>
    <row r="698579" spans="8:8">
      <c r="H698579" s="12"/>
    </row>
    <row r="698580" spans="8:8">
      <c r="H698580" s="12"/>
    </row>
    <row r="698581" spans="8:8">
      <c r="H698581" s="12"/>
    </row>
    <row r="698582" spans="8:8">
      <c r="H698582" s="12"/>
    </row>
    <row r="698583" spans="8:8">
      <c r="H698583" s="12"/>
    </row>
    <row r="698584" spans="8:8">
      <c r="H698584" s="12"/>
    </row>
    <row r="698585" spans="8:8">
      <c r="H698585" s="12"/>
    </row>
    <row r="698586" spans="8:8">
      <c r="H698586" s="12"/>
    </row>
    <row r="698587" spans="8:8">
      <c r="H698587" s="12"/>
    </row>
    <row r="698588" spans="8:8">
      <c r="H698588" s="12"/>
    </row>
    <row r="698589" spans="8:8">
      <c r="H698589" s="12"/>
    </row>
    <row r="698590" spans="8:8">
      <c r="H698590" s="12"/>
    </row>
    <row r="698591" spans="8:8">
      <c r="H698591" s="12"/>
    </row>
    <row r="698592" spans="8:8">
      <c r="H698592" s="12"/>
    </row>
    <row r="698593" spans="8:8">
      <c r="H698593" s="12"/>
    </row>
    <row r="698594" spans="8:8">
      <c r="H698594" s="12"/>
    </row>
    <row r="698595" spans="8:8">
      <c r="H698595" s="12"/>
    </row>
    <row r="698596" spans="8:8">
      <c r="H698596" s="12"/>
    </row>
    <row r="698597" spans="8:8">
      <c r="H698597" s="12"/>
    </row>
    <row r="698598" spans="8:8">
      <c r="H698598" s="12"/>
    </row>
    <row r="698599" spans="8:8">
      <c r="H698599" s="12"/>
    </row>
    <row r="698600" spans="8:8">
      <c r="H698600" s="12"/>
    </row>
    <row r="698601" spans="8:8">
      <c r="H698601" s="12"/>
    </row>
    <row r="698602" spans="8:8">
      <c r="H698602" s="12"/>
    </row>
    <row r="698603" spans="8:8">
      <c r="H698603" s="12"/>
    </row>
    <row r="698604" spans="8:8">
      <c r="H698604" s="12"/>
    </row>
    <row r="698605" spans="8:8">
      <c r="H698605" s="12"/>
    </row>
    <row r="698606" spans="8:8">
      <c r="H698606" s="12"/>
    </row>
    <row r="698607" spans="8:8">
      <c r="H698607" s="12"/>
    </row>
    <row r="698608" spans="8:8">
      <c r="H698608" s="12"/>
    </row>
    <row r="698609" spans="8:8">
      <c r="H698609" s="12"/>
    </row>
    <row r="698610" spans="8:8">
      <c r="H698610" s="12"/>
    </row>
    <row r="698611" spans="8:8">
      <c r="H698611" s="12"/>
    </row>
    <row r="698612" spans="8:8">
      <c r="H698612" s="12"/>
    </row>
    <row r="698613" spans="8:8">
      <c r="H698613" s="12"/>
    </row>
    <row r="698614" spans="8:8">
      <c r="H698614" s="12"/>
    </row>
    <row r="698615" spans="8:8">
      <c r="H698615" s="12"/>
    </row>
    <row r="698616" spans="8:8">
      <c r="H698616" s="12"/>
    </row>
    <row r="698617" spans="8:8">
      <c r="H698617" s="12"/>
    </row>
    <row r="698618" spans="8:8">
      <c r="H698618" s="12"/>
    </row>
    <row r="698619" spans="8:8">
      <c r="H698619" s="12"/>
    </row>
    <row r="698620" spans="8:8">
      <c r="H698620" s="12"/>
    </row>
    <row r="698621" spans="8:8">
      <c r="H698621" s="12"/>
    </row>
    <row r="698622" spans="8:8">
      <c r="H698622" s="12"/>
    </row>
    <row r="698623" spans="8:8">
      <c r="H698623" s="12"/>
    </row>
    <row r="698624" spans="8:8">
      <c r="H698624" s="12"/>
    </row>
    <row r="698625" spans="8:8">
      <c r="H698625" s="12"/>
    </row>
    <row r="698626" spans="8:8">
      <c r="H698626" s="12"/>
    </row>
    <row r="698627" spans="8:8">
      <c r="H698627" s="12"/>
    </row>
    <row r="698628" spans="8:8">
      <c r="H698628" s="12"/>
    </row>
    <row r="698629" spans="8:8">
      <c r="H698629" s="12"/>
    </row>
    <row r="698630" spans="8:8">
      <c r="H698630" s="12"/>
    </row>
    <row r="698631" spans="8:8">
      <c r="H698631" s="12"/>
    </row>
    <row r="698632" spans="8:8">
      <c r="H698632" s="12"/>
    </row>
    <row r="698633" spans="8:8">
      <c r="H698633" s="12"/>
    </row>
    <row r="698634" spans="8:8">
      <c r="H698634" s="12"/>
    </row>
    <row r="698635" spans="8:8">
      <c r="H698635" s="12"/>
    </row>
    <row r="698636" spans="8:8">
      <c r="H698636" s="12"/>
    </row>
    <row r="698637" spans="8:8">
      <c r="H698637" s="12"/>
    </row>
    <row r="698638" spans="8:8">
      <c r="H698638" s="12"/>
    </row>
    <row r="698639" spans="8:8">
      <c r="H698639" s="12"/>
    </row>
    <row r="698640" spans="8:8">
      <c r="H698640" s="12"/>
    </row>
    <row r="698641" spans="8:8">
      <c r="H698641" s="12"/>
    </row>
    <row r="698642" spans="8:8">
      <c r="H698642" s="12"/>
    </row>
    <row r="698643" spans="8:8">
      <c r="H698643" s="12"/>
    </row>
    <row r="698644" spans="8:8">
      <c r="H698644" s="12"/>
    </row>
    <row r="698645" spans="8:8">
      <c r="H698645" s="12"/>
    </row>
    <row r="698646" spans="8:8">
      <c r="H698646" s="12"/>
    </row>
    <row r="698647" spans="8:8">
      <c r="H698647" s="12"/>
    </row>
    <row r="698648" spans="8:8">
      <c r="H698648" s="12"/>
    </row>
    <row r="698649" spans="8:8">
      <c r="H698649" s="12"/>
    </row>
    <row r="698650" spans="8:8">
      <c r="H698650" s="12"/>
    </row>
    <row r="698651" spans="8:8">
      <c r="H698651" s="12"/>
    </row>
    <row r="698652" spans="8:8">
      <c r="H698652" s="12"/>
    </row>
    <row r="698653" spans="8:8">
      <c r="H698653" s="12"/>
    </row>
    <row r="698654" spans="8:8">
      <c r="H698654" s="12"/>
    </row>
    <row r="698655" spans="8:8">
      <c r="H698655" s="12"/>
    </row>
    <row r="698656" spans="8:8">
      <c r="H698656" s="12"/>
    </row>
    <row r="698657" spans="8:8">
      <c r="H698657" s="12"/>
    </row>
    <row r="698658" spans="8:8">
      <c r="H698658" s="12"/>
    </row>
    <row r="698659" spans="8:8">
      <c r="H698659" s="12"/>
    </row>
    <row r="698660" spans="8:8">
      <c r="H698660" s="12"/>
    </row>
    <row r="698661" spans="8:8">
      <c r="H698661" s="12"/>
    </row>
    <row r="698662" spans="8:8">
      <c r="H698662" s="12"/>
    </row>
    <row r="698663" spans="8:8">
      <c r="H698663" s="12"/>
    </row>
    <row r="698664" spans="8:8">
      <c r="H698664" s="12"/>
    </row>
    <row r="698665" spans="8:8">
      <c r="H698665" s="12"/>
    </row>
    <row r="698666" spans="8:8">
      <c r="H698666" s="12"/>
    </row>
    <row r="698667" spans="8:8">
      <c r="H698667" s="12"/>
    </row>
    <row r="698668" spans="8:8">
      <c r="H698668" s="12"/>
    </row>
    <row r="698669" spans="8:8">
      <c r="H698669" s="12"/>
    </row>
    <row r="698670" spans="8:8">
      <c r="H698670" s="12"/>
    </row>
    <row r="698671" spans="8:8">
      <c r="H698671" s="12"/>
    </row>
    <row r="698672" spans="8:8">
      <c r="H698672" s="12"/>
    </row>
    <row r="698673" spans="8:8">
      <c r="H698673" s="12"/>
    </row>
    <row r="698674" spans="8:8">
      <c r="H698674" s="12"/>
    </row>
    <row r="698675" spans="8:8">
      <c r="H698675" s="12"/>
    </row>
    <row r="698676" spans="8:8">
      <c r="H698676" s="12"/>
    </row>
    <row r="698677" spans="8:8">
      <c r="H698677" s="12"/>
    </row>
    <row r="698678" spans="8:8">
      <c r="H698678" s="12"/>
    </row>
    <row r="698679" spans="8:8">
      <c r="H698679" s="12"/>
    </row>
    <row r="698680" spans="8:8">
      <c r="H698680" s="12"/>
    </row>
    <row r="698681" spans="8:8">
      <c r="H698681" s="12"/>
    </row>
    <row r="698682" spans="8:8">
      <c r="H698682" s="12"/>
    </row>
    <row r="698683" spans="8:8">
      <c r="H698683" s="12"/>
    </row>
    <row r="698684" spans="8:8">
      <c r="H698684" s="12"/>
    </row>
    <row r="698685" spans="8:8">
      <c r="H698685" s="12"/>
    </row>
    <row r="698686" spans="8:8">
      <c r="H698686" s="12"/>
    </row>
    <row r="698687" spans="8:8">
      <c r="H698687" s="12"/>
    </row>
    <row r="698688" spans="8:8">
      <c r="H698688" s="12"/>
    </row>
    <row r="698689" spans="8:8">
      <c r="H698689" s="12"/>
    </row>
    <row r="698690" spans="8:8">
      <c r="H698690" s="12"/>
    </row>
    <row r="698691" spans="8:8">
      <c r="H698691" s="12"/>
    </row>
    <row r="698692" spans="8:8">
      <c r="H698692" s="12"/>
    </row>
    <row r="698693" spans="8:8">
      <c r="H698693" s="12"/>
    </row>
    <row r="698694" spans="8:8">
      <c r="H698694" s="12"/>
    </row>
    <row r="698695" spans="8:8">
      <c r="H698695" s="12"/>
    </row>
    <row r="698696" spans="8:8">
      <c r="H698696" s="12"/>
    </row>
    <row r="698697" spans="8:8">
      <c r="H698697" s="12"/>
    </row>
    <row r="698698" spans="8:8">
      <c r="H698698" s="12"/>
    </row>
    <row r="698699" spans="8:8">
      <c r="H698699" s="12"/>
    </row>
    <row r="698700" spans="8:8">
      <c r="H698700" s="12"/>
    </row>
    <row r="698701" spans="8:8">
      <c r="H698701" s="12"/>
    </row>
    <row r="698702" spans="8:8">
      <c r="H698702" s="12"/>
    </row>
    <row r="698703" spans="8:8">
      <c r="H698703" s="12"/>
    </row>
    <row r="698704" spans="8:8">
      <c r="H698704" s="12"/>
    </row>
    <row r="698705" spans="8:8">
      <c r="H698705" s="12"/>
    </row>
    <row r="698706" spans="8:8">
      <c r="H698706" s="12"/>
    </row>
    <row r="698707" spans="8:8">
      <c r="H698707" s="12"/>
    </row>
    <row r="698708" spans="8:8">
      <c r="H698708" s="12"/>
    </row>
    <row r="698709" spans="8:8">
      <c r="H698709" s="12"/>
    </row>
    <row r="698710" spans="8:8">
      <c r="H698710" s="12"/>
    </row>
    <row r="698711" spans="8:8">
      <c r="H698711" s="12"/>
    </row>
    <row r="698712" spans="8:8">
      <c r="H698712" s="12"/>
    </row>
    <row r="698713" spans="8:8">
      <c r="H698713" s="12"/>
    </row>
    <row r="698714" spans="8:8">
      <c r="H698714" s="12"/>
    </row>
    <row r="698715" spans="8:8">
      <c r="H698715" s="12"/>
    </row>
    <row r="698716" spans="8:8">
      <c r="H698716" s="12"/>
    </row>
    <row r="698717" spans="8:8">
      <c r="H698717" s="12"/>
    </row>
    <row r="698718" spans="8:8">
      <c r="H698718" s="12"/>
    </row>
    <row r="698719" spans="8:8">
      <c r="H698719" s="12"/>
    </row>
    <row r="698720" spans="8:8">
      <c r="H698720" s="12"/>
    </row>
    <row r="698721" spans="8:8">
      <c r="H698721" s="12"/>
    </row>
    <row r="698722" spans="8:8">
      <c r="H698722" s="12"/>
    </row>
    <row r="698723" spans="8:8">
      <c r="H698723" s="12"/>
    </row>
    <row r="698724" spans="8:8">
      <c r="H698724" s="12"/>
    </row>
    <row r="698725" spans="8:8">
      <c r="H698725" s="12"/>
    </row>
    <row r="698726" spans="8:8">
      <c r="H698726" s="12"/>
    </row>
    <row r="698727" spans="8:8">
      <c r="H698727" s="12"/>
    </row>
    <row r="698728" spans="8:8">
      <c r="H698728" s="12"/>
    </row>
    <row r="698729" spans="8:8">
      <c r="H698729" s="12"/>
    </row>
    <row r="698730" spans="8:8">
      <c r="H698730" s="12"/>
    </row>
    <row r="698731" spans="8:8">
      <c r="H698731" s="12"/>
    </row>
    <row r="698732" spans="8:8">
      <c r="H698732" s="12"/>
    </row>
    <row r="698733" spans="8:8">
      <c r="H698733" s="12"/>
    </row>
    <row r="698734" spans="8:8">
      <c r="H698734" s="12"/>
    </row>
    <row r="698735" spans="8:8">
      <c r="H698735" s="12"/>
    </row>
    <row r="698736" spans="8:8">
      <c r="H698736" s="12"/>
    </row>
    <row r="698737" spans="8:8">
      <c r="H698737" s="12"/>
    </row>
    <row r="698738" spans="8:8">
      <c r="H698738" s="12"/>
    </row>
    <row r="698739" spans="8:8">
      <c r="H698739" s="12"/>
    </row>
    <row r="698740" spans="8:8">
      <c r="H698740" s="12"/>
    </row>
    <row r="698741" spans="8:8">
      <c r="H698741" s="12"/>
    </row>
    <row r="698742" spans="8:8">
      <c r="H698742" s="12"/>
    </row>
    <row r="698743" spans="8:8">
      <c r="H698743" s="12"/>
    </row>
    <row r="698744" spans="8:8">
      <c r="H698744" s="12"/>
    </row>
    <row r="698745" spans="8:8">
      <c r="H698745" s="12"/>
    </row>
    <row r="698746" spans="8:8">
      <c r="H698746" s="12"/>
    </row>
    <row r="698747" spans="8:8">
      <c r="H698747" s="12"/>
    </row>
    <row r="698748" spans="8:8">
      <c r="H698748" s="12"/>
    </row>
    <row r="698749" spans="8:8">
      <c r="H698749" s="12"/>
    </row>
    <row r="698750" spans="8:8">
      <c r="H698750" s="12"/>
    </row>
    <row r="698751" spans="8:8">
      <c r="H698751" s="12"/>
    </row>
    <row r="698752" spans="8:8">
      <c r="H698752" s="12"/>
    </row>
    <row r="698753" spans="8:8">
      <c r="H698753" s="12"/>
    </row>
    <row r="698754" spans="8:8">
      <c r="H698754" s="12"/>
    </row>
    <row r="698755" spans="8:8">
      <c r="H698755" s="12"/>
    </row>
    <row r="698756" spans="8:8">
      <c r="H698756" s="12"/>
    </row>
    <row r="698757" spans="8:8">
      <c r="H698757" s="12"/>
    </row>
    <row r="698758" spans="8:8">
      <c r="H698758" s="12"/>
    </row>
    <row r="698759" spans="8:8">
      <c r="H698759" s="12"/>
    </row>
    <row r="698760" spans="8:8">
      <c r="H698760" s="12"/>
    </row>
    <row r="698761" spans="8:8">
      <c r="H698761" s="12"/>
    </row>
    <row r="698762" spans="8:8">
      <c r="H698762" s="12"/>
    </row>
    <row r="698763" spans="8:8">
      <c r="H698763" s="12"/>
    </row>
    <row r="698764" spans="8:8">
      <c r="H698764" s="12"/>
    </row>
    <row r="698765" spans="8:8">
      <c r="H698765" s="12"/>
    </row>
    <row r="698766" spans="8:8">
      <c r="H698766" s="12"/>
    </row>
    <row r="698767" spans="8:8">
      <c r="H698767" s="12"/>
    </row>
    <row r="698768" spans="8:8">
      <c r="H698768" s="12"/>
    </row>
    <row r="698769" spans="8:8">
      <c r="H698769" s="12"/>
    </row>
    <row r="698770" spans="8:8">
      <c r="H698770" s="12"/>
    </row>
    <row r="698771" spans="8:8">
      <c r="H698771" s="12"/>
    </row>
    <row r="698772" spans="8:8">
      <c r="H698772" s="12"/>
    </row>
    <row r="698773" spans="8:8">
      <c r="H698773" s="12"/>
    </row>
    <row r="698774" spans="8:8">
      <c r="H698774" s="12"/>
    </row>
    <row r="698775" spans="8:8">
      <c r="H698775" s="12"/>
    </row>
    <row r="698776" spans="8:8">
      <c r="H698776" s="12"/>
    </row>
    <row r="698777" spans="8:8">
      <c r="H698777" s="12"/>
    </row>
    <row r="698778" spans="8:8">
      <c r="H698778" s="12"/>
    </row>
    <row r="698779" spans="8:8">
      <c r="H698779" s="12"/>
    </row>
    <row r="698780" spans="8:8">
      <c r="H698780" s="12"/>
    </row>
    <row r="698781" spans="8:8">
      <c r="H698781" s="12"/>
    </row>
    <row r="698782" spans="8:8">
      <c r="H698782" s="12"/>
    </row>
    <row r="698783" spans="8:8">
      <c r="H698783" s="12"/>
    </row>
    <row r="698784" spans="8:8">
      <c r="H698784" s="12"/>
    </row>
    <row r="698785" spans="8:8">
      <c r="H698785" s="12"/>
    </row>
    <row r="698786" spans="8:8">
      <c r="H698786" s="12"/>
    </row>
    <row r="698787" spans="8:8">
      <c r="H698787" s="12"/>
    </row>
    <row r="698788" spans="8:8">
      <c r="H698788" s="12"/>
    </row>
    <row r="698789" spans="8:8">
      <c r="H698789" s="12"/>
    </row>
    <row r="698790" spans="8:8">
      <c r="H698790" s="12"/>
    </row>
    <row r="698791" spans="8:8">
      <c r="H698791" s="12"/>
    </row>
    <row r="698792" spans="8:8">
      <c r="H698792" s="12"/>
    </row>
    <row r="698793" spans="8:8">
      <c r="H698793" s="12"/>
    </row>
    <row r="698794" spans="8:8">
      <c r="H698794" s="12"/>
    </row>
    <row r="698795" spans="8:8">
      <c r="H698795" s="12"/>
    </row>
    <row r="698796" spans="8:8">
      <c r="H698796" s="12"/>
    </row>
    <row r="698797" spans="8:8">
      <c r="H698797" s="12"/>
    </row>
    <row r="698798" spans="8:8">
      <c r="H698798" s="12"/>
    </row>
    <row r="698799" spans="8:8">
      <c r="H698799" s="12"/>
    </row>
    <row r="698800" spans="8:8">
      <c r="H698800" s="12"/>
    </row>
    <row r="698801" spans="8:8">
      <c r="H698801" s="12"/>
    </row>
    <row r="698802" spans="8:8">
      <c r="H698802" s="12"/>
    </row>
    <row r="698803" spans="8:8">
      <c r="H698803" s="12"/>
    </row>
    <row r="698804" spans="8:8">
      <c r="H698804" s="12"/>
    </row>
    <row r="698805" spans="8:8">
      <c r="H698805" s="12"/>
    </row>
    <row r="698806" spans="8:8">
      <c r="H698806" s="12"/>
    </row>
    <row r="698807" spans="8:8">
      <c r="H698807" s="12"/>
    </row>
    <row r="698808" spans="8:8">
      <c r="H698808" s="12"/>
    </row>
    <row r="698809" spans="8:8">
      <c r="H698809" s="12"/>
    </row>
    <row r="698810" spans="8:8">
      <c r="H698810" s="12"/>
    </row>
    <row r="698811" spans="8:8">
      <c r="H698811" s="12"/>
    </row>
    <row r="698812" spans="8:8">
      <c r="H698812" s="12"/>
    </row>
    <row r="698813" spans="8:8">
      <c r="H698813" s="12"/>
    </row>
    <row r="698814" spans="8:8">
      <c r="H698814" s="12"/>
    </row>
    <row r="698815" spans="8:8">
      <c r="H698815" s="12"/>
    </row>
    <row r="698816" spans="8:8">
      <c r="H698816" s="12"/>
    </row>
    <row r="698817" spans="8:8">
      <c r="H698817" s="12"/>
    </row>
    <row r="698818" spans="8:8">
      <c r="H698818" s="12"/>
    </row>
    <row r="698819" spans="8:8">
      <c r="H698819" s="12"/>
    </row>
    <row r="698820" spans="8:8">
      <c r="H698820" s="12"/>
    </row>
    <row r="698821" spans="8:8">
      <c r="H698821" s="12"/>
    </row>
    <row r="698822" spans="8:8">
      <c r="H698822" s="12"/>
    </row>
    <row r="698823" spans="8:8">
      <c r="H698823" s="12"/>
    </row>
    <row r="698824" spans="8:8">
      <c r="H698824" s="12"/>
    </row>
    <row r="698825" spans="8:8">
      <c r="H698825" s="12"/>
    </row>
    <row r="698826" spans="8:8">
      <c r="H698826" s="12"/>
    </row>
    <row r="698827" spans="8:8">
      <c r="H698827" s="12"/>
    </row>
    <row r="698828" spans="8:8">
      <c r="H698828" s="12"/>
    </row>
    <row r="698829" spans="8:8">
      <c r="H698829" s="12"/>
    </row>
    <row r="698830" spans="8:8">
      <c r="H698830" s="12"/>
    </row>
    <row r="698831" spans="8:8">
      <c r="H698831" s="12"/>
    </row>
    <row r="698832" spans="8:8">
      <c r="H698832" s="12"/>
    </row>
    <row r="698833" spans="8:8">
      <c r="H698833" s="12"/>
    </row>
    <row r="698834" spans="8:8">
      <c r="H698834" s="12"/>
    </row>
    <row r="698835" spans="8:8">
      <c r="H698835" s="12"/>
    </row>
    <row r="698836" spans="8:8">
      <c r="H698836" s="12"/>
    </row>
    <row r="698837" spans="8:8">
      <c r="H698837" s="12"/>
    </row>
    <row r="698838" spans="8:8">
      <c r="H698838" s="12"/>
    </row>
    <row r="698839" spans="8:8">
      <c r="H698839" s="12"/>
    </row>
    <row r="698840" spans="8:8">
      <c r="H698840" s="12"/>
    </row>
    <row r="698841" spans="8:8">
      <c r="H698841" s="12"/>
    </row>
    <row r="698842" spans="8:8">
      <c r="H698842" s="12"/>
    </row>
    <row r="698843" spans="8:8">
      <c r="H698843" s="12"/>
    </row>
    <row r="698844" spans="8:8">
      <c r="H698844" s="12"/>
    </row>
    <row r="698845" spans="8:8">
      <c r="H698845" s="12"/>
    </row>
    <row r="698846" spans="8:8">
      <c r="H698846" s="12"/>
    </row>
    <row r="698847" spans="8:8">
      <c r="H698847" s="12"/>
    </row>
    <row r="698848" spans="8:8">
      <c r="H698848" s="12"/>
    </row>
    <row r="698849" spans="8:8">
      <c r="H698849" s="12"/>
    </row>
    <row r="698850" spans="8:8">
      <c r="H698850" s="12"/>
    </row>
    <row r="698851" spans="8:8">
      <c r="H698851" s="12"/>
    </row>
    <row r="698852" spans="8:8">
      <c r="H698852" s="12"/>
    </row>
    <row r="698853" spans="8:8">
      <c r="H698853" s="12"/>
    </row>
    <row r="698854" spans="8:8">
      <c r="H698854" s="12"/>
    </row>
    <row r="698855" spans="8:8">
      <c r="H698855" s="12"/>
    </row>
    <row r="698856" spans="8:8">
      <c r="H698856" s="12"/>
    </row>
    <row r="698857" spans="8:8">
      <c r="H698857" s="12"/>
    </row>
    <row r="698858" spans="8:8">
      <c r="H698858" s="12"/>
    </row>
    <row r="698859" spans="8:8">
      <c r="H698859" s="12"/>
    </row>
    <row r="698860" spans="8:8">
      <c r="H698860" s="12"/>
    </row>
    <row r="698861" spans="8:8">
      <c r="H698861" s="12"/>
    </row>
    <row r="698862" spans="8:8">
      <c r="H698862" s="12"/>
    </row>
    <row r="698863" spans="8:8">
      <c r="H698863" s="12"/>
    </row>
    <row r="698864" spans="8:8">
      <c r="H698864" s="12"/>
    </row>
    <row r="698865" spans="8:8">
      <c r="H698865" s="12"/>
    </row>
    <row r="698866" spans="8:8">
      <c r="H698866" s="12"/>
    </row>
    <row r="698867" spans="8:8">
      <c r="H698867" s="12"/>
    </row>
    <row r="698868" spans="8:8">
      <c r="H698868" s="12"/>
    </row>
    <row r="698869" spans="8:8">
      <c r="H698869" s="12"/>
    </row>
    <row r="698870" spans="8:8">
      <c r="H698870" s="12"/>
    </row>
    <row r="698871" spans="8:8">
      <c r="H698871" s="12"/>
    </row>
    <row r="698872" spans="8:8">
      <c r="H698872" s="12"/>
    </row>
    <row r="698873" spans="8:8">
      <c r="H698873" s="12"/>
    </row>
    <row r="698874" spans="8:8">
      <c r="H698874" s="12"/>
    </row>
    <row r="698875" spans="8:8">
      <c r="H698875" s="12"/>
    </row>
    <row r="698876" spans="8:8">
      <c r="H698876" s="12"/>
    </row>
    <row r="698877" spans="8:8">
      <c r="H698877" s="12"/>
    </row>
    <row r="698878" spans="8:8">
      <c r="H698878" s="12"/>
    </row>
    <row r="698879" spans="8:8">
      <c r="H698879" s="12"/>
    </row>
    <row r="698880" spans="8:8">
      <c r="H698880" s="12"/>
    </row>
    <row r="698881" spans="8:8">
      <c r="H698881" s="12"/>
    </row>
    <row r="698882" spans="8:8">
      <c r="H698882" s="12"/>
    </row>
    <row r="698883" spans="8:8">
      <c r="H698883" s="12"/>
    </row>
    <row r="698884" spans="8:8">
      <c r="H698884" s="12"/>
    </row>
    <row r="698885" spans="8:8">
      <c r="H698885" s="12"/>
    </row>
    <row r="698886" spans="8:8">
      <c r="H698886" s="12"/>
    </row>
    <row r="698887" spans="8:8">
      <c r="H698887" s="12"/>
    </row>
    <row r="698888" spans="8:8">
      <c r="H698888" s="12"/>
    </row>
    <row r="698889" spans="8:8">
      <c r="H698889" s="12"/>
    </row>
    <row r="698890" spans="8:8">
      <c r="H698890" s="12"/>
    </row>
    <row r="698891" spans="8:8">
      <c r="H698891" s="12"/>
    </row>
    <row r="698892" spans="8:8">
      <c r="H698892" s="12"/>
    </row>
    <row r="698893" spans="8:8">
      <c r="H698893" s="12"/>
    </row>
    <row r="698894" spans="8:8">
      <c r="H698894" s="12"/>
    </row>
    <row r="698895" spans="8:8">
      <c r="H698895" s="12"/>
    </row>
    <row r="698896" spans="8:8">
      <c r="H698896" s="12"/>
    </row>
    <row r="698897" spans="8:8">
      <c r="H698897" s="12"/>
    </row>
    <row r="698898" spans="8:8">
      <c r="H698898" s="12"/>
    </row>
    <row r="698899" spans="8:8">
      <c r="H698899" s="12"/>
    </row>
    <row r="698900" spans="8:8">
      <c r="H698900" s="12"/>
    </row>
    <row r="698901" spans="8:8">
      <c r="H698901" s="12"/>
    </row>
    <row r="698902" spans="8:8">
      <c r="H698902" s="12"/>
    </row>
    <row r="698903" spans="8:8">
      <c r="H698903" s="12"/>
    </row>
    <row r="698904" spans="8:8">
      <c r="H698904" s="12"/>
    </row>
    <row r="698905" spans="8:8">
      <c r="H698905" s="12"/>
    </row>
    <row r="698906" spans="8:8">
      <c r="H698906" s="12"/>
    </row>
    <row r="698907" spans="8:8">
      <c r="H698907" s="12"/>
    </row>
    <row r="698908" spans="8:8">
      <c r="H698908" s="12"/>
    </row>
    <row r="698909" spans="8:8">
      <c r="H698909" s="12"/>
    </row>
    <row r="698910" spans="8:8">
      <c r="H698910" s="12"/>
    </row>
    <row r="698911" spans="8:8">
      <c r="H698911" s="12"/>
    </row>
    <row r="698912" spans="8:8">
      <c r="H698912" s="12"/>
    </row>
    <row r="698913" spans="8:8">
      <c r="H698913" s="12"/>
    </row>
    <row r="698914" spans="8:8">
      <c r="H698914" s="12"/>
    </row>
    <row r="698915" spans="8:8">
      <c r="H698915" s="12"/>
    </row>
    <row r="698916" spans="8:8">
      <c r="H698916" s="12"/>
    </row>
    <row r="698917" spans="8:8">
      <c r="H698917" s="12"/>
    </row>
    <row r="698918" spans="8:8">
      <c r="H698918" s="12"/>
    </row>
    <row r="698919" spans="8:8">
      <c r="H698919" s="12"/>
    </row>
    <row r="698920" spans="8:8">
      <c r="H698920" s="12"/>
    </row>
    <row r="698921" spans="8:8">
      <c r="H698921" s="12"/>
    </row>
    <row r="698922" spans="8:8">
      <c r="H698922" s="12"/>
    </row>
    <row r="698923" spans="8:8">
      <c r="H698923" s="12"/>
    </row>
    <row r="698924" spans="8:8">
      <c r="H698924" s="12"/>
    </row>
    <row r="698925" spans="8:8">
      <c r="H698925" s="12"/>
    </row>
    <row r="698926" spans="8:8">
      <c r="H698926" s="12"/>
    </row>
    <row r="698927" spans="8:8">
      <c r="H698927" s="12"/>
    </row>
    <row r="698928" spans="8:8">
      <c r="H698928" s="12"/>
    </row>
    <row r="698929" spans="8:8">
      <c r="H698929" s="12"/>
    </row>
    <row r="698930" spans="8:8">
      <c r="H698930" s="12"/>
    </row>
    <row r="698931" spans="8:8">
      <c r="H698931" s="12"/>
    </row>
    <row r="698932" spans="8:8">
      <c r="H698932" s="12"/>
    </row>
    <row r="698933" spans="8:8">
      <c r="H698933" s="12"/>
    </row>
    <row r="698934" spans="8:8">
      <c r="H698934" s="12"/>
    </row>
    <row r="698935" spans="8:8">
      <c r="H698935" s="12"/>
    </row>
    <row r="698936" spans="8:8">
      <c r="H698936" s="12"/>
    </row>
    <row r="698937" spans="8:8">
      <c r="H698937" s="12"/>
    </row>
    <row r="698938" spans="8:8">
      <c r="H698938" s="12"/>
    </row>
    <row r="698939" spans="8:8">
      <c r="H698939" s="12"/>
    </row>
    <row r="698940" spans="8:8">
      <c r="H698940" s="12"/>
    </row>
    <row r="698941" spans="8:8">
      <c r="H698941" s="12"/>
    </row>
    <row r="698942" spans="8:8">
      <c r="H698942" s="12"/>
    </row>
    <row r="698943" spans="8:8">
      <c r="H698943" s="12"/>
    </row>
    <row r="698944" spans="8:8">
      <c r="H698944" s="12"/>
    </row>
    <row r="698945" spans="8:8">
      <c r="H698945" s="12"/>
    </row>
    <row r="698946" spans="8:8">
      <c r="H698946" s="12"/>
    </row>
    <row r="698947" spans="8:8">
      <c r="H698947" s="12"/>
    </row>
    <row r="698948" spans="8:8">
      <c r="H698948" s="12"/>
    </row>
    <row r="698949" spans="8:8">
      <c r="H698949" s="12"/>
    </row>
    <row r="698950" spans="8:8">
      <c r="H698950" s="12"/>
    </row>
    <row r="698951" spans="8:8">
      <c r="H698951" s="12"/>
    </row>
    <row r="698952" spans="8:8">
      <c r="H698952" s="12"/>
    </row>
    <row r="698953" spans="8:8">
      <c r="H698953" s="12"/>
    </row>
    <row r="698954" spans="8:8">
      <c r="H698954" s="12"/>
    </row>
    <row r="698955" spans="8:8">
      <c r="H698955" s="12"/>
    </row>
    <row r="698956" spans="8:8">
      <c r="H698956" s="12"/>
    </row>
    <row r="698957" spans="8:8">
      <c r="H698957" s="12"/>
    </row>
    <row r="698958" spans="8:8">
      <c r="H698958" s="12"/>
    </row>
    <row r="698959" spans="8:8">
      <c r="H698959" s="12"/>
    </row>
    <row r="698960" spans="8:8">
      <c r="H698960" s="12"/>
    </row>
    <row r="698961" spans="8:8">
      <c r="H698961" s="12"/>
    </row>
    <row r="698962" spans="8:8">
      <c r="H698962" s="12"/>
    </row>
    <row r="698963" spans="8:8">
      <c r="H698963" s="12"/>
    </row>
    <row r="698964" spans="8:8">
      <c r="H698964" s="12"/>
    </row>
    <row r="698965" spans="8:8">
      <c r="H698965" s="12"/>
    </row>
    <row r="698966" spans="8:8">
      <c r="H698966" s="12"/>
    </row>
    <row r="698967" spans="8:8">
      <c r="H698967" s="12"/>
    </row>
    <row r="698968" spans="8:8">
      <c r="H698968" s="12"/>
    </row>
    <row r="698969" spans="8:8">
      <c r="H698969" s="12"/>
    </row>
    <row r="698970" spans="8:8">
      <c r="H698970" s="12"/>
    </row>
    <row r="698971" spans="8:8">
      <c r="H698971" s="12"/>
    </row>
    <row r="698972" spans="8:8">
      <c r="H698972" s="12"/>
    </row>
    <row r="698973" spans="8:8">
      <c r="H698973" s="12"/>
    </row>
    <row r="698974" spans="8:8">
      <c r="H698974" s="12"/>
    </row>
    <row r="698975" spans="8:8">
      <c r="H698975" s="12"/>
    </row>
    <row r="698976" spans="8:8">
      <c r="H698976" s="12"/>
    </row>
    <row r="698977" spans="8:8">
      <c r="H698977" s="12"/>
    </row>
    <row r="698978" spans="8:8">
      <c r="H698978" s="12"/>
    </row>
    <row r="698979" spans="8:8">
      <c r="H698979" s="12"/>
    </row>
    <row r="698980" spans="8:8">
      <c r="H698980" s="12"/>
    </row>
    <row r="698981" spans="8:8">
      <c r="H698981" s="12"/>
    </row>
    <row r="698982" spans="8:8">
      <c r="H698982" s="12"/>
    </row>
    <row r="698983" spans="8:8">
      <c r="H698983" s="12"/>
    </row>
    <row r="698984" spans="8:8">
      <c r="H698984" s="12"/>
    </row>
    <row r="698985" spans="8:8">
      <c r="H698985" s="12"/>
    </row>
    <row r="698986" spans="8:8">
      <c r="H698986" s="12"/>
    </row>
    <row r="698987" spans="8:8">
      <c r="H698987" s="12"/>
    </row>
    <row r="698988" spans="8:8">
      <c r="H698988" s="12"/>
    </row>
    <row r="698989" spans="8:8">
      <c r="H698989" s="12"/>
    </row>
    <row r="698990" spans="8:8">
      <c r="H698990" s="12"/>
    </row>
    <row r="698991" spans="8:8">
      <c r="H698991" s="12"/>
    </row>
    <row r="698992" spans="8:8">
      <c r="H698992" s="12"/>
    </row>
    <row r="698993" spans="8:8">
      <c r="H698993" s="12"/>
    </row>
    <row r="698994" spans="8:8">
      <c r="H698994" s="12"/>
    </row>
    <row r="698995" spans="8:8">
      <c r="H698995" s="12"/>
    </row>
    <row r="698996" spans="8:8">
      <c r="H698996" s="12"/>
    </row>
    <row r="698997" spans="8:8">
      <c r="H698997" s="12"/>
    </row>
    <row r="698998" spans="8:8">
      <c r="H698998" s="12"/>
    </row>
    <row r="698999" spans="8:8">
      <c r="H698999" s="12"/>
    </row>
    <row r="699000" spans="8:8">
      <c r="H699000" s="12"/>
    </row>
    <row r="699001" spans="8:8">
      <c r="H699001" s="12"/>
    </row>
    <row r="699002" spans="8:8">
      <c r="H699002" s="12"/>
    </row>
    <row r="699003" spans="8:8">
      <c r="H699003" s="12"/>
    </row>
    <row r="699004" spans="8:8">
      <c r="H699004" s="12"/>
    </row>
    <row r="699005" spans="8:8">
      <c r="H699005" s="12"/>
    </row>
    <row r="699006" spans="8:8">
      <c r="H699006" s="12"/>
    </row>
    <row r="699007" spans="8:8">
      <c r="H699007" s="12"/>
    </row>
    <row r="699008" spans="8:8">
      <c r="H699008" s="12"/>
    </row>
    <row r="699009" spans="8:8">
      <c r="H699009" s="12"/>
    </row>
    <row r="699010" spans="8:8">
      <c r="H699010" s="12"/>
    </row>
    <row r="699011" spans="8:8">
      <c r="H699011" s="12"/>
    </row>
    <row r="699012" spans="8:8">
      <c r="H699012" s="12"/>
    </row>
    <row r="699013" spans="8:8">
      <c r="H699013" s="12"/>
    </row>
    <row r="699014" spans="8:8">
      <c r="H699014" s="12"/>
    </row>
    <row r="699015" spans="8:8">
      <c r="H699015" s="12"/>
    </row>
    <row r="699016" spans="8:8">
      <c r="H699016" s="12"/>
    </row>
    <row r="699017" spans="8:8">
      <c r="H699017" s="12"/>
    </row>
    <row r="699018" spans="8:8">
      <c r="H699018" s="12"/>
    </row>
    <row r="699019" spans="8:8">
      <c r="H699019" s="12"/>
    </row>
    <row r="699020" spans="8:8">
      <c r="H699020" s="12"/>
    </row>
    <row r="699021" spans="8:8">
      <c r="H699021" s="12"/>
    </row>
    <row r="699022" spans="8:8">
      <c r="H699022" s="12"/>
    </row>
    <row r="699023" spans="8:8">
      <c r="H699023" s="12"/>
    </row>
    <row r="699024" spans="8:8">
      <c r="H699024" s="12"/>
    </row>
    <row r="699025" spans="8:8">
      <c r="H699025" s="12"/>
    </row>
    <row r="699026" spans="8:8">
      <c r="H699026" s="12"/>
    </row>
    <row r="699027" spans="8:8">
      <c r="H699027" s="12"/>
    </row>
    <row r="699028" spans="8:8">
      <c r="H699028" s="12"/>
    </row>
    <row r="699029" spans="8:8">
      <c r="H699029" s="12"/>
    </row>
    <row r="699030" spans="8:8">
      <c r="H699030" s="12"/>
    </row>
    <row r="699031" spans="8:8">
      <c r="H699031" s="12"/>
    </row>
    <row r="699032" spans="8:8">
      <c r="H699032" s="12"/>
    </row>
    <row r="699033" spans="8:8">
      <c r="H699033" s="12"/>
    </row>
    <row r="699034" spans="8:8">
      <c r="H699034" s="12"/>
    </row>
    <row r="699035" spans="8:8">
      <c r="H699035" s="12"/>
    </row>
    <row r="699036" spans="8:8">
      <c r="H699036" s="12"/>
    </row>
    <row r="699037" spans="8:8">
      <c r="H699037" s="12"/>
    </row>
    <row r="699038" spans="8:8">
      <c r="H699038" s="12"/>
    </row>
    <row r="699039" spans="8:8">
      <c r="H699039" s="12"/>
    </row>
    <row r="699040" spans="8:8">
      <c r="H699040" s="12"/>
    </row>
    <row r="699041" spans="8:8">
      <c r="H699041" s="12"/>
    </row>
    <row r="699042" spans="8:8">
      <c r="H699042" s="12"/>
    </row>
    <row r="699043" spans="8:8">
      <c r="H699043" s="12"/>
    </row>
    <row r="699044" spans="8:8">
      <c r="H699044" s="12"/>
    </row>
    <row r="699045" spans="8:8">
      <c r="H699045" s="12"/>
    </row>
    <row r="699046" spans="8:8">
      <c r="H699046" s="12"/>
    </row>
    <row r="699047" spans="8:8">
      <c r="H699047" s="12"/>
    </row>
    <row r="699048" spans="8:8">
      <c r="H699048" s="12"/>
    </row>
    <row r="699049" spans="8:8">
      <c r="H699049" s="12"/>
    </row>
    <row r="699050" spans="8:8">
      <c r="H699050" s="12"/>
    </row>
    <row r="699051" spans="8:8">
      <c r="H699051" s="12"/>
    </row>
    <row r="699052" spans="8:8">
      <c r="H699052" s="12"/>
    </row>
    <row r="699053" spans="8:8">
      <c r="H699053" s="12"/>
    </row>
    <row r="699054" spans="8:8">
      <c r="H699054" s="12"/>
    </row>
    <row r="699055" spans="8:8">
      <c r="H699055" s="12"/>
    </row>
    <row r="699056" spans="8:8">
      <c r="H699056" s="12"/>
    </row>
    <row r="699057" spans="8:8">
      <c r="H699057" s="12"/>
    </row>
    <row r="699058" spans="8:8">
      <c r="H699058" s="12"/>
    </row>
    <row r="699059" spans="8:8">
      <c r="H699059" s="12"/>
    </row>
    <row r="699060" spans="8:8">
      <c r="H699060" s="12"/>
    </row>
    <row r="699061" spans="8:8">
      <c r="H699061" s="12"/>
    </row>
    <row r="699062" spans="8:8">
      <c r="H699062" s="12"/>
    </row>
    <row r="699063" spans="8:8">
      <c r="H699063" s="12"/>
    </row>
    <row r="699064" spans="8:8">
      <c r="H699064" s="12"/>
    </row>
    <row r="699065" spans="8:8">
      <c r="H699065" s="12"/>
    </row>
    <row r="699066" spans="8:8">
      <c r="H699066" s="12"/>
    </row>
    <row r="699067" spans="8:8">
      <c r="H699067" s="12"/>
    </row>
    <row r="699068" spans="8:8">
      <c r="H699068" s="12"/>
    </row>
    <row r="699069" spans="8:8">
      <c r="H699069" s="12"/>
    </row>
    <row r="699070" spans="8:8">
      <c r="H699070" s="12"/>
    </row>
    <row r="699071" spans="8:8">
      <c r="H699071" s="12"/>
    </row>
    <row r="699072" spans="8:8">
      <c r="H699072" s="12"/>
    </row>
    <row r="699073" spans="8:8">
      <c r="H699073" s="12"/>
    </row>
    <row r="699074" spans="8:8">
      <c r="H699074" s="12"/>
    </row>
    <row r="699075" spans="8:8">
      <c r="H699075" s="12"/>
    </row>
    <row r="699076" spans="8:8">
      <c r="H699076" s="12"/>
    </row>
    <row r="699077" spans="8:8">
      <c r="H699077" s="12"/>
    </row>
    <row r="699078" spans="8:8">
      <c r="H699078" s="12"/>
    </row>
    <row r="699079" spans="8:8">
      <c r="H699079" s="12"/>
    </row>
    <row r="699080" spans="8:8">
      <c r="H699080" s="12"/>
    </row>
    <row r="699081" spans="8:8">
      <c r="H699081" s="12"/>
    </row>
    <row r="699082" spans="8:8">
      <c r="H699082" s="12"/>
    </row>
    <row r="699083" spans="8:8">
      <c r="H699083" s="12"/>
    </row>
    <row r="699084" spans="8:8">
      <c r="H699084" s="12"/>
    </row>
    <row r="699085" spans="8:8">
      <c r="H699085" s="12"/>
    </row>
    <row r="699086" spans="8:8">
      <c r="H699086" s="12"/>
    </row>
    <row r="699087" spans="8:8">
      <c r="H699087" s="12"/>
    </row>
    <row r="699088" spans="8:8">
      <c r="H699088" s="12"/>
    </row>
    <row r="699089" spans="8:8">
      <c r="H699089" s="12"/>
    </row>
    <row r="699090" spans="8:8">
      <c r="H699090" s="12"/>
    </row>
    <row r="699091" spans="8:8">
      <c r="H699091" s="12"/>
    </row>
    <row r="699092" spans="8:8">
      <c r="H699092" s="12"/>
    </row>
    <row r="699093" spans="8:8">
      <c r="H699093" s="12"/>
    </row>
    <row r="699094" spans="8:8">
      <c r="H699094" s="12"/>
    </row>
    <row r="699095" spans="8:8">
      <c r="H699095" s="12"/>
    </row>
    <row r="699096" spans="8:8">
      <c r="H699096" s="12"/>
    </row>
    <row r="699097" spans="8:8">
      <c r="H699097" s="12"/>
    </row>
    <row r="699098" spans="8:8">
      <c r="H699098" s="12"/>
    </row>
    <row r="699099" spans="8:8">
      <c r="H699099" s="12"/>
    </row>
    <row r="699100" spans="8:8">
      <c r="H699100" s="12"/>
    </row>
    <row r="699101" spans="8:8">
      <c r="H699101" s="12"/>
    </row>
    <row r="699102" spans="8:8">
      <c r="H699102" s="12"/>
    </row>
    <row r="699103" spans="8:8">
      <c r="H699103" s="12"/>
    </row>
    <row r="699104" spans="8:8">
      <c r="H699104" s="12"/>
    </row>
    <row r="699105" spans="8:8">
      <c r="H699105" s="12"/>
    </row>
    <row r="699106" spans="8:8">
      <c r="H699106" s="12"/>
    </row>
    <row r="699107" spans="8:8">
      <c r="H699107" s="12"/>
    </row>
    <row r="699108" spans="8:8">
      <c r="H699108" s="12"/>
    </row>
    <row r="699109" spans="8:8">
      <c r="H699109" s="12"/>
    </row>
    <row r="699110" spans="8:8">
      <c r="H699110" s="12"/>
    </row>
    <row r="699111" spans="8:8">
      <c r="H699111" s="12"/>
    </row>
    <row r="699112" spans="8:8">
      <c r="H699112" s="12"/>
    </row>
    <row r="699113" spans="8:8">
      <c r="H699113" s="12"/>
    </row>
    <row r="699114" spans="8:8">
      <c r="H699114" s="12"/>
    </row>
    <row r="699115" spans="8:8">
      <c r="H699115" s="12"/>
    </row>
    <row r="699116" spans="8:8">
      <c r="H699116" s="12"/>
    </row>
    <row r="699117" spans="8:8">
      <c r="H699117" s="12"/>
    </row>
    <row r="699118" spans="8:8">
      <c r="H699118" s="12"/>
    </row>
    <row r="699119" spans="8:8">
      <c r="H699119" s="12"/>
    </row>
    <row r="699120" spans="8:8">
      <c r="H699120" s="12"/>
    </row>
    <row r="699121" spans="8:8">
      <c r="H699121" s="12"/>
    </row>
    <row r="699122" spans="8:8">
      <c r="H699122" s="12"/>
    </row>
    <row r="699123" spans="8:8">
      <c r="H699123" s="12"/>
    </row>
    <row r="699124" spans="8:8">
      <c r="H699124" s="12"/>
    </row>
    <row r="699125" spans="8:8">
      <c r="H699125" s="12"/>
    </row>
    <row r="699126" spans="8:8">
      <c r="H699126" s="12"/>
    </row>
    <row r="699127" spans="8:8">
      <c r="H699127" s="12"/>
    </row>
    <row r="699128" spans="8:8">
      <c r="H699128" s="12"/>
    </row>
    <row r="699129" spans="8:8">
      <c r="H699129" s="12"/>
    </row>
    <row r="699130" spans="8:8">
      <c r="H699130" s="12"/>
    </row>
    <row r="699131" spans="8:8">
      <c r="H699131" s="12"/>
    </row>
    <row r="699132" spans="8:8">
      <c r="H699132" s="12"/>
    </row>
    <row r="699133" spans="8:8">
      <c r="H699133" s="12"/>
    </row>
    <row r="699134" spans="8:8">
      <c r="H699134" s="12"/>
    </row>
    <row r="699135" spans="8:8">
      <c r="H699135" s="12"/>
    </row>
    <row r="699136" spans="8:8">
      <c r="H699136" s="12"/>
    </row>
    <row r="699137" spans="8:8">
      <c r="H699137" s="12"/>
    </row>
    <row r="699138" spans="8:8">
      <c r="H699138" s="12"/>
    </row>
    <row r="699139" spans="8:8">
      <c r="H699139" s="12"/>
    </row>
    <row r="699140" spans="8:8">
      <c r="H699140" s="12"/>
    </row>
    <row r="699141" spans="8:8">
      <c r="H699141" s="12"/>
    </row>
    <row r="699142" spans="8:8">
      <c r="H699142" s="12"/>
    </row>
    <row r="699143" spans="8:8">
      <c r="H699143" s="12"/>
    </row>
    <row r="699144" spans="8:8">
      <c r="H699144" s="12"/>
    </row>
    <row r="699145" spans="8:8">
      <c r="H699145" s="12"/>
    </row>
    <row r="699146" spans="8:8">
      <c r="H699146" s="12"/>
    </row>
    <row r="699147" spans="8:8">
      <c r="H699147" s="12"/>
    </row>
    <row r="699148" spans="8:8">
      <c r="H699148" s="12"/>
    </row>
    <row r="699149" spans="8:8">
      <c r="H699149" s="12"/>
    </row>
    <row r="699150" spans="8:8">
      <c r="H699150" s="12"/>
    </row>
    <row r="699151" spans="8:8">
      <c r="H699151" s="12"/>
    </row>
    <row r="699152" spans="8:8">
      <c r="H699152" s="12"/>
    </row>
    <row r="699153" spans="8:8">
      <c r="H699153" s="12"/>
    </row>
    <row r="699154" spans="8:8">
      <c r="H699154" s="12"/>
    </row>
    <row r="699155" spans="8:8">
      <c r="H699155" s="12"/>
    </row>
    <row r="699156" spans="8:8">
      <c r="H699156" s="12"/>
    </row>
    <row r="699157" spans="8:8">
      <c r="H699157" s="12"/>
    </row>
    <row r="699158" spans="8:8">
      <c r="H699158" s="12"/>
    </row>
    <row r="699159" spans="8:8">
      <c r="H699159" s="12"/>
    </row>
    <row r="699160" spans="8:8">
      <c r="H699160" s="12"/>
    </row>
    <row r="699161" spans="8:8">
      <c r="H699161" s="12"/>
    </row>
    <row r="699162" spans="8:8">
      <c r="H699162" s="12"/>
    </row>
    <row r="699163" spans="8:8">
      <c r="H699163" s="12"/>
    </row>
    <row r="699164" spans="8:8">
      <c r="H699164" s="12"/>
    </row>
    <row r="699165" spans="8:8">
      <c r="H699165" s="12"/>
    </row>
    <row r="699166" spans="8:8">
      <c r="H699166" s="12"/>
    </row>
    <row r="699167" spans="8:8">
      <c r="H699167" s="12"/>
    </row>
    <row r="699168" spans="8:8">
      <c r="H699168" s="12"/>
    </row>
    <row r="699169" spans="8:8">
      <c r="H699169" s="12"/>
    </row>
    <row r="699170" spans="8:8">
      <c r="H699170" s="12"/>
    </row>
    <row r="699171" spans="8:8">
      <c r="H699171" s="12"/>
    </row>
    <row r="699172" spans="8:8">
      <c r="H699172" s="12"/>
    </row>
    <row r="699173" spans="8:8">
      <c r="H699173" s="12"/>
    </row>
    <row r="699174" spans="8:8">
      <c r="H699174" s="12"/>
    </row>
    <row r="699175" spans="8:8">
      <c r="H699175" s="12"/>
    </row>
    <row r="699176" spans="8:8">
      <c r="H699176" s="12"/>
    </row>
    <row r="699177" spans="8:8">
      <c r="H699177" s="12"/>
    </row>
    <row r="699178" spans="8:8">
      <c r="H699178" s="12"/>
    </row>
    <row r="699179" spans="8:8">
      <c r="H699179" s="12"/>
    </row>
    <row r="699180" spans="8:8">
      <c r="H699180" s="12"/>
    </row>
    <row r="699181" spans="8:8">
      <c r="H699181" s="12"/>
    </row>
    <row r="699182" spans="8:8">
      <c r="H699182" s="12"/>
    </row>
    <row r="699183" spans="8:8">
      <c r="H699183" s="12"/>
    </row>
    <row r="699184" spans="8:8">
      <c r="H699184" s="12"/>
    </row>
    <row r="699185" spans="8:8">
      <c r="H699185" s="12"/>
    </row>
    <row r="699186" spans="8:8">
      <c r="H699186" s="12"/>
    </row>
    <row r="699187" spans="8:8">
      <c r="H699187" s="12"/>
    </row>
    <row r="699188" spans="8:8">
      <c r="H699188" s="12"/>
    </row>
    <row r="699189" spans="8:8">
      <c r="H699189" s="12"/>
    </row>
    <row r="699190" spans="8:8">
      <c r="H699190" s="12"/>
    </row>
    <row r="699191" spans="8:8">
      <c r="H699191" s="12"/>
    </row>
    <row r="699192" spans="8:8">
      <c r="H699192" s="12"/>
    </row>
    <row r="699193" spans="8:8">
      <c r="H699193" s="12"/>
    </row>
    <row r="699194" spans="8:8">
      <c r="H699194" s="12"/>
    </row>
    <row r="699195" spans="8:8">
      <c r="H699195" s="12"/>
    </row>
    <row r="699196" spans="8:8">
      <c r="H699196" s="12"/>
    </row>
    <row r="699197" spans="8:8">
      <c r="H699197" s="12"/>
    </row>
    <row r="699198" spans="8:8">
      <c r="H699198" s="12"/>
    </row>
    <row r="699199" spans="8:8">
      <c r="H699199" s="12"/>
    </row>
    <row r="699200" spans="8:8">
      <c r="H699200" s="12"/>
    </row>
    <row r="699201" spans="8:8">
      <c r="H699201" s="12"/>
    </row>
    <row r="699202" spans="8:8">
      <c r="H699202" s="12"/>
    </row>
    <row r="699203" spans="8:8">
      <c r="H699203" s="12"/>
    </row>
    <row r="699204" spans="8:8">
      <c r="H699204" s="12"/>
    </row>
    <row r="699205" spans="8:8">
      <c r="H699205" s="12"/>
    </row>
    <row r="699206" spans="8:8">
      <c r="H699206" s="12"/>
    </row>
    <row r="699207" spans="8:8">
      <c r="H699207" s="12"/>
    </row>
    <row r="699208" spans="8:8">
      <c r="H699208" s="12"/>
    </row>
    <row r="699209" spans="8:8">
      <c r="H699209" s="12"/>
    </row>
    <row r="699210" spans="8:8">
      <c r="H699210" s="12"/>
    </row>
    <row r="699211" spans="8:8">
      <c r="H699211" s="12"/>
    </row>
    <row r="699212" spans="8:8">
      <c r="H699212" s="12"/>
    </row>
    <row r="699213" spans="8:8">
      <c r="H699213" s="12"/>
    </row>
    <row r="699214" spans="8:8">
      <c r="H699214" s="12"/>
    </row>
    <row r="699215" spans="8:8">
      <c r="H699215" s="12"/>
    </row>
    <row r="699216" spans="8:8">
      <c r="H699216" s="12"/>
    </row>
    <row r="699217" spans="8:8">
      <c r="H699217" s="12"/>
    </row>
    <row r="699218" spans="8:8">
      <c r="H699218" s="12"/>
    </row>
    <row r="699219" spans="8:8">
      <c r="H699219" s="12"/>
    </row>
    <row r="699220" spans="8:8">
      <c r="H699220" s="12"/>
    </row>
    <row r="699221" spans="8:8">
      <c r="H699221" s="12"/>
    </row>
    <row r="699222" spans="8:8">
      <c r="H699222" s="12"/>
    </row>
    <row r="699223" spans="8:8">
      <c r="H699223" s="12"/>
    </row>
    <row r="699224" spans="8:8">
      <c r="H699224" s="12"/>
    </row>
    <row r="699225" spans="8:8">
      <c r="H699225" s="12"/>
    </row>
    <row r="699226" spans="8:8">
      <c r="H699226" s="12"/>
    </row>
    <row r="699227" spans="8:8">
      <c r="H699227" s="12"/>
    </row>
    <row r="699228" spans="8:8">
      <c r="H699228" s="12"/>
    </row>
    <row r="699229" spans="8:8">
      <c r="H699229" s="12"/>
    </row>
    <row r="699230" spans="8:8">
      <c r="H699230" s="12"/>
    </row>
    <row r="699231" spans="8:8">
      <c r="H699231" s="12"/>
    </row>
    <row r="699232" spans="8:8">
      <c r="H699232" s="12"/>
    </row>
    <row r="699233" spans="8:8">
      <c r="H699233" s="12"/>
    </row>
    <row r="699234" spans="8:8">
      <c r="H699234" s="12"/>
    </row>
    <row r="699235" spans="8:8">
      <c r="H699235" s="12"/>
    </row>
    <row r="699236" spans="8:8">
      <c r="H699236" s="12"/>
    </row>
    <row r="699237" spans="8:8">
      <c r="H699237" s="12"/>
    </row>
    <row r="699238" spans="8:8">
      <c r="H699238" s="12"/>
    </row>
    <row r="699239" spans="8:8">
      <c r="H699239" s="12"/>
    </row>
    <row r="699240" spans="8:8">
      <c r="H699240" s="12"/>
    </row>
    <row r="699241" spans="8:8">
      <c r="H699241" s="12"/>
    </row>
    <row r="699242" spans="8:8">
      <c r="H699242" s="12"/>
    </row>
    <row r="699243" spans="8:8">
      <c r="H699243" s="12"/>
    </row>
    <row r="699244" spans="8:8">
      <c r="H699244" s="12"/>
    </row>
    <row r="699245" spans="8:8">
      <c r="H699245" s="12"/>
    </row>
    <row r="699246" spans="8:8">
      <c r="H699246" s="12"/>
    </row>
    <row r="699247" spans="8:8">
      <c r="H699247" s="12"/>
    </row>
    <row r="699248" spans="8:8">
      <c r="H699248" s="12"/>
    </row>
    <row r="699249" spans="8:8">
      <c r="H699249" s="12"/>
    </row>
    <row r="699250" spans="8:8">
      <c r="H699250" s="12"/>
    </row>
    <row r="699251" spans="8:8">
      <c r="H699251" s="12"/>
    </row>
    <row r="699252" spans="8:8">
      <c r="H699252" s="12"/>
    </row>
    <row r="699253" spans="8:8">
      <c r="H699253" s="12"/>
    </row>
    <row r="699254" spans="8:8">
      <c r="H699254" s="12"/>
    </row>
    <row r="699255" spans="8:8">
      <c r="H699255" s="12"/>
    </row>
    <row r="699256" spans="8:8">
      <c r="H699256" s="12"/>
    </row>
    <row r="699257" spans="8:8">
      <c r="H699257" s="12"/>
    </row>
    <row r="699258" spans="8:8">
      <c r="H699258" s="12"/>
    </row>
    <row r="699259" spans="8:8">
      <c r="H699259" s="12"/>
    </row>
    <row r="699260" spans="8:8">
      <c r="H699260" s="12"/>
    </row>
    <row r="699261" spans="8:8">
      <c r="H699261" s="12"/>
    </row>
    <row r="699262" spans="8:8">
      <c r="H699262" s="12"/>
    </row>
    <row r="699263" spans="8:8">
      <c r="H699263" s="12"/>
    </row>
    <row r="699264" spans="8:8">
      <c r="H699264" s="12"/>
    </row>
    <row r="699265" spans="8:8">
      <c r="H699265" s="12"/>
    </row>
    <row r="699266" spans="8:8">
      <c r="H699266" s="12"/>
    </row>
    <row r="699267" spans="8:8">
      <c r="H699267" s="12"/>
    </row>
    <row r="699268" spans="8:8">
      <c r="H699268" s="12"/>
    </row>
    <row r="699269" spans="8:8">
      <c r="H699269" s="12"/>
    </row>
    <row r="699270" spans="8:8">
      <c r="H699270" s="12"/>
    </row>
    <row r="699271" spans="8:8">
      <c r="H699271" s="12"/>
    </row>
    <row r="699272" spans="8:8">
      <c r="H699272" s="12"/>
    </row>
    <row r="699273" spans="8:8">
      <c r="H699273" s="12"/>
    </row>
    <row r="699274" spans="8:8">
      <c r="H699274" s="12"/>
    </row>
    <row r="699275" spans="8:8">
      <c r="H699275" s="12"/>
    </row>
    <row r="699276" spans="8:8">
      <c r="H699276" s="12"/>
    </row>
    <row r="699277" spans="8:8">
      <c r="H699277" s="12"/>
    </row>
    <row r="699278" spans="8:8">
      <c r="H699278" s="12"/>
    </row>
    <row r="699279" spans="8:8">
      <c r="H699279" s="12"/>
    </row>
    <row r="699280" spans="8:8">
      <c r="H699280" s="12"/>
    </row>
    <row r="699281" spans="8:8">
      <c r="H699281" s="12"/>
    </row>
    <row r="699282" spans="8:8">
      <c r="H699282" s="12"/>
    </row>
    <row r="699283" spans="8:8">
      <c r="H699283" s="12"/>
    </row>
    <row r="699284" spans="8:8">
      <c r="H699284" s="12"/>
    </row>
    <row r="699285" spans="8:8">
      <c r="H699285" s="12"/>
    </row>
    <row r="699286" spans="8:8">
      <c r="H699286" s="12"/>
    </row>
    <row r="699287" spans="8:8">
      <c r="H699287" s="12"/>
    </row>
    <row r="699288" spans="8:8">
      <c r="H699288" s="12"/>
    </row>
    <row r="699289" spans="8:8">
      <c r="H699289" s="12"/>
    </row>
    <row r="699290" spans="8:8">
      <c r="H699290" s="12"/>
    </row>
    <row r="699291" spans="8:8">
      <c r="H699291" s="12"/>
    </row>
    <row r="699292" spans="8:8">
      <c r="H699292" s="12"/>
    </row>
    <row r="699293" spans="8:8">
      <c r="H699293" s="12"/>
    </row>
    <row r="699294" spans="8:8">
      <c r="H699294" s="12"/>
    </row>
    <row r="699295" spans="8:8">
      <c r="H699295" s="12"/>
    </row>
    <row r="699296" spans="8:8">
      <c r="H699296" s="12"/>
    </row>
    <row r="699297" spans="8:8">
      <c r="H699297" s="12"/>
    </row>
    <row r="699298" spans="8:8">
      <c r="H699298" s="12"/>
    </row>
    <row r="699299" spans="8:8">
      <c r="H699299" s="12"/>
    </row>
    <row r="699300" spans="8:8">
      <c r="H699300" s="12"/>
    </row>
    <row r="699301" spans="8:8">
      <c r="H699301" s="12"/>
    </row>
    <row r="699302" spans="8:8">
      <c r="H699302" s="12"/>
    </row>
    <row r="699303" spans="8:8">
      <c r="H699303" s="12"/>
    </row>
    <row r="699304" spans="8:8">
      <c r="H699304" s="12"/>
    </row>
    <row r="699305" spans="8:8">
      <c r="H699305" s="12"/>
    </row>
    <row r="699306" spans="8:8">
      <c r="H699306" s="12"/>
    </row>
    <row r="699307" spans="8:8">
      <c r="H699307" s="12"/>
    </row>
    <row r="699308" spans="8:8">
      <c r="H699308" s="12"/>
    </row>
    <row r="699309" spans="8:8">
      <c r="H699309" s="12"/>
    </row>
    <row r="699310" spans="8:8">
      <c r="H699310" s="12"/>
    </row>
    <row r="699311" spans="8:8">
      <c r="H699311" s="12"/>
    </row>
    <row r="699312" spans="8:8">
      <c r="H699312" s="12"/>
    </row>
    <row r="699313" spans="8:8">
      <c r="H699313" s="12"/>
    </row>
    <row r="699314" spans="8:8">
      <c r="H699314" s="12"/>
    </row>
    <row r="699315" spans="8:8">
      <c r="H699315" s="12"/>
    </row>
    <row r="699316" spans="8:8">
      <c r="H699316" s="12"/>
    </row>
    <row r="699317" spans="8:8">
      <c r="H699317" s="12"/>
    </row>
    <row r="699318" spans="8:8">
      <c r="H699318" s="12"/>
    </row>
    <row r="699319" spans="8:8">
      <c r="H699319" s="12"/>
    </row>
    <row r="699320" spans="8:8">
      <c r="H699320" s="12"/>
    </row>
    <row r="699321" spans="8:8">
      <c r="H699321" s="12"/>
    </row>
    <row r="699322" spans="8:8">
      <c r="H699322" s="12"/>
    </row>
    <row r="699323" spans="8:8">
      <c r="H699323" s="12"/>
    </row>
    <row r="699324" spans="8:8">
      <c r="H699324" s="12"/>
    </row>
    <row r="699325" spans="8:8">
      <c r="H699325" s="12"/>
    </row>
    <row r="699326" spans="8:8">
      <c r="H699326" s="12"/>
    </row>
    <row r="699327" spans="8:8">
      <c r="H699327" s="12"/>
    </row>
    <row r="699328" spans="8:8">
      <c r="H699328" s="12"/>
    </row>
    <row r="699329" spans="8:8">
      <c r="H699329" s="12"/>
    </row>
    <row r="699330" spans="8:8">
      <c r="H699330" s="12"/>
    </row>
    <row r="699331" spans="8:8">
      <c r="H699331" s="12"/>
    </row>
    <row r="699332" spans="8:8">
      <c r="H699332" s="12"/>
    </row>
    <row r="699333" spans="8:8">
      <c r="H699333" s="12"/>
    </row>
    <row r="699334" spans="8:8">
      <c r="H699334" s="12"/>
    </row>
    <row r="699335" spans="8:8">
      <c r="H699335" s="12"/>
    </row>
    <row r="699336" spans="8:8">
      <c r="H699336" s="12"/>
    </row>
    <row r="699337" spans="8:8">
      <c r="H699337" s="12"/>
    </row>
    <row r="699338" spans="8:8">
      <c r="H699338" s="12"/>
    </row>
    <row r="699339" spans="8:8">
      <c r="H699339" s="12"/>
    </row>
    <row r="699340" spans="8:8">
      <c r="H699340" s="12"/>
    </row>
    <row r="699341" spans="8:8">
      <c r="H699341" s="12"/>
    </row>
    <row r="699342" spans="8:8">
      <c r="H699342" s="12"/>
    </row>
    <row r="699343" spans="8:8">
      <c r="H699343" s="12"/>
    </row>
    <row r="699344" spans="8:8">
      <c r="H699344" s="12"/>
    </row>
    <row r="699345" spans="8:8">
      <c r="H699345" s="12"/>
    </row>
    <row r="699346" spans="8:8">
      <c r="H699346" s="12"/>
    </row>
    <row r="699347" spans="8:8">
      <c r="H699347" s="12"/>
    </row>
    <row r="699348" spans="8:8">
      <c r="H699348" s="12"/>
    </row>
    <row r="699349" spans="8:8">
      <c r="H699349" s="12"/>
    </row>
    <row r="699350" spans="8:8">
      <c r="H699350" s="12"/>
    </row>
    <row r="699351" spans="8:8">
      <c r="H699351" s="12"/>
    </row>
    <row r="699352" spans="8:8">
      <c r="H699352" s="12"/>
    </row>
    <row r="699353" spans="8:8">
      <c r="H699353" s="12"/>
    </row>
    <row r="699354" spans="8:8">
      <c r="H699354" s="12"/>
    </row>
    <row r="699355" spans="8:8">
      <c r="H699355" s="12"/>
    </row>
    <row r="699356" spans="8:8">
      <c r="H699356" s="12"/>
    </row>
    <row r="699357" spans="8:8">
      <c r="H699357" s="12"/>
    </row>
    <row r="699358" spans="8:8">
      <c r="H699358" s="12"/>
    </row>
    <row r="699359" spans="8:8">
      <c r="H699359" s="12"/>
    </row>
    <row r="699360" spans="8:8">
      <c r="H699360" s="12"/>
    </row>
    <row r="699361" spans="8:8">
      <c r="H699361" s="12"/>
    </row>
    <row r="699362" spans="8:8">
      <c r="H699362" s="12"/>
    </row>
    <row r="699363" spans="8:8">
      <c r="H699363" s="12"/>
    </row>
    <row r="699364" spans="8:8">
      <c r="H699364" s="12"/>
    </row>
    <row r="699365" spans="8:8">
      <c r="H699365" s="12"/>
    </row>
    <row r="699366" spans="8:8">
      <c r="H699366" s="12"/>
    </row>
    <row r="699367" spans="8:8">
      <c r="H699367" s="12"/>
    </row>
    <row r="699368" spans="8:8">
      <c r="H699368" s="12"/>
    </row>
    <row r="699369" spans="8:8">
      <c r="H699369" s="12"/>
    </row>
    <row r="699370" spans="8:8">
      <c r="H699370" s="12"/>
    </row>
    <row r="699371" spans="8:8">
      <c r="H699371" s="12"/>
    </row>
    <row r="699372" spans="8:8">
      <c r="H699372" s="12"/>
    </row>
    <row r="699373" spans="8:8">
      <c r="H699373" s="12"/>
    </row>
    <row r="699374" spans="8:8">
      <c r="H699374" s="12"/>
    </row>
    <row r="699375" spans="8:8">
      <c r="H699375" s="12"/>
    </row>
    <row r="699376" spans="8:8">
      <c r="H699376" s="12"/>
    </row>
    <row r="699377" spans="8:8">
      <c r="H699377" s="12"/>
    </row>
    <row r="699378" spans="8:8">
      <c r="H699378" s="12"/>
    </row>
    <row r="699379" spans="8:8">
      <c r="H699379" s="12"/>
    </row>
    <row r="699380" spans="8:8">
      <c r="H699380" s="12"/>
    </row>
    <row r="699381" spans="8:8">
      <c r="H699381" s="12"/>
    </row>
    <row r="699382" spans="8:8">
      <c r="H699382" s="12"/>
    </row>
    <row r="699383" spans="8:8">
      <c r="H699383" s="12"/>
    </row>
    <row r="699384" spans="8:8">
      <c r="H699384" s="12"/>
    </row>
    <row r="699385" spans="8:8">
      <c r="H699385" s="12"/>
    </row>
    <row r="699386" spans="8:8">
      <c r="H699386" s="12"/>
    </row>
    <row r="699387" spans="8:8">
      <c r="H699387" s="12"/>
    </row>
    <row r="699388" spans="8:8">
      <c r="H699388" s="12"/>
    </row>
    <row r="699389" spans="8:8">
      <c r="H699389" s="12"/>
    </row>
    <row r="699390" spans="8:8">
      <c r="H699390" s="12"/>
    </row>
    <row r="699391" spans="8:8">
      <c r="H699391" s="12"/>
    </row>
    <row r="699392" spans="8:8">
      <c r="H699392" s="12"/>
    </row>
    <row r="699393" spans="8:8">
      <c r="H699393" s="12"/>
    </row>
    <row r="699394" spans="8:8">
      <c r="H699394" s="12"/>
    </row>
    <row r="699395" spans="8:8">
      <c r="H699395" s="12"/>
    </row>
    <row r="699396" spans="8:8">
      <c r="H699396" s="12"/>
    </row>
    <row r="699397" spans="8:8">
      <c r="H699397" s="12"/>
    </row>
    <row r="699398" spans="8:8">
      <c r="H699398" s="12"/>
    </row>
    <row r="699399" spans="8:8">
      <c r="H699399" s="12"/>
    </row>
    <row r="699400" spans="8:8">
      <c r="H699400" s="12"/>
    </row>
    <row r="699401" spans="8:8">
      <c r="H699401" s="12"/>
    </row>
    <row r="699402" spans="8:8">
      <c r="H699402" s="12"/>
    </row>
    <row r="699403" spans="8:8">
      <c r="H699403" s="12"/>
    </row>
    <row r="699404" spans="8:8">
      <c r="H699404" s="12"/>
    </row>
    <row r="699405" spans="8:8">
      <c r="H699405" s="12"/>
    </row>
    <row r="699406" spans="8:8">
      <c r="H699406" s="12"/>
    </row>
    <row r="699407" spans="8:8">
      <c r="H699407" s="12"/>
    </row>
    <row r="699408" spans="8:8">
      <c r="H699408" s="12"/>
    </row>
    <row r="699409" spans="8:8">
      <c r="H699409" s="12"/>
    </row>
    <row r="699410" spans="8:8">
      <c r="H699410" s="12"/>
    </row>
    <row r="699411" spans="8:8">
      <c r="H699411" s="12"/>
    </row>
    <row r="699412" spans="8:8">
      <c r="H699412" s="12"/>
    </row>
    <row r="699413" spans="8:8">
      <c r="H699413" s="12"/>
    </row>
    <row r="699414" spans="8:8">
      <c r="H699414" s="12"/>
    </row>
    <row r="699415" spans="8:8">
      <c r="H699415" s="12"/>
    </row>
    <row r="699416" spans="8:8">
      <c r="H699416" s="12"/>
    </row>
    <row r="699417" spans="8:8">
      <c r="H699417" s="12"/>
    </row>
    <row r="699418" spans="8:8">
      <c r="H699418" s="12"/>
    </row>
    <row r="699419" spans="8:8">
      <c r="H699419" s="12"/>
    </row>
    <row r="699420" spans="8:8">
      <c r="H699420" s="12"/>
    </row>
    <row r="699421" spans="8:8">
      <c r="H699421" s="12"/>
    </row>
    <row r="699422" spans="8:8">
      <c r="H699422" s="12"/>
    </row>
    <row r="699423" spans="8:8">
      <c r="H699423" s="12"/>
    </row>
    <row r="699424" spans="8:8">
      <c r="H699424" s="12"/>
    </row>
    <row r="699425" spans="8:8">
      <c r="H699425" s="12"/>
    </row>
    <row r="699426" spans="8:8">
      <c r="H699426" s="12"/>
    </row>
    <row r="699427" spans="8:8">
      <c r="H699427" s="12"/>
    </row>
    <row r="699428" spans="8:8">
      <c r="H699428" s="12"/>
    </row>
    <row r="699429" spans="8:8">
      <c r="H699429" s="12"/>
    </row>
    <row r="699430" spans="8:8">
      <c r="H699430" s="12"/>
    </row>
    <row r="699431" spans="8:8">
      <c r="H699431" s="12"/>
    </row>
    <row r="699432" spans="8:8">
      <c r="H699432" s="12"/>
    </row>
    <row r="699433" spans="8:8">
      <c r="H699433" s="12"/>
    </row>
    <row r="699434" spans="8:8">
      <c r="H699434" s="12"/>
    </row>
    <row r="699435" spans="8:8">
      <c r="H699435" s="12"/>
    </row>
    <row r="699436" spans="8:8">
      <c r="H699436" s="12"/>
    </row>
    <row r="699437" spans="8:8">
      <c r="H699437" s="12"/>
    </row>
    <row r="699438" spans="8:8">
      <c r="H699438" s="12"/>
    </row>
    <row r="699439" spans="8:8">
      <c r="H699439" s="12"/>
    </row>
    <row r="699440" spans="8:8">
      <c r="H699440" s="12"/>
    </row>
    <row r="699441" spans="8:8">
      <c r="H699441" s="12"/>
    </row>
    <row r="699442" spans="8:8">
      <c r="H699442" s="12"/>
    </row>
    <row r="699443" spans="8:8">
      <c r="H699443" s="12"/>
    </row>
    <row r="699444" spans="8:8">
      <c r="H699444" s="12"/>
    </row>
    <row r="699445" spans="8:8">
      <c r="H699445" s="12"/>
    </row>
    <row r="699446" spans="8:8">
      <c r="H699446" s="12"/>
    </row>
    <row r="699447" spans="8:8">
      <c r="H699447" s="12"/>
    </row>
    <row r="699448" spans="8:8">
      <c r="H699448" s="12"/>
    </row>
    <row r="699449" spans="8:8">
      <c r="H699449" s="12"/>
    </row>
    <row r="699450" spans="8:8">
      <c r="H699450" s="12"/>
    </row>
    <row r="699451" spans="8:8">
      <c r="H699451" s="12"/>
    </row>
    <row r="699452" spans="8:8">
      <c r="H699452" s="12"/>
    </row>
    <row r="699453" spans="8:8">
      <c r="H699453" s="12"/>
    </row>
    <row r="699454" spans="8:8">
      <c r="H699454" s="12"/>
    </row>
    <row r="699455" spans="8:8">
      <c r="H699455" s="12"/>
    </row>
    <row r="699456" spans="8:8">
      <c r="H699456" s="12"/>
    </row>
    <row r="699457" spans="8:8">
      <c r="H699457" s="12"/>
    </row>
    <row r="699458" spans="8:8">
      <c r="H699458" s="12"/>
    </row>
    <row r="699459" spans="8:8">
      <c r="H699459" s="12"/>
    </row>
    <row r="699460" spans="8:8">
      <c r="H699460" s="12"/>
    </row>
    <row r="699461" spans="8:8">
      <c r="H699461" s="12"/>
    </row>
    <row r="699462" spans="8:8">
      <c r="H699462" s="12"/>
    </row>
    <row r="699463" spans="8:8">
      <c r="H699463" s="12"/>
    </row>
    <row r="699464" spans="8:8">
      <c r="H699464" s="12"/>
    </row>
    <row r="699465" spans="8:8">
      <c r="H699465" s="12"/>
    </row>
    <row r="699466" spans="8:8">
      <c r="H699466" s="12"/>
    </row>
    <row r="699467" spans="8:8">
      <c r="H699467" s="12"/>
    </row>
    <row r="699468" spans="8:8">
      <c r="H699468" s="12"/>
    </row>
    <row r="699469" spans="8:8">
      <c r="H699469" s="12"/>
    </row>
    <row r="699470" spans="8:8">
      <c r="H699470" s="12"/>
    </row>
    <row r="699471" spans="8:8">
      <c r="H699471" s="12"/>
    </row>
    <row r="699472" spans="8:8">
      <c r="H699472" s="12"/>
    </row>
    <row r="699473" spans="8:8">
      <c r="H699473" s="12"/>
    </row>
    <row r="699474" spans="8:8">
      <c r="H699474" s="12"/>
    </row>
    <row r="699475" spans="8:8">
      <c r="H699475" s="12"/>
    </row>
    <row r="699476" spans="8:8">
      <c r="H699476" s="12"/>
    </row>
    <row r="699477" spans="8:8">
      <c r="H699477" s="12"/>
    </row>
    <row r="699478" spans="8:8">
      <c r="H699478" s="12"/>
    </row>
    <row r="699479" spans="8:8">
      <c r="H699479" s="12"/>
    </row>
    <row r="699480" spans="8:8">
      <c r="H699480" s="12"/>
    </row>
    <row r="699481" spans="8:8">
      <c r="H699481" s="12"/>
    </row>
    <row r="699482" spans="8:8">
      <c r="H699482" s="12"/>
    </row>
    <row r="699483" spans="8:8">
      <c r="H699483" s="12"/>
    </row>
    <row r="699484" spans="8:8">
      <c r="H699484" s="12"/>
    </row>
    <row r="699485" spans="8:8">
      <c r="H699485" s="12"/>
    </row>
    <row r="699486" spans="8:8">
      <c r="H699486" s="12"/>
    </row>
    <row r="699487" spans="8:8">
      <c r="H699487" s="12"/>
    </row>
    <row r="699488" spans="8:8">
      <c r="H699488" s="12"/>
    </row>
    <row r="699489" spans="8:8">
      <c r="H699489" s="12"/>
    </row>
    <row r="699490" spans="8:8">
      <c r="H699490" s="12"/>
    </row>
    <row r="699491" spans="8:8">
      <c r="H699491" s="12"/>
    </row>
    <row r="699492" spans="8:8">
      <c r="H699492" s="12"/>
    </row>
    <row r="699493" spans="8:8">
      <c r="H699493" s="12"/>
    </row>
    <row r="699494" spans="8:8">
      <c r="H699494" s="12"/>
    </row>
    <row r="699495" spans="8:8">
      <c r="H699495" s="12"/>
    </row>
    <row r="699496" spans="8:8">
      <c r="H699496" s="12"/>
    </row>
    <row r="699497" spans="8:8">
      <c r="H699497" s="12"/>
    </row>
    <row r="699498" spans="8:8">
      <c r="H699498" s="12"/>
    </row>
    <row r="699499" spans="8:8">
      <c r="H699499" s="12"/>
    </row>
    <row r="699500" spans="8:8">
      <c r="H699500" s="12"/>
    </row>
    <row r="699501" spans="8:8">
      <c r="H699501" s="12"/>
    </row>
    <row r="699502" spans="8:8">
      <c r="H699502" s="12"/>
    </row>
    <row r="699503" spans="8:8">
      <c r="H699503" s="12"/>
    </row>
    <row r="699504" spans="8:8">
      <c r="H699504" s="12"/>
    </row>
    <row r="699505" spans="8:8">
      <c r="H699505" s="12"/>
    </row>
    <row r="699506" spans="8:8">
      <c r="H699506" s="12"/>
    </row>
    <row r="699507" spans="8:8">
      <c r="H699507" s="12"/>
    </row>
    <row r="699508" spans="8:8">
      <c r="H699508" s="12"/>
    </row>
    <row r="699509" spans="8:8">
      <c r="H699509" s="12"/>
    </row>
    <row r="699510" spans="8:8">
      <c r="H699510" s="12"/>
    </row>
    <row r="699511" spans="8:8">
      <c r="H699511" s="12"/>
    </row>
    <row r="699512" spans="8:8">
      <c r="H699512" s="12"/>
    </row>
    <row r="699513" spans="8:8">
      <c r="H699513" s="12"/>
    </row>
    <row r="699514" spans="8:8">
      <c r="H699514" s="12"/>
    </row>
    <row r="699515" spans="8:8">
      <c r="H699515" s="12"/>
    </row>
    <row r="699516" spans="8:8">
      <c r="H699516" s="12"/>
    </row>
    <row r="699517" spans="8:8">
      <c r="H699517" s="12"/>
    </row>
    <row r="699518" spans="8:8">
      <c r="H699518" s="12"/>
    </row>
    <row r="699519" spans="8:8">
      <c r="H699519" s="12"/>
    </row>
    <row r="699520" spans="8:8">
      <c r="H699520" s="12"/>
    </row>
    <row r="699521" spans="8:8">
      <c r="H699521" s="12"/>
    </row>
    <row r="699522" spans="8:8">
      <c r="H699522" s="12"/>
    </row>
    <row r="699523" spans="8:8">
      <c r="H699523" s="12"/>
    </row>
    <row r="699524" spans="8:8">
      <c r="H699524" s="12"/>
    </row>
    <row r="699525" spans="8:8">
      <c r="H699525" s="12"/>
    </row>
    <row r="699526" spans="8:8">
      <c r="H699526" s="12"/>
    </row>
    <row r="699527" spans="8:8">
      <c r="H699527" s="12"/>
    </row>
    <row r="699528" spans="8:8">
      <c r="H699528" s="12"/>
    </row>
    <row r="699529" spans="8:8">
      <c r="H699529" s="12"/>
    </row>
    <row r="699530" spans="8:8">
      <c r="H699530" s="12"/>
    </row>
    <row r="699531" spans="8:8">
      <c r="H699531" s="12"/>
    </row>
    <row r="699532" spans="8:8">
      <c r="H699532" s="12"/>
    </row>
    <row r="699533" spans="8:8">
      <c r="H699533" s="12"/>
    </row>
    <row r="699534" spans="8:8">
      <c r="H699534" s="12"/>
    </row>
    <row r="699535" spans="8:8">
      <c r="H699535" s="12"/>
    </row>
    <row r="699536" spans="8:8">
      <c r="H699536" s="12"/>
    </row>
    <row r="699537" spans="8:8">
      <c r="H699537" s="12"/>
    </row>
    <row r="699538" spans="8:8">
      <c r="H699538" s="12"/>
    </row>
    <row r="699539" spans="8:8">
      <c r="H699539" s="12"/>
    </row>
    <row r="699540" spans="8:8">
      <c r="H699540" s="12"/>
    </row>
    <row r="699541" spans="8:8">
      <c r="H699541" s="12"/>
    </row>
    <row r="699542" spans="8:8">
      <c r="H699542" s="12"/>
    </row>
    <row r="699543" spans="8:8">
      <c r="H699543" s="12"/>
    </row>
    <row r="699544" spans="8:8">
      <c r="H699544" s="12"/>
    </row>
    <row r="699545" spans="8:8">
      <c r="H699545" s="12"/>
    </row>
    <row r="699546" spans="8:8">
      <c r="H699546" s="12"/>
    </row>
    <row r="699547" spans="8:8">
      <c r="H699547" s="12"/>
    </row>
    <row r="699548" spans="8:8">
      <c r="H699548" s="12"/>
    </row>
    <row r="699549" spans="8:8">
      <c r="H699549" s="12"/>
    </row>
    <row r="699550" spans="8:8">
      <c r="H699550" s="12"/>
    </row>
    <row r="699551" spans="8:8">
      <c r="H699551" s="12"/>
    </row>
    <row r="699552" spans="8:8">
      <c r="H699552" s="12"/>
    </row>
    <row r="699553" spans="8:8">
      <c r="H699553" s="12"/>
    </row>
    <row r="699554" spans="8:8">
      <c r="H699554" s="12"/>
    </row>
    <row r="699555" spans="8:8">
      <c r="H699555" s="12"/>
    </row>
    <row r="699556" spans="8:8">
      <c r="H699556" s="12"/>
    </row>
    <row r="699557" spans="8:8">
      <c r="H699557" s="12"/>
    </row>
    <row r="699558" spans="8:8">
      <c r="H699558" s="12"/>
    </row>
    <row r="699559" spans="8:8">
      <c r="H699559" s="12"/>
    </row>
    <row r="699560" spans="8:8">
      <c r="H699560" s="12"/>
    </row>
    <row r="699561" spans="8:8">
      <c r="H699561" s="12"/>
    </row>
    <row r="699562" spans="8:8">
      <c r="H699562" s="12"/>
    </row>
    <row r="699563" spans="8:8">
      <c r="H699563" s="12"/>
    </row>
    <row r="699564" spans="8:8">
      <c r="H699564" s="12"/>
    </row>
    <row r="699565" spans="8:8">
      <c r="H699565" s="12"/>
    </row>
    <row r="699566" spans="8:8">
      <c r="H699566" s="12"/>
    </row>
    <row r="699567" spans="8:8">
      <c r="H699567" s="12"/>
    </row>
    <row r="699568" spans="8:8">
      <c r="H699568" s="12"/>
    </row>
    <row r="699569" spans="8:8">
      <c r="H699569" s="12"/>
    </row>
    <row r="699570" spans="8:8">
      <c r="H699570" s="12"/>
    </row>
    <row r="699571" spans="8:8">
      <c r="H699571" s="12"/>
    </row>
    <row r="699572" spans="8:8">
      <c r="H699572" s="12"/>
    </row>
    <row r="699573" spans="8:8">
      <c r="H699573" s="12"/>
    </row>
    <row r="699574" spans="8:8">
      <c r="H699574" s="12"/>
    </row>
    <row r="699575" spans="8:8">
      <c r="H699575" s="12"/>
    </row>
    <row r="699576" spans="8:8">
      <c r="H699576" s="12"/>
    </row>
    <row r="699577" spans="8:8">
      <c r="H699577" s="12"/>
    </row>
    <row r="699578" spans="8:8">
      <c r="H699578" s="12"/>
    </row>
    <row r="699579" spans="8:8">
      <c r="H699579" s="12"/>
    </row>
    <row r="699580" spans="8:8">
      <c r="H699580" s="12"/>
    </row>
    <row r="699581" spans="8:8">
      <c r="H699581" s="12"/>
    </row>
    <row r="699582" spans="8:8">
      <c r="H699582" s="12"/>
    </row>
    <row r="699583" spans="8:8">
      <c r="H699583" s="12"/>
    </row>
    <row r="699584" spans="8:8">
      <c r="H699584" s="12"/>
    </row>
    <row r="699585" spans="8:8">
      <c r="H699585" s="12"/>
    </row>
    <row r="699586" spans="8:8">
      <c r="H699586" s="12"/>
    </row>
    <row r="699587" spans="8:8">
      <c r="H699587" s="12"/>
    </row>
    <row r="699588" spans="8:8">
      <c r="H699588" s="12"/>
    </row>
    <row r="699589" spans="8:8">
      <c r="H699589" s="12"/>
    </row>
    <row r="699590" spans="8:8">
      <c r="H699590" s="12"/>
    </row>
    <row r="699591" spans="8:8">
      <c r="H699591" s="12"/>
    </row>
    <row r="699592" spans="8:8">
      <c r="H699592" s="12"/>
    </row>
    <row r="699593" spans="8:8">
      <c r="H699593" s="12"/>
    </row>
    <row r="699594" spans="8:8">
      <c r="H699594" s="12"/>
    </row>
    <row r="699595" spans="8:8">
      <c r="H699595" s="12"/>
    </row>
    <row r="699596" spans="8:8">
      <c r="H699596" s="12"/>
    </row>
    <row r="699597" spans="8:8">
      <c r="H699597" s="12"/>
    </row>
    <row r="699598" spans="8:8">
      <c r="H699598" s="12"/>
    </row>
    <row r="699599" spans="8:8">
      <c r="H699599" s="12"/>
    </row>
    <row r="699600" spans="8:8">
      <c r="H699600" s="12"/>
    </row>
    <row r="699601" spans="8:8">
      <c r="H699601" s="12"/>
    </row>
    <row r="699602" spans="8:8">
      <c r="H699602" s="12"/>
    </row>
    <row r="699603" spans="8:8">
      <c r="H699603" s="12"/>
    </row>
    <row r="699604" spans="8:8">
      <c r="H699604" s="12"/>
    </row>
    <row r="699605" spans="8:8">
      <c r="H699605" s="12"/>
    </row>
    <row r="699606" spans="8:8">
      <c r="H699606" s="12"/>
    </row>
    <row r="699607" spans="8:8">
      <c r="H699607" s="12"/>
    </row>
    <row r="699608" spans="8:8">
      <c r="H699608" s="12"/>
    </row>
    <row r="699609" spans="8:8">
      <c r="H699609" s="12"/>
    </row>
    <row r="699610" spans="8:8">
      <c r="H699610" s="12"/>
    </row>
    <row r="699611" spans="8:8">
      <c r="H699611" s="12"/>
    </row>
    <row r="699612" spans="8:8">
      <c r="H699612" s="12"/>
    </row>
    <row r="699613" spans="8:8">
      <c r="H699613" s="12"/>
    </row>
    <row r="699614" spans="8:8">
      <c r="H699614" s="12"/>
    </row>
    <row r="699615" spans="8:8">
      <c r="H699615" s="12"/>
    </row>
    <row r="699616" spans="8:8">
      <c r="H699616" s="12"/>
    </row>
    <row r="699617" spans="8:8">
      <c r="H699617" s="12"/>
    </row>
    <row r="699618" spans="8:8">
      <c r="H699618" s="12"/>
    </row>
    <row r="699619" spans="8:8">
      <c r="H699619" s="12"/>
    </row>
    <row r="699620" spans="8:8">
      <c r="H699620" s="12"/>
    </row>
    <row r="699621" spans="8:8">
      <c r="H699621" s="12"/>
    </row>
    <row r="699622" spans="8:8">
      <c r="H699622" s="12"/>
    </row>
    <row r="699623" spans="8:8">
      <c r="H699623" s="12"/>
    </row>
    <row r="699624" spans="8:8">
      <c r="H699624" s="12"/>
    </row>
    <row r="699625" spans="8:8">
      <c r="H699625" s="12"/>
    </row>
    <row r="699626" spans="8:8">
      <c r="H699626" s="12"/>
    </row>
    <row r="699627" spans="8:8">
      <c r="H699627" s="12"/>
    </row>
    <row r="699628" spans="8:8">
      <c r="H699628" s="12"/>
    </row>
    <row r="699629" spans="8:8">
      <c r="H699629" s="12"/>
    </row>
    <row r="699630" spans="8:8">
      <c r="H699630" s="12"/>
    </row>
    <row r="699631" spans="8:8">
      <c r="H699631" s="12"/>
    </row>
    <row r="699632" spans="8:8">
      <c r="H699632" s="12"/>
    </row>
    <row r="699633" spans="8:8">
      <c r="H699633" s="12"/>
    </row>
    <row r="699634" spans="8:8">
      <c r="H699634" s="12"/>
    </row>
    <row r="699635" spans="8:8">
      <c r="H699635" s="12"/>
    </row>
    <row r="699636" spans="8:8">
      <c r="H699636" s="12"/>
    </row>
    <row r="699637" spans="8:8">
      <c r="H699637" s="12"/>
    </row>
    <row r="699638" spans="8:8">
      <c r="H699638" s="12"/>
    </row>
    <row r="699639" spans="8:8">
      <c r="H699639" s="12"/>
    </row>
    <row r="699640" spans="8:8">
      <c r="H699640" s="12"/>
    </row>
    <row r="699641" spans="8:8">
      <c r="H699641" s="12"/>
    </row>
    <row r="699642" spans="8:8">
      <c r="H699642" s="12"/>
    </row>
    <row r="699643" spans="8:8">
      <c r="H699643" s="12"/>
    </row>
    <row r="699644" spans="8:8">
      <c r="H699644" s="12"/>
    </row>
    <row r="699645" spans="8:8">
      <c r="H699645" s="12"/>
    </row>
    <row r="699646" spans="8:8">
      <c r="H699646" s="12"/>
    </row>
    <row r="699647" spans="8:8">
      <c r="H699647" s="12"/>
    </row>
    <row r="699648" spans="8:8">
      <c r="H699648" s="12"/>
    </row>
    <row r="699649" spans="8:8">
      <c r="H699649" s="12"/>
    </row>
    <row r="699650" spans="8:8">
      <c r="H699650" s="12"/>
    </row>
    <row r="699651" spans="8:8">
      <c r="H699651" s="12"/>
    </row>
    <row r="699652" spans="8:8">
      <c r="H699652" s="12"/>
    </row>
    <row r="699653" spans="8:8">
      <c r="H699653" s="12"/>
    </row>
    <row r="699654" spans="8:8">
      <c r="H699654" s="12"/>
    </row>
    <row r="699655" spans="8:8">
      <c r="H699655" s="12"/>
    </row>
    <row r="699656" spans="8:8">
      <c r="H699656" s="12"/>
    </row>
    <row r="699657" spans="8:8">
      <c r="H699657" s="12"/>
    </row>
    <row r="699658" spans="8:8">
      <c r="H699658" s="12"/>
    </row>
    <row r="699659" spans="8:8">
      <c r="H699659" s="12"/>
    </row>
    <row r="699660" spans="8:8">
      <c r="H699660" s="12"/>
    </row>
    <row r="699661" spans="8:8">
      <c r="H699661" s="12"/>
    </row>
    <row r="699662" spans="8:8">
      <c r="H699662" s="12"/>
    </row>
    <row r="699663" spans="8:8">
      <c r="H699663" s="12"/>
    </row>
    <row r="699664" spans="8:8">
      <c r="H699664" s="12"/>
    </row>
    <row r="699665" spans="8:8">
      <c r="H699665" s="12"/>
    </row>
    <row r="699666" spans="8:8">
      <c r="H699666" s="12"/>
    </row>
    <row r="699667" spans="8:8">
      <c r="H699667" s="12"/>
    </row>
    <row r="699668" spans="8:8">
      <c r="H699668" s="12"/>
    </row>
    <row r="699669" spans="8:8">
      <c r="H699669" s="12"/>
    </row>
    <row r="699670" spans="8:8">
      <c r="H699670" s="12"/>
    </row>
    <row r="699671" spans="8:8">
      <c r="H699671" s="12"/>
    </row>
    <row r="699672" spans="8:8">
      <c r="H699672" s="12"/>
    </row>
    <row r="699673" spans="8:8">
      <c r="H699673" s="12"/>
    </row>
    <row r="699674" spans="8:8">
      <c r="H699674" s="12"/>
    </row>
    <row r="699675" spans="8:8">
      <c r="H699675" s="12"/>
    </row>
    <row r="699676" spans="8:8">
      <c r="H699676" s="12"/>
    </row>
    <row r="699677" spans="8:8">
      <c r="H699677" s="12"/>
    </row>
    <row r="699678" spans="8:8">
      <c r="H699678" s="12"/>
    </row>
    <row r="699679" spans="8:8">
      <c r="H699679" s="12"/>
    </row>
    <row r="699680" spans="8:8">
      <c r="H699680" s="12"/>
    </row>
    <row r="699681" spans="8:8">
      <c r="H699681" s="12"/>
    </row>
    <row r="699682" spans="8:8">
      <c r="H699682" s="12"/>
    </row>
    <row r="699683" spans="8:8">
      <c r="H699683" s="12"/>
    </row>
    <row r="699684" spans="8:8">
      <c r="H699684" s="12"/>
    </row>
    <row r="699685" spans="8:8">
      <c r="H699685" s="12"/>
    </row>
    <row r="699686" spans="8:8">
      <c r="H699686" s="12"/>
    </row>
    <row r="699687" spans="8:8">
      <c r="H699687" s="12"/>
    </row>
    <row r="699688" spans="8:8">
      <c r="H699688" s="12"/>
    </row>
    <row r="699689" spans="8:8">
      <c r="H699689" s="12"/>
    </row>
    <row r="699690" spans="8:8">
      <c r="H699690" s="12"/>
    </row>
    <row r="699691" spans="8:8">
      <c r="H699691" s="12"/>
    </row>
    <row r="699692" spans="8:8">
      <c r="H699692" s="12"/>
    </row>
    <row r="699693" spans="8:8">
      <c r="H699693" s="12"/>
    </row>
    <row r="699694" spans="8:8">
      <c r="H699694" s="12"/>
    </row>
    <row r="699695" spans="8:8">
      <c r="H699695" s="12"/>
    </row>
    <row r="699696" spans="8:8">
      <c r="H699696" s="12"/>
    </row>
    <row r="699697" spans="8:8">
      <c r="H699697" s="12"/>
    </row>
    <row r="699698" spans="8:8">
      <c r="H699698" s="12"/>
    </row>
    <row r="699699" spans="8:8">
      <c r="H699699" s="12"/>
    </row>
    <row r="699700" spans="8:8">
      <c r="H699700" s="12"/>
    </row>
    <row r="699701" spans="8:8">
      <c r="H699701" s="12"/>
    </row>
    <row r="699702" spans="8:8">
      <c r="H699702" s="12"/>
    </row>
    <row r="699703" spans="8:8">
      <c r="H699703" s="12"/>
    </row>
    <row r="699704" spans="8:8">
      <c r="H699704" s="12"/>
    </row>
    <row r="699705" spans="8:8">
      <c r="H699705" s="12"/>
    </row>
    <row r="699706" spans="8:8">
      <c r="H699706" s="12"/>
    </row>
    <row r="699707" spans="8:8">
      <c r="H699707" s="12"/>
    </row>
    <row r="699708" spans="8:8">
      <c r="H699708" s="12"/>
    </row>
    <row r="699709" spans="8:8">
      <c r="H699709" s="12"/>
    </row>
    <row r="699710" spans="8:8">
      <c r="H699710" s="12"/>
    </row>
    <row r="699711" spans="8:8">
      <c r="H699711" s="12"/>
    </row>
    <row r="699712" spans="8:8">
      <c r="H699712" s="12"/>
    </row>
    <row r="699713" spans="8:8">
      <c r="H699713" s="12"/>
    </row>
    <row r="699714" spans="8:8">
      <c r="H699714" s="12"/>
    </row>
    <row r="699715" spans="8:8">
      <c r="H699715" s="12"/>
    </row>
    <row r="699716" spans="8:8">
      <c r="H699716" s="12"/>
    </row>
    <row r="699717" spans="8:8">
      <c r="H699717" s="12"/>
    </row>
    <row r="699718" spans="8:8">
      <c r="H699718" s="12"/>
    </row>
    <row r="699719" spans="8:8">
      <c r="H699719" s="12"/>
    </row>
    <row r="699720" spans="8:8">
      <c r="H699720" s="12"/>
    </row>
    <row r="699721" spans="8:8">
      <c r="H699721" s="12"/>
    </row>
    <row r="699722" spans="8:8">
      <c r="H699722" s="12"/>
    </row>
    <row r="699723" spans="8:8">
      <c r="H699723" s="12"/>
    </row>
    <row r="699724" spans="8:8">
      <c r="H699724" s="12"/>
    </row>
    <row r="699725" spans="8:8">
      <c r="H699725" s="12"/>
    </row>
    <row r="699726" spans="8:8">
      <c r="H699726" s="12"/>
    </row>
    <row r="699727" spans="8:8">
      <c r="H699727" s="12"/>
    </row>
    <row r="699728" spans="8:8">
      <c r="H699728" s="12"/>
    </row>
    <row r="699729" spans="8:8">
      <c r="H699729" s="12"/>
    </row>
    <row r="699730" spans="8:8">
      <c r="H699730" s="12"/>
    </row>
    <row r="699731" spans="8:8">
      <c r="H699731" s="12"/>
    </row>
    <row r="699732" spans="8:8">
      <c r="H699732" s="12"/>
    </row>
    <row r="699733" spans="8:8">
      <c r="H699733" s="12"/>
    </row>
    <row r="699734" spans="8:8">
      <c r="H699734" s="12"/>
    </row>
    <row r="699735" spans="8:8">
      <c r="H699735" s="12"/>
    </row>
    <row r="699736" spans="8:8">
      <c r="H699736" s="12"/>
    </row>
    <row r="699737" spans="8:8">
      <c r="H699737" s="12"/>
    </row>
    <row r="699738" spans="8:8">
      <c r="H699738" s="12"/>
    </row>
    <row r="699739" spans="8:8">
      <c r="H699739" s="12"/>
    </row>
    <row r="699740" spans="8:8">
      <c r="H699740" s="12"/>
    </row>
    <row r="699741" spans="8:8">
      <c r="H699741" s="12"/>
    </row>
    <row r="699742" spans="8:8">
      <c r="H699742" s="12"/>
    </row>
    <row r="699743" spans="8:8">
      <c r="H699743" s="12"/>
    </row>
    <row r="699744" spans="8:8">
      <c r="H699744" s="12"/>
    </row>
    <row r="699745" spans="8:8">
      <c r="H699745" s="12"/>
    </row>
    <row r="699746" spans="8:8">
      <c r="H699746" s="12"/>
    </row>
    <row r="699747" spans="8:8">
      <c r="H699747" s="12"/>
    </row>
    <row r="699748" spans="8:8">
      <c r="H699748" s="12"/>
    </row>
    <row r="699749" spans="8:8">
      <c r="H699749" s="12"/>
    </row>
    <row r="699750" spans="8:8">
      <c r="H699750" s="12"/>
    </row>
    <row r="699751" spans="8:8">
      <c r="H699751" s="12"/>
    </row>
    <row r="699752" spans="8:8">
      <c r="H699752" s="12"/>
    </row>
    <row r="699753" spans="8:8">
      <c r="H699753" s="12"/>
    </row>
    <row r="699754" spans="8:8">
      <c r="H699754" s="12"/>
    </row>
    <row r="699755" spans="8:8">
      <c r="H699755" s="12"/>
    </row>
    <row r="699756" spans="8:8">
      <c r="H699756" s="12"/>
    </row>
    <row r="699757" spans="8:8">
      <c r="H699757" s="12"/>
    </row>
    <row r="699758" spans="8:8">
      <c r="H699758" s="12"/>
    </row>
    <row r="699759" spans="8:8">
      <c r="H699759" s="12"/>
    </row>
    <row r="699760" spans="8:8">
      <c r="H699760" s="12"/>
    </row>
    <row r="699761" spans="8:8">
      <c r="H699761" s="12"/>
    </row>
    <row r="699762" spans="8:8">
      <c r="H699762" s="12"/>
    </row>
    <row r="699763" spans="8:8">
      <c r="H699763" s="12"/>
    </row>
    <row r="699764" spans="8:8">
      <c r="H699764" s="12"/>
    </row>
    <row r="699765" spans="8:8">
      <c r="H699765" s="12"/>
    </row>
    <row r="699766" spans="8:8">
      <c r="H699766" s="12"/>
    </row>
    <row r="699767" spans="8:8">
      <c r="H699767" s="12"/>
    </row>
    <row r="699768" spans="8:8">
      <c r="H699768" s="12"/>
    </row>
    <row r="699769" spans="8:8">
      <c r="H699769" s="12"/>
    </row>
    <row r="699770" spans="8:8">
      <c r="H699770" s="12"/>
    </row>
    <row r="699771" spans="8:8">
      <c r="H699771" s="12"/>
    </row>
    <row r="699772" spans="8:8">
      <c r="H699772" s="12"/>
    </row>
    <row r="699773" spans="8:8">
      <c r="H699773" s="12"/>
    </row>
    <row r="699774" spans="8:8">
      <c r="H699774" s="12"/>
    </row>
    <row r="699775" spans="8:8">
      <c r="H699775" s="12"/>
    </row>
    <row r="699776" spans="8:8">
      <c r="H699776" s="12"/>
    </row>
    <row r="699777" spans="8:8">
      <c r="H699777" s="12"/>
    </row>
    <row r="699778" spans="8:8">
      <c r="H699778" s="12"/>
    </row>
    <row r="699779" spans="8:8">
      <c r="H699779" s="12"/>
    </row>
    <row r="699780" spans="8:8">
      <c r="H699780" s="12"/>
    </row>
    <row r="699781" spans="8:8">
      <c r="H699781" s="12"/>
    </row>
    <row r="699782" spans="8:8">
      <c r="H699782" s="12"/>
    </row>
    <row r="699783" spans="8:8">
      <c r="H699783" s="12"/>
    </row>
    <row r="699784" spans="8:8">
      <c r="H699784" s="12"/>
    </row>
    <row r="699785" spans="8:8">
      <c r="H699785" s="12"/>
    </row>
    <row r="699786" spans="8:8">
      <c r="H699786" s="12"/>
    </row>
    <row r="699787" spans="8:8">
      <c r="H699787" s="12"/>
    </row>
    <row r="699788" spans="8:8">
      <c r="H699788" s="12"/>
    </row>
    <row r="699789" spans="8:8">
      <c r="H699789" s="12"/>
    </row>
    <row r="699790" spans="8:8">
      <c r="H699790" s="12"/>
    </row>
    <row r="699791" spans="8:8">
      <c r="H699791" s="12"/>
    </row>
    <row r="699792" spans="8:8">
      <c r="H699792" s="12"/>
    </row>
    <row r="699793" spans="8:8">
      <c r="H699793" s="12"/>
    </row>
    <row r="699794" spans="8:8">
      <c r="H699794" s="12"/>
    </row>
    <row r="699795" spans="8:8">
      <c r="H699795" s="12"/>
    </row>
    <row r="699796" spans="8:8">
      <c r="H699796" s="12"/>
    </row>
    <row r="699797" spans="8:8">
      <c r="H699797" s="12"/>
    </row>
    <row r="699798" spans="8:8">
      <c r="H699798" s="12"/>
    </row>
    <row r="699799" spans="8:8">
      <c r="H699799" s="12"/>
    </row>
    <row r="699800" spans="8:8">
      <c r="H699800" s="12"/>
    </row>
    <row r="699801" spans="8:8">
      <c r="H699801" s="12"/>
    </row>
    <row r="699802" spans="8:8">
      <c r="H699802" s="12"/>
    </row>
    <row r="699803" spans="8:8">
      <c r="H699803" s="12"/>
    </row>
    <row r="699804" spans="8:8">
      <c r="H699804" s="12"/>
    </row>
    <row r="699805" spans="8:8">
      <c r="H699805" s="12"/>
    </row>
    <row r="699806" spans="8:8">
      <c r="H699806" s="12"/>
    </row>
    <row r="699807" spans="8:8">
      <c r="H699807" s="12"/>
    </row>
    <row r="699808" spans="8:8">
      <c r="H699808" s="12"/>
    </row>
    <row r="699809" spans="8:8">
      <c r="H699809" s="12"/>
    </row>
    <row r="699810" spans="8:8">
      <c r="H699810" s="12"/>
    </row>
    <row r="699811" spans="8:8">
      <c r="H699811" s="12"/>
    </row>
    <row r="699812" spans="8:8">
      <c r="H699812" s="12"/>
    </row>
    <row r="699813" spans="8:8">
      <c r="H699813" s="12"/>
    </row>
    <row r="699814" spans="8:8">
      <c r="H699814" s="12"/>
    </row>
    <row r="699815" spans="8:8">
      <c r="H699815" s="12"/>
    </row>
    <row r="699816" spans="8:8">
      <c r="H699816" s="12"/>
    </row>
    <row r="699817" spans="8:8">
      <c r="H699817" s="12"/>
    </row>
    <row r="699818" spans="8:8">
      <c r="H699818" s="12"/>
    </row>
    <row r="699819" spans="8:8">
      <c r="H699819" s="12"/>
    </row>
    <row r="699820" spans="8:8">
      <c r="H699820" s="12"/>
    </row>
    <row r="699821" spans="8:8">
      <c r="H699821" s="12"/>
    </row>
    <row r="699822" spans="8:8">
      <c r="H699822" s="12"/>
    </row>
    <row r="699823" spans="8:8">
      <c r="H699823" s="12"/>
    </row>
    <row r="699824" spans="8:8">
      <c r="H699824" s="12"/>
    </row>
    <row r="699825" spans="8:8">
      <c r="H699825" s="12"/>
    </row>
    <row r="699826" spans="8:8">
      <c r="H699826" s="12"/>
    </row>
    <row r="699827" spans="8:8">
      <c r="H699827" s="12"/>
    </row>
    <row r="699828" spans="8:8">
      <c r="H699828" s="12"/>
    </row>
    <row r="699829" spans="8:8">
      <c r="H699829" s="12"/>
    </row>
    <row r="699830" spans="8:8">
      <c r="H699830" s="12"/>
    </row>
    <row r="699831" spans="8:8">
      <c r="H699831" s="12"/>
    </row>
    <row r="699832" spans="8:8">
      <c r="H699832" s="12"/>
    </row>
    <row r="699833" spans="8:8">
      <c r="H699833" s="12"/>
    </row>
    <row r="699834" spans="8:8">
      <c r="H699834" s="12"/>
    </row>
    <row r="699835" spans="8:8">
      <c r="H699835" s="12"/>
    </row>
    <row r="699836" spans="8:8">
      <c r="H699836" s="12"/>
    </row>
    <row r="699837" spans="8:8">
      <c r="H699837" s="12"/>
    </row>
    <row r="699838" spans="8:8">
      <c r="H699838" s="12"/>
    </row>
    <row r="699839" spans="8:8">
      <c r="H699839" s="12"/>
    </row>
    <row r="699840" spans="8:8">
      <c r="H699840" s="12"/>
    </row>
    <row r="699841" spans="8:8">
      <c r="H699841" s="12"/>
    </row>
    <row r="699842" spans="8:8">
      <c r="H699842" s="12"/>
    </row>
    <row r="699843" spans="8:8">
      <c r="H699843" s="12"/>
    </row>
    <row r="699844" spans="8:8">
      <c r="H699844" s="12"/>
    </row>
    <row r="699845" spans="8:8">
      <c r="H699845" s="12"/>
    </row>
    <row r="699846" spans="8:8">
      <c r="H699846" s="12"/>
    </row>
    <row r="699847" spans="8:8">
      <c r="H699847" s="12"/>
    </row>
    <row r="699848" spans="8:8">
      <c r="H699848" s="12"/>
    </row>
    <row r="699849" spans="8:8">
      <c r="H699849" s="12"/>
    </row>
    <row r="699850" spans="8:8">
      <c r="H699850" s="12"/>
    </row>
    <row r="699851" spans="8:8">
      <c r="H699851" s="12"/>
    </row>
    <row r="699852" spans="8:8">
      <c r="H699852" s="12"/>
    </row>
    <row r="699853" spans="8:8">
      <c r="H699853" s="12"/>
    </row>
    <row r="699854" spans="8:8">
      <c r="H699854" s="12"/>
    </row>
    <row r="699855" spans="8:8">
      <c r="H699855" s="12"/>
    </row>
    <row r="699856" spans="8:8">
      <c r="H699856" s="12"/>
    </row>
    <row r="699857" spans="8:8">
      <c r="H699857" s="12"/>
    </row>
    <row r="699858" spans="8:8">
      <c r="H699858" s="12"/>
    </row>
    <row r="699859" spans="8:8">
      <c r="H699859" s="12"/>
    </row>
    <row r="699860" spans="8:8">
      <c r="H699860" s="12"/>
    </row>
    <row r="699861" spans="8:8">
      <c r="H699861" s="12"/>
    </row>
    <row r="699862" spans="8:8">
      <c r="H699862" s="12"/>
    </row>
    <row r="699863" spans="8:8">
      <c r="H699863" s="12"/>
    </row>
    <row r="699864" spans="8:8">
      <c r="H699864" s="12"/>
    </row>
    <row r="699865" spans="8:8">
      <c r="H699865" s="12"/>
    </row>
    <row r="699866" spans="8:8">
      <c r="H699866" s="12"/>
    </row>
    <row r="699867" spans="8:8">
      <c r="H699867" s="12"/>
    </row>
    <row r="699868" spans="8:8">
      <c r="H699868" s="12"/>
    </row>
    <row r="699869" spans="8:8">
      <c r="H699869" s="12"/>
    </row>
    <row r="699870" spans="8:8">
      <c r="H699870" s="12"/>
    </row>
    <row r="699871" spans="8:8">
      <c r="H699871" s="12"/>
    </row>
    <row r="699872" spans="8:8">
      <c r="H699872" s="12"/>
    </row>
    <row r="699873" spans="8:8">
      <c r="H699873" s="12"/>
    </row>
    <row r="699874" spans="8:8">
      <c r="H699874" s="12"/>
    </row>
    <row r="699875" spans="8:8">
      <c r="H699875" s="12"/>
    </row>
    <row r="699876" spans="8:8">
      <c r="H699876" s="12"/>
    </row>
    <row r="699877" spans="8:8">
      <c r="H699877" s="12"/>
    </row>
    <row r="699878" spans="8:8">
      <c r="H699878" s="12"/>
    </row>
    <row r="699879" spans="8:8">
      <c r="H699879" s="12"/>
    </row>
    <row r="699880" spans="8:8">
      <c r="H699880" s="12"/>
    </row>
    <row r="699881" spans="8:8">
      <c r="H699881" s="12"/>
    </row>
    <row r="699882" spans="8:8">
      <c r="H699882" s="12"/>
    </row>
    <row r="699883" spans="8:8">
      <c r="H699883" s="12"/>
    </row>
    <row r="699884" spans="8:8">
      <c r="H699884" s="12"/>
    </row>
    <row r="699885" spans="8:8">
      <c r="H699885" s="12"/>
    </row>
    <row r="699886" spans="8:8">
      <c r="H699886" s="12"/>
    </row>
    <row r="699887" spans="8:8">
      <c r="H699887" s="12"/>
    </row>
    <row r="699888" spans="8:8">
      <c r="H699888" s="12"/>
    </row>
    <row r="699889" spans="8:8">
      <c r="H699889" s="12"/>
    </row>
    <row r="699890" spans="8:8">
      <c r="H699890" s="12"/>
    </row>
    <row r="699891" spans="8:8">
      <c r="H699891" s="12"/>
    </row>
    <row r="699892" spans="8:8">
      <c r="H699892" s="12"/>
    </row>
    <row r="699893" spans="8:8">
      <c r="H699893" s="12"/>
    </row>
    <row r="699894" spans="8:8">
      <c r="H699894" s="12"/>
    </row>
    <row r="699895" spans="8:8">
      <c r="H699895" s="12"/>
    </row>
    <row r="699896" spans="8:8">
      <c r="H699896" s="12"/>
    </row>
    <row r="699897" spans="8:8">
      <c r="H699897" s="12"/>
    </row>
    <row r="699898" spans="8:8">
      <c r="H699898" s="12"/>
    </row>
    <row r="699899" spans="8:8">
      <c r="H699899" s="12"/>
    </row>
    <row r="699900" spans="8:8">
      <c r="H699900" s="12"/>
    </row>
    <row r="699901" spans="8:8">
      <c r="H699901" s="12"/>
    </row>
    <row r="699902" spans="8:8">
      <c r="H699902" s="12"/>
    </row>
    <row r="699903" spans="8:8">
      <c r="H699903" s="12"/>
    </row>
    <row r="699904" spans="8:8">
      <c r="H699904" s="12"/>
    </row>
    <row r="699905" spans="8:8">
      <c r="H699905" s="12"/>
    </row>
    <row r="699906" spans="8:8">
      <c r="H699906" s="12"/>
    </row>
    <row r="699907" spans="8:8">
      <c r="H699907" s="12"/>
    </row>
    <row r="699908" spans="8:8">
      <c r="H699908" s="12"/>
    </row>
    <row r="699909" spans="8:8">
      <c r="H699909" s="12"/>
    </row>
    <row r="699910" spans="8:8">
      <c r="H699910" s="12"/>
    </row>
    <row r="699911" spans="8:8">
      <c r="H699911" s="12"/>
    </row>
    <row r="699912" spans="8:8">
      <c r="H699912" s="12"/>
    </row>
    <row r="699913" spans="8:8">
      <c r="H699913" s="12"/>
    </row>
    <row r="699914" spans="8:8">
      <c r="H699914" s="12"/>
    </row>
    <row r="699915" spans="8:8">
      <c r="H699915" s="12"/>
    </row>
    <row r="699916" spans="8:8">
      <c r="H699916" s="12"/>
    </row>
    <row r="699917" spans="8:8">
      <c r="H699917" s="12"/>
    </row>
    <row r="699918" spans="8:8">
      <c r="H699918" s="12"/>
    </row>
    <row r="699919" spans="8:8">
      <c r="H699919" s="12"/>
    </row>
    <row r="699920" spans="8:8">
      <c r="H699920" s="12"/>
    </row>
    <row r="699921" spans="8:8">
      <c r="H699921" s="12"/>
    </row>
    <row r="699922" spans="8:8">
      <c r="H699922" s="12"/>
    </row>
    <row r="699923" spans="8:8">
      <c r="H699923" s="12"/>
    </row>
    <row r="699924" spans="8:8">
      <c r="H699924" s="12"/>
    </row>
    <row r="699925" spans="8:8">
      <c r="H699925" s="12"/>
    </row>
    <row r="699926" spans="8:8">
      <c r="H699926" s="12"/>
    </row>
    <row r="699927" spans="8:8">
      <c r="H699927" s="12"/>
    </row>
    <row r="699928" spans="8:8">
      <c r="H699928" s="12"/>
    </row>
    <row r="699929" spans="8:8">
      <c r="H699929" s="12"/>
    </row>
    <row r="699930" spans="8:8">
      <c r="H699930" s="12"/>
    </row>
    <row r="699931" spans="8:8">
      <c r="H699931" s="12"/>
    </row>
    <row r="699932" spans="8:8">
      <c r="H699932" s="12"/>
    </row>
    <row r="699933" spans="8:8">
      <c r="H699933" s="12"/>
    </row>
    <row r="699934" spans="8:8">
      <c r="H699934" s="12"/>
    </row>
    <row r="699935" spans="8:8">
      <c r="H699935" s="12"/>
    </row>
    <row r="699936" spans="8:8">
      <c r="H699936" s="12"/>
    </row>
    <row r="699937" spans="8:8">
      <c r="H699937" s="12"/>
    </row>
    <row r="699938" spans="8:8">
      <c r="H699938" s="12"/>
    </row>
    <row r="699939" spans="8:8">
      <c r="H699939" s="12"/>
    </row>
    <row r="699940" spans="8:8">
      <c r="H699940" s="12"/>
    </row>
    <row r="699941" spans="8:8">
      <c r="H699941" s="12"/>
    </row>
    <row r="699942" spans="8:8">
      <c r="H699942" s="12"/>
    </row>
    <row r="699943" spans="8:8">
      <c r="H699943" s="12"/>
    </row>
    <row r="699944" spans="8:8">
      <c r="H699944" s="12"/>
    </row>
    <row r="699945" spans="8:8">
      <c r="H699945" s="12"/>
    </row>
    <row r="699946" spans="8:8">
      <c r="H699946" s="12"/>
    </row>
    <row r="699947" spans="8:8">
      <c r="H699947" s="12"/>
    </row>
    <row r="699948" spans="8:8">
      <c r="H699948" s="12"/>
    </row>
    <row r="699949" spans="8:8">
      <c r="H699949" s="12"/>
    </row>
    <row r="699950" spans="8:8">
      <c r="H699950" s="12"/>
    </row>
    <row r="699951" spans="8:8">
      <c r="H699951" s="12"/>
    </row>
    <row r="699952" spans="8:8">
      <c r="H699952" s="12"/>
    </row>
    <row r="699953" spans="8:8">
      <c r="H699953" s="12"/>
    </row>
    <row r="699954" spans="8:8">
      <c r="H699954" s="12"/>
    </row>
    <row r="699955" spans="8:8">
      <c r="H699955" s="12"/>
    </row>
    <row r="699956" spans="8:8">
      <c r="H699956" s="12"/>
    </row>
    <row r="699957" spans="8:8">
      <c r="H699957" s="12"/>
    </row>
    <row r="699958" spans="8:8">
      <c r="H699958" s="12"/>
    </row>
    <row r="699959" spans="8:8">
      <c r="H699959" s="12"/>
    </row>
    <row r="699960" spans="8:8">
      <c r="H699960" s="12"/>
    </row>
    <row r="699961" spans="8:8">
      <c r="H699961" s="12"/>
    </row>
    <row r="699962" spans="8:8">
      <c r="H699962" s="12"/>
    </row>
    <row r="699963" spans="8:8">
      <c r="H699963" s="12"/>
    </row>
    <row r="699964" spans="8:8">
      <c r="H699964" s="12"/>
    </row>
    <row r="699965" spans="8:8">
      <c r="H699965" s="12"/>
    </row>
    <row r="699966" spans="8:8">
      <c r="H699966" s="12"/>
    </row>
    <row r="699967" spans="8:8">
      <c r="H699967" s="12"/>
    </row>
    <row r="699968" spans="8:8">
      <c r="H699968" s="12"/>
    </row>
    <row r="699969" spans="8:8">
      <c r="H699969" s="12"/>
    </row>
    <row r="699970" spans="8:8">
      <c r="H699970" s="12"/>
    </row>
    <row r="699971" spans="8:8">
      <c r="H699971" s="12"/>
    </row>
    <row r="699972" spans="8:8">
      <c r="H699972" s="12"/>
    </row>
    <row r="699973" spans="8:8">
      <c r="H699973" s="12"/>
    </row>
    <row r="699974" spans="8:8">
      <c r="H699974" s="12"/>
    </row>
    <row r="699975" spans="8:8">
      <c r="H699975" s="12"/>
    </row>
    <row r="699976" spans="8:8">
      <c r="H699976" s="12"/>
    </row>
    <row r="699977" spans="8:8">
      <c r="H699977" s="12"/>
    </row>
    <row r="699978" spans="8:8">
      <c r="H699978" s="12"/>
    </row>
    <row r="699979" spans="8:8">
      <c r="H699979" s="12"/>
    </row>
    <row r="699980" spans="8:8">
      <c r="H699980" s="12"/>
    </row>
    <row r="699981" spans="8:8">
      <c r="H699981" s="12"/>
    </row>
    <row r="699982" spans="8:8">
      <c r="H699982" s="12"/>
    </row>
    <row r="699983" spans="8:8">
      <c r="H699983" s="12"/>
    </row>
    <row r="699984" spans="8:8">
      <c r="H699984" s="12"/>
    </row>
    <row r="699985" spans="8:8">
      <c r="H699985" s="12"/>
    </row>
    <row r="699986" spans="8:8">
      <c r="H699986" s="12"/>
    </row>
    <row r="699987" spans="8:8">
      <c r="H699987" s="12"/>
    </row>
    <row r="699988" spans="8:8">
      <c r="H699988" s="12"/>
    </row>
    <row r="699989" spans="8:8">
      <c r="H699989" s="12"/>
    </row>
    <row r="699990" spans="8:8">
      <c r="H699990" s="12"/>
    </row>
    <row r="699991" spans="8:8">
      <c r="H699991" s="12"/>
    </row>
    <row r="699992" spans="8:8">
      <c r="H699992" s="12"/>
    </row>
    <row r="699993" spans="8:8">
      <c r="H699993" s="12"/>
    </row>
    <row r="699994" spans="8:8">
      <c r="H699994" s="12"/>
    </row>
    <row r="699995" spans="8:8">
      <c r="H699995" s="12"/>
    </row>
    <row r="699996" spans="8:8">
      <c r="H699996" s="12"/>
    </row>
    <row r="699997" spans="8:8">
      <c r="H699997" s="12"/>
    </row>
    <row r="699998" spans="8:8">
      <c r="H699998" s="12"/>
    </row>
    <row r="699999" spans="8:8">
      <c r="H699999" s="12"/>
    </row>
    <row r="700000" spans="8:8">
      <c r="H700000" s="12"/>
    </row>
    <row r="700001" spans="8:8">
      <c r="H700001" s="12"/>
    </row>
    <row r="700002" spans="8:8">
      <c r="H700002" s="12"/>
    </row>
    <row r="700003" spans="8:8">
      <c r="H700003" s="12"/>
    </row>
    <row r="700004" spans="8:8">
      <c r="H700004" s="12"/>
    </row>
    <row r="700005" spans="8:8">
      <c r="H700005" s="12"/>
    </row>
    <row r="700006" spans="8:8">
      <c r="H700006" s="12"/>
    </row>
    <row r="700007" spans="8:8">
      <c r="H700007" s="12"/>
    </row>
    <row r="700008" spans="8:8">
      <c r="H700008" s="12"/>
    </row>
    <row r="700009" spans="8:8">
      <c r="H700009" s="12"/>
    </row>
    <row r="700010" spans="8:8">
      <c r="H700010" s="12"/>
    </row>
    <row r="700011" spans="8:8">
      <c r="H700011" s="12"/>
    </row>
    <row r="700012" spans="8:8">
      <c r="H700012" s="12"/>
    </row>
    <row r="700013" spans="8:8">
      <c r="H700013" s="12"/>
    </row>
    <row r="700014" spans="8:8">
      <c r="H700014" s="12"/>
    </row>
    <row r="700015" spans="8:8">
      <c r="H700015" s="12"/>
    </row>
    <row r="700016" spans="8:8">
      <c r="H700016" s="12"/>
    </row>
    <row r="700017" spans="8:8">
      <c r="H700017" s="12"/>
    </row>
    <row r="700018" spans="8:8">
      <c r="H700018" s="12"/>
    </row>
    <row r="700019" spans="8:8">
      <c r="H700019" s="12"/>
    </row>
    <row r="700020" spans="8:8">
      <c r="H700020" s="12"/>
    </row>
    <row r="700021" spans="8:8">
      <c r="H700021" s="12"/>
    </row>
    <row r="700022" spans="8:8">
      <c r="H700022" s="12"/>
    </row>
    <row r="700023" spans="8:8">
      <c r="H700023" s="12"/>
    </row>
    <row r="700024" spans="8:8">
      <c r="H700024" s="12"/>
    </row>
    <row r="700025" spans="8:8">
      <c r="H700025" s="12"/>
    </row>
    <row r="700026" spans="8:8">
      <c r="H700026" s="12"/>
    </row>
    <row r="700027" spans="8:8">
      <c r="H700027" s="12"/>
    </row>
    <row r="700028" spans="8:8">
      <c r="H700028" s="12"/>
    </row>
    <row r="700029" spans="8:8">
      <c r="H700029" s="12"/>
    </row>
    <row r="700030" spans="8:8">
      <c r="H700030" s="12"/>
    </row>
    <row r="700031" spans="8:8">
      <c r="H700031" s="12"/>
    </row>
    <row r="700032" spans="8:8">
      <c r="H700032" s="12"/>
    </row>
    <row r="700033" spans="8:8">
      <c r="H700033" s="12"/>
    </row>
    <row r="700034" spans="8:8">
      <c r="H700034" s="12"/>
    </row>
    <row r="700035" spans="8:8">
      <c r="H700035" s="12"/>
    </row>
    <row r="700036" spans="8:8">
      <c r="H700036" s="12"/>
    </row>
    <row r="700037" spans="8:8">
      <c r="H700037" s="12"/>
    </row>
    <row r="700038" spans="8:8">
      <c r="H700038" s="12"/>
    </row>
    <row r="700039" spans="8:8">
      <c r="H700039" s="12"/>
    </row>
    <row r="700040" spans="8:8">
      <c r="H700040" s="12"/>
    </row>
    <row r="700041" spans="8:8">
      <c r="H700041" s="12"/>
    </row>
    <row r="700042" spans="8:8">
      <c r="H700042" s="12"/>
    </row>
    <row r="700043" spans="8:8">
      <c r="H700043" s="12"/>
    </row>
    <row r="700044" spans="8:8">
      <c r="H700044" s="12"/>
    </row>
    <row r="700045" spans="8:8">
      <c r="H700045" s="12"/>
    </row>
    <row r="700046" spans="8:8">
      <c r="H700046" s="12"/>
    </row>
    <row r="700047" spans="8:8">
      <c r="H700047" s="12"/>
    </row>
    <row r="700048" spans="8:8">
      <c r="H700048" s="12"/>
    </row>
    <row r="700049" spans="8:8">
      <c r="H700049" s="12"/>
    </row>
    <row r="700050" spans="8:8">
      <c r="H700050" s="12"/>
    </row>
    <row r="700051" spans="8:8">
      <c r="H700051" s="12"/>
    </row>
    <row r="700052" spans="8:8">
      <c r="H700052" s="12"/>
    </row>
    <row r="700053" spans="8:8">
      <c r="H700053" s="12"/>
    </row>
    <row r="700054" spans="8:8">
      <c r="H700054" s="12"/>
    </row>
    <row r="700055" spans="8:8">
      <c r="H700055" s="12"/>
    </row>
    <row r="700056" spans="8:8">
      <c r="H700056" s="12"/>
    </row>
    <row r="700057" spans="8:8">
      <c r="H700057" s="12"/>
    </row>
    <row r="700058" spans="8:8">
      <c r="H700058" s="12"/>
    </row>
    <row r="700059" spans="8:8">
      <c r="H700059" s="12"/>
    </row>
    <row r="700060" spans="8:8">
      <c r="H700060" s="12"/>
    </row>
    <row r="700061" spans="8:8">
      <c r="H700061" s="12"/>
    </row>
    <row r="700062" spans="8:8">
      <c r="H700062" s="12"/>
    </row>
    <row r="700063" spans="8:8">
      <c r="H700063" s="12"/>
    </row>
    <row r="700064" spans="8:8">
      <c r="H700064" s="12"/>
    </row>
    <row r="700065" spans="8:8">
      <c r="H700065" s="12"/>
    </row>
    <row r="700066" spans="8:8">
      <c r="H700066" s="12"/>
    </row>
    <row r="700067" spans="8:8">
      <c r="H700067" s="12"/>
    </row>
    <row r="700068" spans="8:8">
      <c r="H700068" s="12"/>
    </row>
    <row r="700069" spans="8:8">
      <c r="H700069" s="12"/>
    </row>
    <row r="700070" spans="8:8">
      <c r="H700070" s="12"/>
    </row>
    <row r="700071" spans="8:8">
      <c r="H700071" s="12"/>
    </row>
    <row r="700072" spans="8:8">
      <c r="H700072" s="12"/>
    </row>
    <row r="700073" spans="8:8">
      <c r="H700073" s="12"/>
    </row>
    <row r="700074" spans="8:8">
      <c r="H700074" s="12"/>
    </row>
    <row r="700075" spans="8:8">
      <c r="H700075" s="12"/>
    </row>
    <row r="700076" spans="8:8">
      <c r="H700076" s="12"/>
    </row>
    <row r="700077" spans="8:8">
      <c r="H700077" s="12"/>
    </row>
    <row r="700078" spans="8:8">
      <c r="H700078" s="12"/>
    </row>
    <row r="700079" spans="8:8">
      <c r="H700079" s="12"/>
    </row>
    <row r="700080" spans="8:8">
      <c r="H700080" s="12"/>
    </row>
    <row r="700081" spans="8:8">
      <c r="H700081" s="12"/>
    </row>
    <row r="700082" spans="8:8">
      <c r="H700082" s="12"/>
    </row>
    <row r="700083" spans="8:8">
      <c r="H700083" s="12"/>
    </row>
    <row r="700084" spans="8:8">
      <c r="H700084" s="12"/>
    </row>
    <row r="700085" spans="8:8">
      <c r="H700085" s="12"/>
    </row>
    <row r="700086" spans="8:8">
      <c r="H700086" s="12"/>
    </row>
    <row r="700087" spans="8:8">
      <c r="H700087" s="12"/>
    </row>
    <row r="700088" spans="8:8">
      <c r="H700088" s="12"/>
    </row>
    <row r="700089" spans="8:8">
      <c r="H700089" s="12"/>
    </row>
    <row r="700090" spans="8:8">
      <c r="H700090" s="12"/>
    </row>
    <row r="700091" spans="8:8">
      <c r="H700091" s="12"/>
    </row>
    <row r="700092" spans="8:8">
      <c r="H700092" s="12"/>
    </row>
    <row r="700093" spans="8:8">
      <c r="H700093" s="12"/>
    </row>
    <row r="700094" spans="8:8">
      <c r="H700094" s="12"/>
    </row>
    <row r="700095" spans="8:8">
      <c r="H700095" s="12"/>
    </row>
    <row r="700096" spans="8:8">
      <c r="H700096" s="12"/>
    </row>
    <row r="700097" spans="8:8">
      <c r="H700097" s="12"/>
    </row>
    <row r="700098" spans="8:8">
      <c r="H700098" s="12"/>
    </row>
    <row r="700099" spans="8:8">
      <c r="H700099" s="12"/>
    </row>
    <row r="700100" spans="8:8">
      <c r="H700100" s="12"/>
    </row>
    <row r="700101" spans="8:8">
      <c r="H700101" s="12"/>
    </row>
    <row r="700102" spans="8:8">
      <c r="H700102" s="12"/>
    </row>
    <row r="700103" spans="8:8">
      <c r="H700103" s="12"/>
    </row>
    <row r="700104" spans="8:8">
      <c r="H700104" s="12"/>
    </row>
    <row r="700105" spans="8:8">
      <c r="H700105" s="12"/>
    </row>
    <row r="700106" spans="8:8">
      <c r="H700106" s="12"/>
    </row>
    <row r="700107" spans="8:8">
      <c r="H700107" s="12"/>
    </row>
    <row r="700108" spans="8:8">
      <c r="H700108" s="12"/>
    </row>
    <row r="700109" spans="8:8">
      <c r="H700109" s="12"/>
    </row>
    <row r="700110" spans="8:8">
      <c r="H700110" s="12"/>
    </row>
    <row r="700111" spans="8:8">
      <c r="H700111" s="12"/>
    </row>
    <row r="700112" spans="8:8">
      <c r="H700112" s="12"/>
    </row>
    <row r="700113" spans="8:8">
      <c r="H700113" s="12"/>
    </row>
    <row r="700114" spans="8:8">
      <c r="H700114" s="12"/>
    </row>
    <row r="700115" spans="8:8">
      <c r="H700115" s="12"/>
    </row>
    <row r="700116" spans="8:8">
      <c r="H700116" s="12"/>
    </row>
    <row r="700117" spans="8:8">
      <c r="H700117" s="12"/>
    </row>
    <row r="700118" spans="8:8">
      <c r="H700118" s="12"/>
    </row>
    <row r="700119" spans="8:8">
      <c r="H700119" s="12"/>
    </row>
    <row r="700120" spans="8:8">
      <c r="H700120" s="12"/>
    </row>
    <row r="700121" spans="8:8">
      <c r="H700121" s="12"/>
    </row>
    <row r="700122" spans="8:8">
      <c r="H700122" s="12"/>
    </row>
    <row r="700123" spans="8:8">
      <c r="H700123" s="12"/>
    </row>
    <row r="700124" spans="8:8">
      <c r="H700124" s="12"/>
    </row>
    <row r="700125" spans="8:8">
      <c r="H700125" s="12"/>
    </row>
    <row r="700126" spans="8:8">
      <c r="H700126" s="12"/>
    </row>
    <row r="700127" spans="8:8">
      <c r="H700127" s="12"/>
    </row>
    <row r="700128" spans="8:8">
      <c r="H700128" s="12"/>
    </row>
    <row r="700129" spans="8:8">
      <c r="H700129" s="12"/>
    </row>
    <row r="700130" spans="8:8">
      <c r="H700130" s="12"/>
    </row>
    <row r="700131" spans="8:8">
      <c r="H700131" s="12"/>
    </row>
    <row r="700132" spans="8:8">
      <c r="H700132" s="12"/>
    </row>
    <row r="700133" spans="8:8">
      <c r="H700133" s="12"/>
    </row>
    <row r="700134" spans="8:8">
      <c r="H700134" s="12"/>
    </row>
    <row r="700135" spans="8:8">
      <c r="H700135" s="12"/>
    </row>
    <row r="700136" spans="8:8">
      <c r="H700136" s="12"/>
    </row>
    <row r="700137" spans="8:8">
      <c r="H700137" s="12"/>
    </row>
    <row r="700138" spans="8:8">
      <c r="H700138" s="12"/>
    </row>
    <row r="700139" spans="8:8">
      <c r="H700139" s="12"/>
    </row>
    <row r="700140" spans="8:8">
      <c r="H700140" s="12"/>
    </row>
    <row r="700141" spans="8:8">
      <c r="H700141" s="12"/>
    </row>
    <row r="700142" spans="8:8">
      <c r="H700142" s="12"/>
    </row>
    <row r="700143" spans="8:8">
      <c r="H700143" s="12"/>
    </row>
    <row r="700144" spans="8:8">
      <c r="H700144" s="12"/>
    </row>
    <row r="700145" spans="8:8">
      <c r="H700145" s="12"/>
    </row>
    <row r="700146" spans="8:8">
      <c r="H700146" s="12"/>
    </row>
    <row r="700147" spans="8:8">
      <c r="H700147" s="12"/>
    </row>
    <row r="700148" spans="8:8">
      <c r="H700148" s="12"/>
    </row>
    <row r="700149" spans="8:8">
      <c r="H700149" s="12"/>
    </row>
    <row r="700150" spans="8:8">
      <c r="H700150" s="12"/>
    </row>
    <row r="700151" spans="8:8">
      <c r="H700151" s="12"/>
    </row>
    <row r="700152" spans="8:8">
      <c r="H700152" s="12"/>
    </row>
    <row r="700153" spans="8:8">
      <c r="H700153" s="12"/>
    </row>
    <row r="700154" spans="8:8">
      <c r="H700154" s="12"/>
    </row>
    <row r="700155" spans="8:8">
      <c r="H700155" s="12"/>
    </row>
    <row r="700156" spans="8:8">
      <c r="H700156" s="12"/>
    </row>
    <row r="700157" spans="8:8">
      <c r="H700157" s="12"/>
    </row>
    <row r="700158" spans="8:8">
      <c r="H700158" s="12"/>
    </row>
    <row r="700159" spans="8:8">
      <c r="H700159" s="12"/>
    </row>
    <row r="700160" spans="8:8">
      <c r="H700160" s="12"/>
    </row>
    <row r="700161" spans="8:8">
      <c r="H700161" s="12"/>
    </row>
    <row r="700162" spans="8:8">
      <c r="H700162" s="12"/>
    </row>
    <row r="700163" spans="8:8">
      <c r="H700163" s="12"/>
    </row>
    <row r="700164" spans="8:8">
      <c r="H700164" s="12"/>
    </row>
    <row r="700165" spans="8:8">
      <c r="H700165" s="12"/>
    </row>
    <row r="700166" spans="8:8">
      <c r="H700166" s="12"/>
    </row>
    <row r="700167" spans="8:8">
      <c r="H700167" s="12"/>
    </row>
    <row r="700168" spans="8:8">
      <c r="H700168" s="12"/>
    </row>
    <row r="700169" spans="8:8">
      <c r="H700169" s="12"/>
    </row>
    <row r="700170" spans="8:8">
      <c r="H700170" s="12"/>
    </row>
    <row r="700171" spans="8:8">
      <c r="H700171" s="12"/>
    </row>
    <row r="700172" spans="8:8">
      <c r="H700172" s="12"/>
    </row>
    <row r="700173" spans="8:8">
      <c r="H700173" s="12"/>
    </row>
    <row r="700174" spans="8:8">
      <c r="H700174" s="12"/>
    </row>
    <row r="700175" spans="8:8">
      <c r="H700175" s="12"/>
    </row>
    <row r="700176" spans="8:8">
      <c r="H700176" s="12"/>
    </row>
    <row r="700177" spans="8:8">
      <c r="H700177" s="12"/>
    </row>
    <row r="700178" spans="8:8">
      <c r="H700178" s="12"/>
    </row>
    <row r="700179" spans="8:8">
      <c r="H700179" s="12"/>
    </row>
    <row r="700180" spans="8:8">
      <c r="H700180" s="12"/>
    </row>
    <row r="700181" spans="8:8">
      <c r="H700181" s="12"/>
    </row>
    <row r="700182" spans="8:8">
      <c r="H700182" s="12"/>
    </row>
    <row r="700183" spans="8:8">
      <c r="H700183" s="12"/>
    </row>
    <row r="700184" spans="8:8">
      <c r="H700184" s="12"/>
    </row>
    <row r="700185" spans="8:8">
      <c r="H700185" s="12"/>
    </row>
    <row r="700186" spans="8:8">
      <c r="H700186" s="12"/>
    </row>
    <row r="700187" spans="8:8">
      <c r="H700187" s="12"/>
    </row>
    <row r="700188" spans="8:8">
      <c r="H700188" s="12"/>
    </row>
    <row r="700189" spans="8:8">
      <c r="H700189" s="12"/>
    </row>
    <row r="700190" spans="8:8">
      <c r="H700190" s="12"/>
    </row>
    <row r="700191" spans="8:8">
      <c r="H700191" s="12"/>
    </row>
    <row r="700192" spans="8:8">
      <c r="H700192" s="12"/>
    </row>
    <row r="700193" spans="8:8">
      <c r="H700193" s="12"/>
    </row>
    <row r="700194" spans="8:8">
      <c r="H700194" s="12"/>
    </row>
    <row r="700195" spans="8:8">
      <c r="H700195" s="12"/>
    </row>
    <row r="700196" spans="8:8">
      <c r="H700196" s="12"/>
    </row>
    <row r="700197" spans="8:8">
      <c r="H700197" s="12"/>
    </row>
    <row r="700198" spans="8:8">
      <c r="H700198" s="12"/>
    </row>
    <row r="700199" spans="8:8">
      <c r="H700199" s="12"/>
    </row>
    <row r="700200" spans="8:8">
      <c r="H700200" s="12"/>
    </row>
    <row r="700201" spans="8:8">
      <c r="H700201" s="12"/>
    </row>
    <row r="700202" spans="8:8">
      <c r="H700202" s="12"/>
    </row>
    <row r="700203" spans="8:8">
      <c r="H700203" s="12"/>
    </row>
    <row r="700204" spans="8:8">
      <c r="H700204" s="12"/>
    </row>
    <row r="700205" spans="8:8">
      <c r="H700205" s="12"/>
    </row>
    <row r="700206" spans="8:8">
      <c r="H700206" s="12"/>
    </row>
    <row r="700207" spans="8:8">
      <c r="H700207" s="12"/>
    </row>
    <row r="700208" spans="8:8">
      <c r="H700208" s="12"/>
    </row>
    <row r="700209" spans="8:8">
      <c r="H700209" s="12"/>
    </row>
    <row r="700210" spans="8:8">
      <c r="H700210" s="12"/>
    </row>
    <row r="700211" spans="8:8">
      <c r="H700211" s="12"/>
    </row>
    <row r="700212" spans="8:8">
      <c r="H700212" s="12"/>
    </row>
    <row r="700213" spans="8:8">
      <c r="H700213" s="12"/>
    </row>
    <row r="700214" spans="8:8">
      <c r="H700214" s="12"/>
    </row>
    <row r="700215" spans="8:8">
      <c r="H700215" s="12"/>
    </row>
    <row r="700216" spans="8:8">
      <c r="H700216" s="12"/>
    </row>
    <row r="700217" spans="8:8">
      <c r="H700217" s="12"/>
    </row>
    <row r="700218" spans="8:8">
      <c r="H700218" s="12"/>
    </row>
    <row r="700219" spans="8:8">
      <c r="H700219" s="12"/>
    </row>
    <row r="700220" spans="8:8">
      <c r="H700220" s="12"/>
    </row>
    <row r="700221" spans="8:8">
      <c r="H700221" s="12"/>
    </row>
    <row r="700222" spans="8:8">
      <c r="H700222" s="12"/>
    </row>
    <row r="700223" spans="8:8">
      <c r="H700223" s="12"/>
    </row>
    <row r="700224" spans="8:8">
      <c r="H700224" s="12"/>
    </row>
    <row r="700225" spans="8:8">
      <c r="H700225" s="12"/>
    </row>
    <row r="700226" spans="8:8">
      <c r="H700226" s="12"/>
    </row>
    <row r="700227" spans="8:8">
      <c r="H700227" s="12"/>
    </row>
    <row r="700228" spans="8:8">
      <c r="H700228" s="12"/>
    </row>
    <row r="700229" spans="8:8">
      <c r="H700229" s="12"/>
    </row>
    <row r="700230" spans="8:8">
      <c r="H700230" s="12"/>
    </row>
    <row r="700231" spans="8:8">
      <c r="H700231" s="12"/>
    </row>
    <row r="700232" spans="8:8">
      <c r="H700232" s="12"/>
    </row>
    <row r="700233" spans="8:8">
      <c r="H700233" s="12"/>
    </row>
    <row r="700234" spans="8:8">
      <c r="H700234" s="12"/>
    </row>
    <row r="700235" spans="8:8">
      <c r="H700235" s="12"/>
    </row>
    <row r="700236" spans="8:8">
      <c r="H700236" s="12"/>
    </row>
    <row r="700237" spans="8:8">
      <c r="H700237" s="12"/>
    </row>
    <row r="700238" spans="8:8">
      <c r="H700238" s="12"/>
    </row>
    <row r="700239" spans="8:8">
      <c r="H700239" s="12"/>
    </row>
    <row r="700240" spans="8:8">
      <c r="H700240" s="12"/>
    </row>
    <row r="700241" spans="8:8">
      <c r="H700241" s="12"/>
    </row>
    <row r="700242" spans="8:8">
      <c r="H700242" s="12"/>
    </row>
    <row r="700243" spans="8:8">
      <c r="H700243" s="12"/>
    </row>
    <row r="700244" spans="8:8">
      <c r="H700244" s="12"/>
    </row>
    <row r="700245" spans="8:8">
      <c r="H700245" s="12"/>
    </row>
    <row r="700246" spans="8:8">
      <c r="H700246" s="12"/>
    </row>
    <row r="700247" spans="8:8">
      <c r="H700247" s="12"/>
    </row>
    <row r="700248" spans="8:8">
      <c r="H700248" s="12"/>
    </row>
    <row r="700249" spans="8:8">
      <c r="H700249" s="12"/>
    </row>
    <row r="700250" spans="8:8">
      <c r="H700250" s="12"/>
    </row>
    <row r="700251" spans="8:8">
      <c r="H700251" s="12"/>
    </row>
    <row r="700252" spans="8:8">
      <c r="H700252" s="12"/>
    </row>
    <row r="700253" spans="8:8">
      <c r="H700253" s="12"/>
    </row>
    <row r="700254" spans="8:8">
      <c r="H700254" s="12"/>
    </row>
    <row r="700255" spans="8:8">
      <c r="H700255" s="12"/>
    </row>
    <row r="700256" spans="8:8">
      <c r="H700256" s="12"/>
    </row>
    <row r="700257" spans="8:8">
      <c r="H700257" s="12"/>
    </row>
    <row r="700258" spans="8:8">
      <c r="H700258" s="12"/>
    </row>
    <row r="700259" spans="8:8">
      <c r="H700259" s="12"/>
    </row>
    <row r="700260" spans="8:8">
      <c r="H700260" s="12"/>
    </row>
    <row r="700261" spans="8:8">
      <c r="H700261" s="12"/>
    </row>
    <row r="700262" spans="8:8">
      <c r="H700262" s="12"/>
    </row>
    <row r="700263" spans="8:8">
      <c r="H700263" s="12"/>
    </row>
    <row r="700264" spans="8:8">
      <c r="H700264" s="12"/>
    </row>
    <row r="700265" spans="8:8">
      <c r="H700265" s="12"/>
    </row>
    <row r="700266" spans="8:8">
      <c r="H700266" s="12"/>
    </row>
    <row r="700267" spans="8:8">
      <c r="H700267" s="12"/>
    </row>
    <row r="700268" spans="8:8">
      <c r="H700268" s="12"/>
    </row>
    <row r="700269" spans="8:8">
      <c r="H700269" s="12"/>
    </row>
    <row r="700270" spans="8:8">
      <c r="H700270" s="12"/>
    </row>
    <row r="700271" spans="8:8">
      <c r="H700271" s="12"/>
    </row>
    <row r="700272" spans="8:8">
      <c r="H700272" s="12"/>
    </row>
    <row r="700273" spans="8:8">
      <c r="H700273" s="12"/>
    </row>
    <row r="700274" spans="8:8">
      <c r="H700274" s="12"/>
    </row>
    <row r="700275" spans="8:8">
      <c r="H700275" s="12"/>
    </row>
    <row r="700276" spans="8:8">
      <c r="H700276" s="12"/>
    </row>
    <row r="700277" spans="8:8">
      <c r="H700277" s="12"/>
    </row>
    <row r="700278" spans="8:8">
      <c r="H700278" s="12"/>
    </row>
    <row r="700279" spans="8:8">
      <c r="H700279" s="12"/>
    </row>
    <row r="700280" spans="8:8">
      <c r="H700280" s="12"/>
    </row>
    <row r="700281" spans="8:8">
      <c r="H700281" s="12"/>
    </row>
    <row r="700282" spans="8:8">
      <c r="H700282" s="12"/>
    </row>
    <row r="700283" spans="8:8">
      <c r="H700283" s="12"/>
    </row>
    <row r="700284" spans="8:8">
      <c r="H700284" s="12"/>
    </row>
    <row r="700285" spans="8:8">
      <c r="H700285" s="12"/>
    </row>
    <row r="700286" spans="8:8">
      <c r="H700286" s="12"/>
    </row>
    <row r="700287" spans="8:8">
      <c r="H700287" s="12"/>
    </row>
    <row r="700288" spans="8:8">
      <c r="H700288" s="12"/>
    </row>
    <row r="700289" spans="8:8">
      <c r="H700289" s="12"/>
    </row>
    <row r="700290" spans="8:8">
      <c r="H700290" s="12"/>
    </row>
    <row r="700291" spans="8:8">
      <c r="H700291" s="12"/>
    </row>
    <row r="700292" spans="8:8">
      <c r="H700292" s="12"/>
    </row>
    <row r="700293" spans="8:8">
      <c r="H700293" s="12"/>
    </row>
    <row r="700294" spans="8:8">
      <c r="H700294" s="12"/>
    </row>
    <row r="700295" spans="8:8">
      <c r="H700295" s="12"/>
    </row>
    <row r="700296" spans="8:8">
      <c r="H700296" s="12"/>
    </row>
    <row r="700297" spans="8:8">
      <c r="H700297" s="12"/>
    </row>
    <row r="700298" spans="8:8">
      <c r="H700298" s="12"/>
    </row>
    <row r="700299" spans="8:8">
      <c r="H700299" s="12"/>
    </row>
    <row r="700300" spans="8:8">
      <c r="H700300" s="12"/>
    </row>
    <row r="700301" spans="8:8">
      <c r="H700301" s="12"/>
    </row>
    <row r="700302" spans="8:8">
      <c r="H700302" s="12"/>
    </row>
    <row r="700303" spans="8:8">
      <c r="H700303" s="12"/>
    </row>
    <row r="700304" spans="8:8">
      <c r="H700304" s="12"/>
    </row>
    <row r="700305" spans="8:8">
      <c r="H700305" s="12"/>
    </row>
    <row r="700306" spans="8:8">
      <c r="H700306" s="12"/>
    </row>
    <row r="700307" spans="8:8">
      <c r="H700307" s="12"/>
    </row>
    <row r="700308" spans="8:8">
      <c r="H700308" s="12"/>
    </row>
    <row r="700309" spans="8:8">
      <c r="H700309" s="12"/>
    </row>
    <row r="700310" spans="8:8">
      <c r="H700310" s="12"/>
    </row>
    <row r="700311" spans="8:8">
      <c r="H700311" s="12"/>
    </row>
    <row r="700312" spans="8:8">
      <c r="H700312" s="12"/>
    </row>
    <row r="700313" spans="8:8">
      <c r="H700313" s="12"/>
    </row>
    <row r="700314" spans="8:8">
      <c r="H700314" s="12"/>
    </row>
    <row r="700315" spans="8:8">
      <c r="H700315" s="12"/>
    </row>
    <row r="700316" spans="8:8">
      <c r="H700316" s="12"/>
    </row>
    <row r="700317" spans="8:8">
      <c r="H700317" s="12"/>
    </row>
    <row r="700318" spans="8:8">
      <c r="H700318" s="12"/>
    </row>
    <row r="700319" spans="8:8">
      <c r="H700319" s="12"/>
    </row>
    <row r="700320" spans="8:8">
      <c r="H700320" s="12"/>
    </row>
    <row r="700321" spans="8:8">
      <c r="H700321" s="12"/>
    </row>
    <row r="700322" spans="8:8">
      <c r="H700322" s="12"/>
    </row>
    <row r="700323" spans="8:8">
      <c r="H700323" s="12"/>
    </row>
    <row r="700324" spans="8:8">
      <c r="H700324" s="12"/>
    </row>
    <row r="700325" spans="8:8">
      <c r="H700325" s="12"/>
    </row>
    <row r="700326" spans="8:8">
      <c r="H700326" s="12"/>
    </row>
    <row r="700327" spans="8:8">
      <c r="H700327" s="12"/>
    </row>
    <row r="700328" spans="8:8">
      <c r="H700328" s="12"/>
    </row>
    <row r="700329" spans="8:8">
      <c r="H700329" s="12"/>
    </row>
    <row r="700330" spans="8:8">
      <c r="H700330" s="12"/>
    </row>
    <row r="700331" spans="8:8">
      <c r="H700331" s="12"/>
    </row>
    <row r="700332" spans="8:8">
      <c r="H700332" s="12"/>
    </row>
    <row r="700333" spans="8:8">
      <c r="H700333" s="12"/>
    </row>
    <row r="700334" spans="8:8">
      <c r="H700334" s="12"/>
    </row>
    <row r="700335" spans="8:8">
      <c r="H700335" s="12"/>
    </row>
    <row r="700336" spans="8:8">
      <c r="H700336" s="12"/>
    </row>
    <row r="700337" spans="8:8">
      <c r="H700337" s="12"/>
    </row>
    <row r="700338" spans="8:8">
      <c r="H700338" s="12"/>
    </row>
    <row r="700339" spans="8:8">
      <c r="H700339" s="12"/>
    </row>
    <row r="700340" spans="8:8">
      <c r="H700340" s="12"/>
    </row>
    <row r="700341" spans="8:8">
      <c r="H700341" s="12"/>
    </row>
    <row r="700342" spans="8:8">
      <c r="H700342" s="12"/>
    </row>
    <row r="700343" spans="8:8">
      <c r="H700343" s="12"/>
    </row>
    <row r="700344" spans="8:8">
      <c r="H700344" s="12"/>
    </row>
    <row r="700345" spans="8:8">
      <c r="H700345" s="12"/>
    </row>
    <row r="700346" spans="8:8">
      <c r="H700346" s="12"/>
    </row>
    <row r="700347" spans="8:8">
      <c r="H700347" s="12"/>
    </row>
    <row r="700348" spans="8:8">
      <c r="H700348" s="12"/>
    </row>
    <row r="700349" spans="8:8">
      <c r="H700349" s="12"/>
    </row>
    <row r="700350" spans="8:8">
      <c r="H700350" s="12"/>
    </row>
    <row r="700351" spans="8:8">
      <c r="H700351" s="12"/>
    </row>
    <row r="700352" spans="8:8">
      <c r="H700352" s="12"/>
    </row>
    <row r="700353" spans="8:8">
      <c r="H700353" s="12"/>
    </row>
    <row r="700354" spans="8:8">
      <c r="H700354" s="12"/>
    </row>
    <row r="700355" spans="8:8">
      <c r="H700355" s="12"/>
    </row>
    <row r="700356" spans="8:8">
      <c r="H700356" s="12"/>
    </row>
    <row r="700357" spans="8:8">
      <c r="H700357" s="12"/>
    </row>
    <row r="700358" spans="8:8">
      <c r="H700358" s="12"/>
    </row>
    <row r="700359" spans="8:8">
      <c r="H700359" s="12"/>
    </row>
    <row r="700360" spans="8:8">
      <c r="H700360" s="12"/>
    </row>
    <row r="700361" spans="8:8">
      <c r="H700361" s="12"/>
    </row>
    <row r="700362" spans="8:8">
      <c r="H700362" s="12"/>
    </row>
    <row r="700363" spans="8:8">
      <c r="H700363" s="12"/>
    </row>
    <row r="700364" spans="8:8">
      <c r="H700364" s="12"/>
    </row>
    <row r="700365" spans="8:8">
      <c r="H700365" s="12"/>
    </row>
    <row r="700366" spans="8:8">
      <c r="H700366" s="12"/>
    </row>
    <row r="700367" spans="8:8">
      <c r="H700367" s="12"/>
    </row>
    <row r="700368" spans="8:8">
      <c r="H700368" s="12"/>
    </row>
    <row r="700369" spans="8:8">
      <c r="H700369" s="12"/>
    </row>
    <row r="700370" spans="8:8">
      <c r="H700370" s="12"/>
    </row>
    <row r="700371" spans="8:8">
      <c r="H700371" s="12"/>
    </row>
    <row r="700372" spans="8:8">
      <c r="H700372" s="12"/>
    </row>
    <row r="700373" spans="8:8">
      <c r="H700373" s="12"/>
    </row>
    <row r="700374" spans="8:8">
      <c r="H700374" s="12"/>
    </row>
    <row r="700375" spans="8:8">
      <c r="H700375" s="12"/>
    </row>
    <row r="700376" spans="8:8">
      <c r="H700376" s="12"/>
    </row>
    <row r="700377" spans="8:8">
      <c r="H700377" s="12"/>
    </row>
    <row r="700378" spans="8:8">
      <c r="H700378" s="12"/>
    </row>
    <row r="700379" spans="8:8">
      <c r="H700379" s="12"/>
    </row>
    <row r="700380" spans="8:8">
      <c r="H700380" s="12"/>
    </row>
    <row r="700381" spans="8:8">
      <c r="H700381" s="12"/>
    </row>
    <row r="700382" spans="8:8">
      <c r="H700382" s="12"/>
    </row>
    <row r="700383" spans="8:8">
      <c r="H700383" s="12"/>
    </row>
    <row r="700384" spans="8:8">
      <c r="H700384" s="12"/>
    </row>
    <row r="700385" spans="8:8">
      <c r="H700385" s="12"/>
    </row>
    <row r="700386" spans="8:8">
      <c r="H700386" s="12"/>
    </row>
    <row r="700387" spans="8:8">
      <c r="H700387" s="12"/>
    </row>
    <row r="700388" spans="8:8">
      <c r="H700388" s="12"/>
    </row>
    <row r="700389" spans="8:8">
      <c r="H700389" s="12"/>
    </row>
    <row r="700390" spans="8:8">
      <c r="H700390" s="12"/>
    </row>
    <row r="700391" spans="8:8">
      <c r="H700391" s="12"/>
    </row>
    <row r="700392" spans="8:8">
      <c r="H700392" s="12"/>
    </row>
    <row r="700393" spans="8:8">
      <c r="H700393" s="12"/>
    </row>
    <row r="700394" spans="8:8">
      <c r="H700394" s="12"/>
    </row>
    <row r="700395" spans="8:8">
      <c r="H700395" s="12"/>
    </row>
    <row r="700396" spans="8:8">
      <c r="H700396" s="12"/>
    </row>
    <row r="700397" spans="8:8">
      <c r="H700397" s="12"/>
    </row>
    <row r="700398" spans="8:8">
      <c r="H700398" s="12"/>
    </row>
    <row r="700399" spans="8:8">
      <c r="H700399" s="12"/>
    </row>
    <row r="700400" spans="8:8">
      <c r="H700400" s="12"/>
    </row>
    <row r="700401" spans="8:8">
      <c r="H700401" s="12"/>
    </row>
    <row r="700402" spans="8:8">
      <c r="H700402" s="12"/>
    </row>
    <row r="700403" spans="8:8">
      <c r="H700403" s="12"/>
    </row>
    <row r="700404" spans="8:8">
      <c r="H700404" s="12"/>
    </row>
    <row r="700405" spans="8:8">
      <c r="H700405" s="12"/>
    </row>
    <row r="700406" spans="8:8">
      <c r="H700406" s="12"/>
    </row>
    <row r="700407" spans="8:8">
      <c r="H700407" s="12"/>
    </row>
    <row r="700408" spans="8:8">
      <c r="H700408" s="12"/>
    </row>
    <row r="700409" spans="8:8">
      <c r="H700409" s="12"/>
    </row>
    <row r="700410" spans="8:8">
      <c r="H700410" s="12"/>
    </row>
    <row r="700411" spans="8:8">
      <c r="H700411" s="12"/>
    </row>
    <row r="700412" spans="8:8">
      <c r="H700412" s="12"/>
    </row>
    <row r="700413" spans="8:8">
      <c r="H700413" s="12"/>
    </row>
    <row r="700414" spans="8:8">
      <c r="H700414" s="12"/>
    </row>
    <row r="700415" spans="8:8">
      <c r="H700415" s="12"/>
    </row>
    <row r="700416" spans="8:8">
      <c r="H700416" s="12"/>
    </row>
    <row r="700417" spans="8:8">
      <c r="H700417" s="12"/>
    </row>
    <row r="700418" spans="8:8">
      <c r="H700418" s="12"/>
    </row>
    <row r="700419" spans="8:8">
      <c r="H700419" s="12"/>
    </row>
    <row r="700420" spans="8:8">
      <c r="H700420" s="12"/>
    </row>
    <row r="700421" spans="8:8">
      <c r="H700421" s="12"/>
    </row>
    <row r="700422" spans="8:8">
      <c r="H700422" s="12"/>
    </row>
    <row r="700423" spans="8:8">
      <c r="H700423" s="12"/>
    </row>
    <row r="700424" spans="8:8">
      <c r="H700424" s="12"/>
    </row>
    <row r="700425" spans="8:8">
      <c r="H700425" s="12"/>
    </row>
    <row r="700426" spans="8:8">
      <c r="H700426" s="12"/>
    </row>
    <row r="700427" spans="8:8">
      <c r="H700427" s="12"/>
    </row>
    <row r="700428" spans="8:8">
      <c r="H700428" s="12"/>
    </row>
    <row r="700429" spans="8:8">
      <c r="H700429" s="12"/>
    </row>
    <row r="700430" spans="8:8">
      <c r="H700430" s="12"/>
    </row>
    <row r="700431" spans="8:8">
      <c r="H700431" s="12"/>
    </row>
    <row r="700432" spans="8:8">
      <c r="H700432" s="12"/>
    </row>
    <row r="700433" spans="8:8">
      <c r="H700433" s="12"/>
    </row>
    <row r="700434" spans="8:8">
      <c r="H700434" s="12"/>
    </row>
    <row r="700435" spans="8:8">
      <c r="H700435" s="12"/>
    </row>
    <row r="700436" spans="8:8">
      <c r="H700436" s="12"/>
    </row>
    <row r="700437" spans="8:8">
      <c r="H700437" s="12"/>
    </row>
    <row r="700438" spans="8:8">
      <c r="H700438" s="12"/>
    </row>
    <row r="700439" spans="8:8">
      <c r="H700439" s="12"/>
    </row>
    <row r="700440" spans="8:8">
      <c r="H700440" s="12"/>
    </row>
    <row r="700441" spans="8:8">
      <c r="H700441" s="12"/>
    </row>
    <row r="700442" spans="8:8">
      <c r="H700442" s="12"/>
    </row>
    <row r="700443" spans="8:8">
      <c r="H700443" s="12"/>
    </row>
    <row r="700444" spans="8:8">
      <c r="H700444" s="12"/>
    </row>
    <row r="700445" spans="8:8">
      <c r="H700445" s="12"/>
    </row>
    <row r="700446" spans="8:8">
      <c r="H700446" s="12"/>
    </row>
    <row r="700447" spans="8:8">
      <c r="H700447" s="12"/>
    </row>
    <row r="700448" spans="8:8">
      <c r="H700448" s="12"/>
    </row>
    <row r="700449" spans="8:8">
      <c r="H700449" s="12"/>
    </row>
    <row r="700450" spans="8:8">
      <c r="H700450" s="12"/>
    </row>
    <row r="700451" spans="8:8">
      <c r="H700451" s="12"/>
    </row>
    <row r="700452" spans="8:8">
      <c r="H700452" s="12"/>
    </row>
    <row r="700453" spans="8:8">
      <c r="H700453" s="12"/>
    </row>
    <row r="700454" spans="8:8">
      <c r="H700454" s="12"/>
    </row>
    <row r="700455" spans="8:8">
      <c r="H700455" s="12"/>
    </row>
    <row r="700456" spans="8:8">
      <c r="H700456" s="12"/>
    </row>
    <row r="700457" spans="8:8">
      <c r="H700457" s="12"/>
    </row>
    <row r="700458" spans="8:8">
      <c r="H700458" s="12"/>
    </row>
    <row r="700459" spans="8:8">
      <c r="H700459" s="12"/>
    </row>
    <row r="700460" spans="8:8">
      <c r="H700460" s="12"/>
    </row>
    <row r="700461" spans="8:8">
      <c r="H700461" s="12"/>
    </row>
    <row r="700462" spans="8:8">
      <c r="H700462" s="12"/>
    </row>
    <row r="700463" spans="8:8">
      <c r="H700463" s="12"/>
    </row>
    <row r="700464" spans="8:8">
      <c r="H700464" s="12"/>
    </row>
    <row r="700465" spans="8:8">
      <c r="H700465" s="12"/>
    </row>
    <row r="700466" spans="8:8">
      <c r="H700466" s="12"/>
    </row>
    <row r="700467" spans="8:8">
      <c r="H700467" s="12"/>
    </row>
    <row r="700468" spans="8:8">
      <c r="H700468" s="12"/>
    </row>
    <row r="700469" spans="8:8">
      <c r="H700469" s="12"/>
    </row>
    <row r="700470" spans="8:8">
      <c r="H700470" s="12"/>
    </row>
    <row r="700471" spans="8:8">
      <c r="H700471" s="12"/>
    </row>
    <row r="700472" spans="8:8">
      <c r="H700472" s="12"/>
    </row>
    <row r="700473" spans="8:8">
      <c r="H700473" s="12"/>
    </row>
    <row r="700474" spans="8:8">
      <c r="H700474" s="12"/>
    </row>
    <row r="700475" spans="8:8">
      <c r="H700475" s="12"/>
    </row>
    <row r="700476" spans="8:8">
      <c r="H700476" s="12"/>
    </row>
    <row r="700477" spans="8:8">
      <c r="H700477" s="12"/>
    </row>
    <row r="700478" spans="8:8">
      <c r="H700478" s="12"/>
    </row>
    <row r="700479" spans="8:8">
      <c r="H700479" s="12"/>
    </row>
    <row r="700480" spans="8:8">
      <c r="H700480" s="12"/>
    </row>
    <row r="700481" spans="8:8">
      <c r="H700481" s="12"/>
    </row>
    <row r="700482" spans="8:8">
      <c r="H700482" s="12"/>
    </row>
    <row r="700483" spans="8:8">
      <c r="H700483" s="12"/>
    </row>
    <row r="700484" spans="8:8">
      <c r="H700484" s="12"/>
    </row>
    <row r="700485" spans="8:8">
      <c r="H700485" s="12"/>
    </row>
    <row r="700486" spans="8:8">
      <c r="H700486" s="12"/>
    </row>
    <row r="700487" spans="8:8">
      <c r="H700487" s="12"/>
    </row>
    <row r="700488" spans="8:8">
      <c r="H700488" s="12"/>
    </row>
    <row r="700489" spans="8:8">
      <c r="H700489" s="12"/>
    </row>
    <row r="700490" spans="8:8">
      <c r="H700490" s="12"/>
    </row>
    <row r="700491" spans="8:8">
      <c r="H700491" s="12"/>
    </row>
    <row r="700492" spans="8:8">
      <c r="H700492" s="12"/>
    </row>
    <row r="700493" spans="8:8">
      <c r="H700493" s="12"/>
    </row>
    <row r="700494" spans="8:8">
      <c r="H700494" s="12"/>
    </row>
    <row r="700495" spans="8:8">
      <c r="H700495" s="12"/>
    </row>
    <row r="700496" spans="8:8">
      <c r="H700496" s="12"/>
    </row>
    <row r="700497" spans="8:8">
      <c r="H700497" s="12"/>
    </row>
    <row r="700498" spans="8:8">
      <c r="H700498" s="12"/>
    </row>
    <row r="700499" spans="8:8">
      <c r="H700499" s="12"/>
    </row>
    <row r="700500" spans="8:8">
      <c r="H700500" s="12"/>
    </row>
    <row r="700501" spans="8:8">
      <c r="H700501" s="12"/>
    </row>
    <row r="700502" spans="8:8">
      <c r="H700502" s="12"/>
    </row>
    <row r="700503" spans="8:8">
      <c r="H700503" s="12"/>
    </row>
    <row r="700504" spans="8:8">
      <c r="H700504" s="12"/>
    </row>
    <row r="700505" spans="8:8">
      <c r="H700505" s="12"/>
    </row>
    <row r="700506" spans="8:8">
      <c r="H700506" s="12"/>
    </row>
    <row r="700507" spans="8:8">
      <c r="H700507" s="12"/>
    </row>
    <row r="700508" spans="8:8">
      <c r="H700508" s="12"/>
    </row>
    <row r="700509" spans="8:8">
      <c r="H700509" s="12"/>
    </row>
    <row r="700510" spans="8:8">
      <c r="H700510" s="12"/>
    </row>
    <row r="700511" spans="8:8">
      <c r="H700511" s="12"/>
    </row>
    <row r="700512" spans="8:8">
      <c r="H700512" s="12"/>
    </row>
    <row r="700513" spans="8:8">
      <c r="H700513" s="12"/>
    </row>
    <row r="700514" spans="8:8">
      <c r="H700514" s="12"/>
    </row>
    <row r="700515" spans="8:8">
      <c r="H700515" s="12"/>
    </row>
    <row r="700516" spans="8:8">
      <c r="H700516" s="12"/>
    </row>
    <row r="700517" spans="8:8">
      <c r="H700517" s="12"/>
    </row>
    <row r="700518" spans="8:8">
      <c r="H700518" s="12"/>
    </row>
    <row r="700519" spans="8:8">
      <c r="H700519" s="12"/>
    </row>
    <row r="700520" spans="8:8">
      <c r="H700520" s="12"/>
    </row>
    <row r="700521" spans="8:8">
      <c r="H700521" s="12"/>
    </row>
    <row r="700522" spans="8:8">
      <c r="H700522" s="12"/>
    </row>
    <row r="700523" spans="8:8">
      <c r="H700523" s="12"/>
    </row>
    <row r="700524" spans="8:8">
      <c r="H700524" s="12"/>
    </row>
    <row r="700525" spans="8:8">
      <c r="H700525" s="12"/>
    </row>
    <row r="700526" spans="8:8">
      <c r="H700526" s="12"/>
    </row>
    <row r="700527" spans="8:8">
      <c r="H700527" s="12"/>
    </row>
    <row r="700528" spans="8:8">
      <c r="H700528" s="12"/>
    </row>
    <row r="700529" spans="8:8">
      <c r="H700529" s="12"/>
    </row>
    <row r="700530" spans="8:8">
      <c r="H700530" s="12"/>
    </row>
    <row r="700531" spans="8:8">
      <c r="H700531" s="12"/>
    </row>
    <row r="700532" spans="8:8">
      <c r="H700532" s="12"/>
    </row>
    <row r="700533" spans="8:8">
      <c r="H700533" s="12"/>
    </row>
    <row r="700534" spans="8:8">
      <c r="H700534" s="12"/>
    </row>
    <row r="700535" spans="8:8">
      <c r="H700535" s="12"/>
    </row>
    <row r="700536" spans="8:8">
      <c r="H700536" s="12"/>
    </row>
    <row r="700537" spans="8:8">
      <c r="H700537" s="12"/>
    </row>
    <row r="700538" spans="8:8">
      <c r="H700538" s="12"/>
    </row>
    <row r="700539" spans="8:8">
      <c r="H700539" s="12"/>
    </row>
    <row r="700540" spans="8:8">
      <c r="H700540" s="12"/>
    </row>
    <row r="700541" spans="8:8">
      <c r="H700541" s="12"/>
    </row>
    <row r="700542" spans="8:8">
      <c r="H700542" s="12"/>
    </row>
    <row r="700543" spans="8:8">
      <c r="H700543" s="12"/>
    </row>
    <row r="700544" spans="8:8">
      <c r="H700544" s="12"/>
    </row>
    <row r="700545" spans="8:8">
      <c r="H700545" s="12"/>
    </row>
    <row r="700546" spans="8:8">
      <c r="H700546" s="12"/>
    </row>
    <row r="700547" spans="8:8">
      <c r="H700547" s="12"/>
    </row>
    <row r="700548" spans="8:8">
      <c r="H700548" s="12"/>
    </row>
    <row r="700549" spans="8:8">
      <c r="H700549" s="12"/>
    </row>
    <row r="700550" spans="8:8">
      <c r="H700550" s="12"/>
    </row>
    <row r="700551" spans="8:8">
      <c r="H700551" s="12"/>
    </row>
    <row r="700552" spans="8:8">
      <c r="H700552" s="12"/>
    </row>
    <row r="700553" spans="8:8">
      <c r="H700553" s="12"/>
    </row>
    <row r="700554" spans="8:8">
      <c r="H700554" s="12"/>
    </row>
    <row r="700555" spans="8:8">
      <c r="H700555" s="12"/>
    </row>
    <row r="700556" spans="8:8">
      <c r="H700556" s="12"/>
    </row>
    <row r="700557" spans="8:8">
      <c r="H700557" s="12"/>
    </row>
    <row r="700558" spans="8:8">
      <c r="H700558" s="12"/>
    </row>
    <row r="700559" spans="8:8">
      <c r="H700559" s="12"/>
    </row>
    <row r="700560" spans="8:8">
      <c r="H700560" s="12"/>
    </row>
    <row r="700561" spans="8:8">
      <c r="H700561" s="12"/>
    </row>
    <row r="700562" spans="8:8">
      <c r="H700562" s="12"/>
    </row>
    <row r="700563" spans="8:8">
      <c r="H700563" s="12"/>
    </row>
    <row r="700564" spans="8:8">
      <c r="H700564" s="12"/>
    </row>
    <row r="700565" spans="8:8">
      <c r="H700565" s="12"/>
    </row>
    <row r="700566" spans="8:8">
      <c r="H700566" s="12"/>
    </row>
    <row r="700567" spans="8:8">
      <c r="H700567" s="12"/>
    </row>
    <row r="700568" spans="8:8">
      <c r="H700568" s="12"/>
    </row>
    <row r="700569" spans="8:8">
      <c r="H700569" s="12"/>
    </row>
    <row r="700570" spans="8:8">
      <c r="H700570" s="12"/>
    </row>
    <row r="700571" spans="8:8">
      <c r="H700571" s="12"/>
    </row>
    <row r="700572" spans="8:8">
      <c r="H700572" s="12"/>
    </row>
    <row r="700573" spans="8:8">
      <c r="H700573" s="12"/>
    </row>
    <row r="700574" spans="8:8">
      <c r="H700574" s="12"/>
    </row>
    <row r="700575" spans="8:8">
      <c r="H700575" s="12"/>
    </row>
    <row r="700576" spans="8:8">
      <c r="H700576" s="12"/>
    </row>
    <row r="700577" spans="8:8">
      <c r="H700577" s="12"/>
    </row>
    <row r="700578" spans="8:8">
      <c r="H700578" s="12"/>
    </row>
    <row r="700579" spans="8:8">
      <c r="H700579" s="12"/>
    </row>
    <row r="700580" spans="8:8">
      <c r="H700580" s="12"/>
    </row>
    <row r="700581" spans="8:8">
      <c r="H700581" s="12"/>
    </row>
    <row r="700582" spans="8:8">
      <c r="H700582" s="12"/>
    </row>
    <row r="700583" spans="8:8">
      <c r="H700583" s="12"/>
    </row>
    <row r="700584" spans="8:8">
      <c r="H700584" s="12"/>
    </row>
    <row r="700585" spans="8:8">
      <c r="H700585" s="12"/>
    </row>
    <row r="700586" spans="8:8">
      <c r="H700586" s="12"/>
    </row>
    <row r="700587" spans="8:8">
      <c r="H700587" s="12"/>
    </row>
    <row r="700588" spans="8:8">
      <c r="H700588" s="12"/>
    </row>
    <row r="700589" spans="8:8">
      <c r="H700589" s="12"/>
    </row>
    <row r="700590" spans="8:8">
      <c r="H700590" s="12"/>
    </row>
    <row r="700591" spans="8:8">
      <c r="H700591" s="12"/>
    </row>
    <row r="700592" spans="8:8">
      <c r="H700592" s="12"/>
    </row>
    <row r="700593" spans="8:8">
      <c r="H700593" s="12"/>
    </row>
    <row r="700594" spans="8:8">
      <c r="H700594" s="12"/>
    </row>
    <row r="700595" spans="8:8">
      <c r="H700595" s="12"/>
    </row>
    <row r="700596" spans="8:8">
      <c r="H700596" s="12"/>
    </row>
    <row r="700597" spans="8:8">
      <c r="H700597" s="12"/>
    </row>
    <row r="700598" spans="8:8">
      <c r="H700598" s="12"/>
    </row>
    <row r="700599" spans="8:8">
      <c r="H700599" s="12"/>
    </row>
    <row r="700600" spans="8:8">
      <c r="H700600" s="12"/>
    </row>
    <row r="700601" spans="8:8">
      <c r="H700601" s="12"/>
    </row>
    <row r="700602" spans="8:8">
      <c r="H700602" s="12"/>
    </row>
    <row r="700603" spans="8:8">
      <c r="H700603" s="12"/>
    </row>
    <row r="700604" spans="8:8">
      <c r="H700604" s="12"/>
    </row>
    <row r="700605" spans="8:8">
      <c r="H700605" s="12"/>
    </row>
    <row r="700606" spans="8:8">
      <c r="H700606" s="12"/>
    </row>
    <row r="700607" spans="8:8">
      <c r="H700607" s="12"/>
    </row>
    <row r="700608" spans="8:8">
      <c r="H700608" s="12"/>
    </row>
    <row r="700609" spans="8:8">
      <c r="H700609" s="12"/>
    </row>
    <row r="700610" spans="8:8">
      <c r="H700610" s="12"/>
    </row>
    <row r="700611" spans="8:8">
      <c r="H700611" s="12"/>
    </row>
    <row r="700612" spans="8:8">
      <c r="H700612" s="12"/>
    </row>
    <row r="700613" spans="8:8">
      <c r="H700613" s="12"/>
    </row>
    <row r="700614" spans="8:8">
      <c r="H700614" s="12"/>
    </row>
    <row r="700615" spans="8:8">
      <c r="H700615" s="12"/>
    </row>
    <row r="700616" spans="8:8">
      <c r="H700616" s="12"/>
    </row>
    <row r="700617" spans="8:8">
      <c r="H700617" s="12"/>
    </row>
    <row r="700618" spans="8:8">
      <c r="H700618" s="12"/>
    </row>
    <row r="700619" spans="8:8">
      <c r="H700619" s="12"/>
    </row>
    <row r="700620" spans="8:8">
      <c r="H700620" s="12"/>
    </row>
    <row r="700621" spans="8:8">
      <c r="H700621" s="12"/>
    </row>
    <row r="700622" spans="8:8">
      <c r="H700622" s="12"/>
    </row>
    <row r="700623" spans="8:8">
      <c r="H700623" s="12"/>
    </row>
    <row r="700624" spans="8:8">
      <c r="H700624" s="12"/>
    </row>
    <row r="700625" spans="8:8">
      <c r="H700625" s="12"/>
    </row>
    <row r="700626" spans="8:8">
      <c r="H700626" s="12"/>
    </row>
    <row r="700627" spans="8:8">
      <c r="H700627" s="12"/>
    </row>
    <row r="700628" spans="8:8">
      <c r="H700628" s="12"/>
    </row>
    <row r="700629" spans="8:8">
      <c r="H700629" s="12"/>
    </row>
    <row r="700630" spans="8:8">
      <c r="H700630" s="12"/>
    </row>
    <row r="700631" spans="8:8">
      <c r="H700631" s="12"/>
    </row>
    <row r="700632" spans="8:8">
      <c r="H700632" s="12"/>
    </row>
    <row r="700633" spans="8:8">
      <c r="H700633" s="12"/>
    </row>
    <row r="700634" spans="8:8">
      <c r="H700634" s="12"/>
    </row>
    <row r="700635" spans="8:8">
      <c r="H700635" s="12"/>
    </row>
    <row r="700636" spans="8:8">
      <c r="H700636" s="12"/>
    </row>
    <row r="700637" spans="8:8">
      <c r="H700637" s="12"/>
    </row>
    <row r="700638" spans="8:8">
      <c r="H700638" s="12"/>
    </row>
    <row r="700639" spans="8:8">
      <c r="H700639" s="12"/>
    </row>
    <row r="700640" spans="8:8">
      <c r="H700640" s="12"/>
    </row>
    <row r="700641" spans="8:8">
      <c r="H700641" s="12"/>
    </row>
    <row r="700642" spans="8:8">
      <c r="H700642" s="12"/>
    </row>
    <row r="700643" spans="8:8">
      <c r="H700643" s="12"/>
    </row>
    <row r="700644" spans="8:8">
      <c r="H700644" s="12"/>
    </row>
    <row r="700645" spans="8:8">
      <c r="H700645" s="12"/>
    </row>
    <row r="700646" spans="8:8">
      <c r="H700646" s="12"/>
    </row>
    <row r="700647" spans="8:8">
      <c r="H700647" s="12"/>
    </row>
    <row r="700648" spans="8:8">
      <c r="H700648" s="12"/>
    </row>
    <row r="700649" spans="8:8">
      <c r="H700649" s="12"/>
    </row>
    <row r="700650" spans="8:8">
      <c r="H700650" s="12"/>
    </row>
    <row r="700651" spans="8:8">
      <c r="H700651" s="12"/>
    </row>
    <row r="700652" spans="8:8">
      <c r="H700652" s="12"/>
    </row>
    <row r="700653" spans="8:8">
      <c r="H700653" s="12"/>
    </row>
    <row r="700654" spans="8:8">
      <c r="H700654" s="12"/>
    </row>
    <row r="700655" spans="8:8">
      <c r="H700655" s="12"/>
    </row>
    <row r="700656" spans="8:8">
      <c r="H700656" s="12"/>
    </row>
    <row r="700657" spans="8:8">
      <c r="H700657" s="12"/>
    </row>
    <row r="700658" spans="8:8">
      <c r="H700658" s="12"/>
    </row>
    <row r="700659" spans="8:8">
      <c r="H700659" s="12"/>
    </row>
    <row r="700660" spans="8:8">
      <c r="H700660" s="12"/>
    </row>
    <row r="700661" spans="8:8">
      <c r="H700661" s="12"/>
    </row>
    <row r="700662" spans="8:8">
      <c r="H700662" s="12"/>
    </row>
    <row r="700663" spans="8:8">
      <c r="H700663" s="12"/>
    </row>
    <row r="700664" spans="8:8">
      <c r="H700664" s="12"/>
    </row>
    <row r="700665" spans="8:8">
      <c r="H700665" s="12"/>
    </row>
    <row r="700666" spans="8:8">
      <c r="H700666" s="12"/>
    </row>
    <row r="700667" spans="8:8">
      <c r="H700667" s="12"/>
    </row>
    <row r="700668" spans="8:8">
      <c r="H700668" s="12"/>
    </row>
    <row r="700669" spans="8:8">
      <c r="H700669" s="12"/>
    </row>
    <row r="700670" spans="8:8">
      <c r="H700670" s="12"/>
    </row>
    <row r="700671" spans="8:8">
      <c r="H700671" s="12"/>
    </row>
    <row r="700672" spans="8:8">
      <c r="H700672" s="12"/>
    </row>
    <row r="700673" spans="8:8">
      <c r="H700673" s="12"/>
    </row>
    <row r="700674" spans="8:8">
      <c r="H700674" s="12"/>
    </row>
    <row r="700675" spans="8:8">
      <c r="H700675" s="12"/>
    </row>
    <row r="700676" spans="8:8">
      <c r="H700676" s="12"/>
    </row>
    <row r="700677" spans="8:8">
      <c r="H700677" s="12"/>
    </row>
    <row r="700678" spans="8:8">
      <c r="H700678" s="12"/>
    </row>
    <row r="700679" spans="8:8">
      <c r="H700679" s="12"/>
    </row>
    <row r="700680" spans="8:8">
      <c r="H700680" s="12"/>
    </row>
    <row r="700681" spans="8:8">
      <c r="H700681" s="12"/>
    </row>
    <row r="700682" spans="8:8">
      <c r="H700682" s="12"/>
    </row>
    <row r="700683" spans="8:8">
      <c r="H700683" s="12"/>
    </row>
    <row r="700684" spans="8:8">
      <c r="H700684" s="12"/>
    </row>
    <row r="700685" spans="8:8">
      <c r="H700685" s="12"/>
    </row>
    <row r="700686" spans="8:8">
      <c r="H700686" s="12"/>
    </row>
    <row r="700687" spans="8:8">
      <c r="H700687" s="12"/>
    </row>
    <row r="700688" spans="8:8">
      <c r="H700688" s="12"/>
    </row>
    <row r="700689" spans="8:8">
      <c r="H700689" s="12"/>
    </row>
    <row r="700690" spans="8:8">
      <c r="H700690" s="12"/>
    </row>
    <row r="700691" spans="8:8">
      <c r="H700691" s="12"/>
    </row>
    <row r="700692" spans="8:8">
      <c r="H700692" s="12"/>
    </row>
    <row r="700693" spans="8:8">
      <c r="H700693" s="12"/>
    </row>
    <row r="700694" spans="8:8">
      <c r="H700694" s="12"/>
    </row>
    <row r="700695" spans="8:8">
      <c r="H700695" s="12"/>
    </row>
    <row r="700696" spans="8:8">
      <c r="H700696" s="12"/>
    </row>
    <row r="700697" spans="8:8">
      <c r="H700697" s="12"/>
    </row>
    <row r="700698" spans="8:8">
      <c r="H700698" s="12"/>
    </row>
    <row r="700699" spans="8:8">
      <c r="H700699" s="12"/>
    </row>
    <row r="700700" spans="8:8">
      <c r="H700700" s="12"/>
    </row>
    <row r="700701" spans="8:8">
      <c r="H700701" s="12"/>
    </row>
    <row r="700702" spans="8:8">
      <c r="H700702" s="12"/>
    </row>
    <row r="700703" spans="8:8">
      <c r="H700703" s="12"/>
    </row>
    <row r="700704" spans="8:8">
      <c r="H700704" s="12"/>
    </row>
    <row r="700705" spans="8:8">
      <c r="H700705" s="12"/>
    </row>
    <row r="700706" spans="8:8">
      <c r="H700706" s="12"/>
    </row>
    <row r="700707" spans="8:8">
      <c r="H700707" s="12"/>
    </row>
    <row r="700708" spans="8:8">
      <c r="H700708" s="12"/>
    </row>
    <row r="700709" spans="8:8">
      <c r="H700709" s="12"/>
    </row>
    <row r="700710" spans="8:8">
      <c r="H700710" s="12"/>
    </row>
    <row r="700711" spans="8:8">
      <c r="H700711" s="12"/>
    </row>
    <row r="700712" spans="8:8">
      <c r="H700712" s="12"/>
    </row>
    <row r="700713" spans="8:8">
      <c r="H700713" s="12"/>
    </row>
    <row r="700714" spans="8:8">
      <c r="H700714" s="12"/>
    </row>
    <row r="700715" spans="8:8">
      <c r="H700715" s="12"/>
    </row>
    <row r="700716" spans="8:8">
      <c r="H700716" s="12"/>
    </row>
    <row r="700717" spans="8:8">
      <c r="H700717" s="12"/>
    </row>
    <row r="700718" spans="8:8">
      <c r="H700718" s="12"/>
    </row>
    <row r="700719" spans="8:8">
      <c r="H700719" s="12"/>
    </row>
    <row r="700720" spans="8:8">
      <c r="H700720" s="12"/>
    </row>
    <row r="700721" spans="8:8">
      <c r="H700721" s="12"/>
    </row>
    <row r="700722" spans="8:8">
      <c r="H700722" s="12"/>
    </row>
    <row r="700723" spans="8:8">
      <c r="H700723" s="12"/>
    </row>
    <row r="700724" spans="8:8">
      <c r="H700724" s="12"/>
    </row>
    <row r="700725" spans="8:8">
      <c r="H700725" s="12"/>
    </row>
    <row r="700726" spans="8:8">
      <c r="H700726" s="12"/>
    </row>
    <row r="700727" spans="8:8">
      <c r="H700727" s="12"/>
    </row>
    <row r="700728" spans="8:8">
      <c r="H700728" s="12"/>
    </row>
    <row r="700729" spans="8:8">
      <c r="H700729" s="12"/>
    </row>
    <row r="700730" spans="8:8">
      <c r="H700730" s="12"/>
    </row>
    <row r="700731" spans="8:8">
      <c r="H700731" s="12"/>
    </row>
    <row r="700732" spans="8:8">
      <c r="H700732" s="12"/>
    </row>
    <row r="700733" spans="8:8">
      <c r="H700733" s="12"/>
    </row>
    <row r="700734" spans="8:8">
      <c r="H700734" s="12"/>
    </row>
    <row r="700735" spans="8:8">
      <c r="H700735" s="12"/>
    </row>
    <row r="700736" spans="8:8">
      <c r="H700736" s="12"/>
    </row>
    <row r="700737" spans="8:8">
      <c r="H700737" s="12"/>
    </row>
    <row r="700738" spans="8:8">
      <c r="H700738" s="12"/>
    </row>
    <row r="700739" spans="8:8">
      <c r="H700739" s="12"/>
    </row>
    <row r="700740" spans="8:8">
      <c r="H700740" s="12"/>
    </row>
    <row r="700741" spans="8:8">
      <c r="H700741" s="12"/>
    </row>
    <row r="700742" spans="8:8">
      <c r="H700742" s="12"/>
    </row>
    <row r="700743" spans="8:8">
      <c r="H700743" s="12"/>
    </row>
    <row r="700744" spans="8:8">
      <c r="H700744" s="12"/>
    </row>
    <row r="700745" spans="8:8">
      <c r="H700745" s="12"/>
    </row>
    <row r="700746" spans="8:8">
      <c r="H700746" s="12"/>
    </row>
    <row r="700747" spans="8:8">
      <c r="H700747" s="12"/>
    </row>
    <row r="700748" spans="8:8">
      <c r="H700748" s="12"/>
    </row>
    <row r="700749" spans="8:8">
      <c r="H700749" s="12"/>
    </row>
    <row r="700750" spans="8:8">
      <c r="H700750" s="12"/>
    </row>
    <row r="700751" spans="8:8">
      <c r="H700751" s="12"/>
    </row>
    <row r="700752" spans="8:8">
      <c r="H700752" s="12"/>
    </row>
    <row r="700753" spans="8:8">
      <c r="H700753" s="12"/>
    </row>
    <row r="700754" spans="8:8">
      <c r="H700754" s="12"/>
    </row>
    <row r="700755" spans="8:8">
      <c r="H700755" s="12"/>
    </row>
    <row r="700756" spans="8:8">
      <c r="H700756" s="12"/>
    </row>
    <row r="700757" spans="8:8">
      <c r="H700757" s="12"/>
    </row>
    <row r="700758" spans="8:8">
      <c r="H700758" s="12"/>
    </row>
    <row r="700759" spans="8:8">
      <c r="H700759" s="12"/>
    </row>
    <row r="700760" spans="8:8">
      <c r="H700760" s="12"/>
    </row>
    <row r="700761" spans="8:8">
      <c r="H700761" s="12"/>
    </row>
    <row r="700762" spans="8:8">
      <c r="H700762" s="12"/>
    </row>
    <row r="700763" spans="8:8">
      <c r="H700763" s="12"/>
    </row>
    <row r="700764" spans="8:8">
      <c r="H700764" s="12"/>
    </row>
    <row r="700765" spans="8:8">
      <c r="H700765" s="12"/>
    </row>
    <row r="700766" spans="8:8">
      <c r="H700766" s="12"/>
    </row>
    <row r="700767" spans="8:8">
      <c r="H700767" s="12"/>
    </row>
    <row r="700768" spans="8:8">
      <c r="H700768" s="12"/>
    </row>
    <row r="700769" spans="8:8">
      <c r="H700769" s="12"/>
    </row>
    <row r="700770" spans="8:8">
      <c r="H700770" s="12"/>
    </row>
    <row r="700771" spans="8:8">
      <c r="H700771" s="12"/>
    </row>
    <row r="700772" spans="8:8">
      <c r="H700772" s="12"/>
    </row>
    <row r="700773" spans="8:8">
      <c r="H700773" s="12"/>
    </row>
    <row r="700774" spans="8:8">
      <c r="H700774" s="12"/>
    </row>
    <row r="700775" spans="8:8">
      <c r="H700775" s="12"/>
    </row>
    <row r="700776" spans="8:8">
      <c r="H700776" s="12"/>
    </row>
    <row r="700777" spans="8:8">
      <c r="H700777" s="12"/>
    </row>
    <row r="700778" spans="8:8">
      <c r="H700778" s="12"/>
    </row>
    <row r="700779" spans="8:8">
      <c r="H700779" s="12"/>
    </row>
    <row r="700780" spans="8:8">
      <c r="H700780" s="12"/>
    </row>
    <row r="700781" spans="8:8">
      <c r="H700781" s="12"/>
    </row>
    <row r="700782" spans="8:8">
      <c r="H700782" s="12"/>
    </row>
    <row r="700783" spans="8:8">
      <c r="H700783" s="12"/>
    </row>
    <row r="700784" spans="8:8">
      <c r="H700784" s="12"/>
    </row>
    <row r="700785" spans="8:8">
      <c r="H700785" s="12"/>
    </row>
    <row r="700786" spans="8:8">
      <c r="H700786" s="12"/>
    </row>
    <row r="700787" spans="8:8">
      <c r="H700787" s="12"/>
    </row>
    <row r="700788" spans="8:8">
      <c r="H700788" s="12"/>
    </row>
    <row r="700789" spans="8:8">
      <c r="H700789" s="12"/>
    </row>
    <row r="700790" spans="8:8">
      <c r="H700790" s="12"/>
    </row>
    <row r="700791" spans="8:8">
      <c r="H700791" s="12"/>
    </row>
    <row r="700792" spans="8:8">
      <c r="H700792" s="12"/>
    </row>
    <row r="700793" spans="8:8">
      <c r="H700793" s="12"/>
    </row>
    <row r="700794" spans="8:8">
      <c r="H700794" s="12"/>
    </row>
    <row r="700795" spans="8:8">
      <c r="H700795" s="12"/>
    </row>
    <row r="700796" spans="8:8">
      <c r="H700796" s="12"/>
    </row>
    <row r="700797" spans="8:8">
      <c r="H700797" s="12"/>
    </row>
    <row r="700798" spans="8:8">
      <c r="H700798" s="12"/>
    </row>
    <row r="700799" spans="8:8">
      <c r="H700799" s="12"/>
    </row>
    <row r="700800" spans="8:8">
      <c r="H700800" s="12"/>
    </row>
    <row r="700801" spans="8:8">
      <c r="H700801" s="12"/>
    </row>
    <row r="700802" spans="8:8">
      <c r="H700802" s="12"/>
    </row>
    <row r="700803" spans="8:8">
      <c r="H700803" s="12"/>
    </row>
    <row r="700804" spans="8:8">
      <c r="H700804" s="12"/>
    </row>
    <row r="700805" spans="8:8">
      <c r="H700805" s="12"/>
    </row>
    <row r="700806" spans="8:8">
      <c r="H700806" s="12"/>
    </row>
    <row r="700807" spans="8:8">
      <c r="H700807" s="12"/>
    </row>
    <row r="700808" spans="8:8">
      <c r="H700808" s="12"/>
    </row>
    <row r="700809" spans="8:8">
      <c r="H700809" s="12"/>
    </row>
    <row r="700810" spans="8:8">
      <c r="H700810" s="12"/>
    </row>
    <row r="700811" spans="8:8">
      <c r="H700811" s="12"/>
    </row>
    <row r="700812" spans="8:8">
      <c r="H700812" s="12"/>
    </row>
    <row r="700813" spans="8:8">
      <c r="H700813" s="12"/>
    </row>
    <row r="700814" spans="8:8">
      <c r="H700814" s="12"/>
    </row>
    <row r="700815" spans="8:8">
      <c r="H700815" s="12"/>
    </row>
    <row r="700816" spans="8:8">
      <c r="H700816" s="12"/>
    </row>
    <row r="700817" spans="8:8">
      <c r="H700817" s="12"/>
    </row>
    <row r="700818" spans="8:8">
      <c r="H700818" s="12"/>
    </row>
    <row r="700819" spans="8:8">
      <c r="H700819" s="12"/>
    </row>
    <row r="700820" spans="8:8">
      <c r="H700820" s="12"/>
    </row>
    <row r="700821" spans="8:8">
      <c r="H700821" s="12"/>
    </row>
    <row r="700822" spans="8:8">
      <c r="H700822" s="12"/>
    </row>
    <row r="700823" spans="8:8">
      <c r="H700823" s="12"/>
    </row>
    <row r="700824" spans="8:8">
      <c r="H700824" s="12"/>
    </row>
    <row r="700825" spans="8:8">
      <c r="H700825" s="12"/>
    </row>
    <row r="700826" spans="8:8">
      <c r="H700826" s="12"/>
    </row>
    <row r="700827" spans="8:8">
      <c r="H700827" s="12"/>
    </row>
    <row r="700828" spans="8:8">
      <c r="H700828" s="12"/>
    </row>
    <row r="700829" spans="8:8">
      <c r="H700829" s="12"/>
    </row>
    <row r="700830" spans="8:8">
      <c r="H700830" s="12"/>
    </row>
    <row r="700831" spans="8:8">
      <c r="H700831" s="12"/>
    </row>
    <row r="700832" spans="8:8">
      <c r="H700832" s="12"/>
    </row>
    <row r="700833" spans="8:8">
      <c r="H700833" s="12"/>
    </row>
    <row r="700834" spans="8:8">
      <c r="H700834" s="12"/>
    </row>
    <row r="700835" spans="8:8">
      <c r="H700835" s="12"/>
    </row>
    <row r="700836" spans="8:8">
      <c r="H700836" s="12"/>
    </row>
    <row r="700837" spans="8:8">
      <c r="H700837" s="12"/>
    </row>
    <row r="700838" spans="8:8">
      <c r="H700838" s="12"/>
    </row>
    <row r="700839" spans="8:8">
      <c r="H700839" s="12"/>
    </row>
    <row r="700840" spans="8:8">
      <c r="H700840" s="12"/>
    </row>
    <row r="700841" spans="8:8">
      <c r="H700841" s="12"/>
    </row>
    <row r="700842" spans="8:8">
      <c r="H700842" s="12"/>
    </row>
    <row r="700843" spans="8:8">
      <c r="H700843" s="12"/>
    </row>
    <row r="700844" spans="8:8">
      <c r="H700844" s="12"/>
    </row>
    <row r="700845" spans="8:8">
      <c r="H700845" s="12"/>
    </row>
    <row r="700846" spans="8:8">
      <c r="H700846" s="12"/>
    </row>
    <row r="700847" spans="8:8">
      <c r="H700847" s="12"/>
    </row>
    <row r="700848" spans="8:8">
      <c r="H700848" s="12"/>
    </row>
    <row r="700849" spans="8:8">
      <c r="H700849" s="12"/>
    </row>
    <row r="700850" spans="8:8">
      <c r="H700850" s="12"/>
    </row>
    <row r="700851" spans="8:8">
      <c r="H700851" s="12"/>
    </row>
    <row r="700852" spans="8:8">
      <c r="H700852" s="12"/>
    </row>
    <row r="700853" spans="8:8">
      <c r="H700853" s="12"/>
    </row>
    <row r="700854" spans="8:8">
      <c r="H700854" s="12"/>
    </row>
    <row r="700855" spans="8:8">
      <c r="H700855" s="12"/>
    </row>
    <row r="700856" spans="8:8">
      <c r="H700856" s="12"/>
    </row>
    <row r="700857" spans="8:8">
      <c r="H700857" s="12"/>
    </row>
    <row r="700858" spans="8:8">
      <c r="H700858" s="12"/>
    </row>
    <row r="700859" spans="8:8">
      <c r="H700859" s="12"/>
    </row>
    <row r="700860" spans="8:8">
      <c r="H700860" s="12"/>
    </row>
    <row r="700861" spans="8:8">
      <c r="H700861" s="12"/>
    </row>
    <row r="700862" spans="8:8">
      <c r="H700862" s="12"/>
    </row>
    <row r="700863" spans="8:8">
      <c r="H700863" s="12"/>
    </row>
    <row r="700864" spans="8:8">
      <c r="H700864" s="12"/>
    </row>
    <row r="700865" spans="8:8">
      <c r="H700865" s="12"/>
    </row>
    <row r="700866" spans="8:8">
      <c r="H700866" s="12"/>
    </row>
    <row r="700867" spans="8:8">
      <c r="H700867" s="12"/>
    </row>
    <row r="700868" spans="8:8">
      <c r="H700868" s="12"/>
    </row>
    <row r="700869" spans="8:8">
      <c r="H700869" s="12"/>
    </row>
    <row r="700870" spans="8:8">
      <c r="H700870" s="12"/>
    </row>
    <row r="700871" spans="8:8">
      <c r="H700871" s="12"/>
    </row>
    <row r="700872" spans="8:8">
      <c r="H700872" s="12"/>
    </row>
    <row r="700873" spans="8:8">
      <c r="H700873" s="12"/>
    </row>
    <row r="700874" spans="8:8">
      <c r="H700874" s="12"/>
    </row>
    <row r="700875" spans="8:8">
      <c r="H700875" s="12"/>
    </row>
    <row r="700876" spans="8:8">
      <c r="H700876" s="12"/>
    </row>
    <row r="700877" spans="8:8">
      <c r="H700877" s="12"/>
    </row>
    <row r="700878" spans="8:8">
      <c r="H700878" s="12"/>
    </row>
    <row r="700879" spans="8:8">
      <c r="H700879" s="12"/>
    </row>
    <row r="700880" spans="8:8">
      <c r="H700880" s="12"/>
    </row>
    <row r="700881" spans="8:8">
      <c r="H700881" s="12"/>
    </row>
    <row r="700882" spans="8:8">
      <c r="H700882" s="12"/>
    </row>
    <row r="700883" spans="8:8">
      <c r="H700883" s="12"/>
    </row>
    <row r="700884" spans="8:8">
      <c r="H700884" s="12"/>
    </row>
    <row r="700885" spans="8:8">
      <c r="H700885" s="12"/>
    </row>
    <row r="700886" spans="8:8">
      <c r="H700886" s="12"/>
    </row>
    <row r="700887" spans="8:8">
      <c r="H700887" s="12"/>
    </row>
    <row r="700888" spans="8:8">
      <c r="H700888" s="12"/>
    </row>
    <row r="700889" spans="8:8">
      <c r="H700889" s="12"/>
    </row>
    <row r="700890" spans="8:8">
      <c r="H700890" s="12"/>
    </row>
    <row r="700891" spans="8:8">
      <c r="H700891" s="12"/>
    </row>
    <row r="700892" spans="8:8">
      <c r="H700892" s="12"/>
    </row>
    <row r="700893" spans="8:8">
      <c r="H700893" s="12"/>
    </row>
    <row r="700894" spans="8:8">
      <c r="H700894" s="12"/>
    </row>
    <row r="700895" spans="8:8">
      <c r="H700895" s="12"/>
    </row>
    <row r="700896" spans="8:8">
      <c r="H700896" s="12"/>
    </row>
    <row r="700897" spans="8:8">
      <c r="H700897" s="12"/>
    </row>
    <row r="700898" spans="8:8">
      <c r="H700898" s="12"/>
    </row>
    <row r="700899" spans="8:8">
      <c r="H700899" s="12"/>
    </row>
    <row r="700900" spans="8:8">
      <c r="H700900" s="12"/>
    </row>
    <row r="700901" spans="8:8">
      <c r="H700901" s="12"/>
    </row>
    <row r="700902" spans="8:8">
      <c r="H700902" s="12"/>
    </row>
    <row r="700903" spans="8:8">
      <c r="H700903" s="12"/>
    </row>
    <row r="700904" spans="8:8">
      <c r="H700904" s="12"/>
    </row>
    <row r="700905" spans="8:8">
      <c r="H700905" s="12"/>
    </row>
    <row r="700906" spans="8:8">
      <c r="H700906" s="12"/>
    </row>
    <row r="700907" spans="8:8">
      <c r="H700907" s="12"/>
    </row>
    <row r="700908" spans="8:8">
      <c r="H700908" s="12"/>
    </row>
    <row r="700909" spans="8:8">
      <c r="H700909" s="12"/>
    </row>
    <row r="700910" spans="8:8">
      <c r="H700910" s="12"/>
    </row>
    <row r="700911" spans="8:8">
      <c r="H700911" s="12"/>
    </row>
    <row r="700912" spans="8:8">
      <c r="H700912" s="12"/>
    </row>
    <row r="700913" spans="8:8">
      <c r="H700913" s="12"/>
    </row>
    <row r="700914" spans="8:8">
      <c r="H700914" s="12"/>
    </row>
    <row r="700915" spans="8:8">
      <c r="H700915" s="12"/>
    </row>
    <row r="700916" spans="8:8">
      <c r="H700916" s="12"/>
    </row>
    <row r="700917" spans="8:8">
      <c r="H700917" s="12"/>
    </row>
    <row r="700918" spans="8:8">
      <c r="H700918" s="12"/>
    </row>
    <row r="700919" spans="8:8">
      <c r="H700919" s="12"/>
    </row>
    <row r="700920" spans="8:8">
      <c r="H700920" s="12"/>
    </row>
    <row r="700921" spans="8:8">
      <c r="H700921" s="12"/>
    </row>
    <row r="700922" spans="8:8">
      <c r="H700922" s="12"/>
    </row>
    <row r="700923" spans="8:8">
      <c r="H700923" s="12"/>
    </row>
    <row r="700924" spans="8:8">
      <c r="H700924" s="12"/>
    </row>
    <row r="700925" spans="8:8">
      <c r="H700925" s="12"/>
    </row>
    <row r="700926" spans="8:8">
      <c r="H700926" s="12"/>
    </row>
    <row r="700927" spans="8:8">
      <c r="H700927" s="12"/>
    </row>
    <row r="700928" spans="8:8">
      <c r="H700928" s="12"/>
    </row>
    <row r="700929" spans="8:8">
      <c r="H700929" s="12"/>
    </row>
    <row r="700930" spans="8:8">
      <c r="H700930" s="12"/>
    </row>
    <row r="700931" spans="8:8">
      <c r="H700931" s="12"/>
    </row>
    <row r="700932" spans="8:8">
      <c r="H700932" s="12"/>
    </row>
    <row r="700933" spans="8:8">
      <c r="H700933" s="12"/>
    </row>
    <row r="700934" spans="8:8">
      <c r="H700934" s="12"/>
    </row>
    <row r="700935" spans="8:8">
      <c r="H700935" s="12"/>
    </row>
    <row r="700936" spans="8:8">
      <c r="H700936" s="12"/>
    </row>
    <row r="700937" spans="8:8">
      <c r="H700937" s="12"/>
    </row>
    <row r="700938" spans="8:8">
      <c r="H700938" s="12"/>
    </row>
    <row r="700939" spans="8:8">
      <c r="H700939" s="12"/>
    </row>
    <row r="700940" spans="8:8">
      <c r="H700940" s="12"/>
    </row>
    <row r="700941" spans="8:8">
      <c r="H700941" s="12"/>
    </row>
    <row r="700942" spans="8:8">
      <c r="H700942" s="12"/>
    </row>
    <row r="700943" spans="8:8">
      <c r="H700943" s="12"/>
    </row>
    <row r="700944" spans="8:8">
      <c r="H700944" s="12"/>
    </row>
    <row r="700945" spans="8:8">
      <c r="H700945" s="12"/>
    </row>
    <row r="700946" spans="8:8">
      <c r="H700946" s="12"/>
    </row>
    <row r="700947" spans="8:8">
      <c r="H700947" s="12"/>
    </row>
    <row r="700948" spans="8:8">
      <c r="H700948" s="12"/>
    </row>
    <row r="700949" spans="8:8">
      <c r="H700949" s="12"/>
    </row>
    <row r="700950" spans="8:8">
      <c r="H700950" s="12"/>
    </row>
    <row r="700951" spans="8:8">
      <c r="H700951" s="12"/>
    </row>
    <row r="700952" spans="8:8">
      <c r="H700952" s="12"/>
    </row>
    <row r="700953" spans="8:8">
      <c r="H700953" s="12"/>
    </row>
    <row r="700954" spans="8:8">
      <c r="H700954" s="12"/>
    </row>
    <row r="700955" spans="8:8">
      <c r="H700955" s="12"/>
    </row>
    <row r="700956" spans="8:8">
      <c r="H700956" s="12"/>
    </row>
    <row r="700957" spans="8:8">
      <c r="H700957" s="12"/>
    </row>
    <row r="700958" spans="8:8">
      <c r="H700958" s="12"/>
    </row>
    <row r="700959" spans="8:8">
      <c r="H700959" s="12"/>
    </row>
    <row r="700960" spans="8:8">
      <c r="H700960" s="12"/>
    </row>
    <row r="700961" spans="8:8">
      <c r="H700961" s="12"/>
    </row>
    <row r="700962" spans="8:8">
      <c r="H700962" s="12"/>
    </row>
    <row r="700963" spans="8:8">
      <c r="H700963" s="12"/>
    </row>
    <row r="700964" spans="8:8">
      <c r="H700964" s="12"/>
    </row>
    <row r="700965" spans="8:8">
      <c r="H700965" s="12"/>
    </row>
    <row r="700966" spans="8:8">
      <c r="H700966" s="12"/>
    </row>
    <row r="700967" spans="8:8">
      <c r="H700967" s="12"/>
    </row>
    <row r="700968" spans="8:8">
      <c r="H700968" s="12"/>
    </row>
    <row r="700969" spans="8:8">
      <c r="H700969" s="12"/>
    </row>
    <row r="700970" spans="8:8">
      <c r="H700970" s="12"/>
    </row>
    <row r="700971" spans="8:8">
      <c r="H700971" s="12"/>
    </row>
    <row r="700972" spans="8:8">
      <c r="H700972" s="12"/>
    </row>
    <row r="700973" spans="8:8">
      <c r="H700973" s="12"/>
    </row>
    <row r="700974" spans="8:8">
      <c r="H700974" s="12"/>
    </row>
    <row r="700975" spans="8:8">
      <c r="H700975" s="12"/>
    </row>
    <row r="700976" spans="8:8">
      <c r="H700976" s="12"/>
    </row>
    <row r="700977" spans="8:8">
      <c r="H700977" s="12"/>
    </row>
    <row r="700978" spans="8:8">
      <c r="H700978" s="12"/>
    </row>
    <row r="700979" spans="8:8">
      <c r="H700979" s="12"/>
    </row>
    <row r="700980" spans="8:8">
      <c r="H700980" s="12"/>
    </row>
    <row r="700981" spans="8:8">
      <c r="H700981" s="12"/>
    </row>
    <row r="700982" spans="8:8">
      <c r="H700982" s="12"/>
    </row>
    <row r="700983" spans="8:8">
      <c r="H700983" s="12"/>
    </row>
    <row r="700984" spans="8:8">
      <c r="H700984" s="12"/>
    </row>
    <row r="700985" spans="8:8">
      <c r="H700985" s="12"/>
    </row>
    <row r="700986" spans="8:8">
      <c r="H700986" s="12"/>
    </row>
    <row r="700987" spans="8:8">
      <c r="H700987" s="12"/>
    </row>
    <row r="700988" spans="8:8">
      <c r="H700988" s="12"/>
    </row>
    <row r="700989" spans="8:8">
      <c r="H700989" s="12"/>
    </row>
    <row r="700990" spans="8:8">
      <c r="H700990" s="12"/>
    </row>
    <row r="700991" spans="8:8">
      <c r="H700991" s="12"/>
    </row>
    <row r="700992" spans="8:8">
      <c r="H700992" s="12"/>
    </row>
    <row r="700993" spans="8:8">
      <c r="H700993" s="12"/>
    </row>
    <row r="700994" spans="8:8">
      <c r="H700994" s="12"/>
    </row>
    <row r="700995" spans="8:8">
      <c r="H700995" s="12"/>
    </row>
    <row r="700996" spans="8:8">
      <c r="H700996" s="12"/>
    </row>
    <row r="700997" spans="8:8">
      <c r="H700997" s="12"/>
    </row>
    <row r="700998" spans="8:8">
      <c r="H700998" s="12"/>
    </row>
    <row r="700999" spans="8:8">
      <c r="H700999" s="12"/>
    </row>
    <row r="701000" spans="8:8">
      <c r="H701000" s="12"/>
    </row>
    <row r="701001" spans="8:8">
      <c r="H701001" s="12"/>
    </row>
    <row r="701002" spans="8:8">
      <c r="H701002" s="12"/>
    </row>
    <row r="701003" spans="8:8">
      <c r="H701003" s="12"/>
    </row>
    <row r="701004" spans="8:8">
      <c r="H701004" s="12"/>
    </row>
    <row r="701005" spans="8:8">
      <c r="H701005" s="12"/>
    </row>
    <row r="701006" spans="8:8">
      <c r="H701006" s="12"/>
    </row>
    <row r="701007" spans="8:8">
      <c r="H701007" s="12"/>
    </row>
    <row r="701008" spans="8:8">
      <c r="H701008" s="12"/>
    </row>
    <row r="701009" spans="8:8">
      <c r="H701009" s="12"/>
    </row>
    <row r="701010" spans="8:8">
      <c r="H701010" s="12"/>
    </row>
    <row r="701011" spans="8:8">
      <c r="H701011" s="12"/>
    </row>
    <row r="701012" spans="8:8">
      <c r="H701012" s="12"/>
    </row>
    <row r="701013" spans="8:8">
      <c r="H701013" s="12"/>
    </row>
    <row r="701014" spans="8:8">
      <c r="H701014" s="12"/>
    </row>
    <row r="701015" spans="8:8">
      <c r="H701015" s="12"/>
    </row>
    <row r="701016" spans="8:8">
      <c r="H701016" s="12"/>
    </row>
    <row r="701017" spans="8:8">
      <c r="H701017" s="12"/>
    </row>
    <row r="701018" spans="8:8">
      <c r="H701018" s="12"/>
    </row>
    <row r="701019" spans="8:8">
      <c r="H701019" s="12"/>
    </row>
    <row r="701020" spans="8:8">
      <c r="H701020" s="12"/>
    </row>
    <row r="701021" spans="8:8">
      <c r="H701021" s="12"/>
    </row>
    <row r="701022" spans="8:8">
      <c r="H701022" s="12"/>
    </row>
    <row r="701023" spans="8:8">
      <c r="H701023" s="12"/>
    </row>
    <row r="701024" spans="8:8">
      <c r="H701024" s="12"/>
    </row>
    <row r="701025" spans="8:8">
      <c r="H701025" s="12"/>
    </row>
    <row r="701026" spans="8:8">
      <c r="H701026" s="12"/>
    </row>
    <row r="701027" spans="8:8">
      <c r="H701027" s="12"/>
    </row>
    <row r="701028" spans="8:8">
      <c r="H701028" s="12"/>
    </row>
    <row r="701029" spans="8:8">
      <c r="H701029" s="12"/>
    </row>
    <row r="701030" spans="8:8">
      <c r="H701030" s="12"/>
    </row>
    <row r="701031" spans="8:8">
      <c r="H701031" s="12"/>
    </row>
    <row r="701032" spans="8:8">
      <c r="H701032" s="12"/>
    </row>
    <row r="701033" spans="8:8">
      <c r="H701033" s="12"/>
    </row>
    <row r="701034" spans="8:8">
      <c r="H701034" s="12"/>
    </row>
    <row r="701035" spans="8:8">
      <c r="H701035" s="12"/>
    </row>
    <row r="701036" spans="8:8">
      <c r="H701036" s="12"/>
    </row>
    <row r="701037" spans="8:8">
      <c r="H701037" s="12"/>
    </row>
    <row r="701038" spans="8:8">
      <c r="H701038" s="12"/>
    </row>
    <row r="701039" spans="8:8">
      <c r="H701039" s="12"/>
    </row>
    <row r="701040" spans="8:8">
      <c r="H701040" s="12"/>
    </row>
    <row r="701041" spans="8:8">
      <c r="H701041" s="12"/>
    </row>
    <row r="701042" spans="8:8">
      <c r="H701042" s="12"/>
    </row>
    <row r="701043" spans="8:8">
      <c r="H701043" s="12"/>
    </row>
    <row r="701044" spans="8:8">
      <c r="H701044" s="12"/>
    </row>
    <row r="701045" spans="8:8">
      <c r="H701045" s="12"/>
    </row>
    <row r="701046" spans="8:8">
      <c r="H701046" s="12"/>
    </row>
    <row r="701047" spans="8:8">
      <c r="H701047" s="12"/>
    </row>
    <row r="701048" spans="8:8">
      <c r="H701048" s="12"/>
    </row>
    <row r="701049" spans="8:8">
      <c r="H701049" s="12"/>
    </row>
    <row r="701050" spans="8:8">
      <c r="H701050" s="12"/>
    </row>
    <row r="701051" spans="8:8">
      <c r="H701051" s="12"/>
    </row>
    <row r="701052" spans="8:8">
      <c r="H701052" s="12"/>
    </row>
    <row r="701053" spans="8:8">
      <c r="H701053" s="12"/>
    </row>
    <row r="701054" spans="8:8">
      <c r="H701054" s="12"/>
    </row>
    <row r="701055" spans="8:8">
      <c r="H701055" s="12"/>
    </row>
    <row r="701056" spans="8:8">
      <c r="H701056" s="12"/>
    </row>
    <row r="701057" spans="8:8">
      <c r="H701057" s="12"/>
    </row>
    <row r="701058" spans="8:8">
      <c r="H701058" s="12"/>
    </row>
    <row r="701059" spans="8:8">
      <c r="H701059" s="12"/>
    </row>
    <row r="701060" spans="8:8">
      <c r="H701060" s="12"/>
    </row>
    <row r="701061" spans="8:8">
      <c r="H701061" s="12"/>
    </row>
    <row r="701062" spans="8:8">
      <c r="H701062" s="12"/>
    </row>
    <row r="701063" spans="8:8">
      <c r="H701063" s="12"/>
    </row>
    <row r="701064" spans="8:8">
      <c r="H701064" s="12"/>
    </row>
    <row r="701065" spans="8:8">
      <c r="H701065" s="12"/>
    </row>
    <row r="701066" spans="8:8">
      <c r="H701066" s="12"/>
    </row>
    <row r="701067" spans="8:8">
      <c r="H701067" s="12"/>
    </row>
    <row r="701068" spans="8:8">
      <c r="H701068" s="12"/>
    </row>
    <row r="701069" spans="8:8">
      <c r="H701069" s="12"/>
    </row>
    <row r="701070" spans="8:8">
      <c r="H701070" s="12"/>
    </row>
    <row r="701071" spans="8:8">
      <c r="H701071" s="12"/>
    </row>
    <row r="701072" spans="8:8">
      <c r="H701072" s="12"/>
    </row>
    <row r="701073" spans="8:8">
      <c r="H701073" s="12"/>
    </row>
    <row r="701074" spans="8:8">
      <c r="H701074" s="12"/>
    </row>
    <row r="701075" spans="8:8">
      <c r="H701075" s="12"/>
    </row>
    <row r="701076" spans="8:8">
      <c r="H701076" s="12"/>
    </row>
    <row r="701077" spans="8:8">
      <c r="H701077" s="12"/>
    </row>
    <row r="701078" spans="8:8">
      <c r="H701078" s="12"/>
    </row>
    <row r="701079" spans="8:8">
      <c r="H701079" s="12"/>
    </row>
    <row r="701080" spans="8:8">
      <c r="H701080" s="12"/>
    </row>
    <row r="701081" spans="8:8">
      <c r="H701081" s="12"/>
    </row>
    <row r="701082" spans="8:8">
      <c r="H701082" s="12"/>
    </row>
    <row r="701083" spans="8:8">
      <c r="H701083" s="12"/>
    </row>
    <row r="701084" spans="8:8">
      <c r="H701084" s="12"/>
    </row>
    <row r="701085" spans="8:8">
      <c r="H701085" s="12"/>
    </row>
    <row r="701086" spans="8:8">
      <c r="H701086" s="12"/>
    </row>
    <row r="701087" spans="8:8">
      <c r="H701087" s="12"/>
    </row>
    <row r="701088" spans="8:8">
      <c r="H701088" s="12"/>
    </row>
    <row r="701089" spans="8:8">
      <c r="H701089" s="12"/>
    </row>
    <row r="701090" spans="8:8">
      <c r="H701090" s="12"/>
    </row>
    <row r="701091" spans="8:8">
      <c r="H701091" s="12"/>
    </row>
    <row r="701092" spans="8:8">
      <c r="H701092" s="12"/>
    </row>
    <row r="701093" spans="8:8">
      <c r="H701093" s="12"/>
    </row>
    <row r="701094" spans="8:8">
      <c r="H701094" s="12"/>
    </row>
    <row r="701095" spans="8:8">
      <c r="H701095" s="12"/>
    </row>
    <row r="701096" spans="8:8">
      <c r="H701096" s="12"/>
    </row>
    <row r="701097" spans="8:8">
      <c r="H701097" s="12"/>
    </row>
    <row r="701098" spans="8:8">
      <c r="H701098" s="12"/>
    </row>
    <row r="701099" spans="8:8">
      <c r="H701099" s="12"/>
    </row>
    <row r="701100" spans="8:8">
      <c r="H701100" s="12"/>
    </row>
    <row r="701101" spans="8:8">
      <c r="H701101" s="12"/>
    </row>
    <row r="701102" spans="8:8">
      <c r="H701102" s="12"/>
    </row>
    <row r="701103" spans="8:8">
      <c r="H701103" s="12"/>
    </row>
    <row r="701104" spans="8:8">
      <c r="H701104" s="12"/>
    </row>
    <row r="701105" spans="8:8">
      <c r="H701105" s="12"/>
    </row>
    <row r="701106" spans="8:8">
      <c r="H701106" s="12"/>
    </row>
    <row r="701107" spans="8:8">
      <c r="H701107" s="12"/>
    </row>
    <row r="701108" spans="8:8">
      <c r="H701108" s="12"/>
    </row>
    <row r="701109" spans="8:8">
      <c r="H701109" s="12"/>
    </row>
    <row r="701110" spans="8:8">
      <c r="H701110" s="12"/>
    </row>
    <row r="701111" spans="8:8">
      <c r="H701111" s="12"/>
    </row>
    <row r="701112" spans="8:8">
      <c r="H701112" s="12"/>
    </row>
    <row r="701113" spans="8:8">
      <c r="H701113" s="12"/>
    </row>
    <row r="701114" spans="8:8">
      <c r="H701114" s="12"/>
    </row>
    <row r="701115" spans="8:8">
      <c r="H701115" s="12"/>
    </row>
    <row r="701116" spans="8:8">
      <c r="H701116" s="12"/>
    </row>
    <row r="701117" spans="8:8">
      <c r="H701117" s="12"/>
    </row>
    <row r="701118" spans="8:8">
      <c r="H701118" s="12"/>
    </row>
    <row r="701119" spans="8:8">
      <c r="H701119" s="12"/>
    </row>
    <row r="701120" spans="8:8">
      <c r="H701120" s="12"/>
    </row>
    <row r="701121" spans="8:8">
      <c r="H701121" s="12"/>
    </row>
    <row r="701122" spans="8:8">
      <c r="H701122" s="12"/>
    </row>
    <row r="701123" spans="8:8">
      <c r="H701123" s="12"/>
    </row>
    <row r="701124" spans="8:8">
      <c r="H701124" s="12"/>
    </row>
    <row r="701125" spans="8:8">
      <c r="H701125" s="12"/>
    </row>
    <row r="701126" spans="8:8">
      <c r="H701126" s="12"/>
    </row>
    <row r="701127" spans="8:8">
      <c r="H701127" s="12"/>
    </row>
    <row r="701128" spans="8:8">
      <c r="H701128" s="12"/>
    </row>
    <row r="701129" spans="8:8">
      <c r="H701129" s="12"/>
    </row>
    <row r="701130" spans="8:8">
      <c r="H701130" s="12"/>
    </row>
    <row r="701131" spans="8:8">
      <c r="H701131" s="12"/>
    </row>
    <row r="701132" spans="8:8">
      <c r="H701132" s="12"/>
    </row>
    <row r="701133" spans="8:8">
      <c r="H701133" s="12"/>
    </row>
    <row r="701134" spans="8:8">
      <c r="H701134" s="12"/>
    </row>
    <row r="701135" spans="8:8">
      <c r="H701135" s="12"/>
    </row>
    <row r="701136" spans="8:8">
      <c r="H701136" s="12"/>
    </row>
    <row r="701137" spans="8:8">
      <c r="H701137" s="12"/>
    </row>
    <row r="701138" spans="8:8">
      <c r="H701138" s="12"/>
    </row>
    <row r="701139" spans="8:8">
      <c r="H701139" s="12"/>
    </row>
    <row r="701140" spans="8:8">
      <c r="H701140" s="12"/>
    </row>
    <row r="701141" spans="8:8">
      <c r="H701141" s="12"/>
    </row>
    <row r="701142" spans="8:8">
      <c r="H701142" s="12"/>
    </row>
    <row r="701143" spans="8:8">
      <c r="H701143" s="12"/>
    </row>
    <row r="701144" spans="8:8">
      <c r="H701144" s="12"/>
    </row>
    <row r="701145" spans="8:8">
      <c r="H701145" s="12"/>
    </row>
    <row r="701146" spans="8:8">
      <c r="H701146" s="12"/>
    </row>
    <row r="701147" spans="8:8">
      <c r="H701147" s="12"/>
    </row>
    <row r="701148" spans="8:8">
      <c r="H701148" s="12"/>
    </row>
    <row r="701149" spans="8:8">
      <c r="H701149" s="12"/>
    </row>
    <row r="701150" spans="8:8">
      <c r="H701150" s="12"/>
    </row>
    <row r="701151" spans="8:8">
      <c r="H701151" s="12"/>
    </row>
    <row r="701152" spans="8:8">
      <c r="H701152" s="12"/>
    </row>
    <row r="701153" spans="8:8">
      <c r="H701153" s="12"/>
    </row>
    <row r="701154" spans="8:8">
      <c r="H701154" s="12"/>
    </row>
    <row r="701155" spans="8:8">
      <c r="H701155" s="12"/>
    </row>
    <row r="701156" spans="8:8">
      <c r="H701156" s="12"/>
    </row>
    <row r="701157" spans="8:8">
      <c r="H701157" s="12"/>
    </row>
    <row r="701158" spans="8:8">
      <c r="H701158" s="12"/>
    </row>
    <row r="701159" spans="8:8">
      <c r="H701159" s="12"/>
    </row>
    <row r="701160" spans="8:8">
      <c r="H701160" s="12"/>
    </row>
    <row r="701161" spans="8:8">
      <c r="H701161" s="12"/>
    </row>
    <row r="701162" spans="8:8">
      <c r="H701162" s="12"/>
    </row>
    <row r="701163" spans="8:8">
      <c r="H701163" s="12"/>
    </row>
    <row r="701164" spans="8:8">
      <c r="H701164" s="12"/>
    </row>
    <row r="701165" spans="8:8">
      <c r="H701165" s="12"/>
    </row>
    <row r="701166" spans="8:8">
      <c r="H701166" s="12"/>
    </row>
    <row r="701167" spans="8:8">
      <c r="H701167" s="12"/>
    </row>
    <row r="701168" spans="8:8">
      <c r="H701168" s="12"/>
    </row>
    <row r="701169" spans="8:8">
      <c r="H701169" s="12"/>
    </row>
    <row r="701170" spans="8:8">
      <c r="H701170" s="12"/>
    </row>
    <row r="701171" spans="8:8">
      <c r="H701171" s="12"/>
    </row>
    <row r="701172" spans="8:8">
      <c r="H701172" s="12"/>
    </row>
    <row r="701173" spans="8:8">
      <c r="H701173" s="12"/>
    </row>
    <row r="701174" spans="8:8">
      <c r="H701174" s="12"/>
    </row>
    <row r="701175" spans="8:8">
      <c r="H701175" s="12"/>
    </row>
    <row r="701176" spans="8:8">
      <c r="H701176" s="12"/>
    </row>
    <row r="701177" spans="8:8">
      <c r="H701177" s="12"/>
    </row>
    <row r="701178" spans="8:8">
      <c r="H701178" s="12"/>
    </row>
    <row r="701179" spans="8:8">
      <c r="H701179" s="12"/>
    </row>
    <row r="701180" spans="8:8">
      <c r="H701180" s="12"/>
    </row>
    <row r="701181" spans="8:8">
      <c r="H701181" s="12"/>
    </row>
    <row r="701182" spans="8:8">
      <c r="H701182" s="12"/>
    </row>
    <row r="701183" spans="8:8">
      <c r="H701183" s="12"/>
    </row>
    <row r="701184" spans="8:8">
      <c r="H701184" s="12"/>
    </row>
    <row r="701185" spans="8:8">
      <c r="H701185" s="12"/>
    </row>
    <row r="701186" spans="8:8">
      <c r="H701186" s="12"/>
    </row>
    <row r="701187" spans="8:8">
      <c r="H701187" s="12"/>
    </row>
    <row r="701188" spans="8:8">
      <c r="H701188" s="12"/>
    </row>
    <row r="701189" spans="8:8">
      <c r="H701189" s="12"/>
    </row>
    <row r="701190" spans="8:8">
      <c r="H701190" s="12"/>
    </row>
    <row r="701191" spans="8:8">
      <c r="H701191" s="12"/>
    </row>
    <row r="701192" spans="8:8">
      <c r="H701192" s="12"/>
    </row>
    <row r="701193" spans="8:8">
      <c r="H701193" s="12"/>
    </row>
    <row r="701194" spans="8:8">
      <c r="H701194" s="12"/>
    </row>
    <row r="701195" spans="8:8">
      <c r="H701195" s="12"/>
    </row>
    <row r="701196" spans="8:8">
      <c r="H701196" s="12"/>
    </row>
    <row r="701197" spans="8:8">
      <c r="H701197" s="12"/>
    </row>
    <row r="701198" spans="8:8">
      <c r="H701198" s="12"/>
    </row>
    <row r="701199" spans="8:8">
      <c r="H701199" s="12"/>
    </row>
    <row r="701200" spans="8:8">
      <c r="H701200" s="12"/>
    </row>
    <row r="701201" spans="8:8">
      <c r="H701201" s="12"/>
    </row>
    <row r="701202" spans="8:8">
      <c r="H701202" s="12"/>
    </row>
    <row r="701203" spans="8:8">
      <c r="H701203" s="12"/>
    </row>
    <row r="701204" spans="8:8">
      <c r="H701204" s="12"/>
    </row>
    <row r="701205" spans="8:8">
      <c r="H701205" s="12"/>
    </row>
    <row r="701206" spans="8:8">
      <c r="H701206" s="12"/>
    </row>
    <row r="701207" spans="8:8">
      <c r="H701207" s="12"/>
    </row>
    <row r="701208" spans="8:8">
      <c r="H701208" s="12"/>
    </row>
    <row r="701209" spans="8:8">
      <c r="H701209" s="12"/>
    </row>
    <row r="701210" spans="8:8">
      <c r="H701210" s="12"/>
    </row>
    <row r="701211" spans="8:8">
      <c r="H701211" s="12"/>
    </row>
    <row r="701212" spans="8:8">
      <c r="H701212" s="12"/>
    </row>
    <row r="701213" spans="8:8">
      <c r="H701213" s="12"/>
    </row>
    <row r="701214" spans="8:8">
      <c r="H701214" s="12"/>
    </row>
    <row r="701215" spans="8:8">
      <c r="H701215" s="12"/>
    </row>
    <row r="701216" spans="8:8">
      <c r="H701216" s="12"/>
    </row>
    <row r="701217" spans="8:8">
      <c r="H701217" s="12"/>
    </row>
    <row r="701218" spans="8:8">
      <c r="H701218" s="12"/>
    </row>
    <row r="701219" spans="8:8">
      <c r="H701219" s="12"/>
    </row>
    <row r="701220" spans="8:8">
      <c r="H701220" s="12"/>
    </row>
    <row r="701221" spans="8:8">
      <c r="H701221" s="12"/>
    </row>
    <row r="701222" spans="8:8">
      <c r="H701222" s="12"/>
    </row>
    <row r="701223" spans="8:8">
      <c r="H701223" s="12"/>
    </row>
    <row r="701224" spans="8:8">
      <c r="H701224" s="12"/>
    </row>
    <row r="701225" spans="8:8">
      <c r="H701225" s="12"/>
    </row>
    <row r="701226" spans="8:8">
      <c r="H701226" s="12"/>
    </row>
    <row r="701227" spans="8:8">
      <c r="H701227" s="12"/>
    </row>
    <row r="701228" spans="8:8">
      <c r="H701228" s="12"/>
    </row>
    <row r="701229" spans="8:8">
      <c r="H701229" s="12"/>
    </row>
    <row r="701230" spans="8:8">
      <c r="H701230" s="12"/>
    </row>
    <row r="701231" spans="8:8">
      <c r="H701231" s="12"/>
    </row>
    <row r="701232" spans="8:8">
      <c r="H701232" s="12"/>
    </row>
    <row r="701233" spans="8:8">
      <c r="H701233" s="12"/>
    </row>
    <row r="701234" spans="8:8">
      <c r="H701234" s="12"/>
    </row>
    <row r="701235" spans="8:8">
      <c r="H701235" s="12"/>
    </row>
    <row r="701236" spans="8:8">
      <c r="H701236" s="12"/>
    </row>
    <row r="701237" spans="8:8">
      <c r="H701237" s="12"/>
    </row>
    <row r="701238" spans="8:8">
      <c r="H701238" s="12"/>
    </row>
    <row r="701239" spans="8:8">
      <c r="H701239" s="12"/>
    </row>
    <row r="701240" spans="8:8">
      <c r="H701240" s="12"/>
    </row>
    <row r="701241" spans="8:8">
      <c r="H701241" s="12"/>
    </row>
    <row r="701242" spans="8:8">
      <c r="H701242" s="12"/>
    </row>
    <row r="701243" spans="8:8">
      <c r="H701243" s="12"/>
    </row>
    <row r="701244" spans="8:8">
      <c r="H701244" s="12"/>
    </row>
    <row r="701245" spans="8:8">
      <c r="H701245" s="12"/>
    </row>
    <row r="701246" spans="8:8">
      <c r="H701246" s="12"/>
    </row>
    <row r="701247" spans="8:8">
      <c r="H701247" s="12"/>
    </row>
    <row r="701248" spans="8:8">
      <c r="H701248" s="12"/>
    </row>
    <row r="701249" spans="8:8">
      <c r="H701249" s="12"/>
    </row>
    <row r="701250" spans="8:8">
      <c r="H701250" s="12"/>
    </row>
    <row r="701251" spans="8:8">
      <c r="H701251" s="12"/>
    </row>
    <row r="701252" spans="8:8">
      <c r="H701252" s="12"/>
    </row>
    <row r="701253" spans="8:8">
      <c r="H701253" s="12"/>
    </row>
    <row r="701254" spans="8:8">
      <c r="H701254" s="12"/>
    </row>
    <row r="701255" spans="8:8">
      <c r="H701255" s="12"/>
    </row>
    <row r="701256" spans="8:8">
      <c r="H701256" s="12"/>
    </row>
    <row r="701257" spans="8:8">
      <c r="H701257" s="12"/>
    </row>
    <row r="701258" spans="8:8">
      <c r="H701258" s="12"/>
    </row>
    <row r="701259" spans="8:8">
      <c r="H701259" s="12"/>
    </row>
    <row r="701260" spans="8:8">
      <c r="H701260" s="12"/>
    </row>
    <row r="701261" spans="8:8">
      <c r="H701261" s="12"/>
    </row>
    <row r="701262" spans="8:8">
      <c r="H701262" s="12"/>
    </row>
    <row r="701263" spans="8:8">
      <c r="H701263" s="12"/>
    </row>
    <row r="701264" spans="8:8">
      <c r="H701264" s="12"/>
    </row>
    <row r="701265" spans="8:8">
      <c r="H701265" s="12"/>
    </row>
    <row r="701266" spans="8:8">
      <c r="H701266" s="12"/>
    </row>
    <row r="701267" spans="8:8">
      <c r="H701267" s="12"/>
    </row>
    <row r="701268" spans="8:8">
      <c r="H701268" s="12"/>
    </row>
    <row r="701269" spans="8:8">
      <c r="H701269" s="12"/>
    </row>
    <row r="701270" spans="8:8">
      <c r="H701270" s="12"/>
    </row>
    <row r="701271" spans="8:8">
      <c r="H701271" s="12"/>
    </row>
    <row r="701272" spans="8:8">
      <c r="H701272" s="12"/>
    </row>
    <row r="701273" spans="8:8">
      <c r="H701273" s="12"/>
    </row>
    <row r="701274" spans="8:8">
      <c r="H701274" s="12"/>
    </row>
    <row r="701275" spans="8:8">
      <c r="H701275" s="12"/>
    </row>
    <row r="701276" spans="8:8">
      <c r="H701276" s="12"/>
    </row>
    <row r="701277" spans="8:8">
      <c r="H701277" s="12"/>
    </row>
    <row r="701278" spans="8:8">
      <c r="H701278" s="12"/>
    </row>
    <row r="701279" spans="8:8">
      <c r="H701279" s="12"/>
    </row>
    <row r="701280" spans="8:8">
      <c r="H701280" s="12"/>
    </row>
    <row r="701281" spans="8:8">
      <c r="H701281" s="12"/>
    </row>
    <row r="701282" spans="8:8">
      <c r="H701282" s="12"/>
    </row>
    <row r="701283" spans="8:8">
      <c r="H701283" s="12"/>
    </row>
    <row r="701284" spans="8:8">
      <c r="H701284" s="12"/>
    </row>
    <row r="701285" spans="8:8">
      <c r="H701285" s="12"/>
    </row>
    <row r="701286" spans="8:8">
      <c r="H701286" s="12"/>
    </row>
    <row r="701287" spans="8:8">
      <c r="H701287" s="12"/>
    </row>
    <row r="701288" spans="8:8">
      <c r="H701288" s="12"/>
    </row>
    <row r="701289" spans="8:8">
      <c r="H701289" s="12"/>
    </row>
    <row r="701290" spans="8:8">
      <c r="H701290" s="12"/>
    </row>
    <row r="701291" spans="8:8">
      <c r="H701291" s="12"/>
    </row>
    <row r="701292" spans="8:8">
      <c r="H701292" s="12"/>
    </row>
    <row r="701293" spans="8:8">
      <c r="H701293" s="12"/>
    </row>
    <row r="701294" spans="8:8">
      <c r="H701294" s="12"/>
    </row>
    <row r="701295" spans="8:8">
      <c r="H701295" s="12"/>
    </row>
    <row r="701296" spans="8:8">
      <c r="H701296" s="12"/>
    </row>
    <row r="701297" spans="8:8">
      <c r="H701297" s="12"/>
    </row>
    <row r="701298" spans="8:8">
      <c r="H701298" s="12"/>
    </row>
    <row r="701299" spans="8:8">
      <c r="H701299" s="12"/>
    </row>
    <row r="701300" spans="8:8">
      <c r="H701300" s="12"/>
    </row>
    <row r="701301" spans="8:8">
      <c r="H701301" s="12"/>
    </row>
    <row r="701302" spans="8:8">
      <c r="H701302" s="12"/>
    </row>
    <row r="701303" spans="8:8">
      <c r="H701303" s="12"/>
    </row>
    <row r="701304" spans="8:8">
      <c r="H701304" s="12"/>
    </row>
    <row r="701305" spans="8:8">
      <c r="H701305" s="12"/>
    </row>
    <row r="701306" spans="8:8">
      <c r="H701306" s="12"/>
    </row>
    <row r="701307" spans="8:8">
      <c r="H701307" s="12"/>
    </row>
    <row r="701308" spans="8:8">
      <c r="H701308" s="12"/>
    </row>
    <row r="701309" spans="8:8">
      <c r="H701309" s="12"/>
    </row>
    <row r="701310" spans="8:8">
      <c r="H701310" s="12"/>
    </row>
    <row r="701311" spans="8:8">
      <c r="H701311" s="12"/>
    </row>
    <row r="701312" spans="8:8">
      <c r="H701312" s="12"/>
    </row>
    <row r="701313" spans="8:8">
      <c r="H701313" s="12"/>
    </row>
    <row r="701314" spans="8:8">
      <c r="H701314" s="12"/>
    </row>
    <row r="701315" spans="8:8">
      <c r="H701315" s="12"/>
    </row>
    <row r="701316" spans="8:8">
      <c r="H701316" s="12"/>
    </row>
    <row r="701317" spans="8:8">
      <c r="H701317" s="12"/>
    </row>
    <row r="701318" spans="8:8">
      <c r="H701318" s="12"/>
    </row>
    <row r="701319" spans="8:8">
      <c r="H701319" s="12"/>
    </row>
    <row r="701320" spans="8:8">
      <c r="H701320" s="12"/>
    </row>
    <row r="701321" spans="8:8">
      <c r="H701321" s="12"/>
    </row>
    <row r="701322" spans="8:8">
      <c r="H701322" s="12"/>
    </row>
    <row r="701323" spans="8:8">
      <c r="H701323" s="12"/>
    </row>
    <row r="701324" spans="8:8">
      <c r="H701324" s="12"/>
    </row>
    <row r="701325" spans="8:8">
      <c r="H701325" s="12"/>
    </row>
    <row r="701326" spans="8:8">
      <c r="H701326" s="12"/>
    </row>
    <row r="701327" spans="8:8">
      <c r="H701327" s="12"/>
    </row>
    <row r="701328" spans="8:8">
      <c r="H701328" s="12"/>
    </row>
    <row r="701329" spans="8:8">
      <c r="H701329" s="12"/>
    </row>
    <row r="701330" spans="8:8">
      <c r="H701330" s="12"/>
    </row>
    <row r="701331" spans="8:8">
      <c r="H701331" s="12"/>
    </row>
    <row r="701332" spans="8:8">
      <c r="H701332" s="12"/>
    </row>
    <row r="701333" spans="8:8">
      <c r="H701333" s="12"/>
    </row>
    <row r="701334" spans="8:8">
      <c r="H701334" s="12"/>
    </row>
    <row r="701335" spans="8:8">
      <c r="H701335" s="12"/>
    </row>
    <row r="701336" spans="8:8">
      <c r="H701336" s="12"/>
    </row>
    <row r="701337" spans="8:8">
      <c r="H701337" s="12"/>
    </row>
    <row r="701338" spans="8:8">
      <c r="H701338" s="12"/>
    </row>
    <row r="701339" spans="8:8">
      <c r="H701339" s="12"/>
    </row>
    <row r="701340" spans="8:8">
      <c r="H701340" s="12"/>
    </row>
    <row r="701341" spans="8:8">
      <c r="H701341" s="12"/>
    </row>
    <row r="701342" spans="8:8">
      <c r="H701342" s="12"/>
    </row>
    <row r="701343" spans="8:8">
      <c r="H701343" s="12"/>
    </row>
    <row r="701344" spans="8:8">
      <c r="H701344" s="12"/>
    </row>
    <row r="701345" spans="8:8">
      <c r="H701345" s="12"/>
    </row>
    <row r="701346" spans="8:8">
      <c r="H701346" s="12"/>
    </row>
    <row r="701347" spans="8:8">
      <c r="H701347" s="12"/>
    </row>
    <row r="701348" spans="8:8">
      <c r="H701348" s="12"/>
    </row>
    <row r="701349" spans="8:8">
      <c r="H701349" s="12"/>
    </row>
    <row r="701350" spans="8:8">
      <c r="H701350" s="12"/>
    </row>
    <row r="701351" spans="8:8">
      <c r="H701351" s="12"/>
    </row>
    <row r="701352" spans="8:8">
      <c r="H701352" s="12"/>
    </row>
    <row r="701353" spans="8:8">
      <c r="H701353" s="12"/>
    </row>
    <row r="701354" spans="8:8">
      <c r="H701354" s="12"/>
    </row>
    <row r="701355" spans="8:8">
      <c r="H701355" s="12"/>
    </row>
    <row r="701356" spans="8:8">
      <c r="H701356" s="12"/>
    </row>
    <row r="701357" spans="8:8">
      <c r="H701357" s="12"/>
    </row>
    <row r="701358" spans="8:8">
      <c r="H701358" s="12"/>
    </row>
    <row r="701359" spans="8:8">
      <c r="H701359" s="12"/>
    </row>
    <row r="701360" spans="8:8">
      <c r="H701360" s="12"/>
    </row>
    <row r="701361" spans="8:8">
      <c r="H701361" s="12"/>
    </row>
    <row r="701362" spans="8:8">
      <c r="H701362" s="12"/>
    </row>
    <row r="701363" spans="8:8">
      <c r="H701363" s="12"/>
    </row>
    <row r="701364" spans="8:8">
      <c r="H701364" s="12"/>
    </row>
    <row r="701365" spans="8:8">
      <c r="H701365" s="12"/>
    </row>
    <row r="701366" spans="8:8">
      <c r="H701366" s="12"/>
    </row>
    <row r="701367" spans="8:8">
      <c r="H701367" s="12"/>
    </row>
    <row r="701368" spans="8:8">
      <c r="H701368" s="12"/>
    </row>
    <row r="701369" spans="8:8">
      <c r="H701369" s="12"/>
    </row>
    <row r="701370" spans="8:8">
      <c r="H701370" s="12"/>
    </row>
    <row r="701371" spans="8:8">
      <c r="H701371" s="12"/>
    </row>
    <row r="701372" spans="8:8">
      <c r="H701372" s="12"/>
    </row>
    <row r="701373" spans="8:8">
      <c r="H701373" s="12"/>
    </row>
    <row r="701374" spans="8:8">
      <c r="H701374" s="12"/>
    </row>
    <row r="701375" spans="8:8">
      <c r="H701375" s="12"/>
    </row>
    <row r="701376" spans="8:8">
      <c r="H701376" s="12"/>
    </row>
    <row r="701377" spans="8:8">
      <c r="H701377" s="12"/>
    </row>
    <row r="701378" spans="8:8">
      <c r="H701378" s="12"/>
    </row>
    <row r="701379" spans="8:8">
      <c r="H701379" s="12"/>
    </row>
    <row r="701380" spans="8:8">
      <c r="H701380" s="12"/>
    </row>
    <row r="701381" spans="8:8">
      <c r="H701381" s="12"/>
    </row>
    <row r="701382" spans="8:8">
      <c r="H701382" s="12"/>
    </row>
    <row r="701383" spans="8:8">
      <c r="H701383" s="12"/>
    </row>
    <row r="701384" spans="8:8">
      <c r="H701384" s="12"/>
    </row>
    <row r="701385" spans="8:8">
      <c r="H701385" s="12"/>
    </row>
    <row r="701386" spans="8:8">
      <c r="H701386" s="12"/>
    </row>
    <row r="701387" spans="8:8">
      <c r="H701387" s="12"/>
    </row>
    <row r="701388" spans="8:8">
      <c r="H701388" s="12"/>
    </row>
    <row r="701389" spans="8:8">
      <c r="H701389" s="12"/>
    </row>
    <row r="701390" spans="8:8">
      <c r="H701390" s="12"/>
    </row>
    <row r="701391" spans="8:8">
      <c r="H701391" s="12"/>
    </row>
    <row r="701392" spans="8:8">
      <c r="H701392" s="12"/>
    </row>
    <row r="701393" spans="8:8">
      <c r="H701393" s="12"/>
    </row>
    <row r="701394" spans="8:8">
      <c r="H701394" s="12"/>
    </row>
    <row r="701395" spans="8:8">
      <c r="H701395" s="12"/>
    </row>
    <row r="701396" spans="8:8">
      <c r="H701396" s="12"/>
    </row>
    <row r="701397" spans="8:8">
      <c r="H701397" s="12"/>
    </row>
    <row r="701398" spans="8:8">
      <c r="H701398" s="12"/>
    </row>
    <row r="701399" spans="8:8">
      <c r="H701399" s="12"/>
    </row>
    <row r="701400" spans="8:8">
      <c r="H701400" s="12"/>
    </row>
    <row r="701401" spans="8:8">
      <c r="H701401" s="12"/>
    </row>
    <row r="701402" spans="8:8">
      <c r="H701402" s="12"/>
    </row>
    <row r="701403" spans="8:8">
      <c r="H701403" s="12"/>
    </row>
    <row r="701404" spans="8:8">
      <c r="H701404" s="12"/>
    </row>
    <row r="701405" spans="8:8">
      <c r="H701405" s="12"/>
    </row>
    <row r="701406" spans="8:8">
      <c r="H701406" s="12"/>
    </row>
    <row r="701407" spans="8:8">
      <c r="H701407" s="12"/>
    </row>
    <row r="701408" spans="8:8">
      <c r="H701408" s="12"/>
    </row>
    <row r="701409" spans="8:8">
      <c r="H701409" s="12"/>
    </row>
    <row r="701410" spans="8:8">
      <c r="H701410" s="12"/>
    </row>
    <row r="701411" spans="8:8">
      <c r="H701411" s="12"/>
    </row>
    <row r="701412" spans="8:8">
      <c r="H701412" s="12"/>
    </row>
    <row r="701413" spans="8:8">
      <c r="H701413" s="12"/>
    </row>
    <row r="701414" spans="8:8">
      <c r="H701414" s="12"/>
    </row>
    <row r="701415" spans="8:8">
      <c r="H701415" s="12"/>
    </row>
    <row r="701416" spans="8:8">
      <c r="H701416" s="12"/>
    </row>
    <row r="701417" spans="8:8">
      <c r="H701417" s="12"/>
    </row>
    <row r="701418" spans="8:8">
      <c r="H701418" s="12"/>
    </row>
    <row r="701419" spans="8:8">
      <c r="H701419" s="12"/>
    </row>
    <row r="701420" spans="8:8">
      <c r="H701420" s="12"/>
    </row>
    <row r="701421" spans="8:8">
      <c r="H701421" s="12"/>
    </row>
    <row r="701422" spans="8:8">
      <c r="H701422" s="12"/>
    </row>
    <row r="701423" spans="8:8">
      <c r="H701423" s="12"/>
    </row>
    <row r="701424" spans="8:8">
      <c r="H701424" s="12"/>
    </row>
    <row r="701425" spans="8:8">
      <c r="H701425" s="12"/>
    </row>
    <row r="701426" spans="8:8">
      <c r="H701426" s="12"/>
    </row>
    <row r="701427" spans="8:8">
      <c r="H701427" s="12"/>
    </row>
    <row r="701428" spans="8:8">
      <c r="H701428" s="12"/>
    </row>
    <row r="701429" spans="8:8">
      <c r="H701429" s="12"/>
    </row>
    <row r="701430" spans="8:8">
      <c r="H701430" s="12"/>
    </row>
    <row r="701431" spans="8:8">
      <c r="H701431" s="12"/>
    </row>
    <row r="701432" spans="8:8">
      <c r="H701432" s="12"/>
    </row>
    <row r="701433" spans="8:8">
      <c r="H701433" s="12"/>
    </row>
    <row r="701434" spans="8:8">
      <c r="H701434" s="12"/>
    </row>
    <row r="701435" spans="8:8">
      <c r="H701435" s="12"/>
    </row>
    <row r="701436" spans="8:8">
      <c r="H701436" s="12"/>
    </row>
    <row r="701437" spans="8:8">
      <c r="H701437" s="12"/>
    </row>
    <row r="701438" spans="8:8">
      <c r="H701438" s="12"/>
    </row>
    <row r="701439" spans="8:8">
      <c r="H701439" s="12"/>
    </row>
    <row r="701440" spans="8:8">
      <c r="H701440" s="12"/>
    </row>
    <row r="701441" spans="8:8">
      <c r="H701441" s="12"/>
    </row>
    <row r="701442" spans="8:8">
      <c r="H701442" s="12"/>
    </row>
    <row r="701443" spans="8:8">
      <c r="H701443" s="12"/>
    </row>
    <row r="701444" spans="8:8">
      <c r="H701444" s="12"/>
    </row>
    <row r="701445" spans="8:8">
      <c r="H701445" s="12"/>
    </row>
    <row r="701446" spans="8:8">
      <c r="H701446" s="12"/>
    </row>
    <row r="701447" spans="8:8">
      <c r="H701447" s="12"/>
    </row>
    <row r="701448" spans="8:8">
      <c r="H701448" s="12"/>
    </row>
    <row r="701449" spans="8:8">
      <c r="H701449" s="12"/>
    </row>
    <row r="701450" spans="8:8">
      <c r="H701450" s="12"/>
    </row>
    <row r="701451" spans="8:8">
      <c r="H701451" s="12"/>
    </row>
    <row r="701452" spans="8:8">
      <c r="H701452" s="12"/>
    </row>
    <row r="701453" spans="8:8">
      <c r="H701453" s="12"/>
    </row>
    <row r="701454" spans="8:8">
      <c r="H701454" s="12"/>
    </row>
    <row r="701455" spans="8:8">
      <c r="H701455" s="12"/>
    </row>
    <row r="701456" spans="8:8">
      <c r="H701456" s="12"/>
    </row>
    <row r="701457" spans="8:8">
      <c r="H701457" s="12"/>
    </row>
    <row r="701458" spans="8:8">
      <c r="H701458" s="12"/>
    </row>
    <row r="701459" spans="8:8">
      <c r="H701459" s="12"/>
    </row>
    <row r="701460" spans="8:8">
      <c r="H701460" s="12"/>
    </row>
    <row r="701461" spans="8:8">
      <c r="H701461" s="12"/>
    </row>
    <row r="701462" spans="8:8">
      <c r="H701462" s="12"/>
    </row>
    <row r="701463" spans="8:8">
      <c r="H701463" s="12"/>
    </row>
    <row r="701464" spans="8:8">
      <c r="H701464" s="12"/>
    </row>
    <row r="701465" spans="8:8">
      <c r="H701465" s="12"/>
    </row>
    <row r="701466" spans="8:8">
      <c r="H701466" s="12"/>
    </row>
    <row r="701467" spans="8:8">
      <c r="H701467" s="12"/>
    </row>
    <row r="701468" spans="8:8">
      <c r="H701468" s="12"/>
    </row>
    <row r="701469" spans="8:8">
      <c r="H701469" s="12"/>
    </row>
    <row r="701470" spans="8:8">
      <c r="H701470" s="12"/>
    </row>
    <row r="701471" spans="8:8">
      <c r="H701471" s="12"/>
    </row>
    <row r="701472" spans="8:8">
      <c r="H701472" s="12"/>
    </row>
    <row r="701473" spans="8:8">
      <c r="H701473" s="12"/>
    </row>
    <row r="701474" spans="8:8">
      <c r="H701474" s="12"/>
    </row>
    <row r="701475" spans="8:8">
      <c r="H701475" s="12"/>
    </row>
    <row r="701476" spans="8:8">
      <c r="H701476" s="12"/>
    </row>
    <row r="701477" spans="8:8">
      <c r="H701477" s="12"/>
    </row>
    <row r="701478" spans="8:8">
      <c r="H701478" s="12"/>
    </row>
    <row r="701479" spans="8:8">
      <c r="H701479" s="12"/>
    </row>
    <row r="701480" spans="8:8">
      <c r="H701480" s="12"/>
    </row>
    <row r="701481" spans="8:8">
      <c r="H701481" s="12"/>
    </row>
    <row r="701482" spans="8:8">
      <c r="H701482" s="12"/>
    </row>
    <row r="701483" spans="8:8">
      <c r="H701483" s="12"/>
    </row>
    <row r="701484" spans="8:8">
      <c r="H701484" s="12"/>
    </row>
    <row r="701485" spans="8:8">
      <c r="H701485" s="12"/>
    </row>
    <row r="701486" spans="8:8">
      <c r="H701486" s="12"/>
    </row>
    <row r="701487" spans="8:8">
      <c r="H701487" s="12"/>
    </row>
    <row r="701488" spans="8:8">
      <c r="H701488" s="12"/>
    </row>
    <row r="701489" spans="8:8">
      <c r="H701489" s="12"/>
    </row>
    <row r="701490" spans="8:8">
      <c r="H701490" s="12"/>
    </row>
    <row r="701491" spans="8:8">
      <c r="H701491" s="12"/>
    </row>
    <row r="701492" spans="8:8">
      <c r="H701492" s="12"/>
    </row>
    <row r="701493" spans="8:8">
      <c r="H701493" s="12"/>
    </row>
    <row r="701494" spans="8:8">
      <c r="H701494" s="12"/>
    </row>
    <row r="701495" spans="8:8">
      <c r="H701495" s="12"/>
    </row>
    <row r="701496" spans="8:8">
      <c r="H701496" s="12"/>
    </row>
    <row r="701497" spans="8:8">
      <c r="H701497" s="12"/>
    </row>
    <row r="701498" spans="8:8">
      <c r="H701498" s="12"/>
    </row>
    <row r="701499" spans="8:8">
      <c r="H701499" s="12"/>
    </row>
    <row r="701500" spans="8:8">
      <c r="H701500" s="12"/>
    </row>
    <row r="701501" spans="8:8">
      <c r="H701501" s="12"/>
    </row>
    <row r="701502" spans="8:8">
      <c r="H701502" s="12"/>
    </row>
    <row r="701503" spans="8:8">
      <c r="H701503" s="12"/>
    </row>
    <row r="701504" spans="8:8">
      <c r="H701504" s="12"/>
    </row>
    <row r="701505" spans="8:8">
      <c r="H701505" s="12"/>
    </row>
    <row r="701506" spans="8:8">
      <c r="H701506" s="12"/>
    </row>
    <row r="701507" spans="8:8">
      <c r="H701507" s="12"/>
    </row>
    <row r="701508" spans="8:8">
      <c r="H701508" s="12"/>
    </row>
    <row r="701509" spans="8:8">
      <c r="H701509" s="12"/>
    </row>
    <row r="701510" spans="8:8">
      <c r="H701510" s="12"/>
    </row>
    <row r="701511" spans="8:8">
      <c r="H701511" s="12"/>
    </row>
    <row r="701512" spans="8:8">
      <c r="H701512" s="12"/>
    </row>
    <row r="701513" spans="8:8">
      <c r="H701513" s="12"/>
    </row>
    <row r="701514" spans="8:8">
      <c r="H701514" s="12"/>
    </row>
    <row r="701515" spans="8:8">
      <c r="H701515" s="12"/>
    </row>
    <row r="701516" spans="8:8">
      <c r="H701516" s="12"/>
    </row>
    <row r="701517" spans="8:8">
      <c r="H701517" s="12"/>
    </row>
    <row r="701518" spans="8:8">
      <c r="H701518" s="12"/>
    </row>
    <row r="701519" spans="8:8">
      <c r="H701519" s="12"/>
    </row>
    <row r="701520" spans="8:8">
      <c r="H701520" s="12"/>
    </row>
    <row r="701521" spans="8:8">
      <c r="H701521" s="12"/>
    </row>
    <row r="701522" spans="8:8">
      <c r="H701522" s="12"/>
    </row>
    <row r="701523" spans="8:8">
      <c r="H701523" s="12"/>
    </row>
    <row r="701524" spans="8:8">
      <c r="H701524" s="12"/>
    </row>
    <row r="701525" spans="8:8">
      <c r="H701525" s="12"/>
    </row>
    <row r="701526" spans="8:8">
      <c r="H701526" s="12"/>
    </row>
    <row r="701527" spans="8:8">
      <c r="H701527" s="12"/>
    </row>
    <row r="701528" spans="8:8">
      <c r="H701528" s="12"/>
    </row>
    <row r="701529" spans="8:8">
      <c r="H701529" s="12"/>
    </row>
    <row r="701530" spans="8:8">
      <c r="H701530" s="12"/>
    </row>
    <row r="701531" spans="8:8">
      <c r="H701531" s="12"/>
    </row>
    <row r="701532" spans="8:8">
      <c r="H701532" s="12"/>
    </row>
    <row r="701533" spans="8:8">
      <c r="H701533" s="12"/>
    </row>
    <row r="701534" spans="8:8">
      <c r="H701534" s="12"/>
    </row>
    <row r="701535" spans="8:8">
      <c r="H701535" s="12"/>
    </row>
    <row r="701536" spans="8:8">
      <c r="H701536" s="12"/>
    </row>
    <row r="701537" spans="8:8">
      <c r="H701537" s="12"/>
    </row>
    <row r="701538" spans="8:8">
      <c r="H701538" s="12"/>
    </row>
    <row r="701539" spans="8:8">
      <c r="H701539" s="12"/>
    </row>
    <row r="701540" spans="8:8">
      <c r="H701540" s="12"/>
    </row>
    <row r="701541" spans="8:8">
      <c r="H701541" s="12"/>
    </row>
    <row r="701542" spans="8:8">
      <c r="H701542" s="12"/>
    </row>
    <row r="701543" spans="8:8">
      <c r="H701543" s="12"/>
    </row>
    <row r="701544" spans="8:8">
      <c r="H701544" s="12"/>
    </row>
    <row r="701545" spans="8:8">
      <c r="H701545" s="12"/>
    </row>
    <row r="701546" spans="8:8">
      <c r="H701546" s="12"/>
    </row>
    <row r="701547" spans="8:8">
      <c r="H701547" s="12"/>
    </row>
    <row r="701548" spans="8:8">
      <c r="H701548" s="12"/>
    </row>
    <row r="701549" spans="8:8">
      <c r="H701549" s="12"/>
    </row>
    <row r="701550" spans="8:8">
      <c r="H701550" s="12"/>
    </row>
    <row r="701551" spans="8:8">
      <c r="H701551" s="12"/>
    </row>
    <row r="701552" spans="8:8">
      <c r="H701552" s="12"/>
    </row>
    <row r="701553" spans="8:8">
      <c r="H701553" s="12"/>
    </row>
    <row r="701554" spans="8:8">
      <c r="H701554" s="12"/>
    </row>
    <row r="701555" spans="8:8">
      <c r="H701555" s="12"/>
    </row>
    <row r="701556" spans="8:8">
      <c r="H701556" s="12"/>
    </row>
    <row r="701557" spans="8:8">
      <c r="H701557" s="12"/>
    </row>
    <row r="701558" spans="8:8">
      <c r="H701558" s="12"/>
    </row>
    <row r="701559" spans="8:8">
      <c r="H701559" s="12"/>
    </row>
    <row r="701560" spans="8:8">
      <c r="H701560" s="12"/>
    </row>
    <row r="701561" spans="8:8">
      <c r="H701561" s="12"/>
    </row>
    <row r="701562" spans="8:8">
      <c r="H701562" s="12"/>
    </row>
    <row r="701563" spans="8:8">
      <c r="H701563" s="12"/>
    </row>
    <row r="701564" spans="8:8">
      <c r="H701564" s="12"/>
    </row>
    <row r="701565" spans="8:8">
      <c r="H701565" s="12"/>
    </row>
    <row r="701566" spans="8:8">
      <c r="H701566" s="12"/>
    </row>
    <row r="701567" spans="8:8">
      <c r="H701567" s="12"/>
    </row>
    <row r="701568" spans="8:8">
      <c r="H701568" s="12"/>
    </row>
    <row r="701569" spans="8:8">
      <c r="H701569" s="12"/>
    </row>
    <row r="701570" spans="8:8">
      <c r="H701570" s="12"/>
    </row>
    <row r="701571" spans="8:8">
      <c r="H701571" s="12"/>
    </row>
    <row r="701572" spans="8:8">
      <c r="H701572" s="12"/>
    </row>
    <row r="701573" spans="8:8">
      <c r="H701573" s="12"/>
    </row>
    <row r="701574" spans="8:8">
      <c r="H701574" s="12"/>
    </row>
    <row r="701575" spans="8:8">
      <c r="H701575" s="12"/>
    </row>
    <row r="701576" spans="8:8">
      <c r="H701576" s="12"/>
    </row>
    <row r="701577" spans="8:8">
      <c r="H701577" s="12"/>
    </row>
    <row r="701578" spans="8:8">
      <c r="H701578" s="12"/>
    </row>
    <row r="701579" spans="8:8">
      <c r="H701579" s="12"/>
    </row>
    <row r="701580" spans="8:8">
      <c r="H701580" s="12"/>
    </row>
    <row r="701581" spans="8:8">
      <c r="H701581" s="12"/>
    </row>
    <row r="701582" spans="8:8">
      <c r="H701582" s="12"/>
    </row>
    <row r="701583" spans="8:8">
      <c r="H701583" s="12"/>
    </row>
    <row r="701584" spans="8:8">
      <c r="H701584" s="12"/>
    </row>
    <row r="701585" spans="8:8">
      <c r="H701585" s="12"/>
    </row>
    <row r="701586" spans="8:8">
      <c r="H701586" s="12"/>
    </row>
    <row r="701587" spans="8:8">
      <c r="H701587" s="12"/>
    </row>
    <row r="701588" spans="8:8">
      <c r="H701588" s="12"/>
    </row>
    <row r="701589" spans="8:8">
      <c r="H701589" s="12"/>
    </row>
    <row r="701590" spans="8:8">
      <c r="H701590" s="12"/>
    </row>
    <row r="701591" spans="8:8">
      <c r="H701591" s="12"/>
    </row>
    <row r="701592" spans="8:8">
      <c r="H701592" s="12"/>
    </row>
    <row r="701593" spans="8:8">
      <c r="H701593" s="12"/>
    </row>
    <row r="701594" spans="8:8">
      <c r="H701594" s="12"/>
    </row>
    <row r="701595" spans="8:8">
      <c r="H701595" s="12"/>
    </row>
    <row r="701596" spans="8:8">
      <c r="H701596" s="12"/>
    </row>
    <row r="701597" spans="8:8">
      <c r="H701597" s="12"/>
    </row>
    <row r="701598" spans="8:8">
      <c r="H701598" s="12"/>
    </row>
    <row r="701599" spans="8:8">
      <c r="H701599" s="12"/>
    </row>
    <row r="701600" spans="8:8">
      <c r="H701600" s="12"/>
    </row>
    <row r="701601" spans="8:8">
      <c r="H701601" s="12"/>
    </row>
    <row r="701602" spans="8:8">
      <c r="H701602" s="12"/>
    </row>
    <row r="701603" spans="8:8">
      <c r="H701603" s="12"/>
    </row>
    <row r="701604" spans="8:8">
      <c r="H701604" s="12"/>
    </row>
    <row r="701605" spans="8:8">
      <c r="H701605" s="12"/>
    </row>
    <row r="701606" spans="8:8">
      <c r="H701606" s="12"/>
    </row>
    <row r="701607" spans="8:8">
      <c r="H701607" s="12"/>
    </row>
    <row r="701608" spans="8:8">
      <c r="H701608" s="12"/>
    </row>
    <row r="701609" spans="8:8">
      <c r="H701609" s="12"/>
    </row>
    <row r="701610" spans="8:8">
      <c r="H701610" s="12"/>
    </row>
    <row r="701611" spans="8:8">
      <c r="H701611" s="12"/>
    </row>
    <row r="701612" spans="8:8">
      <c r="H701612" s="12"/>
    </row>
    <row r="701613" spans="8:8">
      <c r="H701613" s="12"/>
    </row>
    <row r="701614" spans="8:8">
      <c r="H701614" s="12"/>
    </row>
    <row r="701615" spans="8:8">
      <c r="H701615" s="12"/>
    </row>
    <row r="701616" spans="8:8">
      <c r="H701616" s="12"/>
    </row>
    <row r="701617" spans="8:8">
      <c r="H701617" s="12"/>
    </row>
    <row r="701618" spans="8:8">
      <c r="H701618" s="12"/>
    </row>
    <row r="701619" spans="8:8">
      <c r="H701619" s="12"/>
    </row>
    <row r="701620" spans="8:8">
      <c r="H701620" s="12"/>
    </row>
    <row r="701621" spans="8:8">
      <c r="H701621" s="12"/>
    </row>
    <row r="701622" spans="8:8">
      <c r="H701622" s="12"/>
    </row>
    <row r="701623" spans="8:8">
      <c r="H701623" s="12"/>
    </row>
    <row r="701624" spans="8:8">
      <c r="H701624" s="12"/>
    </row>
    <row r="701625" spans="8:8">
      <c r="H701625" s="12"/>
    </row>
    <row r="701626" spans="8:8">
      <c r="H701626" s="12"/>
    </row>
    <row r="701627" spans="8:8">
      <c r="H701627" s="12"/>
    </row>
    <row r="701628" spans="8:8">
      <c r="H701628" s="12"/>
    </row>
    <row r="701629" spans="8:8">
      <c r="H701629" s="12"/>
    </row>
    <row r="701630" spans="8:8">
      <c r="H701630" s="12"/>
    </row>
    <row r="701631" spans="8:8">
      <c r="H701631" s="12"/>
    </row>
    <row r="701632" spans="8:8">
      <c r="H701632" s="12"/>
    </row>
    <row r="701633" spans="8:8">
      <c r="H701633" s="12"/>
    </row>
    <row r="701634" spans="8:8">
      <c r="H701634" s="12"/>
    </row>
    <row r="701635" spans="8:8">
      <c r="H701635" s="12"/>
    </row>
    <row r="701636" spans="8:8">
      <c r="H701636" s="12"/>
    </row>
    <row r="701637" spans="8:8">
      <c r="H701637" s="12"/>
    </row>
    <row r="701638" spans="8:8">
      <c r="H701638" s="12"/>
    </row>
    <row r="701639" spans="8:8">
      <c r="H701639" s="12"/>
    </row>
    <row r="701640" spans="8:8">
      <c r="H701640" s="12"/>
    </row>
    <row r="701641" spans="8:8">
      <c r="H701641" s="12"/>
    </row>
    <row r="701642" spans="8:8">
      <c r="H701642" s="12"/>
    </row>
    <row r="701643" spans="8:8">
      <c r="H701643" s="12"/>
    </row>
    <row r="701644" spans="8:8">
      <c r="H701644" s="12"/>
    </row>
    <row r="701645" spans="8:8">
      <c r="H701645" s="12"/>
    </row>
    <row r="701646" spans="8:8">
      <c r="H701646" s="12"/>
    </row>
    <row r="701647" spans="8:8">
      <c r="H701647" s="12"/>
    </row>
    <row r="701648" spans="8:8">
      <c r="H701648" s="12"/>
    </row>
    <row r="701649" spans="8:8">
      <c r="H701649" s="12"/>
    </row>
    <row r="701650" spans="8:8">
      <c r="H701650" s="12"/>
    </row>
    <row r="701651" spans="8:8">
      <c r="H701651" s="12"/>
    </row>
    <row r="701652" spans="8:8">
      <c r="H701652" s="12"/>
    </row>
    <row r="701653" spans="8:8">
      <c r="H701653" s="12"/>
    </row>
    <row r="701654" spans="8:8">
      <c r="H701654" s="12"/>
    </row>
    <row r="701655" spans="8:8">
      <c r="H701655" s="12"/>
    </row>
    <row r="701656" spans="8:8">
      <c r="H701656" s="12"/>
    </row>
    <row r="701657" spans="8:8">
      <c r="H701657" s="12"/>
    </row>
    <row r="701658" spans="8:8">
      <c r="H701658" s="12"/>
    </row>
    <row r="701659" spans="8:8">
      <c r="H701659" s="12"/>
    </row>
    <row r="701660" spans="8:8">
      <c r="H701660" s="12"/>
    </row>
    <row r="701661" spans="8:8">
      <c r="H701661" s="12"/>
    </row>
    <row r="701662" spans="8:8">
      <c r="H701662" s="12"/>
    </row>
    <row r="701663" spans="8:8">
      <c r="H701663" s="12"/>
    </row>
    <row r="701664" spans="8:8">
      <c r="H701664" s="12"/>
    </row>
    <row r="701665" spans="8:8">
      <c r="H701665" s="12"/>
    </row>
    <row r="701666" spans="8:8">
      <c r="H701666" s="12"/>
    </row>
    <row r="701667" spans="8:8">
      <c r="H701667" s="12"/>
    </row>
    <row r="701668" spans="8:8">
      <c r="H701668" s="12"/>
    </row>
    <row r="701669" spans="8:8">
      <c r="H701669" s="12"/>
    </row>
    <row r="701670" spans="8:8">
      <c r="H701670" s="12"/>
    </row>
    <row r="701671" spans="8:8">
      <c r="H701671" s="12"/>
    </row>
    <row r="701672" spans="8:8">
      <c r="H701672" s="12"/>
    </row>
    <row r="701673" spans="8:8">
      <c r="H701673" s="12"/>
    </row>
    <row r="701674" spans="8:8">
      <c r="H701674" s="12"/>
    </row>
    <row r="701675" spans="8:8">
      <c r="H701675" s="12"/>
    </row>
    <row r="701676" spans="8:8">
      <c r="H701676" s="12"/>
    </row>
    <row r="701677" spans="8:8">
      <c r="H701677" s="12"/>
    </row>
    <row r="701678" spans="8:8">
      <c r="H701678" s="12"/>
    </row>
    <row r="701679" spans="8:8">
      <c r="H701679" s="12"/>
    </row>
    <row r="701680" spans="8:8">
      <c r="H701680" s="12"/>
    </row>
    <row r="701681" spans="8:8">
      <c r="H701681" s="12"/>
    </row>
    <row r="701682" spans="8:8">
      <c r="H701682" s="12"/>
    </row>
    <row r="701683" spans="8:8">
      <c r="H701683" s="12"/>
    </row>
    <row r="701684" spans="8:8">
      <c r="H701684" s="12"/>
    </row>
    <row r="701685" spans="8:8">
      <c r="H701685" s="12"/>
    </row>
    <row r="701686" spans="8:8">
      <c r="H701686" s="12"/>
    </row>
    <row r="701687" spans="8:8">
      <c r="H701687" s="12"/>
    </row>
    <row r="701688" spans="8:8">
      <c r="H701688" s="12"/>
    </row>
    <row r="701689" spans="8:8">
      <c r="H701689" s="12"/>
    </row>
    <row r="701690" spans="8:8">
      <c r="H701690" s="12"/>
    </row>
    <row r="701691" spans="8:8">
      <c r="H701691" s="12"/>
    </row>
    <row r="701692" spans="8:8">
      <c r="H701692" s="12"/>
    </row>
    <row r="701693" spans="8:8">
      <c r="H701693" s="12"/>
    </row>
    <row r="701694" spans="8:8">
      <c r="H701694" s="12"/>
    </row>
    <row r="701695" spans="8:8">
      <c r="H701695" s="12"/>
    </row>
    <row r="701696" spans="8:8">
      <c r="H701696" s="12"/>
    </row>
    <row r="701697" spans="8:8">
      <c r="H701697" s="12"/>
    </row>
    <row r="701698" spans="8:8">
      <c r="H701698" s="12"/>
    </row>
    <row r="701699" spans="8:8">
      <c r="H701699" s="12"/>
    </row>
    <row r="701700" spans="8:8">
      <c r="H701700" s="12"/>
    </row>
    <row r="701701" spans="8:8">
      <c r="H701701" s="12"/>
    </row>
    <row r="701702" spans="8:8">
      <c r="H701702" s="12"/>
    </row>
    <row r="701703" spans="8:8">
      <c r="H701703" s="12"/>
    </row>
    <row r="701704" spans="8:8">
      <c r="H701704" s="12"/>
    </row>
    <row r="701705" spans="8:8">
      <c r="H701705" s="12"/>
    </row>
    <row r="701706" spans="8:8">
      <c r="H701706" s="12"/>
    </row>
    <row r="701707" spans="8:8">
      <c r="H701707" s="12"/>
    </row>
    <row r="701708" spans="8:8">
      <c r="H701708" s="12"/>
    </row>
    <row r="701709" spans="8:8">
      <c r="H701709" s="12"/>
    </row>
    <row r="701710" spans="8:8">
      <c r="H701710" s="12"/>
    </row>
    <row r="701711" spans="8:8">
      <c r="H701711" s="12"/>
    </row>
    <row r="701712" spans="8:8">
      <c r="H701712" s="12"/>
    </row>
    <row r="701713" spans="8:8">
      <c r="H701713" s="12"/>
    </row>
    <row r="701714" spans="8:8">
      <c r="H701714" s="12"/>
    </row>
    <row r="701715" spans="8:8">
      <c r="H701715" s="12"/>
    </row>
    <row r="701716" spans="8:8">
      <c r="H701716" s="12"/>
    </row>
    <row r="701717" spans="8:8">
      <c r="H701717" s="12"/>
    </row>
    <row r="701718" spans="8:8">
      <c r="H701718" s="12"/>
    </row>
    <row r="701719" spans="8:8">
      <c r="H701719" s="12"/>
    </row>
    <row r="701720" spans="8:8">
      <c r="H701720" s="12"/>
    </row>
    <row r="701721" spans="8:8">
      <c r="H701721" s="12"/>
    </row>
    <row r="701722" spans="8:8">
      <c r="H701722" s="12"/>
    </row>
    <row r="701723" spans="8:8">
      <c r="H701723" s="12"/>
    </row>
    <row r="701724" spans="8:8">
      <c r="H701724" s="12"/>
    </row>
    <row r="701725" spans="8:8">
      <c r="H701725" s="12"/>
    </row>
    <row r="701726" spans="8:8">
      <c r="H701726" s="12"/>
    </row>
    <row r="701727" spans="8:8">
      <c r="H701727" s="12"/>
    </row>
    <row r="701728" spans="8:8">
      <c r="H701728" s="12"/>
    </row>
    <row r="701729" spans="8:8">
      <c r="H701729" s="12"/>
    </row>
    <row r="701730" spans="8:8">
      <c r="H701730" s="12"/>
    </row>
    <row r="701731" spans="8:8">
      <c r="H701731" s="12"/>
    </row>
    <row r="701732" spans="8:8">
      <c r="H701732" s="12"/>
    </row>
    <row r="701733" spans="8:8">
      <c r="H701733" s="12"/>
    </row>
    <row r="701734" spans="8:8">
      <c r="H701734" s="12"/>
    </row>
    <row r="701735" spans="8:8">
      <c r="H701735" s="12"/>
    </row>
    <row r="701736" spans="8:8">
      <c r="H701736" s="12"/>
    </row>
    <row r="701737" spans="8:8">
      <c r="H701737" s="12"/>
    </row>
    <row r="701738" spans="8:8">
      <c r="H701738" s="12"/>
    </row>
    <row r="701739" spans="8:8">
      <c r="H701739" s="12"/>
    </row>
    <row r="701740" spans="8:8">
      <c r="H701740" s="12"/>
    </row>
    <row r="701741" spans="8:8">
      <c r="H701741" s="12"/>
    </row>
    <row r="701742" spans="8:8">
      <c r="H701742" s="12"/>
    </row>
    <row r="701743" spans="8:8">
      <c r="H701743" s="12"/>
    </row>
    <row r="701744" spans="8:8">
      <c r="H701744" s="12"/>
    </row>
    <row r="701745" spans="8:8">
      <c r="H701745" s="12"/>
    </row>
    <row r="701746" spans="8:8">
      <c r="H701746" s="12"/>
    </row>
    <row r="701747" spans="8:8">
      <c r="H701747" s="12"/>
    </row>
    <row r="701748" spans="8:8">
      <c r="H701748" s="12"/>
    </row>
    <row r="701749" spans="8:8">
      <c r="H701749" s="12"/>
    </row>
    <row r="701750" spans="8:8">
      <c r="H701750" s="12"/>
    </row>
    <row r="701751" spans="8:8">
      <c r="H701751" s="12"/>
    </row>
    <row r="701752" spans="8:8">
      <c r="H701752" s="12"/>
    </row>
    <row r="701753" spans="8:8">
      <c r="H701753" s="12"/>
    </row>
    <row r="701754" spans="8:8">
      <c r="H701754" s="12"/>
    </row>
    <row r="701755" spans="8:8">
      <c r="H701755" s="12"/>
    </row>
    <row r="701756" spans="8:8">
      <c r="H701756" s="12"/>
    </row>
    <row r="701757" spans="8:8">
      <c r="H701757" s="12"/>
    </row>
    <row r="701758" spans="8:8">
      <c r="H701758" s="12"/>
    </row>
    <row r="701759" spans="8:8">
      <c r="H701759" s="12"/>
    </row>
    <row r="701760" spans="8:8">
      <c r="H701760" s="12"/>
    </row>
    <row r="701761" spans="8:8">
      <c r="H701761" s="12"/>
    </row>
    <row r="701762" spans="8:8">
      <c r="H701762" s="12"/>
    </row>
    <row r="701763" spans="8:8">
      <c r="H701763" s="12"/>
    </row>
    <row r="701764" spans="8:8">
      <c r="H701764" s="12"/>
    </row>
    <row r="701765" spans="8:8">
      <c r="H701765" s="12"/>
    </row>
    <row r="701766" spans="8:8">
      <c r="H701766" s="12"/>
    </row>
    <row r="701767" spans="8:8">
      <c r="H701767" s="12"/>
    </row>
    <row r="701768" spans="8:8">
      <c r="H701768" s="12"/>
    </row>
    <row r="701769" spans="8:8">
      <c r="H701769" s="12"/>
    </row>
    <row r="701770" spans="8:8">
      <c r="H701770" s="12"/>
    </row>
    <row r="701771" spans="8:8">
      <c r="H701771" s="12"/>
    </row>
    <row r="701772" spans="8:8">
      <c r="H701772" s="12"/>
    </row>
    <row r="701773" spans="8:8">
      <c r="H701773" s="12"/>
    </row>
    <row r="701774" spans="8:8">
      <c r="H701774" s="12"/>
    </row>
    <row r="701775" spans="8:8">
      <c r="H701775" s="12"/>
    </row>
    <row r="701776" spans="8:8">
      <c r="H701776" s="12"/>
    </row>
    <row r="701777" spans="8:8">
      <c r="H701777" s="12"/>
    </row>
    <row r="701778" spans="8:8">
      <c r="H701778" s="12"/>
    </row>
    <row r="701779" spans="8:8">
      <c r="H701779" s="12"/>
    </row>
    <row r="701780" spans="8:8">
      <c r="H701780" s="12"/>
    </row>
    <row r="701781" spans="8:8">
      <c r="H701781" s="12"/>
    </row>
    <row r="701782" spans="8:8">
      <c r="H701782" s="12"/>
    </row>
    <row r="701783" spans="8:8">
      <c r="H701783" s="12"/>
    </row>
    <row r="701784" spans="8:8">
      <c r="H701784" s="12"/>
    </row>
    <row r="701785" spans="8:8">
      <c r="H701785" s="12"/>
    </row>
    <row r="701786" spans="8:8">
      <c r="H701786" s="12"/>
    </row>
    <row r="701787" spans="8:8">
      <c r="H701787" s="12"/>
    </row>
    <row r="701788" spans="8:8">
      <c r="H701788" s="12"/>
    </row>
    <row r="701789" spans="8:8">
      <c r="H701789" s="12"/>
    </row>
    <row r="701790" spans="8:8">
      <c r="H701790" s="12"/>
    </row>
    <row r="701791" spans="8:8">
      <c r="H701791" s="12"/>
    </row>
    <row r="701792" spans="8:8">
      <c r="H701792" s="12"/>
    </row>
    <row r="701793" spans="8:8">
      <c r="H701793" s="12"/>
    </row>
    <row r="701794" spans="8:8">
      <c r="H701794" s="12"/>
    </row>
    <row r="701795" spans="8:8">
      <c r="H701795" s="12"/>
    </row>
    <row r="701796" spans="8:8">
      <c r="H701796" s="12"/>
    </row>
    <row r="701797" spans="8:8">
      <c r="H701797" s="12"/>
    </row>
    <row r="701798" spans="8:8">
      <c r="H701798" s="12"/>
    </row>
    <row r="701799" spans="8:8">
      <c r="H701799" s="12"/>
    </row>
    <row r="701800" spans="8:8">
      <c r="H701800" s="12"/>
    </row>
    <row r="701801" spans="8:8">
      <c r="H701801" s="12"/>
    </row>
    <row r="701802" spans="8:8">
      <c r="H701802" s="12"/>
    </row>
    <row r="701803" spans="8:8">
      <c r="H701803" s="12"/>
    </row>
    <row r="701804" spans="8:8">
      <c r="H701804" s="12"/>
    </row>
    <row r="701805" spans="8:8">
      <c r="H701805" s="12"/>
    </row>
    <row r="701806" spans="8:8">
      <c r="H701806" s="12"/>
    </row>
    <row r="701807" spans="8:8">
      <c r="H701807" s="12"/>
    </row>
    <row r="701808" spans="8:8">
      <c r="H701808" s="12"/>
    </row>
    <row r="701809" spans="8:8">
      <c r="H701809" s="12"/>
    </row>
    <row r="701810" spans="8:8">
      <c r="H701810" s="12"/>
    </row>
    <row r="701811" spans="8:8">
      <c r="H701811" s="12"/>
    </row>
    <row r="701812" spans="8:8">
      <c r="H701812" s="12"/>
    </row>
    <row r="701813" spans="8:8">
      <c r="H701813" s="12"/>
    </row>
    <row r="701814" spans="8:8">
      <c r="H701814" s="12"/>
    </row>
    <row r="701815" spans="8:8">
      <c r="H701815" s="12"/>
    </row>
    <row r="701816" spans="8:8">
      <c r="H701816" s="12"/>
    </row>
    <row r="701817" spans="8:8">
      <c r="H701817" s="12"/>
    </row>
    <row r="701818" spans="8:8">
      <c r="H701818" s="12"/>
    </row>
    <row r="701819" spans="8:8">
      <c r="H701819" s="12"/>
    </row>
    <row r="701820" spans="8:8">
      <c r="H701820" s="12"/>
    </row>
    <row r="701821" spans="8:8">
      <c r="H701821" s="12"/>
    </row>
    <row r="701822" spans="8:8">
      <c r="H701822" s="12"/>
    </row>
    <row r="701823" spans="8:8">
      <c r="H701823" s="12"/>
    </row>
    <row r="701824" spans="8:8">
      <c r="H701824" s="12"/>
    </row>
    <row r="701825" spans="8:8">
      <c r="H701825" s="12"/>
    </row>
    <row r="701826" spans="8:8">
      <c r="H701826" s="12"/>
    </row>
    <row r="701827" spans="8:8">
      <c r="H701827" s="12"/>
    </row>
    <row r="701828" spans="8:8">
      <c r="H701828" s="12"/>
    </row>
    <row r="701829" spans="8:8">
      <c r="H701829" s="12"/>
    </row>
    <row r="701830" spans="8:8">
      <c r="H701830" s="12"/>
    </row>
    <row r="701831" spans="8:8">
      <c r="H701831" s="12"/>
    </row>
    <row r="701832" spans="8:8">
      <c r="H701832" s="12"/>
    </row>
    <row r="701833" spans="8:8">
      <c r="H701833" s="12"/>
    </row>
    <row r="701834" spans="8:8">
      <c r="H701834" s="12"/>
    </row>
    <row r="701835" spans="8:8">
      <c r="H701835" s="12"/>
    </row>
    <row r="701836" spans="8:8">
      <c r="H701836" s="12"/>
    </row>
    <row r="701837" spans="8:8">
      <c r="H701837" s="12"/>
    </row>
    <row r="701838" spans="8:8">
      <c r="H701838" s="12"/>
    </row>
    <row r="701839" spans="8:8">
      <c r="H701839" s="12"/>
    </row>
    <row r="701840" spans="8:8">
      <c r="H701840" s="12"/>
    </row>
    <row r="701841" spans="8:8">
      <c r="H701841" s="12"/>
    </row>
    <row r="701842" spans="8:8">
      <c r="H701842" s="12"/>
    </row>
    <row r="701843" spans="8:8">
      <c r="H701843" s="12"/>
    </row>
    <row r="701844" spans="8:8">
      <c r="H701844" s="12"/>
    </row>
    <row r="701845" spans="8:8">
      <c r="H701845" s="12"/>
    </row>
    <row r="701846" spans="8:8">
      <c r="H701846" s="12"/>
    </row>
    <row r="701847" spans="8:8">
      <c r="H701847" s="12"/>
    </row>
    <row r="701848" spans="8:8">
      <c r="H701848" s="12"/>
    </row>
    <row r="701849" spans="8:8">
      <c r="H701849" s="12"/>
    </row>
    <row r="701850" spans="8:8">
      <c r="H701850" s="12"/>
    </row>
    <row r="701851" spans="8:8">
      <c r="H701851" s="12"/>
    </row>
    <row r="701852" spans="8:8">
      <c r="H701852" s="12"/>
    </row>
    <row r="701853" spans="8:8">
      <c r="H701853" s="12"/>
    </row>
    <row r="701854" spans="8:8">
      <c r="H701854" s="12"/>
    </row>
    <row r="701855" spans="8:8">
      <c r="H701855" s="12"/>
    </row>
    <row r="701856" spans="8:8">
      <c r="H701856" s="12"/>
    </row>
    <row r="701857" spans="8:8">
      <c r="H701857" s="12"/>
    </row>
    <row r="701858" spans="8:8">
      <c r="H701858" s="12"/>
    </row>
    <row r="701859" spans="8:8">
      <c r="H701859" s="12"/>
    </row>
    <row r="701860" spans="8:8">
      <c r="H701860" s="12"/>
    </row>
    <row r="701861" spans="8:8">
      <c r="H701861" s="12"/>
    </row>
    <row r="701862" spans="8:8">
      <c r="H701862" s="12"/>
    </row>
    <row r="701863" spans="8:8">
      <c r="H701863" s="12"/>
    </row>
    <row r="701864" spans="8:8">
      <c r="H701864" s="12"/>
    </row>
    <row r="701865" spans="8:8">
      <c r="H701865" s="12"/>
    </row>
    <row r="701866" spans="8:8">
      <c r="H701866" s="12"/>
    </row>
    <row r="701867" spans="8:8">
      <c r="H701867" s="12"/>
    </row>
    <row r="701868" spans="8:8">
      <c r="H701868" s="12"/>
    </row>
    <row r="701869" spans="8:8">
      <c r="H701869" s="12"/>
    </row>
    <row r="701870" spans="8:8">
      <c r="H701870" s="12"/>
    </row>
    <row r="701871" spans="8:8">
      <c r="H701871" s="12"/>
    </row>
    <row r="701872" spans="8:8">
      <c r="H701872" s="12"/>
    </row>
    <row r="701873" spans="8:8">
      <c r="H701873" s="12"/>
    </row>
    <row r="701874" spans="8:8">
      <c r="H701874" s="12"/>
    </row>
    <row r="701875" spans="8:8">
      <c r="H701875" s="12"/>
    </row>
    <row r="701876" spans="8:8">
      <c r="H701876" s="12"/>
    </row>
    <row r="701877" spans="8:8">
      <c r="H701877" s="12"/>
    </row>
    <row r="701878" spans="8:8">
      <c r="H701878" s="12"/>
    </row>
    <row r="701879" spans="8:8">
      <c r="H701879" s="12"/>
    </row>
    <row r="701880" spans="8:8">
      <c r="H701880" s="12"/>
    </row>
    <row r="701881" spans="8:8">
      <c r="H701881" s="12"/>
    </row>
    <row r="701882" spans="8:8">
      <c r="H701882" s="12"/>
    </row>
    <row r="701883" spans="8:8">
      <c r="H701883" s="12"/>
    </row>
    <row r="701884" spans="8:8">
      <c r="H701884" s="12"/>
    </row>
    <row r="701885" spans="8:8">
      <c r="H701885" s="12"/>
    </row>
    <row r="701886" spans="8:8">
      <c r="H701886" s="12"/>
    </row>
    <row r="701887" spans="8:8">
      <c r="H701887" s="12"/>
    </row>
    <row r="701888" spans="8:8">
      <c r="H701888" s="12"/>
    </row>
    <row r="701889" spans="8:8">
      <c r="H701889" s="12"/>
    </row>
    <row r="701890" spans="8:8">
      <c r="H701890" s="12"/>
    </row>
    <row r="701891" spans="8:8">
      <c r="H701891" s="12"/>
    </row>
    <row r="701892" spans="8:8">
      <c r="H701892" s="12"/>
    </row>
    <row r="701893" spans="8:8">
      <c r="H701893" s="12"/>
    </row>
    <row r="701894" spans="8:8">
      <c r="H701894" s="12"/>
    </row>
    <row r="701895" spans="8:8">
      <c r="H701895" s="12"/>
    </row>
    <row r="701896" spans="8:8">
      <c r="H701896" s="12"/>
    </row>
    <row r="701897" spans="8:8">
      <c r="H701897" s="12"/>
    </row>
    <row r="701898" spans="8:8">
      <c r="H701898" s="12"/>
    </row>
    <row r="701899" spans="8:8">
      <c r="H701899" s="12"/>
    </row>
    <row r="701900" spans="8:8">
      <c r="H701900" s="12"/>
    </row>
    <row r="701901" spans="8:8">
      <c r="H701901" s="12"/>
    </row>
    <row r="701902" spans="8:8">
      <c r="H701902" s="12"/>
    </row>
    <row r="701903" spans="8:8">
      <c r="H701903" s="12"/>
    </row>
    <row r="701904" spans="8:8">
      <c r="H701904" s="12"/>
    </row>
    <row r="701905" spans="8:8">
      <c r="H701905" s="12"/>
    </row>
    <row r="701906" spans="8:8">
      <c r="H701906" s="12"/>
    </row>
    <row r="701907" spans="8:8">
      <c r="H701907" s="12"/>
    </row>
    <row r="701908" spans="8:8">
      <c r="H701908" s="12"/>
    </row>
    <row r="701909" spans="8:8">
      <c r="H701909" s="12"/>
    </row>
    <row r="701910" spans="8:8">
      <c r="H701910" s="12"/>
    </row>
    <row r="701911" spans="8:8">
      <c r="H701911" s="12"/>
    </row>
    <row r="701912" spans="8:8">
      <c r="H701912" s="12"/>
    </row>
    <row r="701913" spans="8:8">
      <c r="H701913" s="12"/>
    </row>
    <row r="701914" spans="8:8">
      <c r="H701914" s="12"/>
    </row>
    <row r="701915" spans="8:8">
      <c r="H701915" s="12"/>
    </row>
    <row r="701916" spans="8:8">
      <c r="H701916" s="12"/>
    </row>
    <row r="701917" spans="8:8">
      <c r="H701917" s="12"/>
    </row>
    <row r="701918" spans="8:8">
      <c r="H701918" s="12"/>
    </row>
    <row r="701919" spans="8:8">
      <c r="H701919" s="12"/>
    </row>
    <row r="701920" spans="8:8">
      <c r="H701920" s="12"/>
    </row>
    <row r="701921" spans="8:8">
      <c r="H701921" s="12"/>
    </row>
    <row r="701922" spans="8:8">
      <c r="H701922" s="12"/>
    </row>
    <row r="701923" spans="8:8">
      <c r="H701923" s="12"/>
    </row>
    <row r="701924" spans="8:8">
      <c r="H701924" s="12"/>
    </row>
    <row r="701925" spans="8:8">
      <c r="H701925" s="12"/>
    </row>
    <row r="701926" spans="8:8">
      <c r="H701926" s="12"/>
    </row>
    <row r="701927" spans="8:8">
      <c r="H701927" s="12"/>
    </row>
    <row r="701928" spans="8:8">
      <c r="H701928" s="12"/>
    </row>
    <row r="701929" spans="8:8">
      <c r="H701929" s="12"/>
    </row>
    <row r="701930" spans="8:8">
      <c r="H701930" s="12"/>
    </row>
    <row r="701931" spans="8:8">
      <c r="H701931" s="12"/>
    </row>
    <row r="701932" spans="8:8">
      <c r="H701932" s="12"/>
    </row>
    <row r="701933" spans="8:8">
      <c r="H701933" s="12"/>
    </row>
    <row r="701934" spans="8:8">
      <c r="H701934" s="12"/>
    </row>
    <row r="701935" spans="8:8">
      <c r="H701935" s="12"/>
    </row>
    <row r="701936" spans="8:8">
      <c r="H701936" s="12"/>
    </row>
    <row r="701937" spans="8:8">
      <c r="H701937" s="12"/>
    </row>
    <row r="701938" spans="8:8">
      <c r="H701938" s="12"/>
    </row>
    <row r="701939" spans="8:8">
      <c r="H701939" s="12"/>
    </row>
    <row r="701940" spans="8:8">
      <c r="H701940" s="12"/>
    </row>
    <row r="701941" spans="8:8">
      <c r="H701941" s="12"/>
    </row>
    <row r="701942" spans="8:8">
      <c r="H701942" s="12"/>
    </row>
    <row r="701943" spans="8:8">
      <c r="H701943" s="12"/>
    </row>
    <row r="701944" spans="8:8">
      <c r="H701944" s="12"/>
    </row>
    <row r="701945" spans="8:8">
      <c r="H701945" s="12"/>
    </row>
    <row r="701946" spans="8:8">
      <c r="H701946" s="12"/>
    </row>
    <row r="701947" spans="8:8">
      <c r="H701947" s="12"/>
    </row>
    <row r="701948" spans="8:8">
      <c r="H701948" s="12"/>
    </row>
    <row r="701949" spans="8:8">
      <c r="H701949" s="12"/>
    </row>
    <row r="701950" spans="8:8">
      <c r="H701950" s="12"/>
    </row>
    <row r="701951" spans="8:8">
      <c r="H701951" s="12"/>
    </row>
    <row r="701952" spans="8:8">
      <c r="H701952" s="12"/>
    </row>
    <row r="701953" spans="8:8">
      <c r="H701953" s="12"/>
    </row>
    <row r="701954" spans="8:8">
      <c r="H701954" s="12"/>
    </row>
    <row r="701955" spans="8:8">
      <c r="H701955" s="12"/>
    </row>
    <row r="701956" spans="8:8">
      <c r="H701956" s="12"/>
    </row>
    <row r="701957" spans="8:8">
      <c r="H701957" s="12"/>
    </row>
    <row r="701958" spans="8:8">
      <c r="H701958" s="12"/>
    </row>
    <row r="701959" spans="8:8">
      <c r="H701959" s="12"/>
    </row>
    <row r="701960" spans="8:8">
      <c r="H701960" s="12"/>
    </row>
    <row r="701961" spans="8:8">
      <c r="H701961" s="12"/>
    </row>
    <row r="701962" spans="8:8">
      <c r="H701962" s="12"/>
    </row>
    <row r="701963" spans="8:8">
      <c r="H701963" s="12"/>
    </row>
    <row r="701964" spans="8:8">
      <c r="H701964" s="12"/>
    </row>
    <row r="701965" spans="8:8">
      <c r="H701965" s="12"/>
    </row>
    <row r="701966" spans="8:8">
      <c r="H701966" s="12"/>
    </row>
    <row r="701967" spans="8:8">
      <c r="H701967" s="12"/>
    </row>
    <row r="701968" spans="8:8">
      <c r="H701968" s="12"/>
    </row>
    <row r="701969" spans="8:8">
      <c r="H701969" s="12"/>
    </row>
    <row r="701970" spans="8:8">
      <c r="H701970" s="12"/>
    </row>
    <row r="701971" spans="8:8">
      <c r="H701971" s="12"/>
    </row>
    <row r="701972" spans="8:8">
      <c r="H701972" s="12"/>
    </row>
    <row r="701973" spans="8:8">
      <c r="H701973" s="12"/>
    </row>
    <row r="701974" spans="8:8">
      <c r="H701974" s="12"/>
    </row>
    <row r="701975" spans="8:8">
      <c r="H701975" s="12"/>
    </row>
    <row r="701976" spans="8:8">
      <c r="H701976" s="12"/>
    </row>
    <row r="701977" spans="8:8">
      <c r="H701977" s="12"/>
    </row>
    <row r="701978" spans="8:8">
      <c r="H701978" s="12"/>
    </row>
    <row r="701979" spans="8:8">
      <c r="H701979" s="12"/>
    </row>
    <row r="701980" spans="8:8">
      <c r="H701980" s="12"/>
    </row>
    <row r="701981" spans="8:8">
      <c r="H701981" s="12"/>
    </row>
    <row r="701982" spans="8:8">
      <c r="H701982" s="12"/>
    </row>
    <row r="701983" spans="8:8">
      <c r="H701983" s="12"/>
    </row>
    <row r="701984" spans="8:8">
      <c r="H701984" s="12"/>
    </row>
    <row r="701985" spans="8:8">
      <c r="H701985" s="12"/>
    </row>
    <row r="701986" spans="8:8">
      <c r="H701986" s="12"/>
    </row>
    <row r="701987" spans="8:8">
      <c r="H701987" s="12"/>
    </row>
    <row r="701988" spans="8:8">
      <c r="H701988" s="12"/>
    </row>
    <row r="701989" spans="8:8">
      <c r="H701989" s="12"/>
    </row>
    <row r="701990" spans="8:8">
      <c r="H701990" s="12"/>
    </row>
    <row r="701991" spans="8:8">
      <c r="H701991" s="12"/>
    </row>
    <row r="701992" spans="8:8">
      <c r="H701992" s="12"/>
    </row>
    <row r="701993" spans="8:8">
      <c r="H701993" s="12"/>
    </row>
    <row r="701994" spans="8:8">
      <c r="H701994" s="12"/>
    </row>
    <row r="701995" spans="8:8">
      <c r="H701995" s="12"/>
    </row>
    <row r="701996" spans="8:8">
      <c r="H701996" s="12"/>
    </row>
    <row r="701997" spans="8:8">
      <c r="H701997" s="12"/>
    </row>
    <row r="701998" spans="8:8">
      <c r="H701998" s="12"/>
    </row>
    <row r="701999" spans="8:8">
      <c r="H701999" s="12"/>
    </row>
    <row r="702000" spans="8:8">
      <c r="H702000" s="12"/>
    </row>
    <row r="702001" spans="8:8">
      <c r="H702001" s="12"/>
    </row>
    <row r="702002" spans="8:8">
      <c r="H702002" s="12"/>
    </row>
    <row r="702003" spans="8:8">
      <c r="H702003" s="12"/>
    </row>
    <row r="702004" spans="8:8">
      <c r="H702004" s="12"/>
    </row>
    <row r="702005" spans="8:8">
      <c r="H702005" s="12"/>
    </row>
    <row r="702006" spans="8:8">
      <c r="H702006" s="12"/>
    </row>
    <row r="702007" spans="8:8">
      <c r="H702007" s="12"/>
    </row>
    <row r="702008" spans="8:8">
      <c r="H702008" s="12"/>
    </row>
    <row r="702009" spans="8:8">
      <c r="H702009" s="12"/>
    </row>
    <row r="702010" spans="8:8">
      <c r="H702010" s="12"/>
    </row>
    <row r="702011" spans="8:8">
      <c r="H702011" s="12"/>
    </row>
    <row r="702012" spans="8:8">
      <c r="H702012" s="12"/>
    </row>
    <row r="702013" spans="8:8">
      <c r="H702013" s="12"/>
    </row>
    <row r="702014" spans="8:8">
      <c r="H702014" s="12"/>
    </row>
    <row r="702015" spans="8:8">
      <c r="H702015" s="12"/>
    </row>
    <row r="702016" spans="8:8">
      <c r="H702016" s="12"/>
    </row>
    <row r="702017" spans="8:8">
      <c r="H702017" s="12"/>
    </row>
    <row r="702018" spans="8:8">
      <c r="H702018" s="12"/>
    </row>
    <row r="702019" spans="8:8">
      <c r="H702019" s="12"/>
    </row>
    <row r="702020" spans="8:8">
      <c r="H702020" s="12"/>
    </row>
    <row r="702021" spans="8:8">
      <c r="H702021" s="12"/>
    </row>
    <row r="702022" spans="8:8">
      <c r="H702022" s="12"/>
    </row>
    <row r="702023" spans="8:8">
      <c r="H702023" s="12"/>
    </row>
    <row r="702024" spans="8:8">
      <c r="H702024" s="12"/>
    </row>
    <row r="702025" spans="8:8">
      <c r="H702025" s="12"/>
    </row>
    <row r="702026" spans="8:8">
      <c r="H702026" s="12"/>
    </row>
    <row r="702027" spans="8:8">
      <c r="H702027" s="12"/>
    </row>
    <row r="702028" spans="8:8">
      <c r="H702028" s="12"/>
    </row>
    <row r="702029" spans="8:8">
      <c r="H702029" s="12"/>
    </row>
    <row r="702030" spans="8:8">
      <c r="H702030" s="12"/>
    </row>
    <row r="702031" spans="8:8">
      <c r="H702031" s="12"/>
    </row>
    <row r="702032" spans="8:8">
      <c r="H702032" s="12"/>
    </row>
    <row r="702033" spans="8:8">
      <c r="H702033" s="12"/>
    </row>
    <row r="702034" spans="8:8">
      <c r="H702034" s="12"/>
    </row>
    <row r="702035" spans="8:8">
      <c r="H702035" s="12"/>
    </row>
    <row r="702036" spans="8:8">
      <c r="H702036" s="12"/>
    </row>
    <row r="702037" spans="8:8">
      <c r="H702037" s="12"/>
    </row>
    <row r="702038" spans="8:8">
      <c r="H702038" s="12"/>
    </row>
    <row r="702039" spans="8:8">
      <c r="H702039" s="12"/>
    </row>
    <row r="702040" spans="8:8">
      <c r="H702040" s="12"/>
    </row>
    <row r="702041" spans="8:8">
      <c r="H702041" s="12"/>
    </row>
    <row r="702042" spans="8:8">
      <c r="H702042" s="12"/>
    </row>
    <row r="702043" spans="8:8">
      <c r="H702043" s="12"/>
    </row>
    <row r="702044" spans="8:8">
      <c r="H702044" s="12"/>
    </row>
    <row r="702045" spans="8:8">
      <c r="H702045" s="12"/>
    </row>
    <row r="702046" spans="8:8">
      <c r="H702046" s="12"/>
    </row>
    <row r="702047" spans="8:8">
      <c r="H702047" s="12"/>
    </row>
    <row r="702048" spans="8:8">
      <c r="H702048" s="12"/>
    </row>
    <row r="702049" spans="8:8">
      <c r="H702049" s="12"/>
    </row>
    <row r="702050" spans="8:8">
      <c r="H702050" s="12"/>
    </row>
    <row r="702051" spans="8:8">
      <c r="H702051" s="12"/>
    </row>
    <row r="702052" spans="8:8">
      <c r="H702052" s="12"/>
    </row>
    <row r="702053" spans="8:8">
      <c r="H702053" s="12"/>
    </row>
    <row r="702054" spans="8:8">
      <c r="H702054" s="12"/>
    </row>
    <row r="702055" spans="8:8">
      <c r="H702055" s="12"/>
    </row>
    <row r="702056" spans="8:8">
      <c r="H702056" s="12"/>
    </row>
    <row r="702057" spans="8:8">
      <c r="H702057" s="12"/>
    </row>
    <row r="702058" spans="8:8">
      <c r="H702058" s="12"/>
    </row>
    <row r="702059" spans="8:8">
      <c r="H702059" s="12"/>
    </row>
    <row r="702060" spans="8:8">
      <c r="H702060" s="12"/>
    </row>
    <row r="702061" spans="8:8">
      <c r="H702061" s="12"/>
    </row>
    <row r="702062" spans="8:8">
      <c r="H702062" s="12"/>
    </row>
    <row r="702063" spans="8:8">
      <c r="H702063" s="12"/>
    </row>
    <row r="702064" spans="8:8">
      <c r="H702064" s="12"/>
    </row>
    <row r="702065" spans="8:8">
      <c r="H702065" s="12"/>
    </row>
    <row r="702066" spans="8:8">
      <c r="H702066" s="12"/>
    </row>
    <row r="702067" spans="8:8">
      <c r="H702067" s="12"/>
    </row>
    <row r="702068" spans="8:8">
      <c r="H702068" s="12"/>
    </row>
    <row r="702069" spans="8:8">
      <c r="H702069" s="12"/>
    </row>
    <row r="702070" spans="8:8">
      <c r="H702070" s="12"/>
    </row>
    <row r="702071" spans="8:8">
      <c r="H702071" s="12"/>
    </row>
    <row r="702072" spans="8:8">
      <c r="H702072" s="12"/>
    </row>
    <row r="702073" spans="8:8">
      <c r="H702073" s="12"/>
    </row>
    <row r="702074" spans="8:8">
      <c r="H702074" s="12"/>
    </row>
    <row r="702075" spans="8:8">
      <c r="H702075" s="12"/>
    </row>
    <row r="702076" spans="8:8">
      <c r="H702076" s="12"/>
    </row>
    <row r="702077" spans="8:8">
      <c r="H702077" s="12"/>
    </row>
    <row r="702078" spans="8:8">
      <c r="H702078" s="12"/>
    </row>
    <row r="702079" spans="8:8">
      <c r="H702079" s="12"/>
    </row>
    <row r="702080" spans="8:8">
      <c r="H702080" s="12"/>
    </row>
    <row r="702081" spans="8:8">
      <c r="H702081" s="12"/>
    </row>
    <row r="702082" spans="8:8">
      <c r="H702082" s="12"/>
    </row>
    <row r="702083" spans="8:8">
      <c r="H702083" s="12"/>
    </row>
    <row r="702084" spans="8:8">
      <c r="H702084" s="12"/>
    </row>
    <row r="702085" spans="8:8">
      <c r="H702085" s="12"/>
    </row>
    <row r="702086" spans="8:8">
      <c r="H702086" s="12"/>
    </row>
    <row r="702087" spans="8:8">
      <c r="H702087" s="12"/>
    </row>
    <row r="702088" spans="8:8">
      <c r="H702088" s="12"/>
    </row>
    <row r="702089" spans="8:8">
      <c r="H702089" s="12"/>
    </row>
    <row r="702090" spans="8:8">
      <c r="H702090" s="12"/>
    </row>
    <row r="702091" spans="8:8">
      <c r="H702091" s="12"/>
    </row>
    <row r="702092" spans="8:8">
      <c r="H702092" s="12"/>
    </row>
    <row r="702093" spans="8:8">
      <c r="H702093" s="12"/>
    </row>
    <row r="702094" spans="8:8">
      <c r="H702094" s="12"/>
    </row>
    <row r="702095" spans="8:8">
      <c r="H702095" s="12"/>
    </row>
    <row r="702096" spans="8:8">
      <c r="H702096" s="12"/>
    </row>
    <row r="702097" spans="8:8">
      <c r="H702097" s="12"/>
    </row>
    <row r="702098" spans="8:8">
      <c r="H702098" s="12"/>
    </row>
    <row r="702099" spans="8:8">
      <c r="H702099" s="12"/>
    </row>
    <row r="702100" spans="8:8">
      <c r="H702100" s="12"/>
    </row>
    <row r="702101" spans="8:8">
      <c r="H702101" s="12"/>
    </row>
    <row r="702102" spans="8:8">
      <c r="H702102" s="12"/>
    </row>
    <row r="702103" spans="8:8">
      <c r="H702103" s="12"/>
    </row>
    <row r="702104" spans="8:8">
      <c r="H702104" s="12"/>
    </row>
    <row r="702105" spans="8:8">
      <c r="H702105" s="12"/>
    </row>
    <row r="702106" spans="8:8">
      <c r="H702106" s="12"/>
    </row>
    <row r="702107" spans="8:8">
      <c r="H702107" s="12"/>
    </row>
    <row r="702108" spans="8:8">
      <c r="H702108" s="12"/>
    </row>
    <row r="702109" spans="8:8">
      <c r="H702109" s="12"/>
    </row>
    <row r="702110" spans="8:8">
      <c r="H702110" s="12"/>
    </row>
    <row r="702111" spans="8:8">
      <c r="H702111" s="12"/>
    </row>
    <row r="702112" spans="8:8">
      <c r="H702112" s="12"/>
    </row>
    <row r="702113" spans="8:8">
      <c r="H702113" s="12"/>
    </row>
    <row r="702114" spans="8:8">
      <c r="H702114" s="12"/>
    </row>
    <row r="702115" spans="8:8">
      <c r="H702115" s="12"/>
    </row>
    <row r="702116" spans="8:8">
      <c r="H702116" s="12"/>
    </row>
    <row r="702117" spans="8:8">
      <c r="H702117" s="12"/>
    </row>
    <row r="702118" spans="8:8">
      <c r="H702118" s="12"/>
    </row>
    <row r="702119" spans="8:8">
      <c r="H702119" s="12"/>
    </row>
    <row r="702120" spans="8:8">
      <c r="H702120" s="12"/>
    </row>
    <row r="702121" spans="8:8">
      <c r="H702121" s="12"/>
    </row>
    <row r="702122" spans="8:8">
      <c r="H702122" s="12"/>
    </row>
    <row r="702123" spans="8:8">
      <c r="H702123" s="12"/>
    </row>
    <row r="702124" spans="8:8">
      <c r="H702124" s="12"/>
    </row>
    <row r="702125" spans="8:8">
      <c r="H702125" s="12"/>
    </row>
    <row r="702126" spans="8:8">
      <c r="H702126" s="12"/>
    </row>
    <row r="702127" spans="8:8">
      <c r="H702127" s="12"/>
    </row>
    <row r="702128" spans="8:8">
      <c r="H702128" s="12"/>
    </row>
    <row r="702129" spans="8:8">
      <c r="H702129" s="12"/>
    </row>
    <row r="702130" spans="8:8">
      <c r="H702130" s="12"/>
    </row>
    <row r="702131" spans="8:8">
      <c r="H702131" s="12"/>
    </row>
    <row r="702132" spans="8:8">
      <c r="H702132" s="12"/>
    </row>
    <row r="702133" spans="8:8">
      <c r="H702133" s="12"/>
    </row>
    <row r="702134" spans="8:8">
      <c r="H702134" s="12"/>
    </row>
    <row r="702135" spans="8:8">
      <c r="H702135" s="12"/>
    </row>
    <row r="702136" spans="8:8">
      <c r="H702136" s="12"/>
    </row>
    <row r="702137" spans="8:8">
      <c r="H702137" s="12"/>
    </row>
    <row r="702138" spans="8:8">
      <c r="H702138" s="12"/>
    </row>
    <row r="702139" spans="8:8">
      <c r="H702139" s="12"/>
    </row>
    <row r="702140" spans="8:8">
      <c r="H702140" s="12"/>
    </row>
    <row r="702141" spans="8:8">
      <c r="H702141" s="12"/>
    </row>
    <row r="702142" spans="8:8">
      <c r="H702142" s="12"/>
    </row>
    <row r="702143" spans="8:8">
      <c r="H702143" s="12"/>
    </row>
    <row r="702144" spans="8:8">
      <c r="H702144" s="12"/>
    </row>
    <row r="702145" spans="8:8">
      <c r="H702145" s="12"/>
    </row>
    <row r="702146" spans="8:8">
      <c r="H702146" s="12"/>
    </row>
    <row r="702147" spans="8:8">
      <c r="H702147" s="12"/>
    </row>
    <row r="702148" spans="8:8">
      <c r="H702148" s="12"/>
    </row>
    <row r="702149" spans="8:8">
      <c r="H702149" s="12"/>
    </row>
    <row r="702150" spans="8:8">
      <c r="H702150" s="12"/>
    </row>
    <row r="702151" spans="8:8">
      <c r="H702151" s="12"/>
    </row>
    <row r="702152" spans="8:8">
      <c r="H702152" s="12"/>
    </row>
    <row r="702153" spans="8:8">
      <c r="H702153" s="12"/>
    </row>
    <row r="702154" spans="8:8">
      <c r="H702154" s="12"/>
    </row>
    <row r="702155" spans="8:8">
      <c r="H702155" s="12"/>
    </row>
    <row r="702156" spans="8:8">
      <c r="H702156" s="12"/>
    </row>
    <row r="702157" spans="8:8">
      <c r="H702157" s="12"/>
    </row>
    <row r="702158" spans="8:8">
      <c r="H702158" s="12"/>
    </row>
    <row r="702159" spans="8:8">
      <c r="H702159" s="12"/>
    </row>
    <row r="702160" spans="8:8">
      <c r="H702160" s="12"/>
    </row>
    <row r="702161" spans="8:8">
      <c r="H702161" s="12"/>
    </row>
    <row r="702162" spans="8:8">
      <c r="H702162" s="12"/>
    </row>
    <row r="702163" spans="8:8">
      <c r="H702163" s="12"/>
    </row>
    <row r="702164" spans="8:8">
      <c r="H702164" s="12"/>
    </row>
    <row r="702165" spans="8:8">
      <c r="H702165" s="12"/>
    </row>
    <row r="702166" spans="8:8">
      <c r="H702166" s="12"/>
    </row>
    <row r="702167" spans="8:8">
      <c r="H702167" s="12"/>
    </row>
    <row r="702168" spans="8:8">
      <c r="H702168" s="12"/>
    </row>
    <row r="702169" spans="8:8">
      <c r="H702169" s="12"/>
    </row>
    <row r="702170" spans="8:8">
      <c r="H702170" s="12"/>
    </row>
    <row r="702171" spans="8:8">
      <c r="H702171" s="12"/>
    </row>
    <row r="702172" spans="8:8">
      <c r="H702172" s="12"/>
    </row>
    <row r="702173" spans="8:8">
      <c r="H702173" s="12"/>
    </row>
    <row r="702174" spans="8:8">
      <c r="H702174" s="12"/>
    </row>
    <row r="702175" spans="8:8">
      <c r="H702175" s="12"/>
    </row>
    <row r="702176" spans="8:8">
      <c r="H702176" s="12"/>
    </row>
    <row r="702177" spans="8:8">
      <c r="H702177" s="12"/>
    </row>
    <row r="702178" spans="8:8">
      <c r="H702178" s="12"/>
    </row>
    <row r="702179" spans="8:8">
      <c r="H702179" s="12"/>
    </row>
    <row r="702180" spans="8:8">
      <c r="H702180" s="12"/>
    </row>
    <row r="702181" spans="8:8">
      <c r="H702181" s="12"/>
    </row>
    <row r="702182" spans="8:8">
      <c r="H702182" s="12"/>
    </row>
    <row r="702183" spans="8:8">
      <c r="H702183" s="12"/>
    </row>
    <row r="702184" spans="8:8">
      <c r="H702184" s="12"/>
    </row>
    <row r="702185" spans="8:8">
      <c r="H702185" s="12"/>
    </row>
    <row r="702186" spans="8:8">
      <c r="H702186" s="12"/>
    </row>
    <row r="702187" spans="8:8">
      <c r="H702187" s="12"/>
    </row>
    <row r="702188" spans="8:8">
      <c r="H702188" s="12"/>
    </row>
    <row r="702189" spans="8:8">
      <c r="H702189" s="12"/>
    </row>
    <row r="702190" spans="8:8">
      <c r="H702190" s="12"/>
    </row>
    <row r="702191" spans="8:8">
      <c r="H702191" s="12"/>
    </row>
    <row r="702192" spans="8:8">
      <c r="H702192" s="12"/>
    </row>
    <row r="702193" spans="8:8">
      <c r="H702193" s="12"/>
    </row>
    <row r="702194" spans="8:8">
      <c r="H702194" s="12"/>
    </row>
    <row r="702195" spans="8:8">
      <c r="H702195" s="12"/>
    </row>
    <row r="702196" spans="8:8">
      <c r="H702196" s="12"/>
    </row>
    <row r="702197" spans="8:8">
      <c r="H702197" s="12"/>
    </row>
    <row r="702198" spans="8:8">
      <c r="H702198" s="12"/>
    </row>
    <row r="702199" spans="8:8">
      <c r="H702199" s="12"/>
    </row>
    <row r="702200" spans="8:8">
      <c r="H702200" s="12"/>
    </row>
    <row r="702201" spans="8:8">
      <c r="H702201" s="12"/>
    </row>
    <row r="702202" spans="8:8">
      <c r="H702202" s="12"/>
    </row>
    <row r="702203" spans="8:8">
      <c r="H702203" s="12"/>
    </row>
    <row r="702204" spans="8:8">
      <c r="H702204" s="12"/>
    </row>
    <row r="702205" spans="8:8">
      <c r="H702205" s="12"/>
    </row>
    <row r="702206" spans="8:8">
      <c r="H702206" s="12"/>
    </row>
    <row r="702207" spans="8:8">
      <c r="H702207" s="12"/>
    </row>
    <row r="702208" spans="8:8">
      <c r="H702208" s="12"/>
    </row>
    <row r="702209" spans="8:8">
      <c r="H702209" s="12"/>
    </row>
    <row r="702210" spans="8:8">
      <c r="H702210" s="12"/>
    </row>
    <row r="702211" spans="8:8">
      <c r="H702211" s="12"/>
    </row>
    <row r="702212" spans="8:8">
      <c r="H702212" s="12"/>
    </row>
    <row r="702213" spans="8:8">
      <c r="H702213" s="12"/>
    </row>
    <row r="702214" spans="8:8">
      <c r="H702214" s="12"/>
    </row>
    <row r="702215" spans="8:8">
      <c r="H702215" s="12"/>
    </row>
    <row r="702216" spans="8:8">
      <c r="H702216" s="12"/>
    </row>
    <row r="702217" spans="8:8">
      <c r="H702217" s="12"/>
    </row>
    <row r="702218" spans="8:8">
      <c r="H702218" s="12"/>
    </row>
    <row r="702219" spans="8:8">
      <c r="H702219" s="12"/>
    </row>
    <row r="702220" spans="8:8">
      <c r="H702220" s="12"/>
    </row>
    <row r="702221" spans="8:8">
      <c r="H702221" s="12"/>
    </row>
    <row r="702222" spans="8:8">
      <c r="H702222" s="12"/>
    </row>
    <row r="702223" spans="8:8">
      <c r="H702223" s="12"/>
    </row>
    <row r="702224" spans="8:8">
      <c r="H702224" s="12"/>
    </row>
    <row r="702225" spans="8:8">
      <c r="H702225" s="12"/>
    </row>
    <row r="702226" spans="8:8">
      <c r="H702226" s="12"/>
    </row>
    <row r="702227" spans="8:8">
      <c r="H702227" s="12"/>
    </row>
    <row r="702228" spans="8:8">
      <c r="H702228" s="12"/>
    </row>
    <row r="702229" spans="8:8">
      <c r="H702229" s="12"/>
    </row>
    <row r="702230" spans="8:8">
      <c r="H702230" s="12"/>
    </row>
    <row r="702231" spans="8:8">
      <c r="H702231" s="12"/>
    </row>
    <row r="702232" spans="8:8">
      <c r="H702232" s="12"/>
    </row>
    <row r="702233" spans="8:8">
      <c r="H702233" s="12"/>
    </row>
    <row r="702234" spans="8:8">
      <c r="H702234" s="12"/>
    </row>
    <row r="702235" spans="8:8">
      <c r="H702235" s="12"/>
    </row>
    <row r="702236" spans="8:8">
      <c r="H702236" s="12"/>
    </row>
    <row r="702237" spans="8:8">
      <c r="H702237" s="12"/>
    </row>
    <row r="702238" spans="8:8">
      <c r="H702238" s="12"/>
    </row>
    <row r="702239" spans="8:8">
      <c r="H702239" s="12"/>
    </row>
    <row r="702240" spans="8:8">
      <c r="H702240" s="12"/>
    </row>
    <row r="702241" spans="8:8">
      <c r="H702241" s="12"/>
    </row>
    <row r="702242" spans="8:8">
      <c r="H702242" s="12"/>
    </row>
    <row r="702243" spans="8:8">
      <c r="H702243" s="12"/>
    </row>
    <row r="702244" spans="8:8">
      <c r="H702244" s="12"/>
    </row>
    <row r="702245" spans="8:8">
      <c r="H702245" s="12"/>
    </row>
    <row r="702246" spans="8:8">
      <c r="H702246" s="12"/>
    </row>
    <row r="702247" spans="8:8">
      <c r="H702247" s="12"/>
    </row>
    <row r="702248" spans="8:8">
      <c r="H702248" s="12"/>
    </row>
    <row r="702249" spans="8:8">
      <c r="H702249" s="12"/>
    </row>
    <row r="702250" spans="8:8">
      <c r="H702250" s="12"/>
    </row>
    <row r="702251" spans="8:8">
      <c r="H702251" s="12"/>
    </row>
    <row r="702252" spans="8:8">
      <c r="H702252" s="12"/>
    </row>
    <row r="702253" spans="8:8">
      <c r="H702253" s="12"/>
    </row>
    <row r="702254" spans="8:8">
      <c r="H702254" s="12"/>
    </row>
    <row r="702255" spans="8:8">
      <c r="H702255" s="12"/>
    </row>
    <row r="702256" spans="8:8">
      <c r="H702256" s="12"/>
    </row>
    <row r="702257" spans="8:8">
      <c r="H702257" s="12"/>
    </row>
    <row r="702258" spans="8:8">
      <c r="H702258" s="12"/>
    </row>
    <row r="702259" spans="8:8">
      <c r="H702259" s="12"/>
    </row>
    <row r="702260" spans="8:8">
      <c r="H702260" s="12"/>
    </row>
    <row r="702261" spans="8:8">
      <c r="H702261" s="12"/>
    </row>
    <row r="702262" spans="8:8">
      <c r="H702262" s="12"/>
    </row>
    <row r="702263" spans="8:8">
      <c r="H702263" s="12"/>
    </row>
    <row r="702264" spans="8:8">
      <c r="H702264" s="12"/>
    </row>
    <row r="702265" spans="8:8">
      <c r="H702265" s="12"/>
    </row>
    <row r="702266" spans="8:8">
      <c r="H702266" s="12"/>
    </row>
    <row r="702267" spans="8:8">
      <c r="H702267" s="12"/>
    </row>
    <row r="702268" spans="8:8">
      <c r="H702268" s="12"/>
    </row>
    <row r="702269" spans="8:8">
      <c r="H702269" s="12"/>
    </row>
    <row r="702270" spans="8:8">
      <c r="H702270" s="12"/>
    </row>
    <row r="702271" spans="8:8">
      <c r="H702271" s="12"/>
    </row>
    <row r="702272" spans="8:8">
      <c r="H702272" s="12"/>
    </row>
    <row r="702273" spans="8:8">
      <c r="H702273" s="12"/>
    </row>
    <row r="702274" spans="8:8">
      <c r="H702274" s="12"/>
    </row>
    <row r="702275" spans="8:8">
      <c r="H702275" s="12"/>
    </row>
    <row r="702276" spans="8:8">
      <c r="H702276" s="12"/>
    </row>
    <row r="702277" spans="8:8">
      <c r="H702277" s="12"/>
    </row>
    <row r="702278" spans="8:8">
      <c r="H702278" s="12"/>
    </row>
    <row r="702279" spans="8:8">
      <c r="H702279" s="12"/>
    </row>
    <row r="702280" spans="8:8">
      <c r="H702280" s="12"/>
    </row>
    <row r="702281" spans="8:8">
      <c r="H702281" s="12"/>
    </row>
    <row r="702282" spans="8:8">
      <c r="H702282" s="12"/>
    </row>
    <row r="702283" spans="8:8">
      <c r="H702283" s="12"/>
    </row>
    <row r="702284" spans="8:8">
      <c r="H702284" s="12"/>
    </row>
    <row r="702285" spans="8:8">
      <c r="H702285" s="12"/>
    </row>
    <row r="702286" spans="8:8">
      <c r="H702286" s="12"/>
    </row>
    <row r="702287" spans="8:8">
      <c r="H702287" s="12"/>
    </row>
    <row r="702288" spans="8:8">
      <c r="H702288" s="12"/>
    </row>
    <row r="702289" spans="8:8">
      <c r="H702289" s="12"/>
    </row>
    <row r="702290" spans="8:8">
      <c r="H702290" s="12"/>
    </row>
    <row r="702291" spans="8:8">
      <c r="H702291" s="12"/>
    </row>
    <row r="702292" spans="8:8">
      <c r="H702292" s="12"/>
    </row>
    <row r="702293" spans="8:8">
      <c r="H702293" s="12"/>
    </row>
    <row r="702294" spans="8:8">
      <c r="H702294" s="12"/>
    </row>
    <row r="702295" spans="8:8">
      <c r="H702295" s="12"/>
    </row>
    <row r="702296" spans="8:8">
      <c r="H702296" s="12"/>
    </row>
    <row r="702297" spans="8:8">
      <c r="H702297" s="12"/>
    </row>
    <row r="702298" spans="8:8">
      <c r="H702298" s="12"/>
    </row>
    <row r="702299" spans="8:8">
      <c r="H702299" s="12"/>
    </row>
    <row r="702300" spans="8:8">
      <c r="H702300" s="12"/>
    </row>
    <row r="702301" spans="8:8">
      <c r="H702301" s="12"/>
    </row>
    <row r="702302" spans="8:8">
      <c r="H702302" s="12"/>
    </row>
    <row r="702303" spans="8:8">
      <c r="H702303" s="12"/>
    </row>
    <row r="702304" spans="8:8">
      <c r="H702304" s="12"/>
    </row>
    <row r="702305" spans="8:8">
      <c r="H702305" s="12"/>
    </row>
    <row r="702306" spans="8:8">
      <c r="H702306" s="12"/>
    </row>
    <row r="702307" spans="8:8">
      <c r="H702307" s="12"/>
    </row>
    <row r="702308" spans="8:8">
      <c r="H702308" s="12"/>
    </row>
    <row r="702309" spans="8:8">
      <c r="H702309" s="12"/>
    </row>
    <row r="702310" spans="8:8">
      <c r="H702310" s="12"/>
    </row>
    <row r="702311" spans="8:8">
      <c r="H702311" s="12"/>
    </row>
    <row r="702312" spans="8:8">
      <c r="H702312" s="12"/>
    </row>
    <row r="702313" spans="8:8">
      <c r="H702313" s="12"/>
    </row>
    <row r="702314" spans="8:8">
      <c r="H702314" s="12"/>
    </row>
    <row r="702315" spans="8:8">
      <c r="H702315" s="12"/>
    </row>
    <row r="702316" spans="8:8">
      <c r="H702316" s="12"/>
    </row>
    <row r="702317" spans="8:8">
      <c r="H702317" s="12"/>
    </row>
    <row r="702318" spans="8:8">
      <c r="H702318" s="12"/>
    </row>
    <row r="702319" spans="8:8">
      <c r="H702319" s="12"/>
    </row>
    <row r="702320" spans="8:8">
      <c r="H702320" s="12"/>
    </row>
    <row r="702321" spans="8:8">
      <c r="H702321" s="12"/>
    </row>
    <row r="702322" spans="8:8">
      <c r="H702322" s="12"/>
    </row>
    <row r="702323" spans="8:8">
      <c r="H702323" s="12"/>
    </row>
    <row r="702324" spans="8:8">
      <c r="H702324" s="12"/>
    </row>
    <row r="702325" spans="8:8">
      <c r="H702325" s="12"/>
    </row>
    <row r="702326" spans="8:8">
      <c r="H702326" s="12"/>
    </row>
    <row r="702327" spans="8:8">
      <c r="H702327" s="12"/>
    </row>
    <row r="702328" spans="8:8">
      <c r="H702328" s="12"/>
    </row>
    <row r="702329" spans="8:8">
      <c r="H702329" s="12"/>
    </row>
    <row r="702330" spans="8:8">
      <c r="H702330" s="12"/>
    </row>
    <row r="702331" spans="8:8">
      <c r="H702331" s="12"/>
    </row>
    <row r="702332" spans="8:8">
      <c r="H702332" s="12"/>
    </row>
    <row r="702333" spans="8:8">
      <c r="H702333" s="12"/>
    </row>
    <row r="702334" spans="8:8">
      <c r="H702334" s="12"/>
    </row>
    <row r="702335" spans="8:8">
      <c r="H702335" s="12"/>
    </row>
    <row r="702336" spans="8:8">
      <c r="H702336" s="12"/>
    </row>
    <row r="702337" spans="8:8">
      <c r="H702337" s="12"/>
    </row>
    <row r="702338" spans="8:8">
      <c r="H702338" s="12"/>
    </row>
    <row r="702339" spans="8:8">
      <c r="H702339" s="12"/>
    </row>
    <row r="702340" spans="8:8">
      <c r="H702340" s="12"/>
    </row>
    <row r="702341" spans="8:8">
      <c r="H702341" s="12"/>
    </row>
    <row r="702342" spans="8:8">
      <c r="H702342" s="12"/>
    </row>
    <row r="702343" spans="8:8">
      <c r="H702343" s="12"/>
    </row>
    <row r="702344" spans="8:8">
      <c r="H702344" s="12"/>
    </row>
    <row r="702345" spans="8:8">
      <c r="H702345" s="12"/>
    </row>
    <row r="702346" spans="8:8">
      <c r="H702346" s="12"/>
    </row>
    <row r="702347" spans="8:8">
      <c r="H702347" s="12"/>
    </row>
    <row r="702348" spans="8:8">
      <c r="H702348" s="12"/>
    </row>
    <row r="702349" spans="8:8">
      <c r="H702349" s="12"/>
    </row>
    <row r="702350" spans="8:8">
      <c r="H702350" s="12"/>
    </row>
    <row r="702351" spans="8:8">
      <c r="H702351" s="12"/>
    </row>
    <row r="702352" spans="8:8">
      <c r="H702352" s="12"/>
    </row>
    <row r="702353" spans="8:8">
      <c r="H702353" s="12"/>
    </row>
    <row r="702354" spans="8:8">
      <c r="H702354" s="12"/>
    </row>
    <row r="702355" spans="8:8">
      <c r="H702355" s="12"/>
    </row>
    <row r="702356" spans="8:8">
      <c r="H702356" s="12"/>
    </row>
    <row r="702357" spans="8:8">
      <c r="H702357" s="12"/>
    </row>
    <row r="702358" spans="8:8">
      <c r="H702358" s="12"/>
    </row>
    <row r="702359" spans="8:8">
      <c r="H702359" s="12"/>
    </row>
    <row r="702360" spans="8:8">
      <c r="H702360" s="12"/>
    </row>
    <row r="702361" spans="8:8">
      <c r="H702361" s="12"/>
    </row>
    <row r="702362" spans="8:8">
      <c r="H702362" s="12"/>
    </row>
    <row r="702363" spans="8:8">
      <c r="H702363" s="12"/>
    </row>
    <row r="702364" spans="8:8">
      <c r="H702364" s="12"/>
    </row>
    <row r="702365" spans="8:8">
      <c r="H702365" s="12"/>
    </row>
    <row r="702366" spans="8:8">
      <c r="H702366" s="12"/>
    </row>
    <row r="702367" spans="8:8">
      <c r="H702367" s="12"/>
    </row>
    <row r="702368" spans="8:8">
      <c r="H702368" s="12"/>
    </row>
    <row r="702369" spans="8:8">
      <c r="H702369" s="12"/>
    </row>
    <row r="702370" spans="8:8">
      <c r="H702370" s="12"/>
    </row>
    <row r="702371" spans="8:8">
      <c r="H702371" s="12"/>
    </row>
    <row r="702372" spans="8:8">
      <c r="H702372" s="12"/>
    </row>
    <row r="702373" spans="8:8">
      <c r="H702373" s="12"/>
    </row>
    <row r="702374" spans="8:8">
      <c r="H702374" s="12"/>
    </row>
    <row r="702375" spans="8:8">
      <c r="H702375" s="12"/>
    </row>
    <row r="702376" spans="8:8">
      <c r="H702376" s="12"/>
    </row>
    <row r="702377" spans="8:8">
      <c r="H702377" s="12"/>
    </row>
    <row r="702378" spans="8:8">
      <c r="H702378" s="12"/>
    </row>
    <row r="702379" spans="8:8">
      <c r="H702379" s="12"/>
    </row>
    <row r="702380" spans="8:8">
      <c r="H702380" s="12"/>
    </row>
    <row r="702381" spans="8:8">
      <c r="H702381" s="12"/>
    </row>
    <row r="702382" spans="8:8">
      <c r="H702382" s="12"/>
    </row>
    <row r="702383" spans="8:8">
      <c r="H702383" s="12"/>
    </row>
    <row r="702384" spans="8:8">
      <c r="H702384" s="12"/>
    </row>
    <row r="702385" spans="8:8">
      <c r="H702385" s="12"/>
    </row>
    <row r="702386" spans="8:8">
      <c r="H702386" s="12"/>
    </row>
    <row r="702387" spans="8:8">
      <c r="H702387" s="12"/>
    </row>
    <row r="702388" spans="8:8">
      <c r="H702388" s="12"/>
    </row>
    <row r="702389" spans="8:8">
      <c r="H702389" s="12"/>
    </row>
    <row r="702390" spans="8:8">
      <c r="H702390" s="12"/>
    </row>
    <row r="702391" spans="8:8">
      <c r="H702391" s="12"/>
    </row>
    <row r="702392" spans="8:8">
      <c r="H702392" s="12"/>
    </row>
    <row r="702393" spans="8:8">
      <c r="H702393" s="12"/>
    </row>
    <row r="702394" spans="8:8">
      <c r="H702394" s="12"/>
    </row>
    <row r="702395" spans="8:8">
      <c r="H702395" s="12"/>
    </row>
    <row r="702396" spans="8:8">
      <c r="H702396" s="12"/>
    </row>
    <row r="702397" spans="8:8">
      <c r="H702397" s="12"/>
    </row>
    <row r="702398" spans="8:8">
      <c r="H702398" s="12"/>
    </row>
    <row r="702399" spans="8:8">
      <c r="H702399" s="12"/>
    </row>
    <row r="702400" spans="8:8">
      <c r="H702400" s="12"/>
    </row>
    <row r="702401" spans="8:8">
      <c r="H702401" s="12"/>
    </row>
    <row r="702402" spans="8:8">
      <c r="H702402" s="12"/>
    </row>
    <row r="702403" spans="8:8">
      <c r="H702403" s="12"/>
    </row>
    <row r="702404" spans="8:8">
      <c r="H702404" s="12"/>
    </row>
    <row r="702405" spans="8:8">
      <c r="H702405" s="12"/>
    </row>
    <row r="702406" spans="8:8">
      <c r="H702406" s="12"/>
    </row>
    <row r="702407" spans="8:8">
      <c r="H702407" s="12"/>
    </row>
    <row r="702408" spans="8:8">
      <c r="H702408" s="12"/>
    </row>
    <row r="702409" spans="8:8">
      <c r="H702409" s="12"/>
    </row>
    <row r="702410" spans="8:8">
      <c r="H702410" s="12"/>
    </row>
    <row r="702411" spans="8:8">
      <c r="H702411" s="12"/>
    </row>
    <row r="702412" spans="8:8">
      <c r="H702412" s="12"/>
    </row>
    <row r="702413" spans="8:8">
      <c r="H702413" s="12"/>
    </row>
    <row r="702414" spans="8:8">
      <c r="H702414" s="12"/>
    </row>
    <row r="702415" spans="8:8">
      <c r="H702415" s="12"/>
    </row>
    <row r="702416" spans="8:8">
      <c r="H702416" s="12"/>
    </row>
    <row r="702417" spans="8:8">
      <c r="H702417" s="12"/>
    </row>
    <row r="702418" spans="8:8">
      <c r="H702418" s="12"/>
    </row>
    <row r="702419" spans="8:8">
      <c r="H702419" s="12"/>
    </row>
    <row r="702420" spans="8:8">
      <c r="H702420" s="12"/>
    </row>
    <row r="702421" spans="8:8">
      <c r="H702421" s="12"/>
    </row>
    <row r="702422" spans="8:8">
      <c r="H702422" s="12"/>
    </row>
    <row r="702423" spans="8:8">
      <c r="H702423" s="12"/>
    </row>
    <row r="702424" spans="8:8">
      <c r="H702424" s="12"/>
    </row>
    <row r="702425" spans="8:8">
      <c r="H702425" s="12"/>
    </row>
    <row r="702426" spans="8:8">
      <c r="H702426" s="12"/>
    </row>
    <row r="702427" spans="8:8">
      <c r="H702427" s="12"/>
    </row>
    <row r="702428" spans="8:8">
      <c r="H702428" s="12"/>
    </row>
    <row r="702429" spans="8:8">
      <c r="H702429" s="12"/>
    </row>
    <row r="702430" spans="8:8">
      <c r="H702430" s="12"/>
    </row>
    <row r="702431" spans="8:8">
      <c r="H702431" s="12"/>
    </row>
    <row r="702432" spans="8:8">
      <c r="H702432" s="12"/>
    </row>
    <row r="702433" spans="8:8">
      <c r="H702433" s="12"/>
    </row>
    <row r="702434" spans="8:8">
      <c r="H702434" s="12"/>
    </row>
    <row r="702435" spans="8:8">
      <c r="H702435" s="12"/>
    </row>
    <row r="702436" spans="8:8">
      <c r="H702436" s="12"/>
    </row>
    <row r="702437" spans="8:8">
      <c r="H702437" s="12"/>
    </row>
    <row r="702438" spans="8:8">
      <c r="H702438" s="12"/>
    </row>
    <row r="702439" spans="8:8">
      <c r="H702439" s="12"/>
    </row>
    <row r="702440" spans="8:8">
      <c r="H702440" s="12"/>
    </row>
    <row r="702441" spans="8:8">
      <c r="H702441" s="12"/>
    </row>
    <row r="702442" spans="8:8">
      <c r="H702442" s="12"/>
    </row>
    <row r="702443" spans="8:8">
      <c r="H702443" s="12"/>
    </row>
    <row r="702444" spans="8:8">
      <c r="H702444" s="12"/>
    </row>
    <row r="702445" spans="8:8">
      <c r="H702445" s="12"/>
    </row>
    <row r="702446" spans="8:8">
      <c r="H702446" s="12"/>
    </row>
    <row r="702447" spans="8:8">
      <c r="H702447" s="12"/>
    </row>
    <row r="702448" spans="8:8">
      <c r="H702448" s="12"/>
    </row>
    <row r="702449" spans="8:8">
      <c r="H702449" s="12"/>
    </row>
    <row r="702450" spans="8:8">
      <c r="H702450" s="12"/>
    </row>
    <row r="702451" spans="8:8">
      <c r="H702451" s="12"/>
    </row>
    <row r="702452" spans="8:8">
      <c r="H702452" s="12"/>
    </row>
    <row r="702453" spans="8:8">
      <c r="H702453" s="12"/>
    </row>
    <row r="702454" spans="8:8">
      <c r="H702454" s="12"/>
    </row>
    <row r="702455" spans="8:8">
      <c r="H702455" s="12"/>
    </row>
    <row r="702456" spans="8:8">
      <c r="H702456" s="12"/>
    </row>
    <row r="702457" spans="8:8">
      <c r="H702457" s="12"/>
    </row>
    <row r="702458" spans="8:8">
      <c r="H702458" s="12"/>
    </row>
    <row r="702459" spans="8:8">
      <c r="H702459" s="12"/>
    </row>
    <row r="702460" spans="8:8">
      <c r="H702460" s="12"/>
    </row>
    <row r="702461" spans="8:8">
      <c r="H702461" s="12"/>
    </row>
    <row r="702462" spans="8:8">
      <c r="H702462" s="12"/>
    </row>
    <row r="702463" spans="8:8">
      <c r="H702463" s="12"/>
    </row>
    <row r="702464" spans="8:8">
      <c r="H702464" s="12"/>
    </row>
    <row r="702465" spans="8:8">
      <c r="H702465" s="12"/>
    </row>
    <row r="702466" spans="8:8">
      <c r="H702466" s="12"/>
    </row>
    <row r="702467" spans="8:8">
      <c r="H702467" s="12"/>
    </row>
    <row r="702468" spans="8:8">
      <c r="H702468" s="12"/>
    </row>
    <row r="702469" spans="8:8">
      <c r="H702469" s="12"/>
    </row>
    <row r="702470" spans="8:8">
      <c r="H702470" s="12"/>
    </row>
    <row r="702471" spans="8:8">
      <c r="H702471" s="12"/>
    </row>
    <row r="702472" spans="8:8">
      <c r="H702472" s="12"/>
    </row>
    <row r="702473" spans="8:8">
      <c r="H702473" s="12"/>
    </row>
    <row r="702474" spans="8:8">
      <c r="H702474" s="12"/>
    </row>
    <row r="702475" spans="8:8">
      <c r="H702475" s="12"/>
    </row>
    <row r="702476" spans="8:8">
      <c r="H702476" s="12"/>
    </row>
    <row r="702477" spans="8:8">
      <c r="H702477" s="12"/>
    </row>
    <row r="702478" spans="8:8">
      <c r="H702478" s="12"/>
    </row>
    <row r="702479" spans="8:8">
      <c r="H702479" s="12"/>
    </row>
    <row r="702480" spans="8:8">
      <c r="H702480" s="12"/>
    </row>
    <row r="702481" spans="8:8">
      <c r="H702481" s="12"/>
    </row>
    <row r="702482" spans="8:8">
      <c r="H702482" s="12"/>
    </row>
    <row r="702483" spans="8:8">
      <c r="H702483" s="12"/>
    </row>
    <row r="702484" spans="8:8">
      <c r="H702484" s="12"/>
    </row>
    <row r="702485" spans="8:8">
      <c r="H702485" s="12"/>
    </row>
    <row r="702486" spans="8:8">
      <c r="H702486" s="12"/>
    </row>
    <row r="702487" spans="8:8">
      <c r="H702487" s="12"/>
    </row>
    <row r="702488" spans="8:8">
      <c r="H702488" s="12"/>
    </row>
    <row r="702489" spans="8:8">
      <c r="H702489" s="12"/>
    </row>
    <row r="702490" spans="8:8">
      <c r="H702490" s="12"/>
    </row>
    <row r="702491" spans="8:8">
      <c r="H702491" s="12"/>
    </row>
    <row r="702492" spans="8:8">
      <c r="H702492" s="12"/>
    </row>
    <row r="702493" spans="8:8">
      <c r="H702493" s="12"/>
    </row>
    <row r="702494" spans="8:8">
      <c r="H702494" s="12"/>
    </row>
    <row r="702495" spans="8:8">
      <c r="H702495" s="12"/>
    </row>
    <row r="702496" spans="8:8">
      <c r="H702496" s="12"/>
    </row>
    <row r="702497" spans="8:8">
      <c r="H702497" s="12"/>
    </row>
    <row r="702498" spans="8:8">
      <c r="H702498" s="12"/>
    </row>
    <row r="702499" spans="8:8">
      <c r="H702499" s="12"/>
    </row>
    <row r="702500" spans="8:8">
      <c r="H702500" s="12"/>
    </row>
    <row r="702501" spans="8:8">
      <c r="H702501" s="12"/>
    </row>
    <row r="702502" spans="8:8">
      <c r="H702502" s="12"/>
    </row>
    <row r="702503" spans="8:8">
      <c r="H702503" s="12"/>
    </row>
    <row r="702504" spans="8:8">
      <c r="H702504" s="12"/>
    </row>
    <row r="702505" spans="8:8">
      <c r="H702505" s="12"/>
    </row>
    <row r="702506" spans="8:8">
      <c r="H702506" s="12"/>
    </row>
    <row r="702507" spans="8:8">
      <c r="H702507" s="12"/>
    </row>
    <row r="702508" spans="8:8">
      <c r="H702508" s="12"/>
    </row>
    <row r="702509" spans="8:8">
      <c r="H702509" s="12"/>
    </row>
    <row r="702510" spans="8:8">
      <c r="H702510" s="12"/>
    </row>
    <row r="702511" spans="8:8">
      <c r="H702511" s="12"/>
    </row>
    <row r="702512" spans="8:8">
      <c r="H702512" s="12"/>
    </row>
    <row r="702513" spans="8:8">
      <c r="H702513" s="12"/>
    </row>
    <row r="702514" spans="8:8">
      <c r="H702514" s="12"/>
    </row>
    <row r="702515" spans="8:8">
      <c r="H702515" s="12"/>
    </row>
    <row r="702516" spans="8:8">
      <c r="H702516" s="12"/>
    </row>
    <row r="702517" spans="8:8">
      <c r="H702517" s="12"/>
    </row>
    <row r="702518" spans="8:8">
      <c r="H702518" s="12"/>
    </row>
    <row r="702519" spans="8:8">
      <c r="H702519" s="12"/>
    </row>
    <row r="702520" spans="8:8">
      <c r="H702520" s="12"/>
    </row>
    <row r="702521" spans="8:8">
      <c r="H702521" s="12"/>
    </row>
    <row r="702522" spans="8:8">
      <c r="H702522" s="12"/>
    </row>
    <row r="702523" spans="8:8">
      <c r="H702523" s="12"/>
    </row>
    <row r="702524" spans="8:8">
      <c r="H702524" s="12"/>
    </row>
    <row r="702525" spans="8:8">
      <c r="H702525" s="12"/>
    </row>
    <row r="702526" spans="8:8">
      <c r="H702526" s="12"/>
    </row>
    <row r="702527" spans="8:8">
      <c r="H702527" s="12"/>
    </row>
    <row r="702528" spans="8:8">
      <c r="H702528" s="12"/>
    </row>
    <row r="702529" spans="8:8">
      <c r="H702529" s="12"/>
    </row>
    <row r="702530" spans="8:8">
      <c r="H702530" s="12"/>
    </row>
    <row r="702531" spans="8:8">
      <c r="H702531" s="12"/>
    </row>
    <row r="702532" spans="8:8">
      <c r="H702532" s="12"/>
    </row>
    <row r="702533" spans="8:8">
      <c r="H702533" s="12"/>
    </row>
    <row r="702534" spans="8:8">
      <c r="H702534" s="12"/>
    </row>
    <row r="702535" spans="8:8">
      <c r="H702535" s="12"/>
    </row>
    <row r="702536" spans="8:8">
      <c r="H702536" s="12"/>
    </row>
    <row r="702537" spans="8:8">
      <c r="H702537" s="12"/>
    </row>
    <row r="702538" spans="8:8">
      <c r="H702538" s="12"/>
    </row>
    <row r="702539" spans="8:8">
      <c r="H702539" s="12"/>
    </row>
    <row r="702540" spans="8:8">
      <c r="H702540" s="12"/>
    </row>
    <row r="702541" spans="8:8">
      <c r="H702541" s="12"/>
    </row>
    <row r="702542" spans="8:8">
      <c r="H702542" s="12"/>
    </row>
    <row r="702543" spans="8:8">
      <c r="H702543" s="12"/>
    </row>
    <row r="702544" spans="8:8">
      <c r="H702544" s="12"/>
    </row>
    <row r="702545" spans="8:8">
      <c r="H702545" s="12"/>
    </row>
    <row r="702546" spans="8:8">
      <c r="H702546" s="12"/>
    </row>
    <row r="702547" spans="8:8">
      <c r="H702547" s="12"/>
    </row>
    <row r="702548" spans="8:8">
      <c r="H702548" s="12"/>
    </row>
    <row r="702549" spans="8:8">
      <c r="H702549" s="12"/>
    </row>
    <row r="702550" spans="8:8">
      <c r="H702550" s="12"/>
    </row>
    <row r="702551" spans="8:8">
      <c r="H702551" s="12"/>
    </row>
    <row r="702552" spans="8:8">
      <c r="H702552" s="12"/>
    </row>
    <row r="702553" spans="8:8">
      <c r="H702553" s="12"/>
    </row>
    <row r="702554" spans="8:8">
      <c r="H702554" s="12"/>
    </row>
    <row r="702555" spans="8:8">
      <c r="H702555" s="12"/>
    </row>
    <row r="702556" spans="8:8">
      <c r="H702556" s="12"/>
    </row>
    <row r="702557" spans="8:8">
      <c r="H702557" s="12"/>
    </row>
    <row r="702558" spans="8:8">
      <c r="H702558" s="12"/>
    </row>
    <row r="702559" spans="8:8">
      <c r="H702559" s="12"/>
    </row>
    <row r="702560" spans="8:8">
      <c r="H702560" s="12"/>
    </row>
    <row r="702561" spans="8:8">
      <c r="H702561" s="12"/>
    </row>
    <row r="702562" spans="8:8">
      <c r="H702562" s="12"/>
    </row>
    <row r="702563" spans="8:8">
      <c r="H702563" s="12"/>
    </row>
    <row r="702564" spans="8:8">
      <c r="H702564" s="12"/>
    </row>
    <row r="702565" spans="8:8">
      <c r="H702565" s="12"/>
    </row>
    <row r="702566" spans="8:8">
      <c r="H702566" s="12"/>
    </row>
    <row r="702567" spans="8:8">
      <c r="H702567" s="12"/>
    </row>
    <row r="702568" spans="8:8">
      <c r="H702568" s="12"/>
    </row>
    <row r="702569" spans="8:8">
      <c r="H702569" s="12"/>
    </row>
    <row r="702570" spans="8:8">
      <c r="H702570" s="12"/>
    </row>
    <row r="702571" spans="8:8">
      <c r="H702571" s="12"/>
    </row>
    <row r="702572" spans="8:8">
      <c r="H702572" s="12"/>
    </row>
    <row r="702573" spans="8:8">
      <c r="H702573" s="12"/>
    </row>
    <row r="702574" spans="8:8">
      <c r="H702574" s="12"/>
    </row>
    <row r="702575" spans="8:8">
      <c r="H702575" s="12"/>
    </row>
    <row r="702576" spans="8:8">
      <c r="H702576" s="12"/>
    </row>
    <row r="702577" spans="8:8">
      <c r="H702577" s="12"/>
    </row>
    <row r="702578" spans="8:8">
      <c r="H702578" s="12"/>
    </row>
    <row r="702579" spans="8:8">
      <c r="H702579" s="12"/>
    </row>
    <row r="702580" spans="8:8">
      <c r="H702580" s="12"/>
    </row>
    <row r="702581" spans="8:8">
      <c r="H702581" s="12"/>
    </row>
    <row r="702582" spans="8:8">
      <c r="H702582" s="12"/>
    </row>
    <row r="702583" spans="8:8">
      <c r="H702583" s="12"/>
    </row>
    <row r="702584" spans="8:8">
      <c r="H702584" s="12"/>
    </row>
    <row r="702585" spans="8:8">
      <c r="H702585" s="12"/>
    </row>
    <row r="702586" spans="8:8">
      <c r="H702586" s="12"/>
    </row>
    <row r="702587" spans="8:8">
      <c r="H702587" s="12"/>
    </row>
    <row r="702588" spans="8:8">
      <c r="H702588" s="12"/>
    </row>
    <row r="702589" spans="8:8">
      <c r="H702589" s="12"/>
    </row>
    <row r="702590" spans="8:8">
      <c r="H702590" s="12"/>
    </row>
    <row r="702591" spans="8:8">
      <c r="H702591" s="12"/>
    </row>
    <row r="702592" spans="8:8">
      <c r="H702592" s="12"/>
    </row>
    <row r="702593" spans="8:8">
      <c r="H702593" s="12"/>
    </row>
    <row r="702594" spans="8:8">
      <c r="H702594" s="12"/>
    </row>
    <row r="702595" spans="8:8">
      <c r="H702595" s="12"/>
    </row>
    <row r="702596" spans="8:8">
      <c r="H702596" s="12"/>
    </row>
    <row r="702597" spans="8:8">
      <c r="H702597" s="12"/>
    </row>
    <row r="702598" spans="8:8">
      <c r="H702598" s="12"/>
    </row>
    <row r="702599" spans="8:8">
      <c r="H702599" s="12"/>
    </row>
    <row r="702600" spans="8:8">
      <c r="H702600" s="12"/>
    </row>
    <row r="702601" spans="8:8">
      <c r="H702601" s="12"/>
    </row>
    <row r="702602" spans="8:8">
      <c r="H702602" s="12"/>
    </row>
    <row r="702603" spans="8:8">
      <c r="H702603" s="12"/>
    </row>
    <row r="702604" spans="8:8">
      <c r="H702604" s="12"/>
    </row>
    <row r="702605" spans="8:8">
      <c r="H702605" s="12"/>
    </row>
    <row r="702606" spans="8:8">
      <c r="H702606" s="12"/>
    </row>
    <row r="702607" spans="8:8">
      <c r="H702607" s="12"/>
    </row>
    <row r="702608" spans="8:8">
      <c r="H702608" s="12"/>
    </row>
    <row r="702609" spans="8:8">
      <c r="H702609" s="12"/>
    </row>
    <row r="702610" spans="8:8">
      <c r="H702610" s="12"/>
    </row>
    <row r="702611" spans="8:8">
      <c r="H702611" s="12"/>
    </row>
    <row r="702612" spans="8:8">
      <c r="H702612" s="12"/>
    </row>
    <row r="702613" spans="8:8">
      <c r="H702613" s="12"/>
    </row>
    <row r="702614" spans="8:8">
      <c r="H702614" s="12"/>
    </row>
    <row r="702615" spans="8:8">
      <c r="H702615" s="12"/>
    </row>
    <row r="702616" spans="8:8">
      <c r="H702616" s="12"/>
    </row>
    <row r="702617" spans="8:8">
      <c r="H702617" s="12"/>
    </row>
    <row r="702618" spans="8:8">
      <c r="H702618" s="12"/>
    </row>
    <row r="702619" spans="8:8">
      <c r="H702619" s="12"/>
    </row>
    <row r="702620" spans="8:8">
      <c r="H702620" s="12"/>
    </row>
    <row r="702621" spans="8:8">
      <c r="H702621" s="12"/>
    </row>
    <row r="702622" spans="8:8">
      <c r="H702622" s="12"/>
    </row>
    <row r="702623" spans="8:8">
      <c r="H702623" s="12"/>
    </row>
    <row r="702624" spans="8:8">
      <c r="H702624" s="12"/>
    </row>
    <row r="702625" spans="8:8">
      <c r="H702625" s="12"/>
    </row>
    <row r="702626" spans="8:8">
      <c r="H702626" s="12"/>
    </row>
    <row r="702627" spans="8:8">
      <c r="H702627" s="12"/>
    </row>
    <row r="702628" spans="8:8">
      <c r="H702628" s="12"/>
    </row>
    <row r="702629" spans="8:8">
      <c r="H702629" s="12"/>
    </row>
    <row r="702630" spans="8:8">
      <c r="H702630" s="12"/>
    </row>
    <row r="702631" spans="8:8">
      <c r="H702631" s="12"/>
    </row>
    <row r="702632" spans="8:8">
      <c r="H702632" s="12"/>
    </row>
    <row r="702633" spans="8:8">
      <c r="H702633" s="12"/>
    </row>
    <row r="702634" spans="8:8">
      <c r="H702634" s="12"/>
    </row>
    <row r="702635" spans="8:8">
      <c r="H702635" s="12"/>
    </row>
    <row r="702636" spans="8:8">
      <c r="H702636" s="12"/>
    </row>
    <row r="702637" spans="8:8">
      <c r="H702637" s="12"/>
    </row>
    <row r="702638" spans="8:8">
      <c r="H702638" s="12"/>
    </row>
    <row r="702639" spans="8:8">
      <c r="H702639" s="12"/>
    </row>
    <row r="702640" spans="8:8">
      <c r="H702640" s="12"/>
    </row>
    <row r="702641" spans="8:8">
      <c r="H702641" s="12"/>
    </row>
    <row r="702642" spans="8:8">
      <c r="H702642" s="12"/>
    </row>
    <row r="702643" spans="8:8">
      <c r="H702643" s="12"/>
    </row>
    <row r="702644" spans="8:8">
      <c r="H702644" s="12"/>
    </row>
    <row r="702645" spans="8:8">
      <c r="H702645" s="12"/>
    </row>
    <row r="702646" spans="8:8">
      <c r="H702646" s="12"/>
    </row>
    <row r="702647" spans="8:8">
      <c r="H702647" s="12"/>
    </row>
    <row r="702648" spans="8:8">
      <c r="H702648" s="12"/>
    </row>
    <row r="702649" spans="8:8">
      <c r="H702649" s="12"/>
    </row>
    <row r="702650" spans="8:8">
      <c r="H702650" s="12"/>
    </row>
    <row r="702651" spans="8:8">
      <c r="H702651" s="12"/>
    </row>
    <row r="702652" spans="8:8">
      <c r="H702652" s="12"/>
    </row>
    <row r="702653" spans="8:8">
      <c r="H702653" s="12"/>
    </row>
    <row r="702654" spans="8:8">
      <c r="H702654" s="12"/>
    </row>
    <row r="702655" spans="8:8">
      <c r="H702655" s="12"/>
    </row>
    <row r="702656" spans="8:8">
      <c r="H702656" s="12"/>
    </row>
    <row r="702657" spans="8:8">
      <c r="H702657" s="12"/>
    </row>
    <row r="702658" spans="8:8">
      <c r="H702658" s="12"/>
    </row>
    <row r="702659" spans="8:8">
      <c r="H702659" s="12"/>
    </row>
    <row r="702660" spans="8:8">
      <c r="H702660" s="12"/>
    </row>
    <row r="702661" spans="8:8">
      <c r="H702661" s="12"/>
    </row>
    <row r="702662" spans="8:8">
      <c r="H702662" s="12"/>
    </row>
    <row r="702663" spans="8:8">
      <c r="H702663" s="12"/>
    </row>
    <row r="702664" spans="8:8">
      <c r="H702664" s="12"/>
    </row>
    <row r="702665" spans="8:8">
      <c r="H702665" s="12"/>
    </row>
    <row r="702666" spans="8:8">
      <c r="H702666" s="12"/>
    </row>
    <row r="702667" spans="8:8">
      <c r="H702667" s="12"/>
    </row>
    <row r="702668" spans="8:8">
      <c r="H702668" s="12"/>
    </row>
    <row r="702669" spans="8:8">
      <c r="H702669" s="12"/>
    </row>
    <row r="702670" spans="8:8">
      <c r="H702670" s="12"/>
    </row>
    <row r="702671" spans="8:8">
      <c r="H702671" s="12"/>
    </row>
    <row r="702672" spans="8:8">
      <c r="H702672" s="12"/>
    </row>
    <row r="702673" spans="8:8">
      <c r="H702673" s="12"/>
    </row>
    <row r="702674" spans="8:8">
      <c r="H702674" s="12"/>
    </row>
    <row r="702675" spans="8:8">
      <c r="H702675" s="12"/>
    </row>
    <row r="702676" spans="8:8">
      <c r="H702676" s="12"/>
    </row>
    <row r="702677" spans="8:8">
      <c r="H702677" s="12"/>
    </row>
    <row r="702678" spans="8:8">
      <c r="H702678" s="12"/>
    </row>
    <row r="702679" spans="8:8">
      <c r="H702679" s="12"/>
    </row>
    <row r="702680" spans="8:8">
      <c r="H702680" s="12"/>
    </row>
    <row r="702681" spans="8:8">
      <c r="H702681" s="12"/>
    </row>
    <row r="702682" spans="8:8">
      <c r="H702682" s="12"/>
    </row>
    <row r="702683" spans="8:8">
      <c r="H702683" s="12"/>
    </row>
    <row r="702684" spans="8:8">
      <c r="H702684" s="12"/>
    </row>
    <row r="702685" spans="8:8">
      <c r="H702685" s="12"/>
    </row>
    <row r="702686" spans="8:8">
      <c r="H702686" s="12"/>
    </row>
    <row r="702687" spans="8:8">
      <c r="H702687" s="12"/>
    </row>
    <row r="702688" spans="8:8">
      <c r="H702688" s="12"/>
    </row>
    <row r="702689" spans="8:8">
      <c r="H702689" s="12"/>
    </row>
    <row r="702690" spans="8:8">
      <c r="H702690" s="12"/>
    </row>
    <row r="702691" spans="8:8">
      <c r="H702691" s="12"/>
    </row>
    <row r="702692" spans="8:8">
      <c r="H702692" s="12"/>
    </row>
    <row r="702693" spans="8:8">
      <c r="H702693" s="12"/>
    </row>
    <row r="702694" spans="8:8">
      <c r="H702694" s="12"/>
    </row>
    <row r="702695" spans="8:8">
      <c r="H702695" s="12"/>
    </row>
    <row r="702696" spans="8:8">
      <c r="H702696" s="12"/>
    </row>
    <row r="702697" spans="8:8">
      <c r="H702697" s="12"/>
    </row>
    <row r="702698" spans="8:8">
      <c r="H702698" s="12"/>
    </row>
    <row r="702699" spans="8:8">
      <c r="H702699" s="12"/>
    </row>
    <row r="702700" spans="8:8">
      <c r="H702700" s="12"/>
    </row>
    <row r="702701" spans="8:8">
      <c r="H702701" s="12"/>
    </row>
    <row r="702702" spans="8:8">
      <c r="H702702" s="12"/>
    </row>
    <row r="702703" spans="8:8">
      <c r="H702703" s="12"/>
    </row>
    <row r="702704" spans="8:8">
      <c r="H702704" s="12"/>
    </row>
    <row r="702705" spans="8:8">
      <c r="H702705" s="12"/>
    </row>
    <row r="702706" spans="8:8">
      <c r="H702706" s="12"/>
    </row>
    <row r="702707" spans="8:8">
      <c r="H702707" s="12"/>
    </row>
    <row r="702708" spans="8:8">
      <c r="H702708" s="12"/>
    </row>
    <row r="702709" spans="8:8">
      <c r="H702709" s="12"/>
    </row>
    <row r="702710" spans="8:8">
      <c r="H702710" s="12"/>
    </row>
    <row r="702711" spans="8:8">
      <c r="H702711" s="12"/>
    </row>
    <row r="702712" spans="8:8">
      <c r="H702712" s="12"/>
    </row>
    <row r="702713" spans="8:8">
      <c r="H702713" s="12"/>
    </row>
    <row r="702714" spans="8:8">
      <c r="H702714" s="12"/>
    </row>
    <row r="702715" spans="8:8">
      <c r="H702715" s="12"/>
    </row>
    <row r="702716" spans="8:8">
      <c r="H702716" s="12"/>
    </row>
    <row r="702717" spans="8:8">
      <c r="H702717" s="12"/>
    </row>
    <row r="702718" spans="8:8">
      <c r="H702718" s="12"/>
    </row>
    <row r="702719" spans="8:8">
      <c r="H702719" s="12"/>
    </row>
    <row r="702720" spans="8:8">
      <c r="H702720" s="12"/>
    </row>
    <row r="702721" spans="8:8">
      <c r="H702721" s="12"/>
    </row>
    <row r="702722" spans="8:8">
      <c r="H702722" s="12"/>
    </row>
    <row r="702723" spans="8:8">
      <c r="H702723" s="12"/>
    </row>
    <row r="702724" spans="8:8">
      <c r="H702724" s="12"/>
    </row>
    <row r="702725" spans="8:8">
      <c r="H702725" s="12"/>
    </row>
    <row r="702726" spans="8:8">
      <c r="H702726" s="12"/>
    </row>
    <row r="702727" spans="8:8">
      <c r="H702727" s="12"/>
    </row>
    <row r="702728" spans="8:8">
      <c r="H702728" s="12"/>
    </row>
    <row r="702729" spans="8:8">
      <c r="H702729" s="12"/>
    </row>
    <row r="702730" spans="8:8">
      <c r="H702730" s="12"/>
    </row>
    <row r="702731" spans="8:8">
      <c r="H702731" s="12"/>
    </row>
    <row r="702732" spans="8:8">
      <c r="H702732" s="12"/>
    </row>
    <row r="702733" spans="8:8">
      <c r="H702733" s="12"/>
    </row>
    <row r="702734" spans="8:8">
      <c r="H702734" s="12"/>
    </row>
    <row r="702735" spans="8:8">
      <c r="H702735" s="12"/>
    </row>
    <row r="702736" spans="8:8">
      <c r="H702736" s="12"/>
    </row>
    <row r="702737" spans="8:8">
      <c r="H702737" s="12"/>
    </row>
    <row r="702738" spans="8:8">
      <c r="H702738" s="12"/>
    </row>
    <row r="702739" spans="8:8">
      <c r="H702739" s="12"/>
    </row>
    <row r="702740" spans="8:8">
      <c r="H702740" s="12"/>
    </row>
    <row r="702741" spans="8:8">
      <c r="H702741" s="12"/>
    </row>
    <row r="702742" spans="8:8">
      <c r="H702742" s="12"/>
    </row>
    <row r="702743" spans="8:8">
      <c r="H702743" s="12"/>
    </row>
    <row r="702744" spans="8:8">
      <c r="H702744" s="12"/>
    </row>
    <row r="702745" spans="8:8">
      <c r="H702745" s="12"/>
    </row>
    <row r="702746" spans="8:8">
      <c r="H702746" s="12"/>
    </row>
    <row r="702747" spans="8:8">
      <c r="H702747" s="12"/>
    </row>
    <row r="702748" spans="8:8">
      <c r="H702748" s="12"/>
    </row>
    <row r="702749" spans="8:8">
      <c r="H702749" s="12"/>
    </row>
    <row r="702750" spans="8:8">
      <c r="H702750" s="12"/>
    </row>
    <row r="702751" spans="8:8">
      <c r="H702751" s="12"/>
    </row>
    <row r="702752" spans="8:8">
      <c r="H702752" s="12"/>
    </row>
    <row r="702753" spans="8:8">
      <c r="H702753" s="12"/>
    </row>
    <row r="702754" spans="8:8">
      <c r="H702754" s="12"/>
    </row>
    <row r="702755" spans="8:8">
      <c r="H702755" s="12"/>
    </row>
    <row r="702756" spans="8:8">
      <c r="H702756" s="12"/>
    </row>
    <row r="702757" spans="8:8">
      <c r="H702757" s="12"/>
    </row>
    <row r="702758" spans="8:8">
      <c r="H702758" s="12"/>
    </row>
    <row r="702759" spans="8:8">
      <c r="H702759" s="12"/>
    </row>
    <row r="702760" spans="8:8">
      <c r="H702760" s="12"/>
    </row>
    <row r="702761" spans="8:8">
      <c r="H702761" s="12"/>
    </row>
    <row r="702762" spans="8:8">
      <c r="H702762" s="12"/>
    </row>
    <row r="702763" spans="8:8">
      <c r="H702763" s="12"/>
    </row>
    <row r="702764" spans="8:8">
      <c r="H702764" s="12"/>
    </row>
    <row r="702765" spans="8:8">
      <c r="H702765" s="12"/>
    </row>
    <row r="702766" spans="8:8">
      <c r="H702766" s="12"/>
    </row>
    <row r="702767" spans="8:8">
      <c r="H702767" s="12"/>
    </row>
    <row r="702768" spans="8:8">
      <c r="H702768" s="12"/>
    </row>
    <row r="702769" spans="8:8">
      <c r="H702769" s="12"/>
    </row>
    <row r="702770" spans="8:8">
      <c r="H702770" s="12"/>
    </row>
    <row r="702771" spans="8:8">
      <c r="H702771" s="12"/>
    </row>
    <row r="702772" spans="8:8">
      <c r="H702772" s="12"/>
    </row>
    <row r="702773" spans="8:8">
      <c r="H702773" s="12"/>
    </row>
    <row r="702774" spans="8:8">
      <c r="H702774" s="12"/>
    </row>
    <row r="702775" spans="8:8">
      <c r="H702775" s="12"/>
    </row>
    <row r="702776" spans="8:8">
      <c r="H702776" s="12"/>
    </row>
    <row r="702777" spans="8:8">
      <c r="H702777" s="12"/>
    </row>
    <row r="702778" spans="8:8">
      <c r="H702778" s="12"/>
    </row>
    <row r="702779" spans="8:8">
      <c r="H702779" s="12"/>
    </row>
    <row r="702780" spans="8:8">
      <c r="H702780" s="12"/>
    </row>
    <row r="702781" spans="8:8">
      <c r="H702781" s="12"/>
    </row>
    <row r="702782" spans="8:8">
      <c r="H702782" s="12"/>
    </row>
    <row r="702783" spans="8:8">
      <c r="H702783" s="12"/>
    </row>
    <row r="702784" spans="8:8">
      <c r="H702784" s="12"/>
    </row>
    <row r="702785" spans="8:8">
      <c r="H702785" s="12"/>
    </row>
    <row r="702786" spans="8:8">
      <c r="H702786" s="12"/>
    </row>
    <row r="702787" spans="8:8">
      <c r="H702787" s="12"/>
    </row>
    <row r="702788" spans="8:8">
      <c r="H702788" s="12"/>
    </row>
    <row r="702789" spans="8:8">
      <c r="H702789" s="12"/>
    </row>
    <row r="702790" spans="8:8">
      <c r="H702790" s="12"/>
    </row>
    <row r="702791" spans="8:8">
      <c r="H702791" s="12"/>
    </row>
    <row r="702792" spans="8:8">
      <c r="H702792" s="12"/>
    </row>
    <row r="702793" spans="8:8">
      <c r="H702793" s="12"/>
    </row>
    <row r="702794" spans="8:8">
      <c r="H702794" s="12"/>
    </row>
    <row r="702795" spans="8:8">
      <c r="H702795" s="12"/>
    </row>
    <row r="702796" spans="8:8">
      <c r="H702796" s="12"/>
    </row>
    <row r="702797" spans="8:8">
      <c r="H702797" s="12"/>
    </row>
    <row r="702798" spans="8:8">
      <c r="H702798" s="12"/>
    </row>
    <row r="702799" spans="8:8">
      <c r="H702799" s="12"/>
    </row>
    <row r="702800" spans="8:8">
      <c r="H702800" s="12"/>
    </row>
    <row r="702801" spans="8:8">
      <c r="H702801" s="12"/>
    </row>
    <row r="702802" spans="8:8">
      <c r="H702802" s="12"/>
    </row>
    <row r="702803" spans="8:8">
      <c r="H702803" s="12"/>
    </row>
    <row r="702804" spans="8:8">
      <c r="H702804" s="12"/>
    </row>
    <row r="702805" spans="8:8">
      <c r="H702805" s="12"/>
    </row>
    <row r="702806" spans="8:8">
      <c r="H702806" s="12"/>
    </row>
    <row r="702807" spans="8:8">
      <c r="H702807" s="12"/>
    </row>
    <row r="702808" spans="8:8">
      <c r="H702808" s="12"/>
    </row>
    <row r="702809" spans="8:8">
      <c r="H702809" s="12"/>
    </row>
    <row r="702810" spans="8:8">
      <c r="H702810" s="12"/>
    </row>
    <row r="702811" spans="8:8">
      <c r="H702811" s="12"/>
    </row>
    <row r="702812" spans="8:8">
      <c r="H702812" s="12"/>
    </row>
    <row r="702813" spans="8:8">
      <c r="H702813" s="12"/>
    </row>
    <row r="702814" spans="8:8">
      <c r="H702814" s="12"/>
    </row>
    <row r="702815" spans="8:8">
      <c r="H702815" s="12"/>
    </row>
    <row r="702816" spans="8:8">
      <c r="H702816" s="12"/>
    </row>
    <row r="702817" spans="8:8">
      <c r="H702817" s="12"/>
    </row>
    <row r="702818" spans="8:8">
      <c r="H702818" s="12"/>
    </row>
    <row r="702819" spans="8:8">
      <c r="H702819" s="12"/>
    </row>
    <row r="702820" spans="8:8">
      <c r="H702820" s="12"/>
    </row>
    <row r="702821" spans="8:8">
      <c r="H702821" s="12"/>
    </row>
    <row r="702822" spans="8:8">
      <c r="H702822" s="12"/>
    </row>
    <row r="702823" spans="8:8">
      <c r="H702823" s="12"/>
    </row>
    <row r="702824" spans="8:8">
      <c r="H702824" s="12"/>
    </row>
    <row r="702825" spans="8:8">
      <c r="H702825" s="12"/>
    </row>
    <row r="702826" spans="8:8">
      <c r="H702826" s="12"/>
    </row>
    <row r="702827" spans="8:8">
      <c r="H702827" s="12"/>
    </row>
    <row r="702828" spans="8:8">
      <c r="H702828" s="12"/>
    </row>
    <row r="702829" spans="8:8">
      <c r="H702829" s="12"/>
    </row>
    <row r="702830" spans="8:8">
      <c r="H702830" s="12"/>
    </row>
    <row r="702831" spans="8:8">
      <c r="H702831" s="12"/>
    </row>
    <row r="702832" spans="8:8">
      <c r="H702832" s="12"/>
    </row>
    <row r="702833" spans="8:8">
      <c r="H702833" s="12"/>
    </row>
    <row r="702834" spans="8:8">
      <c r="H702834" s="12"/>
    </row>
    <row r="702835" spans="8:8">
      <c r="H702835" s="12"/>
    </row>
    <row r="702836" spans="8:8">
      <c r="H702836" s="12"/>
    </row>
    <row r="702837" spans="8:8">
      <c r="H702837" s="12"/>
    </row>
    <row r="702838" spans="8:8">
      <c r="H702838" s="12"/>
    </row>
    <row r="702839" spans="8:8">
      <c r="H702839" s="12"/>
    </row>
    <row r="702840" spans="8:8">
      <c r="H702840" s="12"/>
    </row>
    <row r="702841" spans="8:8">
      <c r="H702841" s="12"/>
    </row>
    <row r="702842" spans="8:8">
      <c r="H702842" s="12"/>
    </row>
    <row r="702843" spans="8:8">
      <c r="H702843" s="12"/>
    </row>
    <row r="702844" spans="8:8">
      <c r="H702844" s="12"/>
    </row>
    <row r="702845" spans="8:8">
      <c r="H702845" s="12"/>
    </row>
    <row r="702846" spans="8:8">
      <c r="H702846" s="12"/>
    </row>
    <row r="702847" spans="8:8">
      <c r="H702847" s="12"/>
    </row>
    <row r="702848" spans="8:8">
      <c r="H702848" s="12"/>
    </row>
    <row r="702849" spans="8:8">
      <c r="H702849" s="12"/>
    </row>
    <row r="702850" spans="8:8">
      <c r="H702850" s="12"/>
    </row>
    <row r="702851" spans="8:8">
      <c r="H702851" s="12"/>
    </row>
    <row r="702852" spans="8:8">
      <c r="H702852" s="12"/>
    </row>
    <row r="702853" spans="8:8">
      <c r="H702853" s="12"/>
    </row>
    <row r="702854" spans="8:8">
      <c r="H702854" s="12"/>
    </row>
    <row r="702855" spans="8:8">
      <c r="H702855" s="12"/>
    </row>
    <row r="702856" spans="8:8">
      <c r="H702856" s="12"/>
    </row>
    <row r="702857" spans="8:8">
      <c r="H702857" s="12"/>
    </row>
    <row r="702858" spans="8:8">
      <c r="H702858" s="12"/>
    </row>
    <row r="702859" spans="8:8">
      <c r="H702859" s="12"/>
    </row>
    <row r="702860" spans="8:8">
      <c r="H702860" s="12"/>
    </row>
    <row r="702861" spans="8:8">
      <c r="H702861" s="12"/>
    </row>
    <row r="702862" spans="8:8">
      <c r="H702862" s="12"/>
    </row>
    <row r="702863" spans="8:8">
      <c r="H702863" s="12"/>
    </row>
    <row r="702864" spans="8:8">
      <c r="H702864" s="12"/>
    </row>
    <row r="702865" spans="8:8">
      <c r="H702865" s="12"/>
    </row>
    <row r="702866" spans="8:8">
      <c r="H702866" s="12"/>
    </row>
    <row r="702867" spans="8:8">
      <c r="H702867" s="12"/>
    </row>
    <row r="702868" spans="8:8">
      <c r="H702868" s="12"/>
    </row>
    <row r="702869" spans="8:8">
      <c r="H702869" s="12"/>
    </row>
    <row r="702870" spans="8:8">
      <c r="H702870" s="12"/>
    </row>
    <row r="702871" spans="8:8">
      <c r="H702871" s="12"/>
    </row>
    <row r="702872" spans="8:8">
      <c r="H702872" s="12"/>
    </row>
    <row r="702873" spans="8:8">
      <c r="H702873" s="12"/>
    </row>
    <row r="702874" spans="8:8">
      <c r="H702874" s="12"/>
    </row>
    <row r="702875" spans="8:8">
      <c r="H702875" s="12"/>
    </row>
    <row r="702876" spans="8:8">
      <c r="H702876" s="12"/>
    </row>
    <row r="702877" spans="8:8">
      <c r="H702877" s="12"/>
    </row>
    <row r="702878" spans="8:8">
      <c r="H702878" s="12"/>
    </row>
    <row r="702879" spans="8:8">
      <c r="H702879" s="12"/>
    </row>
    <row r="702880" spans="8:8">
      <c r="H702880" s="12"/>
    </row>
    <row r="702881" spans="8:8">
      <c r="H702881" s="12"/>
    </row>
    <row r="702882" spans="8:8">
      <c r="H702882" s="12"/>
    </row>
    <row r="702883" spans="8:8">
      <c r="H702883" s="12"/>
    </row>
    <row r="702884" spans="8:8">
      <c r="H702884" s="12"/>
    </row>
    <row r="702885" spans="8:8">
      <c r="H702885" s="12"/>
    </row>
    <row r="702886" spans="8:8">
      <c r="H702886" s="12"/>
    </row>
    <row r="702887" spans="8:8">
      <c r="H702887" s="12"/>
    </row>
    <row r="702888" spans="8:8">
      <c r="H702888" s="12"/>
    </row>
    <row r="702889" spans="8:8">
      <c r="H702889" s="12"/>
    </row>
    <row r="702890" spans="8:8">
      <c r="H702890" s="12"/>
    </row>
    <row r="702891" spans="8:8">
      <c r="H702891" s="12"/>
    </row>
    <row r="702892" spans="8:8">
      <c r="H702892" s="12"/>
    </row>
    <row r="702893" spans="8:8">
      <c r="H702893" s="12"/>
    </row>
    <row r="702894" spans="8:8">
      <c r="H702894" s="12"/>
    </row>
    <row r="702895" spans="8:8">
      <c r="H702895" s="12"/>
    </row>
    <row r="702896" spans="8:8">
      <c r="H702896" s="12"/>
    </row>
    <row r="702897" spans="8:8">
      <c r="H702897" s="12"/>
    </row>
    <row r="702898" spans="8:8">
      <c r="H702898" s="12"/>
    </row>
    <row r="702899" spans="8:8">
      <c r="H702899" s="12"/>
    </row>
    <row r="702900" spans="8:8">
      <c r="H702900" s="12"/>
    </row>
    <row r="702901" spans="8:8">
      <c r="H702901" s="12"/>
    </row>
    <row r="702902" spans="8:8">
      <c r="H702902" s="12"/>
    </row>
    <row r="702903" spans="8:8">
      <c r="H702903" s="12"/>
    </row>
    <row r="702904" spans="8:8">
      <c r="H702904" s="12"/>
    </row>
    <row r="702905" spans="8:8">
      <c r="H702905" s="12"/>
    </row>
    <row r="702906" spans="8:8">
      <c r="H702906" s="12"/>
    </row>
    <row r="702907" spans="8:8">
      <c r="H702907" s="12"/>
    </row>
    <row r="702908" spans="8:8">
      <c r="H702908" s="12"/>
    </row>
    <row r="702909" spans="8:8">
      <c r="H702909" s="12"/>
    </row>
    <row r="702910" spans="8:8">
      <c r="H702910" s="12"/>
    </row>
    <row r="702911" spans="8:8">
      <c r="H702911" s="12"/>
    </row>
    <row r="702912" spans="8:8">
      <c r="H702912" s="12"/>
    </row>
    <row r="702913" spans="8:8">
      <c r="H702913" s="12"/>
    </row>
    <row r="702914" spans="8:8">
      <c r="H702914" s="12"/>
    </row>
    <row r="702915" spans="8:8">
      <c r="H702915" s="12"/>
    </row>
    <row r="702916" spans="8:8">
      <c r="H702916" s="12"/>
    </row>
    <row r="702917" spans="8:8">
      <c r="H702917" s="12"/>
    </row>
    <row r="702918" spans="8:8">
      <c r="H702918" s="12"/>
    </row>
    <row r="702919" spans="8:8">
      <c r="H702919" s="12"/>
    </row>
    <row r="702920" spans="8:8">
      <c r="H702920" s="12"/>
    </row>
    <row r="702921" spans="8:8">
      <c r="H702921" s="12"/>
    </row>
    <row r="702922" spans="8:8">
      <c r="H702922" s="12"/>
    </row>
    <row r="702923" spans="8:8">
      <c r="H702923" s="12"/>
    </row>
    <row r="702924" spans="8:8">
      <c r="H702924" s="12"/>
    </row>
    <row r="702925" spans="8:8">
      <c r="H702925" s="12"/>
    </row>
    <row r="702926" spans="8:8">
      <c r="H702926" s="12"/>
    </row>
    <row r="702927" spans="8:8">
      <c r="H702927" s="12"/>
    </row>
    <row r="702928" spans="8:8">
      <c r="H702928" s="12"/>
    </row>
    <row r="702929" spans="8:8">
      <c r="H702929" s="12"/>
    </row>
    <row r="702930" spans="8:8">
      <c r="H702930" s="12"/>
    </row>
    <row r="702931" spans="8:8">
      <c r="H702931" s="12"/>
    </row>
    <row r="702932" spans="8:8">
      <c r="H702932" s="12"/>
    </row>
    <row r="702933" spans="8:8">
      <c r="H702933" s="12"/>
    </row>
    <row r="702934" spans="8:8">
      <c r="H702934" s="12"/>
    </row>
    <row r="702935" spans="8:8">
      <c r="H702935" s="12"/>
    </row>
    <row r="702936" spans="8:8">
      <c r="H702936" s="12"/>
    </row>
    <row r="702937" spans="8:8">
      <c r="H702937" s="12"/>
    </row>
    <row r="702938" spans="8:8">
      <c r="H702938" s="12"/>
    </row>
    <row r="702939" spans="8:8">
      <c r="H702939" s="12"/>
    </row>
    <row r="702940" spans="8:8">
      <c r="H702940" s="12"/>
    </row>
    <row r="702941" spans="8:8">
      <c r="H702941" s="12"/>
    </row>
    <row r="702942" spans="8:8">
      <c r="H702942" s="12"/>
    </row>
    <row r="702943" spans="8:8">
      <c r="H702943" s="12"/>
    </row>
    <row r="702944" spans="8:8">
      <c r="H702944" s="12"/>
    </row>
    <row r="702945" spans="8:8">
      <c r="H702945" s="12"/>
    </row>
    <row r="702946" spans="8:8">
      <c r="H702946" s="12"/>
    </row>
    <row r="702947" spans="8:8">
      <c r="H702947" s="12"/>
    </row>
    <row r="702948" spans="8:8">
      <c r="H702948" s="12"/>
    </row>
    <row r="702949" spans="8:8">
      <c r="H702949" s="12"/>
    </row>
    <row r="702950" spans="8:8">
      <c r="H702950" s="12"/>
    </row>
    <row r="702951" spans="8:8">
      <c r="H702951" s="12"/>
    </row>
    <row r="702952" spans="8:8">
      <c r="H702952" s="12"/>
    </row>
    <row r="702953" spans="8:8">
      <c r="H702953" s="12"/>
    </row>
    <row r="702954" spans="8:8">
      <c r="H702954" s="12"/>
    </row>
    <row r="702955" spans="8:8">
      <c r="H702955" s="12"/>
    </row>
    <row r="702956" spans="8:8">
      <c r="H702956" s="12"/>
    </row>
    <row r="702957" spans="8:8">
      <c r="H702957" s="12"/>
    </row>
    <row r="702958" spans="8:8">
      <c r="H702958" s="12"/>
    </row>
    <row r="702959" spans="8:8">
      <c r="H702959" s="12"/>
    </row>
    <row r="702960" spans="8:8">
      <c r="H702960" s="12"/>
    </row>
    <row r="702961" spans="8:8">
      <c r="H702961" s="12"/>
    </row>
    <row r="702962" spans="8:8">
      <c r="H702962" s="12"/>
    </row>
    <row r="702963" spans="8:8">
      <c r="H702963" s="12"/>
    </row>
    <row r="702964" spans="8:8">
      <c r="H702964" s="12"/>
    </row>
    <row r="702965" spans="8:8">
      <c r="H702965" s="12"/>
    </row>
    <row r="702966" spans="8:8">
      <c r="H702966" s="12"/>
    </row>
    <row r="702967" spans="8:8">
      <c r="H702967" s="12"/>
    </row>
    <row r="702968" spans="8:8">
      <c r="H702968" s="12"/>
    </row>
    <row r="702969" spans="8:8">
      <c r="H702969" s="12"/>
    </row>
    <row r="702970" spans="8:8">
      <c r="H702970" s="12"/>
    </row>
    <row r="702971" spans="8:8">
      <c r="H702971" s="12"/>
    </row>
    <row r="702972" spans="8:8">
      <c r="H702972" s="12"/>
    </row>
    <row r="702973" spans="8:8">
      <c r="H702973" s="12"/>
    </row>
    <row r="702974" spans="8:8">
      <c r="H702974" s="12"/>
    </row>
    <row r="702975" spans="8:8">
      <c r="H702975" s="12"/>
    </row>
    <row r="702976" spans="8:8">
      <c r="H702976" s="12"/>
    </row>
    <row r="702977" spans="8:8">
      <c r="H702977" s="12"/>
    </row>
    <row r="702978" spans="8:8">
      <c r="H702978" s="12"/>
    </row>
    <row r="702979" spans="8:8">
      <c r="H702979" s="12"/>
    </row>
    <row r="702980" spans="8:8">
      <c r="H702980" s="12"/>
    </row>
    <row r="702981" spans="8:8">
      <c r="H702981" s="12"/>
    </row>
    <row r="702982" spans="8:8">
      <c r="H702982" s="12"/>
    </row>
    <row r="702983" spans="8:8">
      <c r="H702983" s="12"/>
    </row>
    <row r="702984" spans="8:8">
      <c r="H702984" s="12"/>
    </row>
    <row r="702985" spans="8:8">
      <c r="H702985" s="12"/>
    </row>
    <row r="702986" spans="8:8">
      <c r="H702986" s="12"/>
    </row>
    <row r="702987" spans="8:8">
      <c r="H702987" s="12"/>
    </row>
    <row r="702988" spans="8:8">
      <c r="H702988" s="12"/>
    </row>
    <row r="702989" spans="8:8">
      <c r="H702989" s="12"/>
    </row>
    <row r="702990" spans="8:8">
      <c r="H702990" s="12"/>
    </row>
    <row r="702991" spans="8:8">
      <c r="H702991" s="12"/>
    </row>
    <row r="702992" spans="8:8">
      <c r="H702992" s="12"/>
    </row>
    <row r="702993" spans="8:8">
      <c r="H702993" s="12"/>
    </row>
    <row r="702994" spans="8:8">
      <c r="H702994" s="12"/>
    </row>
    <row r="702995" spans="8:8">
      <c r="H702995" s="12"/>
    </row>
    <row r="702996" spans="8:8">
      <c r="H702996" s="12"/>
    </row>
    <row r="702997" spans="8:8">
      <c r="H702997" s="12"/>
    </row>
    <row r="702998" spans="8:8">
      <c r="H702998" s="12"/>
    </row>
    <row r="702999" spans="8:8">
      <c r="H702999" s="12"/>
    </row>
    <row r="703000" spans="8:8">
      <c r="H703000" s="12"/>
    </row>
    <row r="703001" spans="8:8">
      <c r="H703001" s="12"/>
    </row>
    <row r="703002" spans="8:8">
      <c r="H703002" s="12"/>
    </row>
    <row r="703003" spans="8:8">
      <c r="H703003" s="12"/>
    </row>
    <row r="703004" spans="8:8">
      <c r="H703004" s="12"/>
    </row>
    <row r="703005" spans="8:8">
      <c r="H703005" s="12"/>
    </row>
    <row r="703006" spans="8:8">
      <c r="H703006" s="12"/>
    </row>
    <row r="703007" spans="8:8">
      <c r="H703007" s="12"/>
    </row>
    <row r="703008" spans="8:8">
      <c r="H703008" s="12"/>
    </row>
    <row r="703009" spans="8:8">
      <c r="H703009" s="12"/>
    </row>
    <row r="703010" spans="8:8">
      <c r="H703010" s="12"/>
    </row>
    <row r="703011" spans="8:8">
      <c r="H703011" s="12"/>
    </row>
    <row r="703012" spans="8:8">
      <c r="H703012" s="12"/>
    </row>
    <row r="703013" spans="8:8">
      <c r="H703013" s="12"/>
    </row>
    <row r="703014" spans="8:8">
      <c r="H703014" s="12"/>
    </row>
    <row r="703015" spans="8:8">
      <c r="H703015" s="12"/>
    </row>
    <row r="703016" spans="8:8">
      <c r="H703016" s="12"/>
    </row>
    <row r="703017" spans="8:8">
      <c r="H703017" s="12"/>
    </row>
    <row r="703018" spans="8:8">
      <c r="H703018" s="12"/>
    </row>
    <row r="703019" spans="8:8">
      <c r="H703019" s="12"/>
    </row>
    <row r="703020" spans="8:8">
      <c r="H703020" s="12"/>
    </row>
    <row r="703021" spans="8:8">
      <c r="H703021" s="12"/>
    </row>
    <row r="703022" spans="8:8">
      <c r="H703022" s="12"/>
    </row>
    <row r="703023" spans="8:8">
      <c r="H703023" s="12"/>
    </row>
    <row r="703024" spans="8:8">
      <c r="H703024" s="12"/>
    </row>
    <row r="703025" spans="8:8">
      <c r="H703025" s="12"/>
    </row>
    <row r="703026" spans="8:8">
      <c r="H703026" s="12"/>
    </row>
    <row r="703027" spans="8:8">
      <c r="H703027" s="12"/>
    </row>
    <row r="703028" spans="8:8">
      <c r="H703028" s="12"/>
    </row>
    <row r="703029" spans="8:8">
      <c r="H703029" s="12"/>
    </row>
    <row r="703030" spans="8:8">
      <c r="H703030" s="12"/>
    </row>
    <row r="703031" spans="8:8">
      <c r="H703031" s="12"/>
    </row>
    <row r="703032" spans="8:8">
      <c r="H703032" s="12"/>
    </row>
    <row r="703033" spans="8:8">
      <c r="H703033" s="12"/>
    </row>
    <row r="703034" spans="8:8">
      <c r="H703034" s="12"/>
    </row>
    <row r="703035" spans="8:8">
      <c r="H703035" s="12"/>
    </row>
    <row r="703036" spans="8:8">
      <c r="H703036" s="12"/>
    </row>
    <row r="703037" spans="8:8">
      <c r="H703037" s="12"/>
    </row>
    <row r="703038" spans="8:8">
      <c r="H703038" s="12"/>
    </row>
    <row r="703039" spans="8:8">
      <c r="H703039" s="12"/>
    </row>
    <row r="703040" spans="8:8">
      <c r="H703040" s="12"/>
    </row>
    <row r="703041" spans="8:8">
      <c r="H703041" s="12"/>
    </row>
    <row r="703042" spans="8:8">
      <c r="H703042" s="12"/>
    </row>
    <row r="703043" spans="8:8">
      <c r="H703043" s="12"/>
    </row>
    <row r="703044" spans="8:8">
      <c r="H703044" s="12"/>
    </row>
    <row r="703045" spans="8:8">
      <c r="H703045" s="12"/>
    </row>
    <row r="703046" spans="8:8">
      <c r="H703046" s="12"/>
    </row>
    <row r="703047" spans="8:8">
      <c r="H703047" s="12"/>
    </row>
    <row r="703048" spans="8:8">
      <c r="H703048" s="12"/>
    </row>
    <row r="703049" spans="8:8">
      <c r="H703049" s="12"/>
    </row>
    <row r="703050" spans="8:8">
      <c r="H703050" s="12"/>
    </row>
    <row r="703051" spans="8:8">
      <c r="H703051" s="12"/>
    </row>
    <row r="703052" spans="8:8">
      <c r="H703052" s="12"/>
    </row>
    <row r="703053" spans="8:8">
      <c r="H703053" s="12"/>
    </row>
    <row r="703054" spans="8:8">
      <c r="H703054" s="12"/>
    </row>
    <row r="703055" spans="8:8">
      <c r="H703055" s="12"/>
    </row>
    <row r="703056" spans="8:8">
      <c r="H703056" s="12"/>
    </row>
    <row r="703057" spans="8:8">
      <c r="H703057" s="12"/>
    </row>
    <row r="703058" spans="8:8">
      <c r="H703058" s="12"/>
    </row>
    <row r="703059" spans="8:8">
      <c r="H703059" s="12"/>
    </row>
    <row r="703060" spans="8:8">
      <c r="H703060" s="12"/>
    </row>
    <row r="703061" spans="8:8">
      <c r="H703061" s="12"/>
    </row>
    <row r="703062" spans="8:8">
      <c r="H703062" s="12"/>
    </row>
    <row r="703063" spans="8:8">
      <c r="H703063" s="12"/>
    </row>
    <row r="703064" spans="8:8">
      <c r="H703064" s="12"/>
    </row>
    <row r="703065" spans="8:8">
      <c r="H703065" s="12"/>
    </row>
    <row r="703066" spans="8:8">
      <c r="H703066" s="12"/>
    </row>
    <row r="703067" spans="8:8">
      <c r="H703067" s="12"/>
    </row>
    <row r="703068" spans="8:8">
      <c r="H703068" s="12"/>
    </row>
    <row r="703069" spans="8:8">
      <c r="H703069" s="12"/>
    </row>
    <row r="703070" spans="8:8">
      <c r="H703070" s="12"/>
    </row>
    <row r="703071" spans="8:8">
      <c r="H703071" s="12"/>
    </row>
    <row r="703072" spans="8:8">
      <c r="H703072" s="12"/>
    </row>
    <row r="703073" spans="8:8">
      <c r="H703073" s="12"/>
    </row>
    <row r="703074" spans="8:8">
      <c r="H703074" s="12"/>
    </row>
    <row r="703075" spans="8:8">
      <c r="H703075" s="12"/>
    </row>
    <row r="703076" spans="8:8">
      <c r="H703076" s="12"/>
    </row>
    <row r="703077" spans="8:8">
      <c r="H703077" s="12"/>
    </row>
    <row r="703078" spans="8:8">
      <c r="H703078" s="12"/>
    </row>
    <row r="703079" spans="8:8">
      <c r="H703079" s="12"/>
    </row>
    <row r="703080" spans="8:8">
      <c r="H703080" s="12"/>
    </row>
    <row r="703081" spans="8:8">
      <c r="H703081" s="12"/>
    </row>
    <row r="703082" spans="8:8">
      <c r="H703082" s="12"/>
    </row>
    <row r="703083" spans="8:8">
      <c r="H703083" s="12"/>
    </row>
    <row r="703084" spans="8:8">
      <c r="H703084" s="12"/>
    </row>
    <row r="703085" spans="8:8">
      <c r="H703085" s="12"/>
    </row>
    <row r="703086" spans="8:8">
      <c r="H703086" s="12"/>
    </row>
    <row r="703087" spans="8:8">
      <c r="H703087" s="12"/>
    </row>
    <row r="703088" spans="8:8">
      <c r="H703088" s="12"/>
    </row>
    <row r="703089" spans="8:8">
      <c r="H703089" s="12"/>
    </row>
    <row r="703090" spans="8:8">
      <c r="H703090" s="12"/>
    </row>
    <row r="703091" spans="8:8">
      <c r="H703091" s="12"/>
    </row>
    <row r="703092" spans="8:8">
      <c r="H703092" s="12"/>
    </row>
    <row r="703093" spans="8:8">
      <c r="H703093" s="12"/>
    </row>
    <row r="703094" spans="8:8">
      <c r="H703094" s="12"/>
    </row>
    <row r="703095" spans="8:8">
      <c r="H703095" s="12"/>
    </row>
    <row r="703096" spans="8:8">
      <c r="H703096" s="12"/>
    </row>
    <row r="703097" spans="8:8">
      <c r="H703097" s="12"/>
    </row>
    <row r="703098" spans="8:8">
      <c r="H703098" s="12"/>
    </row>
    <row r="703099" spans="8:8">
      <c r="H703099" s="12"/>
    </row>
    <row r="703100" spans="8:8">
      <c r="H703100" s="12"/>
    </row>
    <row r="703101" spans="8:8">
      <c r="H703101" s="12"/>
    </row>
    <row r="703102" spans="8:8">
      <c r="H703102" s="12"/>
    </row>
    <row r="703103" spans="8:8">
      <c r="H703103" s="12"/>
    </row>
    <row r="703104" spans="8:8">
      <c r="H703104" s="12"/>
    </row>
    <row r="703105" spans="8:8">
      <c r="H703105" s="12"/>
    </row>
    <row r="703106" spans="8:8">
      <c r="H703106" s="12"/>
    </row>
    <row r="703107" spans="8:8">
      <c r="H703107" s="12"/>
    </row>
    <row r="703108" spans="8:8">
      <c r="H703108" s="12"/>
    </row>
    <row r="703109" spans="8:8">
      <c r="H703109" s="12"/>
    </row>
    <row r="703110" spans="8:8">
      <c r="H703110" s="12"/>
    </row>
    <row r="703111" spans="8:8">
      <c r="H703111" s="12"/>
    </row>
    <row r="703112" spans="8:8">
      <c r="H703112" s="12"/>
    </row>
    <row r="703113" spans="8:8">
      <c r="H703113" s="12"/>
    </row>
    <row r="703114" spans="8:8">
      <c r="H703114" s="12"/>
    </row>
    <row r="703115" spans="8:8">
      <c r="H703115" s="12"/>
    </row>
    <row r="703116" spans="8:8">
      <c r="H703116" s="12"/>
    </row>
    <row r="703117" spans="8:8">
      <c r="H703117" s="12"/>
    </row>
    <row r="703118" spans="8:8">
      <c r="H703118" s="12"/>
    </row>
    <row r="703119" spans="8:8">
      <c r="H703119" s="12"/>
    </row>
    <row r="703120" spans="8:8">
      <c r="H703120" s="12"/>
    </row>
    <row r="703121" spans="8:8">
      <c r="H703121" s="12"/>
    </row>
    <row r="703122" spans="8:8">
      <c r="H703122" s="12"/>
    </row>
    <row r="703123" spans="8:8">
      <c r="H703123" s="12"/>
    </row>
    <row r="703124" spans="8:8">
      <c r="H703124" s="12"/>
    </row>
    <row r="703125" spans="8:8">
      <c r="H703125" s="12"/>
    </row>
    <row r="703126" spans="8:8">
      <c r="H703126" s="12"/>
    </row>
    <row r="703127" spans="8:8">
      <c r="H703127" s="12"/>
    </row>
    <row r="703128" spans="8:8">
      <c r="H703128" s="12"/>
    </row>
    <row r="703129" spans="8:8">
      <c r="H703129" s="12"/>
    </row>
    <row r="703130" spans="8:8">
      <c r="H703130" s="12"/>
    </row>
    <row r="703131" spans="8:8">
      <c r="H703131" s="12"/>
    </row>
    <row r="703132" spans="8:8">
      <c r="H703132" s="12"/>
    </row>
    <row r="703133" spans="8:8">
      <c r="H703133" s="12"/>
    </row>
    <row r="703134" spans="8:8">
      <c r="H703134" s="12"/>
    </row>
    <row r="703135" spans="8:8">
      <c r="H703135" s="12"/>
    </row>
    <row r="703136" spans="8:8">
      <c r="H703136" s="12"/>
    </row>
    <row r="703137" spans="8:8">
      <c r="H703137" s="12"/>
    </row>
    <row r="703138" spans="8:8">
      <c r="H703138" s="12"/>
    </row>
    <row r="703139" spans="8:8">
      <c r="H703139" s="12"/>
    </row>
    <row r="703140" spans="8:8">
      <c r="H703140" s="12"/>
    </row>
    <row r="703141" spans="8:8">
      <c r="H703141" s="12"/>
    </row>
    <row r="703142" spans="8:8">
      <c r="H703142" s="12"/>
    </row>
    <row r="703143" spans="8:8">
      <c r="H703143" s="12"/>
    </row>
    <row r="703144" spans="8:8">
      <c r="H703144" s="12"/>
    </row>
    <row r="703145" spans="8:8">
      <c r="H703145" s="12"/>
    </row>
    <row r="703146" spans="8:8">
      <c r="H703146" s="12"/>
    </row>
    <row r="703147" spans="8:8">
      <c r="H703147" s="12"/>
    </row>
    <row r="703148" spans="8:8">
      <c r="H703148" s="12"/>
    </row>
    <row r="703149" spans="8:8">
      <c r="H703149" s="12"/>
    </row>
    <row r="703150" spans="8:8">
      <c r="H703150" s="12"/>
    </row>
    <row r="703151" spans="8:8">
      <c r="H703151" s="12"/>
    </row>
    <row r="703152" spans="8:8">
      <c r="H703152" s="12"/>
    </row>
    <row r="703153" spans="8:8">
      <c r="H703153" s="12"/>
    </row>
    <row r="703154" spans="8:8">
      <c r="H703154" s="12"/>
    </row>
    <row r="703155" spans="8:8">
      <c r="H703155" s="12"/>
    </row>
    <row r="703156" spans="8:8">
      <c r="H703156" s="12"/>
    </row>
    <row r="703157" spans="8:8">
      <c r="H703157" s="12"/>
    </row>
    <row r="703158" spans="8:8">
      <c r="H703158" s="12"/>
    </row>
    <row r="703159" spans="8:8">
      <c r="H703159" s="12"/>
    </row>
    <row r="703160" spans="8:8">
      <c r="H703160" s="12"/>
    </row>
    <row r="703161" spans="8:8">
      <c r="H703161" s="12"/>
    </row>
    <row r="703162" spans="8:8">
      <c r="H703162" s="12"/>
    </row>
    <row r="703163" spans="8:8">
      <c r="H703163" s="12"/>
    </row>
    <row r="703164" spans="8:8">
      <c r="H703164" s="12"/>
    </row>
    <row r="703165" spans="8:8">
      <c r="H703165" s="12"/>
    </row>
    <row r="703166" spans="8:8">
      <c r="H703166" s="12"/>
    </row>
    <row r="703167" spans="8:8">
      <c r="H703167" s="12"/>
    </row>
    <row r="703168" spans="8:8">
      <c r="H703168" s="12"/>
    </row>
    <row r="703169" spans="8:8">
      <c r="H703169" s="12"/>
    </row>
    <row r="703170" spans="8:8">
      <c r="H703170" s="12"/>
    </row>
    <row r="703171" spans="8:8">
      <c r="H703171" s="12"/>
    </row>
    <row r="703172" spans="8:8">
      <c r="H703172" s="12"/>
    </row>
    <row r="703173" spans="8:8">
      <c r="H703173" s="12"/>
    </row>
    <row r="703174" spans="8:8">
      <c r="H703174" s="12"/>
    </row>
    <row r="703175" spans="8:8">
      <c r="H703175" s="12"/>
    </row>
    <row r="703176" spans="8:8">
      <c r="H703176" s="12"/>
    </row>
    <row r="703177" spans="8:8">
      <c r="H703177" s="12"/>
    </row>
    <row r="703178" spans="8:8">
      <c r="H703178" s="12"/>
    </row>
    <row r="703179" spans="8:8">
      <c r="H703179" s="12"/>
    </row>
    <row r="703180" spans="8:8">
      <c r="H703180" s="12"/>
    </row>
    <row r="703181" spans="8:8">
      <c r="H703181" s="12"/>
    </row>
    <row r="703182" spans="8:8">
      <c r="H703182" s="12"/>
    </row>
    <row r="703183" spans="8:8">
      <c r="H703183" s="12"/>
    </row>
    <row r="703184" spans="8:8">
      <c r="H703184" s="12"/>
    </row>
    <row r="703185" spans="8:8">
      <c r="H703185" s="12"/>
    </row>
    <row r="703186" spans="8:8">
      <c r="H703186" s="12"/>
    </row>
    <row r="703187" spans="8:8">
      <c r="H703187" s="12"/>
    </row>
    <row r="703188" spans="8:8">
      <c r="H703188" s="12"/>
    </row>
    <row r="703189" spans="8:8">
      <c r="H703189" s="12"/>
    </row>
    <row r="703190" spans="8:8">
      <c r="H703190" s="12"/>
    </row>
    <row r="703191" spans="8:8">
      <c r="H703191" s="12"/>
    </row>
    <row r="703192" spans="8:8">
      <c r="H703192" s="12"/>
    </row>
    <row r="703193" spans="8:8">
      <c r="H703193" s="12"/>
    </row>
    <row r="703194" spans="8:8">
      <c r="H703194" s="12"/>
    </row>
    <row r="703195" spans="8:8">
      <c r="H703195" s="12"/>
    </row>
    <row r="703196" spans="8:8">
      <c r="H703196" s="12"/>
    </row>
    <row r="703197" spans="8:8">
      <c r="H703197" s="12"/>
    </row>
    <row r="703198" spans="8:8">
      <c r="H703198" s="12"/>
    </row>
    <row r="703199" spans="8:8">
      <c r="H703199" s="12"/>
    </row>
    <row r="703200" spans="8:8">
      <c r="H703200" s="12"/>
    </row>
    <row r="703201" spans="8:8">
      <c r="H703201" s="12"/>
    </row>
    <row r="703202" spans="8:8">
      <c r="H703202" s="12"/>
    </row>
    <row r="703203" spans="8:8">
      <c r="H703203" s="12"/>
    </row>
    <row r="703204" spans="8:8">
      <c r="H703204" s="12"/>
    </row>
    <row r="703205" spans="8:8">
      <c r="H703205" s="12"/>
    </row>
    <row r="703206" spans="8:8">
      <c r="H703206" s="12"/>
    </row>
    <row r="703207" spans="8:8">
      <c r="H703207" s="12"/>
    </row>
    <row r="703208" spans="8:8">
      <c r="H703208" s="12"/>
    </row>
    <row r="703209" spans="8:8">
      <c r="H703209" s="12"/>
    </row>
    <row r="703210" spans="8:8">
      <c r="H703210" s="12"/>
    </row>
    <row r="703211" spans="8:8">
      <c r="H703211" s="12"/>
    </row>
    <row r="703212" spans="8:8">
      <c r="H703212" s="12"/>
    </row>
    <row r="703213" spans="8:8">
      <c r="H703213" s="12"/>
    </row>
    <row r="703214" spans="8:8">
      <c r="H703214" s="12"/>
    </row>
    <row r="703215" spans="8:8">
      <c r="H703215" s="12"/>
    </row>
    <row r="703216" spans="8:8">
      <c r="H703216" s="12"/>
    </row>
    <row r="703217" spans="8:8">
      <c r="H703217" s="12"/>
    </row>
    <row r="703218" spans="8:8">
      <c r="H703218" s="12"/>
    </row>
    <row r="703219" spans="8:8">
      <c r="H703219" s="12"/>
    </row>
    <row r="703220" spans="8:8">
      <c r="H703220" s="12"/>
    </row>
    <row r="703221" spans="8:8">
      <c r="H703221" s="12"/>
    </row>
    <row r="703222" spans="8:8">
      <c r="H703222" s="12"/>
    </row>
    <row r="703223" spans="8:8">
      <c r="H703223" s="12"/>
    </row>
    <row r="703224" spans="8:8">
      <c r="H703224" s="12"/>
    </row>
    <row r="703225" spans="8:8">
      <c r="H703225" s="12"/>
    </row>
    <row r="703226" spans="8:8">
      <c r="H703226" s="12"/>
    </row>
    <row r="703227" spans="8:8">
      <c r="H703227" s="12"/>
    </row>
    <row r="703228" spans="8:8">
      <c r="H703228" s="12"/>
    </row>
    <row r="703229" spans="8:8">
      <c r="H703229" s="12"/>
    </row>
    <row r="703230" spans="8:8">
      <c r="H703230" s="12"/>
    </row>
    <row r="703231" spans="8:8">
      <c r="H703231" s="12"/>
    </row>
    <row r="703232" spans="8:8">
      <c r="H703232" s="12"/>
    </row>
    <row r="703233" spans="8:8">
      <c r="H703233" s="12"/>
    </row>
    <row r="703234" spans="8:8">
      <c r="H703234" s="12"/>
    </row>
    <row r="703235" spans="8:8">
      <c r="H703235" s="12"/>
    </row>
    <row r="703236" spans="8:8">
      <c r="H703236" s="12"/>
    </row>
    <row r="703237" spans="8:8">
      <c r="H703237" s="12"/>
    </row>
    <row r="703238" spans="8:8">
      <c r="H703238" s="12"/>
    </row>
    <row r="703239" spans="8:8">
      <c r="H703239" s="12"/>
    </row>
    <row r="703240" spans="8:8">
      <c r="H703240" s="12"/>
    </row>
    <row r="703241" spans="8:8">
      <c r="H703241" s="12"/>
    </row>
    <row r="703242" spans="8:8">
      <c r="H703242" s="12"/>
    </row>
    <row r="703243" spans="8:8">
      <c r="H703243" s="12"/>
    </row>
    <row r="703244" spans="8:8">
      <c r="H703244" s="12"/>
    </row>
    <row r="703245" spans="8:8">
      <c r="H703245" s="12"/>
    </row>
    <row r="703246" spans="8:8">
      <c r="H703246" s="12"/>
    </row>
    <row r="703247" spans="8:8">
      <c r="H703247" s="12"/>
    </row>
    <row r="703248" spans="8:8">
      <c r="H703248" s="12"/>
    </row>
    <row r="703249" spans="8:8">
      <c r="H703249" s="12"/>
    </row>
    <row r="703250" spans="8:8">
      <c r="H703250" s="12"/>
    </row>
    <row r="703251" spans="8:8">
      <c r="H703251" s="12"/>
    </row>
    <row r="703252" spans="8:8">
      <c r="H703252" s="12"/>
    </row>
    <row r="703253" spans="8:8">
      <c r="H703253" s="12"/>
    </row>
    <row r="703254" spans="8:8">
      <c r="H703254" s="12"/>
    </row>
    <row r="703255" spans="8:8">
      <c r="H703255" s="12"/>
    </row>
    <row r="703256" spans="8:8">
      <c r="H703256" s="12"/>
    </row>
    <row r="703257" spans="8:8">
      <c r="H703257" s="12"/>
    </row>
    <row r="703258" spans="8:8">
      <c r="H703258" s="12"/>
    </row>
    <row r="703259" spans="8:8">
      <c r="H703259" s="12"/>
    </row>
    <row r="703260" spans="8:8">
      <c r="H703260" s="12"/>
    </row>
    <row r="703261" spans="8:8">
      <c r="H703261" s="12"/>
    </row>
    <row r="703262" spans="8:8">
      <c r="H703262" s="12"/>
    </row>
    <row r="703263" spans="8:8">
      <c r="H703263" s="12"/>
    </row>
    <row r="703264" spans="8:8">
      <c r="H703264" s="12"/>
    </row>
    <row r="703265" spans="8:8">
      <c r="H703265" s="12"/>
    </row>
    <row r="703266" spans="8:8">
      <c r="H703266" s="12"/>
    </row>
    <row r="703267" spans="8:8">
      <c r="H703267" s="12"/>
    </row>
    <row r="703268" spans="8:8">
      <c r="H703268" s="12"/>
    </row>
    <row r="703269" spans="8:8">
      <c r="H703269" s="12"/>
    </row>
    <row r="703270" spans="8:8">
      <c r="H703270" s="12"/>
    </row>
    <row r="703271" spans="8:8">
      <c r="H703271" s="12"/>
    </row>
    <row r="703272" spans="8:8">
      <c r="H703272" s="12"/>
    </row>
    <row r="703273" spans="8:8">
      <c r="H703273" s="12"/>
    </row>
    <row r="703274" spans="8:8">
      <c r="H703274" s="12"/>
    </row>
    <row r="703275" spans="8:8">
      <c r="H703275" s="12"/>
    </row>
    <row r="703276" spans="8:8">
      <c r="H703276" s="12"/>
    </row>
    <row r="703277" spans="8:8">
      <c r="H703277" s="12"/>
    </row>
    <row r="703278" spans="8:8">
      <c r="H703278" s="12"/>
    </row>
    <row r="703279" spans="8:8">
      <c r="H703279" s="12"/>
    </row>
    <row r="703280" spans="8:8">
      <c r="H703280" s="12"/>
    </row>
    <row r="703281" spans="8:8">
      <c r="H703281" s="12"/>
    </row>
    <row r="703282" spans="8:8">
      <c r="H703282" s="12"/>
    </row>
    <row r="703283" spans="8:8">
      <c r="H703283" s="12"/>
    </row>
    <row r="703284" spans="8:8">
      <c r="H703284" s="12"/>
    </row>
    <row r="703285" spans="8:8">
      <c r="H703285" s="12"/>
    </row>
    <row r="703286" spans="8:8">
      <c r="H703286" s="12"/>
    </row>
    <row r="703287" spans="8:8">
      <c r="H703287" s="12"/>
    </row>
    <row r="703288" spans="8:8">
      <c r="H703288" s="12"/>
    </row>
    <row r="703289" spans="8:8">
      <c r="H703289" s="12"/>
    </row>
    <row r="703290" spans="8:8">
      <c r="H703290" s="12"/>
    </row>
    <row r="703291" spans="8:8">
      <c r="H703291" s="12"/>
    </row>
    <row r="703292" spans="8:8">
      <c r="H703292" s="12"/>
    </row>
    <row r="703293" spans="8:8">
      <c r="H703293" s="12"/>
    </row>
    <row r="703294" spans="8:8">
      <c r="H703294" s="12"/>
    </row>
    <row r="703295" spans="8:8">
      <c r="H703295" s="12"/>
    </row>
    <row r="703296" spans="8:8">
      <c r="H703296" s="12"/>
    </row>
    <row r="703297" spans="8:8">
      <c r="H703297" s="12"/>
    </row>
    <row r="703298" spans="8:8">
      <c r="H703298" s="12"/>
    </row>
    <row r="703299" spans="8:8">
      <c r="H703299" s="12"/>
    </row>
    <row r="703300" spans="8:8">
      <c r="H703300" s="12"/>
    </row>
    <row r="703301" spans="8:8">
      <c r="H703301" s="12"/>
    </row>
    <row r="703302" spans="8:8">
      <c r="H703302" s="12"/>
    </row>
    <row r="703303" spans="8:8">
      <c r="H703303" s="12"/>
    </row>
    <row r="703304" spans="8:8">
      <c r="H703304" s="12"/>
    </row>
    <row r="703305" spans="8:8">
      <c r="H703305" s="12"/>
    </row>
    <row r="703306" spans="8:8">
      <c r="H703306" s="12"/>
    </row>
    <row r="703307" spans="8:8">
      <c r="H703307" s="12"/>
    </row>
    <row r="703308" spans="8:8">
      <c r="H703308" s="12"/>
    </row>
    <row r="703309" spans="8:8">
      <c r="H703309" s="12"/>
    </row>
    <row r="703310" spans="8:8">
      <c r="H703310" s="12"/>
    </row>
    <row r="703311" spans="8:8">
      <c r="H703311" s="12"/>
    </row>
    <row r="703312" spans="8:8">
      <c r="H703312" s="12"/>
    </row>
    <row r="703313" spans="8:8">
      <c r="H703313" s="12"/>
    </row>
    <row r="703314" spans="8:8">
      <c r="H703314" s="12"/>
    </row>
    <row r="703315" spans="8:8">
      <c r="H703315" s="12"/>
    </row>
    <row r="703316" spans="8:8">
      <c r="H703316" s="12"/>
    </row>
    <row r="703317" spans="8:8">
      <c r="H703317" s="12"/>
    </row>
    <row r="703318" spans="8:8">
      <c r="H703318" s="12"/>
    </row>
    <row r="703319" spans="8:8">
      <c r="H703319" s="12"/>
    </row>
    <row r="703320" spans="8:8">
      <c r="H703320" s="12"/>
    </row>
    <row r="703321" spans="8:8">
      <c r="H703321" s="12"/>
    </row>
    <row r="703322" spans="8:8">
      <c r="H703322" s="12"/>
    </row>
    <row r="703323" spans="8:8">
      <c r="H703323" s="12"/>
    </row>
    <row r="703324" spans="8:8">
      <c r="H703324" s="12"/>
    </row>
    <row r="703325" spans="8:8">
      <c r="H703325" s="12"/>
    </row>
    <row r="703326" spans="8:8">
      <c r="H703326" s="12"/>
    </row>
    <row r="703327" spans="8:8">
      <c r="H703327" s="12"/>
    </row>
    <row r="703328" spans="8:8">
      <c r="H703328" s="12"/>
    </row>
    <row r="703329" spans="8:8">
      <c r="H703329" s="12"/>
    </row>
    <row r="703330" spans="8:8">
      <c r="H703330" s="12"/>
    </row>
    <row r="703331" spans="8:8">
      <c r="H703331" s="12"/>
    </row>
    <row r="703332" spans="8:8">
      <c r="H703332" s="12"/>
    </row>
    <row r="703333" spans="8:8">
      <c r="H703333" s="12"/>
    </row>
    <row r="703334" spans="8:8">
      <c r="H703334" s="12"/>
    </row>
    <row r="703335" spans="8:8">
      <c r="H703335" s="12"/>
    </row>
    <row r="703336" spans="8:8">
      <c r="H703336" s="12"/>
    </row>
    <row r="703337" spans="8:8">
      <c r="H703337" s="12"/>
    </row>
    <row r="703338" spans="8:8">
      <c r="H703338" s="12"/>
    </row>
    <row r="703339" spans="8:8">
      <c r="H703339" s="12"/>
    </row>
    <row r="703340" spans="8:8">
      <c r="H703340" s="12"/>
    </row>
    <row r="703341" spans="8:8">
      <c r="H703341" s="12"/>
    </row>
    <row r="703342" spans="8:8">
      <c r="H703342" s="12"/>
    </row>
    <row r="703343" spans="8:8">
      <c r="H703343" s="12"/>
    </row>
    <row r="703344" spans="8:8">
      <c r="H703344" s="12"/>
    </row>
    <row r="703345" spans="8:8">
      <c r="H703345" s="12"/>
    </row>
    <row r="703346" spans="8:8">
      <c r="H703346" s="12"/>
    </row>
    <row r="703347" spans="8:8">
      <c r="H703347" s="12"/>
    </row>
    <row r="703348" spans="8:8">
      <c r="H703348" s="12"/>
    </row>
    <row r="703349" spans="8:8">
      <c r="H703349" s="12"/>
    </row>
    <row r="703350" spans="8:8">
      <c r="H703350" s="12"/>
    </row>
    <row r="703351" spans="8:8">
      <c r="H703351" s="12"/>
    </row>
    <row r="703352" spans="8:8">
      <c r="H703352" s="12"/>
    </row>
    <row r="703353" spans="8:8">
      <c r="H703353" s="12"/>
    </row>
    <row r="703354" spans="8:8">
      <c r="H703354" s="12"/>
    </row>
    <row r="703355" spans="8:8">
      <c r="H703355" s="12"/>
    </row>
    <row r="703356" spans="8:8">
      <c r="H703356" s="12"/>
    </row>
    <row r="703357" spans="8:8">
      <c r="H703357" s="12"/>
    </row>
    <row r="703358" spans="8:8">
      <c r="H703358" s="12"/>
    </row>
    <row r="703359" spans="8:8">
      <c r="H703359" s="12"/>
    </row>
    <row r="703360" spans="8:8">
      <c r="H703360" s="12"/>
    </row>
    <row r="703361" spans="8:8">
      <c r="H703361" s="12"/>
    </row>
    <row r="703362" spans="8:8">
      <c r="H703362" s="12"/>
    </row>
    <row r="703363" spans="8:8">
      <c r="H703363" s="12"/>
    </row>
    <row r="703364" spans="8:8">
      <c r="H703364" s="12"/>
    </row>
    <row r="703365" spans="8:8">
      <c r="H703365" s="12"/>
    </row>
    <row r="703366" spans="8:8">
      <c r="H703366" s="12"/>
    </row>
    <row r="703367" spans="8:8">
      <c r="H703367" s="12"/>
    </row>
    <row r="703368" spans="8:8">
      <c r="H703368" s="12"/>
    </row>
    <row r="703369" spans="8:8">
      <c r="H703369" s="12"/>
    </row>
    <row r="703370" spans="8:8">
      <c r="H703370" s="12"/>
    </row>
    <row r="703371" spans="8:8">
      <c r="H703371" s="12"/>
    </row>
    <row r="703372" spans="8:8">
      <c r="H703372" s="12"/>
    </row>
    <row r="703373" spans="8:8">
      <c r="H703373" s="12"/>
    </row>
    <row r="703374" spans="8:8">
      <c r="H703374" s="12"/>
    </row>
    <row r="703375" spans="8:8">
      <c r="H703375" s="12"/>
    </row>
    <row r="703376" spans="8:8">
      <c r="H703376" s="12"/>
    </row>
    <row r="703377" spans="8:8">
      <c r="H703377" s="12"/>
    </row>
    <row r="703378" spans="8:8">
      <c r="H703378" s="12"/>
    </row>
    <row r="703379" spans="8:8">
      <c r="H703379" s="12"/>
    </row>
    <row r="703380" spans="8:8">
      <c r="H703380" s="12"/>
    </row>
    <row r="703381" spans="8:8">
      <c r="H703381" s="12"/>
    </row>
    <row r="703382" spans="8:8">
      <c r="H703382" s="12"/>
    </row>
    <row r="703383" spans="8:8">
      <c r="H703383" s="12"/>
    </row>
    <row r="703384" spans="8:8">
      <c r="H703384" s="12"/>
    </row>
    <row r="703385" spans="8:8">
      <c r="H703385" s="12"/>
    </row>
    <row r="703386" spans="8:8">
      <c r="H703386" s="12"/>
    </row>
    <row r="703387" spans="8:8">
      <c r="H703387" s="12"/>
    </row>
    <row r="703388" spans="8:8">
      <c r="H703388" s="12"/>
    </row>
    <row r="703389" spans="8:8">
      <c r="H703389" s="12"/>
    </row>
    <row r="703390" spans="8:8">
      <c r="H703390" s="12"/>
    </row>
    <row r="703391" spans="8:8">
      <c r="H703391" s="12"/>
    </row>
    <row r="703392" spans="8:8">
      <c r="H703392" s="12"/>
    </row>
    <row r="703393" spans="8:8">
      <c r="H703393" s="12"/>
    </row>
    <row r="703394" spans="8:8">
      <c r="H703394" s="12"/>
    </row>
    <row r="703395" spans="8:8">
      <c r="H703395" s="12"/>
    </row>
    <row r="703396" spans="8:8">
      <c r="H703396" s="12"/>
    </row>
    <row r="703397" spans="8:8">
      <c r="H703397" s="12"/>
    </row>
    <row r="703398" spans="8:8">
      <c r="H703398" s="12"/>
    </row>
    <row r="703399" spans="8:8">
      <c r="H703399" s="12"/>
    </row>
    <row r="703400" spans="8:8">
      <c r="H703400" s="12"/>
    </row>
    <row r="703401" spans="8:8">
      <c r="H703401" s="12"/>
    </row>
    <row r="703402" spans="8:8">
      <c r="H703402" s="12"/>
    </row>
    <row r="703403" spans="8:8">
      <c r="H703403" s="12"/>
    </row>
    <row r="703404" spans="8:8">
      <c r="H703404" s="12"/>
    </row>
    <row r="703405" spans="8:8">
      <c r="H703405" s="12"/>
    </row>
    <row r="703406" spans="8:8">
      <c r="H703406" s="12"/>
    </row>
    <row r="703407" spans="8:8">
      <c r="H703407" s="12"/>
    </row>
    <row r="703408" spans="8:8">
      <c r="H703408" s="12"/>
    </row>
    <row r="703409" spans="8:8">
      <c r="H703409" s="12"/>
    </row>
    <row r="703410" spans="8:8">
      <c r="H703410" s="12"/>
    </row>
    <row r="703411" spans="8:8">
      <c r="H703411" s="12"/>
    </row>
    <row r="703412" spans="8:8">
      <c r="H703412" s="12"/>
    </row>
    <row r="703413" spans="8:8">
      <c r="H703413" s="12"/>
    </row>
    <row r="703414" spans="8:8">
      <c r="H703414" s="12"/>
    </row>
    <row r="703415" spans="8:8">
      <c r="H703415" s="12"/>
    </row>
    <row r="703416" spans="8:8">
      <c r="H703416" s="12"/>
    </row>
    <row r="703417" spans="8:8">
      <c r="H703417" s="12"/>
    </row>
    <row r="703418" spans="8:8">
      <c r="H703418" s="12"/>
    </row>
    <row r="703419" spans="8:8">
      <c r="H703419" s="12"/>
    </row>
    <row r="703420" spans="8:8">
      <c r="H703420" s="12"/>
    </row>
    <row r="703421" spans="8:8">
      <c r="H703421" s="12"/>
    </row>
    <row r="703422" spans="8:8">
      <c r="H703422" s="12"/>
    </row>
    <row r="703423" spans="8:8">
      <c r="H703423" s="12"/>
    </row>
    <row r="703424" spans="8:8">
      <c r="H703424" s="12"/>
    </row>
    <row r="703425" spans="8:8">
      <c r="H703425" s="12"/>
    </row>
    <row r="703426" spans="8:8">
      <c r="H703426" s="12"/>
    </row>
    <row r="703427" spans="8:8">
      <c r="H703427" s="12"/>
    </row>
    <row r="703428" spans="8:8">
      <c r="H703428" s="12"/>
    </row>
    <row r="703429" spans="8:8">
      <c r="H703429" s="12"/>
    </row>
    <row r="703430" spans="8:8">
      <c r="H703430" s="12"/>
    </row>
    <row r="703431" spans="8:8">
      <c r="H703431" s="12"/>
    </row>
    <row r="703432" spans="8:8">
      <c r="H703432" s="12"/>
    </row>
    <row r="703433" spans="8:8">
      <c r="H703433" s="12"/>
    </row>
    <row r="703434" spans="8:8">
      <c r="H703434" s="12"/>
    </row>
    <row r="703435" spans="8:8">
      <c r="H703435" s="12"/>
    </row>
    <row r="703436" spans="8:8">
      <c r="H703436" s="12"/>
    </row>
    <row r="703437" spans="8:8">
      <c r="H703437" s="12"/>
    </row>
    <row r="703438" spans="8:8">
      <c r="H703438" s="12"/>
    </row>
    <row r="703439" spans="8:8">
      <c r="H703439" s="12"/>
    </row>
    <row r="703440" spans="8:8">
      <c r="H703440" s="12"/>
    </row>
    <row r="703441" spans="8:8">
      <c r="H703441" s="12"/>
    </row>
    <row r="703442" spans="8:8">
      <c r="H703442" s="12"/>
    </row>
    <row r="703443" spans="8:8">
      <c r="H703443" s="12"/>
    </row>
    <row r="703444" spans="8:8">
      <c r="H703444" s="12"/>
    </row>
    <row r="703445" spans="8:8">
      <c r="H703445" s="12"/>
    </row>
    <row r="703446" spans="8:8">
      <c r="H703446" s="12"/>
    </row>
    <row r="703447" spans="8:8">
      <c r="H703447" s="12"/>
    </row>
    <row r="703448" spans="8:8">
      <c r="H703448" s="12"/>
    </row>
    <row r="703449" spans="8:8">
      <c r="H703449" s="12"/>
    </row>
    <row r="703450" spans="8:8">
      <c r="H703450" s="12"/>
    </row>
    <row r="703451" spans="8:8">
      <c r="H703451" s="12"/>
    </row>
    <row r="703452" spans="8:8">
      <c r="H703452" s="12"/>
    </row>
    <row r="703453" spans="8:8">
      <c r="H703453" s="12"/>
    </row>
    <row r="703454" spans="8:8">
      <c r="H703454" s="12"/>
    </row>
    <row r="703455" spans="8:8">
      <c r="H703455" s="12"/>
    </row>
    <row r="703456" spans="8:8">
      <c r="H703456" s="12"/>
    </row>
    <row r="703457" spans="8:8">
      <c r="H703457" s="12"/>
    </row>
    <row r="703458" spans="8:8">
      <c r="H703458" s="12"/>
    </row>
    <row r="703459" spans="8:8">
      <c r="H703459" s="12"/>
    </row>
    <row r="703460" spans="8:8">
      <c r="H703460" s="12"/>
    </row>
    <row r="703461" spans="8:8">
      <c r="H703461" s="12"/>
    </row>
    <row r="703462" spans="8:8">
      <c r="H703462" s="12"/>
    </row>
    <row r="703463" spans="8:8">
      <c r="H703463" s="12"/>
    </row>
    <row r="703464" spans="8:8">
      <c r="H703464" s="12"/>
    </row>
    <row r="703465" spans="8:8">
      <c r="H703465" s="12"/>
    </row>
    <row r="703466" spans="8:8">
      <c r="H703466" s="12"/>
    </row>
    <row r="703467" spans="8:8">
      <c r="H703467" s="12"/>
    </row>
    <row r="703468" spans="8:8">
      <c r="H703468" s="12"/>
    </row>
    <row r="703469" spans="8:8">
      <c r="H703469" s="12"/>
    </row>
    <row r="703470" spans="8:8">
      <c r="H703470" s="12"/>
    </row>
    <row r="703471" spans="8:8">
      <c r="H703471" s="12"/>
    </row>
    <row r="703472" spans="8:8">
      <c r="H703472" s="12"/>
    </row>
    <row r="703473" spans="8:8">
      <c r="H703473" s="12"/>
    </row>
    <row r="703474" spans="8:8">
      <c r="H703474" s="12"/>
    </row>
    <row r="703475" spans="8:8">
      <c r="H703475" s="12"/>
    </row>
    <row r="703476" spans="8:8">
      <c r="H703476" s="12"/>
    </row>
    <row r="703477" spans="8:8">
      <c r="H703477" s="12"/>
    </row>
    <row r="703478" spans="8:8">
      <c r="H703478" s="12"/>
    </row>
    <row r="703479" spans="8:8">
      <c r="H703479" s="12"/>
    </row>
    <row r="703480" spans="8:8">
      <c r="H703480" s="12"/>
    </row>
    <row r="703481" spans="8:8">
      <c r="H703481" s="12"/>
    </row>
    <row r="703482" spans="8:8">
      <c r="H703482" s="12"/>
    </row>
    <row r="703483" spans="8:8">
      <c r="H703483" s="12"/>
    </row>
    <row r="703484" spans="8:8">
      <c r="H703484" s="12"/>
    </row>
    <row r="703485" spans="8:8">
      <c r="H703485" s="12"/>
    </row>
    <row r="703486" spans="8:8">
      <c r="H703486" s="12"/>
    </row>
    <row r="703487" spans="8:8">
      <c r="H703487" s="12"/>
    </row>
    <row r="703488" spans="8:8">
      <c r="H703488" s="12"/>
    </row>
    <row r="703489" spans="8:8">
      <c r="H703489" s="12"/>
    </row>
    <row r="703490" spans="8:8">
      <c r="H703490" s="12"/>
    </row>
    <row r="703491" spans="8:8">
      <c r="H703491" s="12"/>
    </row>
    <row r="703492" spans="8:8">
      <c r="H703492" s="12"/>
    </row>
    <row r="703493" spans="8:8">
      <c r="H703493" s="12"/>
    </row>
    <row r="703494" spans="8:8">
      <c r="H703494" s="12"/>
    </row>
    <row r="703495" spans="8:8">
      <c r="H703495" s="12"/>
    </row>
    <row r="703496" spans="8:8">
      <c r="H703496" s="12"/>
    </row>
    <row r="703497" spans="8:8">
      <c r="H703497" s="12"/>
    </row>
    <row r="703498" spans="8:8">
      <c r="H703498" s="12"/>
    </row>
    <row r="703499" spans="8:8">
      <c r="H703499" s="12"/>
    </row>
    <row r="703500" spans="8:8">
      <c r="H703500" s="12"/>
    </row>
    <row r="703501" spans="8:8">
      <c r="H703501" s="12"/>
    </row>
    <row r="703502" spans="8:8">
      <c r="H703502" s="12"/>
    </row>
    <row r="703503" spans="8:8">
      <c r="H703503" s="12"/>
    </row>
    <row r="703504" spans="8:8">
      <c r="H703504" s="12"/>
    </row>
    <row r="703505" spans="8:8">
      <c r="H703505" s="12"/>
    </row>
    <row r="703506" spans="8:8">
      <c r="H703506" s="12"/>
    </row>
    <row r="703507" spans="8:8">
      <c r="H703507" s="12"/>
    </row>
    <row r="703508" spans="8:8">
      <c r="H703508" s="12"/>
    </row>
    <row r="703509" spans="8:8">
      <c r="H703509" s="12"/>
    </row>
    <row r="703510" spans="8:8">
      <c r="H703510" s="12"/>
    </row>
    <row r="703511" spans="8:8">
      <c r="H703511" s="12"/>
    </row>
    <row r="703512" spans="8:8">
      <c r="H703512" s="12"/>
    </row>
    <row r="703513" spans="8:8">
      <c r="H703513" s="12"/>
    </row>
    <row r="703514" spans="8:8">
      <c r="H703514" s="12"/>
    </row>
    <row r="703515" spans="8:8">
      <c r="H703515" s="12"/>
    </row>
    <row r="703516" spans="8:8">
      <c r="H703516" s="12"/>
    </row>
    <row r="703517" spans="8:8">
      <c r="H703517" s="12"/>
    </row>
    <row r="703518" spans="8:8">
      <c r="H703518" s="12"/>
    </row>
    <row r="703519" spans="8:8">
      <c r="H703519" s="12"/>
    </row>
    <row r="703520" spans="8:8">
      <c r="H703520" s="12"/>
    </row>
    <row r="703521" spans="8:8">
      <c r="H703521" s="12"/>
    </row>
    <row r="703522" spans="8:8">
      <c r="H703522" s="12"/>
    </row>
    <row r="703523" spans="8:8">
      <c r="H703523" s="12"/>
    </row>
    <row r="703524" spans="8:8">
      <c r="H703524" s="12"/>
    </row>
    <row r="703525" spans="8:8">
      <c r="H703525" s="12"/>
    </row>
    <row r="703526" spans="8:8">
      <c r="H703526" s="12"/>
    </row>
    <row r="703527" spans="8:8">
      <c r="H703527" s="12"/>
    </row>
    <row r="703528" spans="8:8">
      <c r="H703528" s="12"/>
    </row>
    <row r="703529" spans="8:8">
      <c r="H703529" s="12"/>
    </row>
    <row r="703530" spans="8:8">
      <c r="H703530" s="12"/>
    </row>
    <row r="703531" spans="8:8">
      <c r="H703531" s="12"/>
    </row>
    <row r="703532" spans="8:8">
      <c r="H703532" s="12"/>
    </row>
    <row r="703533" spans="8:8">
      <c r="H703533" s="12"/>
    </row>
    <row r="703534" spans="8:8">
      <c r="H703534" s="12"/>
    </row>
    <row r="703535" spans="8:8">
      <c r="H703535" s="12"/>
    </row>
    <row r="703536" spans="8:8">
      <c r="H703536" s="12"/>
    </row>
    <row r="703537" spans="8:8">
      <c r="H703537" s="12"/>
    </row>
    <row r="703538" spans="8:8">
      <c r="H703538" s="12"/>
    </row>
    <row r="703539" spans="8:8">
      <c r="H703539" s="12"/>
    </row>
    <row r="703540" spans="8:8">
      <c r="H703540" s="12"/>
    </row>
    <row r="703541" spans="8:8">
      <c r="H703541" s="12"/>
    </row>
    <row r="703542" spans="8:8">
      <c r="H703542" s="12"/>
    </row>
    <row r="703543" spans="8:8">
      <c r="H703543" s="12"/>
    </row>
    <row r="703544" spans="8:8">
      <c r="H703544" s="12"/>
    </row>
    <row r="703545" spans="8:8">
      <c r="H703545" s="12"/>
    </row>
    <row r="703546" spans="8:8">
      <c r="H703546" s="12"/>
    </row>
    <row r="703547" spans="8:8">
      <c r="H703547" s="12"/>
    </row>
    <row r="703548" spans="8:8">
      <c r="H703548" s="12"/>
    </row>
    <row r="703549" spans="8:8">
      <c r="H703549" s="12"/>
    </row>
    <row r="703550" spans="8:8">
      <c r="H703550" s="12"/>
    </row>
    <row r="703551" spans="8:8">
      <c r="H703551" s="12"/>
    </row>
    <row r="703552" spans="8:8">
      <c r="H703552" s="12"/>
    </row>
    <row r="703553" spans="8:8">
      <c r="H703553" s="12"/>
    </row>
    <row r="703554" spans="8:8">
      <c r="H703554" s="12"/>
    </row>
    <row r="703555" spans="8:8">
      <c r="H703555" s="12"/>
    </row>
    <row r="703556" spans="8:8">
      <c r="H703556" s="12"/>
    </row>
    <row r="703557" spans="8:8">
      <c r="H703557" s="12"/>
    </row>
    <row r="703558" spans="8:8">
      <c r="H703558" s="12"/>
    </row>
    <row r="703559" spans="8:8">
      <c r="H703559" s="12"/>
    </row>
    <row r="703560" spans="8:8">
      <c r="H703560" s="12"/>
    </row>
    <row r="703561" spans="8:8">
      <c r="H703561" s="12"/>
    </row>
    <row r="703562" spans="8:8">
      <c r="H703562" s="12"/>
    </row>
    <row r="703563" spans="8:8">
      <c r="H703563" s="12"/>
    </row>
    <row r="703564" spans="8:8">
      <c r="H703564" s="12"/>
    </row>
    <row r="703565" spans="8:8">
      <c r="H703565" s="12"/>
    </row>
    <row r="703566" spans="8:8">
      <c r="H703566" s="12"/>
    </row>
    <row r="703567" spans="8:8">
      <c r="H703567" s="12"/>
    </row>
    <row r="703568" spans="8:8">
      <c r="H703568" s="12"/>
    </row>
    <row r="703569" spans="8:8">
      <c r="H703569" s="12"/>
    </row>
    <row r="703570" spans="8:8">
      <c r="H703570" s="12"/>
    </row>
    <row r="703571" spans="8:8">
      <c r="H703571" s="12"/>
    </row>
    <row r="703572" spans="8:8">
      <c r="H703572" s="12"/>
    </row>
    <row r="703573" spans="8:8">
      <c r="H703573" s="12"/>
    </row>
    <row r="703574" spans="8:8">
      <c r="H703574" s="12"/>
    </row>
    <row r="703575" spans="8:8">
      <c r="H703575" s="12"/>
    </row>
    <row r="703576" spans="8:8">
      <c r="H703576" s="12"/>
    </row>
    <row r="703577" spans="8:8">
      <c r="H703577" s="12"/>
    </row>
    <row r="703578" spans="8:8">
      <c r="H703578" s="12"/>
    </row>
    <row r="703579" spans="8:8">
      <c r="H703579" s="12"/>
    </row>
    <row r="703580" spans="8:8">
      <c r="H703580" s="12"/>
    </row>
    <row r="703581" spans="8:8">
      <c r="H703581" s="12"/>
    </row>
    <row r="703582" spans="8:8">
      <c r="H703582" s="12"/>
    </row>
    <row r="703583" spans="8:8">
      <c r="H703583" s="12"/>
    </row>
    <row r="703584" spans="8:8">
      <c r="H703584" s="12"/>
    </row>
    <row r="703585" spans="8:8">
      <c r="H703585" s="12"/>
    </row>
    <row r="703586" spans="8:8">
      <c r="H703586" s="12"/>
    </row>
    <row r="703587" spans="8:8">
      <c r="H703587" s="12"/>
    </row>
    <row r="703588" spans="8:8">
      <c r="H703588" s="12"/>
    </row>
    <row r="703589" spans="8:8">
      <c r="H703589" s="12"/>
    </row>
    <row r="703590" spans="8:8">
      <c r="H703590" s="12"/>
    </row>
    <row r="703591" spans="8:8">
      <c r="H703591" s="12"/>
    </row>
    <row r="703592" spans="8:8">
      <c r="H703592" s="12"/>
    </row>
    <row r="703593" spans="8:8">
      <c r="H703593" s="12"/>
    </row>
    <row r="703594" spans="8:8">
      <c r="H703594" s="12"/>
    </row>
    <row r="703595" spans="8:8">
      <c r="H703595" s="12"/>
    </row>
    <row r="703596" spans="8:8">
      <c r="H703596" s="12"/>
    </row>
    <row r="703597" spans="8:8">
      <c r="H703597" s="12"/>
    </row>
    <row r="703598" spans="8:8">
      <c r="H703598" s="12"/>
    </row>
    <row r="703599" spans="8:8">
      <c r="H703599" s="12"/>
    </row>
    <row r="703600" spans="8:8">
      <c r="H703600" s="12"/>
    </row>
    <row r="703601" spans="8:8">
      <c r="H703601" s="12"/>
    </row>
    <row r="703602" spans="8:8">
      <c r="H703602" s="12"/>
    </row>
    <row r="703603" spans="8:8">
      <c r="H703603" s="12"/>
    </row>
    <row r="703604" spans="8:8">
      <c r="H703604" s="12"/>
    </row>
    <row r="703605" spans="8:8">
      <c r="H703605" s="12"/>
    </row>
    <row r="703606" spans="8:8">
      <c r="H703606" s="12"/>
    </row>
    <row r="703607" spans="8:8">
      <c r="H703607" s="12"/>
    </row>
    <row r="703608" spans="8:8">
      <c r="H703608" s="12"/>
    </row>
    <row r="703609" spans="8:8">
      <c r="H703609" s="12"/>
    </row>
    <row r="703610" spans="8:8">
      <c r="H703610" s="12"/>
    </row>
    <row r="703611" spans="8:8">
      <c r="H703611" s="12"/>
    </row>
    <row r="703612" spans="8:8">
      <c r="H703612" s="12"/>
    </row>
    <row r="703613" spans="8:8">
      <c r="H703613" s="12"/>
    </row>
    <row r="703614" spans="8:8">
      <c r="H703614" s="12"/>
    </row>
    <row r="703615" spans="8:8">
      <c r="H703615" s="12"/>
    </row>
    <row r="703616" spans="8:8">
      <c r="H703616" s="12"/>
    </row>
    <row r="703617" spans="8:8">
      <c r="H703617" s="12"/>
    </row>
    <row r="703618" spans="8:8">
      <c r="H703618" s="12"/>
    </row>
    <row r="703619" spans="8:8">
      <c r="H703619" s="12"/>
    </row>
    <row r="703620" spans="8:8">
      <c r="H703620" s="12"/>
    </row>
    <row r="703621" spans="8:8">
      <c r="H703621" s="12"/>
    </row>
    <row r="703622" spans="8:8">
      <c r="H703622" s="12"/>
    </row>
    <row r="703623" spans="8:8">
      <c r="H703623" s="12"/>
    </row>
    <row r="703624" spans="8:8">
      <c r="H703624" s="12"/>
    </row>
    <row r="703625" spans="8:8">
      <c r="H703625" s="12"/>
    </row>
    <row r="703626" spans="8:8">
      <c r="H703626" s="12"/>
    </row>
    <row r="703627" spans="8:8">
      <c r="H703627" s="12"/>
    </row>
    <row r="703628" spans="8:8">
      <c r="H703628" s="12"/>
    </row>
    <row r="703629" spans="8:8">
      <c r="H703629" s="12"/>
    </row>
    <row r="703630" spans="8:8">
      <c r="H703630" s="12"/>
    </row>
    <row r="703631" spans="8:8">
      <c r="H703631" s="12"/>
    </row>
    <row r="703632" spans="8:8">
      <c r="H703632" s="12"/>
    </row>
    <row r="703633" spans="8:8">
      <c r="H703633" s="12"/>
    </row>
    <row r="703634" spans="8:8">
      <c r="H703634" s="12"/>
    </row>
    <row r="703635" spans="8:8">
      <c r="H703635" s="12"/>
    </row>
    <row r="703636" spans="8:8">
      <c r="H703636" s="12"/>
    </row>
    <row r="703637" spans="8:8">
      <c r="H703637" s="12"/>
    </row>
    <row r="703638" spans="8:8">
      <c r="H703638" s="12"/>
    </row>
    <row r="703639" spans="8:8">
      <c r="H703639" s="12"/>
    </row>
    <row r="703640" spans="8:8">
      <c r="H703640" s="12"/>
    </row>
    <row r="703641" spans="8:8">
      <c r="H703641" s="12"/>
    </row>
    <row r="703642" spans="8:8">
      <c r="H703642" s="12"/>
    </row>
    <row r="703643" spans="8:8">
      <c r="H703643" s="12"/>
    </row>
    <row r="703644" spans="8:8">
      <c r="H703644" s="12"/>
    </row>
    <row r="703645" spans="8:8">
      <c r="H703645" s="12"/>
    </row>
    <row r="703646" spans="8:8">
      <c r="H703646" s="12"/>
    </row>
    <row r="703647" spans="8:8">
      <c r="H703647" s="12"/>
    </row>
    <row r="703648" spans="8:8">
      <c r="H703648" s="12"/>
    </row>
    <row r="703649" spans="8:8">
      <c r="H703649" s="12"/>
    </row>
    <row r="703650" spans="8:8">
      <c r="H703650" s="12"/>
    </row>
    <row r="703651" spans="8:8">
      <c r="H703651" s="12"/>
    </row>
    <row r="703652" spans="8:8">
      <c r="H703652" s="12"/>
    </row>
    <row r="703653" spans="8:8">
      <c r="H703653" s="12"/>
    </row>
    <row r="703654" spans="8:8">
      <c r="H703654" s="12"/>
    </row>
    <row r="703655" spans="8:8">
      <c r="H703655" s="12"/>
    </row>
    <row r="703656" spans="8:8">
      <c r="H703656" s="12"/>
    </row>
    <row r="703657" spans="8:8">
      <c r="H703657" s="12"/>
    </row>
    <row r="703658" spans="8:8">
      <c r="H703658" s="12"/>
    </row>
    <row r="703659" spans="8:8">
      <c r="H703659" s="12"/>
    </row>
    <row r="703660" spans="8:8">
      <c r="H703660" s="12"/>
    </row>
    <row r="703661" spans="8:8">
      <c r="H703661" s="12"/>
    </row>
    <row r="703662" spans="8:8">
      <c r="H703662" s="12"/>
    </row>
    <row r="703663" spans="8:8">
      <c r="H703663" s="12"/>
    </row>
    <row r="703664" spans="8:8">
      <c r="H703664" s="12"/>
    </row>
    <row r="703665" spans="8:8">
      <c r="H703665" s="12"/>
    </row>
    <row r="703666" spans="8:8">
      <c r="H703666" s="12"/>
    </row>
    <row r="703667" spans="8:8">
      <c r="H703667" s="12"/>
    </row>
    <row r="703668" spans="8:8">
      <c r="H703668" s="12"/>
    </row>
    <row r="703669" spans="8:8">
      <c r="H703669" s="12"/>
    </row>
    <row r="703670" spans="8:8">
      <c r="H703670" s="12"/>
    </row>
    <row r="703671" spans="8:8">
      <c r="H703671" s="12"/>
    </row>
    <row r="703672" spans="8:8">
      <c r="H703672" s="12"/>
    </row>
    <row r="703673" spans="8:8">
      <c r="H703673" s="12"/>
    </row>
    <row r="703674" spans="8:8">
      <c r="H703674" s="12"/>
    </row>
    <row r="703675" spans="8:8">
      <c r="H703675" s="12"/>
    </row>
    <row r="703676" spans="8:8">
      <c r="H703676" s="12"/>
    </row>
    <row r="703677" spans="8:8">
      <c r="H703677" s="12"/>
    </row>
    <row r="703678" spans="8:8">
      <c r="H703678" s="12"/>
    </row>
    <row r="703679" spans="8:8">
      <c r="H703679" s="12"/>
    </row>
    <row r="703680" spans="8:8">
      <c r="H703680" s="12"/>
    </row>
    <row r="703681" spans="8:8">
      <c r="H703681" s="12"/>
    </row>
    <row r="703682" spans="8:8">
      <c r="H703682" s="12"/>
    </row>
    <row r="703683" spans="8:8">
      <c r="H703683" s="12"/>
    </row>
    <row r="703684" spans="8:8">
      <c r="H703684" s="12"/>
    </row>
    <row r="703685" spans="8:8">
      <c r="H703685" s="12"/>
    </row>
    <row r="703686" spans="8:8">
      <c r="H703686" s="12"/>
    </row>
    <row r="703687" spans="8:8">
      <c r="H703687" s="12"/>
    </row>
    <row r="703688" spans="8:8">
      <c r="H703688" s="12"/>
    </row>
    <row r="703689" spans="8:8">
      <c r="H703689" s="12"/>
    </row>
    <row r="703690" spans="8:8">
      <c r="H703690" s="12"/>
    </row>
    <row r="703691" spans="8:8">
      <c r="H703691" s="12"/>
    </row>
    <row r="703692" spans="8:8">
      <c r="H703692" s="12"/>
    </row>
    <row r="703693" spans="8:8">
      <c r="H703693" s="12"/>
    </row>
    <row r="703694" spans="8:8">
      <c r="H703694" s="12"/>
    </row>
    <row r="703695" spans="8:8">
      <c r="H703695" s="12"/>
    </row>
    <row r="703696" spans="8:8">
      <c r="H703696" s="12"/>
    </row>
    <row r="703697" spans="8:8">
      <c r="H703697" s="12"/>
    </row>
    <row r="703698" spans="8:8">
      <c r="H703698" s="12"/>
    </row>
    <row r="703699" spans="8:8">
      <c r="H703699" s="12"/>
    </row>
    <row r="703700" spans="8:8">
      <c r="H703700" s="12"/>
    </row>
    <row r="703701" spans="8:8">
      <c r="H703701" s="12"/>
    </row>
    <row r="703702" spans="8:8">
      <c r="H703702" s="12"/>
    </row>
    <row r="703703" spans="8:8">
      <c r="H703703" s="12"/>
    </row>
    <row r="703704" spans="8:8">
      <c r="H703704" s="12"/>
    </row>
    <row r="703705" spans="8:8">
      <c r="H703705" s="12"/>
    </row>
    <row r="703706" spans="8:8">
      <c r="H703706" s="12"/>
    </row>
    <row r="703707" spans="8:8">
      <c r="H703707" s="12"/>
    </row>
    <row r="703708" spans="8:8">
      <c r="H703708" s="12"/>
    </row>
    <row r="703709" spans="8:8">
      <c r="H703709" s="12"/>
    </row>
    <row r="703710" spans="8:8">
      <c r="H703710" s="12"/>
    </row>
    <row r="703711" spans="8:8">
      <c r="H703711" s="12"/>
    </row>
    <row r="703712" spans="8:8">
      <c r="H703712" s="12"/>
    </row>
    <row r="703713" spans="8:8">
      <c r="H703713" s="12"/>
    </row>
    <row r="703714" spans="8:8">
      <c r="H703714" s="12"/>
    </row>
    <row r="703715" spans="8:8">
      <c r="H703715" s="12"/>
    </row>
    <row r="703716" spans="8:8">
      <c r="H703716" s="12"/>
    </row>
    <row r="703717" spans="8:8">
      <c r="H703717" s="12"/>
    </row>
    <row r="703718" spans="8:8">
      <c r="H703718" s="12"/>
    </row>
    <row r="703719" spans="8:8">
      <c r="H703719" s="12"/>
    </row>
    <row r="703720" spans="8:8">
      <c r="H703720" s="12"/>
    </row>
    <row r="703721" spans="8:8">
      <c r="H703721" s="12"/>
    </row>
    <row r="703722" spans="8:8">
      <c r="H703722" s="12"/>
    </row>
    <row r="703723" spans="8:8">
      <c r="H703723" s="12"/>
    </row>
    <row r="703724" spans="8:8">
      <c r="H703724" s="12"/>
    </row>
    <row r="703725" spans="8:8">
      <c r="H703725" s="12"/>
    </row>
    <row r="703726" spans="8:8">
      <c r="H703726" s="12"/>
    </row>
    <row r="703727" spans="8:8">
      <c r="H703727" s="12"/>
    </row>
    <row r="703728" spans="8:8">
      <c r="H703728" s="12"/>
    </row>
    <row r="703729" spans="8:8">
      <c r="H703729" s="12"/>
    </row>
    <row r="703730" spans="8:8">
      <c r="H703730" s="12"/>
    </row>
    <row r="703731" spans="8:8">
      <c r="H703731" s="12"/>
    </row>
    <row r="703732" spans="8:8">
      <c r="H703732" s="12"/>
    </row>
    <row r="703733" spans="8:8">
      <c r="H703733" s="12"/>
    </row>
    <row r="703734" spans="8:8">
      <c r="H703734" s="12"/>
    </row>
    <row r="703735" spans="8:8">
      <c r="H703735" s="12"/>
    </row>
    <row r="703736" spans="8:8">
      <c r="H703736" s="12"/>
    </row>
    <row r="703737" spans="8:8">
      <c r="H703737" s="12"/>
    </row>
    <row r="703738" spans="8:8">
      <c r="H703738" s="12"/>
    </row>
    <row r="703739" spans="8:8">
      <c r="H703739" s="12"/>
    </row>
    <row r="703740" spans="8:8">
      <c r="H703740" s="12"/>
    </row>
    <row r="703741" spans="8:8">
      <c r="H703741" s="12"/>
    </row>
    <row r="703742" spans="8:8">
      <c r="H703742" s="12"/>
    </row>
    <row r="703743" spans="8:8">
      <c r="H703743" s="12"/>
    </row>
    <row r="703744" spans="8:8">
      <c r="H703744" s="12"/>
    </row>
    <row r="703745" spans="8:8">
      <c r="H703745" s="12"/>
    </row>
    <row r="703746" spans="8:8">
      <c r="H703746" s="12"/>
    </row>
    <row r="703747" spans="8:8">
      <c r="H703747" s="12"/>
    </row>
    <row r="703748" spans="8:8">
      <c r="H703748" s="12"/>
    </row>
    <row r="703749" spans="8:8">
      <c r="H703749" s="12"/>
    </row>
    <row r="703750" spans="8:8">
      <c r="H703750" s="12"/>
    </row>
    <row r="703751" spans="8:8">
      <c r="H703751" s="12"/>
    </row>
    <row r="703752" spans="8:8">
      <c r="H703752" s="12"/>
    </row>
    <row r="703753" spans="8:8">
      <c r="H703753" s="12"/>
    </row>
    <row r="703754" spans="8:8">
      <c r="H703754" s="12"/>
    </row>
    <row r="703755" spans="8:8">
      <c r="H703755" s="12"/>
    </row>
    <row r="703756" spans="8:8">
      <c r="H703756" s="12"/>
    </row>
    <row r="703757" spans="8:8">
      <c r="H703757" s="12"/>
    </row>
    <row r="703758" spans="8:8">
      <c r="H703758" s="12"/>
    </row>
    <row r="703759" spans="8:8">
      <c r="H703759" s="12"/>
    </row>
    <row r="703760" spans="8:8">
      <c r="H703760" s="12"/>
    </row>
    <row r="703761" spans="8:8">
      <c r="H703761" s="12"/>
    </row>
    <row r="703762" spans="8:8">
      <c r="H703762" s="12"/>
    </row>
    <row r="703763" spans="8:8">
      <c r="H703763" s="12"/>
    </row>
    <row r="703764" spans="8:8">
      <c r="H703764" s="12"/>
    </row>
    <row r="703765" spans="8:8">
      <c r="H703765" s="12"/>
    </row>
    <row r="703766" spans="8:8">
      <c r="H703766" s="12"/>
    </row>
    <row r="703767" spans="8:8">
      <c r="H703767" s="12"/>
    </row>
    <row r="703768" spans="8:8">
      <c r="H703768" s="12"/>
    </row>
    <row r="703769" spans="8:8">
      <c r="H703769" s="12"/>
    </row>
    <row r="703770" spans="8:8">
      <c r="H703770" s="12"/>
    </row>
    <row r="703771" spans="8:8">
      <c r="H703771" s="12"/>
    </row>
    <row r="703772" spans="8:8">
      <c r="H703772" s="12"/>
    </row>
    <row r="703773" spans="8:8">
      <c r="H703773" s="12"/>
    </row>
    <row r="703774" spans="8:8">
      <c r="H703774" s="12"/>
    </row>
    <row r="703775" spans="8:8">
      <c r="H703775" s="12"/>
    </row>
    <row r="703776" spans="8:8">
      <c r="H703776" s="12"/>
    </row>
    <row r="703777" spans="8:8">
      <c r="H703777" s="12"/>
    </row>
    <row r="703778" spans="8:8">
      <c r="H703778" s="12"/>
    </row>
    <row r="703779" spans="8:8">
      <c r="H703779" s="12"/>
    </row>
    <row r="703780" spans="8:8">
      <c r="H703780" s="12"/>
    </row>
    <row r="703781" spans="8:8">
      <c r="H703781" s="12"/>
    </row>
    <row r="703782" spans="8:8">
      <c r="H703782" s="12"/>
    </row>
    <row r="703783" spans="8:8">
      <c r="H703783" s="12"/>
    </row>
    <row r="703784" spans="8:8">
      <c r="H703784" s="12"/>
    </row>
    <row r="703785" spans="8:8">
      <c r="H703785" s="12"/>
    </row>
    <row r="703786" spans="8:8">
      <c r="H703786" s="12"/>
    </row>
    <row r="703787" spans="8:8">
      <c r="H703787" s="12"/>
    </row>
    <row r="703788" spans="8:8">
      <c r="H703788" s="12"/>
    </row>
    <row r="703789" spans="8:8">
      <c r="H703789" s="12"/>
    </row>
    <row r="703790" spans="8:8">
      <c r="H703790" s="12"/>
    </row>
    <row r="703791" spans="8:8">
      <c r="H703791" s="12"/>
    </row>
    <row r="703792" spans="8:8">
      <c r="H703792" s="12"/>
    </row>
    <row r="703793" spans="8:8">
      <c r="H703793" s="12"/>
    </row>
    <row r="703794" spans="8:8">
      <c r="H703794" s="12"/>
    </row>
    <row r="703795" spans="8:8">
      <c r="H703795" s="12"/>
    </row>
    <row r="703796" spans="8:8">
      <c r="H703796" s="12"/>
    </row>
    <row r="703797" spans="8:8">
      <c r="H703797" s="12"/>
    </row>
    <row r="703798" spans="8:8">
      <c r="H703798" s="12"/>
    </row>
    <row r="703799" spans="8:8">
      <c r="H703799" s="12"/>
    </row>
    <row r="703800" spans="8:8">
      <c r="H703800" s="12"/>
    </row>
    <row r="703801" spans="8:8">
      <c r="H703801" s="12"/>
    </row>
    <row r="703802" spans="8:8">
      <c r="H703802" s="12"/>
    </row>
    <row r="703803" spans="8:8">
      <c r="H703803" s="12"/>
    </row>
    <row r="703804" spans="8:8">
      <c r="H703804" s="12"/>
    </row>
    <row r="703805" spans="8:8">
      <c r="H703805" s="12"/>
    </row>
    <row r="703806" spans="8:8">
      <c r="H703806" s="12"/>
    </row>
    <row r="703807" spans="8:8">
      <c r="H703807" s="12"/>
    </row>
    <row r="703808" spans="8:8">
      <c r="H703808" s="12"/>
    </row>
    <row r="703809" spans="8:8">
      <c r="H703809" s="12"/>
    </row>
    <row r="703810" spans="8:8">
      <c r="H703810" s="12"/>
    </row>
    <row r="703811" spans="8:8">
      <c r="H703811" s="12"/>
    </row>
    <row r="703812" spans="8:8">
      <c r="H703812" s="12"/>
    </row>
    <row r="703813" spans="8:8">
      <c r="H703813" s="12"/>
    </row>
    <row r="703814" spans="8:8">
      <c r="H703814" s="12"/>
    </row>
    <row r="703815" spans="8:8">
      <c r="H703815" s="12"/>
    </row>
    <row r="703816" spans="8:8">
      <c r="H703816" s="12"/>
    </row>
    <row r="703817" spans="8:8">
      <c r="H703817" s="12"/>
    </row>
    <row r="703818" spans="8:8">
      <c r="H703818" s="12"/>
    </row>
    <row r="703819" spans="8:8">
      <c r="H703819" s="12"/>
    </row>
    <row r="703820" spans="8:8">
      <c r="H703820" s="12"/>
    </row>
    <row r="703821" spans="8:8">
      <c r="H703821" s="12"/>
    </row>
    <row r="703822" spans="8:8">
      <c r="H703822" s="12"/>
    </row>
    <row r="703823" spans="8:8">
      <c r="H703823" s="12"/>
    </row>
    <row r="703824" spans="8:8">
      <c r="H703824" s="12"/>
    </row>
    <row r="703825" spans="8:8">
      <c r="H703825" s="12"/>
    </row>
    <row r="703826" spans="8:8">
      <c r="H703826" s="12"/>
    </row>
    <row r="703827" spans="8:8">
      <c r="H703827" s="12"/>
    </row>
    <row r="703828" spans="8:8">
      <c r="H703828" s="12"/>
    </row>
    <row r="703829" spans="8:8">
      <c r="H703829" s="12"/>
    </row>
    <row r="703830" spans="8:8">
      <c r="H703830" s="12"/>
    </row>
    <row r="703831" spans="8:8">
      <c r="H703831" s="12"/>
    </row>
    <row r="703832" spans="8:8">
      <c r="H703832" s="12"/>
    </row>
    <row r="703833" spans="8:8">
      <c r="H703833" s="12"/>
    </row>
    <row r="703834" spans="8:8">
      <c r="H703834" s="12"/>
    </row>
    <row r="703835" spans="8:8">
      <c r="H703835" s="12"/>
    </row>
    <row r="703836" spans="8:8">
      <c r="H703836" s="12"/>
    </row>
    <row r="703837" spans="8:8">
      <c r="H703837" s="12"/>
    </row>
    <row r="703838" spans="8:8">
      <c r="H703838" s="12"/>
    </row>
    <row r="703839" spans="8:8">
      <c r="H703839" s="12"/>
    </row>
    <row r="703840" spans="8:8">
      <c r="H703840" s="12"/>
    </row>
    <row r="703841" spans="8:8">
      <c r="H703841" s="12"/>
    </row>
    <row r="703842" spans="8:8">
      <c r="H703842" s="12"/>
    </row>
    <row r="703843" spans="8:8">
      <c r="H703843" s="12"/>
    </row>
    <row r="703844" spans="8:8">
      <c r="H703844" s="12"/>
    </row>
    <row r="703845" spans="8:8">
      <c r="H703845" s="12"/>
    </row>
    <row r="703846" spans="8:8">
      <c r="H703846" s="12"/>
    </row>
    <row r="703847" spans="8:8">
      <c r="H703847" s="12"/>
    </row>
    <row r="703848" spans="8:8">
      <c r="H703848" s="12"/>
    </row>
    <row r="703849" spans="8:8">
      <c r="H703849" s="12"/>
    </row>
    <row r="703850" spans="8:8">
      <c r="H703850" s="12"/>
    </row>
    <row r="703851" spans="8:8">
      <c r="H703851" s="12"/>
    </row>
    <row r="703852" spans="8:8">
      <c r="H703852" s="12"/>
    </row>
    <row r="703853" spans="8:8">
      <c r="H703853" s="12"/>
    </row>
    <row r="703854" spans="8:8">
      <c r="H703854" s="12"/>
    </row>
    <row r="703855" spans="8:8">
      <c r="H703855" s="12"/>
    </row>
    <row r="703856" spans="8:8">
      <c r="H703856" s="12"/>
    </row>
    <row r="703857" spans="8:8">
      <c r="H703857" s="12"/>
    </row>
    <row r="703858" spans="8:8">
      <c r="H703858" s="12"/>
    </row>
    <row r="703859" spans="8:8">
      <c r="H703859" s="12"/>
    </row>
    <row r="703860" spans="8:8">
      <c r="H703860" s="12"/>
    </row>
    <row r="703861" spans="8:8">
      <c r="H703861" s="12"/>
    </row>
    <row r="703862" spans="8:8">
      <c r="H703862" s="12"/>
    </row>
    <row r="703863" spans="8:8">
      <c r="H703863" s="12"/>
    </row>
    <row r="703864" spans="8:8">
      <c r="H703864" s="12"/>
    </row>
    <row r="703865" spans="8:8">
      <c r="H703865" s="12"/>
    </row>
    <row r="703866" spans="8:8">
      <c r="H703866" s="12"/>
    </row>
    <row r="703867" spans="8:8">
      <c r="H703867" s="12"/>
    </row>
    <row r="703868" spans="8:8">
      <c r="H703868" s="12"/>
    </row>
    <row r="703869" spans="8:8">
      <c r="H703869" s="12"/>
    </row>
    <row r="703870" spans="8:8">
      <c r="H703870" s="12"/>
    </row>
    <row r="703871" spans="8:8">
      <c r="H703871" s="12"/>
    </row>
    <row r="703872" spans="8:8">
      <c r="H703872" s="12"/>
    </row>
    <row r="703873" spans="8:8">
      <c r="H703873" s="12"/>
    </row>
    <row r="703874" spans="8:8">
      <c r="H703874" s="12"/>
    </row>
    <row r="703875" spans="8:8">
      <c r="H703875" s="12"/>
    </row>
    <row r="703876" spans="8:8">
      <c r="H703876" s="12"/>
    </row>
    <row r="703877" spans="8:8">
      <c r="H703877" s="12"/>
    </row>
    <row r="703878" spans="8:8">
      <c r="H703878" s="12"/>
    </row>
    <row r="703879" spans="8:8">
      <c r="H703879" s="12"/>
    </row>
    <row r="703880" spans="8:8">
      <c r="H703880" s="12"/>
    </row>
    <row r="703881" spans="8:8">
      <c r="H703881" s="12"/>
    </row>
    <row r="703882" spans="8:8">
      <c r="H703882" s="12"/>
    </row>
    <row r="703883" spans="8:8">
      <c r="H703883" s="12"/>
    </row>
    <row r="703884" spans="8:8">
      <c r="H703884" s="12"/>
    </row>
    <row r="703885" spans="8:8">
      <c r="H703885" s="12"/>
    </row>
    <row r="703886" spans="8:8">
      <c r="H703886" s="12"/>
    </row>
    <row r="703887" spans="8:8">
      <c r="H703887" s="12"/>
    </row>
    <row r="703888" spans="8:8">
      <c r="H703888" s="12"/>
    </row>
    <row r="703889" spans="8:8">
      <c r="H703889" s="12"/>
    </row>
    <row r="703890" spans="8:8">
      <c r="H703890" s="12"/>
    </row>
    <row r="703891" spans="8:8">
      <c r="H703891" s="12"/>
    </row>
    <row r="703892" spans="8:8">
      <c r="H703892" s="12"/>
    </row>
    <row r="703893" spans="8:8">
      <c r="H703893" s="12"/>
    </row>
    <row r="703894" spans="8:8">
      <c r="H703894" s="12"/>
    </row>
    <row r="703895" spans="8:8">
      <c r="H703895" s="12"/>
    </row>
    <row r="703896" spans="8:8">
      <c r="H703896" s="12"/>
    </row>
    <row r="703897" spans="8:8">
      <c r="H703897" s="12"/>
    </row>
    <row r="703898" spans="8:8">
      <c r="H703898" s="12"/>
    </row>
    <row r="703899" spans="8:8">
      <c r="H703899" s="12"/>
    </row>
    <row r="703900" spans="8:8">
      <c r="H703900" s="12"/>
    </row>
    <row r="703901" spans="8:8">
      <c r="H703901" s="12"/>
    </row>
    <row r="703902" spans="8:8">
      <c r="H703902" s="12"/>
    </row>
    <row r="703903" spans="8:8">
      <c r="H703903" s="12"/>
    </row>
    <row r="703904" spans="8:8">
      <c r="H703904" s="12"/>
    </row>
    <row r="703905" spans="8:8">
      <c r="H703905" s="12"/>
    </row>
    <row r="703906" spans="8:8">
      <c r="H703906" s="12"/>
    </row>
    <row r="703907" spans="8:8">
      <c r="H703907" s="12"/>
    </row>
    <row r="703908" spans="8:8">
      <c r="H703908" s="12"/>
    </row>
    <row r="703909" spans="8:8">
      <c r="H703909" s="12"/>
    </row>
    <row r="703910" spans="8:8">
      <c r="H703910" s="12"/>
    </row>
    <row r="703911" spans="8:8">
      <c r="H703911" s="12"/>
    </row>
    <row r="703912" spans="8:8">
      <c r="H703912" s="12"/>
    </row>
    <row r="703913" spans="8:8">
      <c r="H703913" s="12"/>
    </row>
    <row r="703914" spans="8:8">
      <c r="H703914" s="12"/>
    </row>
    <row r="703915" spans="8:8">
      <c r="H703915" s="12"/>
    </row>
    <row r="703916" spans="8:8">
      <c r="H703916" s="12"/>
    </row>
    <row r="703917" spans="8:8">
      <c r="H703917" s="12"/>
    </row>
    <row r="703918" spans="8:8">
      <c r="H703918" s="12"/>
    </row>
    <row r="703919" spans="8:8">
      <c r="H703919" s="12"/>
    </row>
    <row r="703920" spans="8:8">
      <c r="H703920" s="12"/>
    </row>
    <row r="703921" spans="8:8">
      <c r="H703921" s="12"/>
    </row>
    <row r="703922" spans="8:8">
      <c r="H703922" s="12"/>
    </row>
    <row r="703923" spans="8:8">
      <c r="H703923" s="12"/>
    </row>
    <row r="703924" spans="8:8">
      <c r="H703924" s="12"/>
    </row>
    <row r="703925" spans="8:8">
      <c r="H703925" s="12"/>
    </row>
    <row r="703926" spans="8:8">
      <c r="H703926" s="12"/>
    </row>
    <row r="703927" spans="8:8">
      <c r="H703927" s="12"/>
    </row>
    <row r="703928" spans="8:8">
      <c r="H703928" s="12"/>
    </row>
    <row r="703929" spans="8:8">
      <c r="H703929" s="12"/>
    </row>
    <row r="703930" spans="8:8">
      <c r="H703930" s="12"/>
    </row>
    <row r="703931" spans="8:8">
      <c r="H703931" s="12"/>
    </row>
    <row r="703932" spans="8:8">
      <c r="H703932" s="12"/>
    </row>
    <row r="703933" spans="8:8">
      <c r="H703933" s="12"/>
    </row>
    <row r="703934" spans="8:8">
      <c r="H703934" s="12"/>
    </row>
    <row r="703935" spans="8:8">
      <c r="H703935" s="12"/>
    </row>
    <row r="703936" spans="8:8">
      <c r="H703936" s="12"/>
    </row>
    <row r="703937" spans="8:8">
      <c r="H703937" s="12"/>
    </row>
    <row r="703938" spans="8:8">
      <c r="H703938" s="12"/>
    </row>
    <row r="703939" spans="8:8">
      <c r="H703939" s="12"/>
    </row>
    <row r="703940" spans="8:8">
      <c r="H703940" s="12"/>
    </row>
    <row r="703941" spans="8:8">
      <c r="H703941" s="12"/>
    </row>
    <row r="703942" spans="8:8">
      <c r="H703942" s="12"/>
    </row>
    <row r="703943" spans="8:8">
      <c r="H703943" s="12"/>
    </row>
    <row r="703944" spans="8:8">
      <c r="H703944" s="12"/>
    </row>
    <row r="703945" spans="8:8">
      <c r="H703945" s="12"/>
    </row>
    <row r="703946" spans="8:8">
      <c r="H703946" s="12"/>
    </row>
    <row r="703947" spans="8:8">
      <c r="H703947" s="12"/>
    </row>
    <row r="703948" spans="8:8">
      <c r="H703948" s="12"/>
    </row>
    <row r="703949" spans="8:8">
      <c r="H703949" s="12"/>
    </row>
    <row r="703950" spans="8:8">
      <c r="H703950" s="12"/>
    </row>
    <row r="703951" spans="8:8">
      <c r="H703951" s="12"/>
    </row>
    <row r="703952" spans="8:8">
      <c r="H703952" s="12"/>
    </row>
    <row r="703953" spans="8:8">
      <c r="H703953" s="12"/>
    </row>
    <row r="703954" spans="8:8">
      <c r="H703954" s="12"/>
    </row>
    <row r="703955" spans="8:8">
      <c r="H703955" s="12"/>
    </row>
    <row r="703956" spans="8:8">
      <c r="H703956" s="12"/>
    </row>
    <row r="703957" spans="8:8">
      <c r="H703957" s="12"/>
    </row>
    <row r="703958" spans="8:8">
      <c r="H703958" s="12"/>
    </row>
    <row r="703959" spans="8:8">
      <c r="H703959" s="12"/>
    </row>
    <row r="703960" spans="8:8">
      <c r="H703960" s="12"/>
    </row>
    <row r="703961" spans="8:8">
      <c r="H703961" s="12"/>
    </row>
    <row r="703962" spans="8:8">
      <c r="H703962" s="12"/>
    </row>
    <row r="703963" spans="8:8">
      <c r="H703963" s="12"/>
    </row>
    <row r="703964" spans="8:8">
      <c r="H703964" s="12"/>
    </row>
    <row r="703965" spans="8:8">
      <c r="H703965" s="12"/>
    </row>
    <row r="703966" spans="8:8">
      <c r="H703966" s="12"/>
    </row>
    <row r="703967" spans="8:8">
      <c r="H703967" s="12"/>
    </row>
    <row r="703968" spans="8:8">
      <c r="H703968" s="12"/>
    </row>
    <row r="703969" spans="8:8">
      <c r="H703969" s="12"/>
    </row>
    <row r="703970" spans="8:8">
      <c r="H703970" s="12"/>
    </row>
    <row r="703971" spans="8:8">
      <c r="H703971" s="12"/>
    </row>
    <row r="703972" spans="8:8">
      <c r="H703972" s="12"/>
    </row>
    <row r="703973" spans="8:8">
      <c r="H703973" s="12"/>
    </row>
    <row r="703974" spans="8:8">
      <c r="H703974" s="12"/>
    </row>
    <row r="703975" spans="8:8">
      <c r="H703975" s="12"/>
    </row>
    <row r="703976" spans="8:8">
      <c r="H703976" s="12"/>
    </row>
    <row r="703977" spans="8:8">
      <c r="H703977" s="12"/>
    </row>
    <row r="703978" spans="8:8">
      <c r="H703978" s="12"/>
    </row>
    <row r="703979" spans="8:8">
      <c r="H703979" s="12"/>
    </row>
    <row r="703980" spans="8:8">
      <c r="H703980" s="12"/>
    </row>
    <row r="703981" spans="8:8">
      <c r="H703981" s="12"/>
    </row>
    <row r="703982" spans="8:8">
      <c r="H703982" s="12"/>
    </row>
    <row r="703983" spans="8:8">
      <c r="H703983" s="12"/>
    </row>
    <row r="703984" spans="8:8">
      <c r="H703984" s="12"/>
    </row>
    <row r="703985" spans="8:8">
      <c r="H703985" s="12"/>
    </row>
    <row r="703986" spans="8:8">
      <c r="H703986" s="12"/>
    </row>
    <row r="703987" spans="8:8">
      <c r="H703987" s="12"/>
    </row>
    <row r="703988" spans="8:8">
      <c r="H703988" s="12"/>
    </row>
    <row r="703989" spans="8:8">
      <c r="H703989" s="12"/>
    </row>
    <row r="703990" spans="8:8">
      <c r="H703990" s="12"/>
    </row>
    <row r="703991" spans="8:8">
      <c r="H703991" s="12"/>
    </row>
    <row r="703992" spans="8:8">
      <c r="H703992" s="12"/>
    </row>
    <row r="703993" spans="8:8">
      <c r="H703993" s="12"/>
    </row>
    <row r="703994" spans="8:8">
      <c r="H703994" s="12"/>
    </row>
    <row r="703995" spans="8:8">
      <c r="H703995" s="12"/>
    </row>
    <row r="703996" spans="8:8">
      <c r="H703996" s="12"/>
    </row>
    <row r="703997" spans="8:8">
      <c r="H703997" s="12"/>
    </row>
    <row r="703998" spans="8:8">
      <c r="H703998" s="12"/>
    </row>
    <row r="703999" spans="8:8">
      <c r="H703999" s="12"/>
    </row>
    <row r="704000" spans="8:8">
      <c r="H704000" s="12"/>
    </row>
    <row r="704001" spans="8:8">
      <c r="H704001" s="12"/>
    </row>
    <row r="704002" spans="8:8">
      <c r="H704002" s="12"/>
    </row>
    <row r="704003" spans="8:8">
      <c r="H704003" s="12"/>
    </row>
    <row r="704004" spans="8:8">
      <c r="H704004" s="12"/>
    </row>
    <row r="704005" spans="8:8">
      <c r="H704005" s="12"/>
    </row>
    <row r="704006" spans="8:8">
      <c r="H704006" s="12"/>
    </row>
    <row r="704007" spans="8:8">
      <c r="H704007" s="12"/>
    </row>
    <row r="704008" spans="8:8">
      <c r="H704008" s="12"/>
    </row>
    <row r="704009" spans="8:8">
      <c r="H704009" s="12"/>
    </row>
    <row r="704010" spans="8:8">
      <c r="H704010" s="12"/>
    </row>
    <row r="704011" spans="8:8">
      <c r="H704011" s="12"/>
    </row>
    <row r="704012" spans="8:8">
      <c r="H704012" s="12"/>
    </row>
    <row r="704013" spans="8:8">
      <c r="H704013" s="12"/>
    </row>
    <row r="704014" spans="8:8">
      <c r="H704014" s="12"/>
    </row>
    <row r="704015" spans="8:8">
      <c r="H704015" s="12"/>
    </row>
    <row r="704016" spans="8:8">
      <c r="H704016" s="12"/>
    </row>
    <row r="704017" spans="8:8">
      <c r="H704017" s="12"/>
    </row>
    <row r="704018" spans="8:8">
      <c r="H704018" s="12"/>
    </row>
    <row r="704019" spans="8:8">
      <c r="H704019" s="12"/>
    </row>
    <row r="704020" spans="8:8">
      <c r="H704020" s="12"/>
    </row>
    <row r="704021" spans="8:8">
      <c r="H704021" s="12"/>
    </row>
    <row r="704022" spans="8:8">
      <c r="H704022" s="12"/>
    </row>
    <row r="704023" spans="8:8">
      <c r="H704023" s="12"/>
    </row>
    <row r="704024" spans="8:8">
      <c r="H704024" s="12"/>
    </row>
    <row r="704025" spans="8:8">
      <c r="H704025" s="12"/>
    </row>
    <row r="704026" spans="8:8">
      <c r="H704026" s="12"/>
    </row>
    <row r="704027" spans="8:8">
      <c r="H704027" s="12"/>
    </row>
    <row r="704028" spans="8:8">
      <c r="H704028" s="12"/>
    </row>
    <row r="704029" spans="8:8">
      <c r="H704029" s="12"/>
    </row>
    <row r="704030" spans="8:8">
      <c r="H704030" s="12"/>
    </row>
    <row r="704031" spans="8:8">
      <c r="H704031" s="12"/>
    </row>
    <row r="704032" spans="8:8">
      <c r="H704032" s="12"/>
    </row>
    <row r="704033" spans="8:8">
      <c r="H704033" s="12"/>
    </row>
    <row r="704034" spans="8:8">
      <c r="H704034" s="12"/>
    </row>
    <row r="704035" spans="8:8">
      <c r="H704035" s="12"/>
    </row>
    <row r="704036" spans="8:8">
      <c r="H704036" s="12"/>
    </row>
    <row r="704037" spans="8:8">
      <c r="H704037" s="12"/>
    </row>
    <row r="704038" spans="8:8">
      <c r="H704038" s="12"/>
    </row>
    <row r="704039" spans="8:8">
      <c r="H704039" s="12"/>
    </row>
    <row r="704040" spans="8:8">
      <c r="H704040" s="12"/>
    </row>
    <row r="704041" spans="8:8">
      <c r="H704041" s="12"/>
    </row>
    <row r="704042" spans="8:8">
      <c r="H704042" s="12"/>
    </row>
    <row r="704043" spans="8:8">
      <c r="H704043" s="12"/>
    </row>
    <row r="704044" spans="8:8">
      <c r="H704044" s="12"/>
    </row>
    <row r="704045" spans="8:8">
      <c r="H704045" s="12"/>
    </row>
    <row r="704046" spans="8:8">
      <c r="H704046" s="12"/>
    </row>
    <row r="704047" spans="8:8">
      <c r="H704047" s="12"/>
    </row>
    <row r="704048" spans="8:8">
      <c r="H704048" s="12"/>
    </row>
    <row r="704049" spans="8:8">
      <c r="H704049" s="12"/>
    </row>
    <row r="704050" spans="8:8">
      <c r="H704050" s="12"/>
    </row>
    <row r="704051" spans="8:8">
      <c r="H704051" s="12"/>
    </row>
    <row r="704052" spans="8:8">
      <c r="H704052" s="12"/>
    </row>
    <row r="704053" spans="8:8">
      <c r="H704053" s="12"/>
    </row>
    <row r="704054" spans="8:8">
      <c r="H704054" s="12"/>
    </row>
    <row r="704055" spans="8:8">
      <c r="H704055" s="12"/>
    </row>
    <row r="704056" spans="8:8">
      <c r="H704056" s="12"/>
    </row>
    <row r="704057" spans="8:8">
      <c r="H704057" s="12"/>
    </row>
    <row r="704058" spans="8:8">
      <c r="H704058" s="12"/>
    </row>
    <row r="704059" spans="8:8">
      <c r="H704059" s="12"/>
    </row>
    <row r="704060" spans="8:8">
      <c r="H704060" s="12"/>
    </row>
    <row r="704061" spans="8:8">
      <c r="H704061" s="12"/>
    </row>
    <row r="704062" spans="8:8">
      <c r="H704062" s="12"/>
    </row>
    <row r="704063" spans="8:8">
      <c r="H704063" s="12"/>
    </row>
    <row r="704064" spans="8:8">
      <c r="H704064" s="12"/>
    </row>
    <row r="704065" spans="8:8">
      <c r="H704065" s="12"/>
    </row>
    <row r="704066" spans="8:8">
      <c r="H704066" s="12"/>
    </row>
    <row r="704067" spans="8:8">
      <c r="H704067" s="12"/>
    </row>
    <row r="704068" spans="8:8">
      <c r="H704068" s="12"/>
    </row>
    <row r="704069" spans="8:8">
      <c r="H704069" s="12"/>
    </row>
    <row r="704070" spans="8:8">
      <c r="H704070" s="12"/>
    </row>
    <row r="704071" spans="8:8">
      <c r="H704071" s="12"/>
    </row>
    <row r="704072" spans="8:8">
      <c r="H704072" s="12"/>
    </row>
    <row r="704073" spans="8:8">
      <c r="H704073" s="12"/>
    </row>
    <row r="704074" spans="8:8">
      <c r="H704074" s="12"/>
    </row>
    <row r="704075" spans="8:8">
      <c r="H704075" s="12"/>
    </row>
    <row r="704076" spans="8:8">
      <c r="H704076" s="12"/>
    </row>
    <row r="704077" spans="8:8">
      <c r="H704077" s="12"/>
    </row>
    <row r="704078" spans="8:8">
      <c r="H704078" s="12"/>
    </row>
    <row r="704079" spans="8:8">
      <c r="H704079" s="12"/>
    </row>
    <row r="704080" spans="8:8">
      <c r="H704080" s="12"/>
    </row>
    <row r="704081" spans="8:8">
      <c r="H704081" s="12"/>
    </row>
    <row r="704082" spans="8:8">
      <c r="H704082" s="12"/>
    </row>
    <row r="704083" spans="8:8">
      <c r="H704083" s="12"/>
    </row>
    <row r="704084" spans="8:8">
      <c r="H704084" s="12"/>
    </row>
    <row r="704085" spans="8:8">
      <c r="H704085" s="12"/>
    </row>
    <row r="704086" spans="8:8">
      <c r="H704086" s="12"/>
    </row>
    <row r="704087" spans="8:8">
      <c r="H704087" s="12"/>
    </row>
    <row r="704088" spans="8:8">
      <c r="H704088" s="12"/>
    </row>
    <row r="704089" spans="8:8">
      <c r="H704089" s="12"/>
    </row>
    <row r="704090" spans="8:8">
      <c r="H704090" s="12"/>
    </row>
    <row r="704091" spans="8:8">
      <c r="H704091" s="12"/>
    </row>
    <row r="704092" spans="8:8">
      <c r="H704092" s="12"/>
    </row>
    <row r="704093" spans="8:8">
      <c r="H704093" s="12"/>
    </row>
    <row r="704094" spans="8:8">
      <c r="H704094" s="12"/>
    </row>
    <row r="704095" spans="8:8">
      <c r="H704095" s="12"/>
    </row>
    <row r="704096" spans="8:8">
      <c r="H704096" s="12"/>
    </row>
    <row r="704097" spans="8:8">
      <c r="H704097" s="12"/>
    </row>
    <row r="704098" spans="8:8">
      <c r="H704098" s="12"/>
    </row>
    <row r="704099" spans="8:8">
      <c r="H704099" s="12"/>
    </row>
    <row r="704100" spans="8:8">
      <c r="H704100" s="12"/>
    </row>
    <row r="704101" spans="8:8">
      <c r="H704101" s="12"/>
    </row>
    <row r="704102" spans="8:8">
      <c r="H704102" s="12"/>
    </row>
    <row r="704103" spans="8:8">
      <c r="H704103" s="12"/>
    </row>
    <row r="704104" spans="8:8">
      <c r="H704104" s="12"/>
    </row>
    <row r="704105" spans="8:8">
      <c r="H704105" s="12"/>
    </row>
    <row r="704106" spans="8:8">
      <c r="H704106" s="12"/>
    </row>
    <row r="704107" spans="8:8">
      <c r="H704107" s="12"/>
    </row>
    <row r="704108" spans="8:8">
      <c r="H704108" s="12"/>
    </row>
    <row r="704109" spans="8:8">
      <c r="H704109" s="12"/>
    </row>
    <row r="704110" spans="8:8">
      <c r="H704110" s="12"/>
    </row>
    <row r="704111" spans="8:8">
      <c r="H704111" s="12"/>
    </row>
    <row r="704112" spans="8:8">
      <c r="H704112" s="12"/>
    </row>
    <row r="704113" spans="8:8">
      <c r="H704113" s="12"/>
    </row>
    <row r="704114" spans="8:8">
      <c r="H704114" s="12"/>
    </row>
    <row r="704115" spans="8:8">
      <c r="H704115" s="12"/>
    </row>
    <row r="704116" spans="8:8">
      <c r="H704116" s="12"/>
    </row>
    <row r="704117" spans="8:8">
      <c r="H704117" s="12"/>
    </row>
    <row r="704118" spans="8:8">
      <c r="H704118" s="12"/>
    </row>
    <row r="704119" spans="8:8">
      <c r="H704119" s="12"/>
    </row>
    <row r="704120" spans="8:8">
      <c r="H704120" s="12"/>
    </row>
    <row r="704121" spans="8:8">
      <c r="H704121" s="12"/>
    </row>
    <row r="704122" spans="8:8">
      <c r="H704122" s="12"/>
    </row>
    <row r="704123" spans="8:8">
      <c r="H704123" s="12"/>
    </row>
    <row r="704124" spans="8:8">
      <c r="H704124" s="12"/>
    </row>
    <row r="704125" spans="8:8">
      <c r="H704125" s="12"/>
    </row>
    <row r="704126" spans="8:8">
      <c r="H704126" s="12"/>
    </row>
    <row r="704127" spans="8:8">
      <c r="H704127" s="12"/>
    </row>
    <row r="704128" spans="8:8">
      <c r="H704128" s="12"/>
    </row>
    <row r="704129" spans="8:8">
      <c r="H704129" s="12"/>
    </row>
    <row r="704130" spans="8:8">
      <c r="H704130" s="12"/>
    </row>
    <row r="704131" spans="8:8">
      <c r="H704131" s="12"/>
    </row>
    <row r="704132" spans="8:8">
      <c r="H704132" s="12"/>
    </row>
    <row r="704133" spans="8:8">
      <c r="H704133" s="12"/>
    </row>
    <row r="704134" spans="8:8">
      <c r="H704134" s="12"/>
    </row>
    <row r="704135" spans="8:8">
      <c r="H704135" s="12"/>
    </row>
    <row r="704136" spans="8:8">
      <c r="H704136" s="12"/>
    </row>
    <row r="704137" spans="8:8">
      <c r="H704137" s="12"/>
    </row>
    <row r="704138" spans="8:8">
      <c r="H704138" s="12"/>
    </row>
    <row r="704139" spans="8:8">
      <c r="H704139" s="12"/>
    </row>
    <row r="704140" spans="8:8">
      <c r="H704140" s="12"/>
    </row>
    <row r="704141" spans="8:8">
      <c r="H704141" s="12"/>
    </row>
    <row r="704142" spans="8:8">
      <c r="H704142" s="12"/>
    </row>
    <row r="704143" spans="8:8">
      <c r="H704143" s="12"/>
    </row>
    <row r="704144" spans="8:8">
      <c r="H704144" s="12"/>
    </row>
    <row r="704145" spans="8:8">
      <c r="H704145" s="12"/>
    </row>
    <row r="704146" spans="8:8">
      <c r="H704146" s="12"/>
    </row>
    <row r="704147" spans="8:8">
      <c r="H704147" s="12"/>
    </row>
    <row r="704148" spans="8:8">
      <c r="H704148" s="12"/>
    </row>
    <row r="704149" spans="8:8">
      <c r="H704149" s="12"/>
    </row>
    <row r="704150" spans="8:8">
      <c r="H704150" s="12"/>
    </row>
    <row r="704151" spans="8:8">
      <c r="H704151" s="12"/>
    </row>
    <row r="704152" spans="8:8">
      <c r="H704152" s="12"/>
    </row>
    <row r="704153" spans="8:8">
      <c r="H704153" s="12"/>
    </row>
    <row r="704154" spans="8:8">
      <c r="H704154" s="12"/>
    </row>
    <row r="704155" spans="8:8">
      <c r="H704155" s="12"/>
    </row>
    <row r="704156" spans="8:8">
      <c r="H704156" s="12"/>
    </row>
    <row r="704157" spans="8:8">
      <c r="H704157" s="12"/>
    </row>
    <row r="704158" spans="8:8">
      <c r="H704158" s="12"/>
    </row>
    <row r="704159" spans="8:8">
      <c r="H704159" s="12"/>
    </row>
    <row r="704160" spans="8:8">
      <c r="H704160" s="12"/>
    </row>
    <row r="704161" spans="8:8">
      <c r="H704161" s="12"/>
    </row>
    <row r="704162" spans="8:8">
      <c r="H704162" s="12"/>
    </row>
    <row r="704163" spans="8:8">
      <c r="H704163" s="12"/>
    </row>
    <row r="704164" spans="8:8">
      <c r="H704164" s="12"/>
    </row>
    <row r="704165" spans="8:8">
      <c r="H704165" s="12"/>
    </row>
    <row r="704166" spans="8:8">
      <c r="H704166" s="12"/>
    </row>
    <row r="704167" spans="8:8">
      <c r="H704167" s="12"/>
    </row>
    <row r="704168" spans="8:8">
      <c r="H704168" s="12"/>
    </row>
    <row r="704169" spans="8:8">
      <c r="H704169" s="12"/>
    </row>
    <row r="704170" spans="8:8">
      <c r="H704170" s="12"/>
    </row>
    <row r="704171" spans="8:8">
      <c r="H704171" s="12"/>
    </row>
    <row r="704172" spans="8:8">
      <c r="H704172" s="12"/>
    </row>
    <row r="704173" spans="8:8">
      <c r="H704173" s="12"/>
    </row>
    <row r="704174" spans="8:8">
      <c r="H704174" s="12"/>
    </row>
    <row r="704175" spans="8:8">
      <c r="H704175" s="12"/>
    </row>
    <row r="704176" spans="8:8">
      <c r="H704176" s="12"/>
    </row>
    <row r="704177" spans="8:8">
      <c r="H704177" s="12"/>
    </row>
    <row r="704178" spans="8:8">
      <c r="H704178" s="12"/>
    </row>
    <row r="704179" spans="8:8">
      <c r="H704179" s="12"/>
    </row>
    <row r="704180" spans="8:8">
      <c r="H704180" s="12"/>
    </row>
    <row r="704181" spans="8:8">
      <c r="H704181" s="12"/>
    </row>
    <row r="704182" spans="8:8">
      <c r="H704182" s="12"/>
    </row>
    <row r="704183" spans="8:8">
      <c r="H704183" s="12"/>
    </row>
    <row r="704184" spans="8:8">
      <c r="H704184" s="12"/>
    </row>
    <row r="704185" spans="8:8">
      <c r="H704185" s="12"/>
    </row>
    <row r="704186" spans="8:8">
      <c r="H704186" s="12"/>
    </row>
    <row r="704187" spans="8:8">
      <c r="H704187" s="12"/>
    </row>
    <row r="704188" spans="8:8">
      <c r="H704188" s="12"/>
    </row>
    <row r="704189" spans="8:8">
      <c r="H704189" s="12"/>
    </row>
    <row r="704190" spans="8:8">
      <c r="H704190" s="12"/>
    </row>
    <row r="704191" spans="8:8">
      <c r="H704191" s="12"/>
    </row>
    <row r="704192" spans="8:8">
      <c r="H704192" s="12"/>
    </row>
    <row r="704193" spans="8:8">
      <c r="H704193" s="12"/>
    </row>
    <row r="704194" spans="8:8">
      <c r="H704194" s="12"/>
    </row>
    <row r="704195" spans="8:8">
      <c r="H704195" s="12"/>
    </row>
    <row r="704196" spans="8:8">
      <c r="H704196" s="12"/>
    </row>
    <row r="704197" spans="8:8">
      <c r="H704197" s="12"/>
    </row>
    <row r="704198" spans="8:8">
      <c r="H704198" s="12"/>
    </row>
    <row r="704199" spans="8:8">
      <c r="H704199" s="12"/>
    </row>
    <row r="704200" spans="8:8">
      <c r="H704200" s="12"/>
    </row>
    <row r="704201" spans="8:8">
      <c r="H704201" s="12"/>
    </row>
    <row r="704202" spans="8:8">
      <c r="H704202" s="12"/>
    </row>
    <row r="704203" spans="8:8">
      <c r="H704203" s="12"/>
    </row>
    <row r="704204" spans="8:8">
      <c r="H704204" s="12"/>
    </row>
    <row r="704205" spans="8:8">
      <c r="H704205" s="12"/>
    </row>
    <row r="704206" spans="8:8">
      <c r="H704206" s="12"/>
    </row>
    <row r="704207" spans="8:8">
      <c r="H704207" s="12"/>
    </row>
    <row r="704208" spans="8:8">
      <c r="H704208" s="12"/>
    </row>
    <row r="704209" spans="8:8">
      <c r="H704209" s="12"/>
    </row>
    <row r="704210" spans="8:8">
      <c r="H704210" s="12"/>
    </row>
    <row r="704211" spans="8:8">
      <c r="H704211" s="12"/>
    </row>
    <row r="704212" spans="8:8">
      <c r="H704212" s="12"/>
    </row>
    <row r="704213" spans="8:8">
      <c r="H704213" s="12"/>
    </row>
    <row r="704214" spans="8:8">
      <c r="H704214" s="12"/>
    </row>
    <row r="704215" spans="8:8">
      <c r="H704215" s="12"/>
    </row>
    <row r="704216" spans="8:8">
      <c r="H704216" s="12"/>
    </row>
    <row r="704217" spans="8:8">
      <c r="H704217" s="12"/>
    </row>
    <row r="704218" spans="8:8">
      <c r="H704218" s="12"/>
    </row>
    <row r="704219" spans="8:8">
      <c r="H704219" s="12"/>
    </row>
    <row r="704220" spans="8:8">
      <c r="H704220" s="12"/>
    </row>
    <row r="704221" spans="8:8">
      <c r="H704221" s="12"/>
    </row>
    <row r="704222" spans="8:8">
      <c r="H704222" s="12"/>
    </row>
    <row r="704223" spans="8:8">
      <c r="H704223" s="12"/>
    </row>
    <row r="704224" spans="8:8">
      <c r="H704224" s="12"/>
    </row>
    <row r="704225" spans="8:8">
      <c r="H704225" s="12"/>
    </row>
    <row r="704226" spans="8:8">
      <c r="H704226" s="12"/>
    </row>
    <row r="704227" spans="8:8">
      <c r="H704227" s="12"/>
    </row>
    <row r="704228" spans="8:8">
      <c r="H704228" s="12"/>
    </row>
    <row r="704229" spans="8:8">
      <c r="H704229" s="12"/>
    </row>
    <row r="704230" spans="8:8">
      <c r="H704230" s="12"/>
    </row>
    <row r="704231" spans="8:8">
      <c r="H704231" s="12"/>
    </row>
    <row r="704232" spans="8:8">
      <c r="H704232" s="12"/>
    </row>
    <row r="704233" spans="8:8">
      <c r="H704233" s="12"/>
    </row>
    <row r="704234" spans="8:8">
      <c r="H704234" s="12"/>
    </row>
    <row r="704235" spans="8:8">
      <c r="H704235" s="12"/>
    </row>
    <row r="704236" spans="8:8">
      <c r="H704236" s="12"/>
    </row>
    <row r="704237" spans="8:8">
      <c r="H704237" s="12"/>
    </row>
    <row r="704238" spans="8:8">
      <c r="H704238" s="12"/>
    </row>
    <row r="704239" spans="8:8">
      <c r="H704239" s="12"/>
    </row>
    <row r="704240" spans="8:8">
      <c r="H704240" s="12"/>
    </row>
    <row r="704241" spans="8:8">
      <c r="H704241" s="12"/>
    </row>
    <row r="704242" spans="8:8">
      <c r="H704242" s="12"/>
    </row>
    <row r="704243" spans="8:8">
      <c r="H704243" s="12"/>
    </row>
    <row r="704244" spans="8:8">
      <c r="H704244" s="12"/>
    </row>
    <row r="704245" spans="8:8">
      <c r="H704245" s="12"/>
    </row>
    <row r="704246" spans="8:8">
      <c r="H704246" s="12"/>
    </row>
    <row r="704247" spans="8:8">
      <c r="H704247" s="12"/>
    </row>
    <row r="704248" spans="8:8">
      <c r="H704248" s="12"/>
    </row>
    <row r="704249" spans="8:8">
      <c r="H704249" s="12"/>
    </row>
    <row r="704250" spans="8:8">
      <c r="H704250" s="12"/>
    </row>
    <row r="704251" spans="8:8">
      <c r="H704251" s="12"/>
    </row>
    <row r="704252" spans="8:8">
      <c r="H704252" s="12"/>
    </row>
    <row r="704253" spans="8:8">
      <c r="H704253" s="12"/>
    </row>
    <row r="704254" spans="8:8">
      <c r="H704254" s="12"/>
    </row>
    <row r="704255" spans="8:8">
      <c r="H704255" s="12"/>
    </row>
    <row r="704256" spans="8:8">
      <c r="H704256" s="12"/>
    </row>
    <row r="704257" spans="8:8">
      <c r="H704257" s="12"/>
    </row>
    <row r="704258" spans="8:8">
      <c r="H704258" s="12"/>
    </row>
    <row r="704259" spans="8:8">
      <c r="H704259" s="12"/>
    </row>
    <row r="704260" spans="8:8">
      <c r="H704260" s="12"/>
    </row>
    <row r="704261" spans="8:8">
      <c r="H704261" s="12"/>
    </row>
    <row r="704262" spans="8:8">
      <c r="H704262" s="12"/>
    </row>
    <row r="704263" spans="8:8">
      <c r="H704263" s="12"/>
    </row>
    <row r="704264" spans="8:8">
      <c r="H704264" s="12"/>
    </row>
    <row r="704265" spans="8:8">
      <c r="H704265" s="12"/>
    </row>
    <row r="704266" spans="8:8">
      <c r="H704266" s="12"/>
    </row>
    <row r="704267" spans="8:8">
      <c r="H704267" s="12"/>
    </row>
    <row r="704268" spans="8:8">
      <c r="H704268" s="12"/>
    </row>
    <row r="704269" spans="8:8">
      <c r="H704269" s="12"/>
    </row>
    <row r="704270" spans="8:8">
      <c r="H704270" s="12"/>
    </row>
    <row r="704271" spans="8:8">
      <c r="H704271" s="12"/>
    </row>
    <row r="704272" spans="8:8">
      <c r="H704272" s="12"/>
    </row>
    <row r="704273" spans="8:8">
      <c r="H704273" s="12"/>
    </row>
    <row r="704274" spans="8:8">
      <c r="H704274" s="12"/>
    </row>
    <row r="704275" spans="8:8">
      <c r="H704275" s="12"/>
    </row>
    <row r="704276" spans="8:8">
      <c r="H704276" s="12"/>
    </row>
    <row r="704277" spans="8:8">
      <c r="H704277" s="12"/>
    </row>
    <row r="704278" spans="8:8">
      <c r="H704278" s="12"/>
    </row>
    <row r="704279" spans="8:8">
      <c r="H704279" s="12"/>
    </row>
    <row r="704280" spans="8:8">
      <c r="H704280" s="12"/>
    </row>
    <row r="704281" spans="8:8">
      <c r="H704281" s="12"/>
    </row>
    <row r="704282" spans="8:8">
      <c r="H704282" s="12"/>
    </row>
    <row r="704283" spans="8:8">
      <c r="H704283" s="12"/>
    </row>
    <row r="704284" spans="8:8">
      <c r="H704284" s="12"/>
    </row>
    <row r="704285" spans="8:8">
      <c r="H704285" s="12"/>
    </row>
    <row r="704286" spans="8:8">
      <c r="H704286" s="12"/>
    </row>
    <row r="704287" spans="8:8">
      <c r="H704287" s="12"/>
    </row>
    <row r="704288" spans="8:8">
      <c r="H704288" s="12"/>
    </row>
    <row r="704289" spans="8:8">
      <c r="H704289" s="12"/>
    </row>
    <row r="704290" spans="8:8">
      <c r="H704290" s="12"/>
    </row>
    <row r="704291" spans="8:8">
      <c r="H704291" s="12"/>
    </row>
    <row r="704292" spans="8:8">
      <c r="H704292" s="12"/>
    </row>
    <row r="704293" spans="8:8">
      <c r="H704293" s="12"/>
    </row>
    <row r="704294" spans="8:8">
      <c r="H704294" s="12"/>
    </row>
    <row r="704295" spans="8:8">
      <c r="H704295" s="12"/>
    </row>
    <row r="704296" spans="8:8">
      <c r="H704296" s="12"/>
    </row>
    <row r="704297" spans="8:8">
      <c r="H704297" s="12"/>
    </row>
    <row r="704298" spans="8:8">
      <c r="H704298" s="12"/>
    </row>
    <row r="704299" spans="8:8">
      <c r="H704299" s="12"/>
    </row>
    <row r="704300" spans="8:8">
      <c r="H704300" s="12"/>
    </row>
    <row r="704301" spans="8:8">
      <c r="H704301" s="12"/>
    </row>
    <row r="704302" spans="8:8">
      <c r="H704302" s="12"/>
    </row>
    <row r="704303" spans="8:8">
      <c r="H704303" s="12"/>
    </row>
    <row r="704304" spans="8:8">
      <c r="H704304" s="12"/>
    </row>
    <row r="704305" spans="8:8">
      <c r="H704305" s="12"/>
    </row>
    <row r="704306" spans="8:8">
      <c r="H704306" s="12"/>
    </row>
    <row r="704307" spans="8:8">
      <c r="H704307" s="12"/>
    </row>
    <row r="704308" spans="8:8">
      <c r="H704308" s="12"/>
    </row>
    <row r="704309" spans="8:8">
      <c r="H704309" s="12"/>
    </row>
    <row r="704310" spans="8:8">
      <c r="H704310" s="12"/>
    </row>
    <row r="704311" spans="8:8">
      <c r="H704311" s="12"/>
    </row>
    <row r="704312" spans="8:8">
      <c r="H704312" s="12"/>
    </row>
    <row r="704313" spans="8:8">
      <c r="H704313" s="12"/>
    </row>
    <row r="704314" spans="8:8">
      <c r="H704314" s="12"/>
    </row>
    <row r="704315" spans="8:8">
      <c r="H704315" s="12"/>
    </row>
    <row r="704316" spans="8:8">
      <c r="H704316" s="12"/>
    </row>
    <row r="704317" spans="8:8">
      <c r="H704317" s="12"/>
    </row>
    <row r="704318" spans="8:8">
      <c r="H704318" s="12"/>
    </row>
    <row r="704319" spans="8:8">
      <c r="H704319" s="12"/>
    </row>
    <row r="704320" spans="8:8">
      <c r="H704320" s="12"/>
    </row>
    <row r="704321" spans="8:8">
      <c r="H704321" s="12"/>
    </row>
    <row r="704322" spans="8:8">
      <c r="H704322" s="12"/>
    </row>
    <row r="704323" spans="8:8">
      <c r="H704323" s="12"/>
    </row>
    <row r="704324" spans="8:8">
      <c r="H704324" s="12"/>
    </row>
    <row r="704325" spans="8:8">
      <c r="H704325" s="12"/>
    </row>
    <row r="704326" spans="8:8">
      <c r="H704326" s="12"/>
    </row>
    <row r="704327" spans="8:8">
      <c r="H704327" s="12"/>
    </row>
    <row r="704328" spans="8:8">
      <c r="H704328" s="12"/>
    </row>
    <row r="704329" spans="8:8">
      <c r="H704329" s="12"/>
    </row>
    <row r="704330" spans="8:8">
      <c r="H704330" s="12"/>
    </row>
    <row r="704331" spans="8:8">
      <c r="H704331" s="12"/>
    </row>
    <row r="704332" spans="8:8">
      <c r="H704332" s="12"/>
    </row>
    <row r="704333" spans="8:8">
      <c r="H704333" s="12"/>
    </row>
    <row r="704334" spans="8:8">
      <c r="H704334" s="12"/>
    </row>
    <row r="704335" spans="8:8">
      <c r="H704335" s="12"/>
    </row>
    <row r="704336" spans="8:8">
      <c r="H704336" s="12"/>
    </row>
    <row r="704337" spans="8:8">
      <c r="H704337" s="12"/>
    </row>
    <row r="704338" spans="8:8">
      <c r="H704338" s="12"/>
    </row>
    <row r="704339" spans="8:8">
      <c r="H704339" s="12"/>
    </row>
    <row r="704340" spans="8:8">
      <c r="H704340" s="12"/>
    </row>
    <row r="704341" spans="8:8">
      <c r="H704341" s="12"/>
    </row>
    <row r="704342" spans="8:8">
      <c r="H704342" s="12"/>
    </row>
    <row r="704343" spans="8:8">
      <c r="H704343" s="12"/>
    </row>
    <row r="704344" spans="8:8">
      <c r="H704344" s="12"/>
    </row>
    <row r="704345" spans="8:8">
      <c r="H704345" s="12"/>
    </row>
    <row r="704346" spans="8:8">
      <c r="H704346" s="12"/>
    </row>
    <row r="704347" spans="8:8">
      <c r="H704347" s="12"/>
    </row>
    <row r="704348" spans="8:8">
      <c r="H704348" s="12"/>
    </row>
    <row r="704349" spans="8:8">
      <c r="H704349" s="12"/>
    </row>
    <row r="704350" spans="8:8">
      <c r="H704350" s="12"/>
    </row>
    <row r="704351" spans="8:8">
      <c r="H704351" s="12"/>
    </row>
    <row r="704352" spans="8:8">
      <c r="H704352" s="12"/>
    </row>
    <row r="704353" spans="8:8">
      <c r="H704353" s="12"/>
    </row>
    <row r="704354" spans="8:8">
      <c r="H704354" s="12"/>
    </row>
    <row r="704355" spans="8:8">
      <c r="H704355" s="12"/>
    </row>
    <row r="704356" spans="8:8">
      <c r="H704356" s="12"/>
    </row>
    <row r="704357" spans="8:8">
      <c r="H704357" s="12"/>
    </row>
    <row r="704358" spans="8:8">
      <c r="H704358" s="12"/>
    </row>
    <row r="704359" spans="8:8">
      <c r="H704359" s="12"/>
    </row>
    <row r="704360" spans="8:8">
      <c r="H704360" s="12"/>
    </row>
    <row r="704361" spans="8:8">
      <c r="H704361" s="12"/>
    </row>
    <row r="704362" spans="8:8">
      <c r="H704362" s="12"/>
    </row>
    <row r="704363" spans="8:8">
      <c r="H704363" s="12"/>
    </row>
    <row r="704364" spans="8:8">
      <c r="H704364" s="12"/>
    </row>
    <row r="704365" spans="8:8">
      <c r="H704365" s="12"/>
    </row>
    <row r="704366" spans="8:8">
      <c r="H704366" s="12"/>
    </row>
    <row r="704367" spans="8:8">
      <c r="H704367" s="12"/>
    </row>
    <row r="704368" spans="8:8">
      <c r="H704368" s="12"/>
    </row>
    <row r="704369" spans="8:8">
      <c r="H704369" s="12"/>
    </row>
    <row r="704370" spans="8:8">
      <c r="H704370" s="12"/>
    </row>
    <row r="704371" spans="8:8">
      <c r="H704371" s="12"/>
    </row>
    <row r="704372" spans="8:8">
      <c r="H704372" s="12"/>
    </row>
    <row r="704373" spans="8:8">
      <c r="H704373" s="12"/>
    </row>
    <row r="704374" spans="8:8">
      <c r="H704374" s="12"/>
    </row>
    <row r="704375" spans="8:8">
      <c r="H704375" s="12"/>
    </row>
    <row r="704376" spans="8:8">
      <c r="H704376" s="12"/>
    </row>
    <row r="704377" spans="8:8">
      <c r="H704377" s="12"/>
    </row>
    <row r="704378" spans="8:8">
      <c r="H704378" s="12"/>
    </row>
    <row r="704379" spans="8:8">
      <c r="H704379" s="12"/>
    </row>
    <row r="704380" spans="8:8">
      <c r="H704380" s="12"/>
    </row>
    <row r="704381" spans="8:8">
      <c r="H704381" s="12"/>
    </row>
    <row r="704382" spans="8:8">
      <c r="H704382" s="12"/>
    </row>
    <row r="704383" spans="8:8">
      <c r="H704383" s="12"/>
    </row>
    <row r="704384" spans="8:8">
      <c r="H704384" s="12"/>
    </row>
    <row r="704385" spans="8:8">
      <c r="H704385" s="12"/>
    </row>
    <row r="704386" spans="8:8">
      <c r="H704386" s="12"/>
    </row>
    <row r="704387" spans="8:8">
      <c r="H704387" s="12"/>
    </row>
    <row r="704388" spans="8:8">
      <c r="H704388" s="12"/>
    </row>
    <row r="704389" spans="8:8">
      <c r="H704389" s="12"/>
    </row>
    <row r="704390" spans="8:8">
      <c r="H704390" s="12"/>
    </row>
    <row r="704391" spans="8:8">
      <c r="H704391" s="12"/>
    </row>
    <row r="704392" spans="8:8">
      <c r="H704392" s="12"/>
    </row>
    <row r="704393" spans="8:8">
      <c r="H704393" s="12"/>
    </row>
    <row r="704394" spans="8:8">
      <c r="H704394" s="12"/>
    </row>
    <row r="704395" spans="8:8">
      <c r="H704395" s="12"/>
    </row>
    <row r="704396" spans="8:8">
      <c r="H704396" s="12"/>
    </row>
    <row r="704397" spans="8:8">
      <c r="H704397" s="12"/>
    </row>
    <row r="704398" spans="8:8">
      <c r="H704398" s="12"/>
    </row>
    <row r="704399" spans="8:8">
      <c r="H704399" s="12"/>
    </row>
    <row r="704400" spans="8:8">
      <c r="H704400" s="12"/>
    </row>
    <row r="704401" spans="8:8">
      <c r="H704401" s="12"/>
    </row>
    <row r="704402" spans="8:8">
      <c r="H704402" s="12"/>
    </row>
    <row r="704403" spans="8:8">
      <c r="H704403" s="12"/>
    </row>
    <row r="704404" spans="8:8">
      <c r="H704404" s="12"/>
    </row>
    <row r="704405" spans="8:8">
      <c r="H704405" s="12"/>
    </row>
    <row r="704406" spans="8:8">
      <c r="H704406" s="12"/>
    </row>
    <row r="704407" spans="8:8">
      <c r="H704407" s="12"/>
    </row>
    <row r="704408" spans="8:8">
      <c r="H704408" s="12"/>
    </row>
    <row r="704409" spans="8:8">
      <c r="H704409" s="12"/>
    </row>
    <row r="704410" spans="8:8">
      <c r="H704410" s="12"/>
    </row>
    <row r="704411" spans="8:8">
      <c r="H704411" s="12"/>
    </row>
    <row r="704412" spans="8:8">
      <c r="H704412" s="12"/>
    </row>
    <row r="704413" spans="8:8">
      <c r="H704413" s="12"/>
    </row>
    <row r="704414" spans="8:8">
      <c r="H704414" s="12"/>
    </row>
    <row r="704415" spans="8:8">
      <c r="H704415" s="12"/>
    </row>
    <row r="704416" spans="8:8">
      <c r="H704416" s="12"/>
    </row>
    <row r="704417" spans="8:8">
      <c r="H704417" s="12"/>
    </row>
    <row r="704418" spans="8:8">
      <c r="H704418" s="12"/>
    </row>
    <row r="704419" spans="8:8">
      <c r="H704419" s="12"/>
    </row>
    <row r="704420" spans="8:8">
      <c r="H704420" s="12"/>
    </row>
    <row r="704421" spans="8:8">
      <c r="H704421" s="12"/>
    </row>
    <row r="704422" spans="8:8">
      <c r="H704422" s="12"/>
    </row>
    <row r="704423" spans="8:8">
      <c r="H704423" s="12"/>
    </row>
    <row r="704424" spans="8:8">
      <c r="H704424" s="12"/>
    </row>
    <row r="704425" spans="8:8">
      <c r="H704425" s="12"/>
    </row>
    <row r="704426" spans="8:8">
      <c r="H704426" s="12"/>
    </row>
    <row r="704427" spans="8:8">
      <c r="H704427" s="12"/>
    </row>
    <row r="704428" spans="8:8">
      <c r="H704428" s="12"/>
    </row>
    <row r="704429" spans="8:8">
      <c r="H704429" s="12"/>
    </row>
    <row r="704430" spans="8:8">
      <c r="H704430" s="12"/>
    </row>
    <row r="704431" spans="8:8">
      <c r="H704431" s="12"/>
    </row>
    <row r="704432" spans="8:8">
      <c r="H704432" s="12"/>
    </row>
    <row r="704433" spans="8:8">
      <c r="H704433" s="12"/>
    </row>
    <row r="704434" spans="8:8">
      <c r="H704434" s="12"/>
    </row>
    <row r="704435" spans="8:8">
      <c r="H704435" s="12"/>
    </row>
    <row r="704436" spans="8:8">
      <c r="H704436" s="12"/>
    </row>
    <row r="704437" spans="8:8">
      <c r="H704437" s="12"/>
    </row>
    <row r="704438" spans="8:8">
      <c r="H704438" s="12"/>
    </row>
    <row r="704439" spans="8:8">
      <c r="H704439" s="12"/>
    </row>
    <row r="704440" spans="8:8">
      <c r="H704440" s="12"/>
    </row>
    <row r="704441" spans="8:8">
      <c r="H704441" s="12"/>
    </row>
    <row r="704442" spans="8:8">
      <c r="H704442" s="12"/>
    </row>
    <row r="704443" spans="8:8">
      <c r="H704443" s="12"/>
    </row>
    <row r="704444" spans="8:8">
      <c r="H704444" s="12"/>
    </row>
    <row r="704445" spans="8:8">
      <c r="H704445" s="12"/>
    </row>
    <row r="704446" spans="8:8">
      <c r="H704446" s="12"/>
    </row>
    <row r="704447" spans="8:8">
      <c r="H704447" s="12"/>
    </row>
    <row r="704448" spans="8:8">
      <c r="H704448" s="12"/>
    </row>
    <row r="704449" spans="8:8">
      <c r="H704449" s="12"/>
    </row>
    <row r="704450" spans="8:8">
      <c r="H704450" s="12"/>
    </row>
    <row r="704451" spans="8:8">
      <c r="H704451" s="12"/>
    </row>
    <row r="704452" spans="8:8">
      <c r="H704452" s="12"/>
    </row>
    <row r="704453" spans="8:8">
      <c r="H704453" s="12"/>
    </row>
    <row r="704454" spans="8:8">
      <c r="H704454" s="12"/>
    </row>
    <row r="704455" spans="8:8">
      <c r="H704455" s="12"/>
    </row>
    <row r="704456" spans="8:8">
      <c r="H704456" s="12"/>
    </row>
    <row r="704457" spans="8:8">
      <c r="H704457" s="12"/>
    </row>
    <row r="704458" spans="8:8">
      <c r="H704458" s="12"/>
    </row>
    <row r="704459" spans="8:8">
      <c r="H704459" s="12"/>
    </row>
    <row r="704460" spans="8:8">
      <c r="H704460" s="12"/>
    </row>
    <row r="704461" spans="8:8">
      <c r="H704461" s="12"/>
    </row>
    <row r="704462" spans="8:8">
      <c r="H704462" s="12"/>
    </row>
    <row r="704463" spans="8:8">
      <c r="H704463" s="12"/>
    </row>
    <row r="704464" spans="8:8">
      <c r="H704464" s="12"/>
    </row>
    <row r="704465" spans="8:8">
      <c r="H704465" s="12"/>
    </row>
    <row r="704466" spans="8:8">
      <c r="H704466" s="12"/>
    </row>
    <row r="704467" spans="8:8">
      <c r="H704467" s="12"/>
    </row>
    <row r="704468" spans="8:8">
      <c r="H704468" s="12"/>
    </row>
    <row r="704469" spans="8:8">
      <c r="H704469" s="12"/>
    </row>
    <row r="704470" spans="8:8">
      <c r="H704470" s="12"/>
    </row>
    <row r="704471" spans="8:8">
      <c r="H704471" s="12"/>
    </row>
    <row r="704472" spans="8:8">
      <c r="H704472" s="12"/>
    </row>
    <row r="704473" spans="8:8">
      <c r="H704473" s="12"/>
    </row>
    <row r="704474" spans="8:8">
      <c r="H704474" s="12"/>
    </row>
    <row r="704475" spans="8:8">
      <c r="H704475" s="12"/>
    </row>
    <row r="704476" spans="8:8">
      <c r="H704476" s="12"/>
    </row>
    <row r="704477" spans="8:8">
      <c r="H704477" s="12"/>
    </row>
    <row r="704478" spans="8:8">
      <c r="H704478" s="12"/>
    </row>
    <row r="704479" spans="8:8">
      <c r="H704479" s="12"/>
    </row>
    <row r="704480" spans="8:8">
      <c r="H704480" s="12"/>
    </row>
    <row r="704481" spans="8:8">
      <c r="H704481" s="12"/>
    </row>
    <row r="704482" spans="8:8">
      <c r="H704482" s="12"/>
    </row>
    <row r="704483" spans="8:8">
      <c r="H704483" s="12"/>
    </row>
    <row r="704484" spans="8:8">
      <c r="H704484" s="12"/>
    </row>
    <row r="704485" spans="8:8">
      <c r="H704485" s="12"/>
    </row>
    <row r="704486" spans="8:8">
      <c r="H704486" s="12"/>
    </row>
    <row r="704487" spans="8:8">
      <c r="H704487" s="12"/>
    </row>
    <row r="704488" spans="8:8">
      <c r="H704488" s="12"/>
    </row>
    <row r="704489" spans="8:8">
      <c r="H704489" s="12"/>
    </row>
    <row r="704490" spans="8:8">
      <c r="H704490" s="12"/>
    </row>
    <row r="704491" spans="8:8">
      <c r="H704491" s="12"/>
    </row>
    <row r="704492" spans="8:8">
      <c r="H704492" s="12"/>
    </row>
    <row r="704493" spans="8:8">
      <c r="H704493" s="12"/>
    </row>
    <row r="704494" spans="8:8">
      <c r="H704494" s="12"/>
    </row>
    <row r="704495" spans="8:8">
      <c r="H704495" s="12"/>
    </row>
    <row r="704496" spans="8:8">
      <c r="H704496" s="12"/>
    </row>
    <row r="704497" spans="8:8">
      <c r="H704497" s="12"/>
    </row>
    <row r="704498" spans="8:8">
      <c r="H704498" s="12"/>
    </row>
    <row r="704499" spans="8:8">
      <c r="H704499" s="12"/>
    </row>
    <row r="704500" spans="8:8">
      <c r="H704500" s="12"/>
    </row>
    <row r="704501" spans="8:8">
      <c r="H704501" s="12"/>
    </row>
    <row r="704502" spans="8:8">
      <c r="H704502" s="12"/>
    </row>
    <row r="704503" spans="8:8">
      <c r="H704503" s="12"/>
    </row>
    <row r="704504" spans="8:8">
      <c r="H704504" s="12"/>
    </row>
    <row r="704505" spans="8:8">
      <c r="H704505" s="12"/>
    </row>
    <row r="704506" spans="8:8">
      <c r="H704506" s="12"/>
    </row>
    <row r="704507" spans="8:8">
      <c r="H704507" s="12"/>
    </row>
    <row r="704508" spans="8:8">
      <c r="H704508" s="12"/>
    </row>
    <row r="704509" spans="8:8">
      <c r="H704509" s="12"/>
    </row>
    <row r="704510" spans="8:8">
      <c r="H704510" s="12"/>
    </row>
    <row r="704511" spans="8:8">
      <c r="H704511" s="12"/>
    </row>
    <row r="704512" spans="8:8">
      <c r="H704512" s="12"/>
    </row>
    <row r="704513" spans="8:8">
      <c r="H704513" s="12"/>
    </row>
    <row r="704514" spans="8:8">
      <c r="H704514" s="12"/>
    </row>
    <row r="704515" spans="8:8">
      <c r="H704515" s="12"/>
    </row>
    <row r="704516" spans="8:8">
      <c r="H704516" s="12"/>
    </row>
    <row r="704517" spans="8:8">
      <c r="H704517" s="12"/>
    </row>
    <row r="704518" spans="8:8">
      <c r="H704518" s="12"/>
    </row>
    <row r="704519" spans="8:8">
      <c r="H704519" s="12"/>
    </row>
    <row r="704520" spans="8:8">
      <c r="H704520" s="12"/>
    </row>
    <row r="704521" spans="8:8">
      <c r="H704521" s="12"/>
    </row>
    <row r="704522" spans="8:8">
      <c r="H704522" s="12"/>
    </row>
    <row r="704523" spans="8:8">
      <c r="H704523" s="12"/>
    </row>
    <row r="704524" spans="8:8">
      <c r="H704524" s="12"/>
    </row>
    <row r="704525" spans="8:8">
      <c r="H704525" s="12"/>
    </row>
    <row r="704526" spans="8:8">
      <c r="H704526" s="12"/>
    </row>
    <row r="704527" spans="8:8">
      <c r="H704527" s="12"/>
    </row>
    <row r="704528" spans="8:8">
      <c r="H704528" s="12"/>
    </row>
    <row r="704529" spans="8:8">
      <c r="H704529" s="12"/>
    </row>
    <row r="704530" spans="8:8">
      <c r="H704530" s="12"/>
    </row>
    <row r="704531" spans="8:8">
      <c r="H704531" s="12"/>
    </row>
    <row r="704532" spans="8:8">
      <c r="H704532" s="12"/>
    </row>
    <row r="704533" spans="8:8">
      <c r="H704533" s="12"/>
    </row>
    <row r="704534" spans="8:8">
      <c r="H704534" s="12"/>
    </row>
    <row r="704535" spans="8:8">
      <c r="H704535" s="12"/>
    </row>
    <row r="704536" spans="8:8">
      <c r="H704536" s="12"/>
    </row>
    <row r="704537" spans="8:8">
      <c r="H704537" s="12"/>
    </row>
    <row r="704538" spans="8:8">
      <c r="H704538" s="12"/>
    </row>
    <row r="704539" spans="8:8">
      <c r="H704539" s="12"/>
    </row>
    <row r="704540" spans="8:8">
      <c r="H704540" s="12"/>
    </row>
    <row r="704541" spans="8:8">
      <c r="H704541" s="12"/>
    </row>
    <row r="704542" spans="8:8">
      <c r="H704542" s="12"/>
    </row>
    <row r="704543" spans="8:8">
      <c r="H704543" s="12"/>
    </row>
    <row r="704544" spans="8:8">
      <c r="H704544" s="12"/>
    </row>
    <row r="704545" spans="8:8">
      <c r="H704545" s="12"/>
    </row>
    <row r="704546" spans="8:8">
      <c r="H704546" s="12"/>
    </row>
    <row r="704547" spans="8:8">
      <c r="H704547" s="12"/>
    </row>
    <row r="704548" spans="8:8">
      <c r="H704548" s="12"/>
    </row>
    <row r="704549" spans="8:8">
      <c r="H704549" s="12"/>
    </row>
    <row r="704550" spans="8:8">
      <c r="H704550" s="12"/>
    </row>
    <row r="704551" spans="8:8">
      <c r="H704551" s="12"/>
    </row>
    <row r="704552" spans="8:8">
      <c r="H704552" s="12"/>
    </row>
    <row r="704553" spans="8:8">
      <c r="H704553" s="12"/>
    </row>
    <row r="704554" spans="8:8">
      <c r="H704554" s="12"/>
    </row>
    <row r="704555" spans="8:8">
      <c r="H704555" s="12"/>
    </row>
    <row r="704556" spans="8:8">
      <c r="H704556" s="12"/>
    </row>
    <row r="704557" spans="8:8">
      <c r="H704557" s="12"/>
    </row>
    <row r="704558" spans="8:8">
      <c r="H704558" s="12"/>
    </row>
    <row r="704559" spans="8:8">
      <c r="H704559" s="12"/>
    </row>
    <row r="704560" spans="8:8">
      <c r="H704560" s="12"/>
    </row>
    <row r="704561" spans="8:8">
      <c r="H704561" s="12"/>
    </row>
    <row r="704562" spans="8:8">
      <c r="H704562" s="12"/>
    </row>
    <row r="704563" spans="8:8">
      <c r="H704563" s="12"/>
    </row>
    <row r="704564" spans="8:8">
      <c r="H704564" s="12"/>
    </row>
    <row r="704565" spans="8:8">
      <c r="H704565" s="12"/>
    </row>
    <row r="704566" spans="8:8">
      <c r="H704566" s="12"/>
    </row>
    <row r="704567" spans="8:8">
      <c r="H704567" s="12"/>
    </row>
    <row r="704568" spans="8:8">
      <c r="H704568" s="12"/>
    </row>
    <row r="704569" spans="8:8">
      <c r="H704569" s="12"/>
    </row>
    <row r="704570" spans="8:8">
      <c r="H704570" s="12"/>
    </row>
    <row r="704571" spans="8:8">
      <c r="H704571" s="12"/>
    </row>
    <row r="704572" spans="8:8">
      <c r="H704572" s="12"/>
    </row>
    <row r="704573" spans="8:8">
      <c r="H704573" s="12"/>
    </row>
    <row r="704574" spans="8:8">
      <c r="H704574" s="12"/>
    </row>
    <row r="704575" spans="8:8">
      <c r="H704575" s="12"/>
    </row>
    <row r="704576" spans="8:8">
      <c r="H704576" s="12"/>
    </row>
    <row r="704577" spans="8:8">
      <c r="H704577" s="12"/>
    </row>
    <row r="704578" spans="8:8">
      <c r="H704578" s="12"/>
    </row>
    <row r="704579" spans="8:8">
      <c r="H704579" s="12"/>
    </row>
    <row r="704580" spans="8:8">
      <c r="H704580" s="12"/>
    </row>
    <row r="704581" spans="8:8">
      <c r="H704581" s="12"/>
    </row>
    <row r="704582" spans="8:8">
      <c r="H704582" s="12"/>
    </row>
    <row r="704583" spans="8:8">
      <c r="H704583" s="12"/>
    </row>
    <row r="704584" spans="8:8">
      <c r="H704584" s="12"/>
    </row>
    <row r="704585" spans="8:8">
      <c r="H704585" s="12"/>
    </row>
    <row r="704586" spans="8:8">
      <c r="H704586" s="12"/>
    </row>
    <row r="704587" spans="8:8">
      <c r="H704587" s="12"/>
    </row>
    <row r="704588" spans="8:8">
      <c r="H704588" s="12"/>
    </row>
    <row r="704589" spans="8:8">
      <c r="H704589" s="12"/>
    </row>
    <row r="704590" spans="8:8">
      <c r="H704590" s="12"/>
    </row>
    <row r="704591" spans="8:8">
      <c r="H704591" s="12"/>
    </row>
    <row r="704592" spans="8:8">
      <c r="H704592" s="12"/>
    </row>
    <row r="704593" spans="8:8">
      <c r="H704593" s="12"/>
    </row>
    <row r="704594" spans="8:8">
      <c r="H704594" s="12"/>
    </row>
    <row r="704595" spans="8:8">
      <c r="H704595" s="12"/>
    </row>
    <row r="704596" spans="8:8">
      <c r="H704596" s="12"/>
    </row>
    <row r="704597" spans="8:8">
      <c r="H704597" s="12"/>
    </row>
    <row r="704598" spans="8:8">
      <c r="H704598" s="12"/>
    </row>
    <row r="704599" spans="8:8">
      <c r="H704599" s="12"/>
    </row>
    <row r="704600" spans="8:8">
      <c r="H704600" s="12"/>
    </row>
    <row r="704601" spans="8:8">
      <c r="H704601" s="12"/>
    </row>
    <row r="704602" spans="8:8">
      <c r="H704602" s="12"/>
    </row>
    <row r="704603" spans="8:8">
      <c r="H704603" s="12"/>
    </row>
    <row r="704604" spans="8:8">
      <c r="H704604" s="12"/>
    </row>
    <row r="704605" spans="8:8">
      <c r="H704605" s="12"/>
    </row>
    <row r="704606" spans="8:8">
      <c r="H704606" s="12"/>
    </row>
    <row r="704607" spans="8:8">
      <c r="H704607" s="12"/>
    </row>
    <row r="704608" spans="8:8">
      <c r="H704608" s="12"/>
    </row>
    <row r="704609" spans="8:8">
      <c r="H704609" s="12"/>
    </row>
    <row r="704610" spans="8:8">
      <c r="H704610" s="12"/>
    </row>
    <row r="704611" spans="8:8">
      <c r="H704611" s="12"/>
    </row>
    <row r="704612" spans="8:8">
      <c r="H704612" s="12"/>
    </row>
    <row r="704613" spans="8:8">
      <c r="H704613" s="12"/>
    </row>
    <row r="704614" spans="8:8">
      <c r="H704614" s="12"/>
    </row>
    <row r="704615" spans="8:8">
      <c r="H704615" s="12"/>
    </row>
    <row r="704616" spans="8:8">
      <c r="H704616" s="12"/>
    </row>
    <row r="704617" spans="8:8">
      <c r="H704617" s="12"/>
    </row>
    <row r="704618" spans="8:8">
      <c r="H704618" s="12"/>
    </row>
    <row r="704619" spans="8:8">
      <c r="H704619" s="12"/>
    </row>
    <row r="704620" spans="8:8">
      <c r="H704620" s="12"/>
    </row>
    <row r="704621" spans="8:8">
      <c r="H704621" s="12"/>
    </row>
    <row r="704622" spans="8:8">
      <c r="H704622" s="12"/>
    </row>
    <row r="704623" spans="8:8">
      <c r="H704623" s="12"/>
    </row>
    <row r="704624" spans="8:8">
      <c r="H704624" s="12"/>
    </row>
    <row r="704625" spans="8:8">
      <c r="H704625" s="12"/>
    </row>
    <row r="704626" spans="8:8">
      <c r="H704626" s="12"/>
    </row>
    <row r="704627" spans="8:8">
      <c r="H704627" s="12"/>
    </row>
    <row r="704628" spans="8:8">
      <c r="H704628" s="12"/>
    </row>
    <row r="704629" spans="8:8">
      <c r="H704629" s="12"/>
    </row>
    <row r="704630" spans="8:8">
      <c r="H704630" s="12"/>
    </row>
    <row r="704631" spans="8:8">
      <c r="H704631" s="12"/>
    </row>
    <row r="704632" spans="8:8">
      <c r="H704632" s="12"/>
    </row>
    <row r="704633" spans="8:8">
      <c r="H704633" s="12"/>
    </row>
    <row r="704634" spans="8:8">
      <c r="H704634" s="12"/>
    </row>
    <row r="704635" spans="8:8">
      <c r="H704635" s="12"/>
    </row>
    <row r="704636" spans="8:8">
      <c r="H704636" s="12"/>
    </row>
    <row r="704637" spans="8:8">
      <c r="H704637" s="12"/>
    </row>
    <row r="704638" spans="8:8">
      <c r="H704638" s="12"/>
    </row>
    <row r="704639" spans="8:8">
      <c r="H704639" s="12"/>
    </row>
    <row r="704640" spans="8:8">
      <c r="H704640" s="12"/>
    </row>
    <row r="704641" spans="8:8">
      <c r="H704641" s="12"/>
    </row>
    <row r="704642" spans="8:8">
      <c r="H704642" s="12"/>
    </row>
    <row r="704643" spans="8:8">
      <c r="H704643" s="12"/>
    </row>
    <row r="704644" spans="8:8">
      <c r="H704644" s="12"/>
    </row>
    <row r="704645" spans="8:8">
      <c r="H704645" s="12"/>
    </row>
    <row r="704646" spans="8:8">
      <c r="H704646" s="12"/>
    </row>
    <row r="704647" spans="8:8">
      <c r="H704647" s="12"/>
    </row>
    <row r="704648" spans="8:8">
      <c r="H704648" s="12"/>
    </row>
    <row r="704649" spans="8:8">
      <c r="H704649" s="12"/>
    </row>
    <row r="704650" spans="8:8">
      <c r="H704650" s="12"/>
    </row>
    <row r="704651" spans="8:8">
      <c r="H704651" s="12"/>
    </row>
    <row r="704652" spans="8:8">
      <c r="H704652" s="12"/>
    </row>
    <row r="704653" spans="8:8">
      <c r="H704653" s="12"/>
    </row>
    <row r="704654" spans="8:8">
      <c r="H704654" s="12"/>
    </row>
    <row r="704655" spans="8:8">
      <c r="H704655" s="12"/>
    </row>
    <row r="704656" spans="8:8">
      <c r="H704656" s="12"/>
    </row>
    <row r="704657" spans="8:8">
      <c r="H704657" s="12"/>
    </row>
    <row r="704658" spans="8:8">
      <c r="H704658" s="12"/>
    </row>
    <row r="704659" spans="8:8">
      <c r="H704659" s="12"/>
    </row>
    <row r="704660" spans="8:8">
      <c r="H704660" s="12"/>
    </row>
    <row r="704661" spans="8:8">
      <c r="H704661" s="12"/>
    </row>
    <row r="704662" spans="8:8">
      <c r="H704662" s="12"/>
    </row>
    <row r="704663" spans="8:8">
      <c r="H704663" s="12"/>
    </row>
    <row r="704664" spans="8:8">
      <c r="H704664" s="12"/>
    </row>
    <row r="704665" spans="8:8">
      <c r="H704665" s="12"/>
    </row>
    <row r="704666" spans="8:8">
      <c r="H704666" s="12"/>
    </row>
    <row r="704667" spans="8:8">
      <c r="H704667" s="12"/>
    </row>
    <row r="704668" spans="8:8">
      <c r="H704668" s="12"/>
    </row>
    <row r="704669" spans="8:8">
      <c r="H704669" s="12"/>
    </row>
    <row r="704670" spans="8:8">
      <c r="H704670" s="12"/>
    </row>
    <row r="704671" spans="8:8">
      <c r="H704671" s="12"/>
    </row>
    <row r="704672" spans="8:8">
      <c r="H704672" s="12"/>
    </row>
    <row r="704673" spans="8:8">
      <c r="H704673" s="12"/>
    </row>
    <row r="704674" spans="8:8">
      <c r="H704674" s="12"/>
    </row>
    <row r="704675" spans="8:8">
      <c r="H704675" s="12"/>
    </row>
    <row r="704676" spans="8:8">
      <c r="H704676" s="12"/>
    </row>
    <row r="704677" spans="8:8">
      <c r="H704677" s="12"/>
    </row>
    <row r="704678" spans="8:8">
      <c r="H704678" s="12"/>
    </row>
    <row r="704679" spans="8:8">
      <c r="H704679" s="12"/>
    </row>
    <row r="704680" spans="8:8">
      <c r="H704680" s="12"/>
    </row>
    <row r="704681" spans="8:8">
      <c r="H704681" s="12"/>
    </row>
    <row r="704682" spans="8:8">
      <c r="H704682" s="12"/>
    </row>
    <row r="704683" spans="8:8">
      <c r="H704683" s="12"/>
    </row>
    <row r="704684" spans="8:8">
      <c r="H704684" s="12"/>
    </row>
    <row r="704685" spans="8:8">
      <c r="H704685" s="12"/>
    </row>
    <row r="704686" spans="8:8">
      <c r="H704686" s="12"/>
    </row>
    <row r="704687" spans="8:8">
      <c r="H704687" s="12"/>
    </row>
    <row r="704688" spans="8:8">
      <c r="H704688" s="12"/>
    </row>
    <row r="704689" spans="8:8">
      <c r="H704689" s="12"/>
    </row>
    <row r="704690" spans="8:8">
      <c r="H704690" s="12"/>
    </row>
    <row r="704691" spans="8:8">
      <c r="H704691" s="12"/>
    </row>
    <row r="704692" spans="8:8">
      <c r="H704692" s="12"/>
    </row>
    <row r="704693" spans="8:8">
      <c r="H704693" s="12"/>
    </row>
    <row r="704694" spans="8:8">
      <c r="H704694" s="12"/>
    </row>
    <row r="704695" spans="8:8">
      <c r="H704695" s="12"/>
    </row>
    <row r="704696" spans="8:8">
      <c r="H704696" s="12"/>
    </row>
    <row r="704697" spans="8:8">
      <c r="H704697" s="12"/>
    </row>
    <row r="704698" spans="8:8">
      <c r="H704698" s="12"/>
    </row>
    <row r="704699" spans="8:8">
      <c r="H704699" s="12"/>
    </row>
    <row r="704700" spans="8:8">
      <c r="H704700" s="12"/>
    </row>
    <row r="704701" spans="8:8">
      <c r="H704701" s="12"/>
    </row>
    <row r="704702" spans="8:8">
      <c r="H704702" s="12"/>
    </row>
    <row r="704703" spans="8:8">
      <c r="H704703" s="12"/>
    </row>
    <row r="704704" spans="8:8">
      <c r="H704704" s="12"/>
    </row>
    <row r="704705" spans="8:8">
      <c r="H704705" s="12"/>
    </row>
    <row r="704706" spans="8:8">
      <c r="H704706" s="12"/>
    </row>
    <row r="704707" spans="8:8">
      <c r="H704707" s="12"/>
    </row>
    <row r="704708" spans="8:8">
      <c r="H704708" s="12"/>
    </row>
    <row r="704709" spans="8:8">
      <c r="H704709" s="12"/>
    </row>
    <row r="704710" spans="8:8">
      <c r="H704710" s="12"/>
    </row>
    <row r="704711" spans="8:8">
      <c r="H704711" s="12"/>
    </row>
    <row r="704712" spans="8:8">
      <c r="H704712" s="12"/>
    </row>
    <row r="704713" spans="8:8">
      <c r="H704713" s="12"/>
    </row>
    <row r="704714" spans="8:8">
      <c r="H704714" s="12"/>
    </row>
    <row r="704715" spans="8:8">
      <c r="H704715" s="12"/>
    </row>
    <row r="704716" spans="8:8">
      <c r="H704716" s="12"/>
    </row>
    <row r="704717" spans="8:8">
      <c r="H704717" s="12"/>
    </row>
    <row r="704718" spans="8:8">
      <c r="H704718" s="12"/>
    </row>
    <row r="704719" spans="8:8">
      <c r="H704719" s="12"/>
    </row>
    <row r="704720" spans="8:8">
      <c r="H704720" s="12"/>
    </row>
    <row r="704721" spans="8:8">
      <c r="H704721" s="12"/>
    </row>
    <row r="704722" spans="8:8">
      <c r="H704722" s="12"/>
    </row>
    <row r="704723" spans="8:8">
      <c r="H704723" s="12"/>
    </row>
    <row r="704724" spans="8:8">
      <c r="H704724" s="12"/>
    </row>
    <row r="704725" spans="8:8">
      <c r="H704725" s="12"/>
    </row>
    <row r="704726" spans="8:8">
      <c r="H704726" s="12"/>
    </row>
    <row r="704727" spans="8:8">
      <c r="H704727" s="12"/>
    </row>
    <row r="704728" spans="8:8">
      <c r="H704728" s="12"/>
    </row>
    <row r="704729" spans="8:8">
      <c r="H704729" s="12"/>
    </row>
    <row r="704730" spans="8:8">
      <c r="H704730" s="12"/>
    </row>
    <row r="704731" spans="8:8">
      <c r="H704731" s="12"/>
    </row>
    <row r="704732" spans="8:8">
      <c r="H704732" s="12"/>
    </row>
    <row r="704733" spans="8:8">
      <c r="H704733" s="12"/>
    </row>
    <row r="704734" spans="8:8">
      <c r="H704734" s="12"/>
    </row>
    <row r="704735" spans="8:8">
      <c r="H704735" s="12"/>
    </row>
    <row r="704736" spans="8:8">
      <c r="H704736" s="12"/>
    </row>
    <row r="704737" spans="8:8">
      <c r="H704737" s="12"/>
    </row>
    <row r="704738" spans="8:8">
      <c r="H704738" s="12"/>
    </row>
    <row r="704739" spans="8:8">
      <c r="H704739" s="12"/>
    </row>
    <row r="704740" spans="8:8">
      <c r="H704740" s="12"/>
    </row>
    <row r="704741" spans="8:8">
      <c r="H704741" s="12"/>
    </row>
    <row r="704742" spans="8:8">
      <c r="H704742" s="12"/>
    </row>
    <row r="704743" spans="8:8">
      <c r="H704743" s="12"/>
    </row>
    <row r="704744" spans="8:8">
      <c r="H704744" s="12"/>
    </row>
    <row r="704745" spans="8:8">
      <c r="H704745" s="12"/>
    </row>
    <row r="704746" spans="8:8">
      <c r="H704746" s="12"/>
    </row>
    <row r="704747" spans="8:8">
      <c r="H704747" s="12"/>
    </row>
    <row r="704748" spans="8:8">
      <c r="H704748" s="12"/>
    </row>
    <row r="704749" spans="8:8">
      <c r="H704749" s="12"/>
    </row>
    <row r="704750" spans="8:8">
      <c r="H704750" s="12"/>
    </row>
    <row r="704751" spans="8:8">
      <c r="H704751" s="12"/>
    </row>
    <row r="704752" spans="8:8">
      <c r="H704752" s="12"/>
    </row>
    <row r="704753" spans="8:8">
      <c r="H704753" s="12"/>
    </row>
    <row r="704754" spans="8:8">
      <c r="H704754" s="12"/>
    </row>
    <row r="704755" spans="8:8">
      <c r="H704755" s="12"/>
    </row>
    <row r="704756" spans="8:8">
      <c r="H704756" s="12"/>
    </row>
    <row r="704757" spans="8:8">
      <c r="H704757" s="12"/>
    </row>
    <row r="704758" spans="8:8">
      <c r="H704758" s="12"/>
    </row>
    <row r="704759" spans="8:8">
      <c r="H704759" s="12"/>
    </row>
    <row r="704760" spans="8:8">
      <c r="H704760" s="12"/>
    </row>
    <row r="704761" spans="8:8">
      <c r="H704761" s="12"/>
    </row>
    <row r="704762" spans="8:8">
      <c r="H704762" s="12"/>
    </row>
    <row r="704763" spans="8:8">
      <c r="H704763" s="12"/>
    </row>
    <row r="704764" spans="8:8">
      <c r="H704764" s="12"/>
    </row>
    <row r="704765" spans="8:8">
      <c r="H704765" s="12"/>
    </row>
    <row r="704766" spans="8:8">
      <c r="H704766" s="12"/>
    </row>
    <row r="704767" spans="8:8">
      <c r="H704767" s="12"/>
    </row>
    <row r="704768" spans="8:8">
      <c r="H704768" s="12"/>
    </row>
    <row r="704769" spans="8:8">
      <c r="H704769" s="12"/>
    </row>
    <row r="704770" spans="8:8">
      <c r="H704770" s="12"/>
    </row>
    <row r="704771" spans="8:8">
      <c r="H704771" s="12"/>
    </row>
    <row r="704772" spans="8:8">
      <c r="H704772" s="12"/>
    </row>
    <row r="704773" spans="8:8">
      <c r="H704773" s="12"/>
    </row>
    <row r="704774" spans="8:8">
      <c r="H704774" s="12"/>
    </row>
    <row r="704775" spans="8:8">
      <c r="H704775" s="12"/>
    </row>
    <row r="704776" spans="8:8">
      <c r="H704776" s="12"/>
    </row>
    <row r="704777" spans="8:8">
      <c r="H704777" s="12"/>
    </row>
    <row r="704778" spans="8:8">
      <c r="H704778" s="12"/>
    </row>
    <row r="704779" spans="8:8">
      <c r="H704779" s="12"/>
    </row>
    <row r="704780" spans="8:8">
      <c r="H704780" s="12"/>
    </row>
    <row r="704781" spans="8:8">
      <c r="H704781" s="12"/>
    </row>
    <row r="704782" spans="8:8">
      <c r="H704782" s="12"/>
    </row>
    <row r="704783" spans="8:8">
      <c r="H704783" s="12"/>
    </row>
    <row r="704784" spans="8:8">
      <c r="H704784" s="12"/>
    </row>
    <row r="704785" spans="8:8">
      <c r="H704785" s="12"/>
    </row>
    <row r="704786" spans="8:8">
      <c r="H704786" s="12"/>
    </row>
    <row r="704787" spans="8:8">
      <c r="H704787" s="12"/>
    </row>
    <row r="704788" spans="8:8">
      <c r="H704788" s="12"/>
    </row>
    <row r="704789" spans="8:8">
      <c r="H704789" s="12"/>
    </row>
    <row r="704790" spans="8:8">
      <c r="H704790" s="12"/>
    </row>
    <row r="704791" spans="8:8">
      <c r="H704791" s="12"/>
    </row>
    <row r="704792" spans="8:8">
      <c r="H704792" s="12"/>
    </row>
    <row r="704793" spans="8:8">
      <c r="H704793" s="12"/>
    </row>
    <row r="704794" spans="8:8">
      <c r="H704794" s="12"/>
    </row>
    <row r="704795" spans="8:8">
      <c r="H704795" s="12"/>
    </row>
    <row r="704796" spans="8:8">
      <c r="H704796" s="12"/>
    </row>
    <row r="704797" spans="8:8">
      <c r="H704797" s="12"/>
    </row>
    <row r="704798" spans="8:8">
      <c r="H704798" s="12"/>
    </row>
    <row r="704799" spans="8:8">
      <c r="H704799" s="12"/>
    </row>
    <row r="704800" spans="8:8">
      <c r="H704800" s="12"/>
    </row>
    <row r="704801" spans="8:8">
      <c r="H704801" s="12"/>
    </row>
    <row r="704802" spans="8:8">
      <c r="H704802" s="12"/>
    </row>
    <row r="704803" spans="8:8">
      <c r="H704803" s="12"/>
    </row>
    <row r="704804" spans="8:8">
      <c r="H704804" s="12"/>
    </row>
    <row r="704805" spans="8:8">
      <c r="H704805" s="12"/>
    </row>
    <row r="704806" spans="8:8">
      <c r="H704806" s="12"/>
    </row>
    <row r="704807" spans="8:8">
      <c r="H704807" s="12"/>
    </row>
    <row r="704808" spans="8:8">
      <c r="H704808" s="12"/>
    </row>
    <row r="704809" spans="8:8">
      <c r="H704809" s="12"/>
    </row>
    <row r="704810" spans="8:8">
      <c r="H704810" s="12"/>
    </row>
    <row r="704811" spans="8:8">
      <c r="H704811" s="12"/>
    </row>
    <row r="704812" spans="8:8">
      <c r="H704812" s="12"/>
    </row>
    <row r="704813" spans="8:8">
      <c r="H704813" s="12"/>
    </row>
    <row r="704814" spans="8:8">
      <c r="H704814" s="12"/>
    </row>
    <row r="704815" spans="8:8">
      <c r="H704815" s="12"/>
    </row>
    <row r="704816" spans="8:8">
      <c r="H704816" s="12"/>
    </row>
    <row r="704817" spans="8:8">
      <c r="H704817" s="12"/>
    </row>
    <row r="704818" spans="8:8">
      <c r="H704818" s="12"/>
    </row>
    <row r="704819" spans="8:8">
      <c r="H704819" s="12"/>
    </row>
    <row r="704820" spans="8:8">
      <c r="H704820" s="12"/>
    </row>
    <row r="704821" spans="8:8">
      <c r="H704821" s="12"/>
    </row>
    <row r="704822" spans="8:8">
      <c r="H704822" s="12"/>
    </row>
    <row r="704823" spans="8:8">
      <c r="H704823" s="12"/>
    </row>
    <row r="704824" spans="8:8">
      <c r="H704824" s="12"/>
    </row>
    <row r="704825" spans="8:8">
      <c r="H704825" s="12"/>
    </row>
    <row r="704826" spans="8:8">
      <c r="H704826" s="12"/>
    </row>
    <row r="704827" spans="8:8">
      <c r="H704827" s="12"/>
    </row>
    <row r="704828" spans="8:8">
      <c r="H704828" s="12"/>
    </row>
    <row r="704829" spans="8:8">
      <c r="H704829" s="12"/>
    </row>
    <row r="704830" spans="8:8">
      <c r="H704830" s="12"/>
    </row>
    <row r="704831" spans="8:8">
      <c r="H704831" s="12"/>
    </row>
    <row r="704832" spans="8:8">
      <c r="H704832" s="12"/>
    </row>
    <row r="704833" spans="8:8">
      <c r="H704833" s="12"/>
    </row>
    <row r="704834" spans="8:8">
      <c r="H704834" s="12"/>
    </row>
    <row r="704835" spans="8:8">
      <c r="H704835" s="12"/>
    </row>
    <row r="704836" spans="8:8">
      <c r="H704836" s="12"/>
    </row>
    <row r="704837" spans="8:8">
      <c r="H704837" s="12"/>
    </row>
    <row r="704838" spans="8:8">
      <c r="H704838" s="12"/>
    </row>
    <row r="704839" spans="8:8">
      <c r="H704839" s="12"/>
    </row>
    <row r="704840" spans="8:8">
      <c r="H704840" s="12"/>
    </row>
    <row r="704841" spans="8:8">
      <c r="H704841" s="12"/>
    </row>
    <row r="704842" spans="8:8">
      <c r="H704842" s="12"/>
    </row>
    <row r="704843" spans="8:8">
      <c r="H704843" s="12"/>
    </row>
    <row r="704844" spans="8:8">
      <c r="H704844" s="12"/>
    </row>
    <row r="704845" spans="8:8">
      <c r="H704845" s="12"/>
    </row>
    <row r="704846" spans="8:8">
      <c r="H704846" s="12"/>
    </row>
    <row r="704847" spans="8:8">
      <c r="H704847" s="12"/>
    </row>
    <row r="704848" spans="8:8">
      <c r="H704848" s="12"/>
    </row>
    <row r="704849" spans="8:8">
      <c r="H704849" s="12"/>
    </row>
    <row r="704850" spans="8:8">
      <c r="H704850" s="12"/>
    </row>
    <row r="704851" spans="8:8">
      <c r="H704851" s="12"/>
    </row>
    <row r="704852" spans="8:8">
      <c r="H704852" s="12"/>
    </row>
    <row r="704853" spans="8:8">
      <c r="H704853" s="12"/>
    </row>
    <row r="704854" spans="8:8">
      <c r="H704854" s="12"/>
    </row>
    <row r="704855" spans="8:8">
      <c r="H704855" s="12"/>
    </row>
    <row r="704856" spans="8:8">
      <c r="H704856" s="12"/>
    </row>
    <row r="704857" spans="8:8">
      <c r="H704857" s="12"/>
    </row>
    <row r="704858" spans="8:8">
      <c r="H704858" s="12"/>
    </row>
    <row r="704859" spans="8:8">
      <c r="H704859" s="12"/>
    </row>
    <row r="704860" spans="8:8">
      <c r="H704860" s="12"/>
    </row>
    <row r="704861" spans="8:8">
      <c r="H704861" s="12"/>
    </row>
    <row r="704862" spans="8:8">
      <c r="H704862" s="12"/>
    </row>
    <row r="704863" spans="8:8">
      <c r="H704863" s="12"/>
    </row>
    <row r="704864" spans="8:8">
      <c r="H704864" s="12"/>
    </row>
    <row r="704865" spans="8:8">
      <c r="H704865" s="12"/>
    </row>
    <row r="704866" spans="8:8">
      <c r="H704866" s="12"/>
    </row>
    <row r="704867" spans="8:8">
      <c r="H704867" s="12"/>
    </row>
    <row r="704868" spans="8:8">
      <c r="H704868" s="12"/>
    </row>
    <row r="704869" spans="8:8">
      <c r="H704869" s="12"/>
    </row>
    <row r="704870" spans="8:8">
      <c r="H704870" s="12"/>
    </row>
    <row r="704871" spans="8:8">
      <c r="H704871" s="12"/>
    </row>
    <row r="704872" spans="8:8">
      <c r="H704872" s="12"/>
    </row>
    <row r="704873" spans="8:8">
      <c r="H704873" s="12"/>
    </row>
    <row r="704874" spans="8:8">
      <c r="H704874" s="12"/>
    </row>
    <row r="704875" spans="8:8">
      <c r="H704875" s="12"/>
    </row>
    <row r="704876" spans="8:8">
      <c r="H704876" s="12"/>
    </row>
    <row r="704877" spans="8:8">
      <c r="H704877" s="12"/>
    </row>
    <row r="704878" spans="8:8">
      <c r="H704878" s="12"/>
    </row>
    <row r="704879" spans="8:8">
      <c r="H704879" s="12"/>
    </row>
    <row r="704880" spans="8:8">
      <c r="H704880" s="12"/>
    </row>
    <row r="704881" spans="8:8">
      <c r="H704881" s="12"/>
    </row>
    <row r="704882" spans="8:8">
      <c r="H704882" s="12"/>
    </row>
    <row r="704883" spans="8:8">
      <c r="H704883" s="12"/>
    </row>
    <row r="704884" spans="8:8">
      <c r="H704884" s="12"/>
    </row>
    <row r="704885" spans="8:8">
      <c r="H704885" s="12"/>
    </row>
    <row r="704886" spans="8:8">
      <c r="H704886" s="12"/>
    </row>
    <row r="704887" spans="8:8">
      <c r="H704887" s="12"/>
    </row>
    <row r="704888" spans="8:8">
      <c r="H704888" s="12"/>
    </row>
    <row r="704889" spans="8:8">
      <c r="H704889" s="12"/>
    </row>
    <row r="704890" spans="8:8">
      <c r="H704890" s="12"/>
    </row>
    <row r="704891" spans="8:8">
      <c r="H704891" s="12"/>
    </row>
    <row r="704892" spans="8:8">
      <c r="H704892" s="12"/>
    </row>
    <row r="704893" spans="8:8">
      <c r="H704893" s="12"/>
    </row>
    <row r="704894" spans="8:8">
      <c r="H704894" s="12"/>
    </row>
    <row r="704895" spans="8:8">
      <c r="H704895" s="12"/>
    </row>
    <row r="704896" spans="8:8">
      <c r="H704896" s="12"/>
    </row>
    <row r="704897" spans="8:8">
      <c r="H704897" s="12"/>
    </row>
    <row r="704898" spans="8:8">
      <c r="H704898" s="12"/>
    </row>
    <row r="704899" spans="8:8">
      <c r="H704899" s="12"/>
    </row>
    <row r="704900" spans="8:8">
      <c r="H704900" s="12"/>
    </row>
    <row r="704901" spans="8:8">
      <c r="H704901" s="12"/>
    </row>
    <row r="704902" spans="8:8">
      <c r="H704902" s="12"/>
    </row>
    <row r="704903" spans="8:8">
      <c r="H704903" s="12"/>
    </row>
    <row r="704904" spans="8:8">
      <c r="H704904" s="12"/>
    </row>
    <row r="704905" spans="8:8">
      <c r="H704905" s="12"/>
    </row>
    <row r="704906" spans="8:8">
      <c r="H704906" s="12"/>
    </row>
    <row r="704907" spans="8:8">
      <c r="H704907" s="12"/>
    </row>
    <row r="704908" spans="8:8">
      <c r="H704908" s="12"/>
    </row>
    <row r="704909" spans="8:8">
      <c r="H704909" s="12"/>
    </row>
    <row r="704910" spans="8:8">
      <c r="H704910" s="12"/>
    </row>
    <row r="704911" spans="8:8">
      <c r="H704911" s="12"/>
    </row>
    <row r="704912" spans="8:8">
      <c r="H704912" s="12"/>
    </row>
    <row r="704913" spans="8:8">
      <c r="H704913" s="12"/>
    </row>
    <row r="704914" spans="8:8">
      <c r="H704914" s="12"/>
    </row>
    <row r="704915" spans="8:8">
      <c r="H704915" s="12"/>
    </row>
    <row r="704916" spans="8:8">
      <c r="H704916" s="12"/>
    </row>
    <row r="704917" spans="8:8">
      <c r="H704917" s="12"/>
    </row>
    <row r="704918" spans="8:8">
      <c r="H704918" s="12"/>
    </row>
    <row r="704919" spans="8:8">
      <c r="H704919" s="12"/>
    </row>
    <row r="704920" spans="8:8">
      <c r="H704920" s="12"/>
    </row>
    <row r="704921" spans="8:8">
      <c r="H704921" s="12"/>
    </row>
    <row r="704922" spans="8:8">
      <c r="H704922" s="12"/>
    </row>
    <row r="704923" spans="8:8">
      <c r="H704923" s="12"/>
    </row>
    <row r="704924" spans="8:8">
      <c r="H704924" s="12"/>
    </row>
    <row r="704925" spans="8:8">
      <c r="H704925" s="12"/>
    </row>
    <row r="704926" spans="8:8">
      <c r="H704926" s="12"/>
    </row>
    <row r="704927" spans="8:8">
      <c r="H704927" s="12"/>
    </row>
    <row r="704928" spans="8:8">
      <c r="H704928" s="12"/>
    </row>
    <row r="704929" spans="8:8">
      <c r="H704929" s="12"/>
    </row>
    <row r="704930" spans="8:8">
      <c r="H704930" s="12"/>
    </row>
    <row r="704931" spans="8:8">
      <c r="H704931" s="12"/>
    </row>
    <row r="704932" spans="8:8">
      <c r="H704932" s="12"/>
    </row>
    <row r="704933" spans="8:8">
      <c r="H704933" s="12"/>
    </row>
    <row r="704934" spans="8:8">
      <c r="H704934" s="12"/>
    </row>
    <row r="704935" spans="8:8">
      <c r="H704935" s="12"/>
    </row>
    <row r="704936" spans="8:8">
      <c r="H704936" s="12"/>
    </row>
    <row r="704937" spans="8:8">
      <c r="H704937" s="12"/>
    </row>
    <row r="704938" spans="8:8">
      <c r="H704938" s="12"/>
    </row>
    <row r="704939" spans="8:8">
      <c r="H704939" s="12"/>
    </row>
    <row r="704940" spans="8:8">
      <c r="H704940" s="12"/>
    </row>
    <row r="704941" spans="8:8">
      <c r="H704941" s="12"/>
    </row>
    <row r="704942" spans="8:8">
      <c r="H704942" s="12"/>
    </row>
    <row r="704943" spans="8:8">
      <c r="H704943" s="12"/>
    </row>
    <row r="704944" spans="8:8">
      <c r="H704944" s="12"/>
    </row>
    <row r="704945" spans="8:8">
      <c r="H704945" s="12"/>
    </row>
    <row r="704946" spans="8:8">
      <c r="H704946" s="12"/>
    </row>
    <row r="704947" spans="8:8">
      <c r="H704947" s="12"/>
    </row>
    <row r="704948" spans="8:8">
      <c r="H704948" s="12"/>
    </row>
    <row r="704949" spans="8:8">
      <c r="H704949" s="12"/>
    </row>
    <row r="704950" spans="8:8">
      <c r="H704950" s="12"/>
    </row>
    <row r="704951" spans="8:8">
      <c r="H704951" s="12"/>
    </row>
    <row r="704952" spans="8:8">
      <c r="H704952" s="12"/>
    </row>
    <row r="704953" spans="8:8">
      <c r="H704953" s="12"/>
    </row>
    <row r="704954" spans="8:8">
      <c r="H704954" s="12"/>
    </row>
    <row r="704955" spans="8:8">
      <c r="H704955" s="12"/>
    </row>
    <row r="704956" spans="8:8">
      <c r="H704956" s="12"/>
    </row>
    <row r="704957" spans="8:8">
      <c r="H704957" s="12"/>
    </row>
    <row r="704958" spans="8:8">
      <c r="H704958" s="12"/>
    </row>
    <row r="704959" spans="8:8">
      <c r="H704959" s="12"/>
    </row>
    <row r="704960" spans="8:8">
      <c r="H704960" s="12"/>
    </row>
    <row r="704961" spans="8:8">
      <c r="H704961" s="12"/>
    </row>
    <row r="704962" spans="8:8">
      <c r="H704962" s="12"/>
    </row>
    <row r="704963" spans="8:8">
      <c r="H704963" s="12"/>
    </row>
    <row r="704964" spans="8:8">
      <c r="H704964" s="12"/>
    </row>
    <row r="704965" spans="8:8">
      <c r="H704965" s="12"/>
    </row>
    <row r="704966" spans="8:8">
      <c r="H704966" s="12"/>
    </row>
    <row r="704967" spans="8:8">
      <c r="H704967" s="12"/>
    </row>
    <row r="704968" spans="8:8">
      <c r="H704968" s="12"/>
    </row>
    <row r="704969" spans="8:8">
      <c r="H704969" s="12"/>
    </row>
    <row r="704970" spans="8:8">
      <c r="H704970" s="12"/>
    </row>
    <row r="704971" spans="8:8">
      <c r="H704971" s="12"/>
    </row>
    <row r="704972" spans="8:8">
      <c r="H704972" s="12"/>
    </row>
    <row r="704973" spans="8:8">
      <c r="H704973" s="12"/>
    </row>
    <row r="704974" spans="8:8">
      <c r="H704974" s="12"/>
    </row>
    <row r="704975" spans="8:8">
      <c r="H704975" s="12"/>
    </row>
    <row r="704976" spans="8:8">
      <c r="H704976" s="12"/>
    </row>
    <row r="704977" spans="8:8">
      <c r="H704977" s="12"/>
    </row>
    <row r="704978" spans="8:8">
      <c r="H704978" s="12"/>
    </row>
    <row r="704979" spans="8:8">
      <c r="H704979" s="12"/>
    </row>
    <row r="704980" spans="8:8">
      <c r="H704980" s="12"/>
    </row>
    <row r="704981" spans="8:8">
      <c r="H704981" s="12"/>
    </row>
    <row r="704982" spans="8:8">
      <c r="H704982" s="12"/>
    </row>
    <row r="704983" spans="8:8">
      <c r="H704983" s="12"/>
    </row>
    <row r="704984" spans="8:8">
      <c r="H704984" s="12"/>
    </row>
    <row r="704985" spans="8:8">
      <c r="H704985" s="12"/>
    </row>
    <row r="704986" spans="8:8">
      <c r="H704986" s="12"/>
    </row>
    <row r="704987" spans="8:8">
      <c r="H704987" s="12"/>
    </row>
    <row r="704988" spans="8:8">
      <c r="H704988" s="12"/>
    </row>
    <row r="704989" spans="8:8">
      <c r="H704989" s="12"/>
    </row>
    <row r="704990" spans="8:8">
      <c r="H704990" s="12"/>
    </row>
    <row r="704991" spans="8:8">
      <c r="H704991" s="12"/>
    </row>
    <row r="704992" spans="8:8">
      <c r="H704992" s="12"/>
    </row>
    <row r="704993" spans="8:8">
      <c r="H704993" s="12"/>
    </row>
    <row r="704994" spans="8:8">
      <c r="H704994" s="12"/>
    </row>
    <row r="704995" spans="8:8">
      <c r="H704995" s="12"/>
    </row>
    <row r="704996" spans="8:8">
      <c r="H704996" s="12"/>
    </row>
    <row r="704997" spans="8:8">
      <c r="H704997" s="12"/>
    </row>
    <row r="704998" spans="8:8">
      <c r="H704998" s="12"/>
    </row>
    <row r="704999" spans="8:8">
      <c r="H704999" s="12"/>
    </row>
    <row r="705000" spans="8:8">
      <c r="H705000" s="12"/>
    </row>
    <row r="705001" spans="8:8">
      <c r="H705001" s="12"/>
    </row>
    <row r="705002" spans="8:8">
      <c r="H705002" s="12"/>
    </row>
    <row r="705003" spans="8:8">
      <c r="H705003" s="12"/>
    </row>
    <row r="705004" spans="8:8">
      <c r="H705004" s="12"/>
    </row>
    <row r="705005" spans="8:8">
      <c r="H705005" s="12"/>
    </row>
    <row r="705006" spans="8:8">
      <c r="H705006" s="12"/>
    </row>
    <row r="705007" spans="8:8">
      <c r="H705007" s="12"/>
    </row>
    <row r="705008" spans="8:8">
      <c r="H705008" s="12"/>
    </row>
    <row r="705009" spans="8:8">
      <c r="H705009" s="12"/>
    </row>
    <row r="705010" spans="8:8">
      <c r="H705010" s="12"/>
    </row>
    <row r="705011" spans="8:8">
      <c r="H705011" s="12"/>
    </row>
    <row r="705012" spans="8:8">
      <c r="H705012" s="12"/>
    </row>
    <row r="705013" spans="8:8">
      <c r="H705013" s="12"/>
    </row>
    <row r="705014" spans="8:8">
      <c r="H705014" s="12"/>
    </row>
    <row r="705015" spans="8:8">
      <c r="H705015" s="12"/>
    </row>
    <row r="705016" spans="8:8">
      <c r="H705016" s="12"/>
    </row>
    <row r="705017" spans="8:8">
      <c r="H705017" s="12"/>
    </row>
    <row r="705018" spans="8:8">
      <c r="H705018" s="12"/>
    </row>
    <row r="705019" spans="8:8">
      <c r="H705019" s="12"/>
    </row>
    <row r="705020" spans="8:8">
      <c r="H705020" s="12"/>
    </row>
    <row r="705021" spans="8:8">
      <c r="H705021" s="12"/>
    </row>
    <row r="705022" spans="8:8">
      <c r="H705022" s="12"/>
    </row>
    <row r="705023" spans="8:8">
      <c r="H705023" s="12"/>
    </row>
    <row r="705024" spans="8:8">
      <c r="H705024" s="12"/>
    </row>
    <row r="705025" spans="8:8">
      <c r="H705025" s="12"/>
    </row>
    <row r="705026" spans="8:8">
      <c r="H705026" s="12"/>
    </row>
    <row r="705027" spans="8:8">
      <c r="H705027" s="12"/>
    </row>
    <row r="705028" spans="8:8">
      <c r="H705028" s="12"/>
    </row>
    <row r="705029" spans="8:8">
      <c r="H705029" s="12"/>
    </row>
    <row r="705030" spans="8:8">
      <c r="H705030" s="12"/>
    </row>
    <row r="705031" spans="8:8">
      <c r="H705031" s="12"/>
    </row>
    <row r="705032" spans="8:8">
      <c r="H705032" s="12"/>
    </row>
    <row r="705033" spans="8:8">
      <c r="H705033" s="12"/>
    </row>
    <row r="705034" spans="8:8">
      <c r="H705034" s="12"/>
    </row>
    <row r="705035" spans="8:8">
      <c r="H705035" s="12"/>
    </row>
    <row r="705036" spans="8:8">
      <c r="H705036" s="12"/>
    </row>
    <row r="705037" spans="8:8">
      <c r="H705037" s="12"/>
    </row>
    <row r="705038" spans="8:8">
      <c r="H705038" s="12"/>
    </row>
    <row r="705039" spans="8:8">
      <c r="H705039" s="12"/>
    </row>
    <row r="705040" spans="8:8">
      <c r="H705040" s="12"/>
    </row>
    <row r="705041" spans="8:8">
      <c r="H705041" s="12"/>
    </row>
    <row r="705042" spans="8:8">
      <c r="H705042" s="12"/>
    </row>
    <row r="705043" spans="8:8">
      <c r="H705043" s="12"/>
    </row>
    <row r="705044" spans="8:8">
      <c r="H705044" s="12"/>
    </row>
    <row r="705045" spans="8:8">
      <c r="H705045" s="12"/>
    </row>
    <row r="705046" spans="8:8">
      <c r="H705046" s="12"/>
    </row>
    <row r="705047" spans="8:8">
      <c r="H705047" s="12"/>
    </row>
    <row r="705048" spans="8:8">
      <c r="H705048" s="12"/>
    </row>
    <row r="705049" spans="8:8">
      <c r="H705049" s="12"/>
    </row>
    <row r="705050" spans="8:8">
      <c r="H705050" s="12"/>
    </row>
    <row r="705051" spans="8:8">
      <c r="H705051" s="12"/>
    </row>
    <row r="705052" spans="8:8">
      <c r="H705052" s="12"/>
    </row>
    <row r="705053" spans="8:8">
      <c r="H705053" s="12"/>
    </row>
    <row r="705054" spans="8:8">
      <c r="H705054" s="12"/>
    </row>
    <row r="705055" spans="8:8">
      <c r="H705055" s="12"/>
    </row>
    <row r="705056" spans="8:8">
      <c r="H705056" s="12"/>
    </row>
    <row r="705057" spans="8:8">
      <c r="H705057" s="12"/>
    </row>
    <row r="705058" spans="8:8">
      <c r="H705058" s="12"/>
    </row>
    <row r="705059" spans="8:8">
      <c r="H705059" s="12"/>
    </row>
    <row r="705060" spans="8:8">
      <c r="H705060" s="12"/>
    </row>
    <row r="705061" spans="8:8">
      <c r="H705061" s="12"/>
    </row>
    <row r="705062" spans="8:8">
      <c r="H705062" s="12"/>
    </row>
    <row r="705063" spans="8:8">
      <c r="H705063" s="12"/>
    </row>
    <row r="705064" spans="8:8">
      <c r="H705064" s="12"/>
    </row>
    <row r="705065" spans="8:8">
      <c r="H705065" s="12"/>
    </row>
    <row r="705066" spans="8:8">
      <c r="H705066" s="12"/>
    </row>
    <row r="705067" spans="8:8">
      <c r="H705067" s="12"/>
    </row>
    <row r="705068" spans="8:8">
      <c r="H705068" s="12"/>
    </row>
    <row r="705069" spans="8:8">
      <c r="H705069" s="12"/>
    </row>
    <row r="705070" spans="8:8">
      <c r="H705070" s="12"/>
    </row>
    <row r="705071" spans="8:8">
      <c r="H705071" s="12"/>
    </row>
    <row r="705072" spans="8:8">
      <c r="H705072" s="12"/>
    </row>
    <row r="705073" spans="8:8">
      <c r="H705073" s="12"/>
    </row>
    <row r="705074" spans="8:8">
      <c r="H705074" s="12"/>
    </row>
    <row r="705075" spans="8:8">
      <c r="H705075" s="12"/>
    </row>
    <row r="705076" spans="8:8">
      <c r="H705076" s="12"/>
    </row>
    <row r="705077" spans="8:8">
      <c r="H705077" s="12"/>
    </row>
    <row r="705078" spans="8:8">
      <c r="H705078" s="12"/>
    </row>
    <row r="705079" spans="8:8">
      <c r="H705079" s="12"/>
    </row>
    <row r="705080" spans="8:8">
      <c r="H705080" s="12"/>
    </row>
    <row r="705081" spans="8:8">
      <c r="H705081" s="12"/>
    </row>
    <row r="705082" spans="8:8">
      <c r="H705082" s="12"/>
    </row>
    <row r="705083" spans="8:8">
      <c r="H705083" s="12"/>
    </row>
    <row r="705084" spans="8:8">
      <c r="H705084" s="12"/>
    </row>
    <row r="705085" spans="8:8">
      <c r="H705085" s="12"/>
    </row>
    <row r="705086" spans="8:8">
      <c r="H705086" s="12"/>
    </row>
    <row r="705087" spans="8:8">
      <c r="H705087" s="12"/>
    </row>
    <row r="705088" spans="8:8">
      <c r="H705088" s="12"/>
    </row>
    <row r="705089" spans="8:8">
      <c r="H705089" s="12"/>
    </row>
    <row r="705090" spans="8:8">
      <c r="H705090" s="12"/>
    </row>
    <row r="705091" spans="8:8">
      <c r="H705091" s="12"/>
    </row>
    <row r="705092" spans="8:8">
      <c r="H705092" s="12"/>
    </row>
    <row r="705093" spans="8:8">
      <c r="H705093" s="12"/>
    </row>
    <row r="705094" spans="8:8">
      <c r="H705094" s="12"/>
    </row>
    <row r="705095" spans="8:8">
      <c r="H705095" s="12"/>
    </row>
    <row r="705096" spans="8:8">
      <c r="H705096" s="12"/>
    </row>
    <row r="705097" spans="8:8">
      <c r="H705097" s="12"/>
    </row>
    <row r="705098" spans="8:8">
      <c r="H705098" s="12"/>
    </row>
    <row r="705099" spans="8:8">
      <c r="H705099" s="12"/>
    </row>
    <row r="705100" spans="8:8">
      <c r="H705100" s="12"/>
    </row>
    <row r="705101" spans="8:8">
      <c r="H705101" s="12"/>
    </row>
    <row r="705102" spans="8:8">
      <c r="H705102" s="12"/>
    </row>
    <row r="705103" spans="8:8">
      <c r="H705103" s="12"/>
    </row>
    <row r="705104" spans="8:8">
      <c r="H705104" s="12"/>
    </row>
    <row r="705105" spans="8:8">
      <c r="H705105" s="12"/>
    </row>
    <row r="705106" spans="8:8">
      <c r="H705106" s="12"/>
    </row>
    <row r="705107" spans="8:8">
      <c r="H705107" s="12"/>
    </row>
    <row r="705108" spans="8:8">
      <c r="H705108" s="12"/>
    </row>
    <row r="705109" spans="8:8">
      <c r="H705109" s="12"/>
    </row>
    <row r="705110" spans="8:8">
      <c r="H705110" s="12"/>
    </row>
    <row r="705111" spans="8:8">
      <c r="H705111" s="12"/>
    </row>
    <row r="705112" spans="8:8">
      <c r="H705112" s="12"/>
    </row>
    <row r="705113" spans="8:8">
      <c r="H705113" s="12"/>
    </row>
    <row r="705114" spans="8:8">
      <c r="H705114" s="12"/>
    </row>
    <row r="705115" spans="8:8">
      <c r="H705115" s="12"/>
    </row>
    <row r="705116" spans="8:8">
      <c r="H705116" s="12"/>
    </row>
    <row r="705117" spans="8:8">
      <c r="H705117" s="12"/>
    </row>
    <row r="705118" spans="8:8">
      <c r="H705118" s="12"/>
    </row>
    <row r="705119" spans="8:8">
      <c r="H705119" s="12"/>
    </row>
    <row r="705120" spans="8:8">
      <c r="H705120" s="12"/>
    </row>
    <row r="705121" spans="8:8">
      <c r="H705121" s="12"/>
    </row>
    <row r="705122" spans="8:8">
      <c r="H705122" s="12"/>
    </row>
    <row r="705123" spans="8:8">
      <c r="H705123" s="12"/>
    </row>
    <row r="705124" spans="8:8">
      <c r="H705124" s="12"/>
    </row>
    <row r="705125" spans="8:8">
      <c r="H705125" s="12"/>
    </row>
    <row r="705126" spans="8:8">
      <c r="H705126" s="12"/>
    </row>
    <row r="705127" spans="8:8">
      <c r="H705127" s="12"/>
    </row>
    <row r="705128" spans="8:8">
      <c r="H705128" s="12"/>
    </row>
    <row r="705129" spans="8:8">
      <c r="H705129" s="12"/>
    </row>
    <row r="705130" spans="8:8">
      <c r="H705130" s="12"/>
    </row>
    <row r="705131" spans="8:8">
      <c r="H705131" s="12"/>
    </row>
    <row r="705132" spans="8:8">
      <c r="H705132" s="12"/>
    </row>
    <row r="705133" spans="8:8">
      <c r="H705133" s="12"/>
    </row>
    <row r="705134" spans="8:8">
      <c r="H705134" s="12"/>
    </row>
    <row r="705135" spans="8:8">
      <c r="H705135" s="12"/>
    </row>
    <row r="705136" spans="8:8">
      <c r="H705136" s="12"/>
    </row>
    <row r="705137" spans="8:8">
      <c r="H705137" s="12"/>
    </row>
    <row r="705138" spans="8:8">
      <c r="H705138" s="12"/>
    </row>
    <row r="705139" spans="8:8">
      <c r="H705139" s="12"/>
    </row>
    <row r="705140" spans="8:8">
      <c r="H705140" s="12"/>
    </row>
    <row r="705141" spans="8:8">
      <c r="H705141" s="12"/>
    </row>
    <row r="705142" spans="8:8">
      <c r="H705142" s="12"/>
    </row>
    <row r="705143" spans="8:8">
      <c r="H705143" s="12"/>
    </row>
    <row r="705144" spans="8:8">
      <c r="H705144" s="12"/>
    </row>
    <row r="705145" spans="8:8">
      <c r="H705145" s="12"/>
    </row>
    <row r="705146" spans="8:8">
      <c r="H705146" s="12"/>
    </row>
    <row r="705147" spans="8:8">
      <c r="H705147" s="12"/>
    </row>
    <row r="705148" spans="8:8">
      <c r="H705148" s="12"/>
    </row>
    <row r="705149" spans="8:8">
      <c r="H705149" s="12"/>
    </row>
    <row r="705150" spans="8:8">
      <c r="H705150" s="12"/>
    </row>
    <row r="705151" spans="8:8">
      <c r="H705151" s="12"/>
    </row>
    <row r="705152" spans="8:8">
      <c r="H705152" s="12"/>
    </row>
    <row r="705153" spans="8:8">
      <c r="H705153" s="12"/>
    </row>
    <row r="705154" spans="8:8">
      <c r="H705154" s="12"/>
    </row>
    <row r="705155" spans="8:8">
      <c r="H705155" s="12"/>
    </row>
    <row r="705156" spans="8:8">
      <c r="H705156" s="12"/>
    </row>
    <row r="705157" spans="8:8">
      <c r="H705157" s="12"/>
    </row>
    <row r="705158" spans="8:8">
      <c r="H705158" s="12"/>
    </row>
    <row r="705159" spans="8:8">
      <c r="H705159" s="12"/>
    </row>
    <row r="705160" spans="8:8">
      <c r="H705160" s="12"/>
    </row>
    <row r="705161" spans="8:8">
      <c r="H705161" s="12"/>
    </row>
    <row r="705162" spans="8:8">
      <c r="H705162" s="12"/>
    </row>
    <row r="705163" spans="8:8">
      <c r="H705163" s="12"/>
    </row>
    <row r="705164" spans="8:8">
      <c r="H705164" s="12"/>
    </row>
    <row r="705165" spans="8:8">
      <c r="H705165" s="12"/>
    </row>
    <row r="705166" spans="8:8">
      <c r="H705166" s="12"/>
    </row>
    <row r="705167" spans="8:8">
      <c r="H705167" s="12"/>
    </row>
    <row r="705168" spans="8:8">
      <c r="H705168" s="12"/>
    </row>
    <row r="705169" spans="8:8">
      <c r="H705169" s="12"/>
    </row>
    <row r="705170" spans="8:8">
      <c r="H705170" s="12"/>
    </row>
    <row r="705171" spans="8:8">
      <c r="H705171" s="12"/>
    </row>
    <row r="705172" spans="8:8">
      <c r="H705172" s="12"/>
    </row>
    <row r="705173" spans="8:8">
      <c r="H705173" s="12"/>
    </row>
    <row r="705174" spans="8:8">
      <c r="H705174" s="12"/>
    </row>
    <row r="705175" spans="8:8">
      <c r="H705175" s="12"/>
    </row>
    <row r="705176" spans="8:8">
      <c r="H705176" s="12"/>
    </row>
    <row r="705177" spans="8:8">
      <c r="H705177" s="12"/>
    </row>
    <row r="705178" spans="8:8">
      <c r="H705178" s="12"/>
    </row>
    <row r="705179" spans="8:8">
      <c r="H705179" s="12"/>
    </row>
    <row r="705180" spans="8:8">
      <c r="H705180" s="12"/>
    </row>
    <row r="705181" spans="8:8">
      <c r="H705181" s="12"/>
    </row>
    <row r="705182" spans="8:8">
      <c r="H705182" s="12"/>
    </row>
    <row r="705183" spans="8:8">
      <c r="H705183" s="12"/>
    </row>
    <row r="705184" spans="8:8">
      <c r="H705184" s="12"/>
    </row>
    <row r="705185" spans="8:8">
      <c r="H705185" s="12"/>
    </row>
    <row r="705186" spans="8:8">
      <c r="H705186" s="12"/>
    </row>
    <row r="705187" spans="8:8">
      <c r="H705187" s="12"/>
    </row>
    <row r="705188" spans="8:8">
      <c r="H705188" s="12"/>
    </row>
    <row r="705189" spans="8:8">
      <c r="H705189" s="12"/>
    </row>
    <row r="705190" spans="8:8">
      <c r="H705190" s="12"/>
    </row>
    <row r="705191" spans="8:8">
      <c r="H705191" s="12"/>
    </row>
    <row r="705192" spans="8:8">
      <c r="H705192" s="12"/>
    </row>
    <row r="705193" spans="8:8">
      <c r="H705193" s="12"/>
    </row>
    <row r="705194" spans="8:8">
      <c r="H705194" s="12"/>
    </row>
    <row r="705195" spans="8:8">
      <c r="H705195" s="12"/>
    </row>
    <row r="705196" spans="8:8">
      <c r="H705196" s="12"/>
    </row>
    <row r="705197" spans="8:8">
      <c r="H705197" s="12"/>
    </row>
    <row r="705198" spans="8:8">
      <c r="H705198" s="12"/>
    </row>
    <row r="705199" spans="8:8">
      <c r="H705199" s="12"/>
    </row>
    <row r="705200" spans="8:8">
      <c r="H705200" s="12"/>
    </row>
    <row r="705201" spans="8:8">
      <c r="H705201" s="12"/>
    </row>
    <row r="705202" spans="8:8">
      <c r="H705202" s="12"/>
    </row>
    <row r="705203" spans="8:8">
      <c r="H705203" s="12"/>
    </row>
    <row r="705204" spans="8:8">
      <c r="H705204" s="12"/>
    </row>
    <row r="705205" spans="8:8">
      <c r="H705205" s="12"/>
    </row>
    <row r="705206" spans="8:8">
      <c r="H705206" s="12"/>
    </row>
    <row r="705207" spans="8:8">
      <c r="H705207" s="12"/>
    </row>
    <row r="705208" spans="8:8">
      <c r="H705208" s="12"/>
    </row>
    <row r="705209" spans="8:8">
      <c r="H705209" s="12"/>
    </row>
    <row r="705210" spans="8:8">
      <c r="H705210" s="12"/>
    </row>
    <row r="705211" spans="8:8">
      <c r="H705211" s="12"/>
    </row>
    <row r="705212" spans="8:8">
      <c r="H705212" s="12"/>
    </row>
    <row r="705213" spans="8:8">
      <c r="H705213" s="12"/>
    </row>
    <row r="705214" spans="8:8">
      <c r="H705214" s="12"/>
    </row>
    <row r="705215" spans="8:8">
      <c r="H705215" s="12"/>
    </row>
    <row r="705216" spans="8:8">
      <c r="H705216" s="12"/>
    </row>
    <row r="705217" spans="8:8">
      <c r="H705217" s="12"/>
    </row>
    <row r="705218" spans="8:8">
      <c r="H705218" s="12"/>
    </row>
    <row r="705219" spans="8:8">
      <c r="H705219" s="12"/>
    </row>
    <row r="705220" spans="8:8">
      <c r="H705220" s="12"/>
    </row>
    <row r="705221" spans="8:8">
      <c r="H705221" s="12"/>
    </row>
    <row r="705222" spans="8:8">
      <c r="H705222" s="12"/>
    </row>
    <row r="705223" spans="8:8">
      <c r="H705223" s="12"/>
    </row>
    <row r="705224" spans="8:8">
      <c r="H705224" s="12"/>
    </row>
    <row r="705225" spans="8:8">
      <c r="H705225" s="12"/>
    </row>
    <row r="705226" spans="8:8">
      <c r="H705226" s="12"/>
    </row>
    <row r="705227" spans="8:8">
      <c r="H705227" s="12"/>
    </row>
    <row r="705228" spans="8:8">
      <c r="H705228" s="12"/>
    </row>
    <row r="705229" spans="8:8">
      <c r="H705229" s="12"/>
    </row>
    <row r="705230" spans="8:8">
      <c r="H705230" s="12"/>
    </row>
    <row r="705231" spans="8:8">
      <c r="H705231" s="12"/>
    </row>
    <row r="705232" spans="8:8">
      <c r="H705232" s="12"/>
    </row>
    <row r="705233" spans="8:8">
      <c r="H705233" s="12"/>
    </row>
    <row r="705234" spans="8:8">
      <c r="H705234" s="12"/>
    </row>
    <row r="705235" spans="8:8">
      <c r="H705235" s="12"/>
    </row>
    <row r="705236" spans="8:8">
      <c r="H705236" s="12"/>
    </row>
    <row r="705237" spans="8:8">
      <c r="H705237" s="12"/>
    </row>
    <row r="705238" spans="8:8">
      <c r="H705238" s="12"/>
    </row>
    <row r="705239" spans="8:8">
      <c r="H705239" s="12"/>
    </row>
    <row r="705240" spans="8:8">
      <c r="H705240" s="12"/>
    </row>
    <row r="705241" spans="8:8">
      <c r="H705241" s="12"/>
    </row>
    <row r="705242" spans="8:8">
      <c r="H705242" s="12"/>
    </row>
    <row r="705243" spans="8:8">
      <c r="H705243" s="12"/>
    </row>
    <row r="705244" spans="8:8">
      <c r="H705244" s="12"/>
    </row>
    <row r="705245" spans="8:8">
      <c r="H705245" s="12"/>
    </row>
    <row r="705246" spans="8:8">
      <c r="H705246" s="12"/>
    </row>
    <row r="705247" spans="8:8">
      <c r="H705247" s="12"/>
    </row>
    <row r="705248" spans="8:8">
      <c r="H705248" s="12"/>
    </row>
    <row r="705249" spans="8:8">
      <c r="H705249" s="12"/>
    </row>
    <row r="705250" spans="8:8">
      <c r="H705250" s="12"/>
    </row>
    <row r="705251" spans="8:8">
      <c r="H705251" s="12"/>
    </row>
    <row r="705252" spans="8:8">
      <c r="H705252" s="12"/>
    </row>
    <row r="705253" spans="8:8">
      <c r="H705253" s="12"/>
    </row>
    <row r="705254" spans="8:8">
      <c r="H705254" s="12"/>
    </row>
    <row r="705255" spans="8:8">
      <c r="H705255" s="12"/>
    </row>
    <row r="705256" spans="8:8">
      <c r="H705256" s="12"/>
    </row>
    <row r="705257" spans="8:8">
      <c r="H705257" s="12"/>
    </row>
    <row r="705258" spans="8:8">
      <c r="H705258" s="12"/>
    </row>
    <row r="705259" spans="8:8">
      <c r="H705259" s="12"/>
    </row>
    <row r="705260" spans="8:8">
      <c r="H705260" s="12"/>
    </row>
    <row r="705261" spans="8:8">
      <c r="H705261" s="12"/>
    </row>
    <row r="705262" spans="8:8">
      <c r="H705262" s="12"/>
    </row>
    <row r="705263" spans="8:8">
      <c r="H705263" s="12"/>
    </row>
    <row r="705264" spans="8:8">
      <c r="H705264" s="12"/>
    </row>
    <row r="705265" spans="8:8">
      <c r="H705265" s="12"/>
    </row>
    <row r="705266" spans="8:8">
      <c r="H705266" s="12"/>
    </row>
    <row r="705267" spans="8:8">
      <c r="H705267" s="12"/>
    </row>
    <row r="705268" spans="8:8">
      <c r="H705268" s="12"/>
    </row>
    <row r="705269" spans="8:8">
      <c r="H705269" s="12"/>
    </row>
    <row r="705270" spans="8:8">
      <c r="H705270" s="12"/>
    </row>
    <row r="705271" spans="8:8">
      <c r="H705271" s="12"/>
    </row>
    <row r="705272" spans="8:8">
      <c r="H705272" s="12"/>
    </row>
    <row r="705273" spans="8:8">
      <c r="H705273" s="12"/>
    </row>
    <row r="705274" spans="8:8">
      <c r="H705274" s="12"/>
    </row>
    <row r="705275" spans="8:8">
      <c r="H705275" s="12"/>
    </row>
    <row r="705276" spans="8:8">
      <c r="H705276" s="12"/>
    </row>
    <row r="705277" spans="8:8">
      <c r="H705277" s="12"/>
    </row>
    <row r="705278" spans="8:8">
      <c r="H705278" s="12"/>
    </row>
    <row r="705279" spans="8:8">
      <c r="H705279" s="12"/>
    </row>
    <row r="705280" spans="8:8">
      <c r="H705280" s="12"/>
    </row>
    <row r="705281" spans="8:8">
      <c r="H705281" s="12"/>
    </row>
    <row r="705282" spans="8:8">
      <c r="H705282" s="12"/>
    </row>
    <row r="705283" spans="8:8">
      <c r="H705283" s="12"/>
    </row>
    <row r="705284" spans="8:8">
      <c r="H705284" s="12"/>
    </row>
    <row r="705285" spans="8:8">
      <c r="H705285" s="12"/>
    </row>
    <row r="705286" spans="8:8">
      <c r="H705286" s="12"/>
    </row>
    <row r="705287" spans="8:8">
      <c r="H705287" s="12"/>
    </row>
    <row r="705288" spans="8:8">
      <c r="H705288" s="12"/>
    </row>
    <row r="705289" spans="8:8">
      <c r="H705289" s="12"/>
    </row>
    <row r="705290" spans="8:8">
      <c r="H705290" s="12"/>
    </row>
    <row r="705291" spans="8:8">
      <c r="H705291" s="12"/>
    </row>
    <row r="705292" spans="8:8">
      <c r="H705292" s="12"/>
    </row>
    <row r="705293" spans="8:8">
      <c r="H705293" s="12"/>
    </row>
    <row r="705294" spans="8:8">
      <c r="H705294" s="12"/>
    </row>
    <row r="705295" spans="8:8">
      <c r="H705295" s="12"/>
    </row>
    <row r="705296" spans="8:8">
      <c r="H705296" s="12"/>
    </row>
    <row r="705297" spans="8:8">
      <c r="H705297" s="12"/>
    </row>
    <row r="705298" spans="8:8">
      <c r="H705298" s="12"/>
    </row>
    <row r="705299" spans="8:8">
      <c r="H705299" s="12"/>
    </row>
    <row r="705300" spans="8:8">
      <c r="H705300" s="12"/>
    </row>
    <row r="705301" spans="8:8">
      <c r="H705301" s="12"/>
    </row>
    <row r="705302" spans="8:8">
      <c r="H705302" s="12"/>
    </row>
    <row r="705303" spans="8:8">
      <c r="H705303" s="12"/>
    </row>
    <row r="705304" spans="8:8">
      <c r="H705304" s="12"/>
    </row>
    <row r="705305" spans="8:8">
      <c r="H705305" s="12"/>
    </row>
    <row r="705306" spans="8:8">
      <c r="H705306" s="12"/>
    </row>
    <row r="705307" spans="8:8">
      <c r="H705307" s="12"/>
    </row>
    <row r="705308" spans="8:8">
      <c r="H705308" s="12"/>
    </row>
    <row r="705309" spans="8:8">
      <c r="H705309" s="12"/>
    </row>
    <row r="705310" spans="8:8">
      <c r="H705310" s="12"/>
    </row>
    <row r="705311" spans="8:8">
      <c r="H705311" s="12"/>
    </row>
    <row r="705312" spans="8:8">
      <c r="H705312" s="12"/>
    </row>
    <row r="705313" spans="8:8">
      <c r="H705313" s="12"/>
    </row>
    <row r="705314" spans="8:8">
      <c r="H705314" s="12"/>
    </row>
    <row r="705315" spans="8:8">
      <c r="H705315" s="12"/>
    </row>
    <row r="705316" spans="8:8">
      <c r="H705316" s="12"/>
    </row>
    <row r="705317" spans="8:8">
      <c r="H705317" s="12"/>
    </row>
    <row r="705318" spans="8:8">
      <c r="H705318" s="12"/>
    </row>
    <row r="705319" spans="8:8">
      <c r="H705319" s="12"/>
    </row>
    <row r="705320" spans="8:8">
      <c r="H705320" s="12"/>
    </row>
    <row r="705321" spans="8:8">
      <c r="H705321" s="12"/>
    </row>
    <row r="705322" spans="8:8">
      <c r="H705322" s="12"/>
    </row>
    <row r="705323" spans="8:8">
      <c r="H705323" s="12"/>
    </row>
    <row r="705324" spans="8:8">
      <c r="H705324" s="12"/>
    </row>
    <row r="705325" spans="8:8">
      <c r="H705325" s="12"/>
    </row>
    <row r="705326" spans="8:8">
      <c r="H705326" s="12"/>
    </row>
    <row r="705327" spans="8:8">
      <c r="H705327" s="12"/>
    </row>
    <row r="705328" spans="8:8">
      <c r="H705328" s="12"/>
    </row>
    <row r="705329" spans="8:8">
      <c r="H705329" s="12"/>
    </row>
    <row r="705330" spans="8:8">
      <c r="H705330" s="12"/>
    </row>
    <row r="705331" spans="8:8">
      <c r="H705331" s="12"/>
    </row>
    <row r="705332" spans="8:8">
      <c r="H705332" s="12"/>
    </row>
    <row r="705333" spans="8:8">
      <c r="H705333" s="12"/>
    </row>
    <row r="705334" spans="8:8">
      <c r="H705334" s="12"/>
    </row>
    <row r="705335" spans="8:8">
      <c r="H705335" s="12"/>
    </row>
    <row r="705336" spans="8:8">
      <c r="H705336" s="12"/>
    </row>
    <row r="705337" spans="8:8">
      <c r="H705337" s="12"/>
    </row>
    <row r="705338" spans="8:8">
      <c r="H705338" s="12"/>
    </row>
    <row r="705339" spans="8:8">
      <c r="H705339" s="12"/>
    </row>
    <row r="705340" spans="8:8">
      <c r="H705340" s="12"/>
    </row>
    <row r="705341" spans="8:8">
      <c r="H705341" s="12"/>
    </row>
    <row r="705342" spans="8:8">
      <c r="H705342" s="12"/>
    </row>
    <row r="705343" spans="8:8">
      <c r="H705343" s="12"/>
    </row>
    <row r="705344" spans="8:8">
      <c r="H705344" s="12"/>
    </row>
    <row r="705345" spans="8:8">
      <c r="H705345" s="12"/>
    </row>
    <row r="705346" spans="8:8">
      <c r="H705346" s="12"/>
    </row>
    <row r="705347" spans="8:8">
      <c r="H705347" s="12"/>
    </row>
    <row r="705348" spans="8:8">
      <c r="H705348" s="12"/>
    </row>
    <row r="705349" spans="8:8">
      <c r="H705349" s="12"/>
    </row>
    <row r="705350" spans="8:8">
      <c r="H705350" s="12"/>
    </row>
    <row r="705351" spans="8:8">
      <c r="H705351" s="12"/>
    </row>
    <row r="705352" spans="8:8">
      <c r="H705352" s="12"/>
    </row>
    <row r="705353" spans="8:8">
      <c r="H705353" s="12"/>
    </row>
    <row r="705354" spans="8:8">
      <c r="H705354" s="12"/>
    </row>
    <row r="705355" spans="8:8">
      <c r="H705355" s="12"/>
    </row>
    <row r="705356" spans="8:8">
      <c r="H705356" s="12"/>
    </row>
    <row r="705357" spans="8:8">
      <c r="H705357" s="12"/>
    </row>
    <row r="705358" spans="8:8">
      <c r="H705358" s="12"/>
    </row>
    <row r="705359" spans="8:8">
      <c r="H705359" s="12"/>
    </row>
    <row r="705360" spans="8:8">
      <c r="H705360" s="12"/>
    </row>
    <row r="705361" spans="8:8">
      <c r="H705361" s="12"/>
    </row>
    <row r="705362" spans="8:8">
      <c r="H705362" s="12"/>
    </row>
    <row r="705363" spans="8:8">
      <c r="H705363" s="12"/>
    </row>
    <row r="705364" spans="8:8">
      <c r="H705364" s="12"/>
    </row>
    <row r="705365" spans="8:8">
      <c r="H705365" s="12"/>
    </row>
    <row r="705366" spans="8:8">
      <c r="H705366" s="12"/>
    </row>
    <row r="705367" spans="8:8">
      <c r="H705367" s="12"/>
    </row>
    <row r="705368" spans="8:8">
      <c r="H705368" s="12"/>
    </row>
    <row r="705369" spans="8:8">
      <c r="H705369" s="12"/>
    </row>
    <row r="705370" spans="8:8">
      <c r="H705370" s="12"/>
    </row>
    <row r="705371" spans="8:8">
      <c r="H705371" s="12"/>
    </row>
    <row r="705372" spans="8:8">
      <c r="H705372" s="12"/>
    </row>
    <row r="705373" spans="8:8">
      <c r="H705373" s="12"/>
    </row>
    <row r="705374" spans="8:8">
      <c r="H705374" s="12"/>
    </row>
    <row r="705375" spans="8:8">
      <c r="H705375" s="12"/>
    </row>
    <row r="705376" spans="8:8">
      <c r="H705376" s="12"/>
    </row>
    <row r="705377" spans="8:8">
      <c r="H705377" s="12"/>
    </row>
    <row r="705378" spans="8:8">
      <c r="H705378" s="12"/>
    </row>
    <row r="705379" spans="8:8">
      <c r="H705379" s="12"/>
    </row>
    <row r="705380" spans="8:8">
      <c r="H705380" s="12"/>
    </row>
    <row r="705381" spans="8:8">
      <c r="H705381" s="12"/>
    </row>
    <row r="705382" spans="8:8">
      <c r="H705382" s="12"/>
    </row>
    <row r="705383" spans="8:8">
      <c r="H705383" s="12"/>
    </row>
    <row r="705384" spans="8:8">
      <c r="H705384" s="12"/>
    </row>
    <row r="705385" spans="8:8">
      <c r="H705385" s="12"/>
    </row>
    <row r="705386" spans="8:8">
      <c r="H705386" s="12"/>
    </row>
    <row r="705387" spans="8:8">
      <c r="H705387" s="12"/>
    </row>
    <row r="705388" spans="8:8">
      <c r="H705388" s="12"/>
    </row>
    <row r="705389" spans="8:8">
      <c r="H705389" s="12"/>
    </row>
    <row r="705390" spans="8:8">
      <c r="H705390" s="12"/>
    </row>
    <row r="705391" spans="8:8">
      <c r="H705391" s="12"/>
    </row>
    <row r="705392" spans="8:8">
      <c r="H705392" s="12"/>
    </row>
    <row r="705393" spans="8:8">
      <c r="H705393" s="12"/>
    </row>
    <row r="705394" spans="8:8">
      <c r="H705394" s="12"/>
    </row>
    <row r="705395" spans="8:8">
      <c r="H705395" s="12"/>
    </row>
    <row r="705396" spans="8:8">
      <c r="H705396" s="12"/>
    </row>
    <row r="705397" spans="8:8">
      <c r="H705397" s="12"/>
    </row>
    <row r="705398" spans="8:8">
      <c r="H705398" s="12"/>
    </row>
    <row r="705399" spans="8:8">
      <c r="H705399" s="12"/>
    </row>
    <row r="705400" spans="8:8">
      <c r="H705400" s="12"/>
    </row>
    <row r="705401" spans="8:8">
      <c r="H705401" s="12"/>
    </row>
    <row r="705402" spans="8:8">
      <c r="H705402" s="12"/>
    </row>
    <row r="705403" spans="8:8">
      <c r="H705403" s="12"/>
    </row>
    <row r="705404" spans="8:8">
      <c r="H705404" s="12"/>
    </row>
    <row r="705405" spans="8:8">
      <c r="H705405" s="12"/>
    </row>
    <row r="705406" spans="8:8">
      <c r="H705406" s="12"/>
    </row>
    <row r="705407" spans="8:8">
      <c r="H705407" s="12"/>
    </row>
    <row r="705408" spans="8:8">
      <c r="H705408" s="12"/>
    </row>
    <row r="705409" spans="8:8">
      <c r="H705409" s="12"/>
    </row>
    <row r="705410" spans="8:8">
      <c r="H705410" s="12"/>
    </row>
    <row r="705411" spans="8:8">
      <c r="H705411" s="12"/>
    </row>
    <row r="705412" spans="8:8">
      <c r="H705412" s="12"/>
    </row>
    <row r="705413" spans="8:8">
      <c r="H705413" s="12"/>
    </row>
    <row r="705414" spans="8:8">
      <c r="H705414" s="12"/>
    </row>
    <row r="705415" spans="8:8">
      <c r="H705415" s="12"/>
    </row>
    <row r="705416" spans="8:8">
      <c r="H705416" s="12"/>
    </row>
    <row r="705417" spans="8:8">
      <c r="H705417" s="12"/>
    </row>
    <row r="705418" spans="8:8">
      <c r="H705418" s="12"/>
    </row>
    <row r="705419" spans="8:8">
      <c r="H705419" s="12"/>
    </row>
    <row r="705420" spans="8:8">
      <c r="H705420" s="12"/>
    </row>
    <row r="705421" spans="8:8">
      <c r="H705421" s="12"/>
    </row>
    <row r="705422" spans="8:8">
      <c r="H705422" s="12"/>
    </row>
    <row r="705423" spans="8:8">
      <c r="H705423" s="12"/>
    </row>
    <row r="705424" spans="8:8">
      <c r="H705424" s="12"/>
    </row>
    <row r="705425" spans="8:8">
      <c r="H705425" s="12"/>
    </row>
    <row r="705426" spans="8:8">
      <c r="H705426" s="12"/>
    </row>
    <row r="705427" spans="8:8">
      <c r="H705427" s="12"/>
    </row>
    <row r="705428" spans="8:8">
      <c r="H705428" s="12"/>
    </row>
    <row r="705429" spans="8:8">
      <c r="H705429" s="12"/>
    </row>
    <row r="705430" spans="8:8">
      <c r="H705430" s="12"/>
    </row>
    <row r="705431" spans="8:8">
      <c r="H705431" s="12"/>
    </row>
    <row r="705432" spans="8:8">
      <c r="H705432" s="12"/>
    </row>
    <row r="705433" spans="8:8">
      <c r="H705433" s="12"/>
    </row>
    <row r="705434" spans="8:8">
      <c r="H705434" s="12"/>
    </row>
    <row r="705435" spans="8:8">
      <c r="H705435" s="12"/>
    </row>
    <row r="705436" spans="8:8">
      <c r="H705436" s="12"/>
    </row>
    <row r="705437" spans="8:8">
      <c r="H705437" s="12"/>
    </row>
    <row r="705438" spans="8:8">
      <c r="H705438" s="12"/>
    </row>
    <row r="705439" spans="8:8">
      <c r="H705439" s="12"/>
    </row>
    <row r="705440" spans="8:8">
      <c r="H705440" s="12"/>
    </row>
    <row r="705441" spans="8:8">
      <c r="H705441" s="12"/>
    </row>
    <row r="705442" spans="8:8">
      <c r="H705442" s="12"/>
    </row>
    <row r="705443" spans="8:8">
      <c r="H705443" s="12"/>
    </row>
    <row r="705444" spans="8:8">
      <c r="H705444" s="12"/>
    </row>
    <row r="705445" spans="8:8">
      <c r="H705445" s="12"/>
    </row>
    <row r="705446" spans="8:8">
      <c r="H705446" s="12"/>
    </row>
    <row r="705447" spans="8:8">
      <c r="H705447" s="12"/>
    </row>
    <row r="705448" spans="8:8">
      <c r="H705448" s="12"/>
    </row>
    <row r="705449" spans="8:8">
      <c r="H705449" s="12"/>
    </row>
    <row r="705450" spans="8:8">
      <c r="H705450" s="12"/>
    </row>
    <row r="705451" spans="8:8">
      <c r="H705451" s="12"/>
    </row>
    <row r="705452" spans="8:8">
      <c r="H705452" s="12"/>
    </row>
    <row r="705453" spans="8:8">
      <c r="H705453" s="12"/>
    </row>
    <row r="705454" spans="8:8">
      <c r="H705454" s="12"/>
    </row>
    <row r="705455" spans="8:8">
      <c r="H705455" s="12"/>
    </row>
    <row r="705456" spans="8:8">
      <c r="H705456" s="12"/>
    </row>
    <row r="705457" spans="8:8">
      <c r="H705457" s="12"/>
    </row>
    <row r="705458" spans="8:8">
      <c r="H705458" s="12"/>
    </row>
    <row r="705459" spans="8:8">
      <c r="H705459" s="12"/>
    </row>
    <row r="705460" spans="8:8">
      <c r="H705460" s="12"/>
    </row>
    <row r="705461" spans="8:8">
      <c r="H705461" s="12"/>
    </row>
    <row r="705462" spans="8:8">
      <c r="H705462" s="12"/>
    </row>
    <row r="705463" spans="8:8">
      <c r="H705463" s="12"/>
    </row>
    <row r="705464" spans="8:8">
      <c r="H705464" s="12"/>
    </row>
    <row r="705465" spans="8:8">
      <c r="H705465" s="12"/>
    </row>
    <row r="705466" spans="8:8">
      <c r="H705466" s="12"/>
    </row>
    <row r="705467" spans="8:8">
      <c r="H705467" s="12"/>
    </row>
    <row r="705468" spans="8:8">
      <c r="H705468" s="12"/>
    </row>
    <row r="705469" spans="8:8">
      <c r="H705469" s="12"/>
    </row>
    <row r="705470" spans="8:8">
      <c r="H705470" s="12"/>
    </row>
    <row r="705471" spans="8:8">
      <c r="H705471" s="12"/>
    </row>
    <row r="705472" spans="8:8">
      <c r="H705472" s="12"/>
    </row>
    <row r="705473" spans="8:8">
      <c r="H705473" s="12"/>
    </row>
    <row r="705474" spans="8:8">
      <c r="H705474" s="12"/>
    </row>
    <row r="705475" spans="8:8">
      <c r="H705475" s="12"/>
    </row>
    <row r="705476" spans="8:8">
      <c r="H705476" s="12"/>
    </row>
    <row r="705477" spans="8:8">
      <c r="H705477" s="12"/>
    </row>
    <row r="705478" spans="8:8">
      <c r="H705478" s="12"/>
    </row>
    <row r="705479" spans="8:8">
      <c r="H705479" s="12"/>
    </row>
    <row r="705480" spans="8:8">
      <c r="H705480" s="12"/>
    </row>
    <row r="705481" spans="8:8">
      <c r="H705481" s="12"/>
    </row>
    <row r="705482" spans="8:8">
      <c r="H705482" s="12"/>
    </row>
    <row r="705483" spans="8:8">
      <c r="H705483" s="12"/>
    </row>
    <row r="705484" spans="8:8">
      <c r="H705484" s="12"/>
    </row>
    <row r="705485" spans="8:8">
      <c r="H705485" s="12"/>
    </row>
    <row r="705486" spans="8:8">
      <c r="H705486" s="12"/>
    </row>
    <row r="705487" spans="8:8">
      <c r="H705487" s="12"/>
    </row>
    <row r="705488" spans="8:8">
      <c r="H705488" s="12"/>
    </row>
    <row r="705489" spans="8:8">
      <c r="H705489" s="12"/>
    </row>
    <row r="705490" spans="8:8">
      <c r="H705490" s="12"/>
    </row>
    <row r="705491" spans="8:8">
      <c r="H705491" s="12"/>
    </row>
    <row r="705492" spans="8:8">
      <c r="H705492" s="12"/>
    </row>
    <row r="705493" spans="8:8">
      <c r="H705493" s="12"/>
    </row>
    <row r="705494" spans="8:8">
      <c r="H705494" s="12"/>
    </row>
    <row r="705495" spans="8:8">
      <c r="H705495" s="12"/>
    </row>
    <row r="705496" spans="8:8">
      <c r="H705496" s="12"/>
    </row>
    <row r="705497" spans="8:8">
      <c r="H705497" s="12"/>
    </row>
    <row r="705498" spans="8:8">
      <c r="H705498" s="12"/>
    </row>
    <row r="705499" spans="8:8">
      <c r="H705499" s="12"/>
    </row>
    <row r="705500" spans="8:8">
      <c r="H705500" s="12"/>
    </row>
    <row r="705501" spans="8:8">
      <c r="H705501" s="12"/>
    </row>
    <row r="705502" spans="8:8">
      <c r="H705502" s="12"/>
    </row>
    <row r="705503" spans="8:8">
      <c r="H705503" s="12"/>
    </row>
    <row r="705504" spans="8:8">
      <c r="H705504" s="12"/>
    </row>
    <row r="705505" spans="8:8">
      <c r="H705505" s="12"/>
    </row>
    <row r="705506" spans="8:8">
      <c r="H705506" s="12"/>
    </row>
    <row r="705507" spans="8:8">
      <c r="H705507" s="12"/>
    </row>
    <row r="705508" spans="8:8">
      <c r="H705508" s="12"/>
    </row>
    <row r="705509" spans="8:8">
      <c r="H705509" s="12"/>
    </row>
    <row r="705510" spans="8:8">
      <c r="H705510" s="12"/>
    </row>
    <row r="705511" spans="8:8">
      <c r="H705511" s="12"/>
    </row>
    <row r="705512" spans="8:8">
      <c r="H705512" s="12"/>
    </row>
    <row r="705513" spans="8:8">
      <c r="H705513" s="12"/>
    </row>
    <row r="705514" spans="8:8">
      <c r="H705514" s="12"/>
    </row>
    <row r="705515" spans="8:8">
      <c r="H705515" s="12"/>
    </row>
    <row r="705516" spans="8:8">
      <c r="H705516" s="12"/>
    </row>
    <row r="705517" spans="8:8">
      <c r="H705517" s="12"/>
    </row>
    <row r="705518" spans="8:8">
      <c r="H705518" s="12"/>
    </row>
    <row r="705519" spans="8:8">
      <c r="H705519" s="12"/>
    </row>
    <row r="705520" spans="8:8">
      <c r="H705520" s="12"/>
    </row>
    <row r="705521" spans="8:8">
      <c r="H705521" s="12"/>
    </row>
    <row r="705522" spans="8:8">
      <c r="H705522" s="12"/>
    </row>
    <row r="705523" spans="8:8">
      <c r="H705523" s="12"/>
    </row>
    <row r="705524" spans="8:8">
      <c r="H705524" s="12"/>
    </row>
    <row r="705525" spans="8:8">
      <c r="H705525" s="12"/>
    </row>
    <row r="705526" spans="8:8">
      <c r="H705526" s="12"/>
    </row>
    <row r="705527" spans="8:8">
      <c r="H705527" s="12"/>
    </row>
    <row r="705528" spans="8:8">
      <c r="H705528" s="12"/>
    </row>
    <row r="705529" spans="8:8">
      <c r="H705529" s="12"/>
    </row>
    <row r="705530" spans="8:8">
      <c r="H705530" s="12"/>
    </row>
    <row r="705531" spans="8:8">
      <c r="H705531" s="12"/>
    </row>
    <row r="705532" spans="8:8">
      <c r="H705532" s="12"/>
    </row>
    <row r="705533" spans="8:8">
      <c r="H705533" s="12"/>
    </row>
    <row r="705534" spans="8:8">
      <c r="H705534" s="12"/>
    </row>
    <row r="705535" spans="8:8">
      <c r="H705535" s="12"/>
    </row>
    <row r="705536" spans="8:8">
      <c r="H705536" s="12"/>
    </row>
    <row r="705537" spans="8:8">
      <c r="H705537" s="12"/>
    </row>
    <row r="705538" spans="8:8">
      <c r="H705538" s="12"/>
    </row>
    <row r="705539" spans="8:8">
      <c r="H705539" s="12"/>
    </row>
    <row r="705540" spans="8:8">
      <c r="H705540" s="12"/>
    </row>
    <row r="705541" spans="8:8">
      <c r="H705541" s="12"/>
    </row>
    <row r="705542" spans="8:8">
      <c r="H705542" s="12"/>
    </row>
    <row r="705543" spans="8:8">
      <c r="H705543" s="12"/>
    </row>
    <row r="705544" spans="8:8">
      <c r="H705544" s="12"/>
    </row>
    <row r="705545" spans="8:8">
      <c r="H705545" s="12"/>
    </row>
    <row r="705546" spans="8:8">
      <c r="H705546" s="12"/>
    </row>
    <row r="705547" spans="8:8">
      <c r="H705547" s="12"/>
    </row>
    <row r="705548" spans="8:8">
      <c r="H705548" s="12"/>
    </row>
    <row r="705549" spans="8:8">
      <c r="H705549" s="12"/>
    </row>
    <row r="705550" spans="8:8">
      <c r="H705550" s="12"/>
    </row>
    <row r="705551" spans="8:8">
      <c r="H705551" s="12"/>
    </row>
    <row r="705552" spans="8:8">
      <c r="H705552" s="12"/>
    </row>
    <row r="705553" spans="8:8">
      <c r="H705553" s="12"/>
    </row>
    <row r="705554" spans="8:8">
      <c r="H705554" s="12"/>
    </row>
    <row r="705555" spans="8:8">
      <c r="H705555" s="12"/>
    </row>
    <row r="705556" spans="8:8">
      <c r="H705556" s="12"/>
    </row>
    <row r="705557" spans="8:8">
      <c r="H705557" s="12"/>
    </row>
    <row r="705558" spans="8:8">
      <c r="H705558" s="12"/>
    </row>
    <row r="705559" spans="8:8">
      <c r="H705559" s="12"/>
    </row>
    <row r="705560" spans="8:8">
      <c r="H705560" s="12"/>
    </row>
    <row r="705561" spans="8:8">
      <c r="H705561" s="12"/>
    </row>
    <row r="705562" spans="8:8">
      <c r="H705562" s="12"/>
    </row>
    <row r="705563" spans="8:8">
      <c r="H705563" s="12"/>
    </row>
    <row r="705564" spans="8:8">
      <c r="H705564" s="12"/>
    </row>
    <row r="705565" spans="8:8">
      <c r="H705565" s="12"/>
    </row>
    <row r="705566" spans="8:8">
      <c r="H705566" s="12"/>
    </row>
    <row r="705567" spans="8:8">
      <c r="H705567" s="12"/>
    </row>
    <row r="705568" spans="8:8">
      <c r="H705568" s="12"/>
    </row>
    <row r="705569" spans="8:8">
      <c r="H705569" s="12"/>
    </row>
    <row r="705570" spans="8:8">
      <c r="H705570" s="12"/>
    </row>
    <row r="705571" spans="8:8">
      <c r="H705571" s="12"/>
    </row>
    <row r="705572" spans="8:8">
      <c r="H705572" s="12"/>
    </row>
    <row r="705573" spans="8:8">
      <c r="H705573" s="12"/>
    </row>
    <row r="705574" spans="8:8">
      <c r="H705574" s="12"/>
    </row>
    <row r="705575" spans="8:8">
      <c r="H705575" s="12"/>
    </row>
    <row r="705576" spans="8:8">
      <c r="H705576" s="12"/>
    </row>
    <row r="705577" spans="8:8">
      <c r="H705577" s="12"/>
    </row>
    <row r="705578" spans="8:8">
      <c r="H705578" s="12"/>
    </row>
    <row r="705579" spans="8:8">
      <c r="H705579" s="12"/>
    </row>
    <row r="705580" spans="8:8">
      <c r="H705580" s="12"/>
    </row>
    <row r="705581" spans="8:8">
      <c r="H705581" s="12"/>
    </row>
    <row r="705582" spans="8:8">
      <c r="H705582" s="12"/>
    </row>
    <row r="705583" spans="8:8">
      <c r="H705583" s="12"/>
    </row>
    <row r="705584" spans="8:8">
      <c r="H705584" s="12"/>
    </row>
    <row r="705585" spans="8:8">
      <c r="H705585" s="12"/>
    </row>
    <row r="705586" spans="8:8">
      <c r="H705586" s="12"/>
    </row>
    <row r="705587" spans="8:8">
      <c r="H705587" s="12"/>
    </row>
    <row r="705588" spans="8:8">
      <c r="H705588" s="12"/>
    </row>
    <row r="705589" spans="8:8">
      <c r="H705589" s="12"/>
    </row>
    <row r="705590" spans="8:8">
      <c r="H705590" s="12"/>
    </row>
    <row r="705591" spans="8:8">
      <c r="H705591" s="12"/>
    </row>
    <row r="705592" spans="8:8">
      <c r="H705592" s="12"/>
    </row>
    <row r="705593" spans="8:8">
      <c r="H705593" s="12"/>
    </row>
    <row r="705594" spans="8:8">
      <c r="H705594" s="12"/>
    </row>
    <row r="705595" spans="8:8">
      <c r="H705595" s="12"/>
    </row>
    <row r="705596" spans="8:8">
      <c r="H705596" s="12"/>
    </row>
    <row r="705597" spans="8:8">
      <c r="H705597" s="12"/>
    </row>
    <row r="705598" spans="8:8">
      <c r="H705598" s="12"/>
    </row>
    <row r="705599" spans="8:8">
      <c r="H705599" s="12"/>
    </row>
    <row r="705600" spans="8:8">
      <c r="H705600" s="12"/>
    </row>
    <row r="705601" spans="8:8">
      <c r="H705601" s="12"/>
    </row>
    <row r="705602" spans="8:8">
      <c r="H705602" s="12"/>
    </row>
    <row r="705603" spans="8:8">
      <c r="H705603" s="12"/>
    </row>
    <row r="705604" spans="8:8">
      <c r="H705604" s="12"/>
    </row>
    <row r="705605" spans="8:8">
      <c r="H705605" s="12"/>
    </row>
    <row r="705606" spans="8:8">
      <c r="H705606" s="12"/>
    </row>
    <row r="705607" spans="8:8">
      <c r="H705607" s="12"/>
    </row>
    <row r="705608" spans="8:8">
      <c r="H705608" s="12"/>
    </row>
    <row r="705609" spans="8:8">
      <c r="H705609" s="12"/>
    </row>
    <row r="705610" spans="8:8">
      <c r="H705610" s="12"/>
    </row>
    <row r="705611" spans="8:8">
      <c r="H705611" s="12"/>
    </row>
    <row r="705612" spans="8:8">
      <c r="H705612" s="12"/>
    </row>
    <row r="705613" spans="8:8">
      <c r="H705613" s="12"/>
    </row>
    <row r="705614" spans="8:8">
      <c r="H705614" s="12"/>
    </row>
    <row r="705615" spans="8:8">
      <c r="H705615" s="12"/>
    </row>
    <row r="705616" spans="8:8">
      <c r="H705616" s="12"/>
    </row>
    <row r="705617" spans="8:8">
      <c r="H705617" s="12"/>
    </row>
    <row r="705618" spans="8:8">
      <c r="H705618" s="12"/>
    </row>
    <row r="705619" spans="8:8">
      <c r="H705619" s="12"/>
    </row>
    <row r="705620" spans="8:8">
      <c r="H705620" s="12"/>
    </row>
    <row r="705621" spans="8:8">
      <c r="H705621" s="12"/>
    </row>
    <row r="705622" spans="8:8">
      <c r="H705622" s="12"/>
    </row>
    <row r="705623" spans="8:8">
      <c r="H705623" s="12"/>
    </row>
    <row r="705624" spans="8:8">
      <c r="H705624" s="12"/>
    </row>
    <row r="705625" spans="8:8">
      <c r="H705625" s="12"/>
    </row>
    <row r="705626" spans="8:8">
      <c r="H705626" s="12"/>
    </row>
    <row r="705627" spans="8:8">
      <c r="H705627" s="12"/>
    </row>
    <row r="705628" spans="8:8">
      <c r="H705628" s="12"/>
    </row>
    <row r="705629" spans="8:8">
      <c r="H705629" s="12"/>
    </row>
    <row r="705630" spans="8:8">
      <c r="H705630" s="12"/>
    </row>
    <row r="705631" spans="8:8">
      <c r="H705631" s="12"/>
    </row>
    <row r="705632" spans="8:8">
      <c r="H705632" s="12"/>
    </row>
    <row r="705633" spans="8:8">
      <c r="H705633" s="12"/>
    </row>
    <row r="705634" spans="8:8">
      <c r="H705634" s="12"/>
    </row>
    <row r="705635" spans="8:8">
      <c r="H705635" s="12"/>
    </row>
    <row r="705636" spans="8:8">
      <c r="H705636" s="12"/>
    </row>
    <row r="705637" spans="8:8">
      <c r="H705637" s="12"/>
    </row>
    <row r="705638" spans="8:8">
      <c r="H705638" s="12"/>
    </row>
    <row r="705639" spans="8:8">
      <c r="H705639" s="12"/>
    </row>
    <row r="705640" spans="8:8">
      <c r="H705640" s="12"/>
    </row>
    <row r="705641" spans="8:8">
      <c r="H705641" s="12"/>
    </row>
    <row r="705642" spans="8:8">
      <c r="H705642" s="12"/>
    </row>
    <row r="705643" spans="8:8">
      <c r="H705643" s="12"/>
    </row>
    <row r="705644" spans="8:8">
      <c r="H705644" s="12"/>
    </row>
    <row r="705645" spans="8:8">
      <c r="H705645" s="12"/>
    </row>
    <row r="705646" spans="8:8">
      <c r="H705646" s="12"/>
    </row>
    <row r="705647" spans="8:8">
      <c r="H705647" s="12"/>
    </row>
    <row r="705648" spans="8:8">
      <c r="H705648" s="12"/>
    </row>
    <row r="705649" spans="8:8">
      <c r="H705649" s="12"/>
    </row>
    <row r="705650" spans="8:8">
      <c r="H705650" s="12"/>
    </row>
    <row r="705651" spans="8:8">
      <c r="H705651" s="12"/>
    </row>
    <row r="705652" spans="8:8">
      <c r="H705652" s="12"/>
    </row>
    <row r="705653" spans="8:8">
      <c r="H705653" s="12"/>
    </row>
    <row r="705654" spans="8:8">
      <c r="H705654" s="12"/>
    </row>
    <row r="705655" spans="8:8">
      <c r="H705655" s="12"/>
    </row>
    <row r="705656" spans="8:8">
      <c r="H705656" s="12"/>
    </row>
    <row r="705657" spans="8:8">
      <c r="H705657" s="12"/>
    </row>
    <row r="705658" spans="8:8">
      <c r="H705658" s="12"/>
    </row>
    <row r="705659" spans="8:8">
      <c r="H705659" s="12"/>
    </row>
    <row r="705660" spans="8:8">
      <c r="H705660" s="12"/>
    </row>
    <row r="705661" spans="8:8">
      <c r="H705661" s="12"/>
    </row>
    <row r="705662" spans="8:8">
      <c r="H705662" s="12"/>
    </row>
    <row r="705663" spans="8:8">
      <c r="H705663" s="12"/>
    </row>
    <row r="705664" spans="8:8">
      <c r="H705664" s="12"/>
    </row>
    <row r="705665" spans="8:8">
      <c r="H705665" s="12"/>
    </row>
    <row r="705666" spans="8:8">
      <c r="H705666" s="12"/>
    </row>
    <row r="705667" spans="8:8">
      <c r="H705667" s="12"/>
    </row>
    <row r="705668" spans="8:8">
      <c r="H705668" s="12"/>
    </row>
    <row r="705669" spans="8:8">
      <c r="H705669" s="12"/>
    </row>
    <row r="705670" spans="8:8">
      <c r="H705670" s="12"/>
    </row>
    <row r="705671" spans="8:8">
      <c r="H705671" s="12"/>
    </row>
    <row r="705672" spans="8:8">
      <c r="H705672" s="12"/>
    </row>
    <row r="705673" spans="8:8">
      <c r="H705673" s="12"/>
    </row>
    <row r="705674" spans="8:8">
      <c r="H705674" s="12"/>
    </row>
    <row r="705675" spans="8:8">
      <c r="H705675" s="12"/>
    </row>
    <row r="705676" spans="8:8">
      <c r="H705676" s="12"/>
    </row>
    <row r="705677" spans="8:8">
      <c r="H705677" s="12"/>
    </row>
    <row r="705678" spans="8:8">
      <c r="H705678" s="12"/>
    </row>
    <row r="705679" spans="8:8">
      <c r="H705679" s="12"/>
    </row>
    <row r="705680" spans="8:8">
      <c r="H705680" s="12"/>
    </row>
    <row r="705681" spans="8:8">
      <c r="H705681" s="12"/>
    </row>
    <row r="705682" spans="8:8">
      <c r="H705682" s="12"/>
    </row>
    <row r="705683" spans="8:8">
      <c r="H705683" s="12"/>
    </row>
    <row r="705684" spans="8:8">
      <c r="H705684" s="12"/>
    </row>
    <row r="705685" spans="8:8">
      <c r="H705685" s="12"/>
    </row>
    <row r="705686" spans="8:8">
      <c r="H705686" s="12"/>
    </row>
    <row r="705687" spans="8:8">
      <c r="H705687" s="12"/>
    </row>
    <row r="705688" spans="8:8">
      <c r="H705688" s="12"/>
    </row>
    <row r="705689" spans="8:8">
      <c r="H705689" s="12"/>
    </row>
    <row r="705690" spans="8:8">
      <c r="H705690" s="12"/>
    </row>
    <row r="705691" spans="8:8">
      <c r="H705691" s="12"/>
    </row>
    <row r="705692" spans="8:8">
      <c r="H705692" s="12"/>
    </row>
    <row r="705693" spans="8:8">
      <c r="H705693" s="12"/>
    </row>
    <row r="705694" spans="8:8">
      <c r="H705694" s="12"/>
    </row>
    <row r="705695" spans="8:8">
      <c r="H705695" s="12"/>
    </row>
    <row r="705696" spans="8:8">
      <c r="H705696" s="12"/>
    </row>
    <row r="705697" spans="8:8">
      <c r="H705697" s="12"/>
    </row>
    <row r="705698" spans="8:8">
      <c r="H705698" s="12"/>
    </row>
    <row r="705699" spans="8:8">
      <c r="H705699" s="12"/>
    </row>
    <row r="705700" spans="8:8">
      <c r="H705700" s="12"/>
    </row>
    <row r="705701" spans="8:8">
      <c r="H705701" s="12"/>
    </row>
    <row r="705702" spans="8:8">
      <c r="H705702" s="12"/>
    </row>
    <row r="705703" spans="8:8">
      <c r="H705703" s="12"/>
    </row>
    <row r="705704" spans="8:8">
      <c r="H705704" s="12"/>
    </row>
    <row r="705705" spans="8:8">
      <c r="H705705" s="12"/>
    </row>
    <row r="705706" spans="8:8">
      <c r="H705706" s="12"/>
    </row>
    <row r="705707" spans="8:8">
      <c r="H705707" s="12"/>
    </row>
    <row r="705708" spans="8:8">
      <c r="H705708" s="12"/>
    </row>
    <row r="705709" spans="8:8">
      <c r="H705709" s="12"/>
    </row>
    <row r="705710" spans="8:8">
      <c r="H705710" s="12"/>
    </row>
    <row r="705711" spans="8:8">
      <c r="H705711" s="12"/>
    </row>
    <row r="705712" spans="8:8">
      <c r="H705712" s="12"/>
    </row>
    <row r="705713" spans="8:8">
      <c r="H705713" s="12"/>
    </row>
    <row r="705714" spans="8:8">
      <c r="H705714" s="12"/>
    </row>
    <row r="705715" spans="8:8">
      <c r="H705715" s="12"/>
    </row>
    <row r="705716" spans="8:8">
      <c r="H705716" s="12"/>
    </row>
    <row r="705717" spans="8:8">
      <c r="H705717" s="12"/>
    </row>
    <row r="705718" spans="8:8">
      <c r="H705718" s="12"/>
    </row>
    <row r="705719" spans="8:8">
      <c r="H705719" s="12"/>
    </row>
    <row r="705720" spans="8:8">
      <c r="H705720" s="12"/>
    </row>
    <row r="705721" spans="8:8">
      <c r="H705721" s="12"/>
    </row>
    <row r="705722" spans="8:8">
      <c r="H705722" s="12"/>
    </row>
    <row r="705723" spans="8:8">
      <c r="H705723" s="12"/>
    </row>
    <row r="705724" spans="8:8">
      <c r="H705724" s="12"/>
    </row>
    <row r="705725" spans="8:8">
      <c r="H705725" s="12"/>
    </row>
    <row r="705726" spans="8:8">
      <c r="H705726" s="12"/>
    </row>
    <row r="705727" spans="8:8">
      <c r="H705727" s="12"/>
    </row>
    <row r="705728" spans="8:8">
      <c r="H705728" s="12"/>
    </row>
    <row r="705729" spans="8:8">
      <c r="H705729" s="12"/>
    </row>
    <row r="705730" spans="8:8">
      <c r="H705730" s="12"/>
    </row>
    <row r="705731" spans="8:8">
      <c r="H705731" s="12"/>
    </row>
    <row r="705732" spans="8:8">
      <c r="H705732" s="12"/>
    </row>
    <row r="705733" spans="8:8">
      <c r="H705733" s="12"/>
    </row>
    <row r="705734" spans="8:8">
      <c r="H705734" s="12"/>
    </row>
    <row r="705735" spans="8:8">
      <c r="H705735" s="12"/>
    </row>
    <row r="705736" spans="8:8">
      <c r="H705736" s="12"/>
    </row>
    <row r="705737" spans="8:8">
      <c r="H705737" s="12"/>
    </row>
    <row r="705738" spans="8:8">
      <c r="H705738" s="12"/>
    </row>
    <row r="705739" spans="8:8">
      <c r="H705739" s="12"/>
    </row>
    <row r="705740" spans="8:8">
      <c r="H705740" s="12"/>
    </row>
    <row r="705741" spans="8:8">
      <c r="H705741" s="12"/>
    </row>
    <row r="705742" spans="8:8">
      <c r="H705742" s="12"/>
    </row>
    <row r="705743" spans="8:8">
      <c r="H705743" s="12"/>
    </row>
    <row r="705744" spans="8:8">
      <c r="H705744" s="12"/>
    </row>
    <row r="705745" spans="8:8">
      <c r="H705745" s="12"/>
    </row>
    <row r="705746" spans="8:8">
      <c r="H705746" s="12"/>
    </row>
    <row r="705747" spans="8:8">
      <c r="H705747" s="12"/>
    </row>
    <row r="705748" spans="8:8">
      <c r="H705748" s="12"/>
    </row>
    <row r="705749" spans="8:8">
      <c r="H705749" s="12"/>
    </row>
    <row r="705750" spans="8:8">
      <c r="H705750" s="12"/>
    </row>
    <row r="705751" spans="8:8">
      <c r="H705751" s="12"/>
    </row>
    <row r="705752" spans="8:8">
      <c r="H705752" s="12"/>
    </row>
    <row r="705753" spans="8:8">
      <c r="H705753" s="12"/>
    </row>
    <row r="705754" spans="8:8">
      <c r="H705754" s="12"/>
    </row>
    <row r="705755" spans="8:8">
      <c r="H705755" s="12"/>
    </row>
    <row r="705756" spans="8:8">
      <c r="H705756" s="12"/>
    </row>
    <row r="705757" spans="8:8">
      <c r="H705757" s="12"/>
    </row>
    <row r="705758" spans="8:8">
      <c r="H705758" s="12"/>
    </row>
    <row r="705759" spans="8:8">
      <c r="H705759" s="12"/>
    </row>
    <row r="705760" spans="8:8">
      <c r="H705760" s="12"/>
    </row>
    <row r="705761" spans="8:8">
      <c r="H705761" s="12"/>
    </row>
    <row r="705762" spans="8:8">
      <c r="H705762" s="12"/>
    </row>
    <row r="705763" spans="8:8">
      <c r="H705763" s="12"/>
    </row>
    <row r="705764" spans="8:8">
      <c r="H705764" s="12"/>
    </row>
    <row r="705765" spans="8:8">
      <c r="H705765" s="12"/>
    </row>
    <row r="705766" spans="8:8">
      <c r="H705766" s="12"/>
    </row>
    <row r="705767" spans="8:8">
      <c r="H705767" s="12"/>
    </row>
    <row r="705768" spans="8:8">
      <c r="H705768" s="12"/>
    </row>
    <row r="705769" spans="8:8">
      <c r="H705769" s="12"/>
    </row>
    <row r="705770" spans="8:8">
      <c r="H705770" s="12"/>
    </row>
    <row r="705771" spans="8:8">
      <c r="H705771" s="12"/>
    </row>
    <row r="705772" spans="8:8">
      <c r="H705772" s="12"/>
    </row>
    <row r="705773" spans="8:8">
      <c r="H705773" s="12"/>
    </row>
    <row r="705774" spans="8:8">
      <c r="H705774" s="12"/>
    </row>
    <row r="705775" spans="8:8">
      <c r="H705775" s="12"/>
    </row>
    <row r="705776" spans="8:8">
      <c r="H705776" s="12"/>
    </row>
    <row r="705777" spans="8:8">
      <c r="H705777" s="12"/>
    </row>
    <row r="705778" spans="8:8">
      <c r="H705778" s="12"/>
    </row>
    <row r="705779" spans="8:8">
      <c r="H705779" s="12"/>
    </row>
    <row r="705780" spans="8:8">
      <c r="H705780" s="12"/>
    </row>
    <row r="705781" spans="8:8">
      <c r="H705781" s="12"/>
    </row>
    <row r="705782" spans="8:8">
      <c r="H705782" s="12"/>
    </row>
    <row r="705783" spans="8:8">
      <c r="H705783" s="12"/>
    </row>
    <row r="705784" spans="8:8">
      <c r="H705784" s="12"/>
    </row>
    <row r="705785" spans="8:8">
      <c r="H705785" s="12"/>
    </row>
    <row r="705786" spans="8:8">
      <c r="H705786" s="12"/>
    </row>
    <row r="705787" spans="8:8">
      <c r="H705787" s="12"/>
    </row>
    <row r="705788" spans="8:8">
      <c r="H705788" s="12"/>
    </row>
    <row r="705789" spans="8:8">
      <c r="H705789" s="12"/>
    </row>
    <row r="705790" spans="8:8">
      <c r="H705790" s="12"/>
    </row>
    <row r="705791" spans="8:8">
      <c r="H705791" s="12"/>
    </row>
    <row r="705792" spans="8:8">
      <c r="H705792" s="12"/>
    </row>
    <row r="705793" spans="8:8">
      <c r="H705793" s="12"/>
    </row>
    <row r="705794" spans="8:8">
      <c r="H705794" s="12"/>
    </row>
    <row r="705795" spans="8:8">
      <c r="H705795" s="12"/>
    </row>
    <row r="705796" spans="8:8">
      <c r="H705796" s="12"/>
    </row>
    <row r="705797" spans="8:8">
      <c r="H705797" s="12"/>
    </row>
    <row r="705798" spans="8:8">
      <c r="H705798" s="12"/>
    </row>
    <row r="705799" spans="8:8">
      <c r="H705799" s="12"/>
    </row>
    <row r="705800" spans="8:8">
      <c r="H705800" s="12"/>
    </row>
    <row r="705801" spans="8:8">
      <c r="H705801" s="12"/>
    </row>
    <row r="705802" spans="8:8">
      <c r="H705802" s="12"/>
    </row>
    <row r="705803" spans="8:8">
      <c r="H705803" s="12"/>
    </row>
    <row r="705804" spans="8:8">
      <c r="H705804" s="12"/>
    </row>
    <row r="705805" spans="8:8">
      <c r="H705805" s="12"/>
    </row>
    <row r="705806" spans="8:8">
      <c r="H705806" s="12"/>
    </row>
    <row r="705807" spans="8:8">
      <c r="H705807" s="12"/>
    </row>
    <row r="705808" spans="8:8">
      <c r="H705808" s="12"/>
    </row>
    <row r="705809" spans="8:8">
      <c r="H705809" s="12"/>
    </row>
    <row r="705810" spans="8:8">
      <c r="H705810" s="12"/>
    </row>
    <row r="705811" spans="8:8">
      <c r="H705811" s="12"/>
    </row>
    <row r="705812" spans="8:8">
      <c r="H705812" s="12"/>
    </row>
    <row r="705813" spans="8:8">
      <c r="H705813" s="12"/>
    </row>
    <row r="705814" spans="8:8">
      <c r="H705814" s="12"/>
    </row>
    <row r="705815" spans="8:8">
      <c r="H705815" s="12"/>
    </row>
    <row r="705816" spans="8:8">
      <c r="H705816" s="12"/>
    </row>
    <row r="705817" spans="8:8">
      <c r="H705817" s="12"/>
    </row>
    <row r="705818" spans="8:8">
      <c r="H705818" s="12"/>
    </row>
    <row r="705819" spans="8:8">
      <c r="H705819" s="12"/>
    </row>
    <row r="705820" spans="8:8">
      <c r="H705820" s="12"/>
    </row>
    <row r="705821" spans="8:8">
      <c r="H705821" s="12"/>
    </row>
    <row r="705822" spans="8:8">
      <c r="H705822" s="12"/>
    </row>
    <row r="705823" spans="8:8">
      <c r="H705823" s="12"/>
    </row>
    <row r="705824" spans="8:8">
      <c r="H705824" s="12"/>
    </row>
    <row r="705825" spans="8:8">
      <c r="H705825" s="12"/>
    </row>
    <row r="705826" spans="8:8">
      <c r="H705826" s="12"/>
    </row>
    <row r="705827" spans="8:8">
      <c r="H705827" s="12"/>
    </row>
    <row r="705828" spans="8:8">
      <c r="H705828" s="12"/>
    </row>
    <row r="705829" spans="8:8">
      <c r="H705829" s="12"/>
    </row>
    <row r="705830" spans="8:8">
      <c r="H705830" s="12"/>
    </row>
    <row r="705831" spans="8:8">
      <c r="H705831" s="12"/>
    </row>
    <row r="705832" spans="8:8">
      <c r="H705832" s="12"/>
    </row>
    <row r="705833" spans="8:8">
      <c r="H705833" s="12"/>
    </row>
    <row r="705834" spans="8:8">
      <c r="H705834" s="12"/>
    </row>
    <row r="705835" spans="8:8">
      <c r="H705835" s="12"/>
    </row>
    <row r="705836" spans="8:8">
      <c r="H705836" s="12"/>
    </row>
    <row r="705837" spans="8:8">
      <c r="H705837" s="12"/>
    </row>
    <row r="705838" spans="8:8">
      <c r="H705838" s="12"/>
    </row>
    <row r="705839" spans="8:8">
      <c r="H705839" s="12"/>
    </row>
    <row r="705840" spans="8:8">
      <c r="H705840" s="12"/>
    </row>
    <row r="705841" spans="8:8">
      <c r="H705841" s="12"/>
    </row>
    <row r="705842" spans="8:8">
      <c r="H705842" s="12"/>
    </row>
    <row r="705843" spans="8:8">
      <c r="H705843" s="12"/>
    </row>
    <row r="705844" spans="8:8">
      <c r="H705844" s="12"/>
    </row>
    <row r="705845" spans="8:8">
      <c r="H705845" s="12"/>
    </row>
    <row r="705846" spans="8:8">
      <c r="H705846" s="12"/>
    </row>
    <row r="705847" spans="8:8">
      <c r="H705847" s="12"/>
    </row>
    <row r="705848" spans="8:8">
      <c r="H705848" s="12"/>
    </row>
    <row r="705849" spans="8:8">
      <c r="H705849" s="12"/>
    </row>
    <row r="705850" spans="8:8">
      <c r="H705850" s="12"/>
    </row>
    <row r="705851" spans="8:8">
      <c r="H705851" s="12"/>
    </row>
    <row r="705852" spans="8:8">
      <c r="H705852" s="12"/>
    </row>
    <row r="705853" spans="8:8">
      <c r="H705853" s="12"/>
    </row>
    <row r="705854" spans="8:8">
      <c r="H705854" s="12"/>
    </row>
    <row r="705855" spans="8:8">
      <c r="H705855" s="12"/>
    </row>
    <row r="705856" spans="8:8">
      <c r="H705856" s="12"/>
    </row>
    <row r="705857" spans="8:8">
      <c r="H705857" s="12"/>
    </row>
    <row r="705858" spans="8:8">
      <c r="H705858" s="12"/>
    </row>
    <row r="705859" spans="8:8">
      <c r="H705859" s="12"/>
    </row>
    <row r="705860" spans="8:8">
      <c r="H705860" s="12"/>
    </row>
    <row r="705861" spans="8:8">
      <c r="H705861" s="12"/>
    </row>
    <row r="705862" spans="8:8">
      <c r="H705862" s="12"/>
    </row>
    <row r="705863" spans="8:8">
      <c r="H705863" s="12"/>
    </row>
    <row r="705864" spans="8:8">
      <c r="H705864" s="12"/>
    </row>
    <row r="705865" spans="8:8">
      <c r="H705865" s="12"/>
    </row>
    <row r="705866" spans="8:8">
      <c r="H705866" s="12"/>
    </row>
    <row r="705867" spans="8:8">
      <c r="H705867" s="12"/>
    </row>
    <row r="705868" spans="8:8">
      <c r="H705868" s="12"/>
    </row>
    <row r="705869" spans="8:8">
      <c r="H705869" s="12"/>
    </row>
    <row r="705870" spans="8:8">
      <c r="H705870" s="12"/>
    </row>
    <row r="705871" spans="8:8">
      <c r="H705871" s="12"/>
    </row>
    <row r="705872" spans="8:8">
      <c r="H705872" s="12"/>
    </row>
    <row r="705873" spans="8:8">
      <c r="H705873" s="12"/>
    </row>
    <row r="705874" spans="8:8">
      <c r="H705874" s="12"/>
    </row>
    <row r="705875" spans="8:8">
      <c r="H705875" s="12"/>
    </row>
    <row r="705876" spans="8:8">
      <c r="H705876" s="12"/>
    </row>
    <row r="705877" spans="8:8">
      <c r="H705877" s="12"/>
    </row>
    <row r="705878" spans="8:8">
      <c r="H705878" s="12"/>
    </row>
    <row r="705879" spans="8:8">
      <c r="H705879" s="12"/>
    </row>
    <row r="705880" spans="8:8">
      <c r="H705880" s="12"/>
    </row>
    <row r="705881" spans="8:8">
      <c r="H705881" s="12"/>
    </row>
    <row r="705882" spans="8:8">
      <c r="H705882" s="12"/>
    </row>
    <row r="705883" spans="8:8">
      <c r="H705883" s="12"/>
    </row>
    <row r="705884" spans="8:8">
      <c r="H705884" s="12"/>
    </row>
    <row r="705885" spans="8:8">
      <c r="H705885" s="12"/>
    </row>
    <row r="705886" spans="8:8">
      <c r="H705886" s="12"/>
    </row>
    <row r="705887" spans="8:8">
      <c r="H705887" s="12"/>
    </row>
    <row r="705888" spans="8:8">
      <c r="H705888" s="12"/>
    </row>
    <row r="705889" spans="8:8">
      <c r="H705889" s="12"/>
    </row>
    <row r="705890" spans="8:8">
      <c r="H705890" s="12"/>
    </row>
    <row r="705891" spans="8:8">
      <c r="H705891" s="12"/>
    </row>
    <row r="705892" spans="8:8">
      <c r="H705892" s="12"/>
    </row>
    <row r="705893" spans="8:8">
      <c r="H705893" s="12"/>
    </row>
    <row r="705894" spans="8:8">
      <c r="H705894" s="12"/>
    </row>
    <row r="705895" spans="8:8">
      <c r="H705895" s="12"/>
    </row>
    <row r="705896" spans="8:8">
      <c r="H705896" s="12"/>
    </row>
    <row r="705897" spans="8:8">
      <c r="H705897" s="12"/>
    </row>
    <row r="705898" spans="8:8">
      <c r="H705898" s="12"/>
    </row>
    <row r="705899" spans="8:8">
      <c r="H705899" s="12"/>
    </row>
    <row r="705900" spans="8:8">
      <c r="H705900" s="12"/>
    </row>
    <row r="705901" spans="8:8">
      <c r="H705901" s="12"/>
    </row>
    <row r="705902" spans="8:8">
      <c r="H705902" s="12"/>
    </row>
    <row r="705903" spans="8:8">
      <c r="H705903" s="12"/>
    </row>
    <row r="705904" spans="8:8">
      <c r="H705904" s="12"/>
    </row>
    <row r="705905" spans="8:8">
      <c r="H705905" s="12"/>
    </row>
    <row r="705906" spans="8:8">
      <c r="H705906" s="12"/>
    </row>
    <row r="705907" spans="8:8">
      <c r="H705907" s="12"/>
    </row>
    <row r="705908" spans="8:8">
      <c r="H705908" s="12"/>
    </row>
    <row r="705909" spans="8:8">
      <c r="H705909" s="12"/>
    </row>
    <row r="705910" spans="8:8">
      <c r="H705910" s="12"/>
    </row>
    <row r="705911" spans="8:8">
      <c r="H705911" s="12"/>
    </row>
    <row r="705912" spans="8:8">
      <c r="H705912" s="12"/>
    </row>
    <row r="705913" spans="8:8">
      <c r="H705913" s="12"/>
    </row>
    <row r="705914" spans="8:8">
      <c r="H705914" s="12"/>
    </row>
    <row r="705915" spans="8:8">
      <c r="H705915" s="12"/>
    </row>
    <row r="705916" spans="8:8">
      <c r="H705916" s="12"/>
    </row>
    <row r="705917" spans="8:8">
      <c r="H705917" s="12"/>
    </row>
    <row r="705918" spans="8:8">
      <c r="H705918" s="12"/>
    </row>
    <row r="705919" spans="8:8">
      <c r="H705919" s="12"/>
    </row>
    <row r="705920" spans="8:8">
      <c r="H705920" s="12"/>
    </row>
    <row r="705921" spans="8:8">
      <c r="H705921" s="12"/>
    </row>
    <row r="705922" spans="8:8">
      <c r="H705922" s="12"/>
    </row>
    <row r="705923" spans="8:8">
      <c r="H705923" s="12"/>
    </row>
    <row r="705924" spans="8:8">
      <c r="H705924" s="12"/>
    </row>
    <row r="705925" spans="8:8">
      <c r="H705925" s="12"/>
    </row>
    <row r="705926" spans="8:8">
      <c r="H705926" s="12"/>
    </row>
    <row r="705927" spans="8:8">
      <c r="H705927" s="12"/>
    </row>
    <row r="705928" spans="8:8">
      <c r="H705928" s="12"/>
    </row>
    <row r="705929" spans="8:8">
      <c r="H705929" s="12"/>
    </row>
    <row r="705930" spans="8:8">
      <c r="H705930" s="12"/>
    </row>
    <row r="705931" spans="8:8">
      <c r="H705931" s="12"/>
    </row>
    <row r="705932" spans="8:8">
      <c r="H705932" s="12"/>
    </row>
    <row r="705933" spans="8:8">
      <c r="H705933" s="12"/>
    </row>
    <row r="705934" spans="8:8">
      <c r="H705934" s="12"/>
    </row>
    <row r="705935" spans="8:8">
      <c r="H705935" s="12"/>
    </row>
    <row r="705936" spans="8:8">
      <c r="H705936" s="12"/>
    </row>
    <row r="705937" spans="8:8">
      <c r="H705937" s="12"/>
    </row>
    <row r="705938" spans="8:8">
      <c r="H705938" s="12"/>
    </row>
    <row r="705939" spans="8:8">
      <c r="H705939" s="12"/>
    </row>
    <row r="705940" spans="8:8">
      <c r="H705940" s="12"/>
    </row>
    <row r="705941" spans="8:8">
      <c r="H705941" s="12"/>
    </row>
    <row r="705942" spans="8:8">
      <c r="H705942" s="12"/>
    </row>
    <row r="705943" spans="8:8">
      <c r="H705943" s="12"/>
    </row>
    <row r="705944" spans="8:8">
      <c r="H705944" s="12"/>
    </row>
    <row r="705945" spans="8:8">
      <c r="H705945" s="12"/>
    </row>
    <row r="705946" spans="8:8">
      <c r="H705946" s="12"/>
    </row>
    <row r="705947" spans="8:8">
      <c r="H705947" s="12"/>
    </row>
    <row r="705948" spans="8:8">
      <c r="H705948" s="12"/>
    </row>
    <row r="705949" spans="8:8">
      <c r="H705949" s="12"/>
    </row>
    <row r="705950" spans="8:8">
      <c r="H705950" s="12"/>
    </row>
    <row r="705951" spans="8:8">
      <c r="H705951" s="12"/>
    </row>
    <row r="705952" spans="8:8">
      <c r="H705952" s="12"/>
    </row>
    <row r="705953" spans="8:8">
      <c r="H705953" s="12"/>
    </row>
    <row r="705954" spans="8:8">
      <c r="H705954" s="12"/>
    </row>
    <row r="705955" spans="8:8">
      <c r="H705955" s="12"/>
    </row>
    <row r="705956" spans="8:8">
      <c r="H705956" s="12"/>
    </row>
    <row r="705957" spans="8:8">
      <c r="H705957" s="12"/>
    </row>
    <row r="705958" spans="8:8">
      <c r="H705958" s="12"/>
    </row>
    <row r="705959" spans="8:8">
      <c r="H705959" s="12"/>
    </row>
    <row r="705960" spans="8:8">
      <c r="H705960" s="12"/>
    </row>
    <row r="705961" spans="8:8">
      <c r="H705961" s="12"/>
    </row>
    <row r="705962" spans="8:8">
      <c r="H705962" s="12"/>
    </row>
    <row r="705963" spans="8:8">
      <c r="H705963" s="12"/>
    </row>
    <row r="705964" spans="8:8">
      <c r="H705964" s="12"/>
    </row>
    <row r="705965" spans="8:8">
      <c r="H705965" s="12"/>
    </row>
    <row r="705966" spans="8:8">
      <c r="H705966" s="12"/>
    </row>
    <row r="705967" spans="8:8">
      <c r="H705967" s="12"/>
    </row>
    <row r="705968" spans="8:8">
      <c r="H705968" s="12"/>
    </row>
    <row r="705969" spans="8:8">
      <c r="H705969" s="12"/>
    </row>
    <row r="705970" spans="8:8">
      <c r="H705970" s="12"/>
    </row>
    <row r="705971" spans="8:8">
      <c r="H705971" s="12"/>
    </row>
    <row r="705972" spans="8:8">
      <c r="H705972" s="12"/>
    </row>
    <row r="705973" spans="8:8">
      <c r="H705973" s="12"/>
    </row>
    <row r="705974" spans="8:8">
      <c r="H705974" s="12"/>
    </row>
    <row r="705975" spans="8:8">
      <c r="H705975" s="12"/>
    </row>
    <row r="705976" spans="8:8">
      <c r="H705976" s="12"/>
    </row>
    <row r="705977" spans="8:8">
      <c r="H705977" s="12"/>
    </row>
    <row r="705978" spans="8:8">
      <c r="H705978" s="12"/>
    </row>
    <row r="705979" spans="8:8">
      <c r="H705979" s="12"/>
    </row>
    <row r="705980" spans="8:8">
      <c r="H705980" s="12"/>
    </row>
    <row r="705981" spans="8:8">
      <c r="H705981" s="12"/>
    </row>
    <row r="705982" spans="8:8">
      <c r="H705982" s="12"/>
    </row>
    <row r="705983" spans="8:8">
      <c r="H705983" s="12"/>
    </row>
    <row r="705984" spans="8:8">
      <c r="H705984" s="12"/>
    </row>
    <row r="705985" spans="8:8">
      <c r="H705985" s="12"/>
    </row>
    <row r="705986" spans="8:8">
      <c r="H705986" s="12"/>
    </row>
    <row r="705987" spans="8:8">
      <c r="H705987" s="12"/>
    </row>
    <row r="705988" spans="8:8">
      <c r="H705988" s="12"/>
    </row>
    <row r="705989" spans="8:8">
      <c r="H705989" s="12"/>
    </row>
    <row r="705990" spans="8:8">
      <c r="H705990" s="12"/>
    </row>
    <row r="705991" spans="8:8">
      <c r="H705991" s="12"/>
    </row>
    <row r="705992" spans="8:8">
      <c r="H705992" s="12"/>
    </row>
    <row r="705993" spans="8:8">
      <c r="H705993" s="12"/>
    </row>
    <row r="705994" spans="8:8">
      <c r="H705994" s="12"/>
    </row>
    <row r="705995" spans="8:8">
      <c r="H705995" s="12"/>
    </row>
    <row r="705996" spans="8:8">
      <c r="H705996" s="12"/>
    </row>
    <row r="705997" spans="8:8">
      <c r="H705997" s="12"/>
    </row>
    <row r="705998" spans="8:8">
      <c r="H705998" s="12"/>
    </row>
    <row r="705999" spans="8:8">
      <c r="H705999" s="12"/>
    </row>
    <row r="706000" spans="8:8">
      <c r="H706000" s="12"/>
    </row>
    <row r="706001" spans="8:8">
      <c r="H706001" s="12"/>
    </row>
    <row r="706002" spans="8:8">
      <c r="H706002" s="12"/>
    </row>
    <row r="706003" spans="8:8">
      <c r="H706003" s="12"/>
    </row>
    <row r="706004" spans="8:8">
      <c r="H706004" s="12"/>
    </row>
    <row r="706005" spans="8:8">
      <c r="H706005" s="12"/>
    </row>
    <row r="706006" spans="8:8">
      <c r="H706006" s="12"/>
    </row>
    <row r="706007" spans="8:8">
      <c r="H706007" s="12"/>
    </row>
    <row r="706008" spans="8:8">
      <c r="H706008" s="12"/>
    </row>
    <row r="706009" spans="8:8">
      <c r="H706009" s="12"/>
    </row>
    <row r="706010" spans="8:8">
      <c r="H706010" s="12"/>
    </row>
    <row r="706011" spans="8:8">
      <c r="H706011" s="12"/>
    </row>
    <row r="706012" spans="8:8">
      <c r="H706012" s="12"/>
    </row>
    <row r="706013" spans="8:8">
      <c r="H706013" s="12"/>
    </row>
    <row r="706014" spans="8:8">
      <c r="H706014" s="12"/>
    </row>
    <row r="706015" spans="8:8">
      <c r="H706015" s="12"/>
    </row>
    <row r="706016" spans="8:8">
      <c r="H706016" s="12"/>
    </row>
    <row r="706017" spans="8:8">
      <c r="H706017" s="12"/>
    </row>
    <row r="706018" spans="8:8">
      <c r="H706018" s="12"/>
    </row>
    <row r="706019" spans="8:8">
      <c r="H706019" s="12"/>
    </row>
    <row r="706020" spans="8:8">
      <c r="H706020" s="12"/>
    </row>
    <row r="706021" spans="8:8">
      <c r="H706021" s="12"/>
    </row>
    <row r="706022" spans="8:8">
      <c r="H706022" s="12"/>
    </row>
    <row r="706023" spans="8:8">
      <c r="H706023" s="12"/>
    </row>
    <row r="706024" spans="8:8">
      <c r="H706024" s="12"/>
    </row>
    <row r="706025" spans="8:8">
      <c r="H706025" s="12"/>
    </row>
    <row r="706026" spans="8:8">
      <c r="H706026" s="12"/>
    </row>
    <row r="706027" spans="8:8">
      <c r="H706027" s="12"/>
    </row>
    <row r="706028" spans="8:8">
      <c r="H706028" s="12"/>
    </row>
    <row r="706029" spans="8:8">
      <c r="H706029" s="12"/>
    </row>
    <row r="706030" spans="8:8">
      <c r="H706030" s="12"/>
    </row>
    <row r="706031" spans="8:8">
      <c r="H706031" s="12"/>
    </row>
    <row r="706032" spans="8:8">
      <c r="H706032" s="12"/>
    </row>
    <row r="706033" spans="8:8">
      <c r="H706033" s="12"/>
    </row>
    <row r="706034" spans="8:8">
      <c r="H706034" s="12"/>
    </row>
    <row r="706035" spans="8:8">
      <c r="H706035" s="12"/>
    </row>
    <row r="706036" spans="8:8">
      <c r="H706036" s="12"/>
    </row>
    <row r="706037" spans="8:8">
      <c r="H706037" s="12"/>
    </row>
    <row r="706038" spans="8:8">
      <c r="H706038" s="12"/>
    </row>
    <row r="706039" spans="8:8">
      <c r="H706039" s="12"/>
    </row>
    <row r="706040" spans="8:8">
      <c r="H706040" s="12"/>
    </row>
    <row r="706041" spans="8:8">
      <c r="H706041" s="12"/>
    </row>
    <row r="706042" spans="8:8">
      <c r="H706042" s="12"/>
    </row>
    <row r="706043" spans="8:8">
      <c r="H706043" s="12"/>
    </row>
    <row r="706044" spans="8:8">
      <c r="H706044" s="12"/>
    </row>
    <row r="706045" spans="8:8">
      <c r="H706045" s="12"/>
    </row>
    <row r="706046" spans="8:8">
      <c r="H706046" s="12"/>
    </row>
    <row r="706047" spans="8:8">
      <c r="H706047" s="12"/>
    </row>
    <row r="706048" spans="8:8">
      <c r="H706048" s="12"/>
    </row>
    <row r="706049" spans="8:8">
      <c r="H706049" s="12"/>
    </row>
    <row r="706050" spans="8:8">
      <c r="H706050" s="12"/>
    </row>
    <row r="706051" spans="8:8">
      <c r="H706051" s="12"/>
    </row>
    <row r="706052" spans="8:8">
      <c r="H706052" s="12"/>
    </row>
    <row r="706053" spans="8:8">
      <c r="H706053" s="12"/>
    </row>
    <row r="706054" spans="8:8">
      <c r="H706054" s="12"/>
    </row>
    <row r="706055" spans="8:8">
      <c r="H706055" s="12"/>
    </row>
    <row r="706056" spans="8:8">
      <c r="H706056" s="12"/>
    </row>
    <row r="706057" spans="8:8">
      <c r="H706057" s="12"/>
    </row>
    <row r="706058" spans="8:8">
      <c r="H706058" s="12"/>
    </row>
    <row r="706059" spans="8:8">
      <c r="H706059" s="12"/>
    </row>
    <row r="706060" spans="8:8">
      <c r="H706060" s="12"/>
    </row>
    <row r="706061" spans="8:8">
      <c r="H706061" s="12"/>
    </row>
    <row r="706062" spans="8:8">
      <c r="H706062" s="12"/>
    </row>
    <row r="706063" spans="8:8">
      <c r="H706063" s="12"/>
    </row>
    <row r="706064" spans="8:8">
      <c r="H706064" s="12"/>
    </row>
    <row r="706065" spans="8:8">
      <c r="H706065" s="12"/>
    </row>
    <row r="706066" spans="8:8">
      <c r="H706066" s="12"/>
    </row>
    <row r="706067" spans="8:8">
      <c r="H706067" s="12"/>
    </row>
    <row r="706068" spans="8:8">
      <c r="H706068" s="12"/>
    </row>
    <row r="706069" spans="8:8">
      <c r="H706069" s="12"/>
    </row>
    <row r="706070" spans="8:8">
      <c r="H706070" s="12"/>
    </row>
    <row r="706071" spans="8:8">
      <c r="H706071" s="12"/>
    </row>
    <row r="706072" spans="8:8">
      <c r="H706072" s="12"/>
    </row>
    <row r="706073" spans="8:8">
      <c r="H706073" s="12"/>
    </row>
    <row r="706074" spans="8:8">
      <c r="H706074" s="12"/>
    </row>
    <row r="706075" spans="8:8">
      <c r="H706075" s="12"/>
    </row>
    <row r="706076" spans="8:8">
      <c r="H706076" s="12"/>
    </row>
    <row r="706077" spans="8:8">
      <c r="H706077" s="12"/>
    </row>
    <row r="706078" spans="8:8">
      <c r="H706078" s="12"/>
    </row>
    <row r="706079" spans="8:8">
      <c r="H706079" s="12"/>
    </row>
    <row r="706080" spans="8:8">
      <c r="H706080" s="12"/>
    </row>
    <row r="706081" spans="8:8">
      <c r="H706081" s="12"/>
    </row>
    <row r="706082" spans="8:8">
      <c r="H706082" s="12"/>
    </row>
    <row r="706083" spans="8:8">
      <c r="H706083" s="12"/>
    </row>
    <row r="706084" spans="8:8">
      <c r="H706084" s="12"/>
    </row>
    <row r="706085" spans="8:8">
      <c r="H706085" s="12"/>
    </row>
    <row r="706086" spans="8:8">
      <c r="H706086" s="12"/>
    </row>
    <row r="706087" spans="8:8">
      <c r="H706087" s="12"/>
    </row>
    <row r="706088" spans="8:8">
      <c r="H706088" s="12"/>
    </row>
    <row r="706089" spans="8:8">
      <c r="H706089" s="12"/>
    </row>
    <row r="706090" spans="8:8">
      <c r="H706090" s="12"/>
    </row>
    <row r="706091" spans="8:8">
      <c r="H706091" s="12"/>
    </row>
    <row r="706092" spans="8:8">
      <c r="H706092" s="12"/>
    </row>
    <row r="706093" spans="8:8">
      <c r="H706093" s="12"/>
    </row>
    <row r="706094" spans="8:8">
      <c r="H706094" s="12"/>
    </row>
    <row r="706095" spans="8:8">
      <c r="H706095" s="12"/>
    </row>
    <row r="706096" spans="8:8">
      <c r="H706096" s="12"/>
    </row>
    <row r="706097" spans="8:8">
      <c r="H706097" s="12"/>
    </row>
    <row r="706098" spans="8:8">
      <c r="H706098" s="12"/>
    </row>
    <row r="706099" spans="8:8">
      <c r="H706099" s="12"/>
    </row>
    <row r="706100" spans="8:8">
      <c r="H706100" s="12"/>
    </row>
    <row r="706101" spans="8:8">
      <c r="H706101" s="12"/>
    </row>
    <row r="706102" spans="8:8">
      <c r="H706102" s="12"/>
    </row>
    <row r="706103" spans="8:8">
      <c r="H706103" s="12"/>
    </row>
    <row r="706104" spans="8:8">
      <c r="H706104" s="12"/>
    </row>
    <row r="706105" spans="8:8">
      <c r="H706105" s="12"/>
    </row>
    <row r="706106" spans="8:8">
      <c r="H706106" s="12"/>
    </row>
    <row r="706107" spans="8:8">
      <c r="H706107" s="12"/>
    </row>
    <row r="706108" spans="8:8">
      <c r="H706108" s="12"/>
    </row>
    <row r="706109" spans="8:8">
      <c r="H706109" s="12"/>
    </row>
    <row r="706110" spans="8:8">
      <c r="H706110" s="12"/>
    </row>
    <row r="706111" spans="8:8">
      <c r="H706111" s="12"/>
    </row>
    <row r="706112" spans="8:8">
      <c r="H706112" s="12"/>
    </row>
    <row r="706113" spans="8:8">
      <c r="H706113" s="12"/>
    </row>
    <row r="706114" spans="8:8">
      <c r="H706114" s="12"/>
    </row>
    <row r="706115" spans="8:8">
      <c r="H706115" s="12"/>
    </row>
    <row r="706116" spans="8:8">
      <c r="H706116" s="12"/>
    </row>
    <row r="706117" spans="8:8">
      <c r="H706117" s="12"/>
    </row>
    <row r="706118" spans="8:8">
      <c r="H706118" s="12"/>
    </row>
    <row r="706119" spans="8:8">
      <c r="H706119" s="12"/>
    </row>
    <row r="706120" spans="8:8">
      <c r="H706120" s="12"/>
    </row>
    <row r="706121" spans="8:8">
      <c r="H706121" s="12"/>
    </row>
    <row r="706122" spans="8:8">
      <c r="H706122" s="12"/>
    </row>
    <row r="706123" spans="8:8">
      <c r="H706123" s="12"/>
    </row>
    <row r="706124" spans="8:8">
      <c r="H706124" s="12"/>
    </row>
    <row r="706125" spans="8:8">
      <c r="H706125" s="12"/>
    </row>
    <row r="706126" spans="8:8">
      <c r="H706126" s="12"/>
    </row>
    <row r="706127" spans="8:8">
      <c r="H706127" s="12"/>
    </row>
    <row r="706128" spans="8:8">
      <c r="H706128" s="12"/>
    </row>
    <row r="706129" spans="8:8">
      <c r="H706129" s="12"/>
    </row>
    <row r="706130" spans="8:8">
      <c r="H706130" s="12"/>
    </row>
    <row r="706131" spans="8:8">
      <c r="H706131" s="12"/>
    </row>
    <row r="706132" spans="8:8">
      <c r="H706132" s="12"/>
    </row>
    <row r="706133" spans="8:8">
      <c r="H706133" s="12"/>
    </row>
    <row r="706134" spans="8:8">
      <c r="H706134" s="12"/>
    </row>
    <row r="706135" spans="8:8">
      <c r="H706135" s="12"/>
    </row>
    <row r="706136" spans="8:8">
      <c r="H706136" s="12"/>
    </row>
    <row r="706137" spans="8:8">
      <c r="H706137" s="12"/>
    </row>
    <row r="706138" spans="8:8">
      <c r="H706138" s="12"/>
    </row>
    <row r="706139" spans="8:8">
      <c r="H706139" s="12"/>
    </row>
    <row r="706140" spans="8:8">
      <c r="H706140" s="12"/>
    </row>
    <row r="706141" spans="8:8">
      <c r="H706141" s="12"/>
    </row>
    <row r="706142" spans="8:8">
      <c r="H706142" s="12"/>
    </row>
    <row r="706143" spans="8:8">
      <c r="H706143" s="12"/>
    </row>
    <row r="706144" spans="8:8">
      <c r="H706144" s="12"/>
    </row>
    <row r="706145" spans="8:8">
      <c r="H706145" s="12"/>
    </row>
    <row r="706146" spans="8:8">
      <c r="H706146" s="12"/>
    </row>
    <row r="706147" spans="8:8">
      <c r="H706147" s="12"/>
    </row>
    <row r="706148" spans="8:8">
      <c r="H706148" s="12"/>
    </row>
    <row r="706149" spans="8:8">
      <c r="H706149" s="12"/>
    </row>
    <row r="706150" spans="8:8">
      <c r="H706150" s="12"/>
    </row>
    <row r="706151" spans="8:8">
      <c r="H706151" s="12"/>
    </row>
    <row r="706152" spans="8:8">
      <c r="H706152" s="12"/>
    </row>
    <row r="706153" spans="8:8">
      <c r="H706153" s="12"/>
    </row>
    <row r="706154" spans="8:8">
      <c r="H706154" s="12"/>
    </row>
    <row r="706155" spans="8:8">
      <c r="H706155" s="12"/>
    </row>
    <row r="706156" spans="8:8">
      <c r="H706156" s="12"/>
    </row>
    <row r="706157" spans="8:8">
      <c r="H706157" s="12"/>
    </row>
    <row r="706158" spans="8:8">
      <c r="H706158" s="12"/>
    </row>
    <row r="706159" spans="8:8">
      <c r="H706159" s="12"/>
    </row>
    <row r="706160" spans="8:8">
      <c r="H706160" s="12"/>
    </row>
    <row r="706161" spans="8:8">
      <c r="H706161" s="12"/>
    </row>
    <row r="706162" spans="8:8">
      <c r="H706162" s="12"/>
    </row>
    <row r="706163" spans="8:8">
      <c r="H706163" s="12"/>
    </row>
    <row r="706164" spans="8:8">
      <c r="H706164" s="12"/>
    </row>
    <row r="706165" spans="8:8">
      <c r="H706165" s="12"/>
    </row>
    <row r="706166" spans="8:8">
      <c r="H706166" s="12"/>
    </row>
    <row r="706167" spans="8:8">
      <c r="H706167" s="12"/>
    </row>
    <row r="706168" spans="8:8">
      <c r="H706168" s="12"/>
    </row>
    <row r="706169" spans="8:8">
      <c r="H706169" s="12"/>
    </row>
    <row r="706170" spans="8:8">
      <c r="H706170" s="12"/>
    </row>
    <row r="706171" spans="8:8">
      <c r="H706171" s="12"/>
    </row>
    <row r="706172" spans="8:8">
      <c r="H706172" s="12"/>
    </row>
    <row r="706173" spans="8:8">
      <c r="H706173" s="12"/>
    </row>
    <row r="706174" spans="8:8">
      <c r="H706174" s="12"/>
    </row>
    <row r="706175" spans="8:8">
      <c r="H706175" s="12"/>
    </row>
    <row r="706176" spans="8:8">
      <c r="H706176" s="12"/>
    </row>
    <row r="706177" spans="8:8">
      <c r="H706177" s="12"/>
    </row>
    <row r="706178" spans="8:8">
      <c r="H706178" s="12"/>
    </row>
    <row r="706179" spans="8:8">
      <c r="H706179" s="12"/>
    </row>
    <row r="706180" spans="8:8">
      <c r="H706180" s="12"/>
    </row>
    <row r="706181" spans="8:8">
      <c r="H706181" s="12"/>
    </row>
    <row r="706182" spans="8:8">
      <c r="H706182" s="12"/>
    </row>
    <row r="706183" spans="8:8">
      <c r="H706183" s="12"/>
    </row>
    <row r="706184" spans="8:8">
      <c r="H706184" s="12"/>
    </row>
    <row r="706185" spans="8:8">
      <c r="H706185" s="12"/>
    </row>
    <row r="706186" spans="8:8">
      <c r="H706186" s="12"/>
    </row>
    <row r="706187" spans="8:8">
      <c r="H706187" s="12"/>
    </row>
    <row r="706188" spans="8:8">
      <c r="H706188" s="12"/>
    </row>
    <row r="706189" spans="8:8">
      <c r="H706189" s="12"/>
    </row>
    <row r="706190" spans="8:8">
      <c r="H706190" s="12"/>
    </row>
    <row r="706191" spans="8:8">
      <c r="H706191" s="12"/>
    </row>
    <row r="706192" spans="8:8">
      <c r="H706192" s="12"/>
    </row>
    <row r="706193" spans="8:8">
      <c r="H706193" s="12"/>
    </row>
    <row r="706194" spans="8:8">
      <c r="H706194" s="12"/>
    </row>
    <row r="706195" spans="8:8">
      <c r="H706195" s="12"/>
    </row>
    <row r="706196" spans="8:8">
      <c r="H706196" s="12"/>
    </row>
    <row r="706197" spans="8:8">
      <c r="H706197" s="12"/>
    </row>
    <row r="706198" spans="8:8">
      <c r="H706198" s="12"/>
    </row>
    <row r="706199" spans="8:8">
      <c r="H706199" s="12"/>
    </row>
    <row r="706200" spans="8:8">
      <c r="H706200" s="12"/>
    </row>
    <row r="706201" spans="8:8">
      <c r="H706201" s="12"/>
    </row>
    <row r="706202" spans="8:8">
      <c r="H706202" s="12"/>
    </row>
    <row r="706203" spans="8:8">
      <c r="H706203" s="12"/>
    </row>
    <row r="706204" spans="8:8">
      <c r="H706204" s="12"/>
    </row>
    <row r="706205" spans="8:8">
      <c r="H706205" s="12"/>
    </row>
    <row r="706206" spans="8:8">
      <c r="H706206" s="12"/>
    </row>
    <row r="706207" spans="8:8">
      <c r="H706207" s="12"/>
    </row>
    <row r="706208" spans="8:8">
      <c r="H706208" s="12"/>
    </row>
    <row r="706209" spans="8:8">
      <c r="H706209" s="12"/>
    </row>
    <row r="706210" spans="8:8">
      <c r="H706210" s="12"/>
    </row>
    <row r="706211" spans="8:8">
      <c r="H706211" s="12"/>
    </row>
    <row r="706212" spans="8:8">
      <c r="H706212" s="12"/>
    </row>
    <row r="706213" spans="8:8">
      <c r="H706213" s="12"/>
    </row>
    <row r="706214" spans="8:8">
      <c r="H706214" s="12"/>
    </row>
    <row r="706215" spans="8:8">
      <c r="H706215" s="12"/>
    </row>
    <row r="706216" spans="8:8">
      <c r="H706216" s="12"/>
    </row>
    <row r="706217" spans="8:8">
      <c r="H706217" s="12"/>
    </row>
    <row r="706218" spans="8:8">
      <c r="H706218" s="12"/>
    </row>
    <row r="706219" spans="8:8">
      <c r="H706219" s="12"/>
    </row>
    <row r="706220" spans="8:8">
      <c r="H706220" s="12"/>
    </row>
    <row r="706221" spans="8:8">
      <c r="H706221" s="12"/>
    </row>
    <row r="706222" spans="8:8">
      <c r="H706222" s="12"/>
    </row>
    <row r="706223" spans="8:8">
      <c r="H706223" s="12"/>
    </row>
    <row r="706224" spans="8:8">
      <c r="H706224" s="12"/>
    </row>
    <row r="706225" spans="8:8">
      <c r="H706225" s="12"/>
    </row>
    <row r="706226" spans="8:8">
      <c r="H706226" s="12"/>
    </row>
    <row r="706227" spans="8:8">
      <c r="H706227" s="12"/>
    </row>
    <row r="706228" spans="8:8">
      <c r="H706228" s="12"/>
    </row>
    <row r="706229" spans="8:8">
      <c r="H706229" s="12"/>
    </row>
    <row r="706230" spans="8:8">
      <c r="H706230" s="12"/>
    </row>
    <row r="706231" spans="8:8">
      <c r="H706231" s="12"/>
    </row>
    <row r="706232" spans="8:8">
      <c r="H706232" s="12"/>
    </row>
    <row r="706233" spans="8:8">
      <c r="H706233" s="12"/>
    </row>
    <row r="706234" spans="8:8">
      <c r="H706234" s="12"/>
    </row>
    <row r="706235" spans="8:8">
      <c r="H706235" s="12"/>
    </row>
    <row r="706236" spans="8:8">
      <c r="H706236" s="12"/>
    </row>
    <row r="706237" spans="8:8">
      <c r="H706237" s="12"/>
    </row>
    <row r="706238" spans="8:8">
      <c r="H706238" s="12"/>
    </row>
    <row r="706239" spans="8:8">
      <c r="H706239" s="12"/>
    </row>
    <row r="706240" spans="8:8">
      <c r="H706240" s="12"/>
    </row>
    <row r="706241" spans="8:8">
      <c r="H706241" s="12"/>
    </row>
    <row r="706242" spans="8:8">
      <c r="H706242" s="12"/>
    </row>
    <row r="706243" spans="8:8">
      <c r="H706243" s="12"/>
    </row>
    <row r="706244" spans="8:8">
      <c r="H706244" s="12"/>
    </row>
    <row r="706245" spans="8:8">
      <c r="H706245" s="12"/>
    </row>
    <row r="706246" spans="8:8">
      <c r="H706246" s="12"/>
    </row>
    <row r="706247" spans="8:8">
      <c r="H706247" s="12"/>
    </row>
    <row r="706248" spans="8:8">
      <c r="H706248" s="12"/>
    </row>
    <row r="706249" spans="8:8">
      <c r="H706249" s="12"/>
    </row>
    <row r="706250" spans="8:8">
      <c r="H706250" s="12"/>
    </row>
    <row r="706251" spans="8:8">
      <c r="H706251" s="12"/>
    </row>
    <row r="706252" spans="8:8">
      <c r="H706252" s="12"/>
    </row>
    <row r="706253" spans="8:8">
      <c r="H706253" s="12"/>
    </row>
    <row r="706254" spans="8:8">
      <c r="H706254" s="12"/>
    </row>
    <row r="706255" spans="8:8">
      <c r="H706255" s="12"/>
    </row>
    <row r="706256" spans="8:8">
      <c r="H706256" s="12"/>
    </row>
    <row r="706257" spans="8:8">
      <c r="H706257" s="12"/>
    </row>
    <row r="706258" spans="8:8">
      <c r="H706258" s="12"/>
    </row>
    <row r="706259" spans="8:8">
      <c r="H706259" s="12"/>
    </row>
    <row r="706260" spans="8:8">
      <c r="H706260" s="12"/>
    </row>
    <row r="706261" spans="8:8">
      <c r="H706261" s="12"/>
    </row>
    <row r="706262" spans="8:8">
      <c r="H706262" s="12"/>
    </row>
    <row r="706263" spans="8:8">
      <c r="H706263" s="12"/>
    </row>
    <row r="706264" spans="8:8">
      <c r="H706264" s="12"/>
    </row>
    <row r="706265" spans="8:8">
      <c r="H706265" s="12"/>
    </row>
    <row r="706266" spans="8:8">
      <c r="H706266" s="12"/>
    </row>
    <row r="706267" spans="8:8">
      <c r="H706267" s="12"/>
    </row>
    <row r="706268" spans="8:8">
      <c r="H706268" s="12"/>
    </row>
    <row r="706269" spans="8:8">
      <c r="H706269" s="12"/>
    </row>
    <row r="706270" spans="8:8">
      <c r="H706270" s="12"/>
    </row>
    <row r="706271" spans="8:8">
      <c r="H706271" s="12"/>
    </row>
    <row r="706272" spans="8:8">
      <c r="H706272" s="12"/>
    </row>
    <row r="706273" spans="8:8">
      <c r="H706273" s="12"/>
    </row>
    <row r="706274" spans="8:8">
      <c r="H706274" s="12"/>
    </row>
    <row r="706275" spans="8:8">
      <c r="H706275" s="12"/>
    </row>
    <row r="706276" spans="8:8">
      <c r="H706276" s="12"/>
    </row>
    <row r="706277" spans="8:8">
      <c r="H706277" s="12"/>
    </row>
    <row r="706278" spans="8:8">
      <c r="H706278" s="12"/>
    </row>
    <row r="706279" spans="8:8">
      <c r="H706279" s="12"/>
    </row>
    <row r="706280" spans="8:8">
      <c r="H706280" s="12"/>
    </row>
    <row r="706281" spans="8:8">
      <c r="H706281" s="12"/>
    </row>
    <row r="706282" spans="8:8">
      <c r="H706282" s="12"/>
    </row>
    <row r="706283" spans="8:8">
      <c r="H706283" s="12"/>
    </row>
    <row r="706284" spans="8:8">
      <c r="H706284" s="12"/>
    </row>
    <row r="706285" spans="8:8">
      <c r="H706285" s="12"/>
    </row>
    <row r="706286" spans="8:8">
      <c r="H706286" s="12"/>
    </row>
    <row r="706287" spans="8:8">
      <c r="H706287" s="12"/>
    </row>
    <row r="706288" spans="8:8">
      <c r="H706288" s="12"/>
    </row>
    <row r="706289" spans="8:8">
      <c r="H706289" s="12"/>
    </row>
    <row r="706290" spans="8:8">
      <c r="H706290" s="12"/>
    </row>
    <row r="706291" spans="8:8">
      <c r="H706291" s="12"/>
    </row>
    <row r="706292" spans="8:8">
      <c r="H706292" s="12"/>
    </row>
    <row r="706293" spans="8:8">
      <c r="H706293" s="12"/>
    </row>
    <row r="706294" spans="8:8">
      <c r="H706294" s="12"/>
    </row>
    <row r="706295" spans="8:8">
      <c r="H706295" s="12"/>
    </row>
    <row r="706296" spans="8:8">
      <c r="H706296" s="12"/>
    </row>
    <row r="706297" spans="8:8">
      <c r="H706297" s="12"/>
    </row>
    <row r="706298" spans="8:8">
      <c r="H706298" s="12"/>
    </row>
    <row r="706299" spans="8:8">
      <c r="H706299" s="12"/>
    </row>
    <row r="706300" spans="8:8">
      <c r="H706300" s="12"/>
    </row>
    <row r="706301" spans="8:8">
      <c r="H706301" s="12"/>
    </row>
    <row r="706302" spans="8:8">
      <c r="H706302" s="12"/>
    </row>
    <row r="706303" spans="8:8">
      <c r="H706303" s="12"/>
    </row>
    <row r="706304" spans="8:8">
      <c r="H706304" s="12"/>
    </row>
    <row r="706305" spans="8:8">
      <c r="H706305" s="12"/>
    </row>
    <row r="706306" spans="8:8">
      <c r="H706306" s="12"/>
    </row>
    <row r="706307" spans="8:8">
      <c r="H706307" s="12"/>
    </row>
    <row r="706308" spans="8:8">
      <c r="H706308" s="12"/>
    </row>
    <row r="706309" spans="8:8">
      <c r="H706309" s="12"/>
    </row>
    <row r="706310" spans="8:8">
      <c r="H706310" s="12"/>
    </row>
    <row r="706311" spans="8:8">
      <c r="H706311" s="12"/>
    </row>
    <row r="706312" spans="8:8">
      <c r="H706312" s="12"/>
    </row>
    <row r="706313" spans="8:8">
      <c r="H706313" s="12"/>
    </row>
    <row r="706314" spans="8:8">
      <c r="H706314" s="12"/>
    </row>
    <row r="706315" spans="8:8">
      <c r="H706315" s="12"/>
    </row>
    <row r="706316" spans="8:8">
      <c r="H706316" s="12"/>
    </row>
    <row r="706317" spans="8:8">
      <c r="H706317" s="12"/>
    </row>
    <row r="706318" spans="8:8">
      <c r="H706318" s="12"/>
    </row>
    <row r="706319" spans="8:8">
      <c r="H706319" s="12"/>
    </row>
    <row r="706320" spans="8:8">
      <c r="H706320" s="12"/>
    </row>
    <row r="706321" spans="8:8">
      <c r="H706321" s="12"/>
    </row>
    <row r="706322" spans="8:8">
      <c r="H706322" s="12"/>
    </row>
    <row r="706323" spans="8:8">
      <c r="H706323" s="12"/>
    </row>
    <row r="706324" spans="8:8">
      <c r="H706324" s="12"/>
    </row>
    <row r="706325" spans="8:8">
      <c r="H706325" s="12"/>
    </row>
    <row r="706326" spans="8:8">
      <c r="H706326" s="12"/>
    </row>
    <row r="706327" spans="8:8">
      <c r="H706327" s="12"/>
    </row>
    <row r="706328" spans="8:8">
      <c r="H706328" s="12"/>
    </row>
    <row r="706329" spans="8:8">
      <c r="H706329" s="12"/>
    </row>
    <row r="706330" spans="8:8">
      <c r="H706330" s="12"/>
    </row>
    <row r="706331" spans="8:8">
      <c r="H706331" s="12"/>
    </row>
    <row r="706332" spans="8:8">
      <c r="H706332" s="12"/>
    </row>
    <row r="706333" spans="8:8">
      <c r="H706333" s="12"/>
    </row>
    <row r="706334" spans="8:8">
      <c r="H706334" s="12"/>
    </row>
    <row r="706335" spans="8:8">
      <c r="H706335" s="12"/>
    </row>
    <row r="706336" spans="8:8">
      <c r="H706336" s="12"/>
    </row>
    <row r="706337" spans="8:8">
      <c r="H706337" s="12"/>
    </row>
    <row r="706338" spans="8:8">
      <c r="H706338" s="12"/>
    </row>
    <row r="706339" spans="8:8">
      <c r="H706339" s="12"/>
    </row>
    <row r="706340" spans="8:8">
      <c r="H706340" s="12"/>
    </row>
    <row r="706341" spans="8:8">
      <c r="H706341" s="12"/>
    </row>
    <row r="706342" spans="8:8">
      <c r="H706342" s="12"/>
    </row>
    <row r="706343" spans="8:8">
      <c r="H706343" s="12"/>
    </row>
    <row r="706344" spans="8:8">
      <c r="H706344" s="12"/>
    </row>
    <row r="706345" spans="8:8">
      <c r="H706345" s="12"/>
    </row>
    <row r="706346" spans="8:8">
      <c r="H706346" s="12"/>
    </row>
    <row r="706347" spans="8:8">
      <c r="H706347" s="12"/>
    </row>
    <row r="706348" spans="8:8">
      <c r="H706348" s="12"/>
    </row>
    <row r="706349" spans="8:8">
      <c r="H706349" s="12"/>
    </row>
    <row r="706350" spans="8:8">
      <c r="H706350" s="12"/>
    </row>
    <row r="706351" spans="8:8">
      <c r="H706351" s="12"/>
    </row>
    <row r="706352" spans="8:8">
      <c r="H706352" s="12"/>
    </row>
    <row r="706353" spans="8:8">
      <c r="H706353" s="12"/>
    </row>
    <row r="706354" spans="8:8">
      <c r="H706354" s="12"/>
    </row>
    <row r="706355" spans="8:8">
      <c r="H706355" s="12"/>
    </row>
    <row r="706356" spans="8:8">
      <c r="H706356" s="12"/>
    </row>
    <row r="706357" spans="8:8">
      <c r="H706357" s="12"/>
    </row>
    <row r="706358" spans="8:8">
      <c r="H706358" s="12"/>
    </row>
    <row r="706359" spans="8:8">
      <c r="H706359" s="12"/>
    </row>
    <row r="706360" spans="8:8">
      <c r="H706360" s="12"/>
    </row>
    <row r="706361" spans="8:8">
      <c r="H706361" s="12"/>
    </row>
    <row r="706362" spans="8:8">
      <c r="H706362" s="12"/>
    </row>
    <row r="706363" spans="8:8">
      <c r="H706363" s="12"/>
    </row>
    <row r="706364" spans="8:8">
      <c r="H706364" s="12"/>
    </row>
    <row r="706365" spans="8:8">
      <c r="H706365" s="12"/>
    </row>
    <row r="706366" spans="8:8">
      <c r="H706366" s="12"/>
    </row>
    <row r="706367" spans="8:8">
      <c r="H706367" s="12"/>
    </row>
    <row r="706368" spans="8:8">
      <c r="H706368" s="12"/>
    </row>
    <row r="706369" spans="8:8">
      <c r="H706369" s="12"/>
    </row>
    <row r="706370" spans="8:8">
      <c r="H706370" s="12"/>
    </row>
    <row r="706371" spans="8:8">
      <c r="H706371" s="12"/>
    </row>
    <row r="706372" spans="8:8">
      <c r="H706372" s="12"/>
    </row>
    <row r="706373" spans="8:8">
      <c r="H706373" s="12"/>
    </row>
    <row r="706374" spans="8:8">
      <c r="H706374" s="12"/>
    </row>
    <row r="706375" spans="8:8">
      <c r="H706375" s="12"/>
    </row>
    <row r="706376" spans="8:8">
      <c r="H706376" s="12"/>
    </row>
    <row r="706377" spans="8:8">
      <c r="H706377" s="12"/>
    </row>
    <row r="706378" spans="8:8">
      <c r="H706378" s="12"/>
    </row>
    <row r="706379" spans="8:8">
      <c r="H706379" s="12"/>
    </row>
    <row r="706380" spans="8:8">
      <c r="H706380" s="12"/>
    </row>
    <row r="706381" spans="8:8">
      <c r="H706381" s="12"/>
    </row>
    <row r="706382" spans="8:8">
      <c r="H706382" s="12"/>
    </row>
    <row r="706383" spans="8:8">
      <c r="H706383" s="12"/>
    </row>
    <row r="706384" spans="8:8">
      <c r="H706384" s="12"/>
    </row>
    <row r="706385" spans="8:8">
      <c r="H706385" s="12"/>
    </row>
    <row r="706386" spans="8:8">
      <c r="H706386" s="12"/>
    </row>
    <row r="706387" spans="8:8">
      <c r="H706387" s="12"/>
    </row>
    <row r="706388" spans="8:8">
      <c r="H706388" s="12"/>
    </row>
    <row r="706389" spans="8:8">
      <c r="H706389" s="12"/>
    </row>
    <row r="706390" spans="8:8">
      <c r="H706390" s="12"/>
    </row>
    <row r="706391" spans="8:8">
      <c r="H706391" s="12"/>
    </row>
    <row r="706392" spans="8:8">
      <c r="H706392" s="12"/>
    </row>
    <row r="706393" spans="8:8">
      <c r="H706393" s="12"/>
    </row>
    <row r="706394" spans="8:8">
      <c r="H706394" s="12"/>
    </row>
    <row r="706395" spans="8:8">
      <c r="H706395" s="12"/>
    </row>
    <row r="706396" spans="8:8">
      <c r="H706396" s="12"/>
    </row>
    <row r="706397" spans="8:8">
      <c r="H706397" s="12"/>
    </row>
    <row r="706398" spans="8:8">
      <c r="H706398" s="12"/>
    </row>
    <row r="706399" spans="8:8">
      <c r="H706399" s="12"/>
    </row>
    <row r="706400" spans="8:8">
      <c r="H706400" s="12"/>
    </row>
    <row r="706401" spans="8:8">
      <c r="H706401" s="12"/>
    </row>
    <row r="706402" spans="8:8">
      <c r="H706402" s="12"/>
    </row>
    <row r="706403" spans="8:8">
      <c r="H706403" s="12"/>
    </row>
    <row r="706404" spans="8:8">
      <c r="H706404" s="12"/>
    </row>
    <row r="706405" spans="8:8">
      <c r="H706405" s="12"/>
    </row>
    <row r="706406" spans="8:8">
      <c r="H706406" s="12"/>
    </row>
    <row r="706407" spans="8:8">
      <c r="H706407" s="12"/>
    </row>
    <row r="706408" spans="8:8">
      <c r="H706408" s="12"/>
    </row>
    <row r="706409" spans="8:8">
      <c r="H706409" s="12"/>
    </row>
    <row r="706410" spans="8:8">
      <c r="H706410" s="12"/>
    </row>
    <row r="706411" spans="8:8">
      <c r="H706411" s="12"/>
    </row>
    <row r="706412" spans="8:8">
      <c r="H706412" s="12"/>
    </row>
    <row r="706413" spans="8:8">
      <c r="H706413" s="12"/>
    </row>
    <row r="706414" spans="8:8">
      <c r="H706414" s="12"/>
    </row>
    <row r="706415" spans="8:8">
      <c r="H706415" s="12"/>
    </row>
    <row r="706416" spans="8:8">
      <c r="H706416" s="12"/>
    </row>
    <row r="706417" spans="8:8">
      <c r="H706417" s="12"/>
    </row>
    <row r="706418" spans="8:8">
      <c r="H706418" s="12"/>
    </row>
    <row r="706419" spans="8:8">
      <c r="H706419" s="12"/>
    </row>
    <row r="706420" spans="8:8">
      <c r="H706420" s="12"/>
    </row>
    <row r="706421" spans="8:8">
      <c r="H706421" s="12"/>
    </row>
    <row r="706422" spans="8:8">
      <c r="H706422" s="12"/>
    </row>
    <row r="706423" spans="8:8">
      <c r="H706423" s="12"/>
    </row>
    <row r="706424" spans="8:8">
      <c r="H706424" s="12"/>
    </row>
    <row r="706425" spans="8:8">
      <c r="H706425" s="12"/>
    </row>
    <row r="706426" spans="8:8">
      <c r="H706426" s="12"/>
    </row>
    <row r="706427" spans="8:8">
      <c r="H706427" s="12"/>
    </row>
    <row r="706428" spans="8:8">
      <c r="H706428" s="12"/>
    </row>
    <row r="706429" spans="8:8">
      <c r="H706429" s="12"/>
    </row>
    <row r="706430" spans="8:8">
      <c r="H706430" s="12"/>
    </row>
    <row r="706431" spans="8:8">
      <c r="H706431" s="12"/>
    </row>
    <row r="706432" spans="8:8">
      <c r="H706432" s="12"/>
    </row>
    <row r="706433" spans="8:8">
      <c r="H706433" s="12"/>
    </row>
    <row r="706434" spans="8:8">
      <c r="H706434" s="12"/>
    </row>
    <row r="706435" spans="8:8">
      <c r="H706435" s="12"/>
    </row>
    <row r="706436" spans="8:8">
      <c r="H706436" s="12"/>
    </row>
    <row r="706437" spans="8:8">
      <c r="H706437" s="12"/>
    </row>
    <row r="706438" spans="8:8">
      <c r="H706438" s="12"/>
    </row>
    <row r="706439" spans="8:8">
      <c r="H706439" s="12"/>
    </row>
    <row r="706440" spans="8:8">
      <c r="H706440" s="12"/>
    </row>
    <row r="706441" spans="8:8">
      <c r="H706441" s="12"/>
    </row>
    <row r="706442" spans="8:8">
      <c r="H706442" s="12"/>
    </row>
    <row r="706443" spans="8:8">
      <c r="H706443" s="12"/>
    </row>
    <row r="706444" spans="8:8">
      <c r="H706444" s="12"/>
    </row>
    <row r="706445" spans="8:8">
      <c r="H706445" s="12"/>
    </row>
    <row r="706446" spans="8:8">
      <c r="H706446" s="12"/>
    </row>
    <row r="706447" spans="8:8">
      <c r="H706447" s="12"/>
    </row>
    <row r="706448" spans="8:8">
      <c r="H706448" s="12"/>
    </row>
    <row r="706449" spans="8:8">
      <c r="H706449" s="12"/>
    </row>
    <row r="706450" spans="8:8">
      <c r="H706450" s="12"/>
    </row>
    <row r="706451" spans="8:8">
      <c r="H706451" s="12"/>
    </row>
    <row r="706452" spans="8:8">
      <c r="H706452" s="12"/>
    </row>
    <row r="706453" spans="8:8">
      <c r="H706453" s="12"/>
    </row>
    <row r="706454" spans="8:8">
      <c r="H706454" s="12"/>
    </row>
    <row r="706455" spans="8:8">
      <c r="H706455" s="12"/>
    </row>
    <row r="706456" spans="8:8">
      <c r="H706456" s="12"/>
    </row>
    <row r="706457" spans="8:8">
      <c r="H706457" s="12"/>
    </row>
    <row r="706458" spans="8:8">
      <c r="H706458" s="12"/>
    </row>
    <row r="706459" spans="8:8">
      <c r="H706459" s="12"/>
    </row>
    <row r="706460" spans="8:8">
      <c r="H706460" s="12"/>
    </row>
    <row r="706461" spans="8:8">
      <c r="H706461" s="12"/>
    </row>
    <row r="706462" spans="8:8">
      <c r="H706462" s="12"/>
    </row>
    <row r="706463" spans="8:8">
      <c r="H706463" s="12"/>
    </row>
    <row r="706464" spans="8:8">
      <c r="H706464" s="12"/>
    </row>
    <row r="706465" spans="8:8">
      <c r="H706465" s="12"/>
    </row>
    <row r="706466" spans="8:8">
      <c r="H706466" s="12"/>
    </row>
    <row r="706467" spans="8:8">
      <c r="H706467" s="12"/>
    </row>
    <row r="706468" spans="8:8">
      <c r="H706468" s="12"/>
    </row>
    <row r="706469" spans="8:8">
      <c r="H706469" s="12"/>
    </row>
    <row r="706470" spans="8:8">
      <c r="H706470" s="12"/>
    </row>
    <row r="706471" spans="8:8">
      <c r="H706471" s="12"/>
    </row>
    <row r="706472" spans="8:8">
      <c r="H706472" s="12"/>
    </row>
    <row r="706473" spans="8:8">
      <c r="H706473" s="12"/>
    </row>
    <row r="706474" spans="8:8">
      <c r="H706474" s="12"/>
    </row>
    <row r="706475" spans="8:8">
      <c r="H706475" s="12"/>
    </row>
    <row r="706476" spans="8:8">
      <c r="H706476" s="12"/>
    </row>
    <row r="706477" spans="8:8">
      <c r="H706477" s="12"/>
    </row>
    <row r="706478" spans="8:8">
      <c r="H706478" s="12"/>
    </row>
    <row r="706479" spans="8:8">
      <c r="H706479" s="12"/>
    </row>
    <row r="706480" spans="8:8">
      <c r="H706480" s="12"/>
    </row>
    <row r="706481" spans="8:8">
      <c r="H706481" s="12"/>
    </row>
    <row r="706482" spans="8:8">
      <c r="H706482" s="12"/>
    </row>
    <row r="706483" spans="8:8">
      <c r="H706483" s="12"/>
    </row>
    <row r="706484" spans="8:8">
      <c r="H706484" s="12"/>
    </row>
    <row r="706485" spans="8:8">
      <c r="H706485" s="12"/>
    </row>
    <row r="706486" spans="8:8">
      <c r="H706486" s="12"/>
    </row>
    <row r="706487" spans="8:8">
      <c r="H706487" s="12"/>
    </row>
    <row r="706488" spans="8:8">
      <c r="H706488" s="12"/>
    </row>
    <row r="706489" spans="8:8">
      <c r="H706489" s="12"/>
    </row>
    <row r="706490" spans="8:8">
      <c r="H706490" s="12"/>
    </row>
    <row r="706491" spans="8:8">
      <c r="H706491" s="12"/>
    </row>
    <row r="706492" spans="8:8">
      <c r="H706492" s="12"/>
    </row>
    <row r="706493" spans="8:8">
      <c r="H706493" s="12"/>
    </row>
    <row r="706494" spans="8:8">
      <c r="H706494" s="12"/>
    </row>
    <row r="706495" spans="8:8">
      <c r="H706495" s="12"/>
    </row>
    <row r="706496" spans="8:8">
      <c r="H706496" s="12"/>
    </row>
    <row r="706497" spans="8:8">
      <c r="H706497" s="12"/>
    </row>
    <row r="706498" spans="8:8">
      <c r="H706498" s="12"/>
    </row>
    <row r="706499" spans="8:8">
      <c r="H706499" s="12"/>
    </row>
    <row r="706500" spans="8:8">
      <c r="H706500" s="12"/>
    </row>
    <row r="706501" spans="8:8">
      <c r="H706501" s="12"/>
    </row>
    <row r="706502" spans="8:8">
      <c r="H706502" s="12"/>
    </row>
    <row r="706503" spans="8:8">
      <c r="H706503" s="12"/>
    </row>
    <row r="706504" spans="8:8">
      <c r="H706504" s="12"/>
    </row>
    <row r="706505" spans="8:8">
      <c r="H706505" s="12"/>
    </row>
    <row r="706506" spans="8:8">
      <c r="H706506" s="12"/>
    </row>
    <row r="706507" spans="8:8">
      <c r="H706507" s="12"/>
    </row>
    <row r="706508" spans="8:8">
      <c r="H706508" s="12"/>
    </row>
    <row r="706509" spans="8:8">
      <c r="H706509" s="12"/>
    </row>
    <row r="706510" spans="8:8">
      <c r="H706510" s="12"/>
    </row>
    <row r="706511" spans="8:8">
      <c r="H706511" s="12"/>
    </row>
    <row r="706512" spans="8:8">
      <c r="H706512" s="12"/>
    </row>
    <row r="706513" spans="8:8">
      <c r="H706513" s="12"/>
    </row>
    <row r="706514" spans="8:8">
      <c r="H706514" s="12"/>
    </row>
    <row r="706515" spans="8:8">
      <c r="H706515" s="12"/>
    </row>
    <row r="706516" spans="8:8">
      <c r="H706516" s="12"/>
    </row>
    <row r="706517" spans="8:8">
      <c r="H706517" s="12"/>
    </row>
    <row r="706518" spans="8:8">
      <c r="H706518" s="12"/>
    </row>
    <row r="706519" spans="8:8">
      <c r="H706519" s="12"/>
    </row>
    <row r="706520" spans="8:8">
      <c r="H706520" s="12"/>
    </row>
    <row r="706521" spans="8:8">
      <c r="H706521" s="12"/>
    </row>
    <row r="706522" spans="8:8">
      <c r="H706522" s="12"/>
    </row>
    <row r="706523" spans="8:8">
      <c r="H706523" s="12"/>
    </row>
    <row r="706524" spans="8:8">
      <c r="H706524" s="12"/>
    </row>
    <row r="706525" spans="8:8">
      <c r="H706525" s="12"/>
    </row>
    <row r="706526" spans="8:8">
      <c r="H706526" s="12"/>
    </row>
    <row r="706527" spans="8:8">
      <c r="H706527" s="12"/>
    </row>
    <row r="706528" spans="8:8">
      <c r="H706528" s="12"/>
    </row>
    <row r="706529" spans="8:8">
      <c r="H706529" s="12"/>
    </row>
    <row r="706530" spans="8:8">
      <c r="H706530" s="12"/>
    </row>
    <row r="706531" spans="8:8">
      <c r="H706531" s="12"/>
    </row>
    <row r="706532" spans="8:8">
      <c r="H706532" s="12"/>
    </row>
    <row r="706533" spans="8:8">
      <c r="H706533" s="12"/>
    </row>
    <row r="706534" spans="8:8">
      <c r="H706534" s="12"/>
    </row>
    <row r="706535" spans="8:8">
      <c r="H706535" s="12"/>
    </row>
    <row r="706536" spans="8:8">
      <c r="H706536" s="12"/>
    </row>
    <row r="706537" spans="8:8">
      <c r="H706537" s="12"/>
    </row>
    <row r="706538" spans="8:8">
      <c r="H706538" s="12"/>
    </row>
    <row r="706539" spans="8:8">
      <c r="H706539" s="12"/>
    </row>
    <row r="706540" spans="8:8">
      <c r="H706540" s="12"/>
    </row>
    <row r="706541" spans="8:8">
      <c r="H706541" s="12"/>
    </row>
    <row r="706542" spans="8:8">
      <c r="H706542" s="12"/>
    </row>
    <row r="706543" spans="8:8">
      <c r="H706543" s="12"/>
    </row>
    <row r="706544" spans="8:8">
      <c r="H706544" s="12"/>
    </row>
    <row r="706545" spans="8:8">
      <c r="H706545" s="12"/>
    </row>
    <row r="706546" spans="8:8">
      <c r="H706546" s="12"/>
    </row>
    <row r="706547" spans="8:8">
      <c r="H706547" s="12"/>
    </row>
    <row r="706548" spans="8:8">
      <c r="H706548" s="12"/>
    </row>
    <row r="706549" spans="8:8">
      <c r="H706549" s="12"/>
    </row>
    <row r="706550" spans="8:8">
      <c r="H706550" s="12"/>
    </row>
    <row r="706551" spans="8:8">
      <c r="H706551" s="12"/>
    </row>
    <row r="706552" spans="8:8">
      <c r="H706552" s="12"/>
    </row>
    <row r="706553" spans="8:8">
      <c r="H706553" s="12"/>
    </row>
    <row r="706554" spans="8:8">
      <c r="H706554" s="12"/>
    </row>
    <row r="706555" spans="8:8">
      <c r="H706555" s="12"/>
    </row>
    <row r="706556" spans="8:8">
      <c r="H706556" s="12"/>
    </row>
    <row r="706557" spans="8:8">
      <c r="H706557" s="12"/>
    </row>
    <row r="706558" spans="8:8">
      <c r="H706558" s="12"/>
    </row>
    <row r="706559" spans="8:8">
      <c r="H706559" s="12"/>
    </row>
    <row r="706560" spans="8:8">
      <c r="H706560" s="12"/>
    </row>
    <row r="706561" spans="8:8">
      <c r="H706561" s="12"/>
    </row>
    <row r="706562" spans="8:8">
      <c r="H706562" s="12"/>
    </row>
    <row r="706563" spans="8:8">
      <c r="H706563" s="12"/>
    </row>
    <row r="706564" spans="8:8">
      <c r="H706564" s="12"/>
    </row>
    <row r="706565" spans="8:8">
      <c r="H706565" s="12"/>
    </row>
    <row r="706566" spans="8:8">
      <c r="H706566" s="12"/>
    </row>
    <row r="706567" spans="8:8">
      <c r="H706567" s="12"/>
    </row>
    <row r="706568" spans="8:8">
      <c r="H706568" s="12"/>
    </row>
    <row r="706569" spans="8:8">
      <c r="H706569" s="12"/>
    </row>
    <row r="706570" spans="8:8">
      <c r="H706570" s="12"/>
    </row>
    <row r="706571" spans="8:8">
      <c r="H706571" s="12"/>
    </row>
    <row r="706572" spans="8:8">
      <c r="H706572" s="12"/>
    </row>
    <row r="706573" spans="8:8">
      <c r="H706573" s="12"/>
    </row>
    <row r="706574" spans="8:8">
      <c r="H706574" s="12"/>
    </row>
    <row r="706575" spans="8:8">
      <c r="H706575" s="12"/>
    </row>
    <row r="706576" spans="8:8">
      <c r="H706576" s="12"/>
    </row>
    <row r="706577" spans="8:8">
      <c r="H706577" s="12"/>
    </row>
    <row r="706578" spans="8:8">
      <c r="H706578" s="12"/>
    </row>
    <row r="706579" spans="8:8">
      <c r="H706579" s="12"/>
    </row>
    <row r="706580" spans="8:8">
      <c r="H706580" s="12"/>
    </row>
    <row r="706581" spans="8:8">
      <c r="H706581" s="12"/>
    </row>
    <row r="706582" spans="8:8">
      <c r="H706582" s="12"/>
    </row>
    <row r="706583" spans="8:8">
      <c r="H706583" s="12"/>
    </row>
    <row r="706584" spans="8:8">
      <c r="H706584" s="12"/>
    </row>
    <row r="706585" spans="8:8">
      <c r="H706585" s="12"/>
    </row>
    <row r="706586" spans="8:8">
      <c r="H706586" s="12"/>
    </row>
    <row r="706587" spans="8:8">
      <c r="H706587" s="12"/>
    </row>
    <row r="706588" spans="8:8">
      <c r="H706588" s="12"/>
    </row>
    <row r="706589" spans="8:8">
      <c r="H706589" s="12"/>
    </row>
    <row r="706590" spans="8:8">
      <c r="H706590" s="12"/>
    </row>
    <row r="706591" spans="8:8">
      <c r="H706591" s="12"/>
    </row>
    <row r="706592" spans="8:8">
      <c r="H706592" s="12"/>
    </row>
    <row r="706593" spans="8:8">
      <c r="H706593" s="12"/>
    </row>
    <row r="706594" spans="8:8">
      <c r="H706594" s="12"/>
    </row>
    <row r="706595" spans="8:8">
      <c r="H706595" s="12"/>
    </row>
    <row r="706596" spans="8:8">
      <c r="H706596" s="12"/>
    </row>
    <row r="706597" spans="8:8">
      <c r="H706597" s="12"/>
    </row>
    <row r="706598" spans="8:8">
      <c r="H706598" s="12"/>
    </row>
    <row r="706599" spans="8:8">
      <c r="H706599" s="12"/>
    </row>
    <row r="706600" spans="8:8">
      <c r="H706600" s="12"/>
    </row>
    <row r="706601" spans="8:8">
      <c r="H706601" s="12"/>
    </row>
    <row r="706602" spans="8:8">
      <c r="H706602" s="12"/>
    </row>
    <row r="706603" spans="8:8">
      <c r="H706603" s="12"/>
    </row>
    <row r="706604" spans="8:8">
      <c r="H706604" s="12"/>
    </row>
    <row r="706605" spans="8:8">
      <c r="H706605" s="12"/>
    </row>
    <row r="706606" spans="8:8">
      <c r="H706606" s="12"/>
    </row>
    <row r="706607" spans="8:8">
      <c r="H706607" s="12"/>
    </row>
    <row r="706608" spans="8:8">
      <c r="H706608" s="12"/>
    </row>
    <row r="706609" spans="8:8">
      <c r="H706609" s="12"/>
    </row>
    <row r="706610" spans="8:8">
      <c r="H706610" s="12"/>
    </row>
    <row r="706611" spans="8:8">
      <c r="H706611" s="12"/>
    </row>
    <row r="706612" spans="8:8">
      <c r="H706612" s="12"/>
    </row>
    <row r="706613" spans="8:8">
      <c r="H706613" s="12"/>
    </row>
    <row r="706614" spans="8:8">
      <c r="H706614" s="12"/>
    </row>
    <row r="706615" spans="8:8">
      <c r="H706615" s="12"/>
    </row>
    <row r="706616" spans="8:8">
      <c r="H706616" s="12"/>
    </row>
    <row r="706617" spans="8:8">
      <c r="H706617" s="12"/>
    </row>
    <row r="706618" spans="8:8">
      <c r="H706618" s="12"/>
    </row>
    <row r="706619" spans="8:8">
      <c r="H706619" s="12"/>
    </row>
    <row r="706620" spans="8:8">
      <c r="H706620" s="12"/>
    </row>
    <row r="706621" spans="8:8">
      <c r="H706621" s="12"/>
    </row>
    <row r="706622" spans="8:8">
      <c r="H706622" s="12"/>
    </row>
    <row r="706623" spans="8:8">
      <c r="H706623" s="12"/>
    </row>
    <row r="706624" spans="8:8">
      <c r="H706624" s="12"/>
    </row>
    <row r="706625" spans="8:8">
      <c r="H706625" s="12"/>
    </row>
    <row r="706626" spans="8:8">
      <c r="H706626" s="12"/>
    </row>
    <row r="706627" spans="8:8">
      <c r="H706627" s="12"/>
    </row>
    <row r="706628" spans="8:8">
      <c r="H706628" s="12"/>
    </row>
    <row r="706629" spans="8:8">
      <c r="H706629" s="12"/>
    </row>
    <row r="706630" spans="8:8">
      <c r="H706630" s="12"/>
    </row>
    <row r="706631" spans="8:8">
      <c r="H706631" s="12"/>
    </row>
    <row r="706632" spans="8:8">
      <c r="H706632" s="12"/>
    </row>
    <row r="706633" spans="8:8">
      <c r="H706633" s="12"/>
    </row>
    <row r="706634" spans="8:8">
      <c r="H706634" s="12"/>
    </row>
    <row r="706635" spans="8:8">
      <c r="H706635" s="12"/>
    </row>
    <row r="706636" spans="8:8">
      <c r="H706636" s="12"/>
    </row>
    <row r="706637" spans="8:8">
      <c r="H706637" s="12"/>
    </row>
    <row r="706638" spans="8:8">
      <c r="H706638" s="12"/>
    </row>
    <row r="706639" spans="8:8">
      <c r="H706639" s="12"/>
    </row>
    <row r="706640" spans="8:8">
      <c r="H706640" s="12"/>
    </row>
    <row r="706641" spans="8:8">
      <c r="H706641" s="12"/>
    </row>
    <row r="706642" spans="8:8">
      <c r="H706642" s="12"/>
    </row>
    <row r="706643" spans="8:8">
      <c r="H706643" s="12"/>
    </row>
    <row r="706644" spans="8:8">
      <c r="H706644" s="12"/>
    </row>
    <row r="706645" spans="8:8">
      <c r="H706645" s="12"/>
    </row>
    <row r="706646" spans="8:8">
      <c r="H706646" s="12"/>
    </row>
    <row r="706647" spans="8:8">
      <c r="H706647" s="12"/>
    </row>
    <row r="706648" spans="8:8">
      <c r="H706648" s="12"/>
    </row>
    <row r="706649" spans="8:8">
      <c r="H706649" s="12"/>
    </row>
    <row r="706650" spans="8:8">
      <c r="H706650" s="12"/>
    </row>
    <row r="706651" spans="8:8">
      <c r="H706651" s="12"/>
    </row>
    <row r="706652" spans="8:8">
      <c r="H706652" s="12"/>
    </row>
    <row r="706653" spans="8:8">
      <c r="H706653" s="12"/>
    </row>
    <row r="706654" spans="8:8">
      <c r="H706654" s="12"/>
    </row>
    <row r="706655" spans="8:8">
      <c r="H706655" s="12"/>
    </row>
    <row r="706656" spans="8:8">
      <c r="H706656" s="12"/>
    </row>
    <row r="706657" spans="8:8">
      <c r="H706657" s="12"/>
    </row>
    <row r="706658" spans="8:8">
      <c r="H706658" s="12"/>
    </row>
    <row r="706659" spans="8:8">
      <c r="H706659" s="12"/>
    </row>
    <row r="706660" spans="8:8">
      <c r="H706660" s="12"/>
    </row>
    <row r="706661" spans="8:8">
      <c r="H706661" s="12"/>
    </row>
    <row r="706662" spans="8:8">
      <c r="H706662" s="12"/>
    </row>
    <row r="706663" spans="8:8">
      <c r="H706663" s="12"/>
    </row>
    <row r="706664" spans="8:8">
      <c r="H706664" s="12"/>
    </row>
    <row r="706665" spans="8:8">
      <c r="H706665" s="12"/>
    </row>
    <row r="706666" spans="8:8">
      <c r="H706666" s="12"/>
    </row>
    <row r="706667" spans="8:8">
      <c r="H706667" s="12"/>
    </row>
    <row r="706668" spans="8:8">
      <c r="H706668" s="12"/>
    </row>
    <row r="706669" spans="8:8">
      <c r="H706669" s="12"/>
    </row>
    <row r="706670" spans="8:8">
      <c r="H706670" s="12"/>
    </row>
    <row r="706671" spans="8:8">
      <c r="H706671" s="12"/>
    </row>
    <row r="706672" spans="8:8">
      <c r="H706672" s="12"/>
    </row>
    <row r="706673" spans="8:8">
      <c r="H706673" s="12"/>
    </row>
    <row r="706674" spans="8:8">
      <c r="H706674" s="12"/>
    </row>
    <row r="706675" spans="8:8">
      <c r="H706675" s="12"/>
    </row>
    <row r="706676" spans="8:8">
      <c r="H706676" s="12"/>
    </row>
    <row r="706677" spans="8:8">
      <c r="H706677" s="12"/>
    </row>
    <row r="706678" spans="8:8">
      <c r="H706678" s="12"/>
    </row>
    <row r="706679" spans="8:8">
      <c r="H706679" s="12"/>
    </row>
    <row r="706680" spans="8:8">
      <c r="H706680" s="12"/>
    </row>
    <row r="706681" spans="8:8">
      <c r="H706681" s="12"/>
    </row>
    <row r="706682" spans="8:8">
      <c r="H706682" s="12"/>
    </row>
    <row r="706683" spans="8:8">
      <c r="H706683" s="12"/>
    </row>
    <row r="706684" spans="8:8">
      <c r="H706684" s="12"/>
    </row>
    <row r="706685" spans="8:8">
      <c r="H706685" s="12"/>
    </row>
    <row r="706686" spans="8:8">
      <c r="H706686" s="12"/>
    </row>
    <row r="706687" spans="8:8">
      <c r="H706687" s="12"/>
    </row>
    <row r="706688" spans="8:8">
      <c r="H706688" s="12"/>
    </row>
    <row r="706689" spans="8:8">
      <c r="H706689" s="12"/>
    </row>
    <row r="706690" spans="8:8">
      <c r="H706690" s="12"/>
    </row>
    <row r="706691" spans="8:8">
      <c r="H706691" s="12"/>
    </row>
    <row r="706692" spans="8:8">
      <c r="H706692" s="12"/>
    </row>
    <row r="706693" spans="8:8">
      <c r="H706693" s="12"/>
    </row>
    <row r="706694" spans="8:8">
      <c r="H706694" s="12"/>
    </row>
    <row r="706695" spans="8:8">
      <c r="H706695" s="12"/>
    </row>
    <row r="706696" spans="8:8">
      <c r="H706696" s="12"/>
    </row>
    <row r="706697" spans="8:8">
      <c r="H706697" s="12"/>
    </row>
    <row r="706698" spans="8:8">
      <c r="H706698" s="12"/>
    </row>
    <row r="706699" spans="8:8">
      <c r="H706699" s="12"/>
    </row>
    <row r="706700" spans="8:8">
      <c r="H706700" s="12"/>
    </row>
    <row r="706701" spans="8:8">
      <c r="H706701" s="12"/>
    </row>
    <row r="706702" spans="8:8">
      <c r="H706702" s="12"/>
    </row>
    <row r="706703" spans="8:8">
      <c r="H706703" s="12"/>
    </row>
    <row r="706704" spans="8:8">
      <c r="H706704" s="12"/>
    </row>
    <row r="706705" spans="8:8">
      <c r="H706705" s="12"/>
    </row>
    <row r="706706" spans="8:8">
      <c r="H706706" s="12"/>
    </row>
    <row r="706707" spans="8:8">
      <c r="H706707" s="12"/>
    </row>
    <row r="706708" spans="8:8">
      <c r="H706708" s="12"/>
    </row>
    <row r="706709" spans="8:8">
      <c r="H706709" s="12"/>
    </row>
    <row r="706710" spans="8:8">
      <c r="H706710" s="12"/>
    </row>
    <row r="706711" spans="8:8">
      <c r="H706711" s="12"/>
    </row>
    <row r="706712" spans="8:8">
      <c r="H706712" s="12"/>
    </row>
    <row r="706713" spans="8:8">
      <c r="H706713" s="12"/>
    </row>
    <row r="706714" spans="8:8">
      <c r="H706714" s="12"/>
    </row>
    <row r="706715" spans="8:8">
      <c r="H706715" s="12"/>
    </row>
    <row r="706716" spans="8:8">
      <c r="H706716" s="12"/>
    </row>
    <row r="706717" spans="8:8">
      <c r="H706717" s="12"/>
    </row>
    <row r="706718" spans="8:8">
      <c r="H706718" s="12"/>
    </row>
    <row r="706719" spans="8:8">
      <c r="H706719" s="12"/>
    </row>
    <row r="706720" spans="8:8">
      <c r="H706720" s="12"/>
    </row>
    <row r="706721" spans="8:8">
      <c r="H706721" s="12"/>
    </row>
    <row r="706722" spans="8:8">
      <c r="H706722" s="12"/>
    </row>
    <row r="706723" spans="8:8">
      <c r="H706723" s="12"/>
    </row>
    <row r="706724" spans="8:8">
      <c r="H706724" s="12"/>
    </row>
    <row r="706725" spans="8:8">
      <c r="H706725" s="12"/>
    </row>
    <row r="706726" spans="8:8">
      <c r="H706726" s="12"/>
    </row>
    <row r="706727" spans="8:8">
      <c r="H706727" s="12"/>
    </row>
    <row r="706728" spans="8:8">
      <c r="H706728" s="12"/>
    </row>
    <row r="706729" spans="8:8">
      <c r="H706729" s="12"/>
    </row>
    <row r="706730" spans="8:8">
      <c r="H706730" s="12"/>
    </row>
    <row r="706731" spans="8:8">
      <c r="H706731" s="12"/>
    </row>
    <row r="706732" spans="8:8">
      <c r="H706732" s="12"/>
    </row>
    <row r="706733" spans="8:8">
      <c r="H706733" s="12"/>
    </row>
    <row r="706734" spans="8:8">
      <c r="H706734" s="12"/>
    </row>
    <row r="706735" spans="8:8">
      <c r="H706735" s="12"/>
    </row>
    <row r="706736" spans="8:8">
      <c r="H706736" s="12"/>
    </row>
    <row r="706737" spans="8:8">
      <c r="H706737" s="12"/>
    </row>
    <row r="706738" spans="8:8">
      <c r="H706738" s="12"/>
    </row>
    <row r="706739" spans="8:8">
      <c r="H706739" s="12"/>
    </row>
    <row r="706740" spans="8:8">
      <c r="H706740" s="12"/>
    </row>
    <row r="706741" spans="8:8">
      <c r="H706741" s="12"/>
    </row>
    <row r="706742" spans="8:8">
      <c r="H706742" s="12"/>
    </row>
    <row r="706743" spans="8:8">
      <c r="H706743" s="12"/>
    </row>
    <row r="706744" spans="8:8">
      <c r="H706744" s="12"/>
    </row>
    <row r="706745" spans="8:8">
      <c r="H706745" s="12"/>
    </row>
    <row r="706746" spans="8:8">
      <c r="H706746" s="12"/>
    </row>
    <row r="706747" spans="8:8">
      <c r="H706747" s="12"/>
    </row>
    <row r="706748" spans="8:8">
      <c r="H706748" s="12"/>
    </row>
    <row r="706749" spans="8:8">
      <c r="H706749" s="12"/>
    </row>
    <row r="706750" spans="8:8">
      <c r="H706750" s="12"/>
    </row>
    <row r="706751" spans="8:8">
      <c r="H706751" s="12"/>
    </row>
    <row r="706752" spans="8:8">
      <c r="H706752" s="12"/>
    </row>
    <row r="706753" spans="8:8">
      <c r="H706753" s="12"/>
    </row>
    <row r="706754" spans="8:8">
      <c r="H706754" s="12"/>
    </row>
    <row r="706755" spans="8:8">
      <c r="H706755" s="12"/>
    </row>
    <row r="706756" spans="8:8">
      <c r="H706756" s="12"/>
    </row>
    <row r="706757" spans="8:8">
      <c r="H706757" s="12"/>
    </row>
    <row r="706758" spans="8:8">
      <c r="H706758" s="12"/>
    </row>
    <row r="706759" spans="8:8">
      <c r="H706759" s="12"/>
    </row>
    <row r="706760" spans="8:8">
      <c r="H706760" s="12"/>
    </row>
    <row r="706761" spans="8:8">
      <c r="H706761" s="12"/>
    </row>
    <row r="706762" spans="8:8">
      <c r="H706762" s="12"/>
    </row>
    <row r="706763" spans="8:8">
      <c r="H706763" s="12"/>
    </row>
    <row r="706764" spans="8:8">
      <c r="H706764" s="12"/>
    </row>
    <row r="706765" spans="8:8">
      <c r="H706765" s="12"/>
    </row>
    <row r="706766" spans="8:8">
      <c r="H706766" s="12"/>
    </row>
    <row r="706767" spans="8:8">
      <c r="H706767" s="12"/>
    </row>
    <row r="706768" spans="8:8">
      <c r="H706768" s="12"/>
    </row>
    <row r="706769" spans="8:8">
      <c r="H706769" s="12"/>
    </row>
    <row r="706770" spans="8:8">
      <c r="H706770" s="12"/>
    </row>
    <row r="706771" spans="8:8">
      <c r="H706771" s="12"/>
    </row>
    <row r="706772" spans="8:8">
      <c r="H706772" s="12"/>
    </row>
    <row r="706773" spans="8:8">
      <c r="H706773" s="12"/>
    </row>
    <row r="706774" spans="8:8">
      <c r="H706774" s="12"/>
    </row>
    <row r="706775" spans="8:8">
      <c r="H706775" s="12"/>
    </row>
    <row r="706776" spans="8:8">
      <c r="H706776" s="12"/>
    </row>
    <row r="706777" spans="8:8">
      <c r="H706777" s="12"/>
    </row>
    <row r="706778" spans="8:8">
      <c r="H706778" s="12"/>
    </row>
    <row r="706779" spans="8:8">
      <c r="H706779" s="12"/>
    </row>
    <row r="706780" spans="8:8">
      <c r="H706780" s="12"/>
    </row>
    <row r="706781" spans="8:8">
      <c r="H706781" s="12"/>
    </row>
    <row r="706782" spans="8:8">
      <c r="H706782" s="12"/>
    </row>
    <row r="706783" spans="8:8">
      <c r="H706783" s="12"/>
    </row>
    <row r="706784" spans="8:8">
      <c r="H706784" s="12"/>
    </row>
    <row r="706785" spans="8:8">
      <c r="H706785" s="12"/>
    </row>
    <row r="706786" spans="8:8">
      <c r="H706786" s="12"/>
    </row>
    <row r="706787" spans="8:8">
      <c r="H706787" s="12"/>
    </row>
    <row r="706788" spans="8:8">
      <c r="H706788" s="12"/>
    </row>
    <row r="706789" spans="8:8">
      <c r="H706789" s="12"/>
    </row>
    <row r="706790" spans="8:8">
      <c r="H706790" s="12"/>
    </row>
    <row r="706791" spans="8:8">
      <c r="H706791" s="12"/>
    </row>
    <row r="706792" spans="8:8">
      <c r="H706792" s="12"/>
    </row>
    <row r="706793" spans="8:8">
      <c r="H706793" s="12"/>
    </row>
    <row r="706794" spans="8:8">
      <c r="H706794" s="12"/>
    </row>
    <row r="706795" spans="8:8">
      <c r="H706795" s="12"/>
    </row>
    <row r="706796" spans="8:8">
      <c r="H706796" s="12"/>
    </row>
    <row r="706797" spans="8:8">
      <c r="H706797" s="12"/>
    </row>
    <row r="706798" spans="8:8">
      <c r="H706798" s="12"/>
    </row>
    <row r="706799" spans="8:8">
      <c r="H706799" s="12"/>
    </row>
    <row r="706800" spans="8:8">
      <c r="H706800" s="12"/>
    </row>
    <row r="706801" spans="8:8">
      <c r="H706801" s="12"/>
    </row>
    <row r="706802" spans="8:8">
      <c r="H706802" s="12"/>
    </row>
    <row r="706803" spans="8:8">
      <c r="H706803" s="12"/>
    </row>
    <row r="706804" spans="8:8">
      <c r="H706804" s="12"/>
    </row>
    <row r="706805" spans="8:8">
      <c r="H706805" s="12"/>
    </row>
    <row r="706806" spans="8:8">
      <c r="H706806" s="12"/>
    </row>
    <row r="706807" spans="8:8">
      <c r="H706807" s="12"/>
    </row>
    <row r="706808" spans="8:8">
      <c r="H706808" s="12"/>
    </row>
    <row r="706809" spans="8:8">
      <c r="H706809" s="12"/>
    </row>
    <row r="706810" spans="8:8">
      <c r="H706810" s="12"/>
    </row>
    <row r="706811" spans="8:8">
      <c r="H706811" s="12"/>
    </row>
    <row r="706812" spans="8:8">
      <c r="H706812" s="12"/>
    </row>
    <row r="706813" spans="8:8">
      <c r="H706813" s="12"/>
    </row>
    <row r="706814" spans="8:8">
      <c r="H706814" s="12"/>
    </row>
    <row r="706815" spans="8:8">
      <c r="H706815" s="12"/>
    </row>
    <row r="706816" spans="8:8">
      <c r="H706816" s="12"/>
    </row>
    <row r="706817" spans="8:8">
      <c r="H706817" s="12"/>
    </row>
    <row r="706818" spans="8:8">
      <c r="H706818" s="12"/>
    </row>
    <row r="706819" spans="8:8">
      <c r="H706819" s="12"/>
    </row>
    <row r="706820" spans="8:8">
      <c r="H706820" s="12"/>
    </row>
    <row r="706821" spans="8:8">
      <c r="H706821" s="12"/>
    </row>
    <row r="706822" spans="8:8">
      <c r="H706822" s="12"/>
    </row>
    <row r="706823" spans="8:8">
      <c r="H706823" s="12"/>
    </row>
    <row r="706824" spans="8:8">
      <c r="H706824" s="12"/>
    </row>
    <row r="706825" spans="8:8">
      <c r="H706825" s="12"/>
    </row>
    <row r="706826" spans="8:8">
      <c r="H706826" s="12"/>
    </row>
    <row r="706827" spans="8:8">
      <c r="H706827" s="12"/>
    </row>
    <row r="706828" spans="8:8">
      <c r="H706828" s="12"/>
    </row>
    <row r="706829" spans="8:8">
      <c r="H706829" s="12"/>
    </row>
    <row r="706830" spans="8:8">
      <c r="H706830" s="12"/>
    </row>
    <row r="706831" spans="8:8">
      <c r="H706831" s="12"/>
    </row>
    <row r="706832" spans="8:8">
      <c r="H706832" s="12"/>
    </row>
    <row r="706833" spans="8:8">
      <c r="H706833" s="12"/>
    </row>
    <row r="706834" spans="8:8">
      <c r="H706834" s="12"/>
    </row>
    <row r="706835" spans="8:8">
      <c r="H706835" s="12"/>
    </row>
    <row r="706836" spans="8:8">
      <c r="H706836" s="12"/>
    </row>
    <row r="706837" spans="8:8">
      <c r="H706837" s="12"/>
    </row>
    <row r="706838" spans="8:8">
      <c r="H706838" s="12"/>
    </row>
    <row r="706839" spans="8:8">
      <c r="H706839" s="12"/>
    </row>
    <row r="706840" spans="8:8">
      <c r="H706840" s="12"/>
    </row>
    <row r="706841" spans="8:8">
      <c r="H706841" s="12"/>
    </row>
    <row r="706842" spans="8:8">
      <c r="H706842" s="12"/>
    </row>
    <row r="706843" spans="8:8">
      <c r="H706843" s="12"/>
    </row>
    <row r="706844" spans="8:8">
      <c r="H706844" s="12"/>
    </row>
    <row r="706845" spans="8:8">
      <c r="H706845" s="12"/>
    </row>
    <row r="706846" spans="8:8">
      <c r="H706846" s="12"/>
    </row>
    <row r="706847" spans="8:8">
      <c r="H706847" s="12"/>
    </row>
    <row r="706848" spans="8:8">
      <c r="H706848" s="12"/>
    </row>
    <row r="706849" spans="8:8">
      <c r="H706849" s="12"/>
    </row>
    <row r="706850" spans="8:8">
      <c r="H706850" s="12"/>
    </row>
    <row r="706851" spans="8:8">
      <c r="H706851" s="12"/>
    </row>
    <row r="706852" spans="8:8">
      <c r="H706852" s="12"/>
    </row>
    <row r="706853" spans="8:8">
      <c r="H706853" s="12"/>
    </row>
    <row r="706854" spans="8:8">
      <c r="H706854" s="12"/>
    </row>
    <row r="706855" spans="8:8">
      <c r="H706855" s="12"/>
    </row>
    <row r="706856" spans="8:8">
      <c r="H706856" s="12"/>
    </row>
    <row r="706857" spans="8:8">
      <c r="H706857" s="12"/>
    </row>
    <row r="706858" spans="8:8">
      <c r="H706858" s="12"/>
    </row>
    <row r="706859" spans="8:8">
      <c r="H706859" s="12"/>
    </row>
    <row r="706860" spans="8:8">
      <c r="H706860" s="12"/>
    </row>
    <row r="706861" spans="8:8">
      <c r="H706861" s="12"/>
    </row>
    <row r="706862" spans="8:8">
      <c r="H706862" s="12"/>
    </row>
    <row r="706863" spans="8:8">
      <c r="H706863" s="12"/>
    </row>
    <row r="706864" spans="8:8">
      <c r="H706864" s="12"/>
    </row>
    <row r="706865" spans="8:8">
      <c r="H706865" s="12"/>
    </row>
    <row r="706866" spans="8:8">
      <c r="H706866" s="12"/>
    </row>
    <row r="706867" spans="8:8">
      <c r="H706867" s="12"/>
    </row>
    <row r="706868" spans="8:8">
      <c r="H706868" s="12"/>
    </row>
    <row r="706869" spans="8:8">
      <c r="H706869" s="12"/>
    </row>
    <row r="706870" spans="8:8">
      <c r="H706870" s="12"/>
    </row>
    <row r="706871" spans="8:8">
      <c r="H706871" s="12"/>
    </row>
    <row r="706872" spans="8:8">
      <c r="H706872" s="12"/>
    </row>
    <row r="706873" spans="8:8">
      <c r="H706873" s="12"/>
    </row>
    <row r="706874" spans="8:8">
      <c r="H706874" s="12"/>
    </row>
    <row r="706875" spans="8:8">
      <c r="H706875" s="12"/>
    </row>
    <row r="706876" spans="8:8">
      <c r="H706876" s="12"/>
    </row>
    <row r="706877" spans="8:8">
      <c r="H706877" s="12"/>
    </row>
    <row r="706878" spans="8:8">
      <c r="H706878" s="12"/>
    </row>
    <row r="706879" spans="8:8">
      <c r="H706879" s="12"/>
    </row>
    <row r="706880" spans="8:8">
      <c r="H706880" s="12"/>
    </row>
    <row r="706881" spans="8:8">
      <c r="H706881" s="12"/>
    </row>
    <row r="706882" spans="8:8">
      <c r="H706882" s="12"/>
    </row>
    <row r="706883" spans="8:8">
      <c r="H706883" s="12"/>
    </row>
    <row r="706884" spans="8:8">
      <c r="H706884" s="12"/>
    </row>
    <row r="706885" spans="8:8">
      <c r="H706885" s="12"/>
    </row>
    <row r="706886" spans="8:8">
      <c r="H706886" s="12"/>
    </row>
    <row r="706887" spans="8:8">
      <c r="H706887" s="12"/>
    </row>
    <row r="706888" spans="8:8">
      <c r="H706888" s="12"/>
    </row>
    <row r="706889" spans="8:8">
      <c r="H706889" s="12"/>
    </row>
    <row r="706890" spans="8:8">
      <c r="H706890" s="12"/>
    </row>
    <row r="706891" spans="8:8">
      <c r="H706891" s="12"/>
    </row>
    <row r="706892" spans="8:8">
      <c r="H706892" s="12"/>
    </row>
    <row r="706893" spans="8:8">
      <c r="H706893" s="12"/>
    </row>
    <row r="706894" spans="8:8">
      <c r="H706894" s="12"/>
    </row>
    <row r="706895" spans="8:8">
      <c r="H706895" s="12"/>
    </row>
    <row r="706896" spans="8:8">
      <c r="H706896" s="12"/>
    </row>
    <row r="706897" spans="8:8">
      <c r="H706897" s="12"/>
    </row>
    <row r="706898" spans="8:8">
      <c r="H706898" s="12"/>
    </row>
    <row r="706899" spans="8:8">
      <c r="H706899" s="12"/>
    </row>
    <row r="706900" spans="8:8">
      <c r="H706900" s="12"/>
    </row>
    <row r="706901" spans="8:8">
      <c r="H706901" s="12"/>
    </row>
    <row r="706902" spans="8:8">
      <c r="H706902" s="12"/>
    </row>
    <row r="706903" spans="8:8">
      <c r="H706903" s="12"/>
    </row>
    <row r="706904" spans="8:8">
      <c r="H706904" s="12"/>
    </row>
    <row r="706905" spans="8:8">
      <c r="H706905" s="12"/>
    </row>
    <row r="706906" spans="8:8">
      <c r="H706906" s="12"/>
    </row>
    <row r="706907" spans="8:8">
      <c r="H706907" s="12"/>
    </row>
    <row r="706908" spans="8:8">
      <c r="H706908" s="12"/>
    </row>
    <row r="706909" spans="8:8">
      <c r="H706909" s="12"/>
    </row>
    <row r="706910" spans="8:8">
      <c r="H706910" s="12"/>
    </row>
    <row r="706911" spans="8:8">
      <c r="H706911" s="12"/>
    </row>
    <row r="706912" spans="8:8">
      <c r="H706912" s="12"/>
    </row>
    <row r="706913" spans="8:8">
      <c r="H706913" s="12"/>
    </row>
    <row r="706914" spans="8:8">
      <c r="H706914" s="12"/>
    </row>
    <row r="706915" spans="8:8">
      <c r="H706915" s="12"/>
    </row>
    <row r="706916" spans="8:8">
      <c r="H706916" s="12"/>
    </row>
    <row r="706917" spans="8:8">
      <c r="H706917" s="12"/>
    </row>
    <row r="706918" spans="8:8">
      <c r="H706918" s="12"/>
    </row>
    <row r="706919" spans="8:8">
      <c r="H706919" s="12"/>
    </row>
    <row r="706920" spans="8:8">
      <c r="H706920" s="12"/>
    </row>
    <row r="706921" spans="8:8">
      <c r="H706921" s="12"/>
    </row>
    <row r="706922" spans="8:8">
      <c r="H706922" s="12"/>
    </row>
    <row r="706923" spans="8:8">
      <c r="H706923" s="12"/>
    </row>
    <row r="706924" spans="8:8">
      <c r="H706924" s="12"/>
    </row>
    <row r="706925" spans="8:8">
      <c r="H706925" s="12"/>
    </row>
    <row r="706926" spans="8:8">
      <c r="H706926" s="12"/>
    </row>
    <row r="706927" spans="8:8">
      <c r="H706927" s="12"/>
    </row>
    <row r="706928" spans="8:8">
      <c r="H706928" s="12"/>
    </row>
    <row r="706929" spans="8:8">
      <c r="H706929" s="12"/>
    </row>
    <row r="706930" spans="8:8">
      <c r="H706930" s="12"/>
    </row>
    <row r="706931" spans="8:8">
      <c r="H706931" s="12"/>
    </row>
    <row r="706932" spans="8:8">
      <c r="H706932" s="12"/>
    </row>
    <row r="706933" spans="8:8">
      <c r="H706933" s="12"/>
    </row>
    <row r="706934" spans="8:8">
      <c r="H706934" s="12"/>
    </row>
    <row r="706935" spans="8:8">
      <c r="H706935" s="12"/>
    </row>
    <row r="706936" spans="8:8">
      <c r="H706936" s="12"/>
    </row>
    <row r="706937" spans="8:8">
      <c r="H706937" s="12"/>
    </row>
    <row r="706938" spans="8:8">
      <c r="H706938" s="12"/>
    </row>
    <row r="706939" spans="8:8">
      <c r="H706939" s="12"/>
    </row>
    <row r="706940" spans="8:8">
      <c r="H706940" s="12"/>
    </row>
    <row r="706941" spans="8:8">
      <c r="H706941" s="12"/>
    </row>
    <row r="706942" spans="8:8">
      <c r="H706942" s="12"/>
    </row>
    <row r="706943" spans="8:8">
      <c r="H706943" s="12"/>
    </row>
    <row r="706944" spans="8:8">
      <c r="H706944" s="12"/>
    </row>
    <row r="706945" spans="8:8">
      <c r="H706945" s="12"/>
    </row>
    <row r="706946" spans="8:8">
      <c r="H706946" s="12"/>
    </row>
    <row r="706947" spans="8:8">
      <c r="H706947" s="12"/>
    </row>
    <row r="706948" spans="8:8">
      <c r="H706948" s="12"/>
    </row>
    <row r="706949" spans="8:8">
      <c r="H706949" s="12"/>
    </row>
    <row r="706950" spans="8:8">
      <c r="H706950" s="12"/>
    </row>
    <row r="706951" spans="8:8">
      <c r="H706951" s="12"/>
    </row>
    <row r="706952" spans="8:8">
      <c r="H706952" s="12"/>
    </row>
    <row r="706953" spans="8:8">
      <c r="H706953" s="12"/>
    </row>
    <row r="706954" spans="8:8">
      <c r="H706954" s="12"/>
    </row>
    <row r="706955" spans="8:8">
      <c r="H706955" s="12"/>
    </row>
    <row r="706956" spans="8:8">
      <c r="H706956" s="12"/>
    </row>
    <row r="706957" spans="8:8">
      <c r="H706957" s="12"/>
    </row>
    <row r="706958" spans="8:8">
      <c r="H706958" s="12"/>
    </row>
    <row r="706959" spans="8:8">
      <c r="H706959" s="12"/>
    </row>
    <row r="706960" spans="8:8">
      <c r="H706960" s="12"/>
    </row>
    <row r="706961" spans="8:8">
      <c r="H706961" s="12"/>
    </row>
    <row r="706962" spans="8:8">
      <c r="H706962" s="12"/>
    </row>
    <row r="706963" spans="8:8">
      <c r="H706963" s="12"/>
    </row>
    <row r="706964" spans="8:8">
      <c r="H706964" s="12"/>
    </row>
    <row r="706965" spans="8:8">
      <c r="H706965" s="12"/>
    </row>
    <row r="706966" spans="8:8">
      <c r="H706966" s="12"/>
    </row>
    <row r="706967" spans="8:8">
      <c r="H706967" s="12"/>
    </row>
    <row r="706968" spans="8:8">
      <c r="H706968" s="12"/>
    </row>
    <row r="706969" spans="8:8">
      <c r="H706969" s="12"/>
    </row>
    <row r="706970" spans="8:8">
      <c r="H706970" s="12"/>
    </row>
    <row r="706971" spans="8:8">
      <c r="H706971" s="12"/>
    </row>
    <row r="706972" spans="8:8">
      <c r="H706972" s="12"/>
    </row>
    <row r="706973" spans="8:8">
      <c r="H706973" s="12"/>
    </row>
    <row r="706974" spans="8:8">
      <c r="H706974" s="12"/>
    </row>
    <row r="706975" spans="8:8">
      <c r="H706975" s="12"/>
    </row>
    <row r="706976" spans="8:8">
      <c r="H706976" s="12"/>
    </row>
    <row r="706977" spans="8:8">
      <c r="H706977" s="12"/>
    </row>
    <row r="706978" spans="8:8">
      <c r="H706978" s="12"/>
    </row>
    <row r="706979" spans="8:8">
      <c r="H706979" s="12"/>
    </row>
    <row r="706980" spans="8:8">
      <c r="H706980" s="12"/>
    </row>
    <row r="706981" spans="8:8">
      <c r="H706981" s="12"/>
    </row>
    <row r="706982" spans="8:8">
      <c r="H706982" s="12"/>
    </row>
    <row r="706983" spans="8:8">
      <c r="H706983" s="12"/>
    </row>
    <row r="706984" spans="8:8">
      <c r="H706984" s="12"/>
    </row>
    <row r="706985" spans="8:8">
      <c r="H706985" s="12"/>
    </row>
    <row r="706986" spans="8:8">
      <c r="H706986" s="12"/>
    </row>
    <row r="706987" spans="8:8">
      <c r="H706987" s="12"/>
    </row>
    <row r="706988" spans="8:8">
      <c r="H706988" s="12"/>
    </row>
    <row r="706989" spans="8:8">
      <c r="H706989" s="12"/>
    </row>
    <row r="706990" spans="8:8">
      <c r="H706990" s="12"/>
    </row>
    <row r="706991" spans="8:8">
      <c r="H706991" s="12"/>
    </row>
    <row r="706992" spans="8:8">
      <c r="H706992" s="12"/>
    </row>
    <row r="706993" spans="8:8">
      <c r="H706993" s="12"/>
    </row>
    <row r="706994" spans="8:8">
      <c r="H706994" s="12"/>
    </row>
    <row r="706995" spans="8:8">
      <c r="H706995" s="12"/>
    </row>
    <row r="706996" spans="8:8">
      <c r="H706996" s="12"/>
    </row>
    <row r="706997" spans="8:8">
      <c r="H706997" s="12"/>
    </row>
    <row r="706998" spans="8:8">
      <c r="H706998" s="12"/>
    </row>
    <row r="706999" spans="8:8">
      <c r="H706999" s="12"/>
    </row>
    <row r="707000" spans="8:8">
      <c r="H707000" s="12"/>
    </row>
    <row r="707001" spans="8:8">
      <c r="H707001" s="12"/>
    </row>
    <row r="707002" spans="8:8">
      <c r="H707002" s="12"/>
    </row>
    <row r="707003" spans="8:8">
      <c r="H707003" s="12"/>
    </row>
    <row r="707004" spans="8:8">
      <c r="H707004" s="12"/>
    </row>
    <row r="707005" spans="8:8">
      <c r="H707005" s="12"/>
    </row>
    <row r="707006" spans="8:8">
      <c r="H707006" s="12"/>
    </row>
    <row r="707007" spans="8:8">
      <c r="H707007" s="12"/>
    </row>
    <row r="707008" spans="8:8">
      <c r="H707008" s="12"/>
    </row>
    <row r="707009" spans="8:8">
      <c r="H707009" s="12"/>
    </row>
    <row r="707010" spans="8:8">
      <c r="H707010" s="12"/>
    </row>
    <row r="707011" spans="8:8">
      <c r="H707011" s="12"/>
    </row>
    <row r="707012" spans="8:8">
      <c r="H707012" s="12"/>
    </row>
    <row r="707013" spans="8:8">
      <c r="H707013" s="12"/>
    </row>
    <row r="707014" spans="8:8">
      <c r="H707014" s="12"/>
    </row>
    <row r="707015" spans="8:8">
      <c r="H707015" s="12"/>
    </row>
    <row r="707016" spans="8:8">
      <c r="H707016" s="12"/>
    </row>
    <row r="707017" spans="8:8">
      <c r="H707017" s="12"/>
    </row>
    <row r="707018" spans="8:8">
      <c r="H707018" s="12"/>
    </row>
    <row r="707019" spans="8:8">
      <c r="H707019" s="12"/>
    </row>
    <row r="707020" spans="8:8">
      <c r="H707020" s="12"/>
    </row>
    <row r="707021" spans="8:8">
      <c r="H707021" s="12"/>
    </row>
    <row r="707022" spans="8:8">
      <c r="H707022" s="12"/>
    </row>
    <row r="707023" spans="8:8">
      <c r="H707023" s="12"/>
    </row>
    <row r="707024" spans="8:8">
      <c r="H707024" s="12"/>
    </row>
    <row r="707025" spans="8:8">
      <c r="H707025" s="12"/>
    </row>
    <row r="707026" spans="8:8">
      <c r="H707026" s="12"/>
    </row>
    <row r="707027" spans="8:8">
      <c r="H707027" s="12"/>
    </row>
    <row r="707028" spans="8:8">
      <c r="H707028" s="12"/>
    </row>
    <row r="707029" spans="8:8">
      <c r="H707029" s="12"/>
    </row>
    <row r="707030" spans="8:8">
      <c r="H707030" s="12"/>
    </row>
    <row r="707031" spans="8:8">
      <c r="H707031" s="12"/>
    </row>
    <row r="707032" spans="8:8">
      <c r="H707032" s="12"/>
    </row>
    <row r="707033" spans="8:8">
      <c r="H707033" s="12"/>
    </row>
    <row r="707034" spans="8:8">
      <c r="H707034" s="12"/>
    </row>
    <row r="707035" spans="8:8">
      <c r="H707035" s="12"/>
    </row>
    <row r="707036" spans="8:8">
      <c r="H707036" s="12"/>
    </row>
    <row r="707037" spans="8:8">
      <c r="H707037" s="12"/>
    </row>
    <row r="707038" spans="8:8">
      <c r="H707038" s="12"/>
    </row>
    <row r="707039" spans="8:8">
      <c r="H707039" s="12"/>
    </row>
    <row r="707040" spans="8:8">
      <c r="H707040" s="12"/>
    </row>
    <row r="707041" spans="8:8">
      <c r="H707041" s="12"/>
    </row>
    <row r="707042" spans="8:8">
      <c r="H707042" s="12"/>
    </row>
    <row r="707043" spans="8:8">
      <c r="H707043" s="12"/>
    </row>
    <row r="707044" spans="8:8">
      <c r="H707044" s="12"/>
    </row>
    <row r="707045" spans="8:8">
      <c r="H707045" s="12"/>
    </row>
    <row r="707046" spans="8:8">
      <c r="H707046" s="12"/>
    </row>
    <row r="707047" spans="8:8">
      <c r="H707047" s="12"/>
    </row>
    <row r="707048" spans="8:8">
      <c r="H707048" s="12"/>
    </row>
    <row r="707049" spans="8:8">
      <c r="H707049" s="12"/>
    </row>
    <row r="707050" spans="8:8">
      <c r="H707050" s="12"/>
    </row>
    <row r="707051" spans="8:8">
      <c r="H707051" s="12"/>
    </row>
    <row r="707052" spans="8:8">
      <c r="H707052" s="12"/>
    </row>
    <row r="707053" spans="8:8">
      <c r="H707053" s="12"/>
    </row>
    <row r="707054" spans="8:8">
      <c r="H707054" s="12"/>
    </row>
    <row r="707055" spans="8:8">
      <c r="H707055" s="12"/>
    </row>
    <row r="707056" spans="8:8">
      <c r="H707056" s="12"/>
    </row>
    <row r="707057" spans="8:8">
      <c r="H707057" s="12"/>
    </row>
    <row r="707058" spans="8:8">
      <c r="H707058" s="12"/>
    </row>
    <row r="707059" spans="8:8">
      <c r="H707059" s="12"/>
    </row>
    <row r="707060" spans="8:8">
      <c r="H707060" s="12"/>
    </row>
    <row r="707061" spans="8:8">
      <c r="H707061" s="12"/>
    </row>
    <row r="707062" spans="8:8">
      <c r="H707062" s="12"/>
    </row>
    <row r="707063" spans="8:8">
      <c r="H707063" s="12"/>
    </row>
    <row r="707064" spans="8:8">
      <c r="H707064" s="12"/>
    </row>
    <row r="707065" spans="8:8">
      <c r="H707065" s="12"/>
    </row>
    <row r="707066" spans="8:8">
      <c r="H707066" s="12"/>
    </row>
    <row r="707067" spans="8:8">
      <c r="H707067" s="12"/>
    </row>
    <row r="707068" spans="8:8">
      <c r="H707068" s="12"/>
    </row>
    <row r="707069" spans="8:8">
      <c r="H707069" s="12"/>
    </row>
    <row r="707070" spans="8:8">
      <c r="H707070" s="12"/>
    </row>
    <row r="707071" spans="8:8">
      <c r="H707071" s="12"/>
    </row>
    <row r="707072" spans="8:8">
      <c r="H707072" s="12"/>
    </row>
    <row r="707073" spans="8:8">
      <c r="H707073" s="12"/>
    </row>
    <row r="707074" spans="8:8">
      <c r="H707074" s="12"/>
    </row>
    <row r="707075" spans="8:8">
      <c r="H707075" s="12"/>
    </row>
    <row r="707076" spans="8:8">
      <c r="H707076" s="12"/>
    </row>
    <row r="707077" spans="8:8">
      <c r="H707077" s="12"/>
    </row>
    <row r="707078" spans="8:8">
      <c r="H707078" s="12"/>
    </row>
    <row r="707079" spans="8:8">
      <c r="H707079" s="12"/>
    </row>
    <row r="707080" spans="8:8">
      <c r="H707080" s="12"/>
    </row>
    <row r="707081" spans="8:8">
      <c r="H707081" s="12"/>
    </row>
    <row r="707082" spans="8:8">
      <c r="H707082" s="12"/>
    </row>
    <row r="707083" spans="8:8">
      <c r="H707083" s="12"/>
    </row>
    <row r="707084" spans="8:8">
      <c r="H707084" s="12"/>
    </row>
    <row r="707085" spans="8:8">
      <c r="H707085" s="12"/>
    </row>
    <row r="707086" spans="8:8">
      <c r="H707086" s="12"/>
    </row>
    <row r="707087" spans="8:8">
      <c r="H707087" s="12"/>
    </row>
    <row r="707088" spans="8:8">
      <c r="H707088" s="12"/>
    </row>
    <row r="707089" spans="8:8">
      <c r="H707089" s="12"/>
    </row>
    <row r="707090" spans="8:8">
      <c r="H707090" s="12"/>
    </row>
    <row r="707091" spans="8:8">
      <c r="H707091" s="12"/>
    </row>
    <row r="707092" spans="8:8">
      <c r="H707092" s="12"/>
    </row>
    <row r="707093" spans="8:8">
      <c r="H707093" s="12"/>
    </row>
    <row r="707094" spans="8:8">
      <c r="H707094" s="12"/>
    </row>
    <row r="707095" spans="8:8">
      <c r="H707095" s="12"/>
    </row>
    <row r="707096" spans="8:8">
      <c r="H707096" s="12"/>
    </row>
    <row r="707097" spans="8:8">
      <c r="H707097" s="12"/>
    </row>
    <row r="707098" spans="8:8">
      <c r="H707098" s="12"/>
    </row>
    <row r="707099" spans="8:8">
      <c r="H707099" s="12"/>
    </row>
    <row r="707100" spans="8:8">
      <c r="H707100" s="12"/>
    </row>
    <row r="707101" spans="8:8">
      <c r="H707101" s="12"/>
    </row>
    <row r="707102" spans="8:8">
      <c r="H707102" s="12"/>
    </row>
    <row r="707103" spans="8:8">
      <c r="H707103" s="12"/>
    </row>
    <row r="707104" spans="8:8">
      <c r="H707104" s="12"/>
    </row>
    <row r="707105" spans="8:8">
      <c r="H707105" s="12"/>
    </row>
    <row r="707106" spans="8:8">
      <c r="H707106" s="12"/>
    </row>
    <row r="707107" spans="8:8">
      <c r="H707107" s="12"/>
    </row>
    <row r="707108" spans="8:8">
      <c r="H707108" s="12"/>
    </row>
    <row r="707109" spans="8:8">
      <c r="H707109" s="12"/>
    </row>
    <row r="707110" spans="8:8">
      <c r="H707110" s="12"/>
    </row>
    <row r="707111" spans="8:8">
      <c r="H707111" s="12"/>
    </row>
    <row r="707112" spans="8:8">
      <c r="H707112" s="12"/>
    </row>
    <row r="707113" spans="8:8">
      <c r="H707113" s="12"/>
    </row>
    <row r="707114" spans="8:8">
      <c r="H707114" s="12"/>
    </row>
    <row r="707115" spans="8:8">
      <c r="H707115" s="12"/>
    </row>
    <row r="707116" spans="8:8">
      <c r="H707116" s="12"/>
    </row>
    <row r="707117" spans="8:8">
      <c r="H707117" s="12"/>
    </row>
    <row r="707118" spans="8:8">
      <c r="H707118" s="12"/>
    </row>
    <row r="707119" spans="8:8">
      <c r="H707119" s="12"/>
    </row>
    <row r="707120" spans="8:8">
      <c r="H707120" s="12"/>
    </row>
    <row r="707121" spans="8:8">
      <c r="H707121" s="12"/>
    </row>
    <row r="707122" spans="8:8">
      <c r="H707122" s="12"/>
    </row>
    <row r="707123" spans="8:8">
      <c r="H707123" s="12"/>
    </row>
    <row r="707124" spans="8:8">
      <c r="H707124" s="12"/>
    </row>
    <row r="707125" spans="8:8">
      <c r="H707125" s="12"/>
    </row>
    <row r="707126" spans="8:8">
      <c r="H707126" s="12"/>
    </row>
    <row r="707127" spans="8:8">
      <c r="H707127" s="12"/>
    </row>
    <row r="707128" spans="8:8">
      <c r="H707128" s="12"/>
    </row>
    <row r="707129" spans="8:8">
      <c r="H707129" s="12"/>
    </row>
    <row r="707130" spans="8:8">
      <c r="H707130" s="12"/>
    </row>
    <row r="707131" spans="8:8">
      <c r="H707131" s="12"/>
    </row>
    <row r="707132" spans="8:8">
      <c r="H707132" s="12"/>
    </row>
    <row r="707133" spans="8:8">
      <c r="H707133" s="12"/>
    </row>
    <row r="707134" spans="8:8">
      <c r="H707134" s="12"/>
    </row>
    <row r="707135" spans="8:8">
      <c r="H707135" s="12"/>
    </row>
    <row r="707136" spans="8:8">
      <c r="H707136" s="12"/>
    </row>
    <row r="707137" spans="8:8">
      <c r="H707137" s="12"/>
    </row>
    <row r="707138" spans="8:8">
      <c r="H707138" s="12"/>
    </row>
    <row r="707139" spans="8:8">
      <c r="H707139" s="12"/>
    </row>
    <row r="707140" spans="8:8">
      <c r="H707140" s="12"/>
    </row>
    <row r="707141" spans="8:8">
      <c r="H707141" s="12"/>
    </row>
    <row r="707142" spans="8:8">
      <c r="H707142" s="12"/>
    </row>
    <row r="707143" spans="8:8">
      <c r="H707143" s="12"/>
    </row>
    <row r="707144" spans="8:8">
      <c r="H707144" s="12"/>
    </row>
    <row r="707145" spans="8:8">
      <c r="H707145" s="12"/>
    </row>
    <row r="707146" spans="8:8">
      <c r="H707146" s="12"/>
    </row>
    <row r="707147" spans="8:8">
      <c r="H707147" s="12"/>
    </row>
    <row r="707148" spans="8:8">
      <c r="H707148" s="12"/>
    </row>
    <row r="707149" spans="8:8">
      <c r="H707149" s="12"/>
    </row>
    <row r="707150" spans="8:8">
      <c r="H707150" s="12"/>
    </row>
    <row r="707151" spans="8:8">
      <c r="H707151" s="12"/>
    </row>
    <row r="707152" spans="8:8">
      <c r="H707152" s="12"/>
    </row>
    <row r="707153" spans="8:8">
      <c r="H707153" s="12"/>
    </row>
    <row r="707154" spans="8:8">
      <c r="H707154" s="12"/>
    </row>
    <row r="707155" spans="8:8">
      <c r="H707155" s="12"/>
    </row>
    <row r="707156" spans="8:8">
      <c r="H707156" s="12"/>
    </row>
    <row r="707157" spans="8:8">
      <c r="H707157" s="12"/>
    </row>
    <row r="707158" spans="8:8">
      <c r="H707158" s="12"/>
    </row>
    <row r="707159" spans="8:8">
      <c r="H707159" s="12"/>
    </row>
    <row r="707160" spans="8:8">
      <c r="H707160" s="12"/>
    </row>
    <row r="707161" spans="8:8">
      <c r="H707161" s="12"/>
    </row>
    <row r="707162" spans="8:8">
      <c r="H707162" s="12"/>
    </row>
    <row r="707163" spans="8:8">
      <c r="H707163" s="12"/>
    </row>
    <row r="707164" spans="8:8">
      <c r="H707164" s="12"/>
    </row>
    <row r="707165" spans="8:8">
      <c r="H707165" s="12"/>
    </row>
    <row r="707166" spans="8:8">
      <c r="H707166" s="12"/>
    </row>
    <row r="707167" spans="8:8">
      <c r="H707167" s="12"/>
    </row>
    <row r="707168" spans="8:8">
      <c r="H707168" s="12"/>
    </row>
    <row r="707169" spans="8:8">
      <c r="H707169" s="12"/>
    </row>
    <row r="707170" spans="8:8">
      <c r="H707170" s="12"/>
    </row>
    <row r="707171" spans="8:8">
      <c r="H707171" s="12"/>
    </row>
    <row r="707172" spans="8:8">
      <c r="H707172" s="12"/>
    </row>
    <row r="707173" spans="8:8">
      <c r="H707173" s="12"/>
    </row>
    <row r="707174" spans="8:8">
      <c r="H707174" s="12"/>
    </row>
    <row r="707175" spans="8:8">
      <c r="H707175" s="12"/>
    </row>
    <row r="707176" spans="8:8">
      <c r="H707176" s="12"/>
    </row>
    <row r="707177" spans="8:8">
      <c r="H707177" s="12"/>
    </row>
    <row r="707178" spans="8:8">
      <c r="H707178" s="12"/>
    </row>
    <row r="707179" spans="8:8">
      <c r="H707179" s="12"/>
    </row>
    <row r="707180" spans="8:8">
      <c r="H707180" s="12"/>
    </row>
    <row r="707181" spans="8:8">
      <c r="H707181" s="12"/>
    </row>
    <row r="707182" spans="8:8">
      <c r="H707182" s="12"/>
    </row>
    <row r="707183" spans="8:8">
      <c r="H707183" s="12"/>
    </row>
    <row r="707184" spans="8:8">
      <c r="H707184" s="12"/>
    </row>
    <row r="707185" spans="8:8">
      <c r="H707185" s="12"/>
    </row>
    <row r="707186" spans="8:8">
      <c r="H707186" s="12"/>
    </row>
    <row r="707187" spans="8:8">
      <c r="H707187" s="12"/>
    </row>
    <row r="707188" spans="8:8">
      <c r="H707188" s="12"/>
    </row>
    <row r="707189" spans="8:8">
      <c r="H707189" s="12"/>
    </row>
    <row r="707190" spans="8:8">
      <c r="H707190" s="12"/>
    </row>
    <row r="707191" spans="8:8">
      <c r="H707191" s="12"/>
    </row>
    <row r="707192" spans="8:8">
      <c r="H707192" s="12"/>
    </row>
    <row r="707193" spans="8:8">
      <c r="H707193" s="12"/>
    </row>
    <row r="707194" spans="8:8">
      <c r="H707194" s="12"/>
    </row>
    <row r="707195" spans="8:8">
      <c r="H707195" s="12"/>
    </row>
    <row r="707196" spans="8:8">
      <c r="H707196" s="12"/>
    </row>
    <row r="707197" spans="8:8">
      <c r="H707197" s="12"/>
    </row>
    <row r="707198" spans="8:8">
      <c r="H707198" s="12"/>
    </row>
    <row r="707199" spans="8:8">
      <c r="H707199" s="12"/>
    </row>
    <row r="707200" spans="8:8">
      <c r="H707200" s="12"/>
    </row>
    <row r="707201" spans="8:8">
      <c r="H707201" s="12"/>
    </row>
    <row r="707202" spans="8:8">
      <c r="H707202" s="12"/>
    </row>
    <row r="707203" spans="8:8">
      <c r="H707203" s="12"/>
    </row>
    <row r="707204" spans="8:8">
      <c r="H707204" s="12"/>
    </row>
    <row r="707205" spans="8:8">
      <c r="H707205" s="12"/>
    </row>
    <row r="707206" spans="8:8">
      <c r="H707206" s="12"/>
    </row>
    <row r="707207" spans="8:8">
      <c r="H707207" s="12"/>
    </row>
    <row r="707208" spans="8:8">
      <c r="H707208" s="12"/>
    </row>
    <row r="707209" spans="8:8">
      <c r="H707209" s="12"/>
    </row>
    <row r="707210" spans="8:8">
      <c r="H707210" s="12"/>
    </row>
    <row r="707211" spans="8:8">
      <c r="H707211" s="12"/>
    </row>
    <row r="707212" spans="8:8">
      <c r="H707212" s="12"/>
    </row>
    <row r="707213" spans="8:8">
      <c r="H707213" s="12"/>
    </row>
    <row r="707214" spans="8:8">
      <c r="H707214" s="12"/>
    </row>
    <row r="707215" spans="8:8">
      <c r="H707215" s="12"/>
    </row>
    <row r="707216" spans="8:8">
      <c r="H707216" s="12"/>
    </row>
    <row r="707217" spans="8:8">
      <c r="H707217" s="12"/>
    </row>
    <row r="707218" spans="8:8">
      <c r="H707218" s="12"/>
    </row>
    <row r="707219" spans="8:8">
      <c r="H707219" s="12"/>
    </row>
    <row r="707220" spans="8:8">
      <c r="H707220" s="12"/>
    </row>
    <row r="707221" spans="8:8">
      <c r="H707221" s="12"/>
    </row>
    <row r="707222" spans="8:8">
      <c r="H707222" s="12"/>
    </row>
    <row r="707223" spans="8:8">
      <c r="H707223" s="12"/>
    </row>
    <row r="707224" spans="8:8">
      <c r="H707224" s="12"/>
    </row>
    <row r="707225" spans="8:8">
      <c r="H707225" s="12"/>
    </row>
    <row r="707226" spans="8:8">
      <c r="H707226" s="12"/>
    </row>
    <row r="707227" spans="8:8">
      <c r="H707227" s="12"/>
    </row>
    <row r="707228" spans="8:8">
      <c r="H707228" s="12"/>
    </row>
    <row r="707229" spans="8:8">
      <c r="H707229" s="12"/>
    </row>
    <row r="707230" spans="8:8">
      <c r="H707230" s="12"/>
    </row>
    <row r="707231" spans="8:8">
      <c r="H707231" s="12"/>
    </row>
    <row r="707232" spans="8:8">
      <c r="H707232" s="12"/>
    </row>
    <row r="707233" spans="8:8">
      <c r="H707233" s="12"/>
    </row>
    <row r="707234" spans="8:8">
      <c r="H707234" s="12"/>
    </row>
    <row r="707235" spans="8:8">
      <c r="H707235" s="12"/>
    </row>
    <row r="707236" spans="8:8">
      <c r="H707236" s="12"/>
    </row>
    <row r="707237" spans="8:8">
      <c r="H707237" s="12"/>
    </row>
    <row r="707238" spans="8:8">
      <c r="H707238" s="12"/>
    </row>
    <row r="707239" spans="8:8">
      <c r="H707239" s="12"/>
    </row>
    <row r="707240" spans="8:8">
      <c r="H707240" s="12"/>
    </row>
    <row r="707241" spans="8:8">
      <c r="H707241" s="12"/>
    </row>
    <row r="707242" spans="8:8">
      <c r="H707242" s="12"/>
    </row>
    <row r="707243" spans="8:8">
      <c r="H707243" s="12"/>
    </row>
    <row r="707244" spans="8:8">
      <c r="H707244" s="12"/>
    </row>
    <row r="707245" spans="8:8">
      <c r="H707245" s="12"/>
    </row>
    <row r="707246" spans="8:8">
      <c r="H707246" s="12"/>
    </row>
    <row r="707247" spans="8:8">
      <c r="H707247" s="12"/>
    </row>
    <row r="707248" spans="8:8">
      <c r="H707248" s="12"/>
    </row>
    <row r="707249" spans="8:8">
      <c r="H707249" s="12"/>
    </row>
    <row r="707250" spans="8:8">
      <c r="H707250" s="12"/>
    </row>
    <row r="707251" spans="8:8">
      <c r="H707251" s="12"/>
    </row>
    <row r="707252" spans="8:8">
      <c r="H707252" s="12"/>
    </row>
    <row r="707253" spans="8:8">
      <c r="H707253" s="12"/>
    </row>
    <row r="707254" spans="8:8">
      <c r="H707254" s="12"/>
    </row>
    <row r="707255" spans="8:8">
      <c r="H707255" s="12"/>
    </row>
    <row r="707256" spans="8:8">
      <c r="H707256" s="12"/>
    </row>
    <row r="707257" spans="8:8">
      <c r="H707257" s="12"/>
    </row>
    <row r="707258" spans="8:8">
      <c r="H707258" s="12"/>
    </row>
    <row r="707259" spans="8:8">
      <c r="H707259" s="12"/>
    </row>
    <row r="707260" spans="8:8">
      <c r="H707260" s="12"/>
    </row>
    <row r="707261" spans="8:8">
      <c r="H707261" s="12"/>
    </row>
    <row r="707262" spans="8:8">
      <c r="H707262" s="12"/>
    </row>
    <row r="707263" spans="8:8">
      <c r="H707263" s="12"/>
    </row>
    <row r="707264" spans="8:8">
      <c r="H707264" s="12"/>
    </row>
    <row r="707265" spans="8:8">
      <c r="H707265" s="12"/>
    </row>
    <row r="707266" spans="8:8">
      <c r="H707266" s="12"/>
    </row>
    <row r="707267" spans="8:8">
      <c r="H707267" s="12"/>
    </row>
    <row r="707268" spans="8:8">
      <c r="H707268" s="12"/>
    </row>
    <row r="707269" spans="8:8">
      <c r="H707269" s="12"/>
    </row>
    <row r="707270" spans="8:8">
      <c r="H707270" s="12"/>
    </row>
    <row r="707271" spans="8:8">
      <c r="H707271" s="12"/>
    </row>
    <row r="707272" spans="8:8">
      <c r="H707272" s="12"/>
    </row>
    <row r="707273" spans="8:8">
      <c r="H707273" s="12"/>
    </row>
    <row r="707274" spans="8:8">
      <c r="H707274" s="12"/>
    </row>
    <row r="707275" spans="8:8">
      <c r="H707275" s="12"/>
    </row>
    <row r="707276" spans="8:8">
      <c r="H707276" s="12"/>
    </row>
    <row r="707277" spans="8:8">
      <c r="H707277" s="12"/>
    </row>
    <row r="707278" spans="8:8">
      <c r="H707278" s="12"/>
    </row>
    <row r="707279" spans="8:8">
      <c r="H707279" s="12"/>
    </row>
    <row r="707280" spans="8:8">
      <c r="H707280" s="12"/>
    </row>
    <row r="707281" spans="8:8">
      <c r="H707281" s="12"/>
    </row>
    <row r="707282" spans="8:8">
      <c r="H707282" s="12"/>
    </row>
    <row r="707283" spans="8:8">
      <c r="H707283" s="12"/>
    </row>
    <row r="707284" spans="8:8">
      <c r="H707284" s="12"/>
    </row>
    <row r="707285" spans="8:8">
      <c r="H707285" s="12"/>
    </row>
    <row r="707286" spans="8:8">
      <c r="H707286" s="12"/>
    </row>
    <row r="707287" spans="8:8">
      <c r="H707287" s="12"/>
    </row>
    <row r="707288" spans="8:8">
      <c r="H707288" s="12"/>
    </row>
    <row r="707289" spans="8:8">
      <c r="H707289" s="12"/>
    </row>
    <row r="707290" spans="8:8">
      <c r="H707290" s="12"/>
    </row>
    <row r="707291" spans="8:8">
      <c r="H707291" s="12"/>
    </row>
    <row r="707292" spans="8:8">
      <c r="H707292" s="12"/>
    </row>
    <row r="707293" spans="8:8">
      <c r="H707293" s="12"/>
    </row>
    <row r="707294" spans="8:8">
      <c r="H707294" s="12"/>
    </row>
    <row r="707295" spans="8:8">
      <c r="H707295" s="12"/>
    </row>
    <row r="707296" spans="8:8">
      <c r="H707296" s="12"/>
    </row>
    <row r="707297" spans="8:8">
      <c r="H707297" s="12"/>
    </row>
    <row r="707298" spans="8:8">
      <c r="H707298" s="12"/>
    </row>
    <row r="707299" spans="8:8">
      <c r="H707299" s="12"/>
    </row>
    <row r="707300" spans="8:8">
      <c r="H707300" s="12"/>
    </row>
    <row r="707301" spans="8:8">
      <c r="H707301" s="12"/>
    </row>
    <row r="707302" spans="8:8">
      <c r="H707302" s="12"/>
    </row>
    <row r="707303" spans="8:8">
      <c r="H707303" s="12"/>
    </row>
    <row r="707304" spans="8:8">
      <c r="H707304" s="12"/>
    </row>
    <row r="707305" spans="8:8">
      <c r="H707305" s="12"/>
    </row>
    <row r="707306" spans="8:8">
      <c r="H707306" s="12"/>
    </row>
    <row r="707307" spans="8:8">
      <c r="H707307" s="12"/>
    </row>
    <row r="707308" spans="8:8">
      <c r="H707308" s="12"/>
    </row>
    <row r="707309" spans="8:8">
      <c r="H707309" s="12"/>
    </row>
    <row r="707310" spans="8:8">
      <c r="H707310" s="12"/>
    </row>
    <row r="707311" spans="8:8">
      <c r="H707311" s="12"/>
    </row>
    <row r="707312" spans="8:8">
      <c r="H707312" s="12"/>
    </row>
    <row r="707313" spans="8:8">
      <c r="H707313" s="12"/>
    </row>
    <row r="707314" spans="8:8">
      <c r="H707314" s="12"/>
    </row>
    <row r="707315" spans="8:8">
      <c r="H707315" s="12"/>
    </row>
    <row r="707316" spans="8:8">
      <c r="H707316" s="12"/>
    </row>
    <row r="707317" spans="8:8">
      <c r="H707317" s="12"/>
    </row>
    <row r="707318" spans="8:8">
      <c r="H707318" s="12"/>
    </row>
    <row r="707319" spans="8:8">
      <c r="H707319" s="12"/>
    </row>
    <row r="707320" spans="8:8">
      <c r="H707320" s="12"/>
    </row>
    <row r="707321" spans="8:8">
      <c r="H707321" s="12"/>
    </row>
    <row r="707322" spans="8:8">
      <c r="H707322" s="12"/>
    </row>
    <row r="707323" spans="8:8">
      <c r="H707323" s="12"/>
    </row>
    <row r="707324" spans="8:8">
      <c r="H707324" s="12"/>
    </row>
    <row r="707325" spans="8:8">
      <c r="H707325" s="12"/>
    </row>
    <row r="707326" spans="8:8">
      <c r="H707326" s="12"/>
    </row>
    <row r="707327" spans="8:8">
      <c r="H707327" s="12"/>
    </row>
    <row r="707328" spans="8:8">
      <c r="H707328" s="12"/>
    </row>
    <row r="707329" spans="8:8">
      <c r="H707329" s="12"/>
    </row>
    <row r="707330" spans="8:8">
      <c r="H707330" s="12"/>
    </row>
    <row r="707331" spans="8:8">
      <c r="H707331" s="12"/>
    </row>
    <row r="707332" spans="8:8">
      <c r="H707332" s="12"/>
    </row>
    <row r="707333" spans="8:8">
      <c r="H707333" s="12"/>
    </row>
    <row r="707334" spans="8:8">
      <c r="H707334" s="12"/>
    </row>
    <row r="707335" spans="8:8">
      <c r="H707335" s="12"/>
    </row>
    <row r="707336" spans="8:8">
      <c r="H707336" s="12"/>
    </row>
    <row r="707337" spans="8:8">
      <c r="H707337" s="12"/>
    </row>
    <row r="707338" spans="8:8">
      <c r="H707338" s="12"/>
    </row>
    <row r="707339" spans="8:8">
      <c r="H707339" s="12"/>
    </row>
    <row r="707340" spans="8:8">
      <c r="H707340" s="12"/>
    </row>
    <row r="707341" spans="8:8">
      <c r="H707341" s="12"/>
    </row>
    <row r="707342" spans="8:8">
      <c r="H707342" s="12"/>
    </row>
    <row r="707343" spans="8:8">
      <c r="H707343" s="12"/>
    </row>
    <row r="707344" spans="8:8">
      <c r="H707344" s="12"/>
    </row>
    <row r="707345" spans="8:8">
      <c r="H707345" s="12"/>
    </row>
    <row r="707346" spans="8:8">
      <c r="H707346" s="12"/>
    </row>
    <row r="707347" spans="8:8">
      <c r="H707347" s="12"/>
    </row>
    <row r="707348" spans="8:8">
      <c r="H707348" s="12"/>
    </row>
    <row r="707349" spans="8:8">
      <c r="H707349" s="12"/>
    </row>
    <row r="707350" spans="8:8">
      <c r="H707350" s="12"/>
    </row>
    <row r="707351" spans="8:8">
      <c r="H707351" s="12"/>
    </row>
    <row r="707352" spans="8:8">
      <c r="H707352" s="12"/>
    </row>
    <row r="707353" spans="8:8">
      <c r="H707353" s="12"/>
    </row>
    <row r="707354" spans="8:8">
      <c r="H707354" s="12"/>
    </row>
    <row r="707355" spans="8:8">
      <c r="H707355" s="12"/>
    </row>
    <row r="707356" spans="8:8">
      <c r="H707356" s="12"/>
    </row>
    <row r="707357" spans="8:8">
      <c r="H707357" s="12"/>
    </row>
    <row r="707358" spans="8:8">
      <c r="H707358" s="12"/>
    </row>
    <row r="707359" spans="8:8">
      <c r="H707359" s="12"/>
    </row>
    <row r="707360" spans="8:8">
      <c r="H707360" s="12"/>
    </row>
    <row r="707361" spans="8:8">
      <c r="H707361" s="12"/>
    </row>
    <row r="707362" spans="8:8">
      <c r="H707362" s="12"/>
    </row>
    <row r="707363" spans="8:8">
      <c r="H707363" s="12"/>
    </row>
    <row r="707364" spans="8:8">
      <c r="H707364" s="12"/>
    </row>
    <row r="707365" spans="8:8">
      <c r="H707365" s="12"/>
    </row>
    <row r="707366" spans="8:8">
      <c r="H707366" s="12"/>
    </row>
    <row r="707367" spans="8:8">
      <c r="H707367" s="12"/>
    </row>
    <row r="707368" spans="8:8">
      <c r="H707368" s="12"/>
    </row>
    <row r="707369" spans="8:8">
      <c r="H707369" s="12"/>
    </row>
    <row r="707370" spans="8:8">
      <c r="H707370" s="12"/>
    </row>
    <row r="707371" spans="8:8">
      <c r="H707371" s="12"/>
    </row>
    <row r="707372" spans="8:8">
      <c r="H707372" s="12"/>
    </row>
    <row r="707373" spans="8:8">
      <c r="H707373" s="12"/>
    </row>
    <row r="707374" spans="8:8">
      <c r="H707374" s="12"/>
    </row>
    <row r="707375" spans="8:8">
      <c r="H707375" s="12"/>
    </row>
    <row r="707376" spans="8:8">
      <c r="H707376" s="12"/>
    </row>
    <row r="707377" spans="8:8">
      <c r="H707377" s="12"/>
    </row>
    <row r="707378" spans="8:8">
      <c r="H707378" s="12"/>
    </row>
    <row r="707379" spans="8:8">
      <c r="H707379" s="12"/>
    </row>
    <row r="707380" spans="8:8">
      <c r="H707380" s="12"/>
    </row>
    <row r="707381" spans="8:8">
      <c r="H707381" s="12"/>
    </row>
    <row r="707382" spans="8:8">
      <c r="H707382" s="12"/>
    </row>
    <row r="707383" spans="8:8">
      <c r="H707383" s="12"/>
    </row>
    <row r="707384" spans="8:8">
      <c r="H707384" s="12"/>
    </row>
    <row r="707385" spans="8:8">
      <c r="H707385" s="12"/>
    </row>
    <row r="707386" spans="8:8">
      <c r="H707386" s="12"/>
    </row>
    <row r="707387" spans="8:8">
      <c r="H707387" s="12"/>
    </row>
    <row r="707388" spans="8:8">
      <c r="H707388" s="12"/>
    </row>
    <row r="707389" spans="8:8">
      <c r="H707389" s="12"/>
    </row>
    <row r="707390" spans="8:8">
      <c r="H707390" s="12"/>
    </row>
    <row r="707391" spans="8:8">
      <c r="H707391" s="12"/>
    </row>
    <row r="707392" spans="8:8">
      <c r="H707392" s="12"/>
    </row>
    <row r="707393" spans="8:8">
      <c r="H707393" s="12"/>
    </row>
    <row r="707394" spans="8:8">
      <c r="H707394" s="12"/>
    </row>
    <row r="707395" spans="8:8">
      <c r="H707395" s="12"/>
    </row>
    <row r="707396" spans="8:8">
      <c r="H707396" s="12"/>
    </row>
    <row r="707397" spans="8:8">
      <c r="H707397" s="12"/>
    </row>
    <row r="707398" spans="8:8">
      <c r="H707398" s="12"/>
    </row>
    <row r="707399" spans="8:8">
      <c r="H707399" s="12"/>
    </row>
    <row r="707400" spans="8:8">
      <c r="H707400" s="12"/>
    </row>
    <row r="707401" spans="8:8">
      <c r="H707401" s="12"/>
    </row>
    <row r="707402" spans="8:8">
      <c r="H707402" s="12"/>
    </row>
    <row r="707403" spans="8:8">
      <c r="H707403" s="12"/>
    </row>
    <row r="707404" spans="8:8">
      <c r="H707404" s="12"/>
    </row>
    <row r="707405" spans="8:8">
      <c r="H707405" s="12"/>
    </row>
    <row r="707406" spans="8:8">
      <c r="H707406" s="12"/>
    </row>
    <row r="707407" spans="8:8">
      <c r="H707407" s="12"/>
    </row>
    <row r="707408" spans="8:8">
      <c r="H707408" s="12"/>
    </row>
    <row r="707409" spans="8:8">
      <c r="H707409" s="12"/>
    </row>
    <row r="707410" spans="8:8">
      <c r="H707410" s="12"/>
    </row>
    <row r="707411" spans="8:8">
      <c r="H707411" s="12"/>
    </row>
    <row r="707412" spans="8:8">
      <c r="H707412" s="12"/>
    </row>
    <row r="707413" spans="8:8">
      <c r="H707413" s="12"/>
    </row>
    <row r="707414" spans="8:8">
      <c r="H707414" s="12"/>
    </row>
    <row r="707415" spans="8:8">
      <c r="H707415" s="12"/>
    </row>
    <row r="707416" spans="8:8">
      <c r="H707416" s="12"/>
    </row>
    <row r="707417" spans="8:8">
      <c r="H707417" s="12"/>
    </row>
    <row r="707418" spans="8:8">
      <c r="H707418" s="12"/>
    </row>
    <row r="707419" spans="8:8">
      <c r="H707419" s="12"/>
    </row>
    <row r="707420" spans="8:8">
      <c r="H707420" s="12"/>
    </row>
    <row r="707421" spans="8:8">
      <c r="H707421" s="12"/>
    </row>
    <row r="707422" spans="8:8">
      <c r="H707422" s="12"/>
    </row>
    <row r="707423" spans="8:8">
      <c r="H707423" s="12"/>
    </row>
    <row r="707424" spans="8:8">
      <c r="H707424" s="12"/>
    </row>
    <row r="707425" spans="8:8">
      <c r="H707425" s="12"/>
    </row>
    <row r="707426" spans="8:8">
      <c r="H707426" s="12"/>
    </row>
    <row r="707427" spans="8:8">
      <c r="H707427" s="12"/>
    </row>
    <row r="707428" spans="8:8">
      <c r="H707428" s="12"/>
    </row>
    <row r="707429" spans="8:8">
      <c r="H707429" s="12"/>
    </row>
    <row r="707430" spans="8:8">
      <c r="H707430" s="12"/>
    </row>
    <row r="707431" spans="8:8">
      <c r="H707431" s="12"/>
    </row>
    <row r="707432" spans="8:8">
      <c r="H707432" s="12"/>
    </row>
    <row r="707433" spans="8:8">
      <c r="H707433" s="12"/>
    </row>
    <row r="707434" spans="8:8">
      <c r="H707434" s="12"/>
    </row>
    <row r="707435" spans="8:8">
      <c r="H707435" s="12"/>
    </row>
    <row r="707436" spans="8:8">
      <c r="H707436" s="12"/>
    </row>
    <row r="707437" spans="8:8">
      <c r="H707437" s="12"/>
    </row>
    <row r="707438" spans="8:8">
      <c r="H707438" s="12"/>
    </row>
    <row r="707439" spans="8:8">
      <c r="H707439" s="12"/>
    </row>
    <row r="707440" spans="8:8">
      <c r="H707440" s="12"/>
    </row>
    <row r="707441" spans="8:8">
      <c r="H707441" s="12"/>
    </row>
    <row r="707442" spans="8:8">
      <c r="H707442" s="12"/>
    </row>
    <row r="707443" spans="8:8">
      <c r="H707443" s="12"/>
    </row>
    <row r="707444" spans="8:8">
      <c r="H707444" s="12"/>
    </row>
    <row r="707445" spans="8:8">
      <c r="H707445" s="12"/>
    </row>
    <row r="707446" spans="8:8">
      <c r="H707446" s="12"/>
    </row>
    <row r="707447" spans="8:8">
      <c r="H707447" s="12"/>
    </row>
    <row r="707448" spans="8:8">
      <c r="H707448" s="12"/>
    </row>
    <row r="707449" spans="8:8">
      <c r="H707449" s="12"/>
    </row>
    <row r="707450" spans="8:8">
      <c r="H707450" s="12"/>
    </row>
    <row r="707451" spans="8:8">
      <c r="H707451" s="12"/>
    </row>
    <row r="707452" spans="8:8">
      <c r="H707452" s="12"/>
    </row>
    <row r="707453" spans="8:8">
      <c r="H707453" s="12"/>
    </row>
    <row r="707454" spans="8:8">
      <c r="H707454" s="12"/>
    </row>
    <row r="707455" spans="8:8">
      <c r="H707455" s="12"/>
    </row>
    <row r="707456" spans="8:8">
      <c r="H707456" s="12"/>
    </row>
    <row r="707457" spans="8:8">
      <c r="H707457" s="12"/>
    </row>
    <row r="707458" spans="8:8">
      <c r="H707458" s="12"/>
    </row>
    <row r="707459" spans="8:8">
      <c r="H707459" s="12"/>
    </row>
    <row r="707460" spans="8:8">
      <c r="H707460" s="12"/>
    </row>
    <row r="707461" spans="8:8">
      <c r="H707461" s="12"/>
    </row>
    <row r="707462" spans="8:8">
      <c r="H707462" s="12"/>
    </row>
    <row r="707463" spans="8:8">
      <c r="H707463" s="12"/>
    </row>
    <row r="707464" spans="8:8">
      <c r="H707464" s="12"/>
    </row>
    <row r="707465" spans="8:8">
      <c r="H707465" s="12"/>
    </row>
    <row r="707466" spans="8:8">
      <c r="H707466" s="12"/>
    </row>
    <row r="707467" spans="8:8">
      <c r="H707467" s="12"/>
    </row>
    <row r="707468" spans="8:8">
      <c r="H707468" s="12"/>
    </row>
    <row r="707469" spans="8:8">
      <c r="H707469" s="12"/>
    </row>
    <row r="707470" spans="8:8">
      <c r="H707470" s="12"/>
    </row>
    <row r="707471" spans="8:8">
      <c r="H707471" s="12"/>
    </row>
    <row r="707472" spans="8:8">
      <c r="H707472" s="12"/>
    </row>
    <row r="707473" spans="8:8">
      <c r="H707473" s="12"/>
    </row>
    <row r="707474" spans="8:8">
      <c r="H707474" s="12"/>
    </row>
    <row r="707475" spans="8:8">
      <c r="H707475" s="12"/>
    </row>
    <row r="707476" spans="8:8">
      <c r="H707476" s="12"/>
    </row>
    <row r="707477" spans="8:8">
      <c r="H707477" s="12"/>
    </row>
    <row r="707478" spans="8:8">
      <c r="H707478" s="12"/>
    </row>
    <row r="707479" spans="8:8">
      <c r="H707479" s="12"/>
    </row>
    <row r="707480" spans="8:8">
      <c r="H707480" s="12"/>
    </row>
    <row r="707481" spans="8:8">
      <c r="H707481" s="12"/>
    </row>
    <row r="707482" spans="8:8">
      <c r="H707482" s="12"/>
    </row>
    <row r="707483" spans="8:8">
      <c r="H707483" s="12"/>
    </row>
    <row r="707484" spans="8:8">
      <c r="H707484" s="12"/>
    </row>
    <row r="707485" spans="8:8">
      <c r="H707485" s="12"/>
    </row>
    <row r="707486" spans="8:8">
      <c r="H707486" s="12"/>
    </row>
    <row r="707487" spans="8:8">
      <c r="H707487" s="12"/>
    </row>
    <row r="707488" spans="8:8">
      <c r="H707488" s="12"/>
    </row>
    <row r="707489" spans="8:8">
      <c r="H707489" s="12"/>
    </row>
    <row r="707490" spans="8:8">
      <c r="H707490" s="12"/>
    </row>
    <row r="707491" spans="8:8">
      <c r="H707491" s="12"/>
    </row>
    <row r="707492" spans="8:8">
      <c r="H707492" s="12"/>
    </row>
    <row r="707493" spans="8:8">
      <c r="H707493" s="12"/>
    </row>
    <row r="707494" spans="8:8">
      <c r="H707494" s="12"/>
    </row>
    <row r="707495" spans="8:8">
      <c r="H707495" s="12"/>
    </row>
    <row r="707496" spans="8:8">
      <c r="H707496" s="12"/>
    </row>
    <row r="707497" spans="8:8">
      <c r="H707497" s="12"/>
    </row>
    <row r="707498" spans="8:8">
      <c r="H707498" s="12"/>
    </row>
    <row r="707499" spans="8:8">
      <c r="H707499" s="12"/>
    </row>
    <row r="707500" spans="8:8">
      <c r="H707500" s="12"/>
    </row>
    <row r="707501" spans="8:8">
      <c r="H707501" s="12"/>
    </row>
    <row r="707502" spans="8:8">
      <c r="H707502" s="12"/>
    </row>
    <row r="707503" spans="8:8">
      <c r="H707503" s="12"/>
    </row>
    <row r="707504" spans="8:8">
      <c r="H707504" s="12"/>
    </row>
    <row r="707505" spans="8:8">
      <c r="H707505" s="12"/>
    </row>
    <row r="707506" spans="8:8">
      <c r="H707506" s="12"/>
    </row>
    <row r="707507" spans="8:8">
      <c r="H707507" s="12"/>
    </row>
    <row r="707508" spans="8:8">
      <c r="H707508" s="12"/>
    </row>
    <row r="707509" spans="8:8">
      <c r="H707509" s="12"/>
    </row>
    <row r="707510" spans="8:8">
      <c r="H707510" s="12"/>
    </row>
    <row r="707511" spans="8:8">
      <c r="H707511" s="12"/>
    </row>
    <row r="707512" spans="8:8">
      <c r="H707512" s="12"/>
    </row>
    <row r="707513" spans="8:8">
      <c r="H707513" s="12"/>
    </row>
    <row r="707514" spans="8:8">
      <c r="H707514" s="12"/>
    </row>
    <row r="707515" spans="8:8">
      <c r="H707515" s="12"/>
    </row>
    <row r="707516" spans="8:8">
      <c r="H707516" s="12"/>
    </row>
    <row r="707517" spans="8:8">
      <c r="H707517" s="12"/>
    </row>
    <row r="707518" spans="8:8">
      <c r="H707518" s="12"/>
    </row>
    <row r="707519" spans="8:8">
      <c r="H707519" s="12"/>
    </row>
    <row r="707520" spans="8:8">
      <c r="H707520" s="12"/>
    </row>
    <row r="707521" spans="8:8">
      <c r="H707521" s="12"/>
    </row>
    <row r="707522" spans="8:8">
      <c r="H707522" s="12"/>
    </row>
    <row r="707523" spans="8:8">
      <c r="H707523" s="12"/>
    </row>
    <row r="707524" spans="8:8">
      <c r="H707524" s="12"/>
    </row>
    <row r="707525" spans="8:8">
      <c r="H707525" s="12"/>
    </row>
    <row r="707526" spans="8:8">
      <c r="H707526" s="12"/>
    </row>
    <row r="707527" spans="8:8">
      <c r="H707527" s="12"/>
    </row>
    <row r="707528" spans="8:8">
      <c r="H707528" s="12"/>
    </row>
    <row r="707529" spans="8:8">
      <c r="H707529" s="12"/>
    </row>
    <row r="707530" spans="8:8">
      <c r="H707530" s="12"/>
    </row>
    <row r="707531" spans="8:8">
      <c r="H707531" s="12"/>
    </row>
    <row r="707532" spans="8:8">
      <c r="H707532" s="12"/>
    </row>
    <row r="707533" spans="8:8">
      <c r="H707533" s="12"/>
    </row>
    <row r="707534" spans="8:8">
      <c r="H707534" s="12"/>
    </row>
    <row r="707535" spans="8:8">
      <c r="H707535" s="12"/>
    </row>
    <row r="707536" spans="8:8">
      <c r="H707536" s="12"/>
    </row>
    <row r="707537" spans="8:8">
      <c r="H707537" s="12"/>
    </row>
    <row r="707538" spans="8:8">
      <c r="H707538" s="12"/>
    </row>
    <row r="707539" spans="8:8">
      <c r="H707539" s="12"/>
    </row>
    <row r="707540" spans="8:8">
      <c r="H707540" s="12"/>
    </row>
    <row r="707541" spans="8:8">
      <c r="H707541" s="12"/>
    </row>
    <row r="707542" spans="8:8">
      <c r="H707542" s="12"/>
    </row>
    <row r="707543" spans="8:8">
      <c r="H707543" s="12"/>
    </row>
    <row r="707544" spans="8:8">
      <c r="H707544" s="12"/>
    </row>
    <row r="707545" spans="8:8">
      <c r="H707545" s="12"/>
    </row>
    <row r="707546" spans="8:8">
      <c r="H707546" s="12"/>
    </row>
    <row r="707547" spans="8:8">
      <c r="H707547" s="12"/>
    </row>
    <row r="707548" spans="8:8">
      <c r="H707548" s="12"/>
    </row>
    <row r="707549" spans="8:8">
      <c r="H707549" s="12"/>
    </row>
    <row r="707550" spans="8:8">
      <c r="H707550" s="12"/>
    </row>
    <row r="707551" spans="8:8">
      <c r="H707551" s="12"/>
    </row>
    <row r="707552" spans="8:8">
      <c r="H707552" s="12"/>
    </row>
    <row r="707553" spans="8:8">
      <c r="H707553" s="12"/>
    </row>
    <row r="707554" spans="8:8">
      <c r="H707554" s="12"/>
    </row>
    <row r="707555" spans="8:8">
      <c r="H707555" s="12"/>
    </row>
    <row r="707556" spans="8:8">
      <c r="H707556" s="12"/>
    </row>
    <row r="707557" spans="8:8">
      <c r="H707557" s="12"/>
    </row>
    <row r="707558" spans="8:8">
      <c r="H707558" s="12"/>
    </row>
    <row r="707559" spans="8:8">
      <c r="H707559" s="12"/>
    </row>
    <row r="707560" spans="8:8">
      <c r="H707560" s="12"/>
    </row>
    <row r="707561" spans="8:8">
      <c r="H707561" s="12"/>
    </row>
    <row r="707562" spans="8:8">
      <c r="H707562" s="12"/>
    </row>
    <row r="707563" spans="8:8">
      <c r="H707563" s="12"/>
    </row>
    <row r="707564" spans="8:8">
      <c r="H707564" s="12"/>
    </row>
    <row r="707565" spans="8:8">
      <c r="H707565" s="12"/>
    </row>
    <row r="707566" spans="8:8">
      <c r="H707566" s="12"/>
    </row>
    <row r="707567" spans="8:8">
      <c r="H707567" s="12"/>
    </row>
    <row r="707568" spans="8:8">
      <c r="H707568" s="12"/>
    </row>
    <row r="707569" spans="8:8">
      <c r="H707569" s="12"/>
    </row>
    <row r="707570" spans="8:8">
      <c r="H707570" s="12"/>
    </row>
    <row r="707571" spans="8:8">
      <c r="H707571" s="12"/>
    </row>
    <row r="707572" spans="8:8">
      <c r="H707572" s="12"/>
    </row>
    <row r="707573" spans="8:8">
      <c r="H707573" s="12"/>
    </row>
    <row r="707574" spans="8:8">
      <c r="H707574" s="12"/>
    </row>
    <row r="707575" spans="8:8">
      <c r="H707575" s="12"/>
    </row>
    <row r="707576" spans="8:8">
      <c r="H707576" s="12"/>
    </row>
    <row r="707577" spans="8:8">
      <c r="H707577" s="12"/>
    </row>
    <row r="707578" spans="8:8">
      <c r="H707578" s="12"/>
    </row>
    <row r="707579" spans="8:8">
      <c r="H707579" s="12"/>
    </row>
    <row r="707580" spans="8:8">
      <c r="H707580" s="12"/>
    </row>
    <row r="707581" spans="8:8">
      <c r="H707581" s="12"/>
    </row>
    <row r="707582" spans="8:8">
      <c r="H707582" s="12"/>
    </row>
    <row r="707583" spans="8:8">
      <c r="H707583" s="12"/>
    </row>
    <row r="707584" spans="8:8">
      <c r="H707584" s="12"/>
    </row>
    <row r="707585" spans="8:8">
      <c r="H707585" s="12"/>
    </row>
    <row r="707586" spans="8:8">
      <c r="H707586" s="12"/>
    </row>
    <row r="707587" spans="8:8">
      <c r="H707587" s="12"/>
    </row>
    <row r="707588" spans="8:8">
      <c r="H707588" s="12"/>
    </row>
    <row r="707589" spans="8:8">
      <c r="H707589" s="12"/>
    </row>
    <row r="707590" spans="8:8">
      <c r="H707590" s="12"/>
    </row>
    <row r="707591" spans="8:8">
      <c r="H707591" s="12"/>
    </row>
    <row r="707592" spans="8:8">
      <c r="H707592" s="12"/>
    </row>
    <row r="707593" spans="8:8">
      <c r="H707593" s="12"/>
    </row>
    <row r="707594" spans="8:8">
      <c r="H707594" s="12"/>
    </row>
    <row r="707595" spans="8:8">
      <c r="H707595" s="12"/>
    </row>
    <row r="707596" spans="8:8">
      <c r="H707596" s="12"/>
    </row>
    <row r="707597" spans="8:8">
      <c r="H707597" s="12"/>
    </row>
    <row r="707598" spans="8:8">
      <c r="H707598" s="12"/>
    </row>
    <row r="707599" spans="8:8">
      <c r="H707599" s="12"/>
    </row>
    <row r="707600" spans="8:8">
      <c r="H707600" s="12"/>
    </row>
    <row r="707601" spans="8:8">
      <c r="H707601" s="12"/>
    </row>
    <row r="707602" spans="8:8">
      <c r="H707602" s="12"/>
    </row>
    <row r="707603" spans="8:8">
      <c r="H707603" s="12"/>
    </row>
    <row r="707604" spans="8:8">
      <c r="H707604" s="12"/>
    </row>
    <row r="707605" spans="8:8">
      <c r="H707605" s="12"/>
    </row>
    <row r="707606" spans="8:8">
      <c r="H707606" s="12"/>
    </row>
    <row r="707607" spans="8:8">
      <c r="H707607" s="12"/>
    </row>
    <row r="707608" spans="8:8">
      <c r="H707608" s="12"/>
    </row>
    <row r="707609" spans="8:8">
      <c r="H707609" s="12"/>
    </row>
    <row r="707610" spans="8:8">
      <c r="H707610" s="12"/>
    </row>
    <row r="707611" spans="8:8">
      <c r="H707611" s="12"/>
    </row>
    <row r="707612" spans="8:8">
      <c r="H707612" s="12"/>
    </row>
    <row r="707613" spans="8:8">
      <c r="H707613" s="12"/>
    </row>
    <row r="707614" spans="8:8">
      <c r="H707614" s="12"/>
    </row>
    <row r="707615" spans="8:8">
      <c r="H707615" s="12"/>
    </row>
    <row r="707616" spans="8:8">
      <c r="H707616" s="12"/>
    </row>
    <row r="707617" spans="8:8">
      <c r="H707617" s="12"/>
    </row>
    <row r="707618" spans="8:8">
      <c r="H707618" s="12"/>
    </row>
    <row r="707619" spans="8:8">
      <c r="H707619" s="12"/>
    </row>
    <row r="707620" spans="8:8">
      <c r="H707620" s="12"/>
    </row>
    <row r="707621" spans="8:8">
      <c r="H707621" s="12"/>
    </row>
    <row r="707622" spans="8:8">
      <c r="H707622" s="12"/>
    </row>
    <row r="707623" spans="8:8">
      <c r="H707623" s="12"/>
    </row>
    <row r="707624" spans="8:8">
      <c r="H707624" s="12"/>
    </row>
    <row r="707625" spans="8:8">
      <c r="H707625" s="12"/>
    </row>
    <row r="707626" spans="8:8">
      <c r="H707626" s="12"/>
    </row>
    <row r="707627" spans="8:8">
      <c r="H707627" s="12"/>
    </row>
    <row r="707628" spans="8:8">
      <c r="H707628" s="12"/>
    </row>
    <row r="707629" spans="8:8">
      <c r="H707629" s="12"/>
    </row>
    <row r="707630" spans="8:8">
      <c r="H707630" s="12"/>
    </row>
    <row r="707631" spans="8:8">
      <c r="H707631" s="12"/>
    </row>
    <row r="707632" spans="8:8">
      <c r="H707632" s="12"/>
    </row>
    <row r="707633" spans="8:8">
      <c r="H707633" s="12"/>
    </row>
    <row r="707634" spans="8:8">
      <c r="H707634" s="12"/>
    </row>
    <row r="707635" spans="8:8">
      <c r="H707635" s="12"/>
    </row>
    <row r="707636" spans="8:8">
      <c r="H707636" s="12"/>
    </row>
    <row r="707637" spans="8:8">
      <c r="H707637" s="12"/>
    </row>
    <row r="707638" spans="8:8">
      <c r="H707638" s="12"/>
    </row>
    <row r="707639" spans="8:8">
      <c r="H707639" s="12"/>
    </row>
    <row r="707640" spans="8:8">
      <c r="H707640" s="12"/>
    </row>
    <row r="707641" spans="8:8">
      <c r="H707641" s="12"/>
    </row>
    <row r="707642" spans="8:8">
      <c r="H707642" s="12"/>
    </row>
    <row r="707643" spans="8:8">
      <c r="H707643" s="12"/>
    </row>
    <row r="707644" spans="8:8">
      <c r="H707644" s="12"/>
    </row>
    <row r="707645" spans="8:8">
      <c r="H707645" s="12"/>
    </row>
    <row r="707646" spans="8:8">
      <c r="H707646" s="12"/>
    </row>
    <row r="707647" spans="8:8">
      <c r="H707647" s="12"/>
    </row>
    <row r="707648" spans="8:8">
      <c r="H707648" s="12"/>
    </row>
    <row r="707649" spans="8:8">
      <c r="H707649" s="12"/>
    </row>
    <row r="707650" spans="8:8">
      <c r="H707650" s="12"/>
    </row>
    <row r="707651" spans="8:8">
      <c r="H707651" s="12"/>
    </row>
    <row r="707652" spans="8:8">
      <c r="H707652" s="12"/>
    </row>
    <row r="707653" spans="8:8">
      <c r="H707653" s="12"/>
    </row>
    <row r="707654" spans="8:8">
      <c r="H707654" s="12"/>
    </row>
    <row r="707655" spans="8:8">
      <c r="H707655" s="12"/>
    </row>
    <row r="707656" spans="8:8">
      <c r="H707656" s="12"/>
    </row>
    <row r="707657" spans="8:8">
      <c r="H707657" s="12"/>
    </row>
    <row r="707658" spans="8:8">
      <c r="H707658" s="12"/>
    </row>
    <row r="707659" spans="8:8">
      <c r="H707659" s="12"/>
    </row>
    <row r="707660" spans="8:8">
      <c r="H707660" s="12"/>
    </row>
    <row r="707661" spans="8:8">
      <c r="H707661" s="12"/>
    </row>
    <row r="707662" spans="8:8">
      <c r="H707662" s="12"/>
    </row>
    <row r="707663" spans="8:8">
      <c r="H707663" s="12"/>
    </row>
    <row r="707664" spans="8:8">
      <c r="H707664" s="12"/>
    </row>
    <row r="707665" spans="8:8">
      <c r="H707665" s="12"/>
    </row>
    <row r="707666" spans="8:8">
      <c r="H707666" s="12"/>
    </row>
    <row r="707667" spans="8:8">
      <c r="H707667" s="12"/>
    </row>
    <row r="707668" spans="8:8">
      <c r="H707668" s="12"/>
    </row>
    <row r="707669" spans="8:8">
      <c r="H707669" s="12"/>
    </row>
    <row r="707670" spans="8:8">
      <c r="H707670" s="12"/>
    </row>
    <row r="707671" spans="8:8">
      <c r="H707671" s="12"/>
    </row>
    <row r="707672" spans="8:8">
      <c r="H707672" s="12"/>
    </row>
    <row r="707673" spans="8:8">
      <c r="H707673" s="12"/>
    </row>
    <row r="707674" spans="8:8">
      <c r="H707674" s="12"/>
    </row>
    <row r="707675" spans="8:8">
      <c r="H707675" s="12"/>
    </row>
    <row r="707676" spans="8:8">
      <c r="H707676" s="12"/>
    </row>
    <row r="707677" spans="8:8">
      <c r="H707677" s="12"/>
    </row>
    <row r="707678" spans="8:8">
      <c r="H707678" s="12"/>
    </row>
    <row r="707679" spans="8:8">
      <c r="H707679" s="12"/>
    </row>
    <row r="707680" spans="8:8">
      <c r="H707680" s="12"/>
    </row>
    <row r="707681" spans="8:8">
      <c r="H707681" s="12"/>
    </row>
    <row r="707682" spans="8:8">
      <c r="H707682" s="12"/>
    </row>
    <row r="707683" spans="8:8">
      <c r="H707683" s="12"/>
    </row>
    <row r="707684" spans="8:8">
      <c r="H707684" s="12"/>
    </row>
    <row r="707685" spans="8:8">
      <c r="H707685" s="12"/>
    </row>
    <row r="707686" spans="8:8">
      <c r="H707686" s="12"/>
    </row>
    <row r="707687" spans="8:8">
      <c r="H707687" s="12"/>
    </row>
    <row r="707688" spans="8:8">
      <c r="H707688" s="12"/>
    </row>
    <row r="707689" spans="8:8">
      <c r="H707689" s="12"/>
    </row>
    <row r="707690" spans="8:8">
      <c r="H707690" s="12"/>
    </row>
    <row r="707691" spans="8:8">
      <c r="H707691" s="12"/>
    </row>
    <row r="707692" spans="8:8">
      <c r="H707692" s="12"/>
    </row>
    <row r="707693" spans="8:8">
      <c r="H707693" s="12"/>
    </row>
    <row r="707694" spans="8:8">
      <c r="H707694" s="12"/>
    </row>
    <row r="707695" spans="8:8">
      <c r="H707695" s="12"/>
    </row>
    <row r="707696" spans="8:8">
      <c r="H707696" s="12"/>
    </row>
    <row r="707697" spans="8:8">
      <c r="H707697" s="12"/>
    </row>
    <row r="707698" spans="8:8">
      <c r="H707698" s="12"/>
    </row>
    <row r="707699" spans="8:8">
      <c r="H707699" s="12"/>
    </row>
    <row r="707700" spans="8:8">
      <c r="H707700" s="12"/>
    </row>
    <row r="707701" spans="8:8">
      <c r="H707701" s="12"/>
    </row>
    <row r="707702" spans="8:8">
      <c r="H707702" s="12"/>
    </row>
    <row r="707703" spans="8:8">
      <c r="H707703" s="12"/>
    </row>
    <row r="707704" spans="8:8">
      <c r="H707704" s="12"/>
    </row>
    <row r="707705" spans="8:8">
      <c r="H707705" s="12"/>
    </row>
    <row r="707706" spans="8:8">
      <c r="H707706" s="12"/>
    </row>
    <row r="707707" spans="8:8">
      <c r="H707707" s="12"/>
    </row>
    <row r="707708" spans="8:8">
      <c r="H707708" s="12"/>
    </row>
    <row r="707709" spans="8:8">
      <c r="H707709" s="12"/>
    </row>
    <row r="707710" spans="8:8">
      <c r="H707710" s="12"/>
    </row>
    <row r="707711" spans="8:8">
      <c r="H707711" s="12"/>
    </row>
    <row r="707712" spans="8:8">
      <c r="H707712" s="12"/>
    </row>
    <row r="707713" spans="8:8">
      <c r="H707713" s="12"/>
    </row>
    <row r="707714" spans="8:8">
      <c r="H707714" s="12"/>
    </row>
    <row r="707715" spans="8:8">
      <c r="H707715" s="12"/>
    </row>
    <row r="707716" spans="8:8">
      <c r="H707716" s="12"/>
    </row>
    <row r="707717" spans="8:8">
      <c r="H707717" s="12"/>
    </row>
    <row r="707718" spans="8:8">
      <c r="H707718" s="12"/>
    </row>
    <row r="707719" spans="8:8">
      <c r="H707719" s="12"/>
    </row>
    <row r="707720" spans="8:8">
      <c r="H707720" s="12"/>
    </row>
    <row r="707721" spans="8:8">
      <c r="H707721" s="12"/>
    </row>
    <row r="707722" spans="8:8">
      <c r="H707722" s="12"/>
    </row>
    <row r="707723" spans="8:8">
      <c r="H707723" s="12"/>
    </row>
    <row r="707724" spans="8:8">
      <c r="H707724" s="12"/>
    </row>
    <row r="707725" spans="8:8">
      <c r="H707725" s="12"/>
    </row>
    <row r="707726" spans="8:8">
      <c r="H707726" s="12"/>
    </row>
    <row r="707727" spans="8:8">
      <c r="H707727" s="12"/>
    </row>
    <row r="707728" spans="8:8">
      <c r="H707728" s="12"/>
    </row>
    <row r="707729" spans="8:8">
      <c r="H707729" s="12"/>
    </row>
    <row r="707730" spans="8:8">
      <c r="H707730" s="12"/>
    </row>
    <row r="707731" spans="8:8">
      <c r="H707731" s="12"/>
    </row>
    <row r="707732" spans="8:8">
      <c r="H707732" s="12"/>
    </row>
    <row r="707733" spans="8:8">
      <c r="H707733" s="12"/>
    </row>
    <row r="707734" spans="8:8">
      <c r="H707734" s="12"/>
    </row>
    <row r="707735" spans="8:8">
      <c r="H707735" s="12"/>
    </row>
    <row r="707736" spans="8:8">
      <c r="H707736" s="12"/>
    </row>
    <row r="707737" spans="8:8">
      <c r="H707737" s="12"/>
    </row>
    <row r="707738" spans="8:8">
      <c r="H707738" s="12"/>
    </row>
    <row r="707739" spans="8:8">
      <c r="H707739" s="12"/>
    </row>
    <row r="707740" spans="8:8">
      <c r="H707740" s="12"/>
    </row>
    <row r="707741" spans="8:8">
      <c r="H707741" s="12"/>
    </row>
    <row r="707742" spans="8:8">
      <c r="H707742" s="12"/>
    </row>
    <row r="707743" spans="8:8">
      <c r="H707743" s="12"/>
    </row>
    <row r="707744" spans="8:8">
      <c r="H707744" s="12"/>
    </row>
    <row r="707745" spans="8:8">
      <c r="H707745" s="12"/>
    </row>
    <row r="707746" spans="8:8">
      <c r="H707746" s="12"/>
    </row>
    <row r="707747" spans="8:8">
      <c r="H707747" s="12"/>
    </row>
    <row r="707748" spans="8:8">
      <c r="H707748" s="12"/>
    </row>
    <row r="707749" spans="8:8">
      <c r="H707749" s="12"/>
    </row>
    <row r="707750" spans="8:8">
      <c r="H707750" s="12"/>
    </row>
    <row r="707751" spans="8:8">
      <c r="H707751" s="12"/>
    </row>
    <row r="707752" spans="8:8">
      <c r="H707752" s="12"/>
    </row>
    <row r="707753" spans="8:8">
      <c r="H707753" s="12"/>
    </row>
    <row r="707754" spans="8:8">
      <c r="H707754" s="12"/>
    </row>
    <row r="707755" spans="8:8">
      <c r="H707755" s="12"/>
    </row>
    <row r="707756" spans="8:8">
      <c r="H707756" s="12"/>
    </row>
    <row r="707757" spans="8:8">
      <c r="H707757" s="12"/>
    </row>
    <row r="707758" spans="8:8">
      <c r="H707758" s="12"/>
    </row>
    <row r="707759" spans="8:8">
      <c r="H707759" s="12"/>
    </row>
    <row r="707760" spans="8:8">
      <c r="H707760" s="12"/>
    </row>
    <row r="707761" spans="8:8">
      <c r="H707761" s="12"/>
    </row>
    <row r="707762" spans="8:8">
      <c r="H707762" s="12"/>
    </row>
    <row r="707763" spans="8:8">
      <c r="H707763" s="12"/>
    </row>
    <row r="707764" spans="8:8">
      <c r="H707764" s="12"/>
    </row>
    <row r="707765" spans="8:8">
      <c r="H707765" s="12"/>
    </row>
    <row r="707766" spans="8:8">
      <c r="H707766" s="12"/>
    </row>
    <row r="707767" spans="8:8">
      <c r="H707767" s="12"/>
    </row>
    <row r="707768" spans="8:8">
      <c r="H707768" s="12"/>
    </row>
    <row r="707769" spans="8:8">
      <c r="H707769" s="12"/>
    </row>
    <row r="707770" spans="8:8">
      <c r="H707770" s="12"/>
    </row>
    <row r="707771" spans="8:8">
      <c r="H707771" s="12"/>
    </row>
    <row r="707772" spans="8:8">
      <c r="H707772" s="12"/>
    </row>
    <row r="707773" spans="8:8">
      <c r="H707773" s="12"/>
    </row>
    <row r="707774" spans="8:8">
      <c r="H707774" s="12"/>
    </row>
    <row r="707775" spans="8:8">
      <c r="H707775" s="12"/>
    </row>
    <row r="707776" spans="8:8">
      <c r="H707776" s="12"/>
    </row>
    <row r="707777" spans="8:8">
      <c r="H707777" s="12"/>
    </row>
    <row r="707778" spans="8:8">
      <c r="H707778" s="12"/>
    </row>
    <row r="707779" spans="8:8">
      <c r="H707779" s="12"/>
    </row>
    <row r="707780" spans="8:8">
      <c r="H707780" s="12"/>
    </row>
    <row r="707781" spans="8:8">
      <c r="H707781" s="12"/>
    </row>
    <row r="707782" spans="8:8">
      <c r="H707782" s="12"/>
    </row>
    <row r="707783" spans="8:8">
      <c r="H707783" s="12"/>
    </row>
    <row r="707784" spans="8:8">
      <c r="H707784" s="12"/>
    </row>
    <row r="707785" spans="8:8">
      <c r="H707785" s="12"/>
    </row>
    <row r="707786" spans="8:8">
      <c r="H707786" s="12"/>
    </row>
    <row r="707787" spans="8:8">
      <c r="H707787" s="12"/>
    </row>
    <row r="707788" spans="8:8">
      <c r="H707788" s="12"/>
    </row>
    <row r="707789" spans="8:8">
      <c r="H707789" s="12"/>
    </row>
    <row r="707790" spans="8:8">
      <c r="H707790" s="12"/>
    </row>
    <row r="707791" spans="8:8">
      <c r="H707791" s="12"/>
    </row>
    <row r="707792" spans="8:8">
      <c r="H707792" s="12"/>
    </row>
    <row r="707793" spans="8:8">
      <c r="H707793" s="12"/>
    </row>
    <row r="707794" spans="8:8">
      <c r="H707794" s="12"/>
    </row>
    <row r="707795" spans="8:8">
      <c r="H707795" s="12"/>
    </row>
    <row r="707796" spans="8:8">
      <c r="H707796" s="12"/>
    </row>
    <row r="707797" spans="8:8">
      <c r="H707797" s="12"/>
    </row>
    <row r="707798" spans="8:8">
      <c r="H707798" s="12"/>
    </row>
    <row r="707799" spans="8:8">
      <c r="H707799" s="12"/>
    </row>
    <row r="707800" spans="8:8">
      <c r="H707800" s="12"/>
    </row>
    <row r="707801" spans="8:8">
      <c r="H707801" s="12"/>
    </row>
    <row r="707802" spans="8:8">
      <c r="H707802" s="12"/>
    </row>
    <row r="707803" spans="8:8">
      <c r="H707803" s="12"/>
    </row>
    <row r="707804" spans="8:8">
      <c r="H707804" s="12"/>
    </row>
    <row r="707805" spans="8:8">
      <c r="H707805" s="12"/>
    </row>
    <row r="707806" spans="8:8">
      <c r="H707806" s="12"/>
    </row>
    <row r="707807" spans="8:8">
      <c r="H707807" s="12"/>
    </row>
    <row r="707808" spans="8:8">
      <c r="H707808" s="12"/>
    </row>
    <row r="707809" spans="8:8">
      <c r="H707809" s="12"/>
    </row>
    <row r="707810" spans="8:8">
      <c r="H707810" s="12"/>
    </row>
    <row r="707811" spans="8:8">
      <c r="H707811" s="12"/>
    </row>
    <row r="707812" spans="8:8">
      <c r="H707812" s="12"/>
    </row>
    <row r="707813" spans="8:8">
      <c r="H707813" s="12"/>
    </row>
    <row r="707814" spans="8:8">
      <c r="H707814" s="12"/>
    </row>
    <row r="707815" spans="8:8">
      <c r="H707815" s="12"/>
    </row>
    <row r="707816" spans="8:8">
      <c r="H707816" s="12"/>
    </row>
    <row r="707817" spans="8:8">
      <c r="H707817" s="12"/>
    </row>
    <row r="707818" spans="8:8">
      <c r="H707818" s="12"/>
    </row>
    <row r="707819" spans="8:8">
      <c r="H707819" s="12"/>
    </row>
    <row r="707820" spans="8:8">
      <c r="H707820" s="12"/>
    </row>
    <row r="707821" spans="8:8">
      <c r="H707821" s="12"/>
    </row>
    <row r="707822" spans="8:8">
      <c r="H707822" s="12"/>
    </row>
    <row r="707823" spans="8:8">
      <c r="H707823" s="12"/>
    </row>
    <row r="707824" spans="8:8">
      <c r="H707824" s="12"/>
    </row>
    <row r="707825" spans="8:8">
      <c r="H707825" s="12"/>
    </row>
    <row r="707826" spans="8:8">
      <c r="H707826" s="12"/>
    </row>
    <row r="707827" spans="8:8">
      <c r="H707827" s="12"/>
    </row>
    <row r="707828" spans="8:8">
      <c r="H707828" s="12"/>
    </row>
    <row r="707829" spans="8:8">
      <c r="H707829" s="12"/>
    </row>
    <row r="707830" spans="8:8">
      <c r="H707830" s="12"/>
    </row>
    <row r="707831" spans="8:8">
      <c r="H707831" s="12"/>
    </row>
    <row r="707832" spans="8:8">
      <c r="H707832" s="12"/>
    </row>
    <row r="707833" spans="8:8">
      <c r="H707833" s="12"/>
    </row>
    <row r="707834" spans="8:8">
      <c r="H707834" s="12"/>
    </row>
    <row r="707835" spans="8:8">
      <c r="H707835" s="12"/>
    </row>
    <row r="707836" spans="8:8">
      <c r="H707836" s="12"/>
    </row>
    <row r="707837" spans="8:8">
      <c r="H707837" s="12"/>
    </row>
    <row r="707838" spans="8:8">
      <c r="H707838" s="12"/>
    </row>
    <row r="707839" spans="8:8">
      <c r="H707839" s="12"/>
    </row>
    <row r="707840" spans="8:8">
      <c r="H707840" s="12"/>
    </row>
    <row r="707841" spans="8:8">
      <c r="H707841" s="12"/>
    </row>
    <row r="707842" spans="8:8">
      <c r="H707842" s="12"/>
    </row>
    <row r="707843" spans="8:8">
      <c r="H707843" s="12"/>
    </row>
    <row r="707844" spans="8:8">
      <c r="H707844" s="12"/>
    </row>
    <row r="707845" spans="8:8">
      <c r="H707845" s="12"/>
    </row>
    <row r="707846" spans="8:8">
      <c r="H707846" s="12"/>
    </row>
    <row r="707847" spans="8:8">
      <c r="H707847" s="12"/>
    </row>
    <row r="707848" spans="8:8">
      <c r="H707848" s="12"/>
    </row>
    <row r="707849" spans="8:8">
      <c r="H707849" s="12"/>
    </row>
    <row r="707850" spans="8:8">
      <c r="H707850" s="12"/>
    </row>
    <row r="707851" spans="8:8">
      <c r="H707851" s="12"/>
    </row>
    <row r="707852" spans="8:8">
      <c r="H707852" s="12"/>
    </row>
    <row r="707853" spans="8:8">
      <c r="H707853" s="12"/>
    </row>
    <row r="707854" spans="8:8">
      <c r="H707854" s="12"/>
    </row>
    <row r="707855" spans="8:8">
      <c r="H707855" s="12"/>
    </row>
    <row r="707856" spans="8:8">
      <c r="H707856" s="12"/>
    </row>
    <row r="707857" spans="8:8">
      <c r="H707857" s="12"/>
    </row>
    <row r="707858" spans="8:8">
      <c r="H707858" s="12"/>
    </row>
    <row r="707859" spans="8:8">
      <c r="H707859" s="12"/>
    </row>
    <row r="707860" spans="8:8">
      <c r="H707860" s="12"/>
    </row>
    <row r="707861" spans="8:8">
      <c r="H707861" s="12"/>
    </row>
    <row r="707862" spans="8:8">
      <c r="H707862" s="12"/>
    </row>
    <row r="707863" spans="8:8">
      <c r="H707863" s="12"/>
    </row>
    <row r="707864" spans="8:8">
      <c r="H707864" s="12"/>
    </row>
    <row r="707865" spans="8:8">
      <c r="H707865" s="12"/>
    </row>
    <row r="707866" spans="8:8">
      <c r="H707866" s="12"/>
    </row>
    <row r="707867" spans="8:8">
      <c r="H707867" s="12"/>
    </row>
    <row r="707868" spans="8:8">
      <c r="H707868" s="12"/>
    </row>
    <row r="707869" spans="8:8">
      <c r="H707869" s="12"/>
    </row>
    <row r="707870" spans="8:8">
      <c r="H707870" s="12"/>
    </row>
    <row r="707871" spans="8:8">
      <c r="H707871" s="12"/>
    </row>
    <row r="707872" spans="8:8">
      <c r="H707872" s="12"/>
    </row>
    <row r="707873" spans="8:8">
      <c r="H707873" s="12"/>
    </row>
    <row r="707874" spans="8:8">
      <c r="H707874" s="12"/>
    </row>
    <row r="707875" spans="8:8">
      <c r="H707875" s="12"/>
    </row>
    <row r="707876" spans="8:8">
      <c r="H707876" s="12"/>
    </row>
    <row r="707877" spans="8:8">
      <c r="H707877" s="12"/>
    </row>
    <row r="707878" spans="8:8">
      <c r="H707878" s="12"/>
    </row>
    <row r="707879" spans="8:8">
      <c r="H707879" s="12"/>
    </row>
    <row r="707880" spans="8:8">
      <c r="H707880" s="12"/>
    </row>
    <row r="707881" spans="8:8">
      <c r="H707881" s="12"/>
    </row>
    <row r="707882" spans="8:8">
      <c r="H707882" s="12"/>
    </row>
    <row r="707883" spans="8:8">
      <c r="H707883" s="12"/>
    </row>
    <row r="707884" spans="8:8">
      <c r="H707884" s="12"/>
    </row>
    <row r="707885" spans="8:8">
      <c r="H707885" s="12"/>
    </row>
    <row r="707886" spans="8:8">
      <c r="H707886" s="12"/>
    </row>
    <row r="707887" spans="8:8">
      <c r="H707887" s="12"/>
    </row>
    <row r="707888" spans="8:8">
      <c r="H707888" s="12"/>
    </row>
    <row r="707889" spans="8:8">
      <c r="H707889" s="12"/>
    </row>
    <row r="707890" spans="8:8">
      <c r="H707890" s="12"/>
    </row>
    <row r="707891" spans="8:8">
      <c r="H707891" s="12"/>
    </row>
    <row r="707892" spans="8:8">
      <c r="H707892" s="12"/>
    </row>
    <row r="707893" spans="8:8">
      <c r="H707893" s="12"/>
    </row>
    <row r="707894" spans="8:8">
      <c r="H707894" s="12"/>
    </row>
    <row r="707895" spans="8:8">
      <c r="H707895" s="12"/>
    </row>
    <row r="707896" spans="8:8">
      <c r="H707896" s="12"/>
    </row>
    <row r="707897" spans="8:8">
      <c r="H707897" s="12"/>
    </row>
    <row r="707898" spans="8:8">
      <c r="H707898" s="12"/>
    </row>
    <row r="707899" spans="8:8">
      <c r="H707899" s="12"/>
    </row>
    <row r="707900" spans="8:8">
      <c r="H707900" s="12"/>
    </row>
    <row r="707901" spans="8:8">
      <c r="H707901" s="12"/>
    </row>
    <row r="707902" spans="8:8">
      <c r="H707902" s="12"/>
    </row>
    <row r="707903" spans="8:8">
      <c r="H707903" s="12"/>
    </row>
    <row r="707904" spans="8:8">
      <c r="H707904" s="12"/>
    </row>
    <row r="707905" spans="8:8">
      <c r="H707905" s="12"/>
    </row>
    <row r="707906" spans="8:8">
      <c r="H707906" s="12"/>
    </row>
    <row r="707907" spans="8:8">
      <c r="H707907" s="12"/>
    </row>
    <row r="707908" spans="8:8">
      <c r="H707908" s="12"/>
    </row>
    <row r="707909" spans="8:8">
      <c r="H707909" s="12"/>
    </row>
    <row r="707910" spans="8:8">
      <c r="H707910" s="12"/>
    </row>
    <row r="707911" spans="8:8">
      <c r="H707911" s="12"/>
    </row>
    <row r="707912" spans="8:8">
      <c r="H707912" s="12"/>
    </row>
    <row r="707913" spans="8:8">
      <c r="H707913" s="12"/>
    </row>
    <row r="707914" spans="8:8">
      <c r="H707914" s="12"/>
    </row>
    <row r="707915" spans="8:8">
      <c r="H707915" s="12"/>
    </row>
    <row r="707916" spans="8:8">
      <c r="H707916" s="12"/>
    </row>
    <row r="707917" spans="8:8">
      <c r="H707917" s="12"/>
    </row>
    <row r="707918" spans="8:8">
      <c r="H707918" s="12"/>
    </row>
    <row r="707919" spans="8:8">
      <c r="H707919" s="12"/>
    </row>
    <row r="707920" spans="8:8">
      <c r="H707920" s="12"/>
    </row>
    <row r="707921" spans="8:8">
      <c r="H707921" s="12"/>
    </row>
    <row r="707922" spans="8:8">
      <c r="H707922" s="12"/>
    </row>
    <row r="707923" spans="8:8">
      <c r="H707923" s="12"/>
    </row>
    <row r="707924" spans="8:8">
      <c r="H707924" s="12"/>
    </row>
    <row r="707925" spans="8:8">
      <c r="H707925" s="12"/>
    </row>
    <row r="707926" spans="8:8">
      <c r="H707926" s="12"/>
    </row>
    <row r="707927" spans="8:8">
      <c r="H707927" s="12"/>
    </row>
    <row r="707928" spans="8:8">
      <c r="H707928" s="12"/>
    </row>
    <row r="707929" spans="8:8">
      <c r="H707929" s="12"/>
    </row>
    <row r="707930" spans="8:8">
      <c r="H707930" s="12"/>
    </row>
    <row r="707931" spans="8:8">
      <c r="H707931" s="12"/>
    </row>
    <row r="707932" spans="8:8">
      <c r="H707932" s="12"/>
    </row>
    <row r="707933" spans="8:8">
      <c r="H707933" s="12"/>
    </row>
    <row r="707934" spans="8:8">
      <c r="H707934" s="12"/>
    </row>
    <row r="707935" spans="8:8">
      <c r="H707935" s="12"/>
    </row>
    <row r="707936" spans="8:8">
      <c r="H707936" s="12"/>
    </row>
    <row r="707937" spans="8:8">
      <c r="H707937" s="12"/>
    </row>
    <row r="707938" spans="8:8">
      <c r="H707938" s="12"/>
    </row>
    <row r="707939" spans="8:8">
      <c r="H707939" s="12"/>
    </row>
    <row r="707940" spans="8:8">
      <c r="H707940" s="12"/>
    </row>
    <row r="707941" spans="8:8">
      <c r="H707941" s="12"/>
    </row>
    <row r="707942" spans="8:8">
      <c r="H707942" s="12"/>
    </row>
    <row r="707943" spans="8:8">
      <c r="H707943" s="12"/>
    </row>
    <row r="707944" spans="8:8">
      <c r="H707944" s="12"/>
    </row>
    <row r="707945" spans="8:8">
      <c r="H707945" s="12"/>
    </row>
    <row r="707946" spans="8:8">
      <c r="H707946" s="12"/>
    </row>
    <row r="707947" spans="8:8">
      <c r="H707947" s="12"/>
    </row>
    <row r="707948" spans="8:8">
      <c r="H707948" s="12"/>
    </row>
    <row r="707949" spans="8:8">
      <c r="H707949" s="12"/>
    </row>
    <row r="707950" spans="8:8">
      <c r="H707950" s="12"/>
    </row>
    <row r="707951" spans="8:8">
      <c r="H707951" s="12"/>
    </row>
    <row r="707952" spans="8:8">
      <c r="H707952" s="12"/>
    </row>
    <row r="707953" spans="8:8">
      <c r="H707953" s="12"/>
    </row>
    <row r="707954" spans="8:8">
      <c r="H707954" s="12"/>
    </row>
    <row r="707955" spans="8:8">
      <c r="H707955" s="12"/>
    </row>
    <row r="707956" spans="8:8">
      <c r="H707956" s="12"/>
    </row>
    <row r="707957" spans="8:8">
      <c r="H707957" s="12"/>
    </row>
    <row r="707958" spans="8:8">
      <c r="H707958" s="12"/>
    </row>
    <row r="707959" spans="8:8">
      <c r="H707959" s="12"/>
    </row>
    <row r="707960" spans="8:8">
      <c r="H707960" s="12"/>
    </row>
    <row r="707961" spans="8:8">
      <c r="H707961" s="12"/>
    </row>
    <row r="707962" spans="8:8">
      <c r="H707962" s="12"/>
    </row>
    <row r="707963" spans="8:8">
      <c r="H707963" s="12"/>
    </row>
    <row r="707964" spans="8:8">
      <c r="H707964" s="12"/>
    </row>
    <row r="707965" spans="8:8">
      <c r="H707965" s="12"/>
    </row>
    <row r="707966" spans="8:8">
      <c r="H707966" s="12"/>
    </row>
    <row r="707967" spans="8:8">
      <c r="H707967" s="12"/>
    </row>
    <row r="707968" spans="8:8">
      <c r="H707968" s="12"/>
    </row>
    <row r="707969" spans="8:8">
      <c r="H707969" s="12"/>
    </row>
    <row r="707970" spans="8:8">
      <c r="H707970" s="12"/>
    </row>
    <row r="707971" spans="8:8">
      <c r="H707971" s="12"/>
    </row>
    <row r="707972" spans="8:8">
      <c r="H707972" s="12"/>
    </row>
    <row r="707973" spans="8:8">
      <c r="H707973" s="12"/>
    </row>
    <row r="707974" spans="8:8">
      <c r="H707974" s="12"/>
    </row>
    <row r="707975" spans="8:8">
      <c r="H707975" s="12"/>
    </row>
    <row r="707976" spans="8:8">
      <c r="H707976" s="12"/>
    </row>
    <row r="707977" spans="8:8">
      <c r="H707977" s="12"/>
    </row>
    <row r="707978" spans="8:8">
      <c r="H707978" s="12"/>
    </row>
    <row r="707979" spans="8:8">
      <c r="H707979" s="12"/>
    </row>
    <row r="707980" spans="8:8">
      <c r="H707980" s="12"/>
    </row>
    <row r="707981" spans="8:8">
      <c r="H707981" s="12"/>
    </row>
    <row r="707982" spans="8:8">
      <c r="H707982" s="12"/>
    </row>
    <row r="707983" spans="8:8">
      <c r="H707983" s="12"/>
    </row>
    <row r="707984" spans="8:8">
      <c r="H707984" s="12"/>
    </row>
    <row r="707985" spans="8:8">
      <c r="H707985" s="12"/>
    </row>
    <row r="707986" spans="8:8">
      <c r="H707986" s="12"/>
    </row>
    <row r="707987" spans="8:8">
      <c r="H707987" s="12"/>
    </row>
    <row r="707988" spans="8:8">
      <c r="H707988" s="12"/>
    </row>
    <row r="707989" spans="8:8">
      <c r="H707989" s="12"/>
    </row>
    <row r="707990" spans="8:8">
      <c r="H707990" s="12"/>
    </row>
    <row r="707991" spans="8:8">
      <c r="H707991" s="12"/>
    </row>
    <row r="707992" spans="8:8">
      <c r="H707992" s="12"/>
    </row>
    <row r="707993" spans="8:8">
      <c r="H707993" s="12"/>
    </row>
    <row r="707994" spans="8:8">
      <c r="H707994" s="12"/>
    </row>
    <row r="707995" spans="8:8">
      <c r="H707995" s="12"/>
    </row>
    <row r="707996" spans="8:8">
      <c r="H707996" s="12"/>
    </row>
    <row r="707997" spans="8:8">
      <c r="H707997" s="12"/>
    </row>
    <row r="707998" spans="8:8">
      <c r="H707998" s="12"/>
    </row>
    <row r="707999" spans="8:8">
      <c r="H707999" s="12"/>
    </row>
    <row r="708000" spans="8:8">
      <c r="H708000" s="12"/>
    </row>
    <row r="708001" spans="8:8">
      <c r="H708001" s="12"/>
    </row>
    <row r="708002" spans="8:8">
      <c r="H708002" s="12"/>
    </row>
    <row r="708003" spans="8:8">
      <c r="H708003" s="12"/>
    </row>
    <row r="708004" spans="8:8">
      <c r="H708004" s="12"/>
    </row>
    <row r="708005" spans="8:8">
      <c r="H708005" s="12"/>
    </row>
    <row r="708006" spans="8:8">
      <c r="H708006" s="12"/>
    </row>
    <row r="708007" spans="8:8">
      <c r="H708007" s="12"/>
    </row>
    <row r="708008" spans="8:8">
      <c r="H708008" s="12"/>
    </row>
    <row r="708009" spans="8:8">
      <c r="H708009" s="12"/>
    </row>
    <row r="708010" spans="8:8">
      <c r="H708010" s="12"/>
    </row>
    <row r="708011" spans="8:8">
      <c r="H708011" s="12"/>
    </row>
    <row r="708012" spans="8:8">
      <c r="H708012" s="12"/>
    </row>
    <row r="708013" spans="8:8">
      <c r="H708013" s="12"/>
    </row>
    <row r="708014" spans="8:8">
      <c r="H708014" s="12"/>
    </row>
    <row r="708015" spans="8:8">
      <c r="H708015" s="12"/>
    </row>
    <row r="708016" spans="8:8">
      <c r="H708016" s="12"/>
    </row>
    <row r="708017" spans="8:8">
      <c r="H708017" s="12"/>
    </row>
    <row r="708018" spans="8:8">
      <c r="H708018" s="12"/>
    </row>
    <row r="708019" spans="8:8">
      <c r="H708019" s="12"/>
    </row>
    <row r="708020" spans="8:8">
      <c r="H708020" s="12"/>
    </row>
    <row r="708021" spans="8:8">
      <c r="H708021" s="12"/>
    </row>
    <row r="708022" spans="8:8">
      <c r="H708022" s="12"/>
    </row>
    <row r="708023" spans="8:8">
      <c r="H708023" s="12"/>
    </row>
    <row r="708024" spans="8:8">
      <c r="H708024" s="12"/>
    </row>
    <row r="708025" spans="8:8">
      <c r="H708025" s="12"/>
    </row>
    <row r="708026" spans="8:8">
      <c r="H708026" s="12"/>
    </row>
    <row r="708027" spans="8:8">
      <c r="H708027" s="12"/>
    </row>
    <row r="708028" spans="8:8">
      <c r="H708028" s="12"/>
    </row>
    <row r="708029" spans="8:8">
      <c r="H708029" s="12"/>
    </row>
    <row r="708030" spans="8:8">
      <c r="H708030" s="12"/>
    </row>
    <row r="708031" spans="8:8">
      <c r="H708031" s="12"/>
    </row>
    <row r="708032" spans="8:8">
      <c r="H708032" s="12"/>
    </row>
    <row r="708033" spans="8:8">
      <c r="H708033" s="12"/>
    </row>
    <row r="708034" spans="8:8">
      <c r="H708034" s="12"/>
    </row>
    <row r="708035" spans="8:8">
      <c r="H708035" s="12"/>
    </row>
    <row r="708036" spans="8:8">
      <c r="H708036" s="12"/>
    </row>
    <row r="708037" spans="8:8">
      <c r="H708037" s="12"/>
    </row>
    <row r="708038" spans="8:8">
      <c r="H708038" s="12"/>
    </row>
    <row r="708039" spans="8:8">
      <c r="H708039" s="12"/>
    </row>
    <row r="708040" spans="8:8">
      <c r="H708040" s="12"/>
    </row>
    <row r="708041" spans="8:8">
      <c r="H708041" s="12"/>
    </row>
    <row r="708042" spans="8:8">
      <c r="H708042" s="12"/>
    </row>
    <row r="708043" spans="8:8">
      <c r="H708043" s="12"/>
    </row>
    <row r="708044" spans="8:8">
      <c r="H708044" s="12"/>
    </row>
    <row r="708045" spans="8:8">
      <c r="H708045" s="12"/>
    </row>
    <row r="708046" spans="8:8">
      <c r="H708046" s="12"/>
    </row>
    <row r="708047" spans="8:8">
      <c r="H708047" s="12"/>
    </row>
    <row r="708048" spans="8:8">
      <c r="H708048" s="12"/>
    </row>
    <row r="708049" spans="8:8">
      <c r="H708049" s="12"/>
    </row>
    <row r="708050" spans="8:8">
      <c r="H708050" s="12"/>
    </row>
    <row r="708051" spans="8:8">
      <c r="H708051" s="12"/>
    </row>
    <row r="708052" spans="8:8">
      <c r="H708052" s="12"/>
    </row>
    <row r="708053" spans="8:8">
      <c r="H708053" s="12"/>
    </row>
    <row r="708054" spans="8:8">
      <c r="H708054" s="12"/>
    </row>
    <row r="708055" spans="8:8">
      <c r="H708055" s="12"/>
    </row>
    <row r="708056" spans="8:8">
      <c r="H708056" s="12"/>
    </row>
    <row r="708057" spans="8:8">
      <c r="H708057" s="12"/>
    </row>
    <row r="708058" spans="8:8">
      <c r="H708058" s="12"/>
    </row>
    <row r="708059" spans="8:8">
      <c r="H708059" s="12"/>
    </row>
    <row r="708060" spans="8:8">
      <c r="H708060" s="12"/>
    </row>
    <row r="708061" spans="8:8">
      <c r="H708061" s="12"/>
    </row>
    <row r="708062" spans="8:8">
      <c r="H708062" s="12"/>
    </row>
    <row r="708063" spans="8:8">
      <c r="H708063" s="12"/>
    </row>
    <row r="708064" spans="8:8">
      <c r="H708064" s="12"/>
    </row>
    <row r="708065" spans="8:8">
      <c r="H708065" s="12"/>
    </row>
    <row r="708066" spans="8:8">
      <c r="H708066" s="12"/>
    </row>
    <row r="708067" spans="8:8">
      <c r="H708067" s="12"/>
    </row>
    <row r="708068" spans="8:8">
      <c r="H708068" s="12"/>
    </row>
    <row r="708069" spans="8:8">
      <c r="H708069" s="12"/>
    </row>
    <row r="708070" spans="8:8">
      <c r="H708070" s="12"/>
    </row>
    <row r="708071" spans="8:8">
      <c r="H708071" s="12"/>
    </row>
    <row r="708072" spans="8:8">
      <c r="H708072" s="12"/>
    </row>
    <row r="708073" spans="8:8">
      <c r="H708073" s="12"/>
    </row>
    <row r="708074" spans="8:8">
      <c r="H708074" s="12"/>
    </row>
    <row r="708075" spans="8:8">
      <c r="H708075" s="12"/>
    </row>
    <row r="708076" spans="8:8">
      <c r="H708076" s="12"/>
    </row>
    <row r="708077" spans="8:8">
      <c r="H708077" s="12"/>
    </row>
    <row r="708078" spans="8:8">
      <c r="H708078" s="12"/>
    </row>
    <row r="708079" spans="8:8">
      <c r="H708079" s="12"/>
    </row>
    <row r="708080" spans="8:8">
      <c r="H708080" s="12"/>
    </row>
    <row r="708081" spans="8:8">
      <c r="H708081" s="12"/>
    </row>
    <row r="708082" spans="8:8">
      <c r="H708082" s="12"/>
    </row>
    <row r="708083" spans="8:8">
      <c r="H708083" s="12"/>
    </row>
    <row r="708084" spans="8:8">
      <c r="H708084" s="12"/>
    </row>
    <row r="708085" spans="8:8">
      <c r="H708085" s="12"/>
    </row>
    <row r="708086" spans="8:8">
      <c r="H708086" s="12"/>
    </row>
    <row r="708087" spans="8:8">
      <c r="H708087" s="12"/>
    </row>
    <row r="708088" spans="8:8">
      <c r="H708088" s="12"/>
    </row>
    <row r="708089" spans="8:8">
      <c r="H708089" s="12"/>
    </row>
    <row r="708090" spans="8:8">
      <c r="H708090" s="12"/>
    </row>
    <row r="708091" spans="8:8">
      <c r="H708091" s="12"/>
    </row>
    <row r="708092" spans="8:8">
      <c r="H708092" s="12"/>
    </row>
    <row r="708093" spans="8:8">
      <c r="H708093" s="12"/>
    </row>
    <row r="708094" spans="8:8">
      <c r="H708094" s="12"/>
    </row>
    <row r="708095" spans="8:8">
      <c r="H708095" s="12"/>
    </row>
    <row r="708096" spans="8:8">
      <c r="H708096" s="12"/>
    </row>
    <row r="708097" spans="8:8">
      <c r="H708097" s="12"/>
    </row>
    <row r="708098" spans="8:8">
      <c r="H708098" s="12"/>
    </row>
    <row r="708099" spans="8:8">
      <c r="H708099" s="12"/>
    </row>
    <row r="708100" spans="8:8">
      <c r="H708100" s="12"/>
    </row>
    <row r="708101" spans="8:8">
      <c r="H708101" s="12"/>
    </row>
    <row r="708102" spans="8:8">
      <c r="H708102" s="12"/>
    </row>
    <row r="708103" spans="8:8">
      <c r="H708103" s="12"/>
    </row>
    <row r="708104" spans="8:8">
      <c r="H708104" s="12"/>
    </row>
    <row r="708105" spans="8:8">
      <c r="H708105" s="12"/>
    </row>
    <row r="708106" spans="8:8">
      <c r="H708106" s="12"/>
    </row>
    <row r="708107" spans="8:8">
      <c r="H708107" s="12"/>
    </row>
    <row r="708108" spans="8:8">
      <c r="H708108" s="12"/>
    </row>
    <row r="708109" spans="8:8">
      <c r="H708109" s="12"/>
    </row>
    <row r="708110" spans="8:8">
      <c r="H708110" s="12"/>
    </row>
    <row r="708111" spans="8:8">
      <c r="H708111" s="12"/>
    </row>
    <row r="708112" spans="8:8">
      <c r="H708112" s="12"/>
    </row>
    <row r="708113" spans="8:8">
      <c r="H708113" s="12"/>
    </row>
    <row r="708114" spans="8:8">
      <c r="H708114" s="12"/>
    </row>
    <row r="708115" spans="8:8">
      <c r="H708115" s="12"/>
    </row>
    <row r="708116" spans="8:8">
      <c r="H708116" s="12"/>
    </row>
    <row r="708117" spans="8:8">
      <c r="H708117" s="12"/>
    </row>
    <row r="708118" spans="8:8">
      <c r="H708118" s="12"/>
    </row>
    <row r="708119" spans="8:8">
      <c r="H708119" s="12"/>
    </row>
    <row r="708120" spans="8:8">
      <c r="H708120" s="12"/>
    </row>
    <row r="708121" spans="8:8">
      <c r="H708121" s="12"/>
    </row>
    <row r="708122" spans="8:8">
      <c r="H708122" s="12"/>
    </row>
    <row r="708123" spans="8:8">
      <c r="H708123" s="12"/>
    </row>
    <row r="708124" spans="8:8">
      <c r="H708124" s="12"/>
    </row>
    <row r="708125" spans="8:8">
      <c r="H708125" s="12"/>
    </row>
    <row r="708126" spans="8:8">
      <c r="H708126" s="12"/>
    </row>
    <row r="708127" spans="8:8">
      <c r="H708127" s="12"/>
    </row>
    <row r="708128" spans="8:8">
      <c r="H708128" s="12"/>
    </row>
    <row r="708129" spans="8:8">
      <c r="H708129" s="12"/>
    </row>
    <row r="708130" spans="8:8">
      <c r="H708130" s="12"/>
    </row>
    <row r="708131" spans="8:8">
      <c r="H708131" s="12"/>
    </row>
    <row r="708132" spans="8:8">
      <c r="H708132" s="12"/>
    </row>
    <row r="708133" spans="8:8">
      <c r="H708133" s="12"/>
    </row>
    <row r="708134" spans="8:8">
      <c r="H708134" s="12"/>
    </row>
    <row r="708135" spans="8:8">
      <c r="H708135" s="12"/>
    </row>
    <row r="708136" spans="8:8">
      <c r="H708136" s="12"/>
    </row>
    <row r="708137" spans="8:8">
      <c r="H708137" s="12"/>
    </row>
    <row r="708138" spans="8:8">
      <c r="H708138" s="12"/>
    </row>
    <row r="708139" spans="8:8">
      <c r="H708139" s="12"/>
    </row>
    <row r="708140" spans="8:8">
      <c r="H708140" s="12"/>
    </row>
    <row r="708141" spans="8:8">
      <c r="H708141" s="12"/>
    </row>
    <row r="708142" spans="8:8">
      <c r="H708142" s="12"/>
    </row>
    <row r="708143" spans="8:8">
      <c r="H708143" s="12"/>
    </row>
    <row r="708144" spans="8:8">
      <c r="H708144" s="12"/>
    </row>
    <row r="708145" spans="8:8">
      <c r="H708145" s="12"/>
    </row>
    <row r="708146" spans="8:8">
      <c r="H708146" s="12"/>
    </row>
    <row r="708147" spans="8:8">
      <c r="H708147" s="12"/>
    </row>
    <row r="708148" spans="8:8">
      <c r="H708148" s="12"/>
    </row>
    <row r="708149" spans="8:8">
      <c r="H708149" s="12"/>
    </row>
    <row r="708150" spans="8:8">
      <c r="H708150" s="12"/>
    </row>
    <row r="708151" spans="8:8">
      <c r="H708151" s="12"/>
    </row>
    <row r="708152" spans="8:8">
      <c r="H708152" s="12"/>
    </row>
    <row r="708153" spans="8:8">
      <c r="H708153" s="12"/>
    </row>
    <row r="708154" spans="8:8">
      <c r="H708154" s="12"/>
    </row>
    <row r="708155" spans="8:8">
      <c r="H708155" s="12"/>
    </row>
    <row r="708156" spans="8:8">
      <c r="H708156" s="12"/>
    </row>
    <row r="708157" spans="8:8">
      <c r="H708157" s="12"/>
    </row>
    <row r="708158" spans="8:8">
      <c r="H708158" s="12"/>
    </row>
    <row r="708159" spans="8:8">
      <c r="H708159" s="12"/>
    </row>
    <row r="708160" spans="8:8">
      <c r="H708160" s="12"/>
    </row>
    <row r="708161" spans="8:8">
      <c r="H708161" s="12"/>
    </row>
    <row r="708162" spans="8:8">
      <c r="H708162" s="12"/>
    </row>
    <row r="708163" spans="8:8">
      <c r="H708163" s="12"/>
    </row>
    <row r="708164" spans="8:8">
      <c r="H708164" s="12"/>
    </row>
    <row r="708165" spans="8:8">
      <c r="H708165" s="12"/>
    </row>
    <row r="708166" spans="8:8">
      <c r="H708166" s="12"/>
    </row>
    <row r="708167" spans="8:8">
      <c r="H708167" s="12"/>
    </row>
    <row r="708168" spans="8:8">
      <c r="H708168" s="12"/>
    </row>
    <row r="708169" spans="8:8">
      <c r="H708169" s="12"/>
    </row>
    <row r="708170" spans="8:8">
      <c r="H708170" s="12"/>
    </row>
    <row r="708171" spans="8:8">
      <c r="H708171" s="12"/>
    </row>
    <row r="708172" spans="8:8">
      <c r="H708172" s="12"/>
    </row>
    <row r="708173" spans="8:8">
      <c r="H708173" s="12"/>
    </row>
    <row r="708174" spans="8:8">
      <c r="H708174" s="12"/>
    </row>
    <row r="708175" spans="8:8">
      <c r="H708175" s="12"/>
    </row>
    <row r="708176" spans="8:8">
      <c r="H708176" s="12"/>
    </row>
    <row r="708177" spans="8:8">
      <c r="H708177" s="12"/>
    </row>
    <row r="708178" spans="8:8">
      <c r="H708178" s="12"/>
    </row>
    <row r="708179" spans="8:8">
      <c r="H708179" s="12"/>
    </row>
    <row r="708180" spans="8:8">
      <c r="H708180" s="12"/>
    </row>
    <row r="708181" spans="8:8">
      <c r="H708181" s="12"/>
    </row>
    <row r="708182" spans="8:8">
      <c r="H708182" s="12"/>
    </row>
    <row r="708183" spans="8:8">
      <c r="H708183" s="12"/>
    </row>
    <row r="708184" spans="8:8">
      <c r="H708184" s="12"/>
    </row>
    <row r="708185" spans="8:8">
      <c r="H708185" s="12"/>
    </row>
    <row r="708186" spans="8:8">
      <c r="H708186" s="12"/>
    </row>
    <row r="708187" spans="8:8">
      <c r="H708187" s="12"/>
    </row>
    <row r="708188" spans="8:8">
      <c r="H708188" s="12"/>
    </row>
    <row r="708189" spans="8:8">
      <c r="H708189" s="12"/>
    </row>
    <row r="708190" spans="8:8">
      <c r="H708190" s="12"/>
    </row>
    <row r="708191" spans="8:8">
      <c r="H708191" s="12"/>
    </row>
    <row r="708192" spans="8:8">
      <c r="H708192" s="12"/>
    </row>
    <row r="708193" spans="8:8">
      <c r="H708193" s="12"/>
    </row>
    <row r="708194" spans="8:8">
      <c r="H708194" s="12"/>
    </row>
    <row r="708195" spans="8:8">
      <c r="H708195" s="12"/>
    </row>
    <row r="708196" spans="8:8">
      <c r="H708196" s="12"/>
    </row>
    <row r="708197" spans="8:8">
      <c r="H708197" s="12"/>
    </row>
    <row r="708198" spans="8:8">
      <c r="H708198" s="12"/>
    </row>
    <row r="708199" spans="8:8">
      <c r="H708199" s="12"/>
    </row>
    <row r="708200" spans="8:8">
      <c r="H708200" s="12"/>
    </row>
    <row r="708201" spans="8:8">
      <c r="H708201" s="12"/>
    </row>
    <row r="708202" spans="8:8">
      <c r="H708202" s="12"/>
    </row>
    <row r="708203" spans="8:8">
      <c r="H708203" s="12"/>
    </row>
    <row r="708204" spans="8:8">
      <c r="H708204" s="12"/>
    </row>
    <row r="708205" spans="8:8">
      <c r="H708205" s="12"/>
    </row>
    <row r="708206" spans="8:8">
      <c r="H708206" s="12"/>
    </row>
    <row r="708207" spans="8:8">
      <c r="H708207" s="12"/>
    </row>
    <row r="708208" spans="8:8">
      <c r="H708208" s="12"/>
    </row>
    <row r="708209" spans="8:8">
      <c r="H708209" s="12"/>
    </row>
    <row r="708210" spans="8:8">
      <c r="H708210" s="12"/>
    </row>
    <row r="708211" spans="8:8">
      <c r="H708211" s="12"/>
    </row>
    <row r="708212" spans="8:8">
      <c r="H708212" s="12"/>
    </row>
    <row r="708213" spans="8:8">
      <c r="H708213" s="12"/>
    </row>
    <row r="708214" spans="8:8">
      <c r="H708214" s="12"/>
    </row>
    <row r="708215" spans="8:8">
      <c r="H708215" s="12"/>
    </row>
    <row r="708216" spans="8:8">
      <c r="H708216" s="12"/>
    </row>
    <row r="708217" spans="8:8">
      <c r="H708217" s="12"/>
    </row>
    <row r="708218" spans="8:8">
      <c r="H708218" s="12"/>
    </row>
    <row r="708219" spans="8:8">
      <c r="H708219" s="12"/>
    </row>
    <row r="708220" spans="8:8">
      <c r="H708220" s="12"/>
    </row>
    <row r="708221" spans="8:8">
      <c r="H708221" s="12"/>
    </row>
    <row r="708222" spans="8:8">
      <c r="H708222" s="12"/>
    </row>
    <row r="708223" spans="8:8">
      <c r="H708223" s="12"/>
    </row>
    <row r="708224" spans="8:8">
      <c r="H708224" s="12"/>
    </row>
    <row r="708225" spans="8:8">
      <c r="H708225" s="12"/>
    </row>
    <row r="708226" spans="8:8">
      <c r="H708226" s="12"/>
    </row>
    <row r="708227" spans="8:8">
      <c r="H708227" s="12"/>
    </row>
    <row r="708228" spans="8:8">
      <c r="H708228" s="12"/>
    </row>
    <row r="708229" spans="8:8">
      <c r="H708229" s="12"/>
    </row>
    <row r="708230" spans="8:8">
      <c r="H708230" s="12"/>
    </row>
    <row r="708231" spans="8:8">
      <c r="H708231" s="12"/>
    </row>
    <row r="708232" spans="8:8">
      <c r="H708232" s="12"/>
    </row>
    <row r="708233" spans="8:8">
      <c r="H708233" s="12"/>
    </row>
    <row r="708234" spans="8:8">
      <c r="H708234" s="12"/>
    </row>
    <row r="708235" spans="8:8">
      <c r="H708235" s="12"/>
    </row>
    <row r="708236" spans="8:8">
      <c r="H708236" s="12"/>
    </row>
    <row r="708237" spans="8:8">
      <c r="H708237" s="12"/>
    </row>
    <row r="708238" spans="8:8">
      <c r="H708238" s="12"/>
    </row>
    <row r="708239" spans="8:8">
      <c r="H708239" s="12"/>
    </row>
    <row r="708240" spans="8:8">
      <c r="H708240" s="12"/>
    </row>
    <row r="708241" spans="8:8">
      <c r="H708241" s="12"/>
    </row>
    <row r="708242" spans="8:8">
      <c r="H708242" s="12"/>
    </row>
    <row r="708243" spans="8:8">
      <c r="H708243" s="12"/>
    </row>
    <row r="708244" spans="8:8">
      <c r="H708244" s="12"/>
    </row>
    <row r="708245" spans="8:8">
      <c r="H708245" s="12"/>
    </row>
    <row r="708246" spans="8:8">
      <c r="H708246" s="12"/>
    </row>
    <row r="708247" spans="8:8">
      <c r="H708247" s="12"/>
    </row>
    <row r="708248" spans="8:8">
      <c r="H708248" s="12"/>
    </row>
    <row r="708249" spans="8:8">
      <c r="H708249" s="12"/>
    </row>
    <row r="708250" spans="8:8">
      <c r="H708250" s="12"/>
    </row>
    <row r="708251" spans="8:8">
      <c r="H708251" s="12"/>
    </row>
    <row r="708252" spans="8:8">
      <c r="H708252" s="12"/>
    </row>
    <row r="708253" spans="8:8">
      <c r="H708253" s="12"/>
    </row>
    <row r="708254" spans="8:8">
      <c r="H708254" s="12"/>
    </row>
    <row r="708255" spans="8:8">
      <c r="H708255" s="12"/>
    </row>
    <row r="708256" spans="8:8">
      <c r="H708256" s="12"/>
    </row>
    <row r="708257" spans="8:8">
      <c r="H708257" s="12"/>
    </row>
    <row r="708258" spans="8:8">
      <c r="H708258" s="12"/>
    </row>
    <row r="708259" spans="8:8">
      <c r="H708259" s="12"/>
    </row>
    <row r="708260" spans="8:8">
      <c r="H708260" s="12"/>
    </row>
    <row r="708261" spans="8:8">
      <c r="H708261" s="12"/>
    </row>
    <row r="708262" spans="8:8">
      <c r="H708262" s="12"/>
    </row>
    <row r="708263" spans="8:8">
      <c r="H708263" s="12"/>
    </row>
    <row r="708264" spans="8:8">
      <c r="H708264" s="12"/>
    </row>
    <row r="708265" spans="8:8">
      <c r="H708265" s="12"/>
    </row>
    <row r="708266" spans="8:8">
      <c r="H708266" s="12"/>
    </row>
    <row r="708267" spans="8:8">
      <c r="H708267" s="12"/>
    </row>
    <row r="708268" spans="8:8">
      <c r="H708268" s="12"/>
    </row>
    <row r="708269" spans="8:8">
      <c r="H708269" s="12"/>
    </row>
    <row r="708270" spans="8:8">
      <c r="H708270" s="12"/>
    </row>
    <row r="708271" spans="8:8">
      <c r="H708271" s="12"/>
    </row>
    <row r="708272" spans="8:8">
      <c r="H708272" s="12"/>
    </row>
    <row r="708273" spans="8:8">
      <c r="H708273" s="12"/>
    </row>
    <row r="708274" spans="8:8">
      <c r="H708274" s="12"/>
    </row>
    <row r="708275" spans="8:8">
      <c r="H708275" s="12"/>
    </row>
    <row r="708276" spans="8:8">
      <c r="H708276" s="12"/>
    </row>
    <row r="708277" spans="8:8">
      <c r="H708277" s="12"/>
    </row>
    <row r="708278" spans="8:8">
      <c r="H708278" s="12"/>
    </row>
    <row r="708279" spans="8:8">
      <c r="H708279" s="12"/>
    </row>
    <row r="708280" spans="8:8">
      <c r="H708280" s="12"/>
    </row>
    <row r="708281" spans="8:8">
      <c r="H708281" s="12"/>
    </row>
    <row r="708282" spans="8:8">
      <c r="H708282" s="12"/>
    </row>
    <row r="708283" spans="8:8">
      <c r="H708283" s="12"/>
    </row>
    <row r="708284" spans="8:8">
      <c r="H708284" s="12"/>
    </row>
    <row r="708285" spans="8:8">
      <c r="H708285" s="12"/>
    </row>
    <row r="708286" spans="8:8">
      <c r="H708286" s="12"/>
    </row>
    <row r="708287" spans="8:8">
      <c r="H708287" s="12"/>
    </row>
    <row r="708288" spans="8:8">
      <c r="H708288" s="12"/>
    </row>
    <row r="708289" spans="8:8">
      <c r="H708289" s="12"/>
    </row>
    <row r="708290" spans="8:8">
      <c r="H708290" s="12"/>
    </row>
    <row r="708291" spans="8:8">
      <c r="H708291" s="12"/>
    </row>
    <row r="708292" spans="8:8">
      <c r="H708292" s="12"/>
    </row>
    <row r="708293" spans="8:8">
      <c r="H708293" s="12"/>
    </row>
    <row r="708294" spans="8:8">
      <c r="H708294" s="12"/>
    </row>
    <row r="708295" spans="8:8">
      <c r="H708295" s="12"/>
    </row>
    <row r="708296" spans="8:8">
      <c r="H708296" s="12"/>
    </row>
    <row r="708297" spans="8:8">
      <c r="H708297" s="12"/>
    </row>
    <row r="708298" spans="8:8">
      <c r="H708298" s="12"/>
    </row>
    <row r="708299" spans="8:8">
      <c r="H708299" s="12"/>
    </row>
    <row r="708300" spans="8:8">
      <c r="H708300" s="12"/>
    </row>
    <row r="708301" spans="8:8">
      <c r="H708301" s="12"/>
    </row>
    <row r="708302" spans="8:8">
      <c r="H708302" s="12"/>
    </row>
    <row r="708303" spans="8:8">
      <c r="H708303" s="12"/>
    </row>
    <row r="708304" spans="8:8">
      <c r="H708304" s="12"/>
    </row>
    <row r="708305" spans="8:8">
      <c r="H708305" s="12"/>
    </row>
    <row r="708306" spans="8:8">
      <c r="H708306" s="12"/>
    </row>
    <row r="708307" spans="8:8">
      <c r="H708307" s="12"/>
    </row>
    <row r="708308" spans="8:8">
      <c r="H708308" s="12"/>
    </row>
    <row r="708309" spans="8:8">
      <c r="H708309" s="12"/>
    </row>
    <row r="708310" spans="8:8">
      <c r="H708310" s="12"/>
    </row>
    <row r="708311" spans="8:8">
      <c r="H708311" s="12"/>
    </row>
    <row r="708312" spans="8:8">
      <c r="H708312" s="12"/>
    </row>
    <row r="708313" spans="8:8">
      <c r="H708313" s="12"/>
    </row>
    <row r="708314" spans="8:8">
      <c r="H708314" s="12"/>
    </row>
    <row r="708315" spans="8:8">
      <c r="H708315" s="12"/>
    </row>
    <row r="708316" spans="8:8">
      <c r="H708316" s="12"/>
    </row>
    <row r="708317" spans="8:8">
      <c r="H708317" s="12"/>
    </row>
    <row r="708318" spans="8:8">
      <c r="H708318" s="12"/>
    </row>
    <row r="708319" spans="8:8">
      <c r="H708319" s="12"/>
    </row>
    <row r="708320" spans="8:8">
      <c r="H708320" s="12"/>
    </row>
    <row r="708321" spans="8:8">
      <c r="H708321" s="12"/>
    </row>
    <row r="708322" spans="8:8">
      <c r="H708322" s="12"/>
    </row>
    <row r="708323" spans="8:8">
      <c r="H708323" s="12"/>
    </row>
    <row r="708324" spans="8:8">
      <c r="H708324" s="12"/>
    </row>
    <row r="708325" spans="8:8">
      <c r="H708325" s="12"/>
    </row>
    <row r="708326" spans="8:8">
      <c r="H708326" s="12"/>
    </row>
    <row r="708327" spans="8:8">
      <c r="H708327" s="12"/>
    </row>
    <row r="708328" spans="8:8">
      <c r="H708328" s="12"/>
    </row>
    <row r="708329" spans="8:8">
      <c r="H708329" s="12"/>
    </row>
    <row r="708330" spans="8:8">
      <c r="H708330" s="12"/>
    </row>
    <row r="708331" spans="8:8">
      <c r="H708331" s="12"/>
    </row>
    <row r="708332" spans="8:8">
      <c r="H708332" s="12"/>
    </row>
    <row r="708333" spans="8:8">
      <c r="H708333" s="12"/>
    </row>
    <row r="708334" spans="8:8">
      <c r="H708334" s="12"/>
    </row>
    <row r="708335" spans="8:8">
      <c r="H708335" s="12"/>
    </row>
    <row r="708336" spans="8:8">
      <c r="H708336" s="12"/>
    </row>
    <row r="708337" spans="8:8">
      <c r="H708337" s="12"/>
    </row>
    <row r="708338" spans="8:8">
      <c r="H708338" s="12"/>
    </row>
    <row r="708339" spans="8:8">
      <c r="H708339" s="12"/>
    </row>
    <row r="708340" spans="8:8">
      <c r="H708340" s="12"/>
    </row>
    <row r="708341" spans="8:8">
      <c r="H708341" s="12"/>
    </row>
    <row r="708342" spans="8:8">
      <c r="H708342" s="12"/>
    </row>
    <row r="708343" spans="8:8">
      <c r="H708343" s="12"/>
    </row>
    <row r="708344" spans="8:8">
      <c r="H708344" s="12"/>
    </row>
    <row r="708345" spans="8:8">
      <c r="H708345" s="12"/>
    </row>
    <row r="708346" spans="8:8">
      <c r="H708346" s="12"/>
    </row>
    <row r="708347" spans="8:8">
      <c r="H708347" s="12"/>
    </row>
    <row r="708348" spans="8:8">
      <c r="H708348" s="12"/>
    </row>
    <row r="708349" spans="8:8">
      <c r="H708349" s="12"/>
    </row>
    <row r="708350" spans="8:8">
      <c r="H708350" s="12"/>
    </row>
    <row r="708351" spans="8:8">
      <c r="H708351" s="12"/>
    </row>
    <row r="708352" spans="8:8">
      <c r="H708352" s="12"/>
    </row>
    <row r="708353" spans="8:8">
      <c r="H708353" s="12"/>
    </row>
    <row r="708354" spans="8:8">
      <c r="H708354" s="12"/>
    </row>
    <row r="708355" spans="8:8">
      <c r="H708355" s="12"/>
    </row>
    <row r="708356" spans="8:8">
      <c r="H708356" s="12"/>
    </row>
    <row r="708357" spans="8:8">
      <c r="H708357" s="12"/>
    </row>
    <row r="708358" spans="8:8">
      <c r="H708358" s="12"/>
    </row>
    <row r="708359" spans="8:8">
      <c r="H708359" s="12"/>
    </row>
    <row r="708360" spans="8:8">
      <c r="H708360" s="12"/>
    </row>
    <row r="708361" spans="8:8">
      <c r="H708361" s="12"/>
    </row>
    <row r="708362" spans="8:8">
      <c r="H708362" s="12"/>
    </row>
    <row r="708363" spans="8:8">
      <c r="H708363" s="12"/>
    </row>
    <row r="708364" spans="8:8">
      <c r="H708364" s="12"/>
    </row>
    <row r="708365" spans="8:8">
      <c r="H708365" s="12"/>
    </row>
    <row r="708366" spans="8:8">
      <c r="H708366" s="12"/>
    </row>
    <row r="708367" spans="8:8">
      <c r="H708367" s="12"/>
    </row>
    <row r="708368" spans="8:8">
      <c r="H708368" s="12"/>
    </row>
    <row r="708369" spans="8:8">
      <c r="H708369" s="12"/>
    </row>
    <row r="708370" spans="8:8">
      <c r="H708370" s="12"/>
    </row>
    <row r="708371" spans="8:8">
      <c r="H708371" s="12"/>
    </row>
    <row r="708372" spans="8:8">
      <c r="H708372" s="12"/>
    </row>
    <row r="708373" spans="8:8">
      <c r="H708373" s="12"/>
    </row>
    <row r="708374" spans="8:8">
      <c r="H708374" s="12"/>
    </row>
    <row r="708375" spans="8:8">
      <c r="H708375" s="12"/>
    </row>
    <row r="708376" spans="8:8">
      <c r="H708376" s="12"/>
    </row>
    <row r="708377" spans="8:8">
      <c r="H708377" s="12"/>
    </row>
    <row r="708378" spans="8:8">
      <c r="H708378" s="12"/>
    </row>
    <row r="708379" spans="8:8">
      <c r="H708379" s="12"/>
    </row>
    <row r="708380" spans="8:8">
      <c r="H708380" s="12"/>
    </row>
    <row r="708381" spans="8:8">
      <c r="H708381" s="12"/>
    </row>
    <row r="708382" spans="8:8">
      <c r="H708382" s="12"/>
    </row>
    <row r="708383" spans="8:8">
      <c r="H708383" s="12"/>
    </row>
    <row r="708384" spans="8:8">
      <c r="H708384" s="12"/>
    </row>
    <row r="708385" spans="8:8">
      <c r="H708385" s="12"/>
    </row>
    <row r="708386" spans="8:8">
      <c r="H708386" s="12"/>
    </row>
    <row r="708387" spans="8:8">
      <c r="H708387" s="12"/>
    </row>
    <row r="708388" spans="8:8">
      <c r="H708388" s="12"/>
    </row>
    <row r="708389" spans="8:8">
      <c r="H708389" s="12"/>
    </row>
    <row r="708390" spans="8:8">
      <c r="H708390" s="12"/>
    </row>
    <row r="708391" spans="8:8">
      <c r="H708391" s="12"/>
    </row>
    <row r="708392" spans="8:8">
      <c r="H708392" s="12"/>
    </row>
    <row r="708393" spans="8:8">
      <c r="H708393" s="12"/>
    </row>
    <row r="708394" spans="8:8">
      <c r="H708394" s="12"/>
    </row>
    <row r="708395" spans="8:8">
      <c r="H708395" s="12"/>
    </row>
    <row r="708396" spans="8:8">
      <c r="H708396" s="12"/>
    </row>
    <row r="708397" spans="8:8">
      <c r="H708397" s="12"/>
    </row>
    <row r="708398" spans="8:8">
      <c r="H708398" s="12"/>
    </row>
    <row r="708399" spans="8:8">
      <c r="H708399" s="12"/>
    </row>
    <row r="708400" spans="8:8">
      <c r="H708400" s="12"/>
    </row>
    <row r="708401" spans="8:8">
      <c r="H708401" s="12"/>
    </row>
    <row r="708402" spans="8:8">
      <c r="H708402" s="12"/>
    </row>
    <row r="708403" spans="8:8">
      <c r="H708403" s="12"/>
    </row>
    <row r="708404" spans="8:8">
      <c r="H708404" s="12"/>
    </row>
    <row r="708405" spans="8:8">
      <c r="H708405" s="12"/>
    </row>
    <row r="708406" spans="8:8">
      <c r="H708406" s="12"/>
    </row>
    <row r="708407" spans="8:8">
      <c r="H708407" s="12"/>
    </row>
    <row r="708408" spans="8:8">
      <c r="H708408" s="12"/>
    </row>
    <row r="708409" spans="8:8">
      <c r="H708409" s="12"/>
    </row>
    <row r="708410" spans="8:8">
      <c r="H708410" s="12"/>
    </row>
    <row r="708411" spans="8:8">
      <c r="H708411" s="12"/>
    </row>
    <row r="708412" spans="8:8">
      <c r="H708412" s="12"/>
    </row>
    <row r="708413" spans="8:8">
      <c r="H708413" s="12"/>
    </row>
    <row r="708414" spans="8:8">
      <c r="H708414" s="12"/>
    </row>
    <row r="708415" spans="8:8">
      <c r="H708415" s="12"/>
    </row>
    <row r="708416" spans="8:8">
      <c r="H708416" s="12"/>
    </row>
    <row r="708417" spans="8:8">
      <c r="H708417" s="12"/>
    </row>
    <row r="708418" spans="8:8">
      <c r="H708418" s="12"/>
    </row>
    <row r="708419" spans="8:8">
      <c r="H708419" s="12"/>
    </row>
    <row r="708420" spans="8:8">
      <c r="H708420" s="12"/>
    </row>
    <row r="708421" spans="8:8">
      <c r="H708421" s="12"/>
    </row>
    <row r="708422" spans="8:8">
      <c r="H708422" s="12"/>
    </row>
    <row r="708423" spans="8:8">
      <c r="H708423" s="12"/>
    </row>
    <row r="708424" spans="8:8">
      <c r="H708424" s="12"/>
    </row>
    <row r="708425" spans="8:8">
      <c r="H708425" s="12"/>
    </row>
    <row r="708426" spans="8:8">
      <c r="H708426" s="12"/>
    </row>
    <row r="708427" spans="8:8">
      <c r="H708427" s="12"/>
    </row>
    <row r="708428" spans="8:8">
      <c r="H708428" s="12"/>
    </row>
    <row r="708429" spans="8:8">
      <c r="H708429" s="12"/>
    </row>
    <row r="708430" spans="8:8">
      <c r="H708430" s="12"/>
    </row>
    <row r="708431" spans="8:8">
      <c r="H708431" s="12"/>
    </row>
    <row r="708432" spans="8:8">
      <c r="H708432" s="12"/>
    </row>
    <row r="708433" spans="8:8">
      <c r="H708433" s="12"/>
    </row>
    <row r="708434" spans="8:8">
      <c r="H708434" s="12"/>
    </row>
    <row r="708435" spans="8:8">
      <c r="H708435" s="12"/>
    </row>
    <row r="708436" spans="8:8">
      <c r="H708436" s="12"/>
    </row>
    <row r="708437" spans="8:8">
      <c r="H708437" s="12"/>
    </row>
    <row r="708438" spans="8:8">
      <c r="H708438" s="12"/>
    </row>
    <row r="708439" spans="8:8">
      <c r="H708439" s="12"/>
    </row>
    <row r="708440" spans="8:8">
      <c r="H708440" s="12"/>
    </row>
    <row r="708441" spans="8:8">
      <c r="H708441" s="12"/>
    </row>
    <row r="708442" spans="8:8">
      <c r="H708442" s="12"/>
    </row>
    <row r="708443" spans="8:8">
      <c r="H708443" s="12"/>
    </row>
    <row r="708444" spans="8:8">
      <c r="H708444" s="12"/>
    </row>
    <row r="708445" spans="8:8">
      <c r="H708445" s="12"/>
    </row>
    <row r="708446" spans="8:8">
      <c r="H708446" s="12"/>
    </row>
    <row r="708447" spans="8:8">
      <c r="H708447" s="12"/>
    </row>
    <row r="708448" spans="8:8">
      <c r="H708448" s="12"/>
    </row>
    <row r="708449" spans="8:8">
      <c r="H708449" s="12"/>
    </row>
    <row r="708450" spans="8:8">
      <c r="H708450" s="12"/>
    </row>
    <row r="708451" spans="8:8">
      <c r="H708451" s="12"/>
    </row>
    <row r="708452" spans="8:8">
      <c r="H708452" s="12"/>
    </row>
    <row r="708453" spans="8:8">
      <c r="H708453" s="12"/>
    </row>
    <row r="708454" spans="8:8">
      <c r="H708454" s="12"/>
    </row>
    <row r="708455" spans="8:8">
      <c r="H708455" s="12"/>
    </row>
    <row r="708456" spans="8:8">
      <c r="H708456" s="12"/>
    </row>
    <row r="708457" spans="8:8">
      <c r="H708457" s="12"/>
    </row>
    <row r="708458" spans="8:8">
      <c r="H708458" s="12"/>
    </row>
    <row r="708459" spans="8:8">
      <c r="H708459" s="12"/>
    </row>
    <row r="708460" spans="8:8">
      <c r="H708460" s="12"/>
    </row>
    <row r="708461" spans="8:8">
      <c r="H708461" s="12"/>
    </row>
    <row r="708462" spans="8:8">
      <c r="H708462" s="12"/>
    </row>
    <row r="708463" spans="8:8">
      <c r="H708463" s="12"/>
    </row>
    <row r="708464" spans="8:8">
      <c r="H708464" s="12"/>
    </row>
    <row r="708465" spans="8:8">
      <c r="H708465" s="12"/>
    </row>
    <row r="708466" spans="8:8">
      <c r="H708466" s="12"/>
    </row>
    <row r="708467" spans="8:8">
      <c r="H708467" s="12"/>
    </row>
    <row r="708468" spans="8:8">
      <c r="H708468" s="12"/>
    </row>
    <row r="708469" spans="8:8">
      <c r="H708469" s="12"/>
    </row>
    <row r="708470" spans="8:8">
      <c r="H708470" s="12"/>
    </row>
    <row r="708471" spans="8:8">
      <c r="H708471" s="12"/>
    </row>
    <row r="708472" spans="8:8">
      <c r="H708472" s="12"/>
    </row>
    <row r="708473" spans="8:8">
      <c r="H708473" s="12"/>
    </row>
    <row r="708474" spans="8:8">
      <c r="H708474" s="12"/>
    </row>
    <row r="708475" spans="8:8">
      <c r="H708475" s="12"/>
    </row>
    <row r="708476" spans="8:8">
      <c r="H708476" s="12"/>
    </row>
    <row r="708477" spans="8:8">
      <c r="H708477" s="12"/>
    </row>
    <row r="708478" spans="8:8">
      <c r="H708478" s="12"/>
    </row>
    <row r="708479" spans="8:8">
      <c r="H708479" s="12"/>
    </row>
    <row r="708480" spans="8:8">
      <c r="H708480" s="12"/>
    </row>
    <row r="708481" spans="8:8">
      <c r="H708481" s="12"/>
    </row>
    <row r="708482" spans="8:8">
      <c r="H708482" s="12"/>
    </row>
    <row r="708483" spans="8:8">
      <c r="H708483" s="12"/>
    </row>
    <row r="708484" spans="8:8">
      <c r="H708484" s="12"/>
    </row>
    <row r="708485" spans="8:8">
      <c r="H708485" s="12"/>
    </row>
    <row r="708486" spans="8:8">
      <c r="H708486" s="12"/>
    </row>
    <row r="708487" spans="8:8">
      <c r="H708487" s="12"/>
    </row>
    <row r="708488" spans="8:8">
      <c r="H708488" s="12"/>
    </row>
    <row r="708489" spans="8:8">
      <c r="H708489" s="12"/>
    </row>
    <row r="708490" spans="8:8">
      <c r="H708490" s="12"/>
    </row>
    <row r="708491" spans="8:8">
      <c r="H708491" s="12"/>
    </row>
    <row r="708492" spans="8:8">
      <c r="H708492" s="12"/>
    </row>
    <row r="708493" spans="8:8">
      <c r="H708493" s="12"/>
    </row>
    <row r="708494" spans="8:8">
      <c r="H708494" s="12"/>
    </row>
    <row r="708495" spans="8:8">
      <c r="H708495" s="12"/>
    </row>
    <row r="708496" spans="8:8">
      <c r="H708496" s="12"/>
    </row>
    <row r="708497" spans="8:8">
      <c r="H708497" s="12"/>
    </row>
    <row r="708498" spans="8:8">
      <c r="H708498" s="12"/>
    </row>
    <row r="708499" spans="8:8">
      <c r="H708499" s="12"/>
    </row>
    <row r="708500" spans="8:8">
      <c r="H708500" s="12"/>
    </row>
    <row r="708501" spans="8:8">
      <c r="H708501" s="12"/>
    </row>
    <row r="708502" spans="8:8">
      <c r="H708502" s="12"/>
    </row>
    <row r="708503" spans="8:8">
      <c r="H708503" s="12"/>
    </row>
    <row r="708504" spans="8:8">
      <c r="H708504" s="12"/>
    </row>
    <row r="708505" spans="8:8">
      <c r="H708505" s="12"/>
    </row>
    <row r="708506" spans="8:8">
      <c r="H708506" s="12"/>
    </row>
    <row r="708507" spans="8:8">
      <c r="H708507" s="12"/>
    </row>
    <row r="708508" spans="8:8">
      <c r="H708508" s="12"/>
    </row>
    <row r="708509" spans="8:8">
      <c r="H708509" s="12"/>
    </row>
    <row r="708510" spans="8:8">
      <c r="H708510" s="12"/>
    </row>
    <row r="708511" spans="8:8">
      <c r="H708511" s="12"/>
    </row>
    <row r="708512" spans="8:8">
      <c r="H708512" s="12"/>
    </row>
    <row r="708513" spans="8:8">
      <c r="H708513" s="12"/>
    </row>
    <row r="708514" spans="8:8">
      <c r="H708514" s="12"/>
    </row>
    <row r="708515" spans="8:8">
      <c r="H708515" s="12"/>
    </row>
    <row r="708516" spans="8:8">
      <c r="H708516" s="12"/>
    </row>
    <row r="708517" spans="8:8">
      <c r="H708517" s="12"/>
    </row>
    <row r="708518" spans="8:8">
      <c r="H708518" s="12"/>
    </row>
    <row r="708519" spans="8:8">
      <c r="H708519" s="12"/>
    </row>
    <row r="708520" spans="8:8">
      <c r="H708520" s="12"/>
    </row>
    <row r="708521" spans="8:8">
      <c r="H708521" s="12"/>
    </row>
    <row r="708522" spans="8:8">
      <c r="H708522" s="12"/>
    </row>
    <row r="708523" spans="8:8">
      <c r="H708523" s="12"/>
    </row>
    <row r="708524" spans="8:8">
      <c r="H708524" s="12"/>
    </row>
    <row r="708525" spans="8:8">
      <c r="H708525" s="12"/>
    </row>
    <row r="708526" spans="8:8">
      <c r="H708526" s="12"/>
    </row>
    <row r="708527" spans="8:8">
      <c r="H708527" s="12"/>
    </row>
    <row r="708528" spans="8:8">
      <c r="H708528" s="12"/>
    </row>
    <row r="708529" spans="8:8">
      <c r="H708529" s="12"/>
    </row>
    <row r="708530" spans="8:8">
      <c r="H708530" s="12"/>
    </row>
    <row r="708531" spans="8:8">
      <c r="H708531" s="12"/>
    </row>
    <row r="708532" spans="8:8">
      <c r="H708532" s="12"/>
    </row>
    <row r="708533" spans="8:8">
      <c r="H708533" s="12"/>
    </row>
    <row r="708534" spans="8:8">
      <c r="H708534" s="12"/>
    </row>
    <row r="708535" spans="8:8">
      <c r="H708535" s="12"/>
    </row>
    <row r="708536" spans="8:8">
      <c r="H708536" s="12"/>
    </row>
    <row r="708537" spans="8:8">
      <c r="H708537" s="12"/>
    </row>
    <row r="708538" spans="8:8">
      <c r="H708538" s="12"/>
    </row>
    <row r="708539" spans="8:8">
      <c r="H708539" s="12"/>
    </row>
    <row r="708540" spans="8:8">
      <c r="H708540" s="12"/>
    </row>
    <row r="708541" spans="8:8">
      <c r="H708541" s="12"/>
    </row>
    <row r="708542" spans="8:8">
      <c r="H708542" s="12"/>
    </row>
    <row r="708543" spans="8:8">
      <c r="H708543" s="12"/>
    </row>
    <row r="708544" spans="8:8">
      <c r="H708544" s="12"/>
    </row>
    <row r="708545" spans="8:8">
      <c r="H708545" s="12"/>
    </row>
    <row r="708546" spans="8:8">
      <c r="H708546" s="12"/>
    </row>
    <row r="708547" spans="8:8">
      <c r="H708547" s="12"/>
    </row>
    <row r="708548" spans="8:8">
      <c r="H708548" s="12"/>
    </row>
    <row r="708549" spans="8:8">
      <c r="H708549" s="12"/>
    </row>
    <row r="708550" spans="8:8">
      <c r="H708550" s="12"/>
    </row>
    <row r="708551" spans="8:8">
      <c r="H708551" s="12"/>
    </row>
    <row r="708552" spans="8:8">
      <c r="H708552" s="12"/>
    </row>
    <row r="708553" spans="8:8">
      <c r="H708553" s="12"/>
    </row>
    <row r="708554" spans="8:8">
      <c r="H708554" s="12"/>
    </row>
    <row r="708555" spans="8:8">
      <c r="H708555" s="12"/>
    </row>
    <row r="708556" spans="8:8">
      <c r="H708556" s="12"/>
    </row>
    <row r="708557" spans="8:8">
      <c r="H708557" s="12"/>
    </row>
    <row r="708558" spans="8:8">
      <c r="H708558" s="12"/>
    </row>
    <row r="708559" spans="8:8">
      <c r="H708559" s="12"/>
    </row>
    <row r="708560" spans="8:8">
      <c r="H708560" s="12"/>
    </row>
    <row r="708561" spans="8:8">
      <c r="H708561" s="12"/>
    </row>
    <row r="708562" spans="8:8">
      <c r="H708562" s="12"/>
    </row>
    <row r="708563" spans="8:8">
      <c r="H708563" s="12"/>
    </row>
    <row r="708564" spans="8:8">
      <c r="H708564" s="12"/>
    </row>
    <row r="708565" spans="8:8">
      <c r="H708565" s="12"/>
    </row>
    <row r="708566" spans="8:8">
      <c r="H708566" s="12"/>
    </row>
    <row r="708567" spans="8:8">
      <c r="H708567" s="12"/>
    </row>
    <row r="708568" spans="8:8">
      <c r="H708568" s="12"/>
    </row>
    <row r="708569" spans="8:8">
      <c r="H708569" s="12"/>
    </row>
    <row r="708570" spans="8:8">
      <c r="H708570" s="12"/>
    </row>
    <row r="708571" spans="8:8">
      <c r="H708571" s="12"/>
    </row>
    <row r="708572" spans="8:8">
      <c r="H708572" s="12"/>
    </row>
    <row r="708573" spans="8:8">
      <c r="H708573" s="12"/>
    </row>
    <row r="708574" spans="8:8">
      <c r="H708574" s="12"/>
    </row>
    <row r="708575" spans="8:8">
      <c r="H708575" s="12"/>
    </row>
    <row r="708576" spans="8:8">
      <c r="H708576" s="12"/>
    </row>
    <row r="708577" spans="8:8">
      <c r="H708577" s="12"/>
    </row>
    <row r="708578" spans="8:8">
      <c r="H708578" s="12"/>
    </row>
    <row r="708579" spans="8:8">
      <c r="H708579" s="12"/>
    </row>
    <row r="708580" spans="8:8">
      <c r="H708580" s="12"/>
    </row>
    <row r="708581" spans="8:8">
      <c r="H708581" s="12"/>
    </row>
    <row r="708582" spans="8:8">
      <c r="H708582" s="12"/>
    </row>
    <row r="708583" spans="8:8">
      <c r="H708583" s="12"/>
    </row>
    <row r="708584" spans="8:8">
      <c r="H708584" s="12"/>
    </row>
    <row r="708585" spans="8:8">
      <c r="H708585" s="12"/>
    </row>
    <row r="708586" spans="8:8">
      <c r="H708586" s="12"/>
    </row>
    <row r="708587" spans="8:8">
      <c r="H708587" s="12"/>
    </row>
    <row r="708588" spans="8:8">
      <c r="H708588" s="12"/>
    </row>
    <row r="708589" spans="8:8">
      <c r="H708589" s="12"/>
    </row>
    <row r="708590" spans="8:8">
      <c r="H708590" s="12"/>
    </row>
    <row r="708591" spans="8:8">
      <c r="H708591" s="12"/>
    </row>
    <row r="708592" spans="8:8">
      <c r="H708592" s="12"/>
    </row>
    <row r="708593" spans="8:8">
      <c r="H708593" s="12"/>
    </row>
    <row r="708594" spans="8:8">
      <c r="H708594" s="12"/>
    </row>
    <row r="708595" spans="8:8">
      <c r="H708595" s="12"/>
    </row>
    <row r="708596" spans="8:8">
      <c r="H708596" s="12"/>
    </row>
    <row r="708597" spans="8:8">
      <c r="H708597" s="12"/>
    </row>
    <row r="708598" spans="8:8">
      <c r="H708598" s="12"/>
    </row>
    <row r="708599" spans="8:8">
      <c r="H708599" s="12"/>
    </row>
    <row r="708600" spans="8:8">
      <c r="H708600" s="12"/>
    </row>
    <row r="708601" spans="8:8">
      <c r="H708601" s="12"/>
    </row>
    <row r="708602" spans="8:8">
      <c r="H708602" s="12"/>
    </row>
    <row r="708603" spans="8:8">
      <c r="H708603" s="12"/>
    </row>
    <row r="708604" spans="8:8">
      <c r="H708604" s="12"/>
    </row>
    <row r="708605" spans="8:8">
      <c r="H708605" s="12"/>
    </row>
    <row r="708606" spans="8:8">
      <c r="H708606" s="12"/>
    </row>
    <row r="708607" spans="8:8">
      <c r="H708607" s="12"/>
    </row>
    <row r="708608" spans="8:8">
      <c r="H708608" s="12"/>
    </row>
    <row r="708609" spans="8:8">
      <c r="H708609" s="12"/>
    </row>
    <row r="708610" spans="8:8">
      <c r="H708610" s="12"/>
    </row>
    <row r="708611" spans="8:8">
      <c r="H708611" s="12"/>
    </row>
    <row r="708612" spans="8:8">
      <c r="H708612" s="12"/>
    </row>
    <row r="708613" spans="8:8">
      <c r="H708613" s="12"/>
    </row>
    <row r="708614" spans="8:8">
      <c r="H708614" s="12"/>
    </row>
    <row r="708615" spans="8:8">
      <c r="H708615" s="12"/>
    </row>
    <row r="708616" spans="8:8">
      <c r="H708616" s="12"/>
    </row>
    <row r="708617" spans="8:8">
      <c r="H708617" s="12"/>
    </row>
    <row r="708618" spans="8:8">
      <c r="H708618" s="12"/>
    </row>
    <row r="708619" spans="8:8">
      <c r="H708619" s="12"/>
    </row>
    <row r="708620" spans="8:8">
      <c r="H708620" s="12"/>
    </row>
    <row r="708621" spans="8:8">
      <c r="H708621" s="12"/>
    </row>
    <row r="708622" spans="8:8">
      <c r="H708622" s="12"/>
    </row>
    <row r="708623" spans="8:8">
      <c r="H708623" s="12"/>
    </row>
    <row r="708624" spans="8:8">
      <c r="H708624" s="12"/>
    </row>
    <row r="708625" spans="8:8">
      <c r="H708625" s="12"/>
    </row>
    <row r="708626" spans="8:8">
      <c r="H708626" s="12"/>
    </row>
    <row r="708627" spans="8:8">
      <c r="H708627" s="12"/>
    </row>
    <row r="708628" spans="8:8">
      <c r="H708628" s="12"/>
    </row>
    <row r="708629" spans="8:8">
      <c r="H708629" s="12"/>
    </row>
    <row r="708630" spans="8:8">
      <c r="H708630" s="12"/>
    </row>
    <row r="708631" spans="8:8">
      <c r="H708631" s="12"/>
    </row>
    <row r="708632" spans="8:8">
      <c r="H708632" s="12"/>
    </row>
    <row r="708633" spans="8:8">
      <c r="H708633" s="12"/>
    </row>
    <row r="708634" spans="8:8">
      <c r="H708634" s="12"/>
    </row>
    <row r="708635" spans="8:8">
      <c r="H708635" s="12"/>
    </row>
    <row r="708636" spans="8:8">
      <c r="H708636" s="12"/>
    </row>
    <row r="708637" spans="8:8">
      <c r="H708637" s="12"/>
    </row>
    <row r="708638" spans="8:8">
      <c r="H708638" s="12"/>
    </row>
    <row r="708639" spans="8:8">
      <c r="H708639" s="12"/>
    </row>
    <row r="708640" spans="8:8">
      <c r="H708640" s="12"/>
    </row>
    <row r="708641" spans="8:8">
      <c r="H708641" s="12"/>
    </row>
    <row r="708642" spans="8:8">
      <c r="H708642" s="12"/>
    </row>
    <row r="708643" spans="8:8">
      <c r="H708643" s="12"/>
    </row>
    <row r="708644" spans="8:8">
      <c r="H708644" s="12"/>
    </row>
    <row r="708645" spans="8:8">
      <c r="H708645" s="12"/>
    </row>
    <row r="708646" spans="8:8">
      <c r="H708646" s="12"/>
    </row>
    <row r="708647" spans="8:8">
      <c r="H708647" s="12"/>
    </row>
    <row r="708648" spans="8:8">
      <c r="H708648" s="12"/>
    </row>
    <row r="708649" spans="8:8">
      <c r="H708649" s="12"/>
    </row>
    <row r="708650" spans="8:8">
      <c r="H708650" s="12"/>
    </row>
    <row r="708651" spans="8:8">
      <c r="H708651" s="12"/>
    </row>
    <row r="708652" spans="8:8">
      <c r="H708652" s="12"/>
    </row>
    <row r="708653" spans="8:8">
      <c r="H708653" s="12"/>
    </row>
    <row r="708654" spans="8:8">
      <c r="H708654" s="12"/>
    </row>
    <row r="708655" spans="8:8">
      <c r="H708655" s="12"/>
    </row>
    <row r="708656" spans="8:8">
      <c r="H708656" s="12"/>
    </row>
    <row r="708657" spans="8:8">
      <c r="H708657" s="12"/>
    </row>
    <row r="708658" spans="8:8">
      <c r="H708658" s="12"/>
    </row>
    <row r="708659" spans="8:8">
      <c r="H708659" s="12"/>
    </row>
    <row r="708660" spans="8:8">
      <c r="H708660" s="12"/>
    </row>
    <row r="708661" spans="8:8">
      <c r="H708661" s="12"/>
    </row>
    <row r="708662" spans="8:8">
      <c r="H708662" s="12"/>
    </row>
    <row r="708663" spans="8:8">
      <c r="H708663" s="12"/>
    </row>
    <row r="708664" spans="8:8">
      <c r="H708664" s="12"/>
    </row>
    <row r="708665" spans="8:8">
      <c r="H708665" s="12"/>
    </row>
    <row r="708666" spans="8:8">
      <c r="H708666" s="12"/>
    </row>
    <row r="708667" spans="8:8">
      <c r="H708667" s="12"/>
    </row>
    <row r="708668" spans="8:8">
      <c r="H708668" s="12"/>
    </row>
    <row r="708669" spans="8:8">
      <c r="H708669" s="12"/>
    </row>
    <row r="708670" spans="8:8">
      <c r="H708670" s="12"/>
    </row>
    <row r="708671" spans="8:8">
      <c r="H708671" s="12"/>
    </row>
    <row r="708672" spans="8:8">
      <c r="H708672" s="12"/>
    </row>
    <row r="708673" spans="8:8">
      <c r="H708673" s="12"/>
    </row>
    <row r="708674" spans="8:8">
      <c r="H708674" s="12"/>
    </row>
    <row r="708675" spans="8:8">
      <c r="H708675" s="12"/>
    </row>
    <row r="708676" spans="8:8">
      <c r="H708676" s="12"/>
    </row>
    <row r="708677" spans="8:8">
      <c r="H708677" s="12"/>
    </row>
    <row r="708678" spans="8:8">
      <c r="H708678" s="12"/>
    </row>
    <row r="708679" spans="8:8">
      <c r="H708679" s="12"/>
    </row>
    <row r="708680" spans="8:8">
      <c r="H708680" s="12"/>
    </row>
    <row r="708681" spans="8:8">
      <c r="H708681" s="12"/>
    </row>
    <row r="708682" spans="8:8">
      <c r="H708682" s="12"/>
    </row>
    <row r="708683" spans="8:8">
      <c r="H708683" s="12"/>
    </row>
    <row r="708684" spans="8:8">
      <c r="H708684" s="12"/>
    </row>
    <row r="708685" spans="8:8">
      <c r="H708685" s="12"/>
    </row>
    <row r="708686" spans="8:8">
      <c r="H708686" s="12"/>
    </row>
    <row r="708687" spans="8:8">
      <c r="H708687" s="12"/>
    </row>
    <row r="708688" spans="8:8">
      <c r="H708688" s="12"/>
    </row>
    <row r="708689" spans="8:8">
      <c r="H708689" s="12"/>
    </row>
    <row r="708690" spans="8:8">
      <c r="H708690" s="12"/>
    </row>
    <row r="708691" spans="8:8">
      <c r="H708691" s="12"/>
    </row>
    <row r="708692" spans="8:8">
      <c r="H708692" s="12"/>
    </row>
    <row r="708693" spans="8:8">
      <c r="H708693" s="12"/>
    </row>
    <row r="708694" spans="8:8">
      <c r="H708694" s="12"/>
    </row>
    <row r="708695" spans="8:8">
      <c r="H708695" s="12"/>
    </row>
    <row r="708696" spans="8:8">
      <c r="H708696" s="12"/>
    </row>
    <row r="708697" spans="8:8">
      <c r="H708697" s="12"/>
    </row>
    <row r="708698" spans="8:8">
      <c r="H708698" s="12"/>
    </row>
    <row r="708699" spans="8:8">
      <c r="H708699" s="12"/>
    </row>
    <row r="708700" spans="8:8">
      <c r="H708700" s="12"/>
    </row>
    <row r="708701" spans="8:8">
      <c r="H708701" s="12"/>
    </row>
    <row r="708702" spans="8:8">
      <c r="H708702" s="12"/>
    </row>
    <row r="708703" spans="8:8">
      <c r="H708703" s="12"/>
    </row>
    <row r="708704" spans="8:8">
      <c r="H708704" s="12"/>
    </row>
    <row r="708705" spans="8:8">
      <c r="H708705" s="12"/>
    </row>
    <row r="708706" spans="8:8">
      <c r="H708706" s="12"/>
    </row>
    <row r="708707" spans="8:8">
      <c r="H708707" s="12"/>
    </row>
    <row r="708708" spans="8:8">
      <c r="H708708" s="12"/>
    </row>
    <row r="708709" spans="8:8">
      <c r="H708709" s="12"/>
    </row>
    <row r="708710" spans="8:8">
      <c r="H708710" s="12"/>
    </row>
    <row r="708711" spans="8:8">
      <c r="H708711" s="12"/>
    </row>
    <row r="708712" spans="8:8">
      <c r="H708712" s="12"/>
    </row>
    <row r="708713" spans="8:8">
      <c r="H708713" s="12"/>
    </row>
    <row r="708714" spans="8:8">
      <c r="H708714" s="12"/>
    </row>
    <row r="708715" spans="8:8">
      <c r="H708715" s="12"/>
    </row>
    <row r="708716" spans="8:8">
      <c r="H708716" s="12"/>
    </row>
    <row r="708717" spans="8:8">
      <c r="H708717" s="12"/>
    </row>
    <row r="708718" spans="8:8">
      <c r="H708718" s="12"/>
    </row>
    <row r="708719" spans="8:8">
      <c r="H708719" s="12"/>
    </row>
    <row r="708720" spans="8:8">
      <c r="H708720" s="12"/>
    </row>
    <row r="708721" spans="8:8">
      <c r="H708721" s="12"/>
    </row>
    <row r="708722" spans="8:8">
      <c r="H708722" s="12"/>
    </row>
    <row r="708723" spans="8:8">
      <c r="H708723" s="12"/>
    </row>
    <row r="708724" spans="8:8">
      <c r="H708724" s="12"/>
    </row>
    <row r="708725" spans="8:8">
      <c r="H708725" s="12"/>
    </row>
    <row r="708726" spans="8:8">
      <c r="H708726" s="12"/>
    </row>
    <row r="708727" spans="8:8">
      <c r="H708727" s="12"/>
    </row>
    <row r="708728" spans="8:8">
      <c r="H708728" s="12"/>
    </row>
    <row r="708729" spans="8:8">
      <c r="H708729" s="12"/>
    </row>
    <row r="708730" spans="8:8">
      <c r="H708730" s="12"/>
    </row>
    <row r="708731" spans="8:8">
      <c r="H708731" s="12"/>
    </row>
    <row r="708732" spans="8:8">
      <c r="H708732" s="12"/>
    </row>
    <row r="708733" spans="8:8">
      <c r="H708733" s="12"/>
    </row>
    <row r="708734" spans="8:8">
      <c r="H708734" s="12"/>
    </row>
    <row r="708735" spans="8:8">
      <c r="H708735" s="12"/>
    </row>
    <row r="708736" spans="8:8">
      <c r="H708736" s="12"/>
    </row>
    <row r="708737" spans="8:8">
      <c r="H708737" s="12"/>
    </row>
    <row r="708738" spans="8:8">
      <c r="H708738" s="12"/>
    </row>
    <row r="708739" spans="8:8">
      <c r="H708739" s="12"/>
    </row>
    <row r="708740" spans="8:8">
      <c r="H708740" s="12"/>
    </row>
    <row r="708741" spans="8:8">
      <c r="H708741" s="12"/>
    </row>
    <row r="708742" spans="8:8">
      <c r="H708742" s="12"/>
    </row>
    <row r="708743" spans="8:8">
      <c r="H708743" s="12"/>
    </row>
    <row r="708744" spans="8:8">
      <c r="H708744" s="12"/>
    </row>
    <row r="708745" spans="8:8">
      <c r="H708745" s="12"/>
    </row>
    <row r="708746" spans="8:8">
      <c r="H708746" s="12"/>
    </row>
    <row r="708747" spans="8:8">
      <c r="H708747" s="12"/>
    </row>
    <row r="708748" spans="8:8">
      <c r="H708748" s="12"/>
    </row>
    <row r="708749" spans="8:8">
      <c r="H708749" s="12"/>
    </row>
    <row r="708750" spans="8:8">
      <c r="H708750" s="12"/>
    </row>
    <row r="708751" spans="8:8">
      <c r="H708751" s="12"/>
    </row>
    <row r="708752" spans="8:8">
      <c r="H708752" s="12"/>
    </row>
    <row r="708753" spans="8:8">
      <c r="H708753" s="12"/>
    </row>
    <row r="708754" spans="8:8">
      <c r="H708754" s="12"/>
    </row>
    <row r="708755" spans="8:8">
      <c r="H708755" s="12"/>
    </row>
    <row r="708756" spans="8:8">
      <c r="H708756" s="12"/>
    </row>
    <row r="708757" spans="8:8">
      <c r="H708757" s="12"/>
    </row>
    <row r="708758" spans="8:8">
      <c r="H708758" s="12"/>
    </row>
    <row r="708759" spans="8:8">
      <c r="H708759" s="12"/>
    </row>
    <row r="708760" spans="8:8">
      <c r="H708760" s="12"/>
    </row>
    <row r="708761" spans="8:8">
      <c r="H708761" s="12"/>
    </row>
    <row r="708762" spans="8:8">
      <c r="H708762" s="12"/>
    </row>
    <row r="708763" spans="8:8">
      <c r="H708763" s="12"/>
    </row>
    <row r="708764" spans="8:8">
      <c r="H708764" s="12"/>
    </row>
    <row r="708765" spans="8:8">
      <c r="H708765" s="12"/>
    </row>
    <row r="708766" spans="8:8">
      <c r="H708766" s="12"/>
    </row>
    <row r="708767" spans="8:8">
      <c r="H708767" s="12"/>
    </row>
    <row r="708768" spans="8:8">
      <c r="H708768" s="12"/>
    </row>
    <row r="708769" spans="8:8">
      <c r="H708769" s="12"/>
    </row>
    <row r="708770" spans="8:8">
      <c r="H708770" s="12"/>
    </row>
    <row r="708771" spans="8:8">
      <c r="H708771" s="12"/>
    </row>
    <row r="708772" spans="8:8">
      <c r="H708772" s="12"/>
    </row>
    <row r="708773" spans="8:8">
      <c r="H708773" s="12"/>
    </row>
    <row r="708774" spans="8:8">
      <c r="H708774" s="12"/>
    </row>
    <row r="708775" spans="8:8">
      <c r="H708775" s="12"/>
    </row>
    <row r="708776" spans="8:8">
      <c r="H708776" s="12"/>
    </row>
    <row r="708777" spans="8:8">
      <c r="H708777" s="12"/>
    </row>
    <row r="708778" spans="8:8">
      <c r="H708778" s="12"/>
    </row>
    <row r="708779" spans="8:8">
      <c r="H708779" s="12"/>
    </row>
    <row r="708780" spans="8:8">
      <c r="H708780" s="12"/>
    </row>
    <row r="708781" spans="8:8">
      <c r="H708781" s="12"/>
    </row>
    <row r="708782" spans="8:8">
      <c r="H708782" s="12"/>
    </row>
    <row r="708783" spans="8:8">
      <c r="H708783" s="12"/>
    </row>
    <row r="708784" spans="8:8">
      <c r="H708784" s="12"/>
    </row>
    <row r="708785" spans="8:8">
      <c r="H708785" s="12"/>
    </row>
    <row r="708786" spans="8:8">
      <c r="H708786" s="12"/>
    </row>
    <row r="708787" spans="8:8">
      <c r="H708787" s="12"/>
    </row>
    <row r="708788" spans="8:8">
      <c r="H708788" s="12"/>
    </row>
    <row r="708789" spans="8:8">
      <c r="H708789" s="12"/>
    </row>
    <row r="708790" spans="8:8">
      <c r="H708790" s="12"/>
    </row>
    <row r="708791" spans="8:8">
      <c r="H708791" s="12"/>
    </row>
    <row r="708792" spans="8:8">
      <c r="H708792" s="12"/>
    </row>
    <row r="708793" spans="8:8">
      <c r="H708793" s="12"/>
    </row>
    <row r="708794" spans="8:8">
      <c r="H708794" s="12"/>
    </row>
    <row r="708795" spans="8:8">
      <c r="H708795" s="12"/>
    </row>
    <row r="708796" spans="8:8">
      <c r="H708796" s="12"/>
    </row>
    <row r="708797" spans="8:8">
      <c r="H708797" s="12"/>
    </row>
    <row r="708798" spans="8:8">
      <c r="H708798" s="12"/>
    </row>
    <row r="708799" spans="8:8">
      <c r="H708799" s="12"/>
    </row>
    <row r="708800" spans="8:8">
      <c r="H708800" s="12"/>
    </row>
    <row r="708801" spans="8:8">
      <c r="H708801" s="12"/>
    </row>
    <row r="708802" spans="8:8">
      <c r="H708802" s="12"/>
    </row>
    <row r="708803" spans="8:8">
      <c r="H708803" s="12"/>
    </row>
    <row r="708804" spans="8:8">
      <c r="H708804" s="12"/>
    </row>
    <row r="708805" spans="8:8">
      <c r="H708805" s="12"/>
    </row>
    <row r="708806" spans="8:8">
      <c r="H708806" s="12"/>
    </row>
    <row r="708807" spans="8:8">
      <c r="H708807" s="12"/>
    </row>
    <row r="708808" spans="8:8">
      <c r="H708808" s="12"/>
    </row>
    <row r="708809" spans="8:8">
      <c r="H708809" s="12"/>
    </row>
    <row r="708810" spans="8:8">
      <c r="H708810" s="12"/>
    </row>
    <row r="708811" spans="8:8">
      <c r="H708811" s="12"/>
    </row>
    <row r="708812" spans="8:8">
      <c r="H708812" s="12"/>
    </row>
    <row r="708813" spans="8:8">
      <c r="H708813" s="12"/>
    </row>
    <row r="708814" spans="8:8">
      <c r="H708814" s="12"/>
    </row>
    <row r="708815" spans="8:8">
      <c r="H708815" s="12"/>
    </row>
    <row r="708816" spans="8:8">
      <c r="H708816" s="12"/>
    </row>
    <row r="708817" spans="8:8">
      <c r="H708817" s="12"/>
    </row>
    <row r="708818" spans="8:8">
      <c r="H708818" s="12"/>
    </row>
    <row r="708819" spans="8:8">
      <c r="H708819" s="12"/>
    </row>
    <row r="708820" spans="8:8">
      <c r="H708820" s="12"/>
    </row>
    <row r="708821" spans="8:8">
      <c r="H708821" s="12"/>
    </row>
    <row r="708822" spans="8:8">
      <c r="H708822" s="12"/>
    </row>
    <row r="708823" spans="8:8">
      <c r="H708823" s="12"/>
    </row>
    <row r="708824" spans="8:8">
      <c r="H708824" s="12"/>
    </row>
    <row r="708825" spans="8:8">
      <c r="H708825" s="12"/>
    </row>
    <row r="708826" spans="8:8">
      <c r="H708826" s="12"/>
    </row>
    <row r="708827" spans="8:8">
      <c r="H708827" s="12"/>
    </row>
    <row r="708828" spans="8:8">
      <c r="H708828" s="12"/>
    </row>
    <row r="708829" spans="8:8">
      <c r="H708829" s="12"/>
    </row>
    <row r="708830" spans="8:8">
      <c r="H708830" s="12"/>
    </row>
    <row r="708831" spans="8:8">
      <c r="H708831" s="12"/>
    </row>
    <row r="708832" spans="8:8">
      <c r="H708832" s="12"/>
    </row>
    <row r="708833" spans="8:8">
      <c r="H708833" s="12"/>
    </row>
    <row r="708834" spans="8:8">
      <c r="H708834" s="12"/>
    </row>
    <row r="708835" spans="8:8">
      <c r="H708835" s="12"/>
    </row>
    <row r="708836" spans="8:8">
      <c r="H708836" s="12"/>
    </row>
    <row r="708837" spans="8:8">
      <c r="H708837" s="12"/>
    </row>
    <row r="708838" spans="8:8">
      <c r="H708838" s="12"/>
    </row>
    <row r="708839" spans="8:8">
      <c r="H708839" s="12"/>
    </row>
    <row r="708840" spans="8:8">
      <c r="H708840" s="12"/>
    </row>
    <row r="708841" spans="8:8">
      <c r="H708841" s="12"/>
    </row>
    <row r="708842" spans="8:8">
      <c r="H708842" s="12"/>
    </row>
    <row r="708843" spans="8:8">
      <c r="H708843" s="12"/>
    </row>
    <row r="708844" spans="8:8">
      <c r="H708844" s="12"/>
    </row>
    <row r="708845" spans="8:8">
      <c r="H708845" s="12"/>
    </row>
    <row r="708846" spans="8:8">
      <c r="H708846" s="12"/>
    </row>
    <row r="708847" spans="8:8">
      <c r="H708847" s="12"/>
    </row>
    <row r="708848" spans="8:8">
      <c r="H708848" s="12"/>
    </row>
    <row r="708849" spans="8:8">
      <c r="H708849" s="12"/>
    </row>
    <row r="708850" spans="8:8">
      <c r="H708850" s="12"/>
    </row>
    <row r="708851" spans="8:8">
      <c r="H708851" s="12"/>
    </row>
    <row r="708852" spans="8:8">
      <c r="H708852" s="12"/>
    </row>
    <row r="708853" spans="8:8">
      <c r="H708853" s="12"/>
    </row>
    <row r="708854" spans="8:8">
      <c r="H708854" s="12"/>
    </row>
    <row r="708855" spans="8:8">
      <c r="H708855" s="12"/>
    </row>
    <row r="708856" spans="8:8">
      <c r="H708856" s="12"/>
    </row>
    <row r="708857" spans="8:8">
      <c r="H708857" s="12"/>
    </row>
    <row r="708858" spans="8:8">
      <c r="H708858" s="12"/>
    </row>
    <row r="708859" spans="8:8">
      <c r="H708859" s="12"/>
    </row>
    <row r="708860" spans="8:8">
      <c r="H708860" s="12"/>
    </row>
    <row r="708861" spans="8:8">
      <c r="H708861" s="12"/>
    </row>
    <row r="708862" spans="8:8">
      <c r="H708862" s="12"/>
    </row>
    <row r="708863" spans="8:8">
      <c r="H708863" s="12"/>
    </row>
    <row r="708864" spans="8:8">
      <c r="H708864" s="12"/>
    </row>
    <row r="708865" spans="8:8">
      <c r="H708865" s="12"/>
    </row>
    <row r="708866" spans="8:8">
      <c r="H708866" s="12"/>
    </row>
    <row r="708867" spans="8:8">
      <c r="H708867" s="12"/>
    </row>
    <row r="708868" spans="8:8">
      <c r="H708868" s="12"/>
    </row>
    <row r="708869" spans="8:8">
      <c r="H708869" s="12"/>
    </row>
    <row r="708870" spans="8:8">
      <c r="H708870" s="12"/>
    </row>
    <row r="708871" spans="8:8">
      <c r="H708871" s="12"/>
    </row>
    <row r="708872" spans="8:8">
      <c r="H708872" s="12"/>
    </row>
    <row r="708873" spans="8:8">
      <c r="H708873" s="12"/>
    </row>
    <row r="708874" spans="8:8">
      <c r="H708874" s="12"/>
    </row>
    <row r="708875" spans="8:8">
      <c r="H708875" s="12"/>
    </row>
    <row r="708876" spans="8:8">
      <c r="H708876" s="12"/>
    </row>
    <row r="708877" spans="8:8">
      <c r="H708877" s="12"/>
    </row>
    <row r="708878" spans="8:8">
      <c r="H708878" s="12"/>
    </row>
    <row r="708879" spans="8:8">
      <c r="H708879" s="12"/>
    </row>
    <row r="708880" spans="8:8">
      <c r="H708880" s="12"/>
    </row>
    <row r="708881" spans="8:8">
      <c r="H708881" s="12"/>
    </row>
    <row r="708882" spans="8:8">
      <c r="H708882" s="12"/>
    </row>
    <row r="708883" spans="8:8">
      <c r="H708883" s="12"/>
    </row>
    <row r="708884" spans="8:8">
      <c r="H708884" s="12"/>
    </row>
    <row r="708885" spans="8:8">
      <c r="H708885" s="12"/>
    </row>
    <row r="708886" spans="8:8">
      <c r="H708886" s="12"/>
    </row>
    <row r="708887" spans="8:8">
      <c r="H708887" s="12"/>
    </row>
    <row r="708888" spans="8:8">
      <c r="H708888" s="12"/>
    </row>
    <row r="708889" spans="8:8">
      <c r="H708889" s="12"/>
    </row>
    <row r="708890" spans="8:8">
      <c r="H708890" s="12"/>
    </row>
    <row r="708891" spans="8:8">
      <c r="H708891" s="12"/>
    </row>
    <row r="708892" spans="8:8">
      <c r="H708892" s="12"/>
    </row>
    <row r="708893" spans="8:8">
      <c r="H708893" s="12"/>
    </row>
    <row r="708894" spans="8:8">
      <c r="H708894" s="12"/>
    </row>
    <row r="708895" spans="8:8">
      <c r="H708895" s="12"/>
    </row>
    <row r="708896" spans="8:8">
      <c r="H708896" s="12"/>
    </row>
    <row r="708897" spans="8:8">
      <c r="H708897" s="12"/>
    </row>
    <row r="708898" spans="8:8">
      <c r="H708898" s="12"/>
    </row>
    <row r="708899" spans="8:8">
      <c r="H708899" s="12"/>
    </row>
    <row r="708900" spans="8:8">
      <c r="H708900" s="12"/>
    </row>
    <row r="708901" spans="8:8">
      <c r="H708901" s="12"/>
    </row>
    <row r="708902" spans="8:8">
      <c r="H708902" s="12"/>
    </row>
    <row r="708903" spans="8:8">
      <c r="H708903" s="12"/>
    </row>
    <row r="708904" spans="8:8">
      <c r="H708904" s="12"/>
    </row>
    <row r="708905" spans="8:8">
      <c r="H708905" s="12"/>
    </row>
    <row r="708906" spans="8:8">
      <c r="H708906" s="12"/>
    </row>
    <row r="708907" spans="8:8">
      <c r="H708907" s="12"/>
    </row>
    <row r="708908" spans="8:8">
      <c r="H708908" s="12"/>
    </row>
    <row r="708909" spans="8:8">
      <c r="H708909" s="12"/>
    </row>
    <row r="708910" spans="8:8">
      <c r="H708910" s="12"/>
    </row>
    <row r="708911" spans="8:8">
      <c r="H708911" s="12"/>
    </row>
    <row r="708912" spans="8:8">
      <c r="H708912" s="12"/>
    </row>
    <row r="708913" spans="8:8">
      <c r="H708913" s="12"/>
    </row>
    <row r="708914" spans="8:8">
      <c r="H708914" s="12"/>
    </row>
    <row r="708915" spans="8:8">
      <c r="H708915" s="12"/>
    </row>
    <row r="708916" spans="8:8">
      <c r="H708916" s="12"/>
    </row>
    <row r="708917" spans="8:8">
      <c r="H708917" s="12"/>
    </row>
    <row r="708918" spans="8:8">
      <c r="H708918" s="12"/>
    </row>
    <row r="708919" spans="8:8">
      <c r="H708919" s="12"/>
    </row>
    <row r="708920" spans="8:8">
      <c r="H708920" s="12"/>
    </row>
    <row r="708921" spans="8:8">
      <c r="H708921" s="12"/>
    </row>
    <row r="708922" spans="8:8">
      <c r="H708922" s="12"/>
    </row>
    <row r="708923" spans="8:8">
      <c r="H708923" s="12"/>
    </row>
    <row r="708924" spans="8:8">
      <c r="H708924" s="12"/>
    </row>
    <row r="708925" spans="8:8">
      <c r="H708925" s="12"/>
    </row>
    <row r="708926" spans="8:8">
      <c r="H708926" s="12"/>
    </row>
    <row r="708927" spans="8:8">
      <c r="H708927" s="12"/>
    </row>
    <row r="708928" spans="8:8">
      <c r="H708928" s="12"/>
    </row>
    <row r="708929" spans="8:8">
      <c r="H708929" s="12"/>
    </row>
    <row r="708930" spans="8:8">
      <c r="H708930" s="12"/>
    </row>
    <row r="708931" spans="8:8">
      <c r="H708931" s="12"/>
    </row>
    <row r="708932" spans="8:8">
      <c r="H708932" s="12"/>
    </row>
    <row r="708933" spans="8:8">
      <c r="H708933" s="12"/>
    </row>
    <row r="708934" spans="8:8">
      <c r="H708934" s="12"/>
    </row>
    <row r="708935" spans="8:8">
      <c r="H708935" s="12"/>
    </row>
    <row r="708936" spans="8:8">
      <c r="H708936" s="12"/>
    </row>
    <row r="708937" spans="8:8">
      <c r="H708937" s="12"/>
    </row>
    <row r="708938" spans="8:8">
      <c r="H708938" s="12"/>
    </row>
    <row r="708939" spans="8:8">
      <c r="H708939" s="12"/>
    </row>
    <row r="708940" spans="8:8">
      <c r="H708940" s="12"/>
    </row>
    <row r="708941" spans="8:8">
      <c r="H708941" s="12"/>
    </row>
    <row r="708942" spans="8:8">
      <c r="H708942" s="12"/>
    </row>
    <row r="708943" spans="8:8">
      <c r="H708943" s="12"/>
    </row>
    <row r="708944" spans="8:8">
      <c r="H708944" s="12"/>
    </row>
    <row r="708945" spans="8:8">
      <c r="H708945" s="12"/>
    </row>
    <row r="708946" spans="8:8">
      <c r="H708946" s="12"/>
    </row>
    <row r="708947" spans="8:8">
      <c r="H708947" s="12"/>
    </row>
    <row r="708948" spans="8:8">
      <c r="H708948" s="12"/>
    </row>
    <row r="708949" spans="8:8">
      <c r="H708949" s="12"/>
    </row>
    <row r="708950" spans="8:8">
      <c r="H708950" s="12"/>
    </row>
    <row r="708951" spans="8:8">
      <c r="H708951" s="12"/>
    </row>
    <row r="708952" spans="8:8">
      <c r="H708952" s="12"/>
    </row>
    <row r="708953" spans="8:8">
      <c r="H708953" s="12"/>
    </row>
    <row r="708954" spans="8:8">
      <c r="H708954" s="12"/>
    </row>
    <row r="708955" spans="8:8">
      <c r="H708955" s="12"/>
    </row>
    <row r="708956" spans="8:8">
      <c r="H708956" s="12"/>
    </row>
    <row r="708957" spans="8:8">
      <c r="H708957" s="12"/>
    </row>
    <row r="708958" spans="8:8">
      <c r="H708958" s="12"/>
    </row>
    <row r="708959" spans="8:8">
      <c r="H708959" s="12"/>
    </row>
    <row r="708960" spans="8:8">
      <c r="H708960" s="12"/>
    </row>
    <row r="708961" spans="8:8">
      <c r="H708961" s="12"/>
    </row>
    <row r="708962" spans="8:8">
      <c r="H708962" s="12"/>
    </row>
    <row r="708963" spans="8:8">
      <c r="H708963" s="12"/>
    </row>
    <row r="708964" spans="8:8">
      <c r="H708964" s="12"/>
    </row>
    <row r="708965" spans="8:8">
      <c r="H708965" s="12"/>
    </row>
    <row r="708966" spans="8:8">
      <c r="H708966" s="12"/>
    </row>
    <row r="708967" spans="8:8">
      <c r="H708967" s="12"/>
    </row>
    <row r="708968" spans="8:8">
      <c r="H708968" s="12"/>
    </row>
    <row r="708969" spans="8:8">
      <c r="H708969" s="12"/>
    </row>
    <row r="708970" spans="8:8">
      <c r="H708970" s="12"/>
    </row>
    <row r="708971" spans="8:8">
      <c r="H708971" s="12"/>
    </row>
    <row r="708972" spans="8:8">
      <c r="H708972" s="12"/>
    </row>
    <row r="708973" spans="8:8">
      <c r="H708973" s="12"/>
    </row>
    <row r="708974" spans="8:8">
      <c r="H708974" s="12"/>
    </row>
    <row r="708975" spans="8:8">
      <c r="H708975" s="12"/>
    </row>
    <row r="708976" spans="8:8">
      <c r="H708976" s="12"/>
    </row>
    <row r="708977" spans="8:8">
      <c r="H708977" s="12"/>
    </row>
    <row r="708978" spans="8:8">
      <c r="H708978" s="12"/>
    </row>
    <row r="708979" spans="8:8">
      <c r="H708979" s="12"/>
    </row>
    <row r="708980" spans="8:8">
      <c r="H708980" s="12"/>
    </row>
    <row r="708981" spans="8:8">
      <c r="H708981" s="12"/>
    </row>
    <row r="708982" spans="8:8">
      <c r="H708982" s="12"/>
    </row>
    <row r="708983" spans="8:8">
      <c r="H708983" s="12"/>
    </row>
    <row r="708984" spans="8:8">
      <c r="H708984" s="12"/>
    </row>
    <row r="708985" spans="8:8">
      <c r="H708985" s="12"/>
    </row>
    <row r="708986" spans="8:8">
      <c r="H708986" s="12"/>
    </row>
    <row r="708987" spans="8:8">
      <c r="H708987" s="12"/>
    </row>
    <row r="708988" spans="8:8">
      <c r="H708988" s="12"/>
    </row>
    <row r="708989" spans="8:8">
      <c r="H708989" s="12"/>
    </row>
    <row r="708990" spans="8:8">
      <c r="H708990" s="12"/>
    </row>
    <row r="708991" spans="8:8">
      <c r="H708991" s="12"/>
    </row>
    <row r="708992" spans="8:8">
      <c r="H708992" s="12"/>
    </row>
    <row r="708993" spans="8:8">
      <c r="H708993" s="12"/>
    </row>
    <row r="708994" spans="8:8">
      <c r="H708994" s="12"/>
    </row>
    <row r="708995" spans="8:8">
      <c r="H708995" s="12"/>
    </row>
    <row r="708996" spans="8:8">
      <c r="H708996" s="12"/>
    </row>
    <row r="708997" spans="8:8">
      <c r="H708997" s="12"/>
    </row>
    <row r="708998" spans="8:8">
      <c r="H708998" s="12"/>
    </row>
    <row r="708999" spans="8:8">
      <c r="H708999" s="12"/>
    </row>
    <row r="709000" spans="8:8">
      <c r="H709000" s="12"/>
    </row>
    <row r="709001" spans="8:8">
      <c r="H709001" s="12"/>
    </row>
    <row r="709002" spans="8:8">
      <c r="H709002" s="12"/>
    </row>
    <row r="709003" spans="8:8">
      <c r="H709003" s="12"/>
    </row>
    <row r="709004" spans="8:8">
      <c r="H709004" s="12"/>
    </row>
    <row r="709005" spans="8:8">
      <c r="H709005" s="12"/>
    </row>
    <row r="709006" spans="8:8">
      <c r="H709006" s="12"/>
    </row>
    <row r="709007" spans="8:8">
      <c r="H709007" s="12"/>
    </row>
    <row r="709008" spans="8:8">
      <c r="H709008" s="12"/>
    </row>
    <row r="709009" spans="8:8">
      <c r="H709009" s="12"/>
    </row>
    <row r="709010" spans="8:8">
      <c r="H709010" s="12"/>
    </row>
    <row r="709011" spans="8:8">
      <c r="H709011" s="12"/>
    </row>
    <row r="709012" spans="8:8">
      <c r="H709012" s="12"/>
    </row>
    <row r="709013" spans="8:8">
      <c r="H709013" s="12"/>
    </row>
    <row r="709014" spans="8:8">
      <c r="H709014" s="12"/>
    </row>
    <row r="709015" spans="8:8">
      <c r="H709015" s="12"/>
    </row>
    <row r="709016" spans="8:8">
      <c r="H709016" s="12"/>
    </row>
    <row r="709017" spans="8:8">
      <c r="H709017" s="12"/>
    </row>
    <row r="709018" spans="8:8">
      <c r="H709018" s="12"/>
    </row>
    <row r="709019" spans="8:8">
      <c r="H709019" s="12"/>
    </row>
    <row r="709020" spans="8:8">
      <c r="H709020" s="12"/>
    </row>
    <row r="709021" spans="8:8">
      <c r="H709021" s="12"/>
    </row>
    <row r="709022" spans="8:8">
      <c r="H709022" s="12"/>
    </row>
    <row r="709023" spans="8:8">
      <c r="H709023" s="12"/>
    </row>
    <row r="709024" spans="8:8">
      <c r="H709024" s="12"/>
    </row>
    <row r="709025" spans="8:8">
      <c r="H709025" s="12"/>
    </row>
    <row r="709026" spans="8:8">
      <c r="H709026" s="12"/>
    </row>
    <row r="709027" spans="8:8">
      <c r="H709027" s="12"/>
    </row>
    <row r="709028" spans="8:8">
      <c r="H709028" s="12"/>
    </row>
    <row r="709029" spans="8:8">
      <c r="H709029" s="12"/>
    </row>
    <row r="709030" spans="8:8">
      <c r="H709030" s="12"/>
    </row>
    <row r="709031" spans="8:8">
      <c r="H709031" s="12"/>
    </row>
    <row r="709032" spans="8:8">
      <c r="H709032" s="12"/>
    </row>
    <row r="709033" spans="8:8">
      <c r="H709033" s="12"/>
    </row>
    <row r="709034" spans="8:8">
      <c r="H709034" s="12"/>
    </row>
    <row r="709035" spans="8:8">
      <c r="H709035" s="12"/>
    </row>
    <row r="709036" spans="8:8">
      <c r="H709036" s="12"/>
    </row>
    <row r="709037" spans="8:8">
      <c r="H709037" s="12"/>
    </row>
    <row r="709038" spans="8:8">
      <c r="H709038" s="12"/>
    </row>
    <row r="709039" spans="8:8">
      <c r="H709039" s="12"/>
    </row>
    <row r="709040" spans="8:8">
      <c r="H709040" s="12"/>
    </row>
    <row r="709041" spans="8:8">
      <c r="H709041" s="12"/>
    </row>
    <row r="709042" spans="8:8">
      <c r="H709042" s="12"/>
    </row>
    <row r="709043" spans="8:8">
      <c r="H709043" s="12"/>
    </row>
    <row r="709044" spans="8:8">
      <c r="H709044" s="12"/>
    </row>
    <row r="709045" spans="8:8">
      <c r="H709045" s="12"/>
    </row>
    <row r="709046" spans="8:8">
      <c r="H709046" s="12"/>
    </row>
    <row r="709047" spans="8:8">
      <c r="H709047" s="12"/>
    </row>
    <row r="709048" spans="8:8">
      <c r="H709048" s="12"/>
    </row>
    <row r="709049" spans="8:8">
      <c r="H709049" s="12"/>
    </row>
    <row r="709050" spans="8:8">
      <c r="H709050" s="12"/>
    </row>
    <row r="709051" spans="8:8">
      <c r="H709051" s="12"/>
    </row>
    <row r="709052" spans="8:8">
      <c r="H709052" s="12"/>
    </row>
    <row r="709053" spans="8:8">
      <c r="H709053" s="12"/>
    </row>
    <row r="709054" spans="8:8">
      <c r="H709054" s="12"/>
    </row>
    <row r="709055" spans="8:8">
      <c r="H709055" s="12"/>
    </row>
    <row r="709056" spans="8:8">
      <c r="H709056" s="12"/>
    </row>
    <row r="709057" spans="8:8">
      <c r="H709057" s="12"/>
    </row>
    <row r="709058" spans="8:8">
      <c r="H709058" s="12"/>
    </row>
    <row r="709059" spans="8:8">
      <c r="H709059" s="12"/>
    </row>
    <row r="709060" spans="8:8">
      <c r="H709060" s="12"/>
    </row>
    <row r="709061" spans="8:8">
      <c r="H709061" s="12"/>
    </row>
    <row r="709062" spans="8:8">
      <c r="H709062" s="12"/>
    </row>
    <row r="709063" spans="8:8">
      <c r="H709063" s="12"/>
    </row>
    <row r="709064" spans="8:8">
      <c r="H709064" s="12"/>
    </row>
    <row r="709065" spans="8:8">
      <c r="H709065" s="12"/>
    </row>
    <row r="709066" spans="8:8">
      <c r="H709066" s="12"/>
    </row>
    <row r="709067" spans="8:8">
      <c r="H709067" s="12"/>
    </row>
    <row r="709068" spans="8:8">
      <c r="H709068" s="12"/>
    </row>
    <row r="709069" spans="8:8">
      <c r="H709069" s="12"/>
    </row>
    <row r="709070" spans="8:8">
      <c r="H709070" s="12"/>
    </row>
    <row r="709071" spans="8:8">
      <c r="H709071" s="12"/>
    </row>
    <row r="709072" spans="8:8">
      <c r="H709072" s="12"/>
    </row>
    <row r="709073" spans="8:8">
      <c r="H709073" s="12"/>
    </row>
    <row r="709074" spans="8:8">
      <c r="H709074" s="12"/>
    </row>
    <row r="709075" spans="8:8">
      <c r="H709075" s="12"/>
    </row>
    <row r="709076" spans="8:8">
      <c r="H709076" s="12"/>
    </row>
    <row r="709077" spans="8:8">
      <c r="H709077" s="12"/>
    </row>
    <row r="709078" spans="8:8">
      <c r="H709078" s="12"/>
    </row>
    <row r="709079" spans="8:8">
      <c r="H709079" s="12"/>
    </row>
    <row r="709080" spans="8:8">
      <c r="H709080" s="12"/>
    </row>
    <row r="709081" spans="8:8">
      <c r="H709081" s="12"/>
    </row>
    <row r="709082" spans="8:8">
      <c r="H709082" s="12"/>
    </row>
    <row r="709083" spans="8:8">
      <c r="H709083" s="12"/>
    </row>
    <row r="709084" spans="8:8">
      <c r="H709084" s="12"/>
    </row>
    <row r="709085" spans="8:8">
      <c r="H709085" s="12"/>
    </row>
    <row r="709086" spans="8:8">
      <c r="H709086" s="12"/>
    </row>
    <row r="709087" spans="8:8">
      <c r="H709087" s="12"/>
    </row>
    <row r="709088" spans="8:8">
      <c r="H709088" s="12"/>
    </row>
    <row r="709089" spans="8:8">
      <c r="H709089" s="12"/>
    </row>
    <row r="709090" spans="8:8">
      <c r="H709090" s="12"/>
    </row>
    <row r="709091" spans="8:8">
      <c r="H709091" s="12"/>
    </row>
    <row r="709092" spans="8:8">
      <c r="H709092" s="12"/>
    </row>
    <row r="709093" spans="8:8">
      <c r="H709093" s="12"/>
    </row>
    <row r="709094" spans="8:8">
      <c r="H709094" s="12"/>
    </row>
    <row r="709095" spans="8:8">
      <c r="H709095" s="12"/>
    </row>
    <row r="709096" spans="8:8">
      <c r="H709096" s="12"/>
    </row>
    <row r="709097" spans="8:8">
      <c r="H709097" s="12"/>
    </row>
    <row r="709098" spans="8:8">
      <c r="H709098" s="12"/>
    </row>
    <row r="709099" spans="8:8">
      <c r="H709099" s="12"/>
    </row>
    <row r="709100" spans="8:8">
      <c r="H709100" s="12"/>
    </row>
    <row r="709101" spans="8:8">
      <c r="H709101" s="12"/>
    </row>
    <row r="709102" spans="8:8">
      <c r="H709102" s="12"/>
    </row>
    <row r="709103" spans="8:8">
      <c r="H709103" s="12"/>
    </row>
    <row r="709104" spans="8:8">
      <c r="H709104" s="12"/>
    </row>
    <row r="709105" spans="8:8">
      <c r="H709105" s="12"/>
    </row>
    <row r="709106" spans="8:8">
      <c r="H709106" s="12"/>
    </row>
    <row r="709107" spans="8:8">
      <c r="H709107" s="12"/>
    </row>
    <row r="709108" spans="8:8">
      <c r="H709108" s="12"/>
    </row>
    <row r="709109" spans="8:8">
      <c r="H709109" s="12"/>
    </row>
    <row r="709110" spans="8:8">
      <c r="H709110" s="12"/>
    </row>
    <row r="709111" spans="8:8">
      <c r="H709111" s="12"/>
    </row>
    <row r="709112" spans="8:8">
      <c r="H709112" s="12"/>
    </row>
    <row r="709113" spans="8:8">
      <c r="H709113" s="12"/>
    </row>
    <row r="709114" spans="8:8">
      <c r="H709114" s="12"/>
    </row>
    <row r="709115" spans="8:8">
      <c r="H709115" s="12"/>
    </row>
    <row r="709116" spans="8:8">
      <c r="H709116" s="12"/>
    </row>
    <row r="709117" spans="8:8">
      <c r="H709117" s="12"/>
    </row>
    <row r="709118" spans="8:8">
      <c r="H709118" s="12"/>
    </row>
    <row r="709119" spans="8:8">
      <c r="H709119" s="12"/>
    </row>
    <row r="709120" spans="8:8">
      <c r="H709120" s="12"/>
    </row>
    <row r="709121" spans="8:8">
      <c r="H709121" s="12"/>
    </row>
    <row r="709122" spans="8:8">
      <c r="H709122" s="12"/>
    </row>
    <row r="709123" spans="8:8">
      <c r="H709123" s="12"/>
    </row>
    <row r="709124" spans="8:8">
      <c r="H709124" s="12"/>
    </row>
    <row r="709125" spans="8:8">
      <c r="H709125" s="12"/>
    </row>
    <row r="709126" spans="8:8">
      <c r="H709126" s="12"/>
    </row>
    <row r="709127" spans="8:8">
      <c r="H709127" s="12"/>
    </row>
    <row r="709128" spans="8:8">
      <c r="H709128" s="12"/>
    </row>
    <row r="709129" spans="8:8">
      <c r="H709129" s="12"/>
    </row>
    <row r="709130" spans="8:8">
      <c r="H709130" s="12"/>
    </row>
    <row r="709131" spans="8:8">
      <c r="H709131" s="12"/>
    </row>
    <row r="709132" spans="8:8">
      <c r="H709132" s="12"/>
    </row>
    <row r="709133" spans="8:8">
      <c r="H709133" s="12"/>
    </row>
    <row r="709134" spans="8:8">
      <c r="H709134" s="12"/>
    </row>
    <row r="709135" spans="8:8">
      <c r="H709135" s="12"/>
    </row>
    <row r="709136" spans="8:8">
      <c r="H709136" s="12"/>
    </row>
    <row r="709137" spans="8:8">
      <c r="H709137" s="12"/>
    </row>
    <row r="709138" spans="8:8">
      <c r="H709138" s="12"/>
    </row>
    <row r="709139" spans="8:8">
      <c r="H709139" s="12"/>
    </row>
    <row r="709140" spans="8:8">
      <c r="H709140" s="12"/>
    </row>
    <row r="709141" spans="8:8">
      <c r="H709141" s="12"/>
    </row>
    <row r="709142" spans="8:8">
      <c r="H709142" s="12"/>
    </row>
    <row r="709143" spans="8:8">
      <c r="H709143" s="12"/>
    </row>
    <row r="709144" spans="8:8">
      <c r="H709144" s="12"/>
    </row>
    <row r="709145" spans="8:8">
      <c r="H709145" s="12"/>
    </row>
    <row r="709146" spans="8:8">
      <c r="H709146" s="12"/>
    </row>
    <row r="709147" spans="8:8">
      <c r="H709147" s="12"/>
    </row>
    <row r="709148" spans="8:8">
      <c r="H709148" s="12"/>
    </row>
    <row r="709149" spans="8:8">
      <c r="H709149" s="12"/>
    </row>
    <row r="709150" spans="8:8">
      <c r="H709150" s="12"/>
    </row>
    <row r="709151" spans="8:8">
      <c r="H709151" s="12"/>
    </row>
    <row r="709152" spans="8:8">
      <c r="H709152" s="12"/>
    </row>
    <row r="709153" spans="8:8">
      <c r="H709153" s="12"/>
    </row>
    <row r="709154" spans="8:8">
      <c r="H709154" s="12"/>
    </row>
    <row r="709155" spans="8:8">
      <c r="H709155" s="12"/>
    </row>
    <row r="709156" spans="8:8">
      <c r="H709156" s="12"/>
    </row>
    <row r="709157" spans="8:8">
      <c r="H709157" s="12"/>
    </row>
    <row r="709158" spans="8:8">
      <c r="H709158" s="12"/>
    </row>
    <row r="709159" spans="8:8">
      <c r="H709159" s="12"/>
    </row>
    <row r="709160" spans="8:8">
      <c r="H709160" s="12"/>
    </row>
    <row r="709161" spans="8:8">
      <c r="H709161" s="12"/>
    </row>
    <row r="709162" spans="8:8">
      <c r="H709162" s="12"/>
    </row>
    <row r="709163" spans="8:8">
      <c r="H709163" s="12"/>
    </row>
    <row r="709164" spans="8:8">
      <c r="H709164" s="12"/>
    </row>
    <row r="709165" spans="8:8">
      <c r="H709165" s="12"/>
    </row>
    <row r="709166" spans="8:8">
      <c r="H709166" s="12"/>
    </row>
    <row r="709167" spans="8:8">
      <c r="H709167" s="12"/>
    </row>
    <row r="709168" spans="8:8">
      <c r="H709168" s="12"/>
    </row>
    <row r="709169" spans="8:8">
      <c r="H709169" s="12"/>
    </row>
    <row r="709170" spans="8:8">
      <c r="H709170" s="12"/>
    </row>
    <row r="709171" spans="8:8">
      <c r="H709171" s="12"/>
    </row>
    <row r="709172" spans="8:8">
      <c r="H709172" s="12"/>
    </row>
    <row r="709173" spans="8:8">
      <c r="H709173" s="12"/>
    </row>
    <row r="709174" spans="8:8">
      <c r="H709174" s="12"/>
    </row>
    <row r="709175" spans="8:8">
      <c r="H709175" s="12"/>
    </row>
    <row r="709176" spans="8:8">
      <c r="H709176" s="12"/>
    </row>
    <row r="709177" spans="8:8">
      <c r="H709177" s="12"/>
    </row>
    <row r="709178" spans="8:8">
      <c r="H709178" s="12"/>
    </row>
    <row r="709179" spans="8:8">
      <c r="H709179" s="12"/>
    </row>
    <row r="709180" spans="8:8">
      <c r="H709180" s="12"/>
    </row>
    <row r="709181" spans="8:8">
      <c r="H709181" s="12"/>
    </row>
    <row r="709182" spans="8:8">
      <c r="H709182" s="12"/>
    </row>
    <row r="709183" spans="8:8">
      <c r="H709183" s="12"/>
    </row>
    <row r="709184" spans="8:8">
      <c r="H709184" s="12"/>
    </row>
    <row r="709185" spans="8:8">
      <c r="H709185" s="12"/>
    </row>
    <row r="709186" spans="8:8">
      <c r="H709186" s="12"/>
    </row>
    <row r="709187" spans="8:8">
      <c r="H709187" s="12"/>
    </row>
    <row r="709188" spans="8:8">
      <c r="H709188" s="12"/>
    </row>
    <row r="709189" spans="8:8">
      <c r="H709189" s="12"/>
    </row>
    <row r="709190" spans="8:8">
      <c r="H709190" s="12"/>
    </row>
    <row r="709191" spans="8:8">
      <c r="H709191" s="12"/>
    </row>
    <row r="709192" spans="8:8">
      <c r="H709192" s="12"/>
    </row>
    <row r="709193" spans="8:8">
      <c r="H709193" s="12"/>
    </row>
    <row r="709194" spans="8:8">
      <c r="H709194" s="12"/>
    </row>
    <row r="709195" spans="8:8">
      <c r="H709195" s="12"/>
    </row>
    <row r="709196" spans="8:8">
      <c r="H709196" s="12"/>
    </row>
    <row r="709197" spans="8:8">
      <c r="H709197" s="12"/>
    </row>
    <row r="709198" spans="8:8">
      <c r="H709198" s="12"/>
    </row>
    <row r="709199" spans="8:8">
      <c r="H709199" s="12"/>
    </row>
    <row r="709200" spans="8:8">
      <c r="H709200" s="12"/>
    </row>
    <row r="709201" spans="8:8">
      <c r="H709201" s="12"/>
    </row>
    <row r="709202" spans="8:8">
      <c r="H709202" s="12"/>
    </row>
    <row r="709203" spans="8:8">
      <c r="H709203" s="12"/>
    </row>
    <row r="709204" spans="8:8">
      <c r="H709204" s="12"/>
    </row>
    <row r="709205" spans="8:8">
      <c r="H709205" s="12"/>
    </row>
    <row r="709206" spans="8:8">
      <c r="H709206" s="12"/>
    </row>
    <row r="709207" spans="8:8">
      <c r="H709207" s="12"/>
    </row>
    <row r="709208" spans="8:8">
      <c r="H709208" s="12"/>
    </row>
    <row r="709209" spans="8:8">
      <c r="H709209" s="12"/>
    </row>
    <row r="709210" spans="8:8">
      <c r="H709210" s="12"/>
    </row>
    <row r="709211" spans="8:8">
      <c r="H709211" s="12"/>
    </row>
    <row r="709212" spans="8:8">
      <c r="H709212" s="12"/>
    </row>
    <row r="709213" spans="8:8">
      <c r="H709213" s="12"/>
    </row>
    <row r="709214" spans="8:8">
      <c r="H709214" s="12"/>
    </row>
    <row r="709215" spans="8:8">
      <c r="H709215" s="12"/>
    </row>
    <row r="709216" spans="8:8">
      <c r="H709216" s="12"/>
    </row>
    <row r="709217" spans="8:8">
      <c r="H709217" s="12"/>
    </row>
    <row r="709218" spans="8:8">
      <c r="H709218" s="12"/>
    </row>
    <row r="709219" spans="8:8">
      <c r="H709219" s="12"/>
    </row>
    <row r="709220" spans="8:8">
      <c r="H709220" s="12"/>
    </row>
    <row r="709221" spans="8:8">
      <c r="H709221" s="12"/>
    </row>
    <row r="709222" spans="8:8">
      <c r="H709222" s="12"/>
    </row>
    <row r="709223" spans="8:8">
      <c r="H709223" s="12"/>
    </row>
    <row r="709224" spans="8:8">
      <c r="H709224" s="12"/>
    </row>
    <row r="709225" spans="8:8">
      <c r="H709225" s="12"/>
    </row>
    <row r="709226" spans="8:8">
      <c r="H709226" s="12"/>
    </row>
    <row r="709227" spans="8:8">
      <c r="H709227" s="12"/>
    </row>
    <row r="709228" spans="8:8">
      <c r="H709228" s="12"/>
    </row>
    <row r="709229" spans="8:8">
      <c r="H709229" s="12"/>
    </row>
    <row r="709230" spans="8:8">
      <c r="H709230" s="12"/>
    </row>
    <row r="709231" spans="8:8">
      <c r="H709231" s="12"/>
    </row>
    <row r="709232" spans="8:8">
      <c r="H709232" s="12"/>
    </row>
    <row r="709233" spans="8:8">
      <c r="H709233" s="12"/>
    </row>
    <row r="709234" spans="8:8">
      <c r="H709234" s="12"/>
    </row>
    <row r="709235" spans="8:8">
      <c r="H709235" s="12"/>
    </row>
    <row r="709236" spans="8:8">
      <c r="H709236" s="12"/>
    </row>
    <row r="709237" spans="8:8">
      <c r="H709237" s="12"/>
    </row>
    <row r="709238" spans="8:8">
      <c r="H709238" s="12"/>
    </row>
    <row r="709239" spans="8:8">
      <c r="H709239" s="12"/>
    </row>
    <row r="709240" spans="8:8">
      <c r="H709240" s="12"/>
    </row>
    <row r="709241" spans="8:8">
      <c r="H709241" s="12"/>
    </row>
    <row r="709242" spans="8:8">
      <c r="H709242" s="12"/>
    </row>
    <row r="709243" spans="8:8">
      <c r="H709243" s="12"/>
    </row>
    <row r="709244" spans="8:8">
      <c r="H709244" s="12"/>
    </row>
    <row r="709245" spans="8:8">
      <c r="H709245" s="12"/>
    </row>
    <row r="709246" spans="8:8">
      <c r="H709246" s="12"/>
    </row>
    <row r="709247" spans="8:8">
      <c r="H709247" s="12"/>
    </row>
    <row r="709248" spans="8:8">
      <c r="H709248" s="12"/>
    </row>
    <row r="709249" spans="8:8">
      <c r="H709249" s="12"/>
    </row>
    <row r="709250" spans="8:8">
      <c r="H709250" s="12"/>
    </row>
    <row r="709251" spans="8:8">
      <c r="H709251" s="12"/>
    </row>
    <row r="709252" spans="8:8">
      <c r="H709252" s="12"/>
    </row>
    <row r="709253" spans="8:8">
      <c r="H709253" s="12"/>
    </row>
    <row r="709254" spans="8:8">
      <c r="H709254" s="12"/>
    </row>
    <row r="709255" spans="8:8">
      <c r="H709255" s="12"/>
    </row>
    <row r="709256" spans="8:8">
      <c r="H709256" s="12"/>
    </row>
    <row r="709257" spans="8:8">
      <c r="H709257" s="12"/>
    </row>
    <row r="709258" spans="8:8">
      <c r="H709258" s="12"/>
    </row>
    <row r="709259" spans="8:8">
      <c r="H709259" s="12"/>
    </row>
    <row r="709260" spans="8:8">
      <c r="H709260" s="12"/>
    </row>
    <row r="709261" spans="8:8">
      <c r="H709261" s="12"/>
    </row>
    <row r="709262" spans="8:8">
      <c r="H709262" s="12"/>
    </row>
    <row r="709263" spans="8:8">
      <c r="H709263" s="12"/>
    </row>
    <row r="709264" spans="8:8">
      <c r="H709264" s="12"/>
    </row>
    <row r="709265" spans="8:8">
      <c r="H709265" s="12"/>
    </row>
    <row r="709266" spans="8:8">
      <c r="H709266" s="12"/>
    </row>
    <row r="709267" spans="8:8">
      <c r="H709267" s="12"/>
    </row>
    <row r="709268" spans="8:8">
      <c r="H709268" s="12"/>
    </row>
    <row r="709269" spans="8:8">
      <c r="H709269" s="12"/>
    </row>
    <row r="709270" spans="8:8">
      <c r="H709270" s="12"/>
    </row>
    <row r="709271" spans="8:8">
      <c r="H709271" s="12"/>
    </row>
    <row r="709272" spans="8:8">
      <c r="H709272" s="12"/>
    </row>
    <row r="709273" spans="8:8">
      <c r="H709273" s="12"/>
    </row>
    <row r="709274" spans="8:8">
      <c r="H709274" s="12"/>
    </row>
    <row r="709275" spans="8:8">
      <c r="H709275" s="12"/>
    </row>
    <row r="709276" spans="8:8">
      <c r="H709276" s="12"/>
    </row>
    <row r="709277" spans="8:8">
      <c r="H709277" s="12"/>
    </row>
    <row r="709278" spans="8:8">
      <c r="H709278" s="12"/>
    </row>
    <row r="709279" spans="8:8">
      <c r="H709279" s="12"/>
    </row>
    <row r="709280" spans="8:8">
      <c r="H709280" s="12"/>
    </row>
    <row r="709281" spans="8:8">
      <c r="H709281" s="12"/>
    </row>
    <row r="709282" spans="8:8">
      <c r="H709282" s="12"/>
    </row>
    <row r="709283" spans="8:8">
      <c r="H709283" s="12"/>
    </row>
    <row r="709284" spans="8:8">
      <c r="H709284" s="12"/>
    </row>
    <row r="709285" spans="8:8">
      <c r="H709285" s="12"/>
    </row>
    <row r="709286" spans="8:8">
      <c r="H709286" s="12"/>
    </row>
    <row r="709287" spans="8:8">
      <c r="H709287" s="12"/>
    </row>
    <row r="709288" spans="8:8">
      <c r="H709288" s="12"/>
    </row>
    <row r="709289" spans="8:8">
      <c r="H709289" s="12"/>
    </row>
    <row r="709290" spans="8:8">
      <c r="H709290" s="12"/>
    </row>
    <row r="709291" spans="8:8">
      <c r="H709291" s="12"/>
    </row>
    <row r="709292" spans="8:8">
      <c r="H709292" s="12"/>
    </row>
    <row r="709293" spans="8:8">
      <c r="H709293" s="12"/>
    </row>
    <row r="709294" spans="8:8">
      <c r="H709294" s="12"/>
    </row>
    <row r="709295" spans="8:8">
      <c r="H709295" s="12"/>
    </row>
    <row r="709296" spans="8:8">
      <c r="H709296" s="12"/>
    </row>
    <row r="709297" spans="8:8">
      <c r="H709297" s="12"/>
    </row>
    <row r="709298" spans="8:8">
      <c r="H709298" s="12"/>
    </row>
    <row r="709299" spans="8:8">
      <c r="H709299" s="12"/>
    </row>
    <row r="709300" spans="8:8">
      <c r="H709300" s="12"/>
    </row>
    <row r="709301" spans="8:8">
      <c r="H709301" s="12"/>
    </row>
    <row r="709302" spans="8:8">
      <c r="H709302" s="12"/>
    </row>
    <row r="709303" spans="8:8">
      <c r="H709303" s="12"/>
    </row>
    <row r="709304" spans="8:8">
      <c r="H709304" s="12"/>
    </row>
    <row r="709305" spans="8:8">
      <c r="H709305" s="12"/>
    </row>
    <row r="709306" spans="8:8">
      <c r="H709306" s="12"/>
    </row>
    <row r="709307" spans="8:8">
      <c r="H709307" s="12"/>
    </row>
    <row r="709308" spans="8:8">
      <c r="H709308" s="12"/>
    </row>
    <row r="709309" spans="8:8">
      <c r="H709309" s="12"/>
    </row>
    <row r="709310" spans="8:8">
      <c r="H709310" s="12"/>
    </row>
    <row r="709311" spans="8:8">
      <c r="H709311" s="12"/>
    </row>
    <row r="709312" spans="8:8">
      <c r="H709312" s="12"/>
    </row>
    <row r="709313" spans="8:8">
      <c r="H709313" s="12"/>
    </row>
    <row r="709314" spans="8:8">
      <c r="H709314" s="12"/>
    </row>
    <row r="709315" spans="8:8">
      <c r="H709315" s="12"/>
    </row>
    <row r="709316" spans="8:8">
      <c r="H709316" s="12"/>
    </row>
    <row r="709317" spans="8:8">
      <c r="H709317" s="12"/>
    </row>
    <row r="709318" spans="8:8">
      <c r="H709318" s="12"/>
    </row>
    <row r="709319" spans="8:8">
      <c r="H709319" s="12"/>
    </row>
    <row r="709320" spans="8:8">
      <c r="H709320" s="12"/>
    </row>
    <row r="709321" spans="8:8">
      <c r="H709321" s="12"/>
    </row>
    <row r="709322" spans="8:8">
      <c r="H709322" s="12"/>
    </row>
    <row r="709323" spans="8:8">
      <c r="H709323" s="12"/>
    </row>
    <row r="709324" spans="8:8">
      <c r="H709324" s="12"/>
    </row>
    <row r="709325" spans="8:8">
      <c r="H709325" s="12"/>
    </row>
    <row r="709326" spans="8:8">
      <c r="H709326" s="12"/>
    </row>
    <row r="709327" spans="8:8">
      <c r="H709327" s="12"/>
    </row>
    <row r="709328" spans="8:8">
      <c r="H709328" s="12"/>
    </row>
    <row r="709329" spans="8:8">
      <c r="H709329" s="12"/>
    </row>
    <row r="709330" spans="8:8">
      <c r="H709330" s="12"/>
    </row>
    <row r="709331" spans="8:8">
      <c r="H709331" s="12"/>
    </row>
    <row r="709332" spans="8:8">
      <c r="H709332" s="12"/>
    </row>
    <row r="709333" spans="8:8">
      <c r="H709333" s="12"/>
    </row>
    <row r="709334" spans="8:8">
      <c r="H709334" s="12"/>
    </row>
    <row r="709335" spans="8:8">
      <c r="H709335" s="12"/>
    </row>
    <row r="709336" spans="8:8">
      <c r="H709336" s="12"/>
    </row>
    <row r="709337" spans="8:8">
      <c r="H709337" s="12"/>
    </row>
    <row r="709338" spans="8:8">
      <c r="H709338" s="12"/>
    </row>
    <row r="709339" spans="8:8">
      <c r="H709339" s="12"/>
    </row>
    <row r="709340" spans="8:8">
      <c r="H709340" s="12"/>
    </row>
    <row r="709341" spans="8:8">
      <c r="H709341" s="12"/>
    </row>
    <row r="709342" spans="8:8">
      <c r="H709342" s="12"/>
    </row>
    <row r="709343" spans="8:8">
      <c r="H709343" s="12"/>
    </row>
    <row r="709344" spans="8:8">
      <c r="H709344" s="12"/>
    </row>
    <row r="709345" spans="8:8">
      <c r="H709345" s="12"/>
    </row>
    <row r="709346" spans="8:8">
      <c r="H709346" s="12"/>
    </row>
    <row r="709347" spans="8:8">
      <c r="H709347" s="12"/>
    </row>
    <row r="709348" spans="8:8">
      <c r="H709348" s="12"/>
    </row>
    <row r="709349" spans="8:8">
      <c r="H709349" s="12"/>
    </row>
    <row r="709350" spans="8:8">
      <c r="H709350" s="12"/>
    </row>
    <row r="709351" spans="8:8">
      <c r="H709351" s="12"/>
    </row>
    <row r="709352" spans="8:8">
      <c r="H709352" s="12"/>
    </row>
    <row r="709353" spans="8:8">
      <c r="H709353" s="12"/>
    </row>
    <row r="709354" spans="8:8">
      <c r="H709354" s="12"/>
    </row>
    <row r="709355" spans="8:8">
      <c r="H709355" s="12"/>
    </row>
    <row r="709356" spans="8:8">
      <c r="H709356" s="12"/>
    </row>
    <row r="709357" spans="8:8">
      <c r="H709357" s="12"/>
    </row>
    <row r="709358" spans="8:8">
      <c r="H709358" s="12"/>
    </row>
    <row r="709359" spans="8:8">
      <c r="H709359" s="12"/>
    </row>
    <row r="709360" spans="8:8">
      <c r="H709360" s="12"/>
    </row>
    <row r="709361" spans="8:8">
      <c r="H709361" s="12"/>
    </row>
    <row r="709362" spans="8:8">
      <c r="H709362" s="12"/>
    </row>
    <row r="709363" spans="8:8">
      <c r="H709363" s="12"/>
    </row>
    <row r="709364" spans="8:8">
      <c r="H709364" s="12"/>
    </row>
    <row r="709365" spans="8:8">
      <c r="H709365" s="12"/>
    </row>
    <row r="709366" spans="8:8">
      <c r="H709366" s="12"/>
    </row>
    <row r="709367" spans="8:8">
      <c r="H709367" s="12"/>
    </row>
    <row r="709368" spans="8:8">
      <c r="H709368" s="12"/>
    </row>
    <row r="709369" spans="8:8">
      <c r="H709369" s="12"/>
    </row>
    <row r="709370" spans="8:8">
      <c r="H709370" s="12"/>
    </row>
    <row r="709371" spans="8:8">
      <c r="H709371" s="12"/>
    </row>
    <row r="709372" spans="8:8">
      <c r="H709372" s="12"/>
    </row>
    <row r="709373" spans="8:8">
      <c r="H709373" s="12"/>
    </row>
    <row r="709374" spans="8:8">
      <c r="H709374" s="12"/>
    </row>
    <row r="709375" spans="8:8">
      <c r="H709375" s="12"/>
    </row>
    <row r="709376" spans="8:8">
      <c r="H709376" s="12"/>
    </row>
    <row r="709377" spans="8:8">
      <c r="H709377" s="12"/>
    </row>
    <row r="709378" spans="8:8">
      <c r="H709378" s="12"/>
    </row>
    <row r="709379" spans="8:8">
      <c r="H709379" s="12"/>
    </row>
    <row r="709380" spans="8:8">
      <c r="H709380" s="12"/>
    </row>
    <row r="709381" spans="8:8">
      <c r="H709381" s="12"/>
    </row>
    <row r="709382" spans="8:8">
      <c r="H709382" s="12"/>
    </row>
    <row r="709383" spans="8:8">
      <c r="H709383" s="12"/>
    </row>
    <row r="709384" spans="8:8">
      <c r="H709384" s="12"/>
    </row>
    <row r="709385" spans="8:8">
      <c r="H709385" s="12"/>
    </row>
    <row r="709386" spans="8:8">
      <c r="H709386" s="12"/>
    </row>
    <row r="709387" spans="8:8">
      <c r="H709387" s="12"/>
    </row>
    <row r="709388" spans="8:8">
      <c r="H709388" s="12"/>
    </row>
    <row r="709389" spans="8:8">
      <c r="H709389" s="12"/>
    </row>
    <row r="709390" spans="8:8">
      <c r="H709390" s="12"/>
    </row>
    <row r="709391" spans="8:8">
      <c r="H709391" s="12"/>
    </row>
    <row r="709392" spans="8:8">
      <c r="H709392" s="12"/>
    </row>
    <row r="709393" spans="8:8">
      <c r="H709393" s="12"/>
    </row>
    <row r="709394" spans="8:8">
      <c r="H709394" s="12"/>
    </row>
    <row r="709395" spans="8:8">
      <c r="H709395" s="12"/>
    </row>
    <row r="709396" spans="8:8">
      <c r="H709396" s="12"/>
    </row>
    <row r="709397" spans="8:8">
      <c r="H709397" s="12"/>
    </row>
    <row r="709398" spans="8:8">
      <c r="H709398" s="12"/>
    </row>
    <row r="709399" spans="8:8">
      <c r="H709399" s="12"/>
    </row>
    <row r="709400" spans="8:8">
      <c r="H709400" s="12"/>
    </row>
    <row r="709401" spans="8:8">
      <c r="H709401" s="12"/>
    </row>
    <row r="709402" spans="8:8">
      <c r="H709402" s="12"/>
    </row>
    <row r="709403" spans="8:8">
      <c r="H709403" s="12"/>
    </row>
    <row r="709404" spans="8:8">
      <c r="H709404" s="12"/>
    </row>
    <row r="709405" spans="8:8">
      <c r="H709405" s="12"/>
    </row>
    <row r="709406" spans="8:8">
      <c r="H709406" s="12"/>
    </row>
    <row r="709407" spans="8:8">
      <c r="H709407" s="12"/>
    </row>
    <row r="709408" spans="8:8">
      <c r="H709408" s="12"/>
    </row>
    <row r="709409" spans="8:8">
      <c r="H709409" s="12"/>
    </row>
    <row r="709410" spans="8:8">
      <c r="H709410" s="12"/>
    </row>
    <row r="709411" spans="8:8">
      <c r="H709411" s="12"/>
    </row>
    <row r="709412" spans="8:8">
      <c r="H709412" s="12"/>
    </row>
    <row r="709413" spans="8:8">
      <c r="H709413" s="12"/>
    </row>
    <row r="709414" spans="8:8">
      <c r="H709414" s="12"/>
    </row>
    <row r="709415" spans="8:8">
      <c r="H709415" s="12"/>
    </row>
    <row r="709416" spans="8:8">
      <c r="H709416" s="12"/>
    </row>
    <row r="709417" spans="8:8">
      <c r="H709417" s="12"/>
    </row>
    <row r="709418" spans="8:8">
      <c r="H709418" s="12"/>
    </row>
    <row r="709419" spans="8:8">
      <c r="H709419" s="12"/>
    </row>
    <row r="709420" spans="8:8">
      <c r="H709420" s="12"/>
    </row>
    <row r="709421" spans="8:8">
      <c r="H709421" s="12"/>
    </row>
    <row r="709422" spans="8:8">
      <c r="H709422" s="12"/>
    </row>
    <row r="709423" spans="8:8">
      <c r="H709423" s="12"/>
    </row>
    <row r="709424" spans="8:8">
      <c r="H709424" s="12"/>
    </row>
    <row r="709425" spans="8:8">
      <c r="H709425" s="12"/>
    </row>
    <row r="709426" spans="8:8">
      <c r="H709426" s="12"/>
    </row>
    <row r="709427" spans="8:8">
      <c r="H709427" s="12"/>
    </row>
    <row r="709428" spans="8:8">
      <c r="H709428" s="12"/>
    </row>
    <row r="709429" spans="8:8">
      <c r="H709429" s="12"/>
    </row>
    <row r="709430" spans="8:8">
      <c r="H709430" s="12"/>
    </row>
    <row r="709431" spans="8:8">
      <c r="H709431" s="12"/>
    </row>
    <row r="709432" spans="8:8">
      <c r="H709432" s="12"/>
    </row>
    <row r="709433" spans="8:8">
      <c r="H709433" s="12"/>
    </row>
    <row r="709434" spans="8:8">
      <c r="H709434" s="12"/>
    </row>
    <row r="709435" spans="8:8">
      <c r="H709435" s="12"/>
    </row>
    <row r="709436" spans="8:8">
      <c r="H709436" s="12"/>
    </row>
    <row r="709437" spans="8:8">
      <c r="H709437" s="12"/>
    </row>
    <row r="709438" spans="8:8">
      <c r="H709438" s="12"/>
    </row>
    <row r="709439" spans="8:8">
      <c r="H709439" s="12"/>
    </row>
    <row r="709440" spans="8:8">
      <c r="H709440" s="12"/>
    </row>
    <row r="709441" spans="8:8">
      <c r="H709441" s="12"/>
    </row>
    <row r="709442" spans="8:8">
      <c r="H709442" s="12"/>
    </row>
    <row r="709443" spans="8:8">
      <c r="H709443" s="12"/>
    </row>
    <row r="709444" spans="8:8">
      <c r="H709444" s="12"/>
    </row>
    <row r="709445" spans="8:8">
      <c r="H709445" s="12"/>
    </row>
    <row r="709446" spans="8:8">
      <c r="H709446" s="12"/>
    </row>
    <row r="709447" spans="8:8">
      <c r="H709447" s="12"/>
    </row>
    <row r="709448" spans="8:8">
      <c r="H709448" s="12"/>
    </row>
    <row r="709449" spans="8:8">
      <c r="H709449" s="12"/>
    </row>
    <row r="709450" spans="8:8">
      <c r="H709450" s="12"/>
    </row>
    <row r="709451" spans="8:8">
      <c r="H709451" s="12"/>
    </row>
    <row r="709452" spans="8:8">
      <c r="H709452" s="12"/>
    </row>
    <row r="709453" spans="8:8">
      <c r="H709453" s="12"/>
    </row>
    <row r="709454" spans="8:8">
      <c r="H709454" s="12"/>
    </row>
    <row r="709455" spans="8:8">
      <c r="H709455" s="12"/>
    </row>
    <row r="709456" spans="8:8">
      <c r="H709456" s="12"/>
    </row>
    <row r="709457" spans="8:8">
      <c r="H709457" s="12"/>
    </row>
    <row r="709458" spans="8:8">
      <c r="H709458" s="12"/>
    </row>
    <row r="709459" spans="8:8">
      <c r="H709459" s="12"/>
    </row>
    <row r="709460" spans="8:8">
      <c r="H709460" s="12"/>
    </row>
    <row r="709461" spans="8:8">
      <c r="H709461" s="12"/>
    </row>
    <row r="709462" spans="8:8">
      <c r="H709462" s="12"/>
    </row>
    <row r="709463" spans="8:8">
      <c r="H709463" s="12"/>
    </row>
    <row r="709464" spans="8:8">
      <c r="H709464" s="12"/>
    </row>
    <row r="709465" spans="8:8">
      <c r="H709465" s="12"/>
    </row>
    <row r="709466" spans="8:8">
      <c r="H709466" s="12"/>
    </row>
    <row r="709467" spans="8:8">
      <c r="H709467" s="12"/>
    </row>
    <row r="709468" spans="8:8">
      <c r="H709468" s="12"/>
    </row>
    <row r="709469" spans="8:8">
      <c r="H709469" s="12"/>
    </row>
    <row r="709470" spans="8:8">
      <c r="H709470" s="12"/>
    </row>
    <row r="709471" spans="8:8">
      <c r="H709471" s="12"/>
    </row>
    <row r="709472" spans="8:8">
      <c r="H709472" s="12"/>
    </row>
    <row r="709473" spans="8:8">
      <c r="H709473" s="12"/>
    </row>
    <row r="709474" spans="8:8">
      <c r="H709474" s="12"/>
    </row>
    <row r="709475" spans="8:8">
      <c r="H709475" s="12"/>
    </row>
    <row r="709476" spans="8:8">
      <c r="H709476" s="12"/>
    </row>
    <row r="709477" spans="8:8">
      <c r="H709477" s="12"/>
    </row>
    <row r="709478" spans="8:8">
      <c r="H709478" s="12"/>
    </row>
    <row r="709479" spans="8:8">
      <c r="H709479" s="12"/>
    </row>
    <row r="709480" spans="8:8">
      <c r="H709480" s="12"/>
    </row>
    <row r="709481" spans="8:8">
      <c r="H709481" s="12"/>
    </row>
    <row r="709482" spans="8:8">
      <c r="H709482" s="12"/>
    </row>
    <row r="709483" spans="8:8">
      <c r="H709483" s="12"/>
    </row>
    <row r="709484" spans="8:8">
      <c r="H709484" s="12"/>
    </row>
    <row r="709485" spans="8:8">
      <c r="H709485" s="12"/>
    </row>
    <row r="709486" spans="8:8">
      <c r="H709486" s="12"/>
    </row>
    <row r="709487" spans="8:8">
      <c r="H709487" s="12"/>
    </row>
    <row r="709488" spans="8:8">
      <c r="H709488" s="12"/>
    </row>
    <row r="709489" spans="8:8">
      <c r="H709489" s="12"/>
    </row>
    <row r="709490" spans="8:8">
      <c r="H709490" s="12"/>
    </row>
    <row r="709491" spans="8:8">
      <c r="H709491" s="12"/>
    </row>
    <row r="709492" spans="8:8">
      <c r="H709492" s="12"/>
    </row>
    <row r="709493" spans="8:8">
      <c r="H709493" s="12"/>
    </row>
    <row r="709494" spans="8:8">
      <c r="H709494" s="12"/>
    </row>
    <row r="709495" spans="8:8">
      <c r="H709495" s="12"/>
    </row>
    <row r="709496" spans="8:8">
      <c r="H709496" s="12"/>
    </row>
    <row r="709497" spans="8:8">
      <c r="H709497" s="12"/>
    </row>
    <row r="709498" spans="8:8">
      <c r="H709498" s="12"/>
    </row>
    <row r="709499" spans="8:8">
      <c r="H709499" s="12"/>
    </row>
    <row r="709500" spans="8:8">
      <c r="H709500" s="12"/>
    </row>
    <row r="709501" spans="8:8">
      <c r="H709501" s="12"/>
    </row>
    <row r="709502" spans="8:8">
      <c r="H709502" s="12"/>
    </row>
    <row r="709503" spans="8:8">
      <c r="H709503" s="12"/>
    </row>
    <row r="709504" spans="8:8">
      <c r="H709504" s="12"/>
    </row>
    <row r="709505" spans="8:8">
      <c r="H709505" s="12"/>
    </row>
    <row r="709506" spans="8:8">
      <c r="H709506" s="12"/>
    </row>
    <row r="709507" spans="8:8">
      <c r="H709507" s="12"/>
    </row>
    <row r="709508" spans="8:8">
      <c r="H709508" s="12"/>
    </row>
    <row r="709509" spans="8:8">
      <c r="H709509" s="12"/>
    </row>
    <row r="709510" spans="8:8">
      <c r="H709510" s="12"/>
    </row>
    <row r="709511" spans="8:8">
      <c r="H709511" s="12"/>
    </row>
    <row r="709512" spans="8:8">
      <c r="H709512" s="12"/>
    </row>
    <row r="709513" spans="8:8">
      <c r="H709513" s="12"/>
    </row>
    <row r="709514" spans="8:8">
      <c r="H709514" s="12"/>
    </row>
    <row r="709515" spans="8:8">
      <c r="H709515" s="12"/>
    </row>
    <row r="709516" spans="8:8">
      <c r="H709516" s="12"/>
    </row>
    <row r="709517" spans="8:8">
      <c r="H709517" s="12"/>
    </row>
    <row r="709518" spans="8:8">
      <c r="H709518" s="12"/>
    </row>
    <row r="709519" spans="8:8">
      <c r="H709519" s="12"/>
    </row>
    <row r="709520" spans="8:8">
      <c r="H709520" s="12"/>
    </row>
    <row r="709521" spans="8:8">
      <c r="H709521" s="12"/>
    </row>
    <row r="709522" spans="8:8">
      <c r="H709522" s="12"/>
    </row>
    <row r="709523" spans="8:8">
      <c r="H709523" s="12"/>
    </row>
    <row r="709524" spans="8:8">
      <c r="H709524" s="12"/>
    </row>
    <row r="709525" spans="8:8">
      <c r="H709525" s="12"/>
    </row>
    <row r="709526" spans="8:8">
      <c r="H709526" s="12"/>
    </row>
    <row r="709527" spans="8:8">
      <c r="H709527" s="12"/>
    </row>
    <row r="709528" spans="8:8">
      <c r="H709528" s="12"/>
    </row>
    <row r="709529" spans="8:8">
      <c r="H709529" s="12"/>
    </row>
    <row r="709530" spans="8:8">
      <c r="H709530" s="12"/>
    </row>
    <row r="709531" spans="8:8">
      <c r="H709531" s="12"/>
    </row>
    <row r="709532" spans="8:8">
      <c r="H709532" s="12"/>
    </row>
    <row r="709533" spans="8:8">
      <c r="H709533" s="12"/>
    </row>
    <row r="709534" spans="8:8">
      <c r="H709534" s="12"/>
    </row>
    <row r="709535" spans="8:8">
      <c r="H709535" s="12"/>
    </row>
    <row r="709536" spans="8:8">
      <c r="H709536" s="12"/>
    </row>
    <row r="709537" spans="8:8">
      <c r="H709537" s="12"/>
    </row>
    <row r="709538" spans="8:8">
      <c r="H709538" s="12"/>
    </row>
    <row r="709539" spans="8:8">
      <c r="H709539" s="12"/>
    </row>
    <row r="709540" spans="8:8">
      <c r="H709540" s="12"/>
    </row>
    <row r="709541" spans="8:8">
      <c r="H709541" s="12"/>
    </row>
    <row r="709542" spans="8:8">
      <c r="H709542" s="12"/>
    </row>
    <row r="709543" spans="8:8">
      <c r="H709543" s="12"/>
    </row>
    <row r="709544" spans="8:8">
      <c r="H709544" s="12"/>
    </row>
    <row r="709545" spans="8:8">
      <c r="H709545" s="12"/>
    </row>
    <row r="709546" spans="8:8">
      <c r="H709546" s="12"/>
    </row>
    <row r="709547" spans="8:8">
      <c r="H709547" s="12"/>
    </row>
    <row r="709548" spans="8:8">
      <c r="H709548" s="12"/>
    </row>
    <row r="709549" spans="8:8">
      <c r="H709549" s="12"/>
    </row>
    <row r="709550" spans="8:8">
      <c r="H709550" s="12"/>
    </row>
    <row r="709551" spans="8:8">
      <c r="H709551" s="12"/>
    </row>
    <row r="709552" spans="8:8">
      <c r="H709552" s="12"/>
    </row>
    <row r="709553" spans="8:8">
      <c r="H709553" s="12"/>
    </row>
    <row r="709554" spans="8:8">
      <c r="H709554" s="12"/>
    </row>
    <row r="709555" spans="8:8">
      <c r="H709555" s="12"/>
    </row>
    <row r="709556" spans="8:8">
      <c r="H709556" s="12"/>
    </row>
    <row r="709557" spans="8:8">
      <c r="H709557" s="12"/>
    </row>
    <row r="709558" spans="8:8">
      <c r="H709558" s="12"/>
    </row>
    <row r="709559" spans="8:8">
      <c r="H709559" s="12"/>
    </row>
    <row r="709560" spans="8:8">
      <c r="H709560" s="12"/>
    </row>
    <row r="709561" spans="8:8">
      <c r="H709561" s="12"/>
    </row>
    <row r="709562" spans="8:8">
      <c r="H709562" s="12"/>
    </row>
    <row r="709563" spans="8:8">
      <c r="H709563" s="12"/>
    </row>
    <row r="709564" spans="8:8">
      <c r="H709564" s="12"/>
    </row>
    <row r="709565" spans="8:8">
      <c r="H709565" s="12"/>
    </row>
    <row r="709566" spans="8:8">
      <c r="H709566" s="12"/>
    </row>
    <row r="709567" spans="8:8">
      <c r="H709567" s="12"/>
    </row>
    <row r="709568" spans="8:8">
      <c r="H709568" s="12"/>
    </row>
    <row r="709569" spans="8:8">
      <c r="H709569" s="12"/>
    </row>
    <row r="709570" spans="8:8">
      <c r="H709570" s="12"/>
    </row>
    <row r="709571" spans="8:8">
      <c r="H709571" s="12"/>
    </row>
    <row r="709572" spans="8:8">
      <c r="H709572" s="12"/>
    </row>
    <row r="709573" spans="8:8">
      <c r="H709573" s="12"/>
    </row>
    <row r="709574" spans="8:8">
      <c r="H709574" s="12"/>
    </row>
    <row r="709575" spans="8:8">
      <c r="H709575" s="12"/>
    </row>
    <row r="709576" spans="8:8">
      <c r="H709576" s="12"/>
    </row>
    <row r="709577" spans="8:8">
      <c r="H709577" s="12"/>
    </row>
    <row r="709578" spans="8:8">
      <c r="H709578" s="12"/>
    </row>
    <row r="709579" spans="8:8">
      <c r="H709579" s="12"/>
    </row>
    <row r="709580" spans="8:8">
      <c r="H709580" s="12"/>
    </row>
    <row r="709581" spans="8:8">
      <c r="H709581" s="12"/>
    </row>
    <row r="709582" spans="8:8">
      <c r="H709582" s="12"/>
    </row>
    <row r="709583" spans="8:8">
      <c r="H709583" s="12"/>
    </row>
    <row r="709584" spans="8:8">
      <c r="H709584" s="12"/>
    </row>
    <row r="709585" spans="8:8">
      <c r="H709585" s="12"/>
    </row>
    <row r="709586" spans="8:8">
      <c r="H709586" s="12"/>
    </row>
    <row r="709587" spans="8:8">
      <c r="H709587" s="12"/>
    </row>
    <row r="709588" spans="8:8">
      <c r="H709588" s="12"/>
    </row>
    <row r="709589" spans="8:8">
      <c r="H709589" s="12"/>
    </row>
    <row r="709590" spans="8:8">
      <c r="H709590" s="12"/>
    </row>
    <row r="709591" spans="8:8">
      <c r="H709591" s="12"/>
    </row>
    <row r="709592" spans="8:8">
      <c r="H709592" s="12"/>
    </row>
    <row r="709593" spans="8:8">
      <c r="H709593" s="12"/>
    </row>
    <row r="709594" spans="8:8">
      <c r="H709594" s="12"/>
    </row>
    <row r="709595" spans="8:8">
      <c r="H709595" s="12"/>
    </row>
    <row r="709596" spans="8:8">
      <c r="H709596" s="12"/>
    </row>
    <row r="709597" spans="8:8">
      <c r="H709597" s="12"/>
    </row>
    <row r="709598" spans="8:8">
      <c r="H709598" s="12"/>
    </row>
    <row r="709599" spans="8:8">
      <c r="H709599" s="12"/>
    </row>
    <row r="709600" spans="8:8">
      <c r="H709600" s="12"/>
    </row>
    <row r="709601" spans="8:8">
      <c r="H709601" s="12"/>
    </row>
    <row r="709602" spans="8:8">
      <c r="H709602" s="12"/>
    </row>
    <row r="709603" spans="8:8">
      <c r="H709603" s="12"/>
    </row>
    <row r="709604" spans="8:8">
      <c r="H709604" s="12"/>
    </row>
    <row r="709605" spans="8:8">
      <c r="H709605" s="12"/>
    </row>
    <row r="709606" spans="8:8">
      <c r="H709606" s="12"/>
    </row>
    <row r="709607" spans="8:8">
      <c r="H709607" s="12"/>
    </row>
    <row r="709608" spans="8:8">
      <c r="H709608" s="12"/>
    </row>
    <row r="709609" spans="8:8">
      <c r="H709609" s="12"/>
    </row>
    <row r="709610" spans="8:8">
      <c r="H709610" s="12"/>
    </row>
    <row r="709611" spans="8:8">
      <c r="H709611" s="12"/>
    </row>
    <row r="709612" spans="8:8">
      <c r="H709612" s="12"/>
    </row>
    <row r="709613" spans="8:8">
      <c r="H709613" s="12"/>
    </row>
    <row r="709614" spans="8:8">
      <c r="H709614" s="12"/>
    </row>
    <row r="709615" spans="8:8">
      <c r="H709615" s="12"/>
    </row>
    <row r="709616" spans="8:8">
      <c r="H709616" s="12"/>
    </row>
    <row r="709617" spans="8:8">
      <c r="H709617" s="12"/>
    </row>
    <row r="709618" spans="8:8">
      <c r="H709618" s="12"/>
    </row>
    <row r="709619" spans="8:8">
      <c r="H709619" s="12"/>
    </row>
    <row r="709620" spans="8:8">
      <c r="H709620" s="12"/>
    </row>
    <row r="709621" spans="8:8">
      <c r="H709621" s="12"/>
    </row>
    <row r="709622" spans="8:8">
      <c r="H709622" s="12"/>
    </row>
    <row r="709623" spans="8:8">
      <c r="H709623" s="12"/>
    </row>
    <row r="709624" spans="8:8">
      <c r="H709624" s="12"/>
    </row>
    <row r="709625" spans="8:8">
      <c r="H709625" s="12"/>
    </row>
    <row r="709626" spans="8:8">
      <c r="H709626" s="12"/>
    </row>
    <row r="709627" spans="8:8">
      <c r="H709627" s="12"/>
    </row>
    <row r="709628" spans="8:8">
      <c r="H709628" s="12"/>
    </row>
    <row r="709629" spans="8:8">
      <c r="H709629" s="12"/>
    </row>
    <row r="709630" spans="8:8">
      <c r="H709630" s="12"/>
    </row>
    <row r="709631" spans="8:8">
      <c r="H709631" s="12"/>
    </row>
    <row r="709632" spans="8:8">
      <c r="H709632" s="12"/>
    </row>
    <row r="709633" spans="8:8">
      <c r="H709633" s="12"/>
    </row>
    <row r="709634" spans="8:8">
      <c r="H709634" s="12"/>
    </row>
    <row r="709635" spans="8:8">
      <c r="H709635" s="12"/>
    </row>
    <row r="709636" spans="8:8">
      <c r="H709636" s="12"/>
    </row>
    <row r="709637" spans="8:8">
      <c r="H709637" s="12"/>
    </row>
    <row r="709638" spans="8:8">
      <c r="H709638" s="12"/>
    </row>
    <row r="709639" spans="8:8">
      <c r="H709639" s="12"/>
    </row>
    <row r="709640" spans="8:8">
      <c r="H709640" s="12"/>
    </row>
    <row r="709641" spans="8:8">
      <c r="H709641" s="12"/>
    </row>
    <row r="709642" spans="8:8">
      <c r="H709642" s="12"/>
    </row>
    <row r="709643" spans="8:8">
      <c r="H709643" s="12"/>
    </row>
    <row r="709644" spans="8:8">
      <c r="H709644" s="12"/>
    </row>
    <row r="709645" spans="8:8">
      <c r="H709645" s="12"/>
    </row>
    <row r="709646" spans="8:8">
      <c r="H709646" s="12"/>
    </row>
    <row r="709647" spans="8:8">
      <c r="H709647" s="12"/>
    </row>
    <row r="709648" spans="8:8">
      <c r="H709648" s="12"/>
    </row>
    <row r="709649" spans="8:8">
      <c r="H709649" s="12"/>
    </row>
    <row r="709650" spans="8:8">
      <c r="H709650" s="12"/>
    </row>
    <row r="709651" spans="8:8">
      <c r="H709651" s="12"/>
    </row>
    <row r="709652" spans="8:8">
      <c r="H709652" s="12"/>
    </row>
    <row r="709653" spans="8:8">
      <c r="H709653" s="12"/>
    </row>
    <row r="709654" spans="8:8">
      <c r="H709654" s="12"/>
    </row>
    <row r="709655" spans="8:8">
      <c r="H709655" s="12"/>
    </row>
    <row r="709656" spans="8:8">
      <c r="H709656" s="12"/>
    </row>
    <row r="709657" spans="8:8">
      <c r="H709657" s="12"/>
    </row>
    <row r="709658" spans="8:8">
      <c r="H709658" s="12"/>
    </row>
    <row r="709659" spans="8:8">
      <c r="H709659" s="12"/>
    </row>
    <row r="709660" spans="8:8">
      <c r="H709660" s="12"/>
    </row>
    <row r="709661" spans="8:8">
      <c r="H709661" s="12"/>
    </row>
    <row r="709662" spans="8:8">
      <c r="H709662" s="12"/>
    </row>
    <row r="709663" spans="8:8">
      <c r="H709663" s="12"/>
    </row>
    <row r="709664" spans="8:8">
      <c r="H709664" s="12"/>
    </row>
    <row r="709665" spans="8:8">
      <c r="H709665" s="12"/>
    </row>
    <row r="709666" spans="8:8">
      <c r="H709666" s="12"/>
    </row>
    <row r="709667" spans="8:8">
      <c r="H709667" s="12"/>
    </row>
    <row r="709668" spans="8:8">
      <c r="H709668" s="12"/>
    </row>
    <row r="709669" spans="8:8">
      <c r="H709669" s="12"/>
    </row>
    <row r="709670" spans="8:8">
      <c r="H709670" s="12"/>
    </row>
    <row r="709671" spans="8:8">
      <c r="H709671" s="12"/>
    </row>
    <row r="709672" spans="8:8">
      <c r="H709672" s="12"/>
    </row>
    <row r="709673" spans="8:8">
      <c r="H709673" s="12"/>
    </row>
    <row r="709674" spans="8:8">
      <c r="H709674" s="12"/>
    </row>
    <row r="709675" spans="8:8">
      <c r="H709675" s="12"/>
    </row>
    <row r="709676" spans="8:8">
      <c r="H709676" s="12"/>
    </row>
    <row r="709677" spans="8:8">
      <c r="H709677" s="12"/>
    </row>
    <row r="709678" spans="8:8">
      <c r="H709678" s="12"/>
    </row>
    <row r="709679" spans="8:8">
      <c r="H709679" s="12"/>
    </row>
    <row r="709680" spans="8:8">
      <c r="H709680" s="12"/>
    </row>
    <row r="709681" spans="8:8">
      <c r="H709681" s="12"/>
    </row>
    <row r="709682" spans="8:8">
      <c r="H709682" s="12"/>
    </row>
    <row r="709683" spans="8:8">
      <c r="H709683" s="12"/>
    </row>
    <row r="709684" spans="8:8">
      <c r="H709684" s="12"/>
    </row>
    <row r="709685" spans="8:8">
      <c r="H709685" s="12"/>
    </row>
    <row r="709686" spans="8:8">
      <c r="H709686" s="12"/>
    </row>
    <row r="709687" spans="8:8">
      <c r="H709687" s="12"/>
    </row>
    <row r="709688" spans="8:8">
      <c r="H709688" s="12"/>
    </row>
    <row r="709689" spans="8:8">
      <c r="H709689" s="12"/>
    </row>
    <row r="709690" spans="8:8">
      <c r="H709690" s="12"/>
    </row>
    <row r="709691" spans="8:8">
      <c r="H709691" s="12"/>
    </row>
    <row r="709692" spans="8:8">
      <c r="H709692" s="12"/>
    </row>
    <row r="709693" spans="8:8">
      <c r="H709693" s="12"/>
    </row>
    <row r="709694" spans="8:8">
      <c r="H709694" s="12"/>
    </row>
    <row r="709695" spans="8:8">
      <c r="H709695" s="12"/>
    </row>
    <row r="709696" spans="8:8">
      <c r="H709696" s="12"/>
    </row>
    <row r="709697" spans="8:8">
      <c r="H709697" s="12"/>
    </row>
    <row r="709698" spans="8:8">
      <c r="H709698" s="12"/>
    </row>
    <row r="709699" spans="8:8">
      <c r="H709699" s="12"/>
    </row>
    <row r="709700" spans="8:8">
      <c r="H709700" s="12"/>
    </row>
    <row r="709701" spans="8:8">
      <c r="H709701" s="12"/>
    </row>
    <row r="709702" spans="8:8">
      <c r="H709702" s="12"/>
    </row>
    <row r="709703" spans="8:8">
      <c r="H709703" s="12"/>
    </row>
    <row r="709704" spans="8:8">
      <c r="H709704" s="12"/>
    </row>
    <row r="709705" spans="8:8">
      <c r="H709705" s="12"/>
    </row>
    <row r="709706" spans="8:8">
      <c r="H709706" s="12"/>
    </row>
    <row r="709707" spans="8:8">
      <c r="H709707" s="12"/>
    </row>
    <row r="709708" spans="8:8">
      <c r="H709708" s="12"/>
    </row>
    <row r="709709" spans="8:8">
      <c r="H709709" s="12"/>
    </row>
    <row r="709710" spans="8:8">
      <c r="H709710" s="12"/>
    </row>
    <row r="709711" spans="8:8">
      <c r="H709711" s="12"/>
    </row>
    <row r="709712" spans="8:8">
      <c r="H709712" s="12"/>
    </row>
    <row r="709713" spans="8:8">
      <c r="H709713" s="12"/>
    </row>
    <row r="709714" spans="8:8">
      <c r="H709714" s="12"/>
    </row>
    <row r="709715" spans="8:8">
      <c r="H709715" s="12"/>
    </row>
    <row r="709716" spans="8:8">
      <c r="H709716" s="12"/>
    </row>
    <row r="709717" spans="8:8">
      <c r="H709717" s="12"/>
    </row>
    <row r="709718" spans="8:8">
      <c r="H709718" s="12"/>
    </row>
    <row r="709719" spans="8:8">
      <c r="H709719" s="12"/>
    </row>
    <row r="709720" spans="8:8">
      <c r="H709720" s="12"/>
    </row>
    <row r="709721" spans="8:8">
      <c r="H709721" s="12"/>
    </row>
    <row r="709722" spans="8:8">
      <c r="H709722" s="12"/>
    </row>
    <row r="709723" spans="8:8">
      <c r="H709723" s="12"/>
    </row>
    <row r="709724" spans="8:8">
      <c r="H709724" s="12"/>
    </row>
    <row r="709725" spans="8:8">
      <c r="H709725" s="12"/>
    </row>
    <row r="709726" spans="8:8">
      <c r="H709726" s="12"/>
    </row>
    <row r="709727" spans="8:8">
      <c r="H709727" s="12"/>
    </row>
    <row r="709728" spans="8:8">
      <c r="H709728" s="12"/>
    </row>
    <row r="709729" spans="8:8">
      <c r="H709729" s="12"/>
    </row>
    <row r="709730" spans="8:8">
      <c r="H709730" s="12"/>
    </row>
    <row r="709731" spans="8:8">
      <c r="H709731" s="12"/>
    </row>
    <row r="709732" spans="8:8">
      <c r="H709732" s="12"/>
    </row>
    <row r="709733" spans="8:8">
      <c r="H709733" s="12"/>
    </row>
    <row r="709734" spans="8:8">
      <c r="H709734" s="12"/>
    </row>
    <row r="709735" spans="8:8">
      <c r="H709735" s="12"/>
    </row>
    <row r="709736" spans="8:8">
      <c r="H709736" s="12"/>
    </row>
    <row r="709737" spans="8:8">
      <c r="H709737" s="12"/>
    </row>
    <row r="709738" spans="8:8">
      <c r="H709738" s="12"/>
    </row>
    <row r="709739" spans="8:8">
      <c r="H709739" s="12"/>
    </row>
    <row r="709740" spans="8:8">
      <c r="H709740" s="12"/>
    </row>
    <row r="709741" spans="8:8">
      <c r="H709741" s="12"/>
    </row>
    <row r="709742" spans="8:8">
      <c r="H709742" s="12"/>
    </row>
    <row r="709743" spans="8:8">
      <c r="H709743" s="12"/>
    </row>
    <row r="709744" spans="8:8">
      <c r="H709744" s="12"/>
    </row>
    <row r="709745" spans="8:8">
      <c r="H709745" s="12"/>
    </row>
    <row r="709746" spans="8:8">
      <c r="H709746" s="12"/>
    </row>
    <row r="709747" spans="8:8">
      <c r="H709747" s="12"/>
    </row>
    <row r="709748" spans="8:8">
      <c r="H709748" s="12"/>
    </row>
    <row r="709749" spans="8:8">
      <c r="H709749" s="12"/>
    </row>
    <row r="709750" spans="8:8">
      <c r="H709750" s="12"/>
    </row>
    <row r="709751" spans="8:8">
      <c r="H709751" s="12"/>
    </row>
    <row r="709752" spans="8:8">
      <c r="H709752" s="12"/>
    </row>
    <row r="709753" spans="8:8">
      <c r="H709753" s="12"/>
    </row>
    <row r="709754" spans="8:8">
      <c r="H709754" s="12"/>
    </row>
    <row r="709755" spans="8:8">
      <c r="H709755" s="12"/>
    </row>
    <row r="709756" spans="8:8">
      <c r="H709756" s="12"/>
    </row>
    <row r="709757" spans="8:8">
      <c r="H709757" s="12"/>
    </row>
    <row r="709758" spans="8:8">
      <c r="H709758" s="12"/>
    </row>
    <row r="709759" spans="8:8">
      <c r="H709759" s="12"/>
    </row>
    <row r="709760" spans="8:8">
      <c r="H709760" s="12"/>
    </row>
    <row r="709761" spans="8:8">
      <c r="H709761" s="12"/>
    </row>
    <row r="709762" spans="8:8">
      <c r="H709762" s="12"/>
    </row>
    <row r="709763" spans="8:8">
      <c r="H709763" s="12"/>
    </row>
    <row r="709764" spans="8:8">
      <c r="H709764" s="12"/>
    </row>
    <row r="709765" spans="8:8">
      <c r="H709765" s="12"/>
    </row>
    <row r="709766" spans="8:8">
      <c r="H709766" s="12"/>
    </row>
    <row r="709767" spans="8:8">
      <c r="H709767" s="12"/>
    </row>
    <row r="709768" spans="8:8">
      <c r="H709768" s="12"/>
    </row>
    <row r="709769" spans="8:8">
      <c r="H709769" s="12"/>
    </row>
    <row r="709770" spans="8:8">
      <c r="H709770" s="12"/>
    </row>
    <row r="709771" spans="8:8">
      <c r="H709771" s="12"/>
    </row>
    <row r="709772" spans="8:8">
      <c r="H709772" s="12"/>
    </row>
    <row r="709773" spans="8:8">
      <c r="H709773" s="12"/>
    </row>
    <row r="709774" spans="8:8">
      <c r="H709774" s="12"/>
    </row>
    <row r="709775" spans="8:8">
      <c r="H709775" s="12"/>
    </row>
    <row r="709776" spans="8:8">
      <c r="H709776" s="12"/>
    </row>
    <row r="709777" spans="8:8">
      <c r="H709777" s="12"/>
    </row>
    <row r="709778" spans="8:8">
      <c r="H709778" s="12"/>
    </row>
    <row r="709779" spans="8:8">
      <c r="H709779" s="12"/>
    </row>
    <row r="709780" spans="8:8">
      <c r="H709780" s="12"/>
    </row>
    <row r="709781" spans="8:8">
      <c r="H709781" s="12"/>
    </row>
    <row r="709782" spans="8:8">
      <c r="H709782" s="12"/>
    </row>
    <row r="709783" spans="8:8">
      <c r="H709783" s="12"/>
    </row>
    <row r="709784" spans="8:8">
      <c r="H709784" s="12"/>
    </row>
    <row r="709785" spans="8:8">
      <c r="H709785" s="12"/>
    </row>
    <row r="709786" spans="8:8">
      <c r="H709786" s="12"/>
    </row>
    <row r="709787" spans="8:8">
      <c r="H709787" s="12"/>
    </row>
    <row r="709788" spans="8:8">
      <c r="H709788" s="12"/>
    </row>
    <row r="709789" spans="8:8">
      <c r="H709789" s="12"/>
    </row>
    <row r="709790" spans="8:8">
      <c r="H709790" s="12"/>
    </row>
    <row r="709791" spans="8:8">
      <c r="H709791" s="12"/>
    </row>
    <row r="709792" spans="8:8">
      <c r="H709792" s="12"/>
    </row>
    <row r="709793" spans="8:8">
      <c r="H709793" s="12"/>
    </row>
    <row r="709794" spans="8:8">
      <c r="H709794" s="12"/>
    </row>
    <row r="709795" spans="8:8">
      <c r="H709795" s="12"/>
    </row>
    <row r="709796" spans="8:8">
      <c r="H709796" s="12"/>
    </row>
    <row r="709797" spans="8:8">
      <c r="H709797" s="12"/>
    </row>
    <row r="709798" spans="8:8">
      <c r="H709798" s="12"/>
    </row>
    <row r="709799" spans="8:8">
      <c r="H709799" s="12"/>
    </row>
    <row r="709800" spans="8:8">
      <c r="H709800" s="12"/>
    </row>
    <row r="709801" spans="8:8">
      <c r="H709801" s="12"/>
    </row>
    <row r="709802" spans="8:8">
      <c r="H709802" s="12"/>
    </row>
    <row r="709803" spans="8:8">
      <c r="H709803" s="12"/>
    </row>
    <row r="709804" spans="8:8">
      <c r="H709804" s="12"/>
    </row>
    <row r="709805" spans="8:8">
      <c r="H709805" s="12"/>
    </row>
    <row r="709806" spans="8:8">
      <c r="H709806" s="12"/>
    </row>
    <row r="709807" spans="8:8">
      <c r="H709807" s="12"/>
    </row>
    <row r="709808" spans="8:8">
      <c r="H709808" s="12"/>
    </row>
    <row r="709809" spans="8:8">
      <c r="H709809" s="12"/>
    </row>
    <row r="709810" spans="8:8">
      <c r="H709810" s="12"/>
    </row>
    <row r="709811" spans="8:8">
      <c r="H709811" s="12"/>
    </row>
    <row r="709812" spans="8:8">
      <c r="H709812" s="12"/>
    </row>
    <row r="709813" spans="8:8">
      <c r="H709813" s="12"/>
    </row>
    <row r="709814" spans="8:8">
      <c r="H709814" s="12"/>
    </row>
    <row r="709815" spans="8:8">
      <c r="H709815" s="12"/>
    </row>
    <row r="709816" spans="8:8">
      <c r="H709816" s="12"/>
    </row>
    <row r="709817" spans="8:8">
      <c r="H709817" s="12"/>
    </row>
    <row r="709818" spans="8:8">
      <c r="H709818" s="12"/>
    </row>
    <row r="709819" spans="8:8">
      <c r="H709819" s="12"/>
    </row>
    <row r="709820" spans="8:8">
      <c r="H709820" s="12"/>
    </row>
    <row r="709821" spans="8:8">
      <c r="H709821" s="12"/>
    </row>
    <row r="709822" spans="8:8">
      <c r="H709822" s="12"/>
    </row>
    <row r="709823" spans="8:8">
      <c r="H709823" s="12"/>
    </row>
    <row r="709824" spans="8:8">
      <c r="H709824" s="12"/>
    </row>
    <row r="709825" spans="8:8">
      <c r="H709825" s="12"/>
    </row>
    <row r="709826" spans="8:8">
      <c r="H709826" s="12"/>
    </row>
    <row r="709827" spans="8:8">
      <c r="H709827" s="12"/>
    </row>
    <row r="709828" spans="8:8">
      <c r="H709828" s="12"/>
    </row>
    <row r="709829" spans="8:8">
      <c r="H709829" s="12"/>
    </row>
    <row r="709830" spans="8:8">
      <c r="H709830" s="12"/>
    </row>
    <row r="709831" spans="8:8">
      <c r="H709831" s="12"/>
    </row>
    <row r="709832" spans="8:8">
      <c r="H709832" s="12"/>
    </row>
    <row r="709833" spans="8:8">
      <c r="H709833" s="12"/>
    </row>
    <row r="709834" spans="8:8">
      <c r="H709834" s="12"/>
    </row>
    <row r="709835" spans="8:8">
      <c r="H709835" s="12"/>
    </row>
    <row r="709836" spans="8:8">
      <c r="H709836" s="12"/>
    </row>
    <row r="709837" spans="8:8">
      <c r="H709837" s="12"/>
    </row>
    <row r="709838" spans="8:8">
      <c r="H709838" s="12"/>
    </row>
    <row r="709839" spans="8:8">
      <c r="H709839" s="12"/>
    </row>
    <row r="709840" spans="8:8">
      <c r="H709840" s="12"/>
    </row>
    <row r="709841" spans="8:8">
      <c r="H709841" s="12"/>
    </row>
    <row r="709842" spans="8:8">
      <c r="H709842" s="12"/>
    </row>
    <row r="709843" spans="8:8">
      <c r="H709843" s="12"/>
    </row>
    <row r="709844" spans="8:8">
      <c r="H709844" s="12"/>
    </row>
    <row r="709845" spans="8:8">
      <c r="H709845" s="12"/>
    </row>
    <row r="709846" spans="8:8">
      <c r="H709846" s="12"/>
    </row>
    <row r="709847" spans="8:8">
      <c r="H709847" s="12"/>
    </row>
    <row r="709848" spans="8:8">
      <c r="H709848" s="12"/>
    </row>
    <row r="709849" spans="8:8">
      <c r="H709849" s="12"/>
    </row>
    <row r="709850" spans="8:8">
      <c r="H709850" s="12"/>
    </row>
    <row r="709851" spans="8:8">
      <c r="H709851" s="12"/>
    </row>
    <row r="709852" spans="8:8">
      <c r="H709852" s="12"/>
    </row>
    <row r="709853" spans="8:8">
      <c r="H709853" s="12"/>
    </row>
    <row r="709854" spans="8:8">
      <c r="H709854" s="12"/>
    </row>
    <row r="709855" spans="8:8">
      <c r="H709855" s="12"/>
    </row>
    <row r="709856" spans="8:8">
      <c r="H709856" s="12"/>
    </row>
    <row r="709857" spans="8:8">
      <c r="H709857" s="12"/>
    </row>
    <row r="709858" spans="8:8">
      <c r="H709858" s="12"/>
    </row>
    <row r="709859" spans="8:8">
      <c r="H709859" s="12"/>
    </row>
    <row r="709860" spans="8:8">
      <c r="H709860" s="12"/>
    </row>
    <row r="709861" spans="8:8">
      <c r="H709861" s="12"/>
    </row>
    <row r="709862" spans="8:8">
      <c r="H709862" s="12"/>
    </row>
    <row r="709863" spans="8:8">
      <c r="H709863" s="12"/>
    </row>
    <row r="709864" spans="8:8">
      <c r="H709864" s="12"/>
    </row>
    <row r="709865" spans="8:8">
      <c r="H709865" s="12"/>
    </row>
    <row r="709866" spans="8:8">
      <c r="H709866" s="12"/>
    </row>
    <row r="709867" spans="8:8">
      <c r="H709867" s="12"/>
    </row>
    <row r="709868" spans="8:8">
      <c r="H709868" s="12"/>
    </row>
    <row r="709869" spans="8:8">
      <c r="H709869" s="12"/>
    </row>
    <row r="709870" spans="8:8">
      <c r="H709870" s="12"/>
    </row>
    <row r="709871" spans="8:8">
      <c r="H709871" s="12"/>
    </row>
    <row r="709872" spans="8:8">
      <c r="H709872" s="12"/>
    </row>
    <row r="709873" spans="8:8">
      <c r="H709873" s="12"/>
    </row>
    <row r="709874" spans="8:8">
      <c r="H709874" s="12"/>
    </row>
    <row r="709875" spans="8:8">
      <c r="H709875" s="12"/>
    </row>
    <row r="709876" spans="8:8">
      <c r="H709876" s="12"/>
    </row>
    <row r="709877" spans="8:8">
      <c r="H709877" s="12"/>
    </row>
    <row r="709878" spans="8:8">
      <c r="H709878" s="12"/>
    </row>
    <row r="709879" spans="8:8">
      <c r="H709879" s="12"/>
    </row>
    <row r="709880" spans="8:8">
      <c r="H709880" s="12"/>
    </row>
    <row r="709881" spans="8:8">
      <c r="H709881" s="12"/>
    </row>
    <row r="709882" spans="8:8">
      <c r="H709882" s="12"/>
    </row>
    <row r="709883" spans="8:8">
      <c r="H709883" s="12"/>
    </row>
    <row r="709884" spans="8:8">
      <c r="H709884" s="12"/>
    </row>
    <row r="709885" spans="8:8">
      <c r="H709885" s="12"/>
    </row>
    <row r="709886" spans="8:8">
      <c r="H709886" s="12"/>
    </row>
    <row r="709887" spans="8:8">
      <c r="H709887" s="12"/>
    </row>
    <row r="709888" spans="8:8">
      <c r="H709888" s="12"/>
    </row>
    <row r="709889" spans="8:8">
      <c r="H709889" s="12"/>
    </row>
    <row r="709890" spans="8:8">
      <c r="H709890" s="12"/>
    </row>
    <row r="709891" spans="8:8">
      <c r="H709891" s="12"/>
    </row>
    <row r="709892" spans="8:8">
      <c r="H709892" s="12"/>
    </row>
    <row r="709893" spans="8:8">
      <c r="H709893" s="12"/>
    </row>
    <row r="709894" spans="8:8">
      <c r="H709894" s="12"/>
    </row>
    <row r="709895" spans="8:8">
      <c r="H709895" s="12"/>
    </row>
    <row r="709896" spans="8:8">
      <c r="H709896" s="12"/>
    </row>
    <row r="709897" spans="8:8">
      <c r="H709897" s="12"/>
    </row>
    <row r="709898" spans="8:8">
      <c r="H709898" s="12"/>
    </row>
    <row r="709899" spans="8:8">
      <c r="H709899" s="12"/>
    </row>
    <row r="709900" spans="8:8">
      <c r="H709900" s="12"/>
    </row>
    <row r="709901" spans="8:8">
      <c r="H709901" s="12"/>
    </row>
    <row r="709902" spans="8:8">
      <c r="H709902" s="12"/>
    </row>
    <row r="709903" spans="8:8">
      <c r="H709903" s="12"/>
    </row>
    <row r="709904" spans="8:8">
      <c r="H709904" s="12"/>
    </row>
    <row r="709905" spans="8:8">
      <c r="H709905" s="12"/>
    </row>
    <row r="709906" spans="8:8">
      <c r="H709906" s="12"/>
    </row>
    <row r="709907" spans="8:8">
      <c r="H709907" s="12"/>
    </row>
    <row r="709908" spans="8:8">
      <c r="H709908" s="12"/>
    </row>
    <row r="709909" spans="8:8">
      <c r="H709909" s="12"/>
    </row>
    <row r="709910" spans="8:8">
      <c r="H709910" s="12"/>
    </row>
    <row r="709911" spans="8:8">
      <c r="H709911" s="12"/>
    </row>
    <row r="709912" spans="8:8">
      <c r="H709912" s="12"/>
    </row>
    <row r="709913" spans="8:8">
      <c r="H709913" s="12"/>
    </row>
    <row r="709914" spans="8:8">
      <c r="H709914" s="12"/>
    </row>
    <row r="709915" spans="8:8">
      <c r="H709915" s="12"/>
    </row>
    <row r="709916" spans="8:8">
      <c r="H709916" s="12"/>
    </row>
    <row r="709917" spans="8:8">
      <c r="H709917" s="12"/>
    </row>
    <row r="709918" spans="8:8">
      <c r="H709918" s="12"/>
    </row>
    <row r="709919" spans="8:8">
      <c r="H709919" s="12"/>
    </row>
    <row r="709920" spans="8:8">
      <c r="H709920" s="12"/>
    </row>
    <row r="709921" spans="8:8">
      <c r="H709921" s="12"/>
    </row>
    <row r="709922" spans="8:8">
      <c r="H709922" s="12"/>
    </row>
    <row r="709923" spans="8:8">
      <c r="H709923" s="12"/>
    </row>
    <row r="709924" spans="8:8">
      <c r="H709924" s="12"/>
    </row>
    <row r="709925" spans="8:8">
      <c r="H709925" s="12"/>
    </row>
    <row r="709926" spans="8:8">
      <c r="H709926" s="12"/>
    </row>
    <row r="709927" spans="8:8">
      <c r="H709927" s="12"/>
    </row>
    <row r="709928" spans="8:8">
      <c r="H709928" s="12"/>
    </row>
    <row r="709929" spans="8:8">
      <c r="H709929" s="12"/>
    </row>
    <row r="709930" spans="8:8">
      <c r="H709930" s="12"/>
    </row>
    <row r="709931" spans="8:8">
      <c r="H709931" s="12"/>
    </row>
    <row r="709932" spans="8:8">
      <c r="H709932" s="12"/>
    </row>
    <row r="709933" spans="8:8">
      <c r="H709933" s="12"/>
    </row>
    <row r="709934" spans="8:8">
      <c r="H709934" s="12"/>
    </row>
    <row r="709935" spans="8:8">
      <c r="H709935" s="12"/>
    </row>
    <row r="709936" spans="8:8">
      <c r="H709936" s="12"/>
    </row>
    <row r="709937" spans="8:8">
      <c r="H709937" s="12"/>
    </row>
    <row r="709938" spans="8:8">
      <c r="H709938" s="12"/>
    </row>
    <row r="709939" spans="8:8">
      <c r="H709939" s="12"/>
    </row>
    <row r="709940" spans="8:8">
      <c r="H709940" s="12"/>
    </row>
    <row r="709941" spans="8:8">
      <c r="H709941" s="12"/>
    </row>
    <row r="709942" spans="8:8">
      <c r="H709942" s="12"/>
    </row>
    <row r="709943" spans="8:8">
      <c r="H709943" s="12"/>
    </row>
    <row r="709944" spans="8:8">
      <c r="H709944" s="12"/>
    </row>
    <row r="709945" spans="8:8">
      <c r="H709945" s="12"/>
    </row>
    <row r="709946" spans="8:8">
      <c r="H709946" s="12"/>
    </row>
    <row r="709947" spans="8:8">
      <c r="H709947" s="12"/>
    </row>
    <row r="709948" spans="8:8">
      <c r="H709948" s="12"/>
    </row>
    <row r="709949" spans="8:8">
      <c r="H709949" s="12"/>
    </row>
    <row r="709950" spans="8:8">
      <c r="H709950" s="12"/>
    </row>
    <row r="709951" spans="8:8">
      <c r="H709951" s="12"/>
    </row>
    <row r="709952" spans="8:8">
      <c r="H709952" s="12"/>
    </row>
    <row r="709953" spans="8:8">
      <c r="H709953" s="12"/>
    </row>
    <row r="709954" spans="8:8">
      <c r="H709954" s="12"/>
    </row>
    <row r="709955" spans="8:8">
      <c r="H709955" s="12"/>
    </row>
    <row r="709956" spans="8:8">
      <c r="H709956" s="12"/>
    </row>
    <row r="709957" spans="8:8">
      <c r="H709957" s="12"/>
    </row>
    <row r="709958" spans="8:8">
      <c r="H709958" s="12"/>
    </row>
    <row r="709959" spans="8:8">
      <c r="H709959" s="12"/>
    </row>
    <row r="709960" spans="8:8">
      <c r="H709960" s="12"/>
    </row>
    <row r="709961" spans="8:8">
      <c r="H709961" s="12"/>
    </row>
    <row r="709962" spans="8:8">
      <c r="H709962" s="12"/>
    </row>
    <row r="709963" spans="8:8">
      <c r="H709963" s="12"/>
    </row>
    <row r="709964" spans="8:8">
      <c r="H709964" s="12"/>
    </row>
    <row r="709965" spans="8:8">
      <c r="H709965" s="12"/>
    </row>
    <row r="709966" spans="8:8">
      <c r="H709966" s="12"/>
    </row>
    <row r="709967" spans="8:8">
      <c r="H709967" s="12"/>
    </row>
    <row r="709968" spans="8:8">
      <c r="H709968" s="12"/>
    </row>
    <row r="709969" spans="8:8">
      <c r="H709969" s="12"/>
    </row>
    <row r="709970" spans="8:8">
      <c r="H709970" s="12"/>
    </row>
    <row r="709971" spans="8:8">
      <c r="H709971" s="12"/>
    </row>
    <row r="709972" spans="8:8">
      <c r="H709972" s="12"/>
    </row>
    <row r="709973" spans="8:8">
      <c r="H709973" s="12"/>
    </row>
    <row r="709974" spans="8:8">
      <c r="H709974" s="12"/>
    </row>
    <row r="709975" spans="8:8">
      <c r="H709975" s="12"/>
    </row>
    <row r="709976" spans="8:8">
      <c r="H709976" s="12"/>
    </row>
    <row r="709977" spans="8:8">
      <c r="H709977" s="12"/>
    </row>
    <row r="709978" spans="8:8">
      <c r="H709978" s="12"/>
    </row>
    <row r="709979" spans="8:8">
      <c r="H709979" s="12"/>
    </row>
    <row r="709980" spans="8:8">
      <c r="H709980" s="12"/>
    </row>
    <row r="709981" spans="8:8">
      <c r="H709981" s="12"/>
    </row>
    <row r="709982" spans="8:8">
      <c r="H709982" s="12"/>
    </row>
    <row r="709983" spans="8:8">
      <c r="H709983" s="12"/>
    </row>
    <row r="709984" spans="8:8">
      <c r="H709984" s="12"/>
    </row>
    <row r="709985" spans="8:8">
      <c r="H709985" s="12"/>
    </row>
    <row r="709986" spans="8:8">
      <c r="H709986" s="12"/>
    </row>
    <row r="709987" spans="8:8">
      <c r="H709987" s="12"/>
    </row>
    <row r="709988" spans="8:8">
      <c r="H709988" s="12"/>
    </row>
    <row r="709989" spans="8:8">
      <c r="H709989" s="12"/>
    </row>
    <row r="709990" spans="8:8">
      <c r="H709990" s="12"/>
    </row>
    <row r="709991" spans="8:8">
      <c r="H709991" s="12"/>
    </row>
    <row r="709992" spans="8:8">
      <c r="H709992" s="12"/>
    </row>
    <row r="709993" spans="8:8">
      <c r="H709993" s="12"/>
    </row>
    <row r="709994" spans="8:8">
      <c r="H709994" s="12"/>
    </row>
    <row r="709995" spans="8:8">
      <c r="H709995" s="12"/>
    </row>
    <row r="709996" spans="8:8">
      <c r="H709996" s="12"/>
    </row>
    <row r="709997" spans="8:8">
      <c r="H709997" s="12"/>
    </row>
    <row r="709998" spans="8:8">
      <c r="H709998" s="12"/>
    </row>
    <row r="709999" spans="8:8">
      <c r="H709999" s="12"/>
    </row>
    <row r="710000" spans="8:8">
      <c r="H710000" s="12"/>
    </row>
    <row r="710001" spans="8:8">
      <c r="H710001" s="12"/>
    </row>
    <row r="710002" spans="8:8">
      <c r="H710002" s="12"/>
    </row>
    <row r="710003" spans="8:8">
      <c r="H710003" s="12"/>
    </row>
    <row r="710004" spans="8:8">
      <c r="H710004" s="12"/>
    </row>
    <row r="710005" spans="8:8">
      <c r="H710005" s="12"/>
    </row>
    <row r="710006" spans="8:8">
      <c r="H710006" s="12"/>
    </row>
    <row r="710007" spans="8:8">
      <c r="H710007" s="12"/>
    </row>
    <row r="710008" spans="8:8">
      <c r="H710008" s="12"/>
    </row>
    <row r="710009" spans="8:8">
      <c r="H710009" s="12"/>
    </row>
    <row r="710010" spans="8:8">
      <c r="H710010" s="12"/>
    </row>
    <row r="710011" spans="8:8">
      <c r="H710011" s="12"/>
    </row>
    <row r="710012" spans="8:8">
      <c r="H710012" s="12"/>
    </row>
    <row r="710013" spans="8:8">
      <c r="H710013" s="12"/>
    </row>
    <row r="710014" spans="8:8">
      <c r="H710014" s="12"/>
    </row>
    <row r="710015" spans="8:8">
      <c r="H710015" s="12"/>
    </row>
    <row r="710016" spans="8:8">
      <c r="H710016" s="12"/>
    </row>
    <row r="710017" spans="8:8">
      <c r="H710017" s="12"/>
    </row>
    <row r="710018" spans="8:8">
      <c r="H710018" s="12"/>
    </row>
    <row r="710019" spans="8:8">
      <c r="H710019" s="12"/>
    </row>
    <row r="710020" spans="8:8">
      <c r="H710020" s="12"/>
    </row>
    <row r="710021" spans="8:8">
      <c r="H710021" s="12"/>
    </row>
    <row r="710022" spans="8:8">
      <c r="H710022" s="12"/>
    </row>
    <row r="710023" spans="8:8">
      <c r="H710023" s="12"/>
    </row>
    <row r="710024" spans="8:8">
      <c r="H710024" s="12"/>
    </row>
    <row r="710025" spans="8:8">
      <c r="H710025" s="12"/>
    </row>
    <row r="710026" spans="8:8">
      <c r="H710026" s="12"/>
    </row>
    <row r="710027" spans="8:8">
      <c r="H710027" s="12"/>
    </row>
    <row r="710028" spans="8:8">
      <c r="H710028" s="12"/>
    </row>
    <row r="710029" spans="8:8">
      <c r="H710029" s="12"/>
    </row>
    <row r="710030" spans="8:8">
      <c r="H710030" s="12"/>
    </row>
    <row r="710031" spans="8:8">
      <c r="H710031" s="12"/>
    </row>
    <row r="710032" spans="8:8">
      <c r="H710032" s="12"/>
    </row>
    <row r="710033" spans="8:8">
      <c r="H710033" s="12"/>
    </row>
    <row r="710034" spans="8:8">
      <c r="H710034" s="12"/>
    </row>
    <row r="710035" spans="8:8">
      <c r="H710035" s="12"/>
    </row>
    <row r="710036" spans="8:8">
      <c r="H710036" s="12"/>
    </row>
    <row r="710037" spans="8:8">
      <c r="H710037" s="12"/>
    </row>
    <row r="710038" spans="8:8">
      <c r="H710038" s="12"/>
    </row>
    <row r="710039" spans="8:8">
      <c r="H710039" s="12"/>
    </row>
    <row r="710040" spans="8:8">
      <c r="H710040" s="12"/>
    </row>
    <row r="710041" spans="8:8">
      <c r="H710041" s="12"/>
    </row>
    <row r="710042" spans="8:8">
      <c r="H710042" s="12"/>
    </row>
    <row r="710043" spans="8:8">
      <c r="H710043" s="12"/>
    </row>
    <row r="710044" spans="8:8">
      <c r="H710044" s="12"/>
    </row>
    <row r="710045" spans="8:8">
      <c r="H710045" s="12"/>
    </row>
    <row r="710046" spans="8:8">
      <c r="H710046" s="12"/>
    </row>
    <row r="710047" spans="8:8">
      <c r="H710047" s="12"/>
    </row>
    <row r="710048" spans="8:8">
      <c r="H710048" s="12"/>
    </row>
    <row r="710049" spans="8:8">
      <c r="H710049" s="12"/>
    </row>
    <row r="710050" spans="8:8">
      <c r="H710050" s="12"/>
    </row>
    <row r="710051" spans="8:8">
      <c r="H710051" s="12"/>
    </row>
    <row r="710052" spans="8:8">
      <c r="H710052" s="12"/>
    </row>
    <row r="710053" spans="8:8">
      <c r="H710053" s="12"/>
    </row>
    <row r="710054" spans="8:8">
      <c r="H710054" s="12"/>
    </row>
    <row r="710055" spans="8:8">
      <c r="H710055" s="12"/>
    </row>
    <row r="710056" spans="8:8">
      <c r="H710056" s="12"/>
    </row>
    <row r="710057" spans="8:8">
      <c r="H710057" s="12"/>
    </row>
    <row r="710058" spans="8:8">
      <c r="H710058" s="12"/>
    </row>
    <row r="710059" spans="8:8">
      <c r="H710059" s="12"/>
    </row>
    <row r="710060" spans="8:8">
      <c r="H710060" s="12"/>
    </row>
    <row r="710061" spans="8:8">
      <c r="H710061" s="12"/>
    </row>
    <row r="710062" spans="8:8">
      <c r="H710062" s="12"/>
    </row>
    <row r="710063" spans="8:8">
      <c r="H710063" s="12"/>
    </row>
    <row r="710064" spans="8:8">
      <c r="H710064" s="12"/>
    </row>
    <row r="710065" spans="8:8">
      <c r="H710065" s="12"/>
    </row>
    <row r="710066" spans="8:8">
      <c r="H710066" s="12"/>
    </row>
    <row r="710067" spans="8:8">
      <c r="H710067" s="12"/>
    </row>
    <row r="710068" spans="8:8">
      <c r="H710068" s="12"/>
    </row>
    <row r="710069" spans="8:8">
      <c r="H710069" s="12"/>
    </row>
    <row r="710070" spans="8:8">
      <c r="H710070" s="12"/>
    </row>
    <row r="710071" spans="8:8">
      <c r="H710071" s="12"/>
    </row>
    <row r="710072" spans="8:8">
      <c r="H710072" s="12"/>
    </row>
    <row r="710073" spans="8:8">
      <c r="H710073" s="12"/>
    </row>
    <row r="710074" spans="8:8">
      <c r="H710074" s="12"/>
    </row>
    <row r="710075" spans="8:8">
      <c r="H710075" s="12"/>
    </row>
    <row r="710076" spans="8:8">
      <c r="H710076" s="12"/>
    </row>
    <row r="710077" spans="8:8">
      <c r="H710077" s="12"/>
    </row>
    <row r="710078" spans="8:8">
      <c r="H710078" s="12"/>
    </row>
    <row r="710079" spans="8:8">
      <c r="H710079" s="12"/>
    </row>
    <row r="710080" spans="8:8">
      <c r="H710080" s="12"/>
    </row>
    <row r="710081" spans="8:8">
      <c r="H710081" s="12"/>
    </row>
    <row r="710082" spans="8:8">
      <c r="H710082" s="12"/>
    </row>
    <row r="710083" spans="8:8">
      <c r="H710083" s="12"/>
    </row>
    <row r="710084" spans="8:8">
      <c r="H710084" s="12"/>
    </row>
    <row r="710085" spans="8:8">
      <c r="H710085" s="12"/>
    </row>
    <row r="710086" spans="8:8">
      <c r="H710086" s="12"/>
    </row>
    <row r="710087" spans="8:8">
      <c r="H710087" s="12"/>
    </row>
    <row r="710088" spans="8:8">
      <c r="H710088" s="12"/>
    </row>
    <row r="710089" spans="8:8">
      <c r="H710089" s="12"/>
    </row>
    <row r="710090" spans="8:8">
      <c r="H710090" s="12"/>
    </row>
    <row r="710091" spans="8:8">
      <c r="H710091" s="12"/>
    </row>
    <row r="710092" spans="8:8">
      <c r="H710092" s="12"/>
    </row>
    <row r="710093" spans="8:8">
      <c r="H710093" s="12"/>
    </row>
    <row r="710094" spans="8:8">
      <c r="H710094" s="12"/>
    </row>
    <row r="710095" spans="8:8">
      <c r="H710095" s="12"/>
    </row>
    <row r="710096" spans="8:8">
      <c r="H710096" s="12"/>
    </row>
    <row r="710097" spans="8:8">
      <c r="H710097" s="12"/>
    </row>
    <row r="710098" spans="8:8">
      <c r="H710098" s="12"/>
    </row>
    <row r="710099" spans="8:8">
      <c r="H710099" s="12"/>
    </row>
    <row r="710100" spans="8:8">
      <c r="H710100" s="12"/>
    </row>
    <row r="710101" spans="8:8">
      <c r="H710101" s="12"/>
    </row>
    <row r="710102" spans="8:8">
      <c r="H710102" s="12"/>
    </row>
    <row r="710103" spans="8:8">
      <c r="H710103" s="12"/>
    </row>
    <row r="710104" spans="8:8">
      <c r="H710104" s="12"/>
    </row>
    <row r="710105" spans="8:8">
      <c r="H710105" s="12"/>
    </row>
    <row r="710106" spans="8:8">
      <c r="H710106" s="12"/>
    </row>
    <row r="710107" spans="8:8">
      <c r="H710107" s="12"/>
    </row>
    <row r="710108" spans="8:8">
      <c r="H710108" s="12"/>
    </row>
    <row r="710109" spans="8:8">
      <c r="H710109" s="12"/>
    </row>
    <row r="710110" spans="8:8">
      <c r="H710110" s="12"/>
    </row>
    <row r="710111" spans="8:8">
      <c r="H710111" s="12"/>
    </row>
    <row r="710112" spans="8:8">
      <c r="H710112" s="12"/>
    </row>
    <row r="710113" spans="8:8">
      <c r="H710113" s="12"/>
    </row>
    <row r="710114" spans="8:8">
      <c r="H710114" s="12"/>
    </row>
    <row r="710115" spans="8:8">
      <c r="H710115" s="12"/>
    </row>
    <row r="710116" spans="8:8">
      <c r="H710116" s="12"/>
    </row>
    <row r="710117" spans="8:8">
      <c r="H710117" s="12"/>
    </row>
    <row r="710118" spans="8:8">
      <c r="H710118" s="12"/>
    </row>
    <row r="710119" spans="8:8">
      <c r="H710119" s="12"/>
    </row>
    <row r="710120" spans="8:8">
      <c r="H710120" s="12"/>
    </row>
    <row r="710121" spans="8:8">
      <c r="H710121" s="12"/>
    </row>
    <row r="710122" spans="8:8">
      <c r="H710122" s="12"/>
    </row>
    <row r="710123" spans="8:8">
      <c r="H710123" s="12"/>
    </row>
    <row r="710124" spans="8:8">
      <c r="H710124" s="12"/>
    </row>
    <row r="710125" spans="8:8">
      <c r="H710125" s="12"/>
    </row>
    <row r="710126" spans="8:8">
      <c r="H710126" s="12"/>
    </row>
    <row r="710127" spans="8:8">
      <c r="H710127" s="12"/>
    </row>
    <row r="710128" spans="8:8">
      <c r="H710128" s="12"/>
    </row>
    <row r="710129" spans="8:8">
      <c r="H710129" s="12"/>
    </row>
    <row r="710130" spans="8:8">
      <c r="H710130" s="12"/>
    </row>
    <row r="710131" spans="8:8">
      <c r="H710131" s="12"/>
    </row>
    <row r="710132" spans="8:8">
      <c r="H710132" s="12"/>
    </row>
    <row r="710133" spans="8:8">
      <c r="H710133" s="12"/>
    </row>
    <row r="710134" spans="8:8">
      <c r="H710134" s="12"/>
    </row>
    <row r="710135" spans="8:8">
      <c r="H710135" s="12"/>
    </row>
    <row r="710136" spans="8:8">
      <c r="H710136" s="12"/>
    </row>
    <row r="710137" spans="8:8">
      <c r="H710137" s="12"/>
    </row>
    <row r="710138" spans="8:8">
      <c r="H710138" s="12"/>
    </row>
    <row r="710139" spans="8:8">
      <c r="H710139" s="12"/>
    </row>
    <row r="710140" spans="8:8">
      <c r="H710140" s="12"/>
    </row>
    <row r="710141" spans="8:8">
      <c r="H710141" s="12"/>
    </row>
    <row r="710142" spans="8:8">
      <c r="H710142" s="12"/>
    </row>
    <row r="710143" spans="8:8">
      <c r="H710143" s="12"/>
    </row>
    <row r="710144" spans="8:8">
      <c r="H710144" s="12"/>
    </row>
    <row r="710145" spans="8:8">
      <c r="H710145" s="12"/>
    </row>
    <row r="710146" spans="8:8">
      <c r="H710146" s="12"/>
    </row>
    <row r="710147" spans="8:8">
      <c r="H710147" s="12"/>
    </row>
    <row r="710148" spans="8:8">
      <c r="H710148" s="12"/>
    </row>
    <row r="710149" spans="8:8">
      <c r="H710149" s="12"/>
    </row>
    <row r="710150" spans="8:8">
      <c r="H710150" s="12"/>
    </row>
    <row r="710151" spans="8:8">
      <c r="H710151" s="12"/>
    </row>
    <row r="710152" spans="8:8">
      <c r="H710152" s="12"/>
    </row>
    <row r="710153" spans="8:8">
      <c r="H710153" s="12"/>
    </row>
    <row r="710154" spans="8:8">
      <c r="H710154" s="12"/>
    </row>
    <row r="710155" spans="8:8">
      <c r="H710155" s="12"/>
    </row>
    <row r="710156" spans="8:8">
      <c r="H710156" s="12"/>
    </row>
    <row r="710157" spans="8:8">
      <c r="H710157" s="12"/>
    </row>
    <row r="710158" spans="8:8">
      <c r="H710158" s="12"/>
    </row>
    <row r="710159" spans="8:8">
      <c r="H710159" s="12"/>
    </row>
    <row r="710160" spans="8:8">
      <c r="H710160" s="12"/>
    </row>
    <row r="710161" spans="8:8">
      <c r="H710161" s="12"/>
    </row>
    <row r="710162" spans="8:8">
      <c r="H710162" s="12"/>
    </row>
    <row r="710163" spans="8:8">
      <c r="H710163" s="12"/>
    </row>
    <row r="710164" spans="8:8">
      <c r="H710164" s="12"/>
    </row>
    <row r="710165" spans="8:8">
      <c r="H710165" s="12"/>
    </row>
    <row r="710166" spans="8:8">
      <c r="H710166" s="12"/>
    </row>
    <row r="710167" spans="8:8">
      <c r="H710167" s="12"/>
    </row>
    <row r="710168" spans="8:8">
      <c r="H710168" s="12"/>
    </row>
    <row r="710169" spans="8:8">
      <c r="H710169" s="12"/>
    </row>
    <row r="710170" spans="8:8">
      <c r="H710170" s="12"/>
    </row>
    <row r="710171" spans="8:8">
      <c r="H710171" s="12"/>
    </row>
    <row r="710172" spans="8:8">
      <c r="H710172" s="12"/>
    </row>
    <row r="710173" spans="8:8">
      <c r="H710173" s="12"/>
    </row>
    <row r="710174" spans="8:8">
      <c r="H710174" s="12"/>
    </row>
    <row r="710175" spans="8:8">
      <c r="H710175" s="12"/>
    </row>
    <row r="710176" spans="8:8">
      <c r="H710176" s="12"/>
    </row>
    <row r="710177" spans="8:8">
      <c r="H710177" s="12"/>
    </row>
    <row r="710178" spans="8:8">
      <c r="H710178" s="12"/>
    </row>
    <row r="710179" spans="8:8">
      <c r="H710179" s="12"/>
    </row>
    <row r="710180" spans="8:8">
      <c r="H710180" s="12"/>
    </row>
    <row r="710181" spans="8:8">
      <c r="H710181" s="12"/>
    </row>
    <row r="710182" spans="8:8">
      <c r="H710182" s="12"/>
    </row>
    <row r="710183" spans="8:8">
      <c r="H710183" s="12"/>
    </row>
    <row r="710184" spans="8:8">
      <c r="H710184" s="12"/>
    </row>
    <row r="710185" spans="8:8">
      <c r="H710185" s="12"/>
    </row>
    <row r="710186" spans="8:8">
      <c r="H710186" s="12"/>
    </row>
    <row r="710187" spans="8:8">
      <c r="H710187" s="12"/>
    </row>
    <row r="710188" spans="8:8">
      <c r="H710188" s="12"/>
    </row>
    <row r="710189" spans="8:8">
      <c r="H710189" s="12"/>
    </row>
    <row r="710190" spans="8:8">
      <c r="H710190" s="12"/>
    </row>
    <row r="710191" spans="8:8">
      <c r="H710191" s="12"/>
    </row>
    <row r="710192" spans="8:8">
      <c r="H710192" s="12"/>
    </row>
    <row r="710193" spans="8:8">
      <c r="H710193" s="12"/>
    </row>
    <row r="710194" spans="8:8">
      <c r="H710194" s="12"/>
    </row>
    <row r="710195" spans="8:8">
      <c r="H710195" s="12"/>
    </row>
    <row r="710196" spans="8:8">
      <c r="H710196" s="12"/>
    </row>
    <row r="710197" spans="8:8">
      <c r="H710197" s="12"/>
    </row>
    <row r="710198" spans="8:8">
      <c r="H710198" s="12"/>
    </row>
    <row r="710199" spans="8:8">
      <c r="H710199" s="12"/>
    </row>
    <row r="710200" spans="8:8">
      <c r="H710200" s="12"/>
    </row>
    <row r="710201" spans="8:8">
      <c r="H710201" s="12"/>
    </row>
    <row r="710202" spans="8:8">
      <c r="H710202" s="12"/>
    </row>
    <row r="710203" spans="8:8">
      <c r="H710203" s="12"/>
    </row>
    <row r="710204" spans="8:8">
      <c r="H710204" s="12"/>
    </row>
    <row r="710205" spans="8:8">
      <c r="H710205" s="12"/>
    </row>
    <row r="710206" spans="8:8">
      <c r="H710206" s="12"/>
    </row>
    <row r="710207" spans="8:8">
      <c r="H710207" s="12"/>
    </row>
    <row r="710208" spans="8:8">
      <c r="H710208" s="12"/>
    </row>
    <row r="710209" spans="8:8">
      <c r="H710209" s="12"/>
    </row>
    <row r="710210" spans="8:8">
      <c r="H710210" s="12"/>
    </row>
    <row r="710211" spans="8:8">
      <c r="H710211" s="12"/>
    </row>
    <row r="710212" spans="8:8">
      <c r="H710212" s="12"/>
    </row>
    <row r="710213" spans="8:8">
      <c r="H710213" s="12"/>
    </row>
    <row r="710214" spans="8:8">
      <c r="H710214" s="12"/>
    </row>
    <row r="710215" spans="8:8">
      <c r="H710215" s="12"/>
    </row>
    <row r="710216" spans="8:8">
      <c r="H710216" s="12"/>
    </row>
    <row r="710217" spans="8:8">
      <c r="H710217" s="12"/>
    </row>
    <row r="710218" spans="8:8">
      <c r="H710218" s="12"/>
    </row>
    <row r="710219" spans="8:8">
      <c r="H710219" s="12"/>
    </row>
    <row r="710220" spans="8:8">
      <c r="H710220" s="12"/>
    </row>
    <row r="710221" spans="8:8">
      <c r="H710221" s="12"/>
    </row>
    <row r="710222" spans="8:8">
      <c r="H710222" s="12"/>
    </row>
    <row r="710223" spans="8:8">
      <c r="H710223" s="12"/>
    </row>
    <row r="710224" spans="8:8">
      <c r="H710224" s="12"/>
    </row>
    <row r="710225" spans="8:8">
      <c r="H710225" s="12"/>
    </row>
    <row r="710226" spans="8:8">
      <c r="H710226" s="12"/>
    </row>
    <row r="710227" spans="8:8">
      <c r="H710227" s="12"/>
    </row>
    <row r="710228" spans="8:8">
      <c r="H710228" s="12"/>
    </row>
    <row r="710229" spans="8:8">
      <c r="H710229" s="12"/>
    </row>
    <row r="710230" spans="8:8">
      <c r="H710230" s="12"/>
    </row>
    <row r="710231" spans="8:8">
      <c r="H710231" s="12"/>
    </row>
    <row r="710232" spans="8:8">
      <c r="H710232" s="12"/>
    </row>
    <row r="710233" spans="8:8">
      <c r="H710233" s="12"/>
    </row>
    <row r="710234" spans="8:8">
      <c r="H710234" s="12"/>
    </row>
    <row r="710235" spans="8:8">
      <c r="H710235" s="12"/>
    </row>
    <row r="710236" spans="8:8">
      <c r="H710236" s="12"/>
    </row>
    <row r="710237" spans="8:8">
      <c r="H710237" s="12"/>
    </row>
    <row r="710238" spans="8:8">
      <c r="H710238" s="12"/>
    </row>
    <row r="710239" spans="8:8">
      <c r="H710239" s="12"/>
    </row>
    <row r="710240" spans="8:8">
      <c r="H710240" s="12"/>
    </row>
    <row r="710241" spans="8:8">
      <c r="H710241" s="12"/>
    </row>
    <row r="710242" spans="8:8">
      <c r="H710242" s="12"/>
    </row>
    <row r="710243" spans="8:8">
      <c r="H710243" s="12"/>
    </row>
    <row r="710244" spans="8:8">
      <c r="H710244" s="12"/>
    </row>
    <row r="710245" spans="8:8">
      <c r="H710245" s="12"/>
    </row>
    <row r="710246" spans="8:8">
      <c r="H710246" s="12"/>
    </row>
    <row r="710247" spans="8:8">
      <c r="H710247" s="12"/>
    </row>
    <row r="710248" spans="8:8">
      <c r="H710248" s="12"/>
    </row>
    <row r="710249" spans="8:8">
      <c r="H710249" s="12"/>
    </row>
    <row r="710250" spans="8:8">
      <c r="H710250" s="12"/>
    </row>
    <row r="710251" spans="8:8">
      <c r="H710251" s="12"/>
    </row>
    <row r="710252" spans="8:8">
      <c r="H710252" s="12"/>
    </row>
    <row r="710253" spans="8:8">
      <c r="H710253" s="12"/>
    </row>
    <row r="710254" spans="8:8">
      <c r="H710254" s="12"/>
    </row>
    <row r="710255" spans="8:8">
      <c r="H710255" s="12"/>
    </row>
    <row r="710256" spans="8:8">
      <c r="H710256" s="12"/>
    </row>
    <row r="710257" spans="8:8">
      <c r="H710257" s="12"/>
    </row>
    <row r="710258" spans="8:8">
      <c r="H710258" s="12"/>
    </row>
    <row r="710259" spans="8:8">
      <c r="H710259" s="12"/>
    </row>
    <row r="710260" spans="8:8">
      <c r="H710260" s="12"/>
    </row>
    <row r="710261" spans="8:8">
      <c r="H710261" s="12"/>
    </row>
    <row r="710262" spans="8:8">
      <c r="H710262" s="12"/>
    </row>
    <row r="710263" spans="8:8">
      <c r="H710263" s="12"/>
    </row>
    <row r="710264" spans="8:8">
      <c r="H710264" s="12"/>
    </row>
    <row r="710265" spans="8:8">
      <c r="H710265" s="12"/>
    </row>
    <row r="710266" spans="8:8">
      <c r="H710266" s="12"/>
    </row>
    <row r="710267" spans="8:8">
      <c r="H710267" s="12"/>
    </row>
    <row r="710268" spans="8:8">
      <c r="H710268" s="12"/>
    </row>
    <row r="710269" spans="8:8">
      <c r="H710269" s="12"/>
    </row>
    <row r="710270" spans="8:8">
      <c r="H710270" s="12"/>
    </row>
    <row r="710271" spans="8:8">
      <c r="H710271" s="12"/>
    </row>
    <row r="710272" spans="8:8">
      <c r="H710272" s="12"/>
    </row>
    <row r="710273" spans="8:8">
      <c r="H710273" s="12"/>
    </row>
    <row r="710274" spans="8:8">
      <c r="H710274" s="12"/>
    </row>
    <row r="710275" spans="8:8">
      <c r="H710275" s="12"/>
    </row>
    <row r="710276" spans="8:8">
      <c r="H710276" s="12"/>
    </row>
    <row r="710277" spans="8:8">
      <c r="H710277" s="12"/>
    </row>
    <row r="710278" spans="8:8">
      <c r="H710278" s="12"/>
    </row>
    <row r="710279" spans="8:8">
      <c r="H710279" s="12"/>
    </row>
    <row r="710280" spans="8:8">
      <c r="H710280" s="12"/>
    </row>
    <row r="710281" spans="8:8">
      <c r="H710281" s="12"/>
    </row>
    <row r="710282" spans="8:8">
      <c r="H710282" s="12"/>
    </row>
    <row r="710283" spans="8:8">
      <c r="H710283" s="12"/>
    </row>
    <row r="710284" spans="8:8">
      <c r="H710284" s="12"/>
    </row>
    <row r="710285" spans="8:8">
      <c r="H710285" s="12"/>
    </row>
    <row r="710286" spans="8:8">
      <c r="H710286" s="12"/>
    </row>
    <row r="710287" spans="8:8">
      <c r="H710287" s="12"/>
    </row>
    <row r="710288" spans="8:8">
      <c r="H710288" s="12"/>
    </row>
    <row r="710289" spans="8:8">
      <c r="H710289" s="12"/>
    </row>
    <row r="710290" spans="8:8">
      <c r="H710290" s="12"/>
    </row>
    <row r="710291" spans="8:8">
      <c r="H710291" s="12"/>
    </row>
    <row r="710292" spans="8:8">
      <c r="H710292" s="12"/>
    </row>
    <row r="710293" spans="8:8">
      <c r="H710293" s="12"/>
    </row>
    <row r="710294" spans="8:8">
      <c r="H710294" s="12"/>
    </row>
    <row r="710295" spans="8:8">
      <c r="H710295" s="12"/>
    </row>
    <row r="710296" spans="8:8">
      <c r="H710296" s="12"/>
    </row>
    <row r="710297" spans="8:8">
      <c r="H710297" s="12"/>
    </row>
    <row r="710298" spans="8:8">
      <c r="H710298" s="12"/>
    </row>
    <row r="710299" spans="8:8">
      <c r="H710299" s="12"/>
    </row>
    <row r="710300" spans="8:8">
      <c r="H710300" s="12"/>
    </row>
    <row r="710301" spans="8:8">
      <c r="H710301" s="12"/>
    </row>
    <row r="710302" spans="8:8">
      <c r="H710302" s="12"/>
    </row>
    <row r="710303" spans="8:8">
      <c r="H710303" s="12"/>
    </row>
    <row r="710304" spans="8:8">
      <c r="H710304" s="12"/>
    </row>
    <row r="710305" spans="8:8">
      <c r="H710305" s="12"/>
    </row>
    <row r="710306" spans="8:8">
      <c r="H710306" s="12"/>
    </row>
    <row r="710307" spans="8:8">
      <c r="H710307" s="12"/>
    </row>
    <row r="710308" spans="8:8">
      <c r="H710308" s="12"/>
    </row>
    <row r="710309" spans="8:8">
      <c r="H710309" s="12"/>
    </row>
    <row r="710310" spans="8:8">
      <c r="H710310" s="12"/>
    </row>
    <row r="710311" spans="8:8">
      <c r="H710311" s="12"/>
    </row>
    <row r="710312" spans="8:8">
      <c r="H710312" s="12"/>
    </row>
    <row r="710313" spans="8:8">
      <c r="H710313" s="12"/>
    </row>
    <row r="710314" spans="8:8">
      <c r="H710314" s="12"/>
    </row>
    <row r="710315" spans="8:8">
      <c r="H710315" s="12"/>
    </row>
    <row r="710316" spans="8:8">
      <c r="H710316" s="12"/>
    </row>
    <row r="710317" spans="8:8">
      <c r="H710317" s="12"/>
    </row>
    <row r="710318" spans="8:8">
      <c r="H710318" s="12"/>
    </row>
    <row r="710319" spans="8:8">
      <c r="H710319" s="12"/>
    </row>
    <row r="710320" spans="8:8">
      <c r="H710320" s="12"/>
    </row>
    <row r="710321" spans="8:8">
      <c r="H710321" s="12"/>
    </row>
    <row r="710322" spans="8:8">
      <c r="H710322" s="12"/>
    </row>
    <row r="710323" spans="8:8">
      <c r="H710323" s="12"/>
    </row>
    <row r="710324" spans="8:8">
      <c r="H710324" s="12"/>
    </row>
    <row r="710325" spans="8:8">
      <c r="H710325" s="12"/>
    </row>
    <row r="710326" spans="8:8">
      <c r="H710326" s="12"/>
    </row>
    <row r="710327" spans="8:8">
      <c r="H710327" s="12"/>
    </row>
    <row r="710328" spans="8:8">
      <c r="H710328" s="12"/>
    </row>
    <row r="710329" spans="8:8">
      <c r="H710329" s="12"/>
    </row>
    <row r="710330" spans="8:8">
      <c r="H710330" s="12"/>
    </row>
    <row r="710331" spans="8:8">
      <c r="H710331" s="12"/>
    </row>
    <row r="710332" spans="8:8">
      <c r="H710332" s="12"/>
    </row>
    <row r="710333" spans="8:8">
      <c r="H710333" s="12"/>
    </row>
    <row r="710334" spans="8:8">
      <c r="H710334" s="12"/>
    </row>
    <row r="710335" spans="8:8">
      <c r="H710335" s="12"/>
    </row>
    <row r="710336" spans="8:8">
      <c r="H710336" s="12"/>
    </row>
    <row r="710337" spans="8:8">
      <c r="H710337" s="12"/>
    </row>
    <row r="710338" spans="8:8">
      <c r="H710338" s="12"/>
    </row>
    <row r="710339" spans="8:8">
      <c r="H710339" s="12"/>
    </row>
    <row r="710340" spans="8:8">
      <c r="H710340" s="12"/>
    </row>
    <row r="710341" spans="8:8">
      <c r="H710341" s="12"/>
    </row>
    <row r="710342" spans="8:8">
      <c r="H710342" s="12"/>
    </row>
    <row r="710343" spans="8:8">
      <c r="H710343" s="12"/>
    </row>
    <row r="710344" spans="8:8">
      <c r="H710344" s="12"/>
    </row>
    <row r="710345" spans="8:8">
      <c r="H710345" s="12"/>
    </row>
    <row r="710346" spans="8:8">
      <c r="H710346" s="12"/>
    </row>
    <row r="710347" spans="8:8">
      <c r="H710347" s="12"/>
    </row>
    <row r="710348" spans="8:8">
      <c r="H710348" s="12"/>
    </row>
    <row r="710349" spans="8:8">
      <c r="H710349" s="12"/>
    </row>
    <row r="710350" spans="8:8">
      <c r="H710350" s="12"/>
    </row>
    <row r="710351" spans="8:8">
      <c r="H710351" s="12"/>
    </row>
    <row r="710352" spans="8:8">
      <c r="H710352" s="12"/>
    </row>
    <row r="710353" spans="8:8">
      <c r="H710353" s="12"/>
    </row>
    <row r="710354" spans="8:8">
      <c r="H710354" s="12"/>
    </row>
    <row r="710355" spans="8:8">
      <c r="H710355" s="12"/>
    </row>
    <row r="710356" spans="8:8">
      <c r="H710356" s="12"/>
    </row>
    <row r="710357" spans="8:8">
      <c r="H710357" s="12"/>
    </row>
    <row r="710358" spans="8:8">
      <c r="H710358" s="12"/>
    </row>
    <row r="710359" spans="8:8">
      <c r="H710359" s="12"/>
    </row>
    <row r="710360" spans="8:8">
      <c r="H710360" s="12"/>
    </row>
    <row r="710361" spans="8:8">
      <c r="H710361" s="12"/>
    </row>
    <row r="710362" spans="8:8">
      <c r="H710362" s="12"/>
    </row>
    <row r="710363" spans="8:8">
      <c r="H710363" s="12"/>
    </row>
    <row r="710364" spans="8:8">
      <c r="H710364" s="12"/>
    </row>
    <row r="710365" spans="8:8">
      <c r="H710365" s="12"/>
    </row>
    <row r="710366" spans="8:8">
      <c r="H710366" s="12"/>
    </row>
    <row r="710367" spans="8:8">
      <c r="H710367" s="12"/>
    </row>
    <row r="710368" spans="8:8">
      <c r="H710368" s="12"/>
    </row>
    <row r="710369" spans="8:8">
      <c r="H710369" s="12"/>
    </row>
    <row r="710370" spans="8:8">
      <c r="H710370" s="12"/>
    </row>
    <row r="710371" spans="8:8">
      <c r="H710371" s="12"/>
    </row>
    <row r="710372" spans="8:8">
      <c r="H710372" s="12"/>
    </row>
    <row r="710373" spans="8:8">
      <c r="H710373" s="12"/>
    </row>
    <row r="710374" spans="8:8">
      <c r="H710374" s="12"/>
    </row>
    <row r="710375" spans="8:8">
      <c r="H710375" s="12"/>
    </row>
    <row r="710376" spans="8:8">
      <c r="H710376" s="12"/>
    </row>
    <row r="710377" spans="8:8">
      <c r="H710377" s="12"/>
    </row>
    <row r="710378" spans="8:8">
      <c r="H710378" s="12"/>
    </row>
    <row r="710379" spans="8:8">
      <c r="H710379" s="12"/>
    </row>
    <row r="710380" spans="8:8">
      <c r="H710380" s="12"/>
    </row>
    <row r="710381" spans="8:8">
      <c r="H710381" s="12"/>
    </row>
    <row r="710382" spans="8:8">
      <c r="H710382" s="12"/>
    </row>
    <row r="710383" spans="8:8">
      <c r="H710383" s="12"/>
    </row>
    <row r="710384" spans="8:8">
      <c r="H710384" s="12"/>
    </row>
    <row r="710385" spans="8:8">
      <c r="H710385" s="12"/>
    </row>
    <row r="710386" spans="8:8">
      <c r="H710386" s="12"/>
    </row>
    <row r="710387" spans="8:8">
      <c r="H710387" s="12"/>
    </row>
    <row r="710388" spans="8:8">
      <c r="H710388" s="12"/>
    </row>
    <row r="710389" spans="8:8">
      <c r="H710389" s="12"/>
    </row>
    <row r="710390" spans="8:8">
      <c r="H710390" s="12"/>
    </row>
    <row r="710391" spans="8:8">
      <c r="H710391" s="12"/>
    </row>
    <row r="710392" spans="8:8">
      <c r="H710392" s="12"/>
    </row>
    <row r="710393" spans="8:8">
      <c r="H710393" s="12"/>
    </row>
    <row r="710394" spans="8:8">
      <c r="H710394" s="12"/>
    </row>
    <row r="710395" spans="8:8">
      <c r="H710395" s="12"/>
    </row>
    <row r="710396" spans="8:8">
      <c r="H710396" s="12"/>
    </row>
    <row r="710397" spans="8:8">
      <c r="H710397" s="12"/>
    </row>
    <row r="710398" spans="8:8">
      <c r="H710398" s="12"/>
    </row>
    <row r="710399" spans="8:8">
      <c r="H710399" s="12"/>
    </row>
    <row r="710400" spans="8:8">
      <c r="H710400" s="12"/>
    </row>
    <row r="710401" spans="8:8">
      <c r="H710401" s="12"/>
    </row>
    <row r="710402" spans="8:8">
      <c r="H710402" s="12"/>
    </row>
    <row r="710403" spans="8:8">
      <c r="H710403" s="12"/>
    </row>
    <row r="710404" spans="8:8">
      <c r="H710404" s="12"/>
    </row>
    <row r="710405" spans="8:8">
      <c r="H710405" s="12"/>
    </row>
    <row r="710406" spans="8:8">
      <c r="H710406" s="12"/>
    </row>
    <row r="710407" spans="8:8">
      <c r="H710407" s="12"/>
    </row>
    <row r="710408" spans="8:8">
      <c r="H710408" s="12"/>
    </row>
    <row r="710409" spans="8:8">
      <c r="H710409" s="12"/>
    </row>
    <row r="710410" spans="8:8">
      <c r="H710410" s="12"/>
    </row>
    <row r="710411" spans="8:8">
      <c r="H710411" s="12"/>
    </row>
    <row r="710412" spans="8:8">
      <c r="H710412" s="12"/>
    </row>
    <row r="710413" spans="8:8">
      <c r="H710413" s="12"/>
    </row>
    <row r="710414" spans="8:8">
      <c r="H710414" s="12"/>
    </row>
    <row r="710415" spans="8:8">
      <c r="H710415" s="12"/>
    </row>
    <row r="710416" spans="8:8">
      <c r="H710416" s="12"/>
    </row>
    <row r="710417" spans="8:8">
      <c r="H710417" s="12"/>
    </row>
    <row r="710418" spans="8:8">
      <c r="H710418" s="12"/>
    </row>
    <row r="710419" spans="8:8">
      <c r="H710419" s="12"/>
    </row>
    <row r="710420" spans="8:8">
      <c r="H710420" s="12"/>
    </row>
    <row r="710421" spans="8:8">
      <c r="H710421" s="12"/>
    </row>
    <row r="710422" spans="8:8">
      <c r="H710422" s="12"/>
    </row>
    <row r="710423" spans="8:8">
      <c r="H710423" s="12"/>
    </row>
    <row r="710424" spans="8:8">
      <c r="H710424" s="12"/>
    </row>
    <row r="710425" spans="8:8">
      <c r="H710425" s="12"/>
    </row>
    <row r="710426" spans="8:8">
      <c r="H710426" s="12"/>
    </row>
    <row r="710427" spans="8:8">
      <c r="H710427" s="12"/>
    </row>
    <row r="710428" spans="8:8">
      <c r="H710428" s="12"/>
    </row>
    <row r="710429" spans="8:8">
      <c r="H710429" s="12"/>
    </row>
    <row r="710430" spans="8:8">
      <c r="H710430" s="12"/>
    </row>
    <row r="710431" spans="8:8">
      <c r="H710431" s="12"/>
    </row>
    <row r="710432" spans="8:8">
      <c r="H710432" s="12"/>
    </row>
    <row r="710433" spans="8:8">
      <c r="H710433" s="12"/>
    </row>
    <row r="710434" spans="8:8">
      <c r="H710434" s="12"/>
    </row>
    <row r="710435" spans="8:8">
      <c r="H710435" s="12"/>
    </row>
    <row r="710436" spans="8:8">
      <c r="H710436" s="12"/>
    </row>
    <row r="710437" spans="8:8">
      <c r="H710437" s="12"/>
    </row>
    <row r="710438" spans="8:8">
      <c r="H710438" s="12"/>
    </row>
    <row r="710439" spans="8:8">
      <c r="H710439" s="12"/>
    </row>
    <row r="710440" spans="8:8">
      <c r="H710440" s="12"/>
    </row>
    <row r="710441" spans="8:8">
      <c r="H710441" s="12"/>
    </row>
    <row r="710442" spans="8:8">
      <c r="H710442" s="12"/>
    </row>
    <row r="710443" spans="8:8">
      <c r="H710443" s="12"/>
    </row>
    <row r="710444" spans="8:8">
      <c r="H710444" s="12"/>
    </row>
    <row r="710445" spans="8:8">
      <c r="H710445" s="12"/>
    </row>
    <row r="710446" spans="8:8">
      <c r="H710446" s="12"/>
    </row>
    <row r="710447" spans="8:8">
      <c r="H710447" s="12"/>
    </row>
    <row r="710448" spans="8:8">
      <c r="H710448" s="12"/>
    </row>
    <row r="710449" spans="8:8">
      <c r="H710449" s="12"/>
    </row>
    <row r="710450" spans="8:8">
      <c r="H710450" s="12"/>
    </row>
    <row r="710451" spans="8:8">
      <c r="H710451" s="12"/>
    </row>
    <row r="710452" spans="8:8">
      <c r="H710452" s="12"/>
    </row>
    <row r="710453" spans="8:8">
      <c r="H710453" s="12"/>
    </row>
    <row r="710454" spans="8:8">
      <c r="H710454" s="12"/>
    </row>
    <row r="710455" spans="8:8">
      <c r="H710455" s="12"/>
    </row>
    <row r="710456" spans="8:8">
      <c r="H710456" s="12"/>
    </row>
    <row r="710457" spans="8:8">
      <c r="H710457" s="12"/>
    </row>
    <row r="710458" spans="8:8">
      <c r="H710458" s="12"/>
    </row>
    <row r="710459" spans="8:8">
      <c r="H710459" s="12"/>
    </row>
    <row r="710460" spans="8:8">
      <c r="H710460" s="12"/>
    </row>
    <row r="710461" spans="8:8">
      <c r="H710461" s="12"/>
    </row>
    <row r="710462" spans="8:8">
      <c r="H710462" s="12"/>
    </row>
    <row r="710463" spans="8:8">
      <c r="H710463" s="12"/>
    </row>
    <row r="710464" spans="8:8">
      <c r="H710464" s="12"/>
    </row>
    <row r="710465" spans="8:8">
      <c r="H710465" s="12"/>
    </row>
    <row r="710466" spans="8:8">
      <c r="H710466" s="12"/>
    </row>
    <row r="710467" spans="8:8">
      <c r="H710467" s="12"/>
    </row>
    <row r="710468" spans="8:8">
      <c r="H710468" s="12"/>
    </row>
    <row r="710469" spans="8:8">
      <c r="H710469" s="12"/>
    </row>
    <row r="710470" spans="8:8">
      <c r="H710470" s="12"/>
    </row>
    <row r="710471" spans="8:8">
      <c r="H710471" s="12"/>
    </row>
    <row r="710472" spans="8:8">
      <c r="H710472" s="12"/>
    </row>
    <row r="710473" spans="8:8">
      <c r="H710473" s="12"/>
    </row>
    <row r="710474" spans="8:8">
      <c r="H710474" s="12"/>
    </row>
    <row r="710475" spans="8:8">
      <c r="H710475" s="12"/>
    </row>
    <row r="710476" spans="8:8">
      <c r="H710476" s="12"/>
    </row>
    <row r="710477" spans="8:8">
      <c r="H710477" s="12"/>
    </row>
    <row r="710478" spans="8:8">
      <c r="H710478" s="12"/>
    </row>
    <row r="710479" spans="8:8">
      <c r="H710479" s="12"/>
    </row>
    <row r="710480" spans="8:8">
      <c r="H710480" s="12"/>
    </row>
    <row r="710481" spans="8:8">
      <c r="H710481" s="12"/>
    </row>
    <row r="710482" spans="8:8">
      <c r="H710482" s="12"/>
    </row>
    <row r="710483" spans="8:8">
      <c r="H710483" s="12"/>
    </row>
    <row r="710484" spans="8:8">
      <c r="H710484" s="12"/>
    </row>
    <row r="710485" spans="8:8">
      <c r="H710485" s="12"/>
    </row>
    <row r="710486" spans="8:8">
      <c r="H710486" s="12"/>
    </row>
    <row r="710487" spans="8:8">
      <c r="H710487" s="12"/>
    </row>
    <row r="710488" spans="8:8">
      <c r="H710488" s="12"/>
    </row>
    <row r="710489" spans="8:8">
      <c r="H710489" s="12"/>
    </row>
    <row r="710490" spans="8:8">
      <c r="H710490" s="12"/>
    </row>
    <row r="710491" spans="8:8">
      <c r="H710491" s="12"/>
    </row>
    <row r="710492" spans="8:8">
      <c r="H710492" s="12"/>
    </row>
    <row r="710493" spans="8:8">
      <c r="H710493" s="12"/>
    </row>
    <row r="710494" spans="8:8">
      <c r="H710494" s="12"/>
    </row>
    <row r="710495" spans="8:8">
      <c r="H710495" s="12"/>
    </row>
    <row r="710496" spans="8:8">
      <c r="H710496" s="12"/>
    </row>
    <row r="710497" spans="8:8">
      <c r="H710497" s="12"/>
    </row>
    <row r="710498" spans="8:8">
      <c r="H710498" s="12"/>
    </row>
    <row r="710499" spans="8:8">
      <c r="H710499" s="12"/>
    </row>
    <row r="710500" spans="8:8">
      <c r="H710500" s="12"/>
    </row>
    <row r="710501" spans="8:8">
      <c r="H710501" s="12"/>
    </row>
    <row r="710502" spans="8:8">
      <c r="H710502" s="12"/>
    </row>
    <row r="710503" spans="8:8">
      <c r="H710503" s="12"/>
    </row>
    <row r="710504" spans="8:8">
      <c r="H710504" s="12"/>
    </row>
    <row r="710505" spans="8:8">
      <c r="H710505" s="12"/>
    </row>
    <row r="710506" spans="8:8">
      <c r="H710506" s="12"/>
    </row>
    <row r="710507" spans="8:8">
      <c r="H710507" s="12"/>
    </row>
    <row r="710508" spans="8:8">
      <c r="H710508" s="12"/>
    </row>
    <row r="710509" spans="8:8">
      <c r="H710509" s="12"/>
    </row>
    <row r="710510" spans="8:8">
      <c r="H710510" s="12"/>
    </row>
    <row r="710511" spans="8:8">
      <c r="H710511" s="12"/>
    </row>
    <row r="710512" spans="8:8">
      <c r="H710512" s="12"/>
    </row>
    <row r="710513" spans="8:8">
      <c r="H710513" s="12"/>
    </row>
    <row r="710514" spans="8:8">
      <c r="H710514" s="12"/>
    </row>
    <row r="710515" spans="8:8">
      <c r="H710515" s="12"/>
    </row>
    <row r="710516" spans="8:8">
      <c r="H710516" s="12"/>
    </row>
    <row r="710517" spans="8:8">
      <c r="H710517" s="12"/>
    </row>
    <row r="710518" spans="8:8">
      <c r="H710518" s="12"/>
    </row>
    <row r="710519" spans="8:8">
      <c r="H710519" s="12"/>
    </row>
    <row r="710520" spans="8:8">
      <c r="H710520" s="12"/>
    </row>
    <row r="710521" spans="8:8">
      <c r="H710521" s="12"/>
    </row>
    <row r="710522" spans="8:8">
      <c r="H710522" s="12"/>
    </row>
    <row r="710523" spans="8:8">
      <c r="H710523" s="12"/>
    </row>
    <row r="710524" spans="8:8">
      <c r="H710524" s="12"/>
    </row>
    <row r="710525" spans="8:8">
      <c r="H710525" s="12"/>
    </row>
    <row r="710526" spans="8:8">
      <c r="H710526" s="12"/>
    </row>
    <row r="710527" spans="8:8">
      <c r="H710527" s="12"/>
    </row>
    <row r="710528" spans="8:8">
      <c r="H710528" s="12"/>
    </row>
    <row r="710529" spans="8:8">
      <c r="H710529" s="12"/>
    </row>
    <row r="710530" spans="8:8">
      <c r="H710530" s="12"/>
    </row>
    <row r="710531" spans="8:8">
      <c r="H710531" s="12"/>
    </row>
    <row r="710532" spans="8:8">
      <c r="H710532" s="12"/>
    </row>
    <row r="710533" spans="8:8">
      <c r="H710533" s="12"/>
    </row>
    <row r="710534" spans="8:8">
      <c r="H710534" s="12"/>
    </row>
    <row r="710535" spans="8:8">
      <c r="H710535" s="12"/>
    </row>
    <row r="710536" spans="8:8">
      <c r="H710536" s="12"/>
    </row>
    <row r="710537" spans="8:8">
      <c r="H710537" s="12"/>
    </row>
    <row r="710538" spans="8:8">
      <c r="H710538" s="12"/>
    </row>
    <row r="710539" spans="8:8">
      <c r="H710539" s="12"/>
    </row>
    <row r="710540" spans="8:8">
      <c r="H710540" s="12"/>
    </row>
    <row r="710541" spans="8:8">
      <c r="H710541" s="12"/>
    </row>
    <row r="710542" spans="8:8">
      <c r="H710542" s="12"/>
    </row>
    <row r="710543" spans="8:8">
      <c r="H710543" s="12"/>
    </row>
    <row r="710544" spans="8:8">
      <c r="H710544" s="12"/>
    </row>
    <row r="710545" spans="8:8">
      <c r="H710545" s="12"/>
    </row>
    <row r="710546" spans="8:8">
      <c r="H710546" s="12"/>
    </row>
    <row r="710547" spans="8:8">
      <c r="H710547" s="12"/>
    </row>
    <row r="710548" spans="8:8">
      <c r="H710548" s="12"/>
    </row>
    <row r="710549" spans="8:8">
      <c r="H710549" s="12"/>
    </row>
    <row r="710550" spans="8:8">
      <c r="H710550" s="12"/>
    </row>
    <row r="710551" spans="8:8">
      <c r="H710551" s="12"/>
    </row>
    <row r="710552" spans="8:8">
      <c r="H710552" s="12"/>
    </row>
    <row r="710553" spans="8:8">
      <c r="H710553" s="12"/>
    </row>
    <row r="710554" spans="8:8">
      <c r="H710554" s="12"/>
    </row>
    <row r="710555" spans="8:8">
      <c r="H710555" s="12"/>
    </row>
    <row r="710556" spans="8:8">
      <c r="H710556" s="12"/>
    </row>
    <row r="710557" spans="8:8">
      <c r="H710557" s="12"/>
    </row>
    <row r="710558" spans="8:8">
      <c r="H710558" s="12"/>
    </row>
    <row r="710559" spans="8:8">
      <c r="H710559" s="12"/>
    </row>
    <row r="710560" spans="8:8">
      <c r="H710560" s="12"/>
    </row>
    <row r="710561" spans="8:8">
      <c r="H710561" s="12"/>
    </row>
    <row r="710562" spans="8:8">
      <c r="H710562" s="12"/>
    </row>
    <row r="710563" spans="8:8">
      <c r="H710563" s="12"/>
    </row>
    <row r="710564" spans="8:8">
      <c r="H710564" s="12"/>
    </row>
    <row r="710565" spans="8:8">
      <c r="H710565" s="12"/>
    </row>
    <row r="710566" spans="8:8">
      <c r="H710566" s="12"/>
    </row>
    <row r="710567" spans="8:8">
      <c r="H710567" s="12"/>
    </row>
    <row r="710568" spans="8:8">
      <c r="H710568" s="12"/>
    </row>
    <row r="710569" spans="8:8">
      <c r="H710569" s="12"/>
    </row>
    <row r="710570" spans="8:8">
      <c r="H710570" s="12"/>
    </row>
    <row r="710571" spans="8:8">
      <c r="H710571" s="12"/>
    </row>
    <row r="710572" spans="8:8">
      <c r="H710572" s="12"/>
    </row>
    <row r="710573" spans="8:8">
      <c r="H710573" s="12"/>
    </row>
    <row r="710574" spans="8:8">
      <c r="H710574" s="12"/>
    </row>
    <row r="710575" spans="8:8">
      <c r="H710575" s="12"/>
    </row>
    <row r="710576" spans="8:8">
      <c r="H710576" s="12"/>
    </row>
    <row r="710577" spans="8:8">
      <c r="H710577" s="12"/>
    </row>
    <row r="710578" spans="8:8">
      <c r="H710578" s="12"/>
    </row>
    <row r="710579" spans="8:8">
      <c r="H710579" s="12"/>
    </row>
    <row r="710580" spans="8:8">
      <c r="H710580" s="12"/>
    </row>
    <row r="710581" spans="8:8">
      <c r="H710581" s="12"/>
    </row>
    <row r="710582" spans="8:8">
      <c r="H710582" s="12"/>
    </row>
    <row r="710583" spans="8:8">
      <c r="H710583" s="12"/>
    </row>
    <row r="710584" spans="8:8">
      <c r="H710584" s="12"/>
    </row>
    <row r="710585" spans="8:8">
      <c r="H710585" s="12"/>
    </row>
    <row r="710586" spans="8:8">
      <c r="H710586" s="12"/>
    </row>
    <row r="710587" spans="8:8">
      <c r="H710587" s="12"/>
    </row>
    <row r="710588" spans="8:8">
      <c r="H710588" s="12"/>
    </row>
    <row r="710589" spans="8:8">
      <c r="H710589" s="12"/>
    </row>
    <row r="710590" spans="8:8">
      <c r="H710590" s="12"/>
    </row>
    <row r="710591" spans="8:8">
      <c r="H710591" s="12"/>
    </row>
    <row r="710592" spans="8:8">
      <c r="H710592" s="12"/>
    </row>
    <row r="710593" spans="8:8">
      <c r="H710593" s="12"/>
    </row>
    <row r="710594" spans="8:8">
      <c r="H710594" s="12"/>
    </row>
    <row r="710595" spans="8:8">
      <c r="H710595" s="12"/>
    </row>
    <row r="710596" spans="8:8">
      <c r="H710596" s="12"/>
    </row>
    <row r="710597" spans="8:8">
      <c r="H710597" s="12"/>
    </row>
    <row r="710598" spans="8:8">
      <c r="H710598" s="12"/>
    </row>
    <row r="710599" spans="8:8">
      <c r="H710599" s="12"/>
    </row>
    <row r="710600" spans="8:8">
      <c r="H710600" s="12"/>
    </row>
    <row r="710601" spans="8:8">
      <c r="H710601" s="12"/>
    </row>
    <row r="710602" spans="8:8">
      <c r="H710602" s="12"/>
    </row>
    <row r="710603" spans="8:8">
      <c r="H710603" s="12"/>
    </row>
    <row r="710604" spans="8:8">
      <c r="H710604" s="12"/>
    </row>
    <row r="710605" spans="8:8">
      <c r="H710605" s="12"/>
    </row>
    <row r="710606" spans="8:8">
      <c r="H710606" s="12"/>
    </row>
    <row r="710607" spans="8:8">
      <c r="H710607" s="12"/>
    </row>
    <row r="710608" spans="8:8">
      <c r="H710608" s="12"/>
    </row>
    <row r="710609" spans="8:8">
      <c r="H710609" s="12"/>
    </row>
    <row r="710610" spans="8:8">
      <c r="H710610" s="12"/>
    </row>
    <row r="710611" spans="8:8">
      <c r="H710611" s="12"/>
    </row>
    <row r="710612" spans="8:8">
      <c r="H710612" s="12"/>
    </row>
    <row r="710613" spans="8:8">
      <c r="H710613" s="12"/>
    </row>
    <row r="710614" spans="8:8">
      <c r="H710614" s="12"/>
    </row>
    <row r="710615" spans="8:8">
      <c r="H710615" s="12"/>
    </row>
    <row r="710616" spans="8:8">
      <c r="H710616" s="12"/>
    </row>
    <row r="710617" spans="8:8">
      <c r="H710617" s="12"/>
    </row>
    <row r="710618" spans="8:8">
      <c r="H710618" s="12"/>
    </row>
    <row r="710619" spans="8:8">
      <c r="H710619" s="12"/>
    </row>
    <row r="710620" spans="8:8">
      <c r="H710620" s="12"/>
    </row>
    <row r="710621" spans="8:8">
      <c r="H710621" s="12"/>
    </row>
    <row r="710622" spans="8:8">
      <c r="H710622" s="12"/>
    </row>
    <row r="710623" spans="8:8">
      <c r="H710623" s="12"/>
    </row>
    <row r="710624" spans="8:8">
      <c r="H710624" s="12"/>
    </row>
    <row r="710625" spans="8:8">
      <c r="H710625" s="12"/>
    </row>
    <row r="710626" spans="8:8">
      <c r="H710626" s="12"/>
    </row>
    <row r="710627" spans="8:8">
      <c r="H710627" s="12"/>
    </row>
    <row r="710628" spans="8:8">
      <c r="H710628" s="12"/>
    </row>
    <row r="710629" spans="8:8">
      <c r="H710629" s="12"/>
    </row>
    <row r="710630" spans="8:8">
      <c r="H710630" s="12"/>
    </row>
    <row r="710631" spans="8:8">
      <c r="H710631" s="12"/>
    </row>
    <row r="710632" spans="8:8">
      <c r="H710632" s="12"/>
    </row>
    <row r="710633" spans="8:8">
      <c r="H710633" s="12"/>
    </row>
    <row r="710634" spans="8:8">
      <c r="H710634" s="12"/>
    </row>
    <row r="710635" spans="8:8">
      <c r="H710635" s="12"/>
    </row>
    <row r="710636" spans="8:8">
      <c r="H710636" s="12"/>
    </row>
    <row r="710637" spans="8:8">
      <c r="H710637" s="12"/>
    </row>
    <row r="710638" spans="8:8">
      <c r="H710638" s="12"/>
    </row>
    <row r="710639" spans="8:8">
      <c r="H710639" s="12"/>
    </row>
    <row r="710640" spans="8:8">
      <c r="H710640" s="12"/>
    </row>
    <row r="710641" spans="8:8">
      <c r="H710641" s="12"/>
    </row>
    <row r="710642" spans="8:8">
      <c r="H710642" s="12"/>
    </row>
    <row r="710643" spans="8:8">
      <c r="H710643" s="12"/>
    </row>
    <row r="710644" spans="8:8">
      <c r="H710644" s="12"/>
    </row>
    <row r="710645" spans="8:8">
      <c r="H710645" s="12"/>
    </row>
    <row r="710646" spans="8:8">
      <c r="H710646" s="12"/>
    </row>
    <row r="710647" spans="8:8">
      <c r="H710647" s="12"/>
    </row>
    <row r="710648" spans="8:8">
      <c r="H710648" s="12"/>
    </row>
    <row r="710649" spans="8:8">
      <c r="H710649" s="12"/>
    </row>
    <row r="710650" spans="8:8">
      <c r="H710650" s="12"/>
    </row>
    <row r="710651" spans="8:8">
      <c r="H710651" s="12"/>
    </row>
    <row r="710652" spans="8:8">
      <c r="H710652" s="12"/>
    </row>
    <row r="710653" spans="8:8">
      <c r="H710653" s="12"/>
    </row>
    <row r="710654" spans="8:8">
      <c r="H710654" s="12"/>
    </row>
    <row r="710655" spans="8:8">
      <c r="H710655" s="12"/>
    </row>
    <row r="710656" spans="8:8">
      <c r="H710656" s="12"/>
    </row>
    <row r="710657" spans="8:8">
      <c r="H710657" s="12"/>
    </row>
    <row r="710658" spans="8:8">
      <c r="H710658" s="12"/>
    </row>
    <row r="710659" spans="8:8">
      <c r="H710659" s="12"/>
    </row>
    <row r="710660" spans="8:8">
      <c r="H710660" s="12"/>
    </row>
    <row r="710661" spans="8:8">
      <c r="H710661" s="12"/>
    </row>
    <row r="710662" spans="8:8">
      <c r="H710662" s="12"/>
    </row>
    <row r="710663" spans="8:8">
      <c r="H710663" s="12"/>
    </row>
    <row r="710664" spans="8:8">
      <c r="H710664" s="12"/>
    </row>
    <row r="710665" spans="8:8">
      <c r="H710665" s="12"/>
    </row>
    <row r="710666" spans="8:8">
      <c r="H710666" s="12"/>
    </row>
    <row r="710667" spans="8:8">
      <c r="H710667" s="12"/>
    </row>
    <row r="710668" spans="8:8">
      <c r="H710668" s="12"/>
    </row>
    <row r="710669" spans="8:8">
      <c r="H710669" s="12"/>
    </row>
    <row r="710670" spans="8:8">
      <c r="H710670" s="12"/>
    </row>
    <row r="710671" spans="8:8">
      <c r="H710671" s="12"/>
    </row>
    <row r="710672" spans="8:8">
      <c r="H710672" s="12"/>
    </row>
    <row r="710673" spans="8:8">
      <c r="H710673" s="12"/>
    </row>
    <row r="710674" spans="8:8">
      <c r="H710674" s="12"/>
    </row>
    <row r="710675" spans="8:8">
      <c r="H710675" s="12"/>
    </row>
    <row r="710676" spans="8:8">
      <c r="H710676" s="12"/>
    </row>
    <row r="710677" spans="8:8">
      <c r="H710677" s="12"/>
    </row>
    <row r="710678" spans="8:8">
      <c r="H710678" s="12"/>
    </row>
    <row r="710679" spans="8:8">
      <c r="H710679" s="12"/>
    </row>
    <row r="710680" spans="8:8">
      <c r="H710680" s="12"/>
    </row>
    <row r="710681" spans="8:8">
      <c r="H710681" s="12"/>
    </row>
    <row r="710682" spans="8:8">
      <c r="H710682" s="12"/>
    </row>
    <row r="710683" spans="8:8">
      <c r="H710683" s="12"/>
    </row>
    <row r="710684" spans="8:8">
      <c r="H710684" s="12"/>
    </row>
    <row r="710685" spans="8:8">
      <c r="H710685" s="12"/>
    </row>
    <row r="710686" spans="8:8">
      <c r="H710686" s="12"/>
    </row>
    <row r="710687" spans="8:8">
      <c r="H710687" s="12"/>
    </row>
    <row r="710688" spans="8:8">
      <c r="H710688" s="12"/>
    </row>
    <row r="710689" spans="8:8">
      <c r="H710689" s="12"/>
    </row>
    <row r="710690" spans="8:8">
      <c r="H710690" s="12"/>
    </row>
    <row r="710691" spans="8:8">
      <c r="H710691" s="12"/>
    </row>
    <row r="710692" spans="8:8">
      <c r="H710692" s="12"/>
    </row>
    <row r="710693" spans="8:8">
      <c r="H710693" s="12"/>
    </row>
    <row r="710694" spans="8:8">
      <c r="H710694" s="12"/>
    </row>
    <row r="710695" spans="8:8">
      <c r="H710695" s="12"/>
    </row>
    <row r="710696" spans="8:8">
      <c r="H710696" s="12"/>
    </row>
    <row r="710697" spans="8:8">
      <c r="H710697" s="12"/>
    </row>
    <row r="710698" spans="8:8">
      <c r="H710698" s="12"/>
    </row>
    <row r="710699" spans="8:8">
      <c r="H710699" s="12"/>
    </row>
    <row r="710700" spans="8:8">
      <c r="H710700" s="12"/>
    </row>
    <row r="710701" spans="8:8">
      <c r="H710701" s="12"/>
    </row>
    <row r="710702" spans="8:8">
      <c r="H710702" s="12"/>
    </row>
    <row r="710703" spans="8:8">
      <c r="H710703" s="12"/>
    </row>
    <row r="710704" spans="8:8">
      <c r="H710704" s="12"/>
    </row>
    <row r="710705" spans="8:8">
      <c r="H710705" s="12"/>
    </row>
    <row r="710706" spans="8:8">
      <c r="H710706" s="12"/>
    </row>
    <row r="710707" spans="8:8">
      <c r="H710707" s="12"/>
    </row>
    <row r="710708" spans="8:8">
      <c r="H710708" s="12"/>
    </row>
    <row r="710709" spans="8:8">
      <c r="H710709" s="12"/>
    </row>
    <row r="710710" spans="8:8">
      <c r="H710710" s="12"/>
    </row>
    <row r="710711" spans="8:8">
      <c r="H710711" s="12"/>
    </row>
    <row r="710712" spans="8:8">
      <c r="H710712" s="12"/>
    </row>
    <row r="710713" spans="8:8">
      <c r="H710713" s="12"/>
    </row>
    <row r="710714" spans="8:8">
      <c r="H710714" s="12"/>
    </row>
    <row r="710715" spans="8:8">
      <c r="H710715" s="12"/>
    </row>
    <row r="710716" spans="8:8">
      <c r="H710716" s="12"/>
    </row>
    <row r="710717" spans="8:8">
      <c r="H710717" s="12"/>
    </row>
    <row r="710718" spans="8:8">
      <c r="H710718" s="12"/>
    </row>
    <row r="710719" spans="8:8">
      <c r="H710719" s="12"/>
    </row>
    <row r="710720" spans="8:8">
      <c r="H710720" s="12"/>
    </row>
    <row r="710721" spans="8:8">
      <c r="H710721" s="12"/>
    </row>
    <row r="710722" spans="8:8">
      <c r="H710722" s="12"/>
    </row>
    <row r="710723" spans="8:8">
      <c r="H710723" s="12"/>
    </row>
    <row r="710724" spans="8:8">
      <c r="H710724" s="12"/>
    </row>
    <row r="710725" spans="8:8">
      <c r="H710725" s="12"/>
    </row>
    <row r="710726" spans="8:8">
      <c r="H710726" s="12"/>
    </row>
    <row r="710727" spans="8:8">
      <c r="H710727" s="12"/>
    </row>
    <row r="710728" spans="8:8">
      <c r="H710728" s="12"/>
    </row>
    <row r="710729" spans="8:8">
      <c r="H710729" s="12"/>
    </row>
    <row r="710730" spans="8:8">
      <c r="H710730" s="12"/>
    </row>
    <row r="710731" spans="8:8">
      <c r="H710731" s="12"/>
    </row>
    <row r="710732" spans="8:8">
      <c r="H710732" s="12"/>
    </row>
    <row r="710733" spans="8:8">
      <c r="H710733" s="12"/>
    </row>
    <row r="710734" spans="8:8">
      <c r="H710734" s="12"/>
    </row>
    <row r="710735" spans="8:8">
      <c r="H710735" s="12"/>
    </row>
    <row r="710736" spans="8:8">
      <c r="H710736" s="12"/>
    </row>
    <row r="710737" spans="8:8">
      <c r="H710737" s="12"/>
    </row>
    <row r="710738" spans="8:8">
      <c r="H710738" s="12"/>
    </row>
    <row r="710739" spans="8:8">
      <c r="H710739" s="12"/>
    </row>
    <row r="710740" spans="8:8">
      <c r="H710740" s="12"/>
    </row>
    <row r="710741" spans="8:8">
      <c r="H710741" s="12"/>
    </row>
    <row r="710742" spans="8:8">
      <c r="H710742" s="12"/>
    </row>
    <row r="710743" spans="8:8">
      <c r="H710743" s="12"/>
    </row>
    <row r="710744" spans="8:8">
      <c r="H710744" s="12"/>
    </row>
    <row r="710745" spans="8:8">
      <c r="H710745" s="12"/>
    </row>
    <row r="710746" spans="8:8">
      <c r="H710746" s="12"/>
    </row>
    <row r="710747" spans="8:8">
      <c r="H710747" s="12"/>
    </row>
    <row r="710748" spans="8:8">
      <c r="H710748" s="12"/>
    </row>
    <row r="710749" spans="8:8">
      <c r="H710749" s="12"/>
    </row>
    <row r="710750" spans="8:8">
      <c r="H710750" s="12"/>
    </row>
    <row r="710751" spans="8:8">
      <c r="H710751" s="12"/>
    </row>
    <row r="710752" spans="8:8">
      <c r="H710752" s="12"/>
    </row>
    <row r="710753" spans="8:8">
      <c r="H710753" s="12"/>
    </row>
    <row r="710754" spans="8:8">
      <c r="H710754" s="12"/>
    </row>
    <row r="710755" spans="8:8">
      <c r="H710755" s="12"/>
    </row>
    <row r="710756" spans="8:8">
      <c r="H710756" s="12"/>
    </row>
    <row r="710757" spans="8:8">
      <c r="H710757" s="12"/>
    </row>
    <row r="710758" spans="8:8">
      <c r="H710758" s="12"/>
    </row>
    <row r="710759" spans="8:8">
      <c r="H710759" s="12"/>
    </row>
    <row r="710760" spans="8:8">
      <c r="H710760" s="12"/>
    </row>
    <row r="710761" spans="8:8">
      <c r="H710761" s="12"/>
    </row>
    <row r="710762" spans="8:8">
      <c r="H710762" s="12"/>
    </row>
    <row r="710763" spans="8:8">
      <c r="H710763" s="12"/>
    </row>
    <row r="710764" spans="8:8">
      <c r="H710764" s="12"/>
    </row>
    <row r="710765" spans="8:8">
      <c r="H710765" s="12"/>
    </row>
    <row r="710766" spans="8:8">
      <c r="H710766" s="12"/>
    </row>
    <row r="710767" spans="8:8">
      <c r="H710767" s="12"/>
    </row>
    <row r="710768" spans="8:8">
      <c r="H710768" s="12"/>
    </row>
    <row r="710769" spans="8:8">
      <c r="H710769" s="12"/>
    </row>
    <row r="710770" spans="8:8">
      <c r="H710770" s="12"/>
    </row>
    <row r="710771" spans="8:8">
      <c r="H710771" s="12"/>
    </row>
    <row r="710772" spans="8:8">
      <c r="H710772" s="12"/>
    </row>
    <row r="710773" spans="8:8">
      <c r="H710773" s="12"/>
    </row>
    <row r="710774" spans="8:8">
      <c r="H710774" s="12"/>
    </row>
    <row r="710775" spans="8:8">
      <c r="H710775" s="12"/>
    </row>
    <row r="710776" spans="8:8">
      <c r="H710776" s="12"/>
    </row>
    <row r="710777" spans="8:8">
      <c r="H710777" s="12"/>
    </row>
    <row r="710778" spans="8:8">
      <c r="H710778" s="12"/>
    </row>
    <row r="710779" spans="8:8">
      <c r="H710779" s="12"/>
    </row>
    <row r="710780" spans="8:8">
      <c r="H710780" s="12"/>
    </row>
    <row r="710781" spans="8:8">
      <c r="H710781" s="12"/>
    </row>
    <row r="710782" spans="8:8">
      <c r="H710782" s="12"/>
    </row>
    <row r="710783" spans="8:8">
      <c r="H710783" s="12"/>
    </row>
    <row r="710784" spans="8:8">
      <c r="H710784" s="12"/>
    </row>
    <row r="710785" spans="8:8">
      <c r="H710785" s="12"/>
    </row>
    <row r="710786" spans="8:8">
      <c r="H710786" s="12"/>
    </row>
    <row r="710787" spans="8:8">
      <c r="H710787" s="12"/>
    </row>
    <row r="710788" spans="8:8">
      <c r="H710788" s="12"/>
    </row>
    <row r="710789" spans="8:8">
      <c r="H710789" s="12"/>
    </row>
    <row r="710790" spans="8:8">
      <c r="H710790" s="12"/>
    </row>
    <row r="710791" spans="8:8">
      <c r="H710791" s="12"/>
    </row>
    <row r="710792" spans="8:8">
      <c r="H710792" s="12"/>
    </row>
    <row r="710793" spans="8:8">
      <c r="H710793" s="12"/>
    </row>
    <row r="710794" spans="8:8">
      <c r="H710794" s="12"/>
    </row>
    <row r="710795" spans="8:8">
      <c r="H710795" s="12"/>
    </row>
    <row r="710796" spans="8:8">
      <c r="H710796" s="12"/>
    </row>
    <row r="710797" spans="8:8">
      <c r="H710797" s="12"/>
    </row>
    <row r="710798" spans="8:8">
      <c r="H710798" s="12"/>
    </row>
    <row r="710799" spans="8:8">
      <c r="H710799" s="12"/>
    </row>
    <row r="710800" spans="8:8">
      <c r="H710800" s="12"/>
    </row>
    <row r="710801" spans="8:8">
      <c r="H710801" s="12"/>
    </row>
    <row r="710802" spans="8:8">
      <c r="H710802" s="12"/>
    </row>
    <row r="710803" spans="8:8">
      <c r="H710803" s="12"/>
    </row>
    <row r="710804" spans="8:8">
      <c r="H710804" s="12"/>
    </row>
    <row r="710805" spans="8:8">
      <c r="H710805" s="12"/>
    </row>
    <row r="710806" spans="8:8">
      <c r="H710806" s="12"/>
    </row>
    <row r="710807" spans="8:8">
      <c r="H710807" s="12"/>
    </row>
    <row r="710808" spans="8:8">
      <c r="H710808" s="12"/>
    </row>
    <row r="710809" spans="8:8">
      <c r="H710809" s="12"/>
    </row>
    <row r="710810" spans="8:8">
      <c r="H710810" s="12"/>
    </row>
    <row r="710811" spans="8:8">
      <c r="H710811" s="12"/>
    </row>
    <row r="710812" spans="8:8">
      <c r="H710812" s="12"/>
    </row>
    <row r="710813" spans="8:8">
      <c r="H710813" s="12"/>
    </row>
    <row r="710814" spans="8:8">
      <c r="H710814" s="12"/>
    </row>
    <row r="710815" spans="8:8">
      <c r="H710815" s="12"/>
    </row>
    <row r="710816" spans="8:8">
      <c r="H710816" s="12"/>
    </row>
    <row r="710817" spans="8:8">
      <c r="H710817" s="12"/>
    </row>
    <row r="710818" spans="8:8">
      <c r="H710818" s="12"/>
    </row>
    <row r="710819" spans="8:8">
      <c r="H710819" s="12"/>
    </row>
    <row r="710820" spans="8:8">
      <c r="H710820" s="12"/>
    </row>
    <row r="710821" spans="8:8">
      <c r="H710821" s="12"/>
    </row>
    <row r="710822" spans="8:8">
      <c r="H710822" s="12"/>
    </row>
    <row r="710823" spans="8:8">
      <c r="H710823" s="12"/>
    </row>
    <row r="710824" spans="8:8">
      <c r="H710824" s="12"/>
    </row>
    <row r="710825" spans="8:8">
      <c r="H710825" s="12"/>
    </row>
    <row r="710826" spans="8:8">
      <c r="H710826" s="12"/>
    </row>
    <row r="710827" spans="8:8">
      <c r="H710827" s="12"/>
    </row>
    <row r="710828" spans="8:8">
      <c r="H710828" s="12"/>
    </row>
    <row r="710829" spans="8:8">
      <c r="H710829" s="12"/>
    </row>
    <row r="710830" spans="8:8">
      <c r="H710830" s="12"/>
    </row>
    <row r="710831" spans="8:8">
      <c r="H710831" s="12"/>
    </row>
    <row r="710832" spans="8:8">
      <c r="H710832" s="12"/>
    </row>
    <row r="710833" spans="8:8">
      <c r="H710833" s="12"/>
    </row>
    <row r="710834" spans="8:8">
      <c r="H710834" s="12"/>
    </row>
    <row r="710835" spans="8:8">
      <c r="H710835" s="12"/>
    </row>
    <row r="710836" spans="8:8">
      <c r="H710836" s="12"/>
    </row>
    <row r="710837" spans="8:8">
      <c r="H710837" s="12"/>
    </row>
    <row r="710838" spans="8:8">
      <c r="H710838" s="12"/>
    </row>
    <row r="710839" spans="8:8">
      <c r="H710839" s="12"/>
    </row>
    <row r="710840" spans="8:8">
      <c r="H710840" s="12"/>
    </row>
    <row r="710841" spans="8:8">
      <c r="H710841" s="12"/>
    </row>
    <row r="710842" spans="8:8">
      <c r="H710842" s="12"/>
    </row>
    <row r="710843" spans="8:8">
      <c r="H710843" s="12"/>
    </row>
    <row r="710844" spans="8:8">
      <c r="H710844" s="12"/>
    </row>
    <row r="710845" spans="8:8">
      <c r="H710845" s="12"/>
    </row>
    <row r="710846" spans="8:8">
      <c r="H710846" s="12"/>
    </row>
    <row r="710847" spans="8:8">
      <c r="H710847" s="12"/>
    </row>
    <row r="710848" spans="8:8">
      <c r="H710848" s="12"/>
    </row>
    <row r="710849" spans="8:8">
      <c r="H710849" s="12"/>
    </row>
    <row r="710850" spans="8:8">
      <c r="H710850" s="12"/>
    </row>
    <row r="710851" spans="8:8">
      <c r="H710851" s="12"/>
    </row>
    <row r="710852" spans="8:8">
      <c r="H710852" s="12"/>
    </row>
    <row r="710853" spans="8:8">
      <c r="H710853" s="12"/>
    </row>
    <row r="710854" spans="8:8">
      <c r="H710854" s="12"/>
    </row>
    <row r="710855" spans="8:8">
      <c r="H710855" s="12"/>
    </row>
    <row r="710856" spans="8:8">
      <c r="H710856" s="12"/>
    </row>
    <row r="710857" spans="8:8">
      <c r="H710857" s="12"/>
    </row>
    <row r="710858" spans="8:8">
      <c r="H710858" s="12"/>
    </row>
    <row r="710859" spans="8:8">
      <c r="H710859" s="12"/>
    </row>
    <row r="710860" spans="8:8">
      <c r="H710860" s="12"/>
    </row>
    <row r="710861" spans="8:8">
      <c r="H710861" s="12"/>
    </row>
    <row r="710862" spans="8:8">
      <c r="H710862" s="12"/>
    </row>
    <row r="710863" spans="8:8">
      <c r="H710863" s="12"/>
    </row>
    <row r="710864" spans="8:8">
      <c r="H710864" s="12"/>
    </row>
    <row r="710865" spans="8:8">
      <c r="H710865" s="12"/>
    </row>
    <row r="710866" spans="8:8">
      <c r="H710866" s="12"/>
    </row>
    <row r="710867" spans="8:8">
      <c r="H710867" s="12"/>
    </row>
    <row r="710868" spans="8:8">
      <c r="H710868" s="12"/>
    </row>
    <row r="710869" spans="8:8">
      <c r="H710869" s="12"/>
    </row>
    <row r="710870" spans="8:8">
      <c r="H710870" s="12"/>
    </row>
    <row r="710871" spans="8:8">
      <c r="H710871" s="12"/>
    </row>
    <row r="710872" spans="8:8">
      <c r="H710872" s="12"/>
    </row>
    <row r="710873" spans="8:8">
      <c r="H710873" s="12"/>
    </row>
    <row r="710874" spans="8:8">
      <c r="H710874" s="12"/>
    </row>
    <row r="710875" spans="8:8">
      <c r="H710875" s="12"/>
    </row>
    <row r="710876" spans="8:8">
      <c r="H710876" s="12"/>
    </row>
    <row r="710877" spans="8:8">
      <c r="H710877" s="12"/>
    </row>
    <row r="710878" spans="8:8">
      <c r="H710878" s="12"/>
    </row>
    <row r="710879" spans="8:8">
      <c r="H710879" s="12"/>
    </row>
    <row r="710880" spans="8:8">
      <c r="H710880" s="12"/>
    </row>
    <row r="710881" spans="8:8">
      <c r="H710881" s="12"/>
    </row>
    <row r="710882" spans="8:8">
      <c r="H710882" s="12"/>
    </row>
    <row r="710883" spans="8:8">
      <c r="H710883" s="12"/>
    </row>
    <row r="710884" spans="8:8">
      <c r="H710884" s="12"/>
    </row>
    <row r="710885" spans="8:8">
      <c r="H710885" s="12"/>
    </row>
    <row r="710886" spans="8:8">
      <c r="H710886" s="12"/>
    </row>
    <row r="710887" spans="8:8">
      <c r="H710887" s="12"/>
    </row>
    <row r="710888" spans="8:8">
      <c r="H710888" s="12"/>
    </row>
    <row r="710889" spans="8:8">
      <c r="H710889" s="12"/>
    </row>
    <row r="710890" spans="8:8">
      <c r="H710890" s="12"/>
    </row>
    <row r="710891" spans="8:8">
      <c r="H710891" s="12"/>
    </row>
    <row r="710892" spans="8:8">
      <c r="H710892" s="12"/>
    </row>
    <row r="710893" spans="8:8">
      <c r="H710893" s="12"/>
    </row>
    <row r="710894" spans="8:8">
      <c r="H710894" s="12"/>
    </row>
    <row r="710895" spans="8:8">
      <c r="H710895" s="12"/>
    </row>
    <row r="710896" spans="8:8">
      <c r="H710896" s="12"/>
    </row>
    <row r="710897" spans="8:8">
      <c r="H710897" s="12"/>
    </row>
    <row r="710898" spans="8:8">
      <c r="H710898" s="12"/>
    </row>
    <row r="710899" spans="8:8">
      <c r="H710899" s="12"/>
    </row>
    <row r="710900" spans="8:8">
      <c r="H710900" s="12"/>
    </row>
    <row r="710901" spans="8:8">
      <c r="H710901" s="12"/>
    </row>
    <row r="710902" spans="8:8">
      <c r="H710902" s="12"/>
    </row>
    <row r="710903" spans="8:8">
      <c r="H710903" s="12"/>
    </row>
    <row r="710904" spans="8:8">
      <c r="H710904" s="12"/>
    </row>
    <row r="710905" spans="8:8">
      <c r="H710905" s="12"/>
    </row>
    <row r="710906" spans="8:8">
      <c r="H710906" s="12"/>
    </row>
    <row r="710907" spans="8:8">
      <c r="H710907" s="12"/>
    </row>
    <row r="710908" spans="8:8">
      <c r="H710908" s="12"/>
    </row>
    <row r="710909" spans="8:8">
      <c r="H710909" s="12"/>
    </row>
    <row r="710910" spans="8:8">
      <c r="H710910" s="12"/>
    </row>
    <row r="710911" spans="8:8">
      <c r="H710911" s="12"/>
    </row>
    <row r="710912" spans="8:8">
      <c r="H710912" s="12"/>
    </row>
    <row r="710913" spans="8:8">
      <c r="H710913" s="12"/>
    </row>
    <row r="710914" spans="8:8">
      <c r="H710914" s="12"/>
    </row>
    <row r="710915" spans="8:8">
      <c r="H710915" s="12"/>
    </row>
    <row r="710916" spans="8:8">
      <c r="H710916" s="12"/>
    </row>
    <row r="710917" spans="8:8">
      <c r="H710917" s="12"/>
    </row>
    <row r="710918" spans="8:8">
      <c r="H710918" s="12"/>
    </row>
    <row r="710919" spans="8:8">
      <c r="H710919" s="12"/>
    </row>
    <row r="710920" spans="8:8">
      <c r="H710920" s="12"/>
    </row>
    <row r="710921" spans="8:8">
      <c r="H710921" s="12"/>
    </row>
    <row r="710922" spans="8:8">
      <c r="H710922" s="12"/>
    </row>
    <row r="710923" spans="8:8">
      <c r="H710923" s="12"/>
    </row>
    <row r="710924" spans="8:8">
      <c r="H710924" s="12"/>
    </row>
    <row r="710925" spans="8:8">
      <c r="H710925" s="12"/>
    </row>
    <row r="710926" spans="8:8">
      <c r="H710926" s="12"/>
    </row>
    <row r="710927" spans="8:8">
      <c r="H710927" s="12"/>
    </row>
    <row r="710928" spans="8:8">
      <c r="H710928" s="12"/>
    </row>
    <row r="710929" spans="8:8">
      <c r="H710929" s="12"/>
    </row>
    <row r="710930" spans="8:8">
      <c r="H710930" s="12"/>
    </row>
    <row r="710931" spans="8:8">
      <c r="H710931" s="12"/>
    </row>
    <row r="710932" spans="8:8">
      <c r="H710932" s="12"/>
    </row>
    <row r="710933" spans="8:8">
      <c r="H710933" s="12"/>
    </row>
    <row r="710934" spans="8:8">
      <c r="H710934" s="12"/>
    </row>
    <row r="710935" spans="8:8">
      <c r="H710935" s="12"/>
    </row>
    <row r="710936" spans="8:8">
      <c r="H710936" s="12"/>
    </row>
    <row r="710937" spans="8:8">
      <c r="H710937" s="12"/>
    </row>
    <row r="710938" spans="8:8">
      <c r="H710938" s="12"/>
    </row>
    <row r="710939" spans="8:8">
      <c r="H710939" s="12"/>
    </row>
    <row r="710940" spans="8:8">
      <c r="H710940" s="12"/>
    </row>
    <row r="710941" spans="8:8">
      <c r="H710941" s="12"/>
    </row>
    <row r="710942" spans="8:8">
      <c r="H710942" s="12"/>
    </row>
    <row r="710943" spans="8:8">
      <c r="H710943" s="12"/>
    </row>
    <row r="710944" spans="8:8">
      <c r="H710944" s="12"/>
    </row>
    <row r="710945" spans="8:8">
      <c r="H710945" s="12"/>
    </row>
    <row r="710946" spans="8:8">
      <c r="H710946" s="12"/>
    </row>
    <row r="710947" spans="8:8">
      <c r="H710947" s="12"/>
    </row>
    <row r="710948" spans="8:8">
      <c r="H710948" s="12"/>
    </row>
    <row r="710949" spans="8:8">
      <c r="H710949" s="12"/>
    </row>
    <row r="710950" spans="8:8">
      <c r="H710950" s="12"/>
    </row>
    <row r="710951" spans="8:8">
      <c r="H710951" s="12"/>
    </row>
    <row r="710952" spans="8:8">
      <c r="H710952" s="12"/>
    </row>
    <row r="710953" spans="8:8">
      <c r="H710953" s="12"/>
    </row>
    <row r="710954" spans="8:8">
      <c r="H710954" s="12"/>
    </row>
    <row r="710955" spans="8:8">
      <c r="H710955" s="12"/>
    </row>
    <row r="710956" spans="8:8">
      <c r="H710956" s="12"/>
    </row>
    <row r="710957" spans="8:8">
      <c r="H710957" s="12"/>
    </row>
    <row r="710958" spans="8:8">
      <c r="H710958" s="12"/>
    </row>
    <row r="710959" spans="8:8">
      <c r="H710959" s="12"/>
    </row>
    <row r="710960" spans="8:8">
      <c r="H710960" s="12"/>
    </row>
    <row r="710961" spans="8:8">
      <c r="H710961" s="12"/>
    </row>
    <row r="710962" spans="8:8">
      <c r="H710962" s="12"/>
    </row>
    <row r="710963" spans="8:8">
      <c r="H710963" s="12"/>
    </row>
    <row r="710964" spans="8:8">
      <c r="H710964" s="12"/>
    </row>
    <row r="710965" spans="8:8">
      <c r="H710965" s="12"/>
    </row>
    <row r="710966" spans="8:8">
      <c r="H710966" s="12"/>
    </row>
    <row r="710967" spans="8:8">
      <c r="H710967" s="12"/>
    </row>
    <row r="710968" spans="8:8">
      <c r="H710968" s="12"/>
    </row>
    <row r="710969" spans="8:8">
      <c r="H710969" s="12"/>
    </row>
    <row r="710970" spans="8:8">
      <c r="H710970" s="12"/>
    </row>
    <row r="710971" spans="8:8">
      <c r="H710971" s="12"/>
    </row>
    <row r="710972" spans="8:8">
      <c r="H710972" s="12"/>
    </row>
    <row r="710973" spans="8:8">
      <c r="H710973" s="12"/>
    </row>
    <row r="710974" spans="8:8">
      <c r="H710974" s="12"/>
    </row>
    <row r="710975" spans="8:8">
      <c r="H710975" s="12"/>
    </row>
    <row r="710976" spans="8:8">
      <c r="H710976" s="12"/>
    </row>
    <row r="710977" spans="8:8">
      <c r="H710977" s="12"/>
    </row>
    <row r="710978" spans="8:8">
      <c r="H710978" s="12"/>
    </row>
    <row r="710979" spans="8:8">
      <c r="H710979" s="12"/>
    </row>
    <row r="710980" spans="8:8">
      <c r="H710980" s="12"/>
    </row>
    <row r="710981" spans="8:8">
      <c r="H710981" s="12"/>
    </row>
    <row r="710982" spans="8:8">
      <c r="H710982" s="12"/>
    </row>
    <row r="710983" spans="8:8">
      <c r="H710983" s="12"/>
    </row>
    <row r="710984" spans="8:8">
      <c r="H710984" s="12"/>
    </row>
    <row r="710985" spans="8:8">
      <c r="H710985" s="12"/>
    </row>
    <row r="710986" spans="8:8">
      <c r="H710986" s="12"/>
    </row>
    <row r="710987" spans="8:8">
      <c r="H710987" s="12"/>
    </row>
    <row r="710988" spans="8:8">
      <c r="H710988" s="12"/>
    </row>
    <row r="710989" spans="8:8">
      <c r="H710989" s="12"/>
    </row>
    <row r="710990" spans="8:8">
      <c r="H710990" s="12"/>
    </row>
    <row r="710991" spans="8:8">
      <c r="H710991" s="12"/>
    </row>
    <row r="710992" spans="8:8">
      <c r="H710992" s="12"/>
    </row>
    <row r="710993" spans="8:8">
      <c r="H710993" s="12"/>
    </row>
    <row r="710994" spans="8:8">
      <c r="H710994" s="12"/>
    </row>
    <row r="710995" spans="8:8">
      <c r="H710995" s="12"/>
    </row>
    <row r="710996" spans="8:8">
      <c r="H710996" s="12"/>
    </row>
    <row r="710997" spans="8:8">
      <c r="H710997" s="12"/>
    </row>
    <row r="710998" spans="8:8">
      <c r="H710998" s="12"/>
    </row>
    <row r="710999" spans="8:8">
      <c r="H710999" s="12"/>
    </row>
    <row r="711000" spans="8:8">
      <c r="H711000" s="12"/>
    </row>
    <row r="711001" spans="8:8">
      <c r="H711001" s="12"/>
    </row>
    <row r="711002" spans="8:8">
      <c r="H711002" s="12"/>
    </row>
    <row r="711003" spans="8:8">
      <c r="H711003" s="12"/>
    </row>
    <row r="711004" spans="8:8">
      <c r="H711004" s="12"/>
    </row>
    <row r="711005" spans="8:8">
      <c r="H711005" s="12"/>
    </row>
    <row r="711006" spans="8:8">
      <c r="H711006" s="12"/>
    </row>
    <row r="711007" spans="8:8">
      <c r="H711007" s="12"/>
    </row>
    <row r="711008" spans="8:8">
      <c r="H711008" s="12"/>
    </row>
    <row r="711009" spans="8:8">
      <c r="H711009" s="12"/>
    </row>
    <row r="711010" spans="8:8">
      <c r="H711010" s="12"/>
    </row>
    <row r="711011" spans="8:8">
      <c r="H711011" s="12"/>
    </row>
    <row r="711012" spans="8:8">
      <c r="H711012" s="12"/>
    </row>
    <row r="711013" spans="8:8">
      <c r="H711013" s="12"/>
    </row>
    <row r="711014" spans="8:8">
      <c r="H711014" s="12"/>
    </row>
    <row r="711015" spans="8:8">
      <c r="H711015" s="12"/>
    </row>
    <row r="711016" spans="8:8">
      <c r="H711016" s="12"/>
    </row>
    <row r="711017" spans="8:8">
      <c r="H711017" s="12"/>
    </row>
    <row r="711018" spans="8:8">
      <c r="H711018" s="12"/>
    </row>
    <row r="711019" spans="8:8">
      <c r="H711019" s="12"/>
    </row>
    <row r="711020" spans="8:8">
      <c r="H711020" s="12"/>
    </row>
    <row r="711021" spans="8:8">
      <c r="H711021" s="12"/>
    </row>
    <row r="711022" spans="8:8">
      <c r="H711022" s="12"/>
    </row>
    <row r="711023" spans="8:8">
      <c r="H711023" s="12"/>
    </row>
    <row r="711024" spans="8:8">
      <c r="H711024" s="12"/>
    </row>
    <row r="711025" spans="8:8">
      <c r="H711025" s="12"/>
    </row>
    <row r="711026" spans="8:8">
      <c r="H711026" s="12"/>
    </row>
    <row r="711027" spans="8:8">
      <c r="H711027" s="12"/>
    </row>
    <row r="711028" spans="8:8">
      <c r="H711028" s="12"/>
    </row>
    <row r="711029" spans="8:8">
      <c r="H711029" s="12"/>
    </row>
    <row r="711030" spans="8:8">
      <c r="H711030" s="12"/>
    </row>
    <row r="711031" spans="8:8">
      <c r="H711031" s="12"/>
    </row>
    <row r="711032" spans="8:8">
      <c r="H711032" s="12"/>
    </row>
    <row r="711033" spans="8:8">
      <c r="H711033" s="12"/>
    </row>
    <row r="711034" spans="8:8">
      <c r="H711034" s="12"/>
    </row>
    <row r="711035" spans="8:8">
      <c r="H711035" s="12"/>
    </row>
    <row r="711036" spans="8:8">
      <c r="H711036" s="12"/>
    </row>
    <row r="711037" spans="8:8">
      <c r="H711037" s="12"/>
    </row>
    <row r="711038" spans="8:8">
      <c r="H711038" s="12"/>
    </row>
    <row r="711039" spans="8:8">
      <c r="H711039" s="12"/>
    </row>
    <row r="711040" spans="8:8">
      <c r="H711040" s="12"/>
    </row>
    <row r="711041" spans="8:8">
      <c r="H711041" s="12"/>
    </row>
    <row r="711042" spans="8:8">
      <c r="H711042" s="12"/>
    </row>
    <row r="711043" spans="8:8">
      <c r="H711043" s="12"/>
    </row>
    <row r="711044" spans="8:8">
      <c r="H711044" s="12"/>
    </row>
    <row r="711045" spans="8:8">
      <c r="H711045" s="12"/>
    </row>
    <row r="711046" spans="8:8">
      <c r="H711046" s="12"/>
    </row>
    <row r="711047" spans="8:8">
      <c r="H711047" s="12"/>
    </row>
    <row r="711048" spans="8:8">
      <c r="H711048" s="12"/>
    </row>
    <row r="711049" spans="8:8">
      <c r="H711049" s="12"/>
    </row>
    <row r="711050" spans="8:8">
      <c r="H711050" s="12"/>
    </row>
    <row r="711051" spans="8:8">
      <c r="H711051" s="12"/>
    </row>
    <row r="711052" spans="8:8">
      <c r="H711052" s="12"/>
    </row>
    <row r="711053" spans="8:8">
      <c r="H711053" s="12"/>
    </row>
    <row r="711054" spans="8:8">
      <c r="H711054" s="12"/>
    </row>
    <row r="711055" spans="8:8">
      <c r="H711055" s="12"/>
    </row>
    <row r="711056" spans="8:8">
      <c r="H711056" s="12"/>
    </row>
    <row r="711057" spans="8:8">
      <c r="H711057" s="12"/>
    </row>
    <row r="711058" spans="8:8">
      <c r="H711058" s="12"/>
    </row>
    <row r="711059" spans="8:8">
      <c r="H711059" s="12"/>
    </row>
    <row r="711060" spans="8:8">
      <c r="H711060" s="12"/>
    </row>
    <row r="711061" spans="8:8">
      <c r="H711061" s="12"/>
    </row>
    <row r="711062" spans="8:8">
      <c r="H711062" s="12"/>
    </row>
    <row r="711063" spans="8:8">
      <c r="H711063" s="12"/>
    </row>
    <row r="711064" spans="8:8">
      <c r="H711064" s="12"/>
    </row>
    <row r="711065" spans="8:8">
      <c r="H711065" s="12"/>
    </row>
    <row r="711066" spans="8:8">
      <c r="H711066" s="12"/>
    </row>
    <row r="711067" spans="8:8">
      <c r="H711067" s="12"/>
    </row>
    <row r="711068" spans="8:8">
      <c r="H711068" s="12"/>
    </row>
    <row r="711069" spans="8:8">
      <c r="H711069" s="12"/>
    </row>
    <row r="711070" spans="8:8">
      <c r="H711070" s="12"/>
    </row>
    <row r="711071" spans="8:8">
      <c r="H711071" s="12"/>
    </row>
    <row r="711072" spans="8:8">
      <c r="H711072" s="12"/>
    </row>
    <row r="711073" spans="8:8">
      <c r="H711073" s="12"/>
    </row>
    <row r="711074" spans="8:8">
      <c r="H711074" s="12"/>
    </row>
    <row r="711075" spans="8:8">
      <c r="H711075" s="12"/>
    </row>
    <row r="711076" spans="8:8">
      <c r="H711076" s="12"/>
    </row>
    <row r="711077" spans="8:8">
      <c r="H711077" s="12"/>
    </row>
    <row r="711078" spans="8:8">
      <c r="H711078" s="12"/>
    </row>
    <row r="711079" spans="8:8">
      <c r="H711079" s="12"/>
    </row>
    <row r="711080" spans="8:8">
      <c r="H711080" s="12"/>
    </row>
    <row r="711081" spans="8:8">
      <c r="H711081" s="12"/>
    </row>
    <row r="711082" spans="8:8">
      <c r="H711082" s="12"/>
    </row>
    <row r="711083" spans="8:8">
      <c r="H711083" s="12"/>
    </row>
    <row r="711084" spans="8:8">
      <c r="H711084" s="12"/>
    </row>
    <row r="711085" spans="8:8">
      <c r="H711085" s="12"/>
    </row>
    <row r="711086" spans="8:8">
      <c r="H711086" s="12"/>
    </row>
    <row r="711087" spans="8:8">
      <c r="H711087" s="12"/>
    </row>
    <row r="711088" spans="8:8">
      <c r="H711088" s="12"/>
    </row>
    <row r="711089" spans="8:8">
      <c r="H711089" s="12"/>
    </row>
    <row r="711090" spans="8:8">
      <c r="H711090" s="12"/>
    </row>
    <row r="711091" spans="8:8">
      <c r="H711091" s="12"/>
    </row>
    <row r="711092" spans="8:8">
      <c r="H711092" s="12"/>
    </row>
    <row r="711093" spans="8:8">
      <c r="H711093" s="12"/>
    </row>
    <row r="711094" spans="8:8">
      <c r="H711094" s="12"/>
    </row>
    <row r="711095" spans="8:8">
      <c r="H711095" s="12"/>
    </row>
    <row r="711096" spans="8:8">
      <c r="H711096" s="12"/>
    </row>
    <row r="711097" spans="8:8">
      <c r="H711097" s="12"/>
    </row>
    <row r="711098" spans="8:8">
      <c r="H711098" s="12"/>
    </row>
    <row r="711099" spans="8:8">
      <c r="H711099" s="12"/>
    </row>
    <row r="711100" spans="8:8">
      <c r="H711100" s="12"/>
    </row>
    <row r="711101" spans="8:8">
      <c r="H711101" s="12"/>
    </row>
    <row r="711102" spans="8:8">
      <c r="H711102" s="12"/>
    </row>
    <row r="711103" spans="8:8">
      <c r="H711103" s="12"/>
    </row>
    <row r="711104" spans="8:8">
      <c r="H711104" s="12"/>
    </row>
    <row r="711105" spans="8:8">
      <c r="H711105" s="12"/>
    </row>
    <row r="711106" spans="8:8">
      <c r="H711106" s="12"/>
    </row>
    <row r="711107" spans="8:8">
      <c r="H711107" s="12"/>
    </row>
    <row r="711108" spans="8:8">
      <c r="H711108" s="12"/>
    </row>
    <row r="711109" spans="8:8">
      <c r="H711109" s="12"/>
    </row>
    <row r="711110" spans="8:8">
      <c r="H711110" s="12"/>
    </row>
    <row r="711111" spans="8:8">
      <c r="H711111" s="12"/>
    </row>
    <row r="711112" spans="8:8">
      <c r="H711112" s="12"/>
    </row>
    <row r="711113" spans="8:8">
      <c r="H711113" s="12"/>
    </row>
    <row r="711114" spans="8:8">
      <c r="H711114" s="12"/>
    </row>
    <row r="711115" spans="8:8">
      <c r="H711115" s="12"/>
    </row>
    <row r="711116" spans="8:8">
      <c r="H711116" s="12"/>
    </row>
    <row r="711117" spans="8:8">
      <c r="H711117" s="12"/>
    </row>
    <row r="711118" spans="8:8">
      <c r="H711118" s="12"/>
    </row>
    <row r="711119" spans="8:8">
      <c r="H711119" s="12"/>
    </row>
    <row r="711120" spans="8:8">
      <c r="H711120" s="12"/>
    </row>
    <row r="711121" spans="8:8">
      <c r="H711121" s="12"/>
    </row>
    <row r="711122" spans="8:8">
      <c r="H711122" s="12"/>
    </row>
    <row r="711123" spans="8:8">
      <c r="H711123" s="12"/>
    </row>
    <row r="711124" spans="8:8">
      <c r="H711124" s="12"/>
    </row>
    <row r="711125" spans="8:8">
      <c r="H711125" s="12"/>
    </row>
    <row r="711126" spans="8:8">
      <c r="H711126" s="12"/>
    </row>
    <row r="711127" spans="8:8">
      <c r="H711127" s="12"/>
    </row>
    <row r="711128" spans="8:8">
      <c r="H711128" s="12"/>
    </row>
    <row r="711129" spans="8:8">
      <c r="H711129" s="12"/>
    </row>
    <row r="711130" spans="8:8">
      <c r="H711130" s="12"/>
    </row>
    <row r="711131" spans="8:8">
      <c r="H711131" s="12"/>
    </row>
    <row r="711132" spans="8:8">
      <c r="H711132" s="12"/>
    </row>
    <row r="711133" spans="8:8">
      <c r="H711133" s="12"/>
    </row>
    <row r="711134" spans="8:8">
      <c r="H711134" s="12"/>
    </row>
    <row r="711135" spans="8:8">
      <c r="H711135" s="12"/>
    </row>
    <row r="711136" spans="8:8">
      <c r="H711136" s="12"/>
    </row>
    <row r="711137" spans="8:8">
      <c r="H711137" s="12"/>
    </row>
    <row r="711138" spans="8:8">
      <c r="H711138" s="12"/>
    </row>
    <row r="711139" spans="8:8">
      <c r="H711139" s="12"/>
    </row>
    <row r="711140" spans="8:8">
      <c r="H711140" s="12"/>
    </row>
    <row r="711141" spans="8:8">
      <c r="H711141" s="12"/>
    </row>
    <row r="711142" spans="8:8">
      <c r="H711142" s="12"/>
    </row>
    <row r="711143" spans="8:8">
      <c r="H711143" s="12"/>
    </row>
    <row r="711144" spans="8:8">
      <c r="H711144" s="12"/>
    </row>
    <row r="711145" spans="8:8">
      <c r="H711145" s="12"/>
    </row>
    <row r="711146" spans="8:8">
      <c r="H711146" s="12"/>
    </row>
    <row r="711147" spans="8:8">
      <c r="H711147" s="12"/>
    </row>
    <row r="711148" spans="8:8">
      <c r="H711148" s="12"/>
    </row>
    <row r="711149" spans="8:8">
      <c r="H711149" s="12"/>
    </row>
    <row r="711150" spans="8:8">
      <c r="H711150" s="12"/>
    </row>
    <row r="711151" spans="8:8">
      <c r="H711151" s="12"/>
    </row>
    <row r="711152" spans="8:8">
      <c r="H711152" s="12"/>
    </row>
    <row r="711153" spans="8:8">
      <c r="H711153" s="12"/>
    </row>
    <row r="711154" spans="8:8">
      <c r="H711154" s="12"/>
    </row>
    <row r="711155" spans="8:8">
      <c r="H711155" s="12"/>
    </row>
    <row r="711156" spans="8:8">
      <c r="H711156" s="12"/>
    </row>
    <row r="711157" spans="8:8">
      <c r="H711157" s="12"/>
    </row>
    <row r="711158" spans="8:8">
      <c r="H711158" s="12"/>
    </row>
    <row r="711159" spans="8:8">
      <c r="H711159" s="12"/>
    </row>
    <row r="711160" spans="8:8">
      <c r="H711160" s="12"/>
    </row>
    <row r="711161" spans="8:8">
      <c r="H711161" s="12"/>
    </row>
    <row r="711162" spans="8:8">
      <c r="H711162" s="12"/>
    </row>
    <row r="711163" spans="8:8">
      <c r="H711163" s="12"/>
    </row>
    <row r="711164" spans="8:8">
      <c r="H711164" s="12"/>
    </row>
    <row r="711165" spans="8:8">
      <c r="H711165" s="12"/>
    </row>
    <row r="711166" spans="8:8">
      <c r="H711166" s="12"/>
    </row>
    <row r="711167" spans="8:8">
      <c r="H711167" s="12"/>
    </row>
    <row r="711168" spans="8:8">
      <c r="H711168" s="12"/>
    </row>
    <row r="711169" spans="8:8">
      <c r="H711169" s="12"/>
    </row>
    <row r="711170" spans="8:8">
      <c r="H711170" s="12"/>
    </row>
    <row r="711171" spans="8:8">
      <c r="H711171" s="12"/>
    </row>
    <row r="711172" spans="8:8">
      <c r="H711172" s="12"/>
    </row>
    <row r="711173" spans="8:8">
      <c r="H711173" s="12"/>
    </row>
    <row r="711174" spans="8:8">
      <c r="H711174" s="12"/>
    </row>
    <row r="711175" spans="8:8">
      <c r="H711175" s="12"/>
    </row>
    <row r="711176" spans="8:8">
      <c r="H711176" s="12"/>
    </row>
    <row r="711177" spans="8:8">
      <c r="H711177" s="12"/>
    </row>
    <row r="711178" spans="8:8">
      <c r="H711178" s="12"/>
    </row>
    <row r="711179" spans="8:8">
      <c r="H711179" s="12"/>
    </row>
    <row r="711180" spans="8:8">
      <c r="H711180" s="12"/>
    </row>
    <row r="711181" spans="8:8">
      <c r="H711181" s="12"/>
    </row>
    <row r="711182" spans="8:8">
      <c r="H711182" s="12"/>
    </row>
    <row r="711183" spans="8:8">
      <c r="H711183" s="12"/>
    </row>
    <row r="711184" spans="8:8">
      <c r="H711184" s="12"/>
    </row>
    <row r="711185" spans="8:8">
      <c r="H711185" s="12"/>
    </row>
    <row r="711186" spans="8:8">
      <c r="H711186" s="12"/>
    </row>
    <row r="711187" spans="8:8">
      <c r="H711187" s="12"/>
    </row>
    <row r="711188" spans="8:8">
      <c r="H711188" s="12"/>
    </row>
    <row r="711189" spans="8:8">
      <c r="H711189" s="12"/>
    </row>
    <row r="711190" spans="8:8">
      <c r="H711190" s="12"/>
    </row>
    <row r="711191" spans="8:8">
      <c r="H711191" s="12"/>
    </row>
    <row r="711192" spans="8:8">
      <c r="H711192" s="12"/>
    </row>
    <row r="711193" spans="8:8">
      <c r="H711193" s="12"/>
    </row>
    <row r="711194" spans="8:8">
      <c r="H711194" s="12"/>
    </row>
    <row r="711195" spans="8:8">
      <c r="H711195" s="12"/>
    </row>
    <row r="711196" spans="8:8">
      <c r="H711196" s="12"/>
    </row>
    <row r="711197" spans="8:8">
      <c r="H711197" s="12"/>
    </row>
    <row r="711198" spans="8:8">
      <c r="H711198" s="12"/>
    </row>
    <row r="711199" spans="8:8">
      <c r="H711199" s="12"/>
    </row>
    <row r="711200" spans="8:8">
      <c r="H711200" s="12"/>
    </row>
    <row r="711201" spans="8:8">
      <c r="H711201" s="12"/>
    </row>
    <row r="711202" spans="8:8">
      <c r="H711202" s="12"/>
    </row>
    <row r="711203" spans="8:8">
      <c r="H711203" s="12"/>
    </row>
    <row r="711204" spans="8:8">
      <c r="H711204" s="12"/>
    </row>
    <row r="711205" spans="8:8">
      <c r="H711205" s="12"/>
    </row>
    <row r="711206" spans="8:8">
      <c r="H711206" s="12"/>
    </row>
    <row r="711207" spans="8:8">
      <c r="H711207" s="12"/>
    </row>
    <row r="711208" spans="8:8">
      <c r="H711208" s="12"/>
    </row>
    <row r="711209" spans="8:8">
      <c r="H711209" s="12"/>
    </row>
    <row r="711210" spans="8:8">
      <c r="H711210" s="12"/>
    </row>
    <row r="711211" spans="8:8">
      <c r="H711211" s="12"/>
    </row>
    <row r="711212" spans="8:8">
      <c r="H711212" s="12"/>
    </row>
    <row r="711213" spans="8:8">
      <c r="H711213" s="12"/>
    </row>
    <row r="711214" spans="8:8">
      <c r="H711214" s="12"/>
    </row>
    <row r="711215" spans="8:8">
      <c r="H711215" s="12"/>
    </row>
    <row r="711216" spans="8:8">
      <c r="H711216" s="12"/>
    </row>
    <row r="711217" spans="8:8">
      <c r="H711217" s="12"/>
    </row>
    <row r="711218" spans="8:8">
      <c r="H711218" s="12"/>
    </row>
    <row r="711219" spans="8:8">
      <c r="H711219" s="12"/>
    </row>
    <row r="711220" spans="8:8">
      <c r="H711220" s="12"/>
    </row>
    <row r="711221" spans="8:8">
      <c r="H711221" s="12"/>
    </row>
    <row r="711222" spans="8:8">
      <c r="H711222" s="12"/>
    </row>
    <row r="711223" spans="8:8">
      <c r="H711223" s="12"/>
    </row>
    <row r="711224" spans="8:8">
      <c r="H711224" s="12"/>
    </row>
    <row r="711225" spans="8:8">
      <c r="H711225" s="12"/>
    </row>
    <row r="711226" spans="8:8">
      <c r="H711226" s="12"/>
    </row>
    <row r="711227" spans="8:8">
      <c r="H711227" s="12"/>
    </row>
    <row r="711228" spans="8:8">
      <c r="H711228" s="12"/>
    </row>
    <row r="711229" spans="8:8">
      <c r="H711229" s="12"/>
    </row>
    <row r="711230" spans="8:8">
      <c r="H711230" s="12"/>
    </row>
    <row r="711231" spans="8:8">
      <c r="H711231" s="12"/>
    </row>
    <row r="711232" spans="8:8">
      <c r="H711232" s="12"/>
    </row>
    <row r="711233" spans="8:8">
      <c r="H711233" s="12"/>
    </row>
    <row r="711234" spans="8:8">
      <c r="H711234" s="12"/>
    </row>
    <row r="711235" spans="8:8">
      <c r="H711235" s="12"/>
    </row>
    <row r="711236" spans="8:8">
      <c r="H711236" s="12"/>
    </row>
    <row r="711237" spans="8:8">
      <c r="H711237" s="12"/>
    </row>
    <row r="711238" spans="8:8">
      <c r="H711238" s="12"/>
    </row>
    <row r="711239" spans="8:8">
      <c r="H711239" s="12"/>
    </row>
    <row r="711240" spans="8:8">
      <c r="H711240" s="12"/>
    </row>
    <row r="711241" spans="8:8">
      <c r="H711241" s="12"/>
    </row>
    <row r="711242" spans="8:8">
      <c r="H711242" s="12"/>
    </row>
    <row r="711243" spans="8:8">
      <c r="H711243" s="12"/>
    </row>
    <row r="711244" spans="8:8">
      <c r="H711244" s="12"/>
    </row>
    <row r="711245" spans="8:8">
      <c r="H711245" s="12"/>
    </row>
    <row r="711246" spans="8:8">
      <c r="H711246" s="12"/>
    </row>
    <row r="711247" spans="8:8">
      <c r="H711247" s="12"/>
    </row>
    <row r="711248" spans="8:8">
      <c r="H711248" s="12"/>
    </row>
    <row r="711249" spans="8:8">
      <c r="H711249" s="12"/>
    </row>
    <row r="711250" spans="8:8">
      <c r="H711250" s="12"/>
    </row>
    <row r="711251" spans="8:8">
      <c r="H711251" s="12"/>
    </row>
    <row r="711252" spans="8:8">
      <c r="H711252" s="12"/>
    </row>
    <row r="711253" spans="8:8">
      <c r="H711253" s="12"/>
    </row>
    <row r="711254" spans="8:8">
      <c r="H711254" s="12"/>
    </row>
    <row r="711255" spans="8:8">
      <c r="H711255" s="12"/>
    </row>
    <row r="711256" spans="8:8">
      <c r="H711256" s="12"/>
    </row>
    <row r="711257" spans="8:8">
      <c r="H711257" s="12"/>
    </row>
    <row r="711258" spans="8:8">
      <c r="H711258" s="12"/>
    </row>
    <row r="711259" spans="8:8">
      <c r="H711259" s="12"/>
    </row>
    <row r="711260" spans="8:8">
      <c r="H711260" s="12"/>
    </row>
    <row r="711261" spans="8:8">
      <c r="H711261" s="12"/>
    </row>
    <row r="711262" spans="8:8">
      <c r="H711262" s="12"/>
    </row>
    <row r="711263" spans="8:8">
      <c r="H711263" s="12"/>
    </row>
    <row r="711264" spans="8:8">
      <c r="H711264" s="12"/>
    </row>
    <row r="711265" spans="8:8">
      <c r="H711265" s="12"/>
    </row>
    <row r="711266" spans="8:8">
      <c r="H711266" s="12"/>
    </row>
    <row r="711267" spans="8:8">
      <c r="H711267" s="12"/>
    </row>
    <row r="711268" spans="8:8">
      <c r="H711268" s="12"/>
    </row>
    <row r="711269" spans="8:8">
      <c r="H711269" s="12"/>
    </row>
    <row r="711270" spans="8:8">
      <c r="H711270" s="12"/>
    </row>
    <row r="711271" spans="8:8">
      <c r="H711271" s="12"/>
    </row>
    <row r="711272" spans="8:8">
      <c r="H711272" s="12"/>
    </row>
    <row r="711273" spans="8:8">
      <c r="H711273" s="12"/>
    </row>
    <row r="711274" spans="8:8">
      <c r="H711274" s="12"/>
    </row>
    <row r="711275" spans="8:8">
      <c r="H711275" s="12"/>
    </row>
    <row r="711276" spans="8:8">
      <c r="H711276" s="12"/>
    </row>
    <row r="711277" spans="8:8">
      <c r="H711277" s="12"/>
    </row>
    <row r="711278" spans="8:8">
      <c r="H711278" s="12"/>
    </row>
    <row r="711279" spans="8:8">
      <c r="H711279" s="12"/>
    </row>
    <row r="711280" spans="8:8">
      <c r="H711280" s="12"/>
    </row>
    <row r="711281" spans="8:8">
      <c r="H711281" s="12"/>
    </row>
    <row r="711282" spans="8:8">
      <c r="H711282" s="12"/>
    </row>
    <row r="711283" spans="8:8">
      <c r="H711283" s="12"/>
    </row>
    <row r="711284" spans="8:8">
      <c r="H711284" s="12"/>
    </row>
    <row r="711285" spans="8:8">
      <c r="H711285" s="12"/>
    </row>
    <row r="711286" spans="8:8">
      <c r="H711286" s="12"/>
    </row>
    <row r="711287" spans="8:8">
      <c r="H711287" s="12"/>
    </row>
    <row r="711288" spans="8:8">
      <c r="H711288" s="12"/>
    </row>
    <row r="711289" spans="8:8">
      <c r="H711289" s="12"/>
    </row>
    <row r="711290" spans="8:8">
      <c r="H711290" s="12"/>
    </row>
    <row r="711291" spans="8:8">
      <c r="H711291" s="12"/>
    </row>
    <row r="711292" spans="8:8">
      <c r="H711292" s="12"/>
    </row>
    <row r="711293" spans="8:8">
      <c r="H711293" s="12"/>
    </row>
    <row r="711294" spans="8:8">
      <c r="H711294" s="12"/>
    </row>
    <row r="711295" spans="8:8">
      <c r="H711295" s="12"/>
    </row>
    <row r="711296" spans="8:8">
      <c r="H711296" s="12"/>
    </row>
    <row r="711297" spans="8:8">
      <c r="H711297" s="12"/>
    </row>
    <row r="711298" spans="8:8">
      <c r="H711298" s="12"/>
    </row>
    <row r="711299" spans="8:8">
      <c r="H711299" s="12"/>
    </row>
    <row r="711300" spans="8:8">
      <c r="H711300" s="12"/>
    </row>
    <row r="711301" spans="8:8">
      <c r="H711301" s="12"/>
    </row>
    <row r="711302" spans="8:8">
      <c r="H711302" s="12"/>
    </row>
    <row r="711303" spans="8:8">
      <c r="H711303" s="12"/>
    </row>
    <row r="711304" spans="8:8">
      <c r="H711304" s="12"/>
    </row>
    <row r="711305" spans="8:8">
      <c r="H711305" s="12"/>
    </row>
    <row r="711306" spans="8:8">
      <c r="H711306" s="12"/>
    </row>
    <row r="711307" spans="8:8">
      <c r="H711307" s="12"/>
    </row>
    <row r="711308" spans="8:8">
      <c r="H711308" s="12"/>
    </row>
    <row r="711309" spans="8:8">
      <c r="H711309" s="12"/>
    </row>
    <row r="711310" spans="8:8">
      <c r="H711310" s="12"/>
    </row>
    <row r="711311" spans="8:8">
      <c r="H711311" s="12"/>
    </row>
    <row r="711312" spans="8:8">
      <c r="H711312" s="12"/>
    </row>
    <row r="711313" spans="8:8">
      <c r="H711313" s="12"/>
    </row>
    <row r="711314" spans="8:8">
      <c r="H711314" s="12"/>
    </row>
    <row r="711315" spans="8:8">
      <c r="H711315" s="12"/>
    </row>
    <row r="711316" spans="8:8">
      <c r="H711316" s="12"/>
    </row>
    <row r="711317" spans="8:8">
      <c r="H711317" s="12"/>
    </row>
    <row r="711318" spans="8:8">
      <c r="H711318" s="12"/>
    </row>
    <row r="711319" spans="8:8">
      <c r="H711319" s="12"/>
    </row>
    <row r="711320" spans="8:8">
      <c r="H711320" s="12"/>
    </row>
    <row r="711321" spans="8:8">
      <c r="H711321" s="12"/>
    </row>
    <row r="711322" spans="8:8">
      <c r="H711322" s="12"/>
    </row>
    <row r="711323" spans="8:8">
      <c r="H711323" s="12"/>
    </row>
    <row r="711324" spans="8:8">
      <c r="H711324" s="12"/>
    </row>
    <row r="711325" spans="8:8">
      <c r="H711325" s="12"/>
    </row>
    <row r="711326" spans="8:8">
      <c r="H711326" s="12"/>
    </row>
    <row r="711327" spans="8:8">
      <c r="H711327" s="12"/>
    </row>
    <row r="711328" spans="8:8">
      <c r="H711328" s="12"/>
    </row>
    <row r="711329" spans="8:8">
      <c r="H711329" s="12"/>
    </row>
    <row r="711330" spans="8:8">
      <c r="H711330" s="12"/>
    </row>
    <row r="711331" spans="8:8">
      <c r="H711331" s="12"/>
    </row>
    <row r="711332" spans="8:8">
      <c r="H711332" s="12"/>
    </row>
    <row r="711333" spans="8:8">
      <c r="H711333" s="12"/>
    </row>
    <row r="711334" spans="8:8">
      <c r="H711334" s="12"/>
    </row>
    <row r="711335" spans="8:8">
      <c r="H711335" s="12"/>
    </row>
    <row r="711336" spans="8:8">
      <c r="H711336" s="12"/>
    </row>
    <row r="711337" spans="8:8">
      <c r="H711337" s="12"/>
    </row>
    <row r="711338" spans="8:8">
      <c r="H711338" s="12"/>
    </row>
    <row r="711339" spans="8:8">
      <c r="H711339" s="12"/>
    </row>
    <row r="711340" spans="8:8">
      <c r="H711340" s="12"/>
    </row>
    <row r="711341" spans="8:8">
      <c r="H711341" s="12"/>
    </row>
    <row r="711342" spans="8:8">
      <c r="H711342" s="12"/>
    </row>
    <row r="711343" spans="8:8">
      <c r="H711343" s="12"/>
    </row>
    <row r="711344" spans="8:8">
      <c r="H711344" s="12"/>
    </row>
    <row r="711345" spans="8:8">
      <c r="H711345" s="12"/>
    </row>
    <row r="711346" spans="8:8">
      <c r="H711346" s="12"/>
    </row>
    <row r="711347" spans="8:8">
      <c r="H711347" s="12"/>
    </row>
    <row r="711348" spans="8:8">
      <c r="H711348" s="12"/>
    </row>
    <row r="711349" spans="8:8">
      <c r="H711349" s="12"/>
    </row>
    <row r="711350" spans="8:8">
      <c r="H711350" s="12"/>
    </row>
    <row r="711351" spans="8:8">
      <c r="H711351" s="12"/>
    </row>
    <row r="711352" spans="8:8">
      <c r="H711352" s="12"/>
    </row>
    <row r="711353" spans="8:8">
      <c r="H711353" s="12"/>
    </row>
    <row r="711354" spans="8:8">
      <c r="H711354" s="12"/>
    </row>
    <row r="711355" spans="8:8">
      <c r="H711355" s="12"/>
    </row>
    <row r="711356" spans="8:8">
      <c r="H711356" s="12"/>
    </row>
    <row r="711357" spans="8:8">
      <c r="H711357" s="12"/>
    </row>
    <row r="711358" spans="8:8">
      <c r="H711358" s="12"/>
    </row>
    <row r="711359" spans="8:8">
      <c r="H711359" s="12"/>
    </row>
    <row r="711360" spans="8:8">
      <c r="H711360" s="12"/>
    </row>
    <row r="711361" spans="8:8">
      <c r="H711361" s="12"/>
    </row>
    <row r="711362" spans="8:8">
      <c r="H711362" s="12"/>
    </row>
    <row r="711363" spans="8:8">
      <c r="H711363" s="12"/>
    </row>
    <row r="711364" spans="8:8">
      <c r="H711364" s="12"/>
    </row>
    <row r="711365" spans="8:8">
      <c r="H711365" s="12"/>
    </row>
    <row r="711366" spans="8:8">
      <c r="H711366" s="12"/>
    </row>
    <row r="711367" spans="8:8">
      <c r="H711367" s="12"/>
    </row>
    <row r="711368" spans="8:8">
      <c r="H711368" s="12"/>
    </row>
    <row r="711369" spans="8:8">
      <c r="H711369" s="12"/>
    </row>
    <row r="711370" spans="8:8">
      <c r="H711370" s="12"/>
    </row>
    <row r="711371" spans="8:8">
      <c r="H711371" s="12"/>
    </row>
    <row r="711372" spans="8:8">
      <c r="H711372" s="12"/>
    </row>
    <row r="711373" spans="8:8">
      <c r="H711373" s="12"/>
    </row>
    <row r="711374" spans="8:8">
      <c r="H711374" s="12"/>
    </row>
    <row r="711375" spans="8:8">
      <c r="H711375" s="12"/>
    </row>
    <row r="711376" spans="8:8">
      <c r="H711376" s="12"/>
    </row>
    <row r="711377" spans="8:8">
      <c r="H711377" s="12"/>
    </row>
    <row r="711378" spans="8:8">
      <c r="H711378" s="12"/>
    </row>
    <row r="711379" spans="8:8">
      <c r="H711379" s="12"/>
    </row>
    <row r="711380" spans="8:8">
      <c r="H711380" s="12"/>
    </row>
    <row r="711381" spans="8:8">
      <c r="H711381" s="12"/>
    </row>
    <row r="711382" spans="8:8">
      <c r="H711382" s="12"/>
    </row>
    <row r="711383" spans="8:8">
      <c r="H711383" s="12"/>
    </row>
    <row r="711384" spans="8:8">
      <c r="H711384" s="12"/>
    </row>
    <row r="711385" spans="8:8">
      <c r="H711385" s="12"/>
    </row>
    <row r="711386" spans="8:8">
      <c r="H711386" s="12"/>
    </row>
    <row r="711387" spans="8:8">
      <c r="H711387" s="12"/>
    </row>
    <row r="711388" spans="8:8">
      <c r="H711388" s="12"/>
    </row>
    <row r="711389" spans="8:8">
      <c r="H711389" s="12"/>
    </row>
    <row r="711390" spans="8:8">
      <c r="H711390" s="12"/>
    </row>
    <row r="711391" spans="8:8">
      <c r="H711391" s="12"/>
    </row>
    <row r="711392" spans="8:8">
      <c r="H711392" s="12"/>
    </row>
    <row r="711393" spans="8:8">
      <c r="H711393" s="12"/>
    </row>
    <row r="711394" spans="8:8">
      <c r="H711394" s="12"/>
    </row>
    <row r="711395" spans="8:8">
      <c r="H711395" s="12"/>
    </row>
    <row r="711396" spans="8:8">
      <c r="H711396" s="12"/>
    </row>
    <row r="711397" spans="8:8">
      <c r="H711397" s="12"/>
    </row>
    <row r="711398" spans="8:8">
      <c r="H711398" s="12"/>
    </row>
    <row r="711399" spans="8:8">
      <c r="H711399" s="12"/>
    </row>
    <row r="711400" spans="8:8">
      <c r="H711400" s="12"/>
    </row>
    <row r="711401" spans="8:8">
      <c r="H711401" s="12"/>
    </row>
    <row r="711402" spans="8:8">
      <c r="H711402" s="12"/>
    </row>
    <row r="711403" spans="8:8">
      <c r="H711403" s="12"/>
    </row>
    <row r="711404" spans="8:8">
      <c r="H711404" s="12"/>
    </row>
    <row r="711405" spans="8:8">
      <c r="H711405" s="12"/>
    </row>
    <row r="711406" spans="8:8">
      <c r="H711406" s="12"/>
    </row>
    <row r="711407" spans="8:8">
      <c r="H711407" s="12"/>
    </row>
    <row r="711408" spans="8:8">
      <c r="H711408" s="12"/>
    </row>
    <row r="711409" spans="8:8">
      <c r="H711409" s="12"/>
    </row>
    <row r="711410" spans="8:8">
      <c r="H711410" s="12"/>
    </row>
    <row r="711411" spans="8:8">
      <c r="H711411" s="12"/>
    </row>
    <row r="711412" spans="8:8">
      <c r="H711412" s="12"/>
    </row>
    <row r="711413" spans="8:8">
      <c r="H711413" s="12"/>
    </row>
    <row r="711414" spans="8:8">
      <c r="H711414" s="12"/>
    </row>
    <row r="711415" spans="8:8">
      <c r="H711415" s="12"/>
    </row>
    <row r="711416" spans="8:8">
      <c r="H711416" s="12"/>
    </row>
    <row r="711417" spans="8:8">
      <c r="H711417" s="12"/>
    </row>
    <row r="711418" spans="8:8">
      <c r="H711418" s="12"/>
    </row>
    <row r="711419" spans="8:8">
      <c r="H711419" s="12"/>
    </row>
    <row r="711420" spans="8:8">
      <c r="H711420" s="12"/>
    </row>
    <row r="711421" spans="8:8">
      <c r="H711421" s="12"/>
    </row>
    <row r="711422" spans="8:8">
      <c r="H711422" s="12"/>
    </row>
    <row r="711423" spans="8:8">
      <c r="H711423" s="12"/>
    </row>
    <row r="711424" spans="8:8">
      <c r="H711424" s="12"/>
    </row>
    <row r="711425" spans="8:8">
      <c r="H711425" s="12"/>
    </row>
    <row r="711426" spans="8:8">
      <c r="H711426" s="12"/>
    </row>
    <row r="711427" spans="8:8">
      <c r="H711427" s="12"/>
    </row>
    <row r="711428" spans="8:8">
      <c r="H711428" s="12"/>
    </row>
    <row r="711429" spans="8:8">
      <c r="H711429" s="12"/>
    </row>
    <row r="711430" spans="8:8">
      <c r="H711430" s="12"/>
    </row>
    <row r="711431" spans="8:8">
      <c r="H711431" s="12"/>
    </row>
    <row r="711432" spans="8:8">
      <c r="H711432" s="12"/>
    </row>
    <row r="711433" spans="8:8">
      <c r="H711433" s="12"/>
    </row>
    <row r="711434" spans="8:8">
      <c r="H711434" s="12"/>
    </row>
    <row r="711435" spans="8:8">
      <c r="H711435" s="12"/>
    </row>
    <row r="711436" spans="8:8">
      <c r="H711436" s="12"/>
    </row>
    <row r="711437" spans="8:8">
      <c r="H711437" s="12"/>
    </row>
    <row r="711438" spans="8:8">
      <c r="H711438" s="12"/>
    </row>
    <row r="711439" spans="8:8">
      <c r="H711439" s="12"/>
    </row>
    <row r="711440" spans="8:8">
      <c r="H711440" s="12"/>
    </row>
    <row r="711441" spans="8:8">
      <c r="H711441" s="12"/>
    </row>
    <row r="711442" spans="8:8">
      <c r="H711442" s="12"/>
    </row>
    <row r="711443" spans="8:8">
      <c r="H711443" s="12"/>
    </row>
    <row r="711444" spans="8:8">
      <c r="H711444" s="12"/>
    </row>
    <row r="711445" spans="8:8">
      <c r="H711445" s="12"/>
    </row>
    <row r="711446" spans="8:8">
      <c r="H711446" s="12"/>
    </row>
    <row r="711447" spans="8:8">
      <c r="H711447" s="12"/>
    </row>
    <row r="711448" spans="8:8">
      <c r="H711448" s="12"/>
    </row>
    <row r="711449" spans="8:8">
      <c r="H711449" s="12"/>
    </row>
    <row r="711450" spans="8:8">
      <c r="H711450" s="12"/>
    </row>
    <row r="711451" spans="8:8">
      <c r="H711451" s="12"/>
    </row>
    <row r="711452" spans="8:8">
      <c r="H711452" s="12"/>
    </row>
    <row r="711453" spans="8:8">
      <c r="H711453" s="12"/>
    </row>
    <row r="711454" spans="8:8">
      <c r="H711454" s="12"/>
    </row>
    <row r="711455" spans="8:8">
      <c r="H711455" s="12"/>
    </row>
    <row r="711456" spans="8:8">
      <c r="H711456" s="12"/>
    </row>
    <row r="711457" spans="8:8">
      <c r="H711457" s="12"/>
    </row>
    <row r="711458" spans="8:8">
      <c r="H711458" s="12"/>
    </row>
    <row r="711459" spans="8:8">
      <c r="H711459" s="12"/>
    </row>
    <row r="711460" spans="8:8">
      <c r="H711460" s="12"/>
    </row>
    <row r="711461" spans="8:8">
      <c r="H711461" s="12"/>
    </row>
    <row r="711462" spans="8:8">
      <c r="H711462" s="12"/>
    </row>
    <row r="711463" spans="8:8">
      <c r="H711463" s="12"/>
    </row>
    <row r="711464" spans="8:8">
      <c r="H711464" s="12"/>
    </row>
    <row r="711465" spans="8:8">
      <c r="H711465" s="12"/>
    </row>
    <row r="711466" spans="8:8">
      <c r="H711466" s="12"/>
    </row>
    <row r="711467" spans="8:8">
      <c r="H711467" s="12"/>
    </row>
    <row r="711468" spans="8:8">
      <c r="H711468" s="12"/>
    </row>
    <row r="711469" spans="8:8">
      <c r="H711469" s="12"/>
    </row>
    <row r="711470" spans="8:8">
      <c r="H711470" s="12"/>
    </row>
    <row r="711471" spans="8:8">
      <c r="H711471" s="12"/>
    </row>
    <row r="711472" spans="8:8">
      <c r="H711472" s="12"/>
    </row>
    <row r="711473" spans="8:8">
      <c r="H711473" s="12"/>
    </row>
    <row r="711474" spans="8:8">
      <c r="H711474" s="12"/>
    </row>
    <row r="711475" spans="8:8">
      <c r="H711475" s="12"/>
    </row>
    <row r="711476" spans="8:8">
      <c r="H711476" s="12"/>
    </row>
    <row r="711477" spans="8:8">
      <c r="H711477" s="12"/>
    </row>
    <row r="711478" spans="8:8">
      <c r="H711478" s="12"/>
    </row>
    <row r="711479" spans="8:8">
      <c r="H711479" s="12"/>
    </row>
    <row r="711480" spans="8:8">
      <c r="H711480" s="12"/>
    </row>
    <row r="711481" spans="8:8">
      <c r="H711481" s="12"/>
    </row>
    <row r="711482" spans="8:8">
      <c r="H711482" s="12"/>
    </row>
    <row r="711483" spans="8:8">
      <c r="H711483" s="12"/>
    </row>
    <row r="711484" spans="8:8">
      <c r="H711484" s="12"/>
    </row>
    <row r="711485" spans="8:8">
      <c r="H711485" s="12"/>
    </row>
    <row r="711486" spans="8:8">
      <c r="H711486" s="12"/>
    </row>
    <row r="711487" spans="8:8">
      <c r="H711487" s="12"/>
    </row>
    <row r="711488" spans="8:8">
      <c r="H711488" s="12"/>
    </row>
    <row r="711489" spans="8:8">
      <c r="H711489" s="12"/>
    </row>
    <row r="711490" spans="8:8">
      <c r="H711490" s="12"/>
    </row>
    <row r="711491" spans="8:8">
      <c r="H711491" s="12"/>
    </row>
    <row r="711492" spans="8:8">
      <c r="H711492" s="12"/>
    </row>
    <row r="711493" spans="8:8">
      <c r="H711493" s="12"/>
    </row>
    <row r="711494" spans="8:8">
      <c r="H711494" s="12"/>
    </row>
    <row r="711495" spans="8:8">
      <c r="H711495" s="12"/>
    </row>
    <row r="711496" spans="8:8">
      <c r="H711496" s="12"/>
    </row>
    <row r="711497" spans="8:8">
      <c r="H711497" s="12"/>
    </row>
    <row r="711498" spans="8:8">
      <c r="H711498" s="12"/>
    </row>
    <row r="711499" spans="8:8">
      <c r="H711499" s="12"/>
    </row>
    <row r="711500" spans="8:8">
      <c r="H711500" s="12"/>
    </row>
    <row r="711501" spans="8:8">
      <c r="H711501" s="12"/>
    </row>
    <row r="711502" spans="8:8">
      <c r="H711502" s="12"/>
    </row>
    <row r="711503" spans="8:8">
      <c r="H711503" s="12"/>
    </row>
    <row r="711504" spans="8:8">
      <c r="H711504" s="12"/>
    </row>
    <row r="711505" spans="8:8">
      <c r="H711505" s="12"/>
    </row>
    <row r="711506" spans="8:8">
      <c r="H711506" s="12"/>
    </row>
    <row r="711507" spans="8:8">
      <c r="H711507" s="12"/>
    </row>
    <row r="711508" spans="8:8">
      <c r="H711508" s="12"/>
    </row>
    <row r="711509" spans="8:8">
      <c r="H711509" s="12"/>
    </row>
    <row r="711510" spans="8:8">
      <c r="H711510" s="12"/>
    </row>
    <row r="711511" spans="8:8">
      <c r="H711511" s="12"/>
    </row>
    <row r="711512" spans="8:8">
      <c r="H711512" s="12"/>
    </row>
    <row r="711513" spans="8:8">
      <c r="H711513" s="12"/>
    </row>
    <row r="711514" spans="8:8">
      <c r="H711514" s="12"/>
    </row>
    <row r="711515" spans="8:8">
      <c r="H711515" s="12"/>
    </row>
    <row r="711516" spans="8:8">
      <c r="H711516" s="12"/>
    </row>
    <row r="711517" spans="8:8">
      <c r="H711517" s="12"/>
    </row>
    <row r="711518" spans="8:8">
      <c r="H711518" s="12"/>
    </row>
    <row r="711519" spans="8:8">
      <c r="H711519" s="12"/>
    </row>
    <row r="711520" spans="8:8">
      <c r="H711520" s="12"/>
    </row>
    <row r="711521" spans="8:8">
      <c r="H711521" s="12"/>
    </row>
    <row r="711522" spans="8:8">
      <c r="H711522" s="12"/>
    </row>
    <row r="711523" spans="8:8">
      <c r="H711523" s="12"/>
    </row>
    <row r="711524" spans="8:8">
      <c r="H711524" s="12"/>
    </row>
    <row r="711525" spans="8:8">
      <c r="H711525" s="12"/>
    </row>
    <row r="711526" spans="8:8">
      <c r="H711526" s="12"/>
    </row>
    <row r="711527" spans="8:8">
      <c r="H711527" s="12"/>
    </row>
    <row r="711528" spans="8:8">
      <c r="H711528" s="12"/>
    </row>
    <row r="711529" spans="8:8">
      <c r="H711529" s="12"/>
    </row>
    <row r="711530" spans="8:8">
      <c r="H711530" s="12"/>
    </row>
    <row r="711531" spans="8:8">
      <c r="H711531" s="12"/>
    </row>
    <row r="711532" spans="8:8">
      <c r="H711532" s="12"/>
    </row>
    <row r="711533" spans="8:8">
      <c r="H711533" s="12"/>
    </row>
    <row r="711534" spans="8:8">
      <c r="H711534" s="12"/>
    </row>
    <row r="711535" spans="8:8">
      <c r="H711535" s="12"/>
    </row>
    <row r="711536" spans="8:8">
      <c r="H711536" s="12"/>
    </row>
    <row r="711537" spans="8:8">
      <c r="H711537" s="12"/>
    </row>
    <row r="711538" spans="8:8">
      <c r="H711538" s="12"/>
    </row>
    <row r="711539" spans="8:8">
      <c r="H711539" s="12"/>
    </row>
    <row r="711540" spans="8:8">
      <c r="H711540" s="12"/>
    </row>
    <row r="711541" spans="8:8">
      <c r="H711541" s="12"/>
    </row>
    <row r="711542" spans="8:8">
      <c r="H711542" s="12"/>
    </row>
    <row r="711543" spans="8:8">
      <c r="H711543" s="12"/>
    </row>
    <row r="711544" spans="8:8">
      <c r="H711544" s="12"/>
    </row>
    <row r="711545" spans="8:8">
      <c r="H711545" s="12"/>
    </row>
    <row r="711546" spans="8:8">
      <c r="H711546" s="12"/>
    </row>
    <row r="711547" spans="8:8">
      <c r="H711547" s="12"/>
    </row>
    <row r="711548" spans="8:8">
      <c r="H711548" s="12"/>
    </row>
    <row r="711549" spans="8:8">
      <c r="H711549" s="12"/>
    </row>
    <row r="711550" spans="8:8">
      <c r="H711550" s="12"/>
    </row>
    <row r="711551" spans="8:8">
      <c r="H711551" s="12"/>
    </row>
    <row r="711552" spans="8:8">
      <c r="H711552" s="12"/>
    </row>
    <row r="711553" spans="8:8">
      <c r="H711553" s="12"/>
    </row>
    <row r="711554" spans="8:8">
      <c r="H711554" s="12"/>
    </row>
    <row r="711555" spans="8:8">
      <c r="H711555" s="12"/>
    </row>
    <row r="711556" spans="8:8">
      <c r="H711556" s="12"/>
    </row>
    <row r="711557" spans="8:8">
      <c r="H711557" s="12"/>
    </row>
    <row r="711558" spans="8:8">
      <c r="H711558" s="12"/>
    </row>
    <row r="711559" spans="8:8">
      <c r="H711559" s="12"/>
    </row>
    <row r="711560" spans="8:8">
      <c r="H711560" s="12"/>
    </row>
    <row r="711561" spans="8:8">
      <c r="H711561" s="12"/>
    </row>
    <row r="711562" spans="8:8">
      <c r="H711562" s="12"/>
    </row>
    <row r="711563" spans="8:8">
      <c r="H711563" s="12"/>
    </row>
    <row r="711564" spans="8:8">
      <c r="H711564" s="12"/>
    </row>
    <row r="711565" spans="8:8">
      <c r="H711565" s="12"/>
    </row>
    <row r="711566" spans="8:8">
      <c r="H711566" s="12"/>
    </row>
    <row r="711567" spans="8:8">
      <c r="H711567" s="12"/>
    </row>
    <row r="711568" spans="8:8">
      <c r="H711568" s="12"/>
    </row>
    <row r="711569" spans="8:8">
      <c r="H711569" s="12"/>
    </row>
    <row r="711570" spans="8:8">
      <c r="H711570" s="12"/>
    </row>
    <row r="711571" spans="8:8">
      <c r="H711571" s="12"/>
    </row>
    <row r="711572" spans="8:8">
      <c r="H711572" s="12"/>
    </row>
    <row r="711573" spans="8:8">
      <c r="H711573" s="12"/>
    </row>
    <row r="711574" spans="8:8">
      <c r="H711574" s="12"/>
    </row>
    <row r="711575" spans="8:8">
      <c r="H711575" s="12"/>
    </row>
    <row r="711576" spans="8:8">
      <c r="H711576" s="12"/>
    </row>
    <row r="711577" spans="8:8">
      <c r="H711577" s="12"/>
    </row>
    <row r="711578" spans="8:8">
      <c r="H711578" s="12"/>
    </row>
    <row r="711579" spans="8:8">
      <c r="H711579" s="12"/>
    </row>
    <row r="711580" spans="8:8">
      <c r="H711580" s="12"/>
    </row>
    <row r="711581" spans="8:8">
      <c r="H711581" s="12"/>
    </row>
    <row r="711582" spans="8:8">
      <c r="H711582" s="12"/>
    </row>
    <row r="711583" spans="8:8">
      <c r="H711583" s="12"/>
    </row>
    <row r="711584" spans="8:8">
      <c r="H711584" s="12"/>
    </row>
    <row r="711585" spans="8:8">
      <c r="H711585" s="12"/>
    </row>
    <row r="711586" spans="8:8">
      <c r="H711586" s="12"/>
    </row>
    <row r="711587" spans="8:8">
      <c r="H711587" s="12"/>
    </row>
    <row r="711588" spans="8:8">
      <c r="H711588" s="12"/>
    </row>
    <row r="711589" spans="8:8">
      <c r="H711589" s="12"/>
    </row>
    <row r="711590" spans="8:8">
      <c r="H711590" s="12"/>
    </row>
    <row r="711591" spans="8:8">
      <c r="H711591" s="12"/>
    </row>
    <row r="711592" spans="8:8">
      <c r="H711592" s="12"/>
    </row>
    <row r="711593" spans="8:8">
      <c r="H711593" s="12"/>
    </row>
    <row r="711594" spans="8:8">
      <c r="H711594" s="12"/>
    </row>
    <row r="711595" spans="8:8">
      <c r="H711595" s="12"/>
    </row>
    <row r="711596" spans="8:8">
      <c r="H711596" s="12"/>
    </row>
    <row r="711597" spans="8:8">
      <c r="H711597" s="12"/>
    </row>
    <row r="711598" spans="8:8">
      <c r="H711598" s="12"/>
    </row>
    <row r="711599" spans="8:8">
      <c r="H711599" s="12"/>
    </row>
    <row r="711600" spans="8:8">
      <c r="H711600" s="12"/>
    </row>
    <row r="711601" spans="8:8">
      <c r="H711601" s="12"/>
    </row>
    <row r="711602" spans="8:8">
      <c r="H711602" s="12"/>
    </row>
    <row r="711603" spans="8:8">
      <c r="H711603" s="12"/>
    </row>
    <row r="711604" spans="8:8">
      <c r="H711604" s="12"/>
    </row>
    <row r="711605" spans="8:8">
      <c r="H711605" s="12"/>
    </row>
    <row r="711606" spans="8:8">
      <c r="H711606" s="12"/>
    </row>
    <row r="711607" spans="8:8">
      <c r="H711607" s="12"/>
    </row>
    <row r="711608" spans="8:8">
      <c r="H711608" s="12"/>
    </row>
    <row r="711609" spans="8:8">
      <c r="H711609" s="12"/>
    </row>
    <row r="711610" spans="8:8">
      <c r="H711610" s="12"/>
    </row>
    <row r="711611" spans="8:8">
      <c r="H711611" s="12"/>
    </row>
    <row r="711612" spans="8:8">
      <c r="H711612" s="12"/>
    </row>
    <row r="711613" spans="8:8">
      <c r="H711613" s="12"/>
    </row>
    <row r="711614" spans="8:8">
      <c r="H711614" s="12"/>
    </row>
    <row r="711615" spans="8:8">
      <c r="H711615" s="12"/>
    </row>
    <row r="711616" spans="8:8">
      <c r="H711616" s="12"/>
    </row>
    <row r="711617" spans="8:8">
      <c r="H711617" s="12"/>
    </row>
    <row r="711618" spans="8:8">
      <c r="H711618" s="12"/>
    </row>
    <row r="711619" spans="8:8">
      <c r="H711619" s="12"/>
    </row>
    <row r="711620" spans="8:8">
      <c r="H711620" s="12"/>
    </row>
    <row r="711621" spans="8:8">
      <c r="H711621" s="12"/>
    </row>
    <row r="711622" spans="8:8">
      <c r="H711622" s="12"/>
    </row>
    <row r="711623" spans="8:8">
      <c r="H711623" s="12"/>
    </row>
    <row r="711624" spans="8:8">
      <c r="H711624" s="12"/>
    </row>
    <row r="711625" spans="8:8">
      <c r="H711625" s="12"/>
    </row>
    <row r="711626" spans="8:8">
      <c r="H711626" s="12"/>
    </row>
    <row r="711627" spans="8:8">
      <c r="H711627" s="12"/>
    </row>
    <row r="711628" spans="8:8">
      <c r="H711628" s="12"/>
    </row>
    <row r="711629" spans="8:8">
      <c r="H711629" s="12"/>
    </row>
    <row r="711630" spans="8:8">
      <c r="H711630" s="12"/>
    </row>
    <row r="711631" spans="8:8">
      <c r="H711631" s="12"/>
    </row>
    <row r="711632" spans="8:8">
      <c r="H711632" s="12"/>
    </row>
    <row r="711633" spans="8:8">
      <c r="H711633" s="12"/>
    </row>
    <row r="711634" spans="8:8">
      <c r="H711634" s="12"/>
    </row>
    <row r="711635" spans="8:8">
      <c r="H711635" s="12"/>
    </row>
    <row r="711636" spans="8:8">
      <c r="H711636" s="12"/>
    </row>
    <row r="711637" spans="8:8">
      <c r="H711637" s="12"/>
    </row>
    <row r="711638" spans="8:8">
      <c r="H711638" s="12"/>
    </row>
    <row r="711639" spans="8:8">
      <c r="H711639" s="12"/>
    </row>
    <row r="711640" spans="8:8">
      <c r="H711640" s="12"/>
    </row>
    <row r="711641" spans="8:8">
      <c r="H711641" s="12"/>
    </row>
    <row r="711642" spans="8:8">
      <c r="H711642" s="12"/>
    </row>
    <row r="711643" spans="8:8">
      <c r="H711643" s="12"/>
    </row>
    <row r="711644" spans="8:8">
      <c r="H711644" s="12"/>
    </row>
    <row r="711645" spans="8:8">
      <c r="H711645" s="12"/>
    </row>
    <row r="711646" spans="8:8">
      <c r="H711646" s="12"/>
    </row>
    <row r="711647" spans="8:8">
      <c r="H711647" s="12"/>
    </row>
    <row r="711648" spans="8:8">
      <c r="H711648" s="12"/>
    </row>
    <row r="711649" spans="8:8">
      <c r="H711649" s="12"/>
    </row>
    <row r="711650" spans="8:8">
      <c r="H711650" s="12"/>
    </row>
    <row r="711651" spans="8:8">
      <c r="H711651" s="12"/>
    </row>
    <row r="711652" spans="8:8">
      <c r="H711652" s="12"/>
    </row>
    <row r="711653" spans="8:8">
      <c r="H711653" s="12"/>
    </row>
    <row r="711654" spans="8:8">
      <c r="H711654" s="12"/>
    </row>
    <row r="711655" spans="8:8">
      <c r="H711655" s="12"/>
    </row>
    <row r="711656" spans="8:8">
      <c r="H711656" s="12"/>
    </row>
    <row r="711657" spans="8:8">
      <c r="H711657" s="12"/>
    </row>
    <row r="711658" spans="8:8">
      <c r="H711658" s="12"/>
    </row>
    <row r="711659" spans="8:8">
      <c r="H711659" s="12"/>
    </row>
    <row r="711660" spans="8:8">
      <c r="H711660" s="12"/>
    </row>
    <row r="711661" spans="8:8">
      <c r="H711661" s="12"/>
    </row>
    <row r="711662" spans="8:8">
      <c r="H711662" s="12"/>
    </row>
    <row r="711663" spans="8:8">
      <c r="H711663" s="12"/>
    </row>
    <row r="711664" spans="8:8">
      <c r="H711664" s="12"/>
    </row>
    <row r="711665" spans="8:8">
      <c r="H711665" s="12"/>
    </row>
    <row r="711666" spans="8:8">
      <c r="H711666" s="12"/>
    </row>
    <row r="711667" spans="8:8">
      <c r="H711667" s="12"/>
    </row>
    <row r="711668" spans="8:8">
      <c r="H711668" s="12"/>
    </row>
    <row r="711669" spans="8:8">
      <c r="H711669" s="12"/>
    </row>
    <row r="711670" spans="8:8">
      <c r="H711670" s="12"/>
    </row>
    <row r="711671" spans="8:8">
      <c r="H711671" s="12"/>
    </row>
    <row r="711672" spans="8:8">
      <c r="H711672" s="12"/>
    </row>
    <row r="711673" spans="8:8">
      <c r="H711673" s="12"/>
    </row>
    <row r="711674" spans="8:8">
      <c r="H711674" s="12"/>
    </row>
    <row r="711675" spans="8:8">
      <c r="H711675" s="12"/>
    </row>
    <row r="711676" spans="8:8">
      <c r="H711676" s="12"/>
    </row>
    <row r="711677" spans="8:8">
      <c r="H711677" s="12"/>
    </row>
    <row r="711678" spans="8:8">
      <c r="H711678" s="12"/>
    </row>
    <row r="711679" spans="8:8">
      <c r="H711679" s="12"/>
    </row>
    <row r="711680" spans="8:8">
      <c r="H711680" s="12"/>
    </row>
    <row r="711681" spans="8:8">
      <c r="H711681" s="12"/>
    </row>
    <row r="711682" spans="8:8">
      <c r="H711682" s="12"/>
    </row>
    <row r="711683" spans="8:8">
      <c r="H711683" s="12"/>
    </row>
    <row r="711684" spans="8:8">
      <c r="H711684" s="12"/>
    </row>
    <row r="711685" spans="8:8">
      <c r="H711685" s="12"/>
    </row>
    <row r="711686" spans="8:8">
      <c r="H711686" s="12"/>
    </row>
    <row r="711687" spans="8:8">
      <c r="H711687" s="12"/>
    </row>
    <row r="711688" spans="8:8">
      <c r="H711688" s="12"/>
    </row>
    <row r="711689" spans="8:8">
      <c r="H711689" s="12"/>
    </row>
    <row r="711690" spans="8:8">
      <c r="H711690" s="12"/>
    </row>
    <row r="711691" spans="8:8">
      <c r="H711691" s="12"/>
    </row>
    <row r="711692" spans="8:8">
      <c r="H711692" s="12"/>
    </row>
    <row r="711693" spans="8:8">
      <c r="H711693" s="12"/>
    </row>
    <row r="711694" spans="8:8">
      <c r="H711694" s="12"/>
    </row>
    <row r="711695" spans="8:8">
      <c r="H711695" s="12"/>
    </row>
    <row r="711696" spans="8:8">
      <c r="H711696" s="12"/>
    </row>
    <row r="711697" spans="8:8">
      <c r="H711697" s="12"/>
    </row>
    <row r="711698" spans="8:8">
      <c r="H711698" s="12"/>
    </row>
    <row r="711699" spans="8:8">
      <c r="H711699" s="12"/>
    </row>
    <row r="711700" spans="8:8">
      <c r="H711700" s="12"/>
    </row>
    <row r="711701" spans="8:8">
      <c r="H711701" s="12"/>
    </row>
    <row r="711702" spans="8:8">
      <c r="H711702" s="12"/>
    </row>
    <row r="711703" spans="8:8">
      <c r="H711703" s="12"/>
    </row>
    <row r="711704" spans="8:8">
      <c r="H711704" s="12"/>
    </row>
    <row r="711705" spans="8:8">
      <c r="H711705" s="12"/>
    </row>
    <row r="711706" spans="8:8">
      <c r="H711706" s="12"/>
    </row>
    <row r="711707" spans="8:8">
      <c r="H711707" s="12"/>
    </row>
    <row r="711708" spans="8:8">
      <c r="H711708" s="12"/>
    </row>
    <row r="711709" spans="8:8">
      <c r="H711709" s="12"/>
    </row>
    <row r="711710" spans="8:8">
      <c r="H711710" s="12"/>
    </row>
    <row r="711711" spans="8:8">
      <c r="H711711" s="12"/>
    </row>
    <row r="711712" spans="8:8">
      <c r="H711712" s="12"/>
    </row>
    <row r="711713" spans="8:8">
      <c r="H711713" s="12"/>
    </row>
    <row r="711714" spans="8:8">
      <c r="H711714" s="12"/>
    </row>
    <row r="711715" spans="8:8">
      <c r="H711715" s="12"/>
    </row>
    <row r="711716" spans="8:8">
      <c r="H711716" s="12"/>
    </row>
    <row r="711717" spans="8:8">
      <c r="H711717" s="12"/>
    </row>
    <row r="711718" spans="8:8">
      <c r="H711718" s="12"/>
    </row>
    <row r="711719" spans="8:8">
      <c r="H711719" s="12"/>
    </row>
    <row r="711720" spans="8:8">
      <c r="H711720" s="12"/>
    </row>
    <row r="711721" spans="8:8">
      <c r="H711721" s="12"/>
    </row>
    <row r="711722" spans="8:8">
      <c r="H711722" s="12"/>
    </row>
    <row r="711723" spans="8:8">
      <c r="H711723" s="12"/>
    </row>
    <row r="711724" spans="8:8">
      <c r="H711724" s="12"/>
    </row>
    <row r="711725" spans="8:8">
      <c r="H711725" s="12"/>
    </row>
    <row r="711726" spans="8:8">
      <c r="H711726" s="12"/>
    </row>
    <row r="711727" spans="8:8">
      <c r="H711727" s="12"/>
    </row>
    <row r="711728" spans="8:8">
      <c r="H711728" s="12"/>
    </row>
    <row r="711729" spans="8:8">
      <c r="H711729" s="12"/>
    </row>
    <row r="711730" spans="8:8">
      <c r="H711730" s="12"/>
    </row>
    <row r="711731" spans="8:8">
      <c r="H711731" s="12"/>
    </row>
    <row r="711732" spans="8:8">
      <c r="H711732" s="12"/>
    </row>
    <row r="711733" spans="8:8">
      <c r="H711733" s="12"/>
    </row>
    <row r="711734" spans="8:8">
      <c r="H711734" s="12"/>
    </row>
    <row r="711735" spans="8:8">
      <c r="H711735" s="12"/>
    </row>
    <row r="711736" spans="8:8">
      <c r="H711736" s="12"/>
    </row>
    <row r="711737" spans="8:8">
      <c r="H711737" s="12"/>
    </row>
    <row r="711738" spans="8:8">
      <c r="H711738" s="12"/>
    </row>
    <row r="711739" spans="8:8">
      <c r="H711739" s="12"/>
    </row>
    <row r="711740" spans="8:8">
      <c r="H711740" s="12"/>
    </row>
    <row r="711741" spans="8:8">
      <c r="H711741" s="12"/>
    </row>
    <row r="711742" spans="8:8">
      <c r="H711742" s="12"/>
    </row>
    <row r="711743" spans="8:8">
      <c r="H711743" s="12"/>
    </row>
    <row r="711744" spans="8:8">
      <c r="H711744" s="12"/>
    </row>
    <row r="711745" spans="8:8">
      <c r="H711745" s="12"/>
    </row>
    <row r="711746" spans="8:8">
      <c r="H711746" s="12"/>
    </row>
    <row r="711747" spans="8:8">
      <c r="H711747" s="12"/>
    </row>
    <row r="711748" spans="8:8">
      <c r="H711748" s="12"/>
    </row>
    <row r="711749" spans="8:8">
      <c r="H711749" s="12"/>
    </row>
    <row r="711750" spans="8:8">
      <c r="H711750" s="12"/>
    </row>
    <row r="711751" spans="8:8">
      <c r="H711751" s="12"/>
    </row>
    <row r="711752" spans="8:8">
      <c r="H711752" s="12"/>
    </row>
    <row r="711753" spans="8:8">
      <c r="H711753" s="12"/>
    </row>
    <row r="711754" spans="8:8">
      <c r="H711754" s="12"/>
    </row>
    <row r="711755" spans="8:8">
      <c r="H711755" s="12"/>
    </row>
    <row r="711756" spans="8:8">
      <c r="H711756" s="12"/>
    </row>
    <row r="711757" spans="8:8">
      <c r="H711757" s="12"/>
    </row>
    <row r="711758" spans="8:8">
      <c r="H711758" s="12"/>
    </row>
    <row r="711759" spans="8:8">
      <c r="H711759" s="12"/>
    </row>
    <row r="711760" spans="8:8">
      <c r="H711760" s="12"/>
    </row>
    <row r="711761" spans="8:8">
      <c r="H711761" s="12"/>
    </row>
    <row r="711762" spans="8:8">
      <c r="H711762" s="12"/>
    </row>
    <row r="711763" spans="8:8">
      <c r="H711763" s="12"/>
    </row>
    <row r="711764" spans="8:8">
      <c r="H711764" s="12"/>
    </row>
    <row r="711765" spans="8:8">
      <c r="H711765" s="12"/>
    </row>
    <row r="711766" spans="8:8">
      <c r="H711766" s="12"/>
    </row>
    <row r="711767" spans="8:8">
      <c r="H711767" s="12"/>
    </row>
    <row r="711768" spans="8:8">
      <c r="H711768" s="12"/>
    </row>
    <row r="711769" spans="8:8">
      <c r="H711769" s="12"/>
    </row>
    <row r="711770" spans="8:8">
      <c r="H711770" s="12"/>
    </row>
    <row r="711771" spans="8:8">
      <c r="H711771" s="12"/>
    </row>
    <row r="711772" spans="8:8">
      <c r="H711772" s="12"/>
    </row>
    <row r="711773" spans="8:8">
      <c r="H711773" s="12"/>
    </row>
    <row r="711774" spans="8:8">
      <c r="H711774" s="12"/>
    </row>
    <row r="711775" spans="8:8">
      <c r="H711775" s="12"/>
    </row>
    <row r="711776" spans="8:8">
      <c r="H711776" s="12"/>
    </row>
    <row r="711777" spans="8:8">
      <c r="H711777" s="12"/>
    </row>
    <row r="711778" spans="8:8">
      <c r="H711778" s="12"/>
    </row>
    <row r="711779" spans="8:8">
      <c r="H711779" s="12"/>
    </row>
    <row r="711780" spans="8:8">
      <c r="H711780" s="12"/>
    </row>
    <row r="711781" spans="8:8">
      <c r="H711781" s="12"/>
    </row>
    <row r="711782" spans="8:8">
      <c r="H711782" s="12"/>
    </row>
    <row r="711783" spans="8:8">
      <c r="H711783" s="12"/>
    </row>
    <row r="711784" spans="8:8">
      <c r="H711784" s="12"/>
    </row>
    <row r="711785" spans="8:8">
      <c r="H711785" s="12"/>
    </row>
    <row r="711786" spans="8:8">
      <c r="H711786" s="12"/>
    </row>
    <row r="711787" spans="8:8">
      <c r="H711787" s="12"/>
    </row>
    <row r="711788" spans="8:8">
      <c r="H711788" s="12"/>
    </row>
    <row r="711789" spans="8:8">
      <c r="H711789" s="12"/>
    </row>
    <row r="711790" spans="8:8">
      <c r="H711790" s="12"/>
    </row>
    <row r="711791" spans="8:8">
      <c r="H711791" s="12"/>
    </row>
    <row r="711792" spans="8:8">
      <c r="H711792" s="12"/>
    </row>
    <row r="711793" spans="8:8">
      <c r="H711793" s="12"/>
    </row>
    <row r="711794" spans="8:8">
      <c r="H711794" s="12"/>
    </row>
    <row r="711795" spans="8:8">
      <c r="H711795" s="12"/>
    </row>
    <row r="711796" spans="8:8">
      <c r="H711796" s="12"/>
    </row>
    <row r="711797" spans="8:8">
      <c r="H711797" s="12"/>
    </row>
    <row r="711798" spans="8:8">
      <c r="H711798" s="12"/>
    </row>
    <row r="711799" spans="8:8">
      <c r="H711799" s="12"/>
    </row>
    <row r="711800" spans="8:8">
      <c r="H711800" s="12"/>
    </row>
    <row r="711801" spans="8:8">
      <c r="H711801" s="12"/>
    </row>
    <row r="711802" spans="8:8">
      <c r="H711802" s="12"/>
    </row>
    <row r="711803" spans="8:8">
      <c r="H711803" s="12"/>
    </row>
    <row r="711804" spans="8:8">
      <c r="H711804" s="12"/>
    </row>
    <row r="711805" spans="8:8">
      <c r="H711805" s="12"/>
    </row>
    <row r="711806" spans="8:8">
      <c r="H711806" s="12"/>
    </row>
    <row r="711807" spans="8:8">
      <c r="H711807" s="12"/>
    </row>
    <row r="711808" spans="8:8">
      <c r="H711808" s="12"/>
    </row>
    <row r="711809" spans="8:8">
      <c r="H711809" s="12"/>
    </row>
    <row r="711810" spans="8:8">
      <c r="H711810" s="12"/>
    </row>
    <row r="711811" spans="8:8">
      <c r="H711811" s="12"/>
    </row>
    <row r="711812" spans="8:8">
      <c r="H711812" s="12"/>
    </row>
    <row r="711813" spans="8:8">
      <c r="H711813" s="12"/>
    </row>
    <row r="711814" spans="8:8">
      <c r="H711814" s="12"/>
    </row>
    <row r="711815" spans="8:8">
      <c r="H711815" s="12"/>
    </row>
    <row r="711816" spans="8:8">
      <c r="H711816" s="12"/>
    </row>
    <row r="711817" spans="8:8">
      <c r="H711817" s="12"/>
    </row>
    <row r="711818" spans="8:8">
      <c r="H711818" s="12"/>
    </row>
    <row r="711819" spans="8:8">
      <c r="H711819" s="12"/>
    </row>
    <row r="711820" spans="8:8">
      <c r="H711820" s="12"/>
    </row>
    <row r="711821" spans="8:8">
      <c r="H711821" s="12"/>
    </row>
    <row r="711822" spans="8:8">
      <c r="H711822" s="12"/>
    </row>
    <row r="711823" spans="8:8">
      <c r="H711823" s="12"/>
    </row>
    <row r="711824" spans="8:8">
      <c r="H711824" s="12"/>
    </row>
    <row r="711825" spans="8:8">
      <c r="H711825" s="12"/>
    </row>
    <row r="711826" spans="8:8">
      <c r="H711826" s="12"/>
    </row>
    <row r="711827" spans="8:8">
      <c r="H711827" s="12"/>
    </row>
    <row r="711828" spans="8:8">
      <c r="H711828" s="12"/>
    </row>
    <row r="711829" spans="8:8">
      <c r="H711829" s="12"/>
    </row>
    <row r="711830" spans="8:8">
      <c r="H711830" s="12"/>
    </row>
    <row r="711831" spans="8:8">
      <c r="H711831" s="12"/>
    </row>
    <row r="711832" spans="8:8">
      <c r="H711832" s="12"/>
    </row>
    <row r="711833" spans="8:8">
      <c r="H711833" s="12"/>
    </row>
    <row r="711834" spans="8:8">
      <c r="H711834" s="12"/>
    </row>
    <row r="711835" spans="8:8">
      <c r="H711835" s="12"/>
    </row>
    <row r="711836" spans="8:8">
      <c r="H711836" s="12"/>
    </row>
    <row r="711837" spans="8:8">
      <c r="H711837" s="12"/>
    </row>
    <row r="711838" spans="8:8">
      <c r="H711838" s="12"/>
    </row>
    <row r="711839" spans="8:8">
      <c r="H711839" s="12"/>
    </row>
    <row r="711840" spans="8:8">
      <c r="H711840" s="12"/>
    </row>
    <row r="711841" spans="8:8">
      <c r="H711841" s="12"/>
    </row>
    <row r="711842" spans="8:8">
      <c r="H711842" s="12"/>
    </row>
    <row r="711843" spans="8:8">
      <c r="H711843" s="12"/>
    </row>
    <row r="711844" spans="8:8">
      <c r="H711844" s="12"/>
    </row>
    <row r="711845" spans="8:8">
      <c r="H711845" s="12"/>
    </row>
    <row r="711846" spans="8:8">
      <c r="H711846" s="12"/>
    </row>
    <row r="711847" spans="8:8">
      <c r="H711847" s="12"/>
    </row>
    <row r="711848" spans="8:8">
      <c r="H711848" s="12"/>
    </row>
    <row r="711849" spans="8:8">
      <c r="H711849" s="12"/>
    </row>
    <row r="711850" spans="8:8">
      <c r="H711850" s="12"/>
    </row>
    <row r="711851" spans="8:8">
      <c r="H711851" s="12"/>
    </row>
    <row r="711852" spans="8:8">
      <c r="H711852" s="12"/>
    </row>
    <row r="711853" spans="8:8">
      <c r="H711853" s="12"/>
    </row>
    <row r="711854" spans="8:8">
      <c r="H711854" s="12"/>
    </row>
    <row r="711855" spans="8:8">
      <c r="H711855" s="12"/>
    </row>
    <row r="711856" spans="8:8">
      <c r="H711856" s="12"/>
    </row>
    <row r="711857" spans="8:8">
      <c r="H711857" s="12"/>
    </row>
    <row r="711858" spans="8:8">
      <c r="H711858" s="12"/>
    </row>
    <row r="711859" spans="8:8">
      <c r="H711859" s="12"/>
    </row>
    <row r="711860" spans="8:8">
      <c r="H711860" s="12"/>
    </row>
    <row r="711861" spans="8:8">
      <c r="H711861" s="12"/>
    </row>
    <row r="711862" spans="8:8">
      <c r="H711862" s="12"/>
    </row>
    <row r="711863" spans="8:8">
      <c r="H711863" s="12"/>
    </row>
    <row r="711864" spans="8:8">
      <c r="H711864" s="12"/>
    </row>
    <row r="711865" spans="8:8">
      <c r="H711865" s="12"/>
    </row>
    <row r="711866" spans="8:8">
      <c r="H711866" s="12"/>
    </row>
    <row r="711867" spans="8:8">
      <c r="H711867" s="12"/>
    </row>
    <row r="711868" spans="8:8">
      <c r="H711868" s="12"/>
    </row>
    <row r="711869" spans="8:8">
      <c r="H711869" s="12"/>
    </row>
    <row r="711870" spans="8:8">
      <c r="H711870" s="12"/>
    </row>
    <row r="711871" spans="8:8">
      <c r="H711871" s="12"/>
    </row>
    <row r="711872" spans="8:8">
      <c r="H711872" s="12"/>
    </row>
    <row r="711873" spans="8:8">
      <c r="H711873" s="12"/>
    </row>
    <row r="711874" spans="8:8">
      <c r="H711874" s="12"/>
    </row>
    <row r="711875" spans="8:8">
      <c r="H711875" s="12"/>
    </row>
    <row r="711876" spans="8:8">
      <c r="H711876" s="12"/>
    </row>
    <row r="711877" spans="8:8">
      <c r="H711877" s="12"/>
    </row>
    <row r="711878" spans="8:8">
      <c r="H711878" s="12"/>
    </row>
    <row r="711879" spans="8:8">
      <c r="H711879" s="12"/>
    </row>
    <row r="711880" spans="8:8">
      <c r="H711880" s="12"/>
    </row>
    <row r="711881" spans="8:8">
      <c r="H711881" s="12"/>
    </row>
    <row r="711882" spans="8:8">
      <c r="H711882" s="12"/>
    </row>
    <row r="711883" spans="8:8">
      <c r="H711883" s="12"/>
    </row>
    <row r="711884" spans="8:8">
      <c r="H711884" s="12"/>
    </row>
    <row r="711885" spans="8:8">
      <c r="H711885" s="12"/>
    </row>
    <row r="711886" spans="8:8">
      <c r="H711886" s="12"/>
    </row>
    <row r="711887" spans="8:8">
      <c r="H711887" s="12"/>
    </row>
    <row r="711888" spans="8:8">
      <c r="H711888" s="12"/>
    </row>
    <row r="711889" spans="8:8">
      <c r="H711889" s="12"/>
    </row>
    <row r="711890" spans="8:8">
      <c r="H711890" s="12"/>
    </row>
    <row r="711891" spans="8:8">
      <c r="H711891" s="12"/>
    </row>
    <row r="711892" spans="8:8">
      <c r="H711892" s="12"/>
    </row>
    <row r="711893" spans="8:8">
      <c r="H711893" s="12"/>
    </row>
    <row r="711894" spans="8:8">
      <c r="H711894" s="12"/>
    </row>
    <row r="711895" spans="8:8">
      <c r="H711895" s="12"/>
    </row>
    <row r="711896" spans="8:8">
      <c r="H711896" s="12"/>
    </row>
    <row r="711897" spans="8:8">
      <c r="H711897" s="12"/>
    </row>
    <row r="711898" spans="8:8">
      <c r="H711898" s="12"/>
    </row>
    <row r="711899" spans="8:8">
      <c r="H711899" s="12"/>
    </row>
    <row r="711900" spans="8:8">
      <c r="H711900" s="12"/>
    </row>
    <row r="711901" spans="8:8">
      <c r="H711901" s="12"/>
    </row>
    <row r="711902" spans="8:8">
      <c r="H711902" s="12"/>
    </row>
    <row r="711903" spans="8:8">
      <c r="H711903" s="12"/>
    </row>
    <row r="711904" spans="8:8">
      <c r="H711904" s="12"/>
    </row>
    <row r="711905" spans="8:8">
      <c r="H711905" s="12"/>
    </row>
    <row r="711906" spans="8:8">
      <c r="H711906" s="12"/>
    </row>
    <row r="711907" spans="8:8">
      <c r="H711907" s="12"/>
    </row>
    <row r="711908" spans="8:8">
      <c r="H711908" s="12"/>
    </row>
    <row r="711909" spans="8:8">
      <c r="H711909" s="12"/>
    </row>
    <row r="711910" spans="8:8">
      <c r="H711910" s="12"/>
    </row>
    <row r="711911" spans="8:8">
      <c r="H711911" s="12"/>
    </row>
    <row r="711912" spans="8:8">
      <c r="H711912" s="12"/>
    </row>
    <row r="711913" spans="8:8">
      <c r="H711913" s="12"/>
    </row>
    <row r="711914" spans="8:8">
      <c r="H711914" s="12"/>
    </row>
    <row r="711915" spans="8:8">
      <c r="H711915" s="12"/>
    </row>
    <row r="711916" spans="8:8">
      <c r="H711916" s="12"/>
    </row>
    <row r="711917" spans="8:8">
      <c r="H711917" s="12"/>
    </row>
    <row r="711918" spans="8:8">
      <c r="H711918" s="12"/>
    </row>
    <row r="711919" spans="8:8">
      <c r="H711919" s="12"/>
    </row>
    <row r="711920" spans="8:8">
      <c r="H711920" s="12"/>
    </row>
    <row r="711921" spans="8:8">
      <c r="H711921" s="12"/>
    </row>
    <row r="711922" spans="8:8">
      <c r="H711922" s="12"/>
    </row>
    <row r="711923" spans="8:8">
      <c r="H711923" s="12"/>
    </row>
    <row r="711924" spans="8:8">
      <c r="H711924" s="12"/>
    </row>
    <row r="711925" spans="8:8">
      <c r="H711925" s="12"/>
    </row>
    <row r="711926" spans="8:8">
      <c r="H711926" s="12"/>
    </row>
    <row r="711927" spans="8:8">
      <c r="H711927" s="12"/>
    </row>
    <row r="711928" spans="8:8">
      <c r="H711928" s="12"/>
    </row>
    <row r="711929" spans="8:8">
      <c r="H711929" s="12"/>
    </row>
    <row r="711930" spans="8:8">
      <c r="H711930" s="12"/>
    </row>
    <row r="711931" spans="8:8">
      <c r="H711931" s="12"/>
    </row>
    <row r="711932" spans="8:8">
      <c r="H711932" s="12"/>
    </row>
    <row r="711933" spans="8:8">
      <c r="H711933" s="12"/>
    </row>
    <row r="711934" spans="8:8">
      <c r="H711934" s="12"/>
    </row>
    <row r="711935" spans="8:8">
      <c r="H711935" s="12"/>
    </row>
    <row r="711936" spans="8:8">
      <c r="H711936" s="12"/>
    </row>
    <row r="711937" spans="8:8">
      <c r="H711937" s="12"/>
    </row>
    <row r="711938" spans="8:8">
      <c r="H711938" s="12"/>
    </row>
    <row r="711939" spans="8:8">
      <c r="H711939" s="12"/>
    </row>
    <row r="711940" spans="8:8">
      <c r="H711940" s="12"/>
    </row>
    <row r="711941" spans="8:8">
      <c r="H711941" s="12"/>
    </row>
    <row r="711942" spans="8:8">
      <c r="H711942" s="12"/>
    </row>
    <row r="711943" spans="8:8">
      <c r="H711943" s="12"/>
    </row>
    <row r="711944" spans="8:8">
      <c r="H711944" s="12"/>
    </row>
    <row r="711945" spans="8:8">
      <c r="H711945" s="12"/>
    </row>
    <row r="711946" spans="8:8">
      <c r="H711946" s="12"/>
    </row>
    <row r="711947" spans="8:8">
      <c r="H711947" s="12"/>
    </row>
    <row r="711948" spans="8:8">
      <c r="H711948" s="12"/>
    </row>
    <row r="711949" spans="8:8">
      <c r="H711949" s="12"/>
    </row>
    <row r="711950" spans="8:8">
      <c r="H711950" s="12"/>
    </row>
    <row r="711951" spans="8:8">
      <c r="H711951" s="12"/>
    </row>
    <row r="711952" spans="8:8">
      <c r="H711952" s="12"/>
    </row>
    <row r="711953" spans="8:8">
      <c r="H711953" s="12"/>
    </row>
    <row r="711954" spans="8:8">
      <c r="H711954" s="12"/>
    </row>
    <row r="711955" spans="8:8">
      <c r="H711955" s="12"/>
    </row>
    <row r="711956" spans="8:8">
      <c r="H711956" s="12"/>
    </row>
    <row r="711957" spans="8:8">
      <c r="H711957" s="12"/>
    </row>
    <row r="711958" spans="8:8">
      <c r="H711958" s="12"/>
    </row>
    <row r="711959" spans="8:8">
      <c r="H711959" s="12"/>
    </row>
    <row r="711960" spans="8:8">
      <c r="H711960" s="12"/>
    </row>
    <row r="711961" spans="8:8">
      <c r="H711961" s="12"/>
    </row>
    <row r="711962" spans="8:8">
      <c r="H711962" s="12"/>
    </row>
    <row r="711963" spans="8:8">
      <c r="H711963" s="12"/>
    </row>
    <row r="711964" spans="8:8">
      <c r="H711964" s="12"/>
    </row>
    <row r="711965" spans="8:8">
      <c r="H711965" s="12"/>
    </row>
    <row r="711966" spans="8:8">
      <c r="H711966" s="12"/>
    </row>
    <row r="711967" spans="8:8">
      <c r="H711967" s="12"/>
    </row>
    <row r="711968" spans="8:8">
      <c r="H711968" s="12"/>
    </row>
    <row r="711969" spans="8:8">
      <c r="H711969" s="12"/>
    </row>
    <row r="711970" spans="8:8">
      <c r="H711970" s="12"/>
    </row>
    <row r="711971" spans="8:8">
      <c r="H711971" s="12"/>
    </row>
    <row r="711972" spans="8:8">
      <c r="H711972" s="12"/>
    </row>
    <row r="711973" spans="8:8">
      <c r="H711973" s="12"/>
    </row>
    <row r="711974" spans="8:8">
      <c r="H711974" s="12"/>
    </row>
    <row r="711975" spans="8:8">
      <c r="H711975" s="12"/>
    </row>
    <row r="711976" spans="8:8">
      <c r="H711976" s="12"/>
    </row>
    <row r="711977" spans="8:8">
      <c r="H711977" s="12"/>
    </row>
    <row r="711978" spans="8:8">
      <c r="H711978" s="12"/>
    </row>
    <row r="711979" spans="8:8">
      <c r="H711979" s="12"/>
    </row>
    <row r="711980" spans="8:8">
      <c r="H711980" s="12"/>
    </row>
    <row r="711981" spans="8:8">
      <c r="H711981" s="12"/>
    </row>
    <row r="711982" spans="8:8">
      <c r="H711982" s="12"/>
    </row>
    <row r="711983" spans="8:8">
      <c r="H711983" s="12"/>
    </row>
    <row r="711984" spans="8:8">
      <c r="H711984" s="12"/>
    </row>
    <row r="711985" spans="8:8">
      <c r="H711985" s="12"/>
    </row>
    <row r="711986" spans="8:8">
      <c r="H711986" s="12"/>
    </row>
    <row r="711987" spans="8:8">
      <c r="H711987" s="12"/>
    </row>
    <row r="711988" spans="8:8">
      <c r="H711988" s="12"/>
    </row>
    <row r="711989" spans="8:8">
      <c r="H711989" s="12"/>
    </row>
    <row r="711990" spans="8:8">
      <c r="H711990" s="12"/>
    </row>
    <row r="711991" spans="8:8">
      <c r="H711991" s="12"/>
    </row>
    <row r="711992" spans="8:8">
      <c r="H711992" s="12"/>
    </row>
    <row r="711993" spans="8:8">
      <c r="H711993" s="12"/>
    </row>
    <row r="711994" spans="8:8">
      <c r="H711994" s="12"/>
    </row>
    <row r="711995" spans="8:8">
      <c r="H711995" s="12"/>
    </row>
    <row r="711996" spans="8:8">
      <c r="H711996" s="12"/>
    </row>
    <row r="711997" spans="8:8">
      <c r="H711997" s="12"/>
    </row>
    <row r="711998" spans="8:8">
      <c r="H711998" s="12"/>
    </row>
    <row r="711999" spans="8:8">
      <c r="H711999" s="12"/>
    </row>
    <row r="712000" spans="8:8">
      <c r="H712000" s="12"/>
    </row>
    <row r="712001" spans="8:8">
      <c r="H712001" s="12"/>
    </row>
    <row r="712002" spans="8:8">
      <c r="H712002" s="12"/>
    </row>
    <row r="712003" spans="8:8">
      <c r="H712003" s="12"/>
    </row>
    <row r="712004" spans="8:8">
      <c r="H712004" s="12"/>
    </row>
    <row r="712005" spans="8:8">
      <c r="H712005" s="12"/>
    </row>
    <row r="712006" spans="8:8">
      <c r="H712006" s="12"/>
    </row>
    <row r="712007" spans="8:8">
      <c r="H712007" s="12"/>
    </row>
    <row r="712008" spans="8:8">
      <c r="H712008" s="12"/>
    </row>
    <row r="712009" spans="8:8">
      <c r="H712009" s="12"/>
    </row>
    <row r="712010" spans="8:8">
      <c r="H712010" s="12"/>
    </row>
    <row r="712011" spans="8:8">
      <c r="H712011" s="12"/>
    </row>
    <row r="712012" spans="8:8">
      <c r="H712012" s="12"/>
    </row>
    <row r="712013" spans="8:8">
      <c r="H712013" s="12"/>
    </row>
    <row r="712014" spans="8:8">
      <c r="H712014" s="12"/>
    </row>
    <row r="712015" spans="8:8">
      <c r="H712015" s="12"/>
    </row>
    <row r="712016" spans="8:8">
      <c r="H712016" s="12"/>
    </row>
    <row r="712017" spans="8:8">
      <c r="H712017" s="12"/>
    </row>
    <row r="712018" spans="8:8">
      <c r="H712018" s="12"/>
    </row>
    <row r="712019" spans="8:8">
      <c r="H712019" s="12"/>
    </row>
    <row r="712020" spans="8:8">
      <c r="H712020" s="12"/>
    </row>
    <row r="712021" spans="8:8">
      <c r="H712021" s="12"/>
    </row>
    <row r="712022" spans="8:8">
      <c r="H712022" s="12"/>
    </row>
    <row r="712023" spans="8:8">
      <c r="H712023" s="12"/>
    </row>
    <row r="712024" spans="8:8">
      <c r="H712024" s="12"/>
    </row>
    <row r="712025" spans="8:8">
      <c r="H712025" s="12"/>
    </row>
    <row r="712026" spans="8:8">
      <c r="H712026" s="12"/>
    </row>
    <row r="712027" spans="8:8">
      <c r="H712027" s="12"/>
    </row>
    <row r="712028" spans="8:8">
      <c r="H712028" s="12"/>
    </row>
    <row r="712029" spans="8:8">
      <c r="H712029" s="12"/>
    </row>
    <row r="712030" spans="8:8">
      <c r="H712030" s="12"/>
    </row>
    <row r="712031" spans="8:8">
      <c r="H712031" s="12"/>
    </row>
    <row r="712032" spans="8:8">
      <c r="H712032" s="12"/>
    </row>
    <row r="712033" spans="8:8">
      <c r="H712033" s="12"/>
    </row>
    <row r="712034" spans="8:8">
      <c r="H712034" s="12"/>
    </row>
    <row r="712035" spans="8:8">
      <c r="H712035" s="12"/>
    </row>
    <row r="712036" spans="8:8">
      <c r="H712036" s="12"/>
    </row>
    <row r="712037" spans="8:8">
      <c r="H712037" s="12"/>
    </row>
    <row r="712038" spans="8:8">
      <c r="H712038" s="12"/>
    </row>
    <row r="712039" spans="8:8">
      <c r="H712039" s="12"/>
    </row>
    <row r="712040" spans="8:8">
      <c r="H712040" s="12"/>
    </row>
    <row r="712041" spans="8:8">
      <c r="H712041" s="12"/>
    </row>
    <row r="712042" spans="8:8">
      <c r="H712042" s="12"/>
    </row>
    <row r="712043" spans="8:8">
      <c r="H712043" s="12"/>
    </row>
    <row r="712044" spans="8:8">
      <c r="H712044" s="12"/>
    </row>
    <row r="712045" spans="8:8">
      <c r="H712045" s="12"/>
    </row>
    <row r="712046" spans="8:8">
      <c r="H712046" s="12"/>
    </row>
    <row r="712047" spans="8:8">
      <c r="H712047" s="12"/>
    </row>
    <row r="712048" spans="8:8">
      <c r="H712048" s="12"/>
    </row>
    <row r="712049" spans="8:8">
      <c r="H712049" s="12"/>
    </row>
    <row r="712050" spans="8:8">
      <c r="H712050" s="12"/>
    </row>
    <row r="712051" spans="8:8">
      <c r="H712051" s="12"/>
    </row>
    <row r="712052" spans="8:8">
      <c r="H712052" s="12"/>
    </row>
    <row r="712053" spans="8:8">
      <c r="H712053" s="12"/>
    </row>
    <row r="712054" spans="8:8">
      <c r="H712054" s="12"/>
    </row>
    <row r="712055" spans="8:8">
      <c r="H712055" s="12"/>
    </row>
    <row r="712056" spans="8:8">
      <c r="H712056" s="12"/>
    </row>
    <row r="712057" spans="8:8">
      <c r="H712057" s="12"/>
    </row>
    <row r="712058" spans="8:8">
      <c r="H712058" s="12"/>
    </row>
    <row r="712059" spans="8:8">
      <c r="H712059" s="12"/>
    </row>
    <row r="712060" spans="8:8">
      <c r="H712060" s="12"/>
    </row>
    <row r="712061" spans="8:8">
      <c r="H712061" s="12"/>
    </row>
    <row r="712062" spans="8:8">
      <c r="H712062" s="12"/>
    </row>
    <row r="712063" spans="8:8">
      <c r="H712063" s="12"/>
    </row>
    <row r="712064" spans="8:8">
      <c r="H712064" s="12"/>
    </row>
    <row r="712065" spans="8:8">
      <c r="H712065" s="12"/>
    </row>
    <row r="712066" spans="8:8">
      <c r="H712066" s="12"/>
    </row>
    <row r="712067" spans="8:8">
      <c r="H712067" s="12"/>
    </row>
    <row r="712068" spans="8:8">
      <c r="H712068" s="12"/>
    </row>
    <row r="712069" spans="8:8">
      <c r="H712069" s="12"/>
    </row>
    <row r="712070" spans="8:8">
      <c r="H712070" s="12"/>
    </row>
    <row r="712071" spans="8:8">
      <c r="H712071" s="12"/>
    </row>
    <row r="712072" spans="8:8">
      <c r="H712072" s="12"/>
    </row>
    <row r="712073" spans="8:8">
      <c r="H712073" s="12"/>
    </row>
    <row r="712074" spans="8:8">
      <c r="H712074" s="12"/>
    </row>
    <row r="712075" spans="8:8">
      <c r="H712075" s="12"/>
    </row>
    <row r="712076" spans="8:8">
      <c r="H712076" s="12"/>
    </row>
    <row r="712077" spans="8:8">
      <c r="H712077" s="12"/>
    </row>
    <row r="712078" spans="8:8">
      <c r="H712078" s="12"/>
    </row>
    <row r="712079" spans="8:8">
      <c r="H712079" s="12"/>
    </row>
    <row r="712080" spans="8:8">
      <c r="H712080" s="12"/>
    </row>
    <row r="712081" spans="8:8">
      <c r="H712081" s="12"/>
    </row>
    <row r="712082" spans="8:8">
      <c r="H712082" s="12"/>
    </row>
    <row r="712083" spans="8:8">
      <c r="H712083" s="12"/>
    </row>
    <row r="712084" spans="8:8">
      <c r="H712084" s="12"/>
    </row>
    <row r="712085" spans="8:8">
      <c r="H712085" s="12"/>
    </row>
    <row r="712086" spans="8:8">
      <c r="H712086" s="12"/>
    </row>
    <row r="712087" spans="8:8">
      <c r="H712087" s="12"/>
    </row>
    <row r="712088" spans="8:8">
      <c r="H712088" s="12"/>
    </row>
    <row r="712089" spans="8:8">
      <c r="H712089" s="12"/>
    </row>
    <row r="712090" spans="8:8">
      <c r="H712090" s="12"/>
    </row>
    <row r="712091" spans="8:8">
      <c r="H712091" s="12"/>
    </row>
    <row r="712092" spans="8:8">
      <c r="H712092" s="12"/>
    </row>
    <row r="712093" spans="8:8">
      <c r="H712093" s="12"/>
    </row>
    <row r="712094" spans="8:8">
      <c r="H712094" s="12"/>
    </row>
    <row r="712095" spans="8:8">
      <c r="H712095" s="12"/>
    </row>
    <row r="712096" spans="8:8">
      <c r="H712096" s="12"/>
    </row>
    <row r="712097" spans="8:8">
      <c r="H712097" s="12"/>
    </row>
    <row r="712098" spans="8:8">
      <c r="H712098" s="12"/>
    </row>
    <row r="712099" spans="8:8">
      <c r="H712099" s="12"/>
    </row>
    <row r="712100" spans="8:8">
      <c r="H712100" s="12"/>
    </row>
    <row r="712101" spans="8:8">
      <c r="H712101" s="12"/>
    </row>
    <row r="712102" spans="8:8">
      <c r="H712102" s="12"/>
    </row>
    <row r="712103" spans="8:8">
      <c r="H712103" s="12"/>
    </row>
    <row r="712104" spans="8:8">
      <c r="H712104" s="12"/>
    </row>
    <row r="712105" spans="8:8">
      <c r="H712105" s="12"/>
    </row>
    <row r="712106" spans="8:8">
      <c r="H712106" s="12"/>
    </row>
    <row r="712107" spans="8:8">
      <c r="H712107" s="12"/>
    </row>
    <row r="712108" spans="8:8">
      <c r="H712108" s="12"/>
    </row>
    <row r="712109" spans="8:8">
      <c r="H712109" s="12"/>
    </row>
    <row r="712110" spans="8:8">
      <c r="H712110" s="12"/>
    </row>
    <row r="712111" spans="8:8">
      <c r="H712111" s="12"/>
    </row>
    <row r="712112" spans="8:8">
      <c r="H712112" s="12"/>
    </row>
    <row r="712113" spans="8:8">
      <c r="H712113" s="12"/>
    </row>
    <row r="712114" spans="8:8">
      <c r="H712114" s="12"/>
    </row>
    <row r="712115" spans="8:8">
      <c r="H712115" s="12"/>
    </row>
    <row r="712116" spans="8:8">
      <c r="H712116" s="12"/>
    </row>
    <row r="712117" spans="8:8">
      <c r="H712117" s="12"/>
    </row>
    <row r="712118" spans="8:8">
      <c r="H712118" s="12"/>
    </row>
    <row r="712119" spans="8:8">
      <c r="H712119" s="12"/>
    </row>
    <row r="712120" spans="8:8">
      <c r="H712120" s="12"/>
    </row>
    <row r="712121" spans="8:8">
      <c r="H712121" s="12"/>
    </row>
    <row r="712122" spans="8:8">
      <c r="H712122" s="12"/>
    </row>
    <row r="712123" spans="8:8">
      <c r="H712123" s="12"/>
    </row>
    <row r="712124" spans="8:8">
      <c r="H712124" s="12"/>
    </row>
    <row r="712125" spans="8:8">
      <c r="H712125" s="12"/>
    </row>
    <row r="712126" spans="8:8">
      <c r="H712126" s="12"/>
    </row>
    <row r="712127" spans="8:8">
      <c r="H712127" s="12"/>
    </row>
    <row r="712128" spans="8:8">
      <c r="H712128" s="12"/>
    </row>
    <row r="712129" spans="8:8">
      <c r="H712129" s="12"/>
    </row>
    <row r="712130" spans="8:8">
      <c r="H712130" s="12"/>
    </row>
    <row r="712131" spans="8:8">
      <c r="H712131" s="12"/>
    </row>
    <row r="712132" spans="8:8">
      <c r="H712132" s="12"/>
    </row>
    <row r="712133" spans="8:8">
      <c r="H712133" s="12"/>
    </row>
    <row r="712134" spans="8:8">
      <c r="H712134" s="12"/>
    </row>
    <row r="712135" spans="8:8">
      <c r="H712135" s="12"/>
    </row>
    <row r="712136" spans="8:8">
      <c r="H712136" s="12"/>
    </row>
    <row r="712137" spans="8:8">
      <c r="H712137" s="12"/>
    </row>
    <row r="712138" spans="8:8">
      <c r="H712138" s="12"/>
    </row>
    <row r="712139" spans="8:8">
      <c r="H712139" s="12"/>
    </row>
    <row r="712140" spans="8:8">
      <c r="H712140" s="12"/>
    </row>
    <row r="712141" spans="8:8">
      <c r="H712141" s="12"/>
    </row>
    <row r="712142" spans="8:8">
      <c r="H712142" s="12"/>
    </row>
    <row r="712143" spans="8:8">
      <c r="H712143" s="12"/>
    </row>
    <row r="712144" spans="8:8">
      <c r="H712144" s="12"/>
    </row>
    <row r="712145" spans="8:8">
      <c r="H712145" s="12"/>
    </row>
    <row r="712146" spans="8:8">
      <c r="H712146" s="12"/>
    </row>
    <row r="712147" spans="8:8">
      <c r="H712147" s="12"/>
    </row>
    <row r="712148" spans="8:8">
      <c r="H712148" s="12"/>
    </row>
    <row r="712149" spans="8:8">
      <c r="H712149" s="12"/>
    </row>
    <row r="712150" spans="8:8">
      <c r="H712150" s="12"/>
    </row>
    <row r="712151" spans="8:8">
      <c r="H712151" s="12"/>
    </row>
    <row r="712152" spans="8:8">
      <c r="H712152" s="12"/>
    </row>
    <row r="712153" spans="8:8">
      <c r="H712153" s="12"/>
    </row>
    <row r="712154" spans="8:8">
      <c r="H712154" s="12"/>
    </row>
    <row r="712155" spans="8:8">
      <c r="H712155" s="12"/>
    </row>
    <row r="712156" spans="8:8">
      <c r="H712156" s="12"/>
    </row>
    <row r="712157" spans="8:8">
      <c r="H712157" s="12"/>
    </row>
    <row r="712158" spans="8:8">
      <c r="H712158" s="12"/>
    </row>
    <row r="712159" spans="8:8">
      <c r="H712159" s="12"/>
    </row>
    <row r="712160" spans="8:8">
      <c r="H712160" s="12"/>
    </row>
    <row r="712161" spans="8:8">
      <c r="H712161" s="12"/>
    </row>
    <row r="712162" spans="8:8">
      <c r="H712162" s="12"/>
    </row>
    <row r="712163" spans="8:8">
      <c r="H712163" s="12"/>
    </row>
    <row r="712164" spans="8:8">
      <c r="H712164" s="12"/>
    </row>
    <row r="712165" spans="8:8">
      <c r="H712165" s="12"/>
    </row>
    <row r="712166" spans="8:8">
      <c r="H712166" s="12"/>
    </row>
    <row r="712167" spans="8:8">
      <c r="H712167" s="12"/>
    </row>
    <row r="712168" spans="8:8">
      <c r="H712168" s="12"/>
    </row>
    <row r="712169" spans="8:8">
      <c r="H712169" s="12"/>
    </row>
    <row r="712170" spans="8:8">
      <c r="H712170" s="12"/>
    </row>
    <row r="712171" spans="8:8">
      <c r="H712171" s="12"/>
    </row>
    <row r="712172" spans="8:8">
      <c r="H712172" s="12"/>
    </row>
    <row r="712173" spans="8:8">
      <c r="H712173" s="12"/>
    </row>
    <row r="712174" spans="8:8">
      <c r="H712174" s="12"/>
    </row>
    <row r="712175" spans="8:8">
      <c r="H712175" s="12"/>
    </row>
    <row r="712176" spans="8:8">
      <c r="H712176" s="12"/>
    </row>
    <row r="712177" spans="8:8">
      <c r="H712177" s="12"/>
    </row>
    <row r="712178" spans="8:8">
      <c r="H712178" s="12"/>
    </row>
    <row r="712179" spans="8:8">
      <c r="H712179" s="12"/>
    </row>
    <row r="712180" spans="8:8">
      <c r="H712180" s="12"/>
    </row>
    <row r="712181" spans="8:8">
      <c r="H712181" s="12"/>
    </row>
    <row r="712182" spans="8:8">
      <c r="H712182" s="12"/>
    </row>
    <row r="712183" spans="8:8">
      <c r="H712183" s="12"/>
    </row>
    <row r="712184" spans="8:8">
      <c r="H712184" s="12"/>
    </row>
    <row r="712185" spans="8:8">
      <c r="H712185" s="12"/>
    </row>
    <row r="712186" spans="8:8">
      <c r="H712186" s="12"/>
    </row>
    <row r="712187" spans="8:8">
      <c r="H712187" s="12"/>
    </row>
    <row r="712188" spans="8:8">
      <c r="H712188" s="12"/>
    </row>
    <row r="712189" spans="8:8">
      <c r="H712189" s="12"/>
    </row>
    <row r="712190" spans="8:8">
      <c r="H712190" s="12"/>
    </row>
    <row r="712191" spans="8:8">
      <c r="H712191" s="12"/>
    </row>
    <row r="712192" spans="8:8">
      <c r="H712192" s="12"/>
    </row>
    <row r="712193" spans="8:8">
      <c r="H712193" s="12"/>
    </row>
    <row r="712194" spans="8:8">
      <c r="H712194" s="12"/>
    </row>
    <row r="712195" spans="8:8">
      <c r="H712195" s="12"/>
    </row>
    <row r="712196" spans="8:8">
      <c r="H712196" s="12"/>
    </row>
    <row r="712197" spans="8:8">
      <c r="H712197" s="12"/>
    </row>
    <row r="712198" spans="8:8">
      <c r="H712198" s="12"/>
    </row>
    <row r="712199" spans="8:8">
      <c r="H712199" s="12"/>
    </row>
    <row r="712200" spans="8:8">
      <c r="H712200" s="12"/>
    </row>
    <row r="712201" spans="8:8">
      <c r="H712201" s="12"/>
    </row>
    <row r="712202" spans="8:8">
      <c r="H712202" s="12"/>
    </row>
    <row r="712203" spans="8:8">
      <c r="H712203" s="12"/>
    </row>
    <row r="712204" spans="8:8">
      <c r="H712204" s="12"/>
    </row>
    <row r="712205" spans="8:8">
      <c r="H712205" s="12"/>
    </row>
    <row r="712206" spans="8:8">
      <c r="H712206" s="12"/>
    </row>
    <row r="712207" spans="8:8">
      <c r="H712207" s="12"/>
    </row>
    <row r="712208" spans="8:8">
      <c r="H712208" s="12"/>
    </row>
    <row r="712209" spans="8:8">
      <c r="H712209" s="12"/>
    </row>
    <row r="712210" spans="8:8">
      <c r="H712210" s="12"/>
    </row>
    <row r="712211" spans="8:8">
      <c r="H712211" s="12"/>
    </row>
    <row r="712212" spans="8:8">
      <c r="H712212" s="12"/>
    </row>
    <row r="712213" spans="8:8">
      <c r="H712213" s="12"/>
    </row>
    <row r="712214" spans="8:8">
      <c r="H712214" s="12"/>
    </row>
    <row r="712215" spans="8:8">
      <c r="H712215" s="12"/>
    </row>
    <row r="712216" spans="8:8">
      <c r="H712216" s="12"/>
    </row>
    <row r="712217" spans="8:8">
      <c r="H712217" s="12"/>
    </row>
    <row r="712218" spans="8:8">
      <c r="H712218" s="12"/>
    </row>
    <row r="712219" spans="8:8">
      <c r="H712219" s="12"/>
    </row>
    <row r="712220" spans="8:8">
      <c r="H712220" s="12"/>
    </row>
    <row r="712221" spans="8:8">
      <c r="H712221" s="12"/>
    </row>
    <row r="712222" spans="8:8">
      <c r="H712222" s="12"/>
    </row>
    <row r="712223" spans="8:8">
      <c r="H712223" s="12"/>
    </row>
    <row r="712224" spans="8:8">
      <c r="H712224" s="12"/>
    </row>
    <row r="712225" spans="8:8">
      <c r="H712225" s="12"/>
    </row>
    <row r="712226" spans="8:8">
      <c r="H712226" s="12"/>
    </row>
    <row r="712227" spans="8:8">
      <c r="H712227" s="12"/>
    </row>
    <row r="712228" spans="8:8">
      <c r="H712228" s="12"/>
    </row>
    <row r="712229" spans="8:8">
      <c r="H712229" s="12"/>
    </row>
    <row r="712230" spans="8:8">
      <c r="H712230" s="12"/>
    </row>
    <row r="712231" spans="8:8">
      <c r="H712231" s="12"/>
    </row>
    <row r="712232" spans="8:8">
      <c r="H712232" s="12"/>
    </row>
    <row r="712233" spans="8:8">
      <c r="H712233" s="12"/>
    </row>
    <row r="712234" spans="8:8">
      <c r="H712234" s="12"/>
    </row>
    <row r="712235" spans="8:8">
      <c r="H712235" s="12"/>
    </row>
    <row r="712236" spans="8:8">
      <c r="H712236" s="12"/>
    </row>
    <row r="712237" spans="8:8">
      <c r="H712237" s="12"/>
    </row>
    <row r="712238" spans="8:8">
      <c r="H712238" s="12"/>
    </row>
    <row r="712239" spans="8:8">
      <c r="H712239" s="12"/>
    </row>
    <row r="712240" spans="8:8">
      <c r="H712240" s="12"/>
    </row>
    <row r="712241" spans="8:8">
      <c r="H712241" s="12"/>
    </row>
    <row r="712242" spans="8:8">
      <c r="H712242" s="12"/>
    </row>
    <row r="712243" spans="8:8">
      <c r="H712243" s="12"/>
    </row>
    <row r="712244" spans="8:8">
      <c r="H712244" s="12"/>
    </row>
    <row r="712245" spans="8:8">
      <c r="H712245" s="12"/>
    </row>
    <row r="712246" spans="8:8">
      <c r="H712246" s="12"/>
    </row>
    <row r="712247" spans="8:8">
      <c r="H712247" s="12"/>
    </row>
    <row r="712248" spans="8:8">
      <c r="H712248" s="12"/>
    </row>
    <row r="712249" spans="8:8">
      <c r="H712249" s="12"/>
    </row>
    <row r="712250" spans="8:8">
      <c r="H712250" s="12"/>
    </row>
    <row r="712251" spans="8:8">
      <c r="H712251" s="12"/>
    </row>
    <row r="712252" spans="8:8">
      <c r="H712252" s="12"/>
    </row>
    <row r="712253" spans="8:8">
      <c r="H712253" s="12"/>
    </row>
    <row r="712254" spans="8:8">
      <c r="H712254" s="12"/>
    </row>
    <row r="712255" spans="8:8">
      <c r="H712255" s="12"/>
    </row>
    <row r="712256" spans="8:8">
      <c r="H712256" s="12"/>
    </row>
    <row r="712257" spans="8:8">
      <c r="H712257" s="12"/>
    </row>
    <row r="712258" spans="8:8">
      <c r="H712258" s="12"/>
    </row>
    <row r="712259" spans="8:8">
      <c r="H712259" s="12"/>
    </row>
    <row r="712260" spans="8:8">
      <c r="H712260" s="12"/>
    </row>
    <row r="712261" spans="8:8">
      <c r="H712261" s="12"/>
    </row>
    <row r="712262" spans="8:8">
      <c r="H712262" s="12"/>
    </row>
    <row r="712263" spans="8:8">
      <c r="H712263" s="12"/>
    </row>
    <row r="712264" spans="8:8">
      <c r="H712264" s="12"/>
    </row>
    <row r="712265" spans="8:8">
      <c r="H712265" s="12"/>
    </row>
    <row r="712266" spans="8:8">
      <c r="H712266" s="12"/>
    </row>
    <row r="712267" spans="8:8">
      <c r="H712267" s="12"/>
    </row>
    <row r="712268" spans="8:8">
      <c r="H712268" s="12"/>
    </row>
    <row r="712269" spans="8:8">
      <c r="H712269" s="12"/>
    </row>
    <row r="712270" spans="8:8">
      <c r="H712270" s="12"/>
    </row>
    <row r="712271" spans="8:8">
      <c r="H712271" s="12"/>
    </row>
    <row r="712272" spans="8:8">
      <c r="H712272" s="12"/>
    </row>
    <row r="712273" spans="8:8">
      <c r="H712273" s="12"/>
    </row>
    <row r="712274" spans="8:8">
      <c r="H712274" s="12"/>
    </row>
    <row r="712275" spans="8:8">
      <c r="H712275" s="12"/>
    </row>
    <row r="712276" spans="8:8">
      <c r="H712276" s="12"/>
    </row>
    <row r="712277" spans="8:8">
      <c r="H712277" s="12"/>
    </row>
    <row r="712278" spans="8:8">
      <c r="H712278" s="12"/>
    </row>
    <row r="712279" spans="8:8">
      <c r="H712279" s="12"/>
    </row>
    <row r="712280" spans="8:8">
      <c r="H712280" s="12"/>
    </row>
    <row r="712281" spans="8:8">
      <c r="H712281" s="12"/>
    </row>
    <row r="712282" spans="8:8">
      <c r="H712282" s="12"/>
    </row>
    <row r="712283" spans="8:8">
      <c r="H712283" s="12"/>
    </row>
    <row r="712284" spans="8:8">
      <c r="H712284" s="12"/>
    </row>
    <row r="712285" spans="8:8">
      <c r="H712285" s="12"/>
    </row>
    <row r="712286" spans="8:8">
      <c r="H712286" s="12"/>
    </row>
    <row r="712287" spans="8:8">
      <c r="H712287" s="12"/>
    </row>
    <row r="712288" spans="8:8">
      <c r="H712288" s="12"/>
    </row>
    <row r="712289" spans="8:8">
      <c r="H712289" s="12"/>
    </row>
    <row r="712290" spans="8:8">
      <c r="H712290" s="12"/>
    </row>
    <row r="712291" spans="8:8">
      <c r="H712291" s="12"/>
    </row>
    <row r="712292" spans="8:8">
      <c r="H712292" s="12"/>
    </row>
    <row r="712293" spans="8:8">
      <c r="H712293" s="12"/>
    </row>
    <row r="712294" spans="8:8">
      <c r="H712294" s="12"/>
    </row>
    <row r="712295" spans="8:8">
      <c r="H712295" s="12"/>
    </row>
    <row r="712296" spans="8:8">
      <c r="H712296" s="12"/>
    </row>
    <row r="712297" spans="8:8">
      <c r="H712297" s="12"/>
    </row>
    <row r="712298" spans="8:8">
      <c r="H712298" s="12"/>
    </row>
    <row r="712299" spans="8:8">
      <c r="H712299" s="12"/>
    </row>
    <row r="712300" spans="8:8">
      <c r="H712300" s="12"/>
    </row>
    <row r="712301" spans="8:8">
      <c r="H712301" s="12"/>
    </row>
    <row r="712302" spans="8:8">
      <c r="H712302" s="12"/>
    </row>
    <row r="712303" spans="8:8">
      <c r="H712303" s="12"/>
    </row>
    <row r="712304" spans="8:8">
      <c r="H712304" s="12"/>
    </row>
    <row r="712305" spans="8:8">
      <c r="H712305" s="12"/>
    </row>
    <row r="712306" spans="8:8">
      <c r="H712306" s="12"/>
    </row>
    <row r="712307" spans="8:8">
      <c r="H712307" s="12"/>
    </row>
    <row r="712308" spans="8:8">
      <c r="H712308" s="12"/>
    </row>
    <row r="712309" spans="8:8">
      <c r="H712309" s="12"/>
    </row>
    <row r="712310" spans="8:8">
      <c r="H712310" s="12"/>
    </row>
    <row r="712311" spans="8:8">
      <c r="H712311" s="12"/>
    </row>
    <row r="712312" spans="8:8">
      <c r="H712312" s="12"/>
    </row>
    <row r="712313" spans="8:8">
      <c r="H712313" s="12"/>
    </row>
    <row r="712314" spans="8:8">
      <c r="H712314" s="12"/>
    </row>
    <row r="712315" spans="8:8">
      <c r="H712315" s="12"/>
    </row>
    <row r="712316" spans="8:8">
      <c r="H712316" s="12"/>
    </row>
    <row r="712317" spans="8:8">
      <c r="H712317" s="12"/>
    </row>
    <row r="712318" spans="8:8">
      <c r="H712318" s="12"/>
    </row>
    <row r="712319" spans="8:8">
      <c r="H712319" s="12"/>
    </row>
    <row r="712320" spans="8:8">
      <c r="H712320" s="12"/>
    </row>
    <row r="712321" spans="8:8">
      <c r="H712321" s="12"/>
    </row>
    <row r="712322" spans="8:8">
      <c r="H712322" s="12"/>
    </row>
    <row r="712323" spans="8:8">
      <c r="H712323" s="12"/>
    </row>
    <row r="712324" spans="8:8">
      <c r="H712324" s="12"/>
    </row>
    <row r="712325" spans="8:8">
      <c r="H712325" s="12"/>
    </row>
    <row r="712326" spans="8:8">
      <c r="H712326" s="12"/>
    </row>
    <row r="712327" spans="8:8">
      <c r="H712327" s="12"/>
    </row>
    <row r="712328" spans="8:8">
      <c r="H712328" s="12"/>
    </row>
    <row r="712329" spans="8:8">
      <c r="H712329" s="12"/>
    </row>
    <row r="712330" spans="8:8">
      <c r="H712330" s="12"/>
    </row>
    <row r="712331" spans="8:8">
      <c r="H712331" s="12"/>
    </row>
    <row r="712332" spans="8:8">
      <c r="H712332" s="12"/>
    </row>
    <row r="712333" spans="8:8">
      <c r="H712333" s="12"/>
    </row>
    <row r="712334" spans="8:8">
      <c r="H712334" s="12"/>
    </row>
    <row r="712335" spans="8:8">
      <c r="H712335" s="12"/>
    </row>
    <row r="712336" spans="8:8">
      <c r="H712336" s="12"/>
    </row>
    <row r="712337" spans="8:8">
      <c r="H712337" s="12"/>
    </row>
    <row r="712338" spans="8:8">
      <c r="H712338" s="12"/>
    </row>
    <row r="712339" spans="8:8">
      <c r="H712339" s="12"/>
    </row>
    <row r="712340" spans="8:8">
      <c r="H712340" s="12"/>
    </row>
    <row r="712341" spans="8:8">
      <c r="H712341" s="12"/>
    </row>
    <row r="712342" spans="8:8">
      <c r="H712342" s="12"/>
    </row>
    <row r="712343" spans="8:8">
      <c r="H712343" s="12"/>
    </row>
    <row r="712344" spans="8:8">
      <c r="H712344" s="12"/>
    </row>
    <row r="712345" spans="8:8">
      <c r="H712345" s="12"/>
    </row>
    <row r="712346" spans="8:8">
      <c r="H712346" s="12"/>
    </row>
    <row r="712347" spans="8:8">
      <c r="H712347" s="12"/>
    </row>
    <row r="712348" spans="8:8">
      <c r="H712348" s="12"/>
    </row>
    <row r="712349" spans="8:8">
      <c r="H712349" s="12"/>
    </row>
    <row r="712350" spans="8:8">
      <c r="H712350" s="12"/>
    </row>
    <row r="712351" spans="8:8">
      <c r="H712351" s="12"/>
    </row>
    <row r="712352" spans="8:8">
      <c r="H712352" s="12"/>
    </row>
    <row r="712353" spans="8:8">
      <c r="H712353" s="12"/>
    </row>
    <row r="712354" spans="8:8">
      <c r="H712354" s="12"/>
    </row>
    <row r="712355" spans="8:8">
      <c r="H712355" s="12"/>
    </row>
    <row r="712356" spans="8:8">
      <c r="H712356" s="12"/>
    </row>
    <row r="712357" spans="8:8">
      <c r="H712357" s="12"/>
    </row>
    <row r="712358" spans="8:8">
      <c r="H712358" s="12"/>
    </row>
    <row r="712359" spans="8:8">
      <c r="H712359" s="12"/>
    </row>
    <row r="712360" spans="8:8">
      <c r="H712360" s="12"/>
    </row>
    <row r="712361" spans="8:8">
      <c r="H712361" s="12"/>
    </row>
    <row r="712362" spans="8:8">
      <c r="H712362" s="12"/>
    </row>
    <row r="712363" spans="8:8">
      <c r="H712363" s="12"/>
    </row>
    <row r="712364" spans="8:8">
      <c r="H712364" s="12"/>
    </row>
    <row r="712365" spans="8:8">
      <c r="H712365" s="12"/>
    </row>
    <row r="712366" spans="8:8">
      <c r="H712366" s="12"/>
    </row>
    <row r="712367" spans="8:8">
      <c r="H712367" s="12"/>
    </row>
    <row r="712368" spans="8:8">
      <c r="H712368" s="12"/>
    </row>
    <row r="712369" spans="8:8">
      <c r="H712369" s="12"/>
    </row>
    <row r="712370" spans="8:8">
      <c r="H712370" s="12"/>
    </row>
    <row r="712371" spans="8:8">
      <c r="H712371" s="12"/>
    </row>
    <row r="712372" spans="8:8">
      <c r="H712372" s="12"/>
    </row>
    <row r="712373" spans="8:8">
      <c r="H712373" s="12"/>
    </row>
    <row r="712374" spans="8:8">
      <c r="H712374" s="12"/>
    </row>
    <row r="712375" spans="8:8">
      <c r="H712375" s="12"/>
    </row>
    <row r="712376" spans="8:8">
      <c r="H712376" s="12"/>
    </row>
    <row r="712377" spans="8:8">
      <c r="H712377" s="12"/>
    </row>
    <row r="712378" spans="8:8">
      <c r="H712378" s="12"/>
    </row>
    <row r="712379" spans="8:8">
      <c r="H712379" s="12"/>
    </row>
    <row r="712380" spans="8:8">
      <c r="H712380" s="12"/>
    </row>
    <row r="712381" spans="8:8">
      <c r="H712381" s="12"/>
    </row>
    <row r="712382" spans="8:8">
      <c r="H712382" s="12"/>
    </row>
    <row r="712383" spans="8:8">
      <c r="H712383" s="12"/>
    </row>
    <row r="712384" spans="8:8">
      <c r="H712384" s="12"/>
    </row>
    <row r="712385" spans="8:8">
      <c r="H712385" s="12"/>
    </row>
    <row r="712386" spans="8:8">
      <c r="H712386" s="12"/>
    </row>
    <row r="712387" spans="8:8">
      <c r="H712387" s="12"/>
    </row>
    <row r="712388" spans="8:8">
      <c r="H712388" s="12"/>
    </row>
    <row r="712389" spans="8:8">
      <c r="H712389" s="12"/>
    </row>
    <row r="712390" spans="8:8">
      <c r="H712390" s="12"/>
    </row>
    <row r="712391" spans="8:8">
      <c r="H712391" s="12"/>
    </row>
    <row r="712392" spans="8:8">
      <c r="H712392" s="12"/>
    </row>
    <row r="712393" spans="8:8">
      <c r="H712393" s="12"/>
    </row>
    <row r="712394" spans="8:8">
      <c r="H712394" s="12"/>
    </row>
    <row r="712395" spans="8:8">
      <c r="H712395" s="12"/>
    </row>
    <row r="712396" spans="8:8">
      <c r="H712396" s="12"/>
    </row>
    <row r="712397" spans="8:8">
      <c r="H712397" s="12"/>
    </row>
    <row r="712398" spans="8:8">
      <c r="H712398" s="12"/>
    </row>
    <row r="712399" spans="8:8">
      <c r="H712399" s="12"/>
    </row>
    <row r="712400" spans="8:8">
      <c r="H712400" s="12"/>
    </row>
    <row r="712401" spans="8:8">
      <c r="H712401" s="12"/>
    </row>
    <row r="712402" spans="8:8">
      <c r="H712402" s="12"/>
    </row>
    <row r="712403" spans="8:8">
      <c r="H712403" s="12"/>
    </row>
    <row r="712404" spans="8:8">
      <c r="H712404" s="12"/>
    </row>
    <row r="712405" spans="8:8">
      <c r="H712405" s="12"/>
    </row>
    <row r="712406" spans="8:8">
      <c r="H712406" s="12"/>
    </row>
    <row r="712407" spans="8:8">
      <c r="H712407" s="12"/>
    </row>
    <row r="712408" spans="8:8">
      <c r="H712408" s="12"/>
    </row>
    <row r="712409" spans="8:8">
      <c r="H712409" s="12"/>
    </row>
    <row r="712410" spans="8:8">
      <c r="H712410" s="12"/>
    </row>
    <row r="712411" spans="8:8">
      <c r="H712411" s="12"/>
    </row>
    <row r="712412" spans="8:8">
      <c r="H712412" s="12"/>
    </row>
    <row r="712413" spans="8:8">
      <c r="H712413" s="12"/>
    </row>
    <row r="712414" spans="8:8">
      <c r="H712414" s="12"/>
    </row>
    <row r="712415" spans="8:8">
      <c r="H712415" s="12"/>
    </row>
    <row r="712416" spans="8:8">
      <c r="H712416" s="12"/>
    </row>
    <row r="712417" spans="8:8">
      <c r="H712417" s="12"/>
    </row>
    <row r="712418" spans="8:8">
      <c r="H712418" s="12"/>
    </row>
    <row r="712419" spans="8:8">
      <c r="H712419" s="12"/>
    </row>
    <row r="712420" spans="8:8">
      <c r="H712420" s="12"/>
    </row>
    <row r="712421" spans="8:8">
      <c r="H712421" s="12"/>
    </row>
    <row r="712422" spans="8:8">
      <c r="H712422" s="12"/>
    </row>
    <row r="712423" spans="8:8">
      <c r="H712423" s="12"/>
    </row>
    <row r="712424" spans="8:8">
      <c r="H712424" s="12"/>
    </row>
    <row r="712425" spans="8:8">
      <c r="H712425" s="12"/>
    </row>
    <row r="712426" spans="8:8">
      <c r="H712426" s="12"/>
    </row>
    <row r="712427" spans="8:8">
      <c r="H712427" s="12"/>
    </row>
    <row r="712428" spans="8:8">
      <c r="H712428" s="12"/>
    </row>
    <row r="712429" spans="8:8">
      <c r="H712429" s="12"/>
    </row>
    <row r="712430" spans="8:8">
      <c r="H712430" s="12"/>
    </row>
    <row r="712431" spans="8:8">
      <c r="H712431" s="12"/>
    </row>
    <row r="712432" spans="8:8">
      <c r="H712432" s="12"/>
    </row>
    <row r="712433" spans="8:8">
      <c r="H712433" s="12"/>
    </row>
    <row r="712434" spans="8:8">
      <c r="H712434" s="12"/>
    </row>
    <row r="712435" spans="8:8">
      <c r="H712435" s="12"/>
    </row>
    <row r="712436" spans="8:8">
      <c r="H712436" s="12"/>
    </row>
    <row r="712437" spans="8:8">
      <c r="H712437" s="12"/>
    </row>
    <row r="712438" spans="8:8">
      <c r="H712438" s="12"/>
    </row>
    <row r="712439" spans="8:8">
      <c r="H712439" s="12"/>
    </row>
    <row r="712440" spans="8:8">
      <c r="H712440" s="12"/>
    </row>
    <row r="712441" spans="8:8">
      <c r="H712441" s="12"/>
    </row>
    <row r="712442" spans="8:8">
      <c r="H712442" s="12"/>
    </row>
    <row r="712443" spans="8:8">
      <c r="H712443" s="12"/>
    </row>
    <row r="712444" spans="8:8">
      <c r="H712444" s="12"/>
    </row>
    <row r="712445" spans="8:8">
      <c r="H712445" s="12"/>
    </row>
    <row r="712446" spans="8:8">
      <c r="H712446" s="12"/>
    </row>
    <row r="712447" spans="8:8">
      <c r="H712447" s="12"/>
    </row>
    <row r="712448" spans="8:8">
      <c r="H712448" s="12"/>
    </row>
    <row r="712449" spans="8:8">
      <c r="H712449" s="12"/>
    </row>
    <row r="712450" spans="8:8">
      <c r="H712450" s="12"/>
    </row>
    <row r="712451" spans="8:8">
      <c r="H712451" s="12"/>
    </row>
    <row r="712452" spans="8:8">
      <c r="H712452" s="12"/>
    </row>
    <row r="712453" spans="8:8">
      <c r="H712453" s="12"/>
    </row>
    <row r="712454" spans="8:8">
      <c r="H712454" s="12"/>
    </row>
    <row r="712455" spans="8:8">
      <c r="H712455" s="12"/>
    </row>
    <row r="712456" spans="8:8">
      <c r="H712456" s="12"/>
    </row>
    <row r="712457" spans="8:8">
      <c r="H712457" s="12"/>
    </row>
    <row r="712458" spans="8:8">
      <c r="H712458" s="12"/>
    </row>
    <row r="712459" spans="8:8">
      <c r="H712459" s="12"/>
    </row>
    <row r="712460" spans="8:8">
      <c r="H712460" s="12"/>
    </row>
    <row r="712461" spans="8:8">
      <c r="H712461" s="12"/>
    </row>
    <row r="712462" spans="8:8">
      <c r="H712462" s="12"/>
    </row>
    <row r="712463" spans="8:8">
      <c r="H712463" s="12"/>
    </row>
    <row r="712464" spans="8:8">
      <c r="H712464" s="12"/>
    </row>
    <row r="712465" spans="8:8">
      <c r="H712465" s="12"/>
    </row>
    <row r="712466" spans="8:8">
      <c r="H712466" s="12"/>
    </row>
    <row r="712467" spans="8:8">
      <c r="H712467" s="12"/>
    </row>
    <row r="712468" spans="8:8">
      <c r="H712468" s="12"/>
    </row>
    <row r="712469" spans="8:8">
      <c r="H712469" s="12"/>
    </row>
    <row r="712470" spans="8:8">
      <c r="H712470" s="12"/>
    </row>
    <row r="712471" spans="8:8">
      <c r="H712471" s="12"/>
    </row>
    <row r="712472" spans="8:8">
      <c r="H712472" s="12"/>
    </row>
    <row r="712473" spans="8:8">
      <c r="H712473" s="12"/>
    </row>
    <row r="712474" spans="8:8">
      <c r="H712474" s="12"/>
    </row>
    <row r="712475" spans="8:8">
      <c r="H712475" s="12"/>
    </row>
    <row r="712476" spans="8:8">
      <c r="H712476" s="12"/>
    </row>
    <row r="712477" spans="8:8">
      <c r="H712477" s="12"/>
    </row>
    <row r="712478" spans="8:8">
      <c r="H712478" s="12"/>
    </row>
    <row r="712479" spans="8:8">
      <c r="H712479" s="12"/>
    </row>
    <row r="712480" spans="8:8">
      <c r="H712480" s="12"/>
    </row>
    <row r="712481" spans="8:8">
      <c r="H712481" s="12"/>
    </row>
    <row r="712482" spans="8:8">
      <c r="H712482" s="12"/>
    </row>
    <row r="712483" spans="8:8">
      <c r="H712483" s="12"/>
    </row>
    <row r="712484" spans="8:8">
      <c r="H712484" s="12"/>
    </row>
    <row r="712485" spans="8:8">
      <c r="H712485" s="12"/>
    </row>
    <row r="712486" spans="8:8">
      <c r="H712486" s="12"/>
    </row>
    <row r="712487" spans="8:8">
      <c r="H712487" s="12"/>
    </row>
    <row r="712488" spans="8:8">
      <c r="H712488" s="12"/>
    </row>
    <row r="712489" spans="8:8">
      <c r="H712489" s="12"/>
    </row>
    <row r="712490" spans="8:8">
      <c r="H712490" s="12"/>
    </row>
    <row r="712491" spans="8:8">
      <c r="H712491" s="12"/>
    </row>
    <row r="712492" spans="8:8">
      <c r="H712492" s="12"/>
    </row>
    <row r="712493" spans="8:8">
      <c r="H712493" s="12"/>
    </row>
    <row r="712494" spans="8:8">
      <c r="H712494" s="12"/>
    </row>
    <row r="712495" spans="8:8">
      <c r="H712495" s="12"/>
    </row>
    <row r="712496" spans="8:8">
      <c r="H712496" s="12"/>
    </row>
    <row r="712497" spans="8:8">
      <c r="H712497" s="12"/>
    </row>
    <row r="712498" spans="8:8">
      <c r="H712498" s="12"/>
    </row>
    <row r="712499" spans="8:8">
      <c r="H712499" s="12"/>
    </row>
    <row r="712500" spans="8:8">
      <c r="H712500" s="12"/>
    </row>
    <row r="712501" spans="8:8">
      <c r="H712501" s="12"/>
    </row>
    <row r="712502" spans="8:8">
      <c r="H712502" s="12"/>
    </row>
    <row r="712503" spans="8:8">
      <c r="H712503" s="12"/>
    </row>
    <row r="712504" spans="8:8">
      <c r="H712504" s="12"/>
    </row>
    <row r="712505" spans="8:8">
      <c r="H712505" s="12"/>
    </row>
    <row r="712506" spans="8:8">
      <c r="H712506" s="12"/>
    </row>
    <row r="712507" spans="8:8">
      <c r="H712507" s="12"/>
    </row>
    <row r="712508" spans="8:8">
      <c r="H712508" s="12"/>
    </row>
    <row r="712509" spans="8:8">
      <c r="H712509" s="12"/>
    </row>
    <row r="712510" spans="8:8">
      <c r="H712510" s="12"/>
    </row>
    <row r="712511" spans="8:8">
      <c r="H712511" s="12"/>
    </row>
    <row r="712512" spans="8:8">
      <c r="H712512" s="12"/>
    </row>
    <row r="712513" spans="8:8">
      <c r="H712513" s="12"/>
    </row>
    <row r="712514" spans="8:8">
      <c r="H712514" s="12"/>
    </row>
    <row r="712515" spans="8:8">
      <c r="H712515" s="12"/>
    </row>
    <row r="712516" spans="8:8">
      <c r="H712516" s="12"/>
    </row>
    <row r="712517" spans="8:8">
      <c r="H712517" s="12"/>
    </row>
    <row r="712518" spans="8:8">
      <c r="H712518" s="12"/>
    </row>
    <row r="712519" spans="8:8">
      <c r="H712519" s="12"/>
    </row>
    <row r="712520" spans="8:8">
      <c r="H712520" s="12"/>
    </row>
    <row r="712521" spans="8:8">
      <c r="H712521" s="12"/>
    </row>
    <row r="712522" spans="8:8">
      <c r="H712522" s="12"/>
    </row>
    <row r="712523" spans="8:8">
      <c r="H712523" s="12"/>
    </row>
    <row r="712524" spans="8:8">
      <c r="H712524" s="12"/>
    </row>
    <row r="712525" spans="8:8">
      <c r="H712525" s="12"/>
    </row>
    <row r="712526" spans="8:8">
      <c r="H712526" s="12"/>
    </row>
    <row r="712527" spans="8:8">
      <c r="H712527" s="12"/>
    </row>
    <row r="712528" spans="8:8">
      <c r="H712528" s="12"/>
    </row>
    <row r="712529" spans="8:8">
      <c r="H712529" s="12"/>
    </row>
    <row r="712530" spans="8:8">
      <c r="H712530" s="12"/>
    </row>
    <row r="712531" spans="8:8">
      <c r="H712531" s="12"/>
    </row>
    <row r="712532" spans="8:8">
      <c r="H712532" s="12"/>
    </row>
    <row r="712533" spans="8:8">
      <c r="H712533" s="12"/>
    </row>
    <row r="712534" spans="8:8">
      <c r="H712534" s="12"/>
    </row>
    <row r="712535" spans="8:8">
      <c r="H712535" s="12"/>
    </row>
    <row r="712536" spans="8:8">
      <c r="H712536" s="12"/>
    </row>
    <row r="712537" spans="8:8">
      <c r="H712537" s="12"/>
    </row>
    <row r="712538" spans="8:8">
      <c r="H712538" s="12"/>
    </row>
    <row r="712539" spans="8:8">
      <c r="H712539" s="12"/>
    </row>
    <row r="712540" spans="8:8">
      <c r="H712540" s="12"/>
    </row>
    <row r="712541" spans="8:8">
      <c r="H712541" s="12"/>
    </row>
    <row r="712542" spans="8:8">
      <c r="H712542" s="12"/>
    </row>
    <row r="712543" spans="8:8">
      <c r="H712543" s="12"/>
    </row>
    <row r="712544" spans="8:8">
      <c r="H712544" s="12"/>
    </row>
    <row r="712545" spans="8:8">
      <c r="H712545" s="12"/>
    </row>
    <row r="712546" spans="8:8">
      <c r="H712546" s="12"/>
    </row>
    <row r="712547" spans="8:8">
      <c r="H712547" s="12"/>
    </row>
    <row r="712548" spans="8:8">
      <c r="H712548" s="12"/>
    </row>
    <row r="712549" spans="8:8">
      <c r="H712549" s="12"/>
    </row>
    <row r="712550" spans="8:8">
      <c r="H712550" s="12"/>
    </row>
    <row r="712551" spans="8:8">
      <c r="H712551" s="12"/>
    </row>
    <row r="712552" spans="8:8">
      <c r="H712552" s="12"/>
    </row>
    <row r="712553" spans="8:8">
      <c r="H712553" s="12"/>
    </row>
    <row r="712554" spans="8:8">
      <c r="H712554" s="12"/>
    </row>
    <row r="712555" spans="8:8">
      <c r="H712555" s="12"/>
    </row>
    <row r="712556" spans="8:8">
      <c r="H712556" s="12"/>
    </row>
    <row r="712557" spans="8:8">
      <c r="H712557" s="12"/>
    </row>
    <row r="712558" spans="8:8">
      <c r="H712558" s="12"/>
    </row>
    <row r="712559" spans="8:8">
      <c r="H712559" s="12"/>
    </row>
    <row r="712560" spans="8:8">
      <c r="H712560" s="12"/>
    </row>
    <row r="712561" spans="8:8">
      <c r="H712561" s="12"/>
    </row>
    <row r="712562" spans="8:8">
      <c r="H712562" s="12"/>
    </row>
    <row r="712563" spans="8:8">
      <c r="H712563" s="12"/>
    </row>
    <row r="712564" spans="8:8">
      <c r="H712564" s="12"/>
    </row>
    <row r="712565" spans="8:8">
      <c r="H712565" s="12"/>
    </row>
    <row r="712566" spans="8:8">
      <c r="H712566" s="12"/>
    </row>
    <row r="712567" spans="8:8">
      <c r="H712567" s="12"/>
    </row>
    <row r="712568" spans="8:8">
      <c r="H712568" s="12"/>
    </row>
    <row r="712569" spans="8:8">
      <c r="H712569" s="12"/>
    </row>
    <row r="712570" spans="8:8">
      <c r="H712570" s="12"/>
    </row>
    <row r="712571" spans="8:8">
      <c r="H712571" s="12"/>
    </row>
    <row r="712572" spans="8:8">
      <c r="H712572" s="12"/>
    </row>
    <row r="712573" spans="8:8">
      <c r="H712573" s="12"/>
    </row>
    <row r="712574" spans="8:8">
      <c r="H712574" s="12"/>
    </row>
    <row r="712575" spans="8:8">
      <c r="H712575" s="12"/>
    </row>
    <row r="712576" spans="8:8">
      <c r="H712576" s="12"/>
    </row>
    <row r="712577" spans="8:8">
      <c r="H712577" s="12"/>
    </row>
    <row r="712578" spans="8:8">
      <c r="H712578" s="12"/>
    </row>
    <row r="712579" spans="8:8">
      <c r="H712579" s="12"/>
    </row>
    <row r="712580" spans="8:8">
      <c r="H712580" s="12"/>
    </row>
    <row r="712581" spans="8:8">
      <c r="H712581" s="12"/>
    </row>
    <row r="712582" spans="8:8">
      <c r="H712582" s="12"/>
    </row>
    <row r="712583" spans="8:8">
      <c r="H712583" s="12"/>
    </row>
    <row r="712584" spans="8:8">
      <c r="H712584" s="12"/>
    </row>
    <row r="712585" spans="8:8">
      <c r="H712585" s="12"/>
    </row>
    <row r="712586" spans="8:8">
      <c r="H712586" s="12"/>
    </row>
    <row r="712587" spans="8:8">
      <c r="H712587" s="12"/>
    </row>
    <row r="712588" spans="8:8">
      <c r="H712588" s="12"/>
    </row>
    <row r="712589" spans="8:8">
      <c r="H712589" s="12"/>
    </row>
    <row r="712590" spans="8:8">
      <c r="H712590" s="12"/>
    </row>
    <row r="712591" spans="8:8">
      <c r="H712591" s="12"/>
    </row>
    <row r="712592" spans="8:8">
      <c r="H712592" s="12"/>
    </row>
    <row r="712593" spans="8:8">
      <c r="H712593" s="12"/>
    </row>
    <row r="712594" spans="8:8">
      <c r="H712594" s="12"/>
    </row>
    <row r="712595" spans="8:8">
      <c r="H712595" s="12"/>
    </row>
    <row r="712596" spans="8:8">
      <c r="H712596" s="12"/>
    </row>
    <row r="712597" spans="8:8">
      <c r="H712597" s="12"/>
    </row>
    <row r="712598" spans="8:8">
      <c r="H712598" s="12"/>
    </row>
    <row r="712599" spans="8:8">
      <c r="H712599" s="12"/>
    </row>
    <row r="712600" spans="8:8">
      <c r="H712600" s="12"/>
    </row>
    <row r="712601" spans="8:8">
      <c r="H712601" s="12"/>
    </row>
    <row r="712602" spans="8:8">
      <c r="H712602" s="12"/>
    </row>
    <row r="712603" spans="8:8">
      <c r="H712603" s="12"/>
    </row>
    <row r="712604" spans="8:8">
      <c r="H712604" s="12"/>
    </row>
    <row r="712605" spans="8:8">
      <c r="H712605" s="12"/>
    </row>
    <row r="712606" spans="8:8">
      <c r="H712606" s="12"/>
    </row>
    <row r="712607" spans="8:8">
      <c r="H712607" s="12"/>
    </row>
    <row r="712608" spans="8:8">
      <c r="H712608" s="12"/>
    </row>
    <row r="712609" spans="8:8">
      <c r="H712609" s="12"/>
    </row>
    <row r="712610" spans="8:8">
      <c r="H712610" s="12"/>
    </row>
    <row r="712611" spans="8:8">
      <c r="H712611" s="12"/>
    </row>
    <row r="712612" spans="8:8">
      <c r="H712612" s="12"/>
    </row>
    <row r="712613" spans="8:8">
      <c r="H712613" s="12"/>
    </row>
    <row r="712614" spans="8:8">
      <c r="H712614" s="12"/>
    </row>
    <row r="712615" spans="8:8">
      <c r="H712615" s="12"/>
    </row>
    <row r="712616" spans="8:8">
      <c r="H712616" s="12"/>
    </row>
    <row r="712617" spans="8:8">
      <c r="H712617" s="12"/>
    </row>
    <row r="712618" spans="8:8">
      <c r="H712618" s="12"/>
    </row>
    <row r="712619" spans="8:8">
      <c r="H712619" s="12"/>
    </row>
    <row r="712620" spans="8:8">
      <c r="H712620" s="12"/>
    </row>
    <row r="712621" spans="8:8">
      <c r="H712621" s="12"/>
    </row>
    <row r="712622" spans="8:8">
      <c r="H712622" s="12"/>
    </row>
    <row r="712623" spans="8:8">
      <c r="H712623" s="12"/>
    </row>
    <row r="712624" spans="8:8">
      <c r="H712624" s="12"/>
    </row>
    <row r="712625" spans="8:8">
      <c r="H712625" s="12"/>
    </row>
    <row r="712626" spans="8:8">
      <c r="H712626" s="12"/>
    </row>
    <row r="712627" spans="8:8">
      <c r="H712627" s="12"/>
    </row>
    <row r="712628" spans="8:8">
      <c r="H712628" s="12"/>
    </row>
    <row r="712629" spans="8:8">
      <c r="H712629" s="12"/>
    </row>
    <row r="712630" spans="8:8">
      <c r="H712630" s="12"/>
    </row>
    <row r="712631" spans="8:8">
      <c r="H712631" s="12"/>
    </row>
    <row r="712632" spans="8:8">
      <c r="H712632" s="12"/>
    </row>
    <row r="712633" spans="8:8">
      <c r="H712633" s="12"/>
    </row>
    <row r="712634" spans="8:8">
      <c r="H712634" s="12"/>
    </row>
    <row r="712635" spans="8:8">
      <c r="H712635" s="12"/>
    </row>
    <row r="712636" spans="8:8">
      <c r="H712636" s="12"/>
    </row>
    <row r="712637" spans="8:8">
      <c r="H712637" s="12"/>
    </row>
    <row r="712638" spans="8:8">
      <c r="H712638" s="12"/>
    </row>
    <row r="712639" spans="8:8">
      <c r="H712639" s="12"/>
    </row>
    <row r="712640" spans="8:8">
      <c r="H712640" s="12"/>
    </row>
    <row r="712641" spans="8:8">
      <c r="H712641" s="12"/>
    </row>
    <row r="712642" spans="8:8">
      <c r="H712642" s="12"/>
    </row>
    <row r="712643" spans="8:8">
      <c r="H712643" s="12"/>
    </row>
    <row r="712644" spans="8:8">
      <c r="H712644" s="12"/>
    </row>
    <row r="712645" spans="8:8">
      <c r="H712645" s="12"/>
    </row>
    <row r="712646" spans="8:8">
      <c r="H712646" s="12"/>
    </row>
    <row r="712647" spans="8:8">
      <c r="H712647" s="12"/>
    </row>
    <row r="712648" spans="8:8">
      <c r="H712648" s="12"/>
    </row>
    <row r="712649" spans="8:8">
      <c r="H712649" s="12"/>
    </row>
    <row r="712650" spans="8:8">
      <c r="H712650" s="12"/>
    </row>
    <row r="712651" spans="8:8">
      <c r="H712651" s="12"/>
    </row>
    <row r="712652" spans="8:8">
      <c r="H712652" s="12"/>
    </row>
    <row r="712653" spans="8:8">
      <c r="H712653" s="12"/>
    </row>
    <row r="712654" spans="8:8">
      <c r="H712654" s="12"/>
    </row>
    <row r="712655" spans="8:8">
      <c r="H712655" s="12"/>
    </row>
    <row r="712656" spans="8:8">
      <c r="H712656" s="12"/>
    </row>
    <row r="712657" spans="8:8">
      <c r="H712657" s="12"/>
    </row>
    <row r="712658" spans="8:8">
      <c r="H712658" s="12"/>
    </row>
    <row r="712659" spans="8:8">
      <c r="H712659" s="12"/>
    </row>
    <row r="712660" spans="8:8">
      <c r="H712660" s="12"/>
    </row>
    <row r="712661" spans="8:8">
      <c r="H712661" s="12"/>
    </row>
    <row r="712662" spans="8:8">
      <c r="H712662" s="12"/>
    </row>
    <row r="712663" spans="8:8">
      <c r="H712663" s="12"/>
    </row>
    <row r="712664" spans="8:8">
      <c r="H712664" s="12"/>
    </row>
    <row r="712665" spans="8:8">
      <c r="H712665" s="12"/>
    </row>
    <row r="712666" spans="8:8">
      <c r="H712666" s="12"/>
    </row>
    <row r="712667" spans="8:8">
      <c r="H712667" s="12"/>
    </row>
    <row r="712668" spans="8:8">
      <c r="H712668" s="12"/>
    </row>
    <row r="712669" spans="8:8">
      <c r="H712669" s="12"/>
    </row>
    <row r="712670" spans="8:8">
      <c r="H712670" s="12"/>
    </row>
    <row r="712671" spans="8:8">
      <c r="H712671" s="12"/>
    </row>
    <row r="712672" spans="8:8">
      <c r="H712672" s="12"/>
    </row>
    <row r="712673" spans="8:8">
      <c r="H712673" s="12"/>
    </row>
    <row r="712674" spans="8:8">
      <c r="H712674" s="12"/>
    </row>
    <row r="712675" spans="8:8">
      <c r="H712675" s="12"/>
    </row>
    <row r="712676" spans="8:8">
      <c r="H712676" s="12"/>
    </row>
    <row r="712677" spans="8:8">
      <c r="H712677" s="12"/>
    </row>
    <row r="712678" spans="8:8">
      <c r="H712678" s="12"/>
    </row>
    <row r="712679" spans="8:8">
      <c r="H712679" s="12"/>
    </row>
    <row r="712680" spans="8:8">
      <c r="H712680" s="12"/>
    </row>
    <row r="712681" spans="8:8">
      <c r="H712681" s="12"/>
    </row>
    <row r="712682" spans="8:8">
      <c r="H712682" s="12"/>
    </row>
    <row r="712683" spans="8:8">
      <c r="H712683" s="12"/>
    </row>
    <row r="712684" spans="8:8">
      <c r="H712684" s="12"/>
    </row>
    <row r="712685" spans="8:8">
      <c r="H712685" s="12"/>
    </row>
    <row r="712686" spans="8:8">
      <c r="H712686" s="12"/>
    </row>
    <row r="712687" spans="8:8">
      <c r="H712687" s="12"/>
    </row>
    <row r="712688" spans="8:8">
      <c r="H712688" s="12"/>
    </row>
    <row r="712689" spans="8:8">
      <c r="H712689" s="12"/>
    </row>
    <row r="712690" spans="8:8">
      <c r="H712690" s="12"/>
    </row>
    <row r="712691" spans="8:8">
      <c r="H712691" s="12"/>
    </row>
    <row r="712692" spans="8:8">
      <c r="H712692" s="12"/>
    </row>
    <row r="712693" spans="8:8">
      <c r="H712693" s="12"/>
    </row>
    <row r="712694" spans="8:8">
      <c r="H712694" s="12"/>
    </row>
    <row r="712695" spans="8:8">
      <c r="H712695" s="12"/>
    </row>
    <row r="712696" spans="8:8">
      <c r="H712696" s="12"/>
    </row>
    <row r="712697" spans="8:8">
      <c r="H712697" s="12"/>
    </row>
    <row r="712698" spans="8:8">
      <c r="H712698" s="12"/>
    </row>
    <row r="712699" spans="8:8">
      <c r="H712699" s="12"/>
    </row>
    <row r="712700" spans="8:8">
      <c r="H712700" s="12"/>
    </row>
    <row r="712701" spans="8:8">
      <c r="H712701" s="12"/>
    </row>
    <row r="712702" spans="8:8">
      <c r="H712702" s="12"/>
    </row>
    <row r="712703" spans="8:8">
      <c r="H712703" s="12"/>
    </row>
    <row r="712704" spans="8:8">
      <c r="H712704" s="12"/>
    </row>
    <row r="712705" spans="8:8">
      <c r="H712705" s="12"/>
    </row>
    <row r="712706" spans="8:8">
      <c r="H712706" s="12"/>
    </row>
    <row r="712707" spans="8:8">
      <c r="H712707" s="12"/>
    </row>
    <row r="712708" spans="8:8">
      <c r="H712708" s="12"/>
    </row>
    <row r="712709" spans="8:8">
      <c r="H712709" s="12"/>
    </row>
    <row r="712710" spans="8:8">
      <c r="H712710" s="12"/>
    </row>
    <row r="712711" spans="8:8">
      <c r="H712711" s="12"/>
    </row>
    <row r="712712" spans="8:8">
      <c r="H712712" s="12"/>
    </row>
    <row r="712713" spans="8:8">
      <c r="H712713" s="12"/>
    </row>
    <row r="712714" spans="8:8">
      <c r="H712714" s="12"/>
    </row>
    <row r="712715" spans="8:8">
      <c r="H712715" s="12"/>
    </row>
    <row r="712716" spans="8:8">
      <c r="H712716" s="12"/>
    </row>
    <row r="712717" spans="8:8">
      <c r="H712717" s="12"/>
    </row>
    <row r="712718" spans="8:8">
      <c r="H712718" s="12"/>
    </row>
    <row r="712719" spans="8:8">
      <c r="H712719" s="12"/>
    </row>
    <row r="712720" spans="8:8">
      <c r="H712720" s="12"/>
    </row>
    <row r="712721" spans="8:8">
      <c r="H712721" s="12"/>
    </row>
    <row r="712722" spans="8:8">
      <c r="H712722" s="12"/>
    </row>
    <row r="712723" spans="8:8">
      <c r="H712723" s="12"/>
    </row>
    <row r="712724" spans="8:8">
      <c r="H712724" s="12"/>
    </row>
    <row r="712725" spans="8:8">
      <c r="H712725" s="12"/>
    </row>
    <row r="712726" spans="8:8">
      <c r="H712726" s="12"/>
    </row>
    <row r="712727" spans="8:8">
      <c r="H712727" s="12"/>
    </row>
    <row r="712728" spans="8:8">
      <c r="H712728" s="12"/>
    </row>
    <row r="712729" spans="8:8">
      <c r="H712729" s="12"/>
    </row>
    <row r="712730" spans="8:8">
      <c r="H712730" s="12"/>
    </row>
    <row r="712731" spans="8:8">
      <c r="H712731" s="12"/>
    </row>
    <row r="712732" spans="8:8">
      <c r="H712732" s="12"/>
    </row>
    <row r="712733" spans="8:8">
      <c r="H712733" s="12"/>
    </row>
    <row r="712734" spans="8:8">
      <c r="H712734" s="12"/>
    </row>
    <row r="712735" spans="8:8">
      <c r="H712735" s="12"/>
    </row>
    <row r="712736" spans="8:8">
      <c r="H712736" s="12"/>
    </row>
    <row r="712737" spans="8:8">
      <c r="H712737" s="12"/>
    </row>
    <row r="712738" spans="8:8">
      <c r="H712738" s="12"/>
    </row>
    <row r="712739" spans="8:8">
      <c r="H712739" s="12"/>
    </row>
    <row r="712740" spans="8:8">
      <c r="H712740" s="12"/>
    </row>
    <row r="712741" spans="8:8">
      <c r="H712741" s="12"/>
    </row>
    <row r="712742" spans="8:8">
      <c r="H712742" s="12"/>
    </row>
    <row r="712743" spans="8:8">
      <c r="H712743" s="12"/>
    </row>
    <row r="712744" spans="8:8">
      <c r="H712744" s="12"/>
    </row>
    <row r="712745" spans="8:8">
      <c r="H712745" s="12"/>
    </row>
    <row r="712746" spans="8:8">
      <c r="H712746" s="12"/>
    </row>
    <row r="712747" spans="8:8">
      <c r="H712747" s="12"/>
    </row>
    <row r="712748" spans="8:8">
      <c r="H712748" s="12"/>
    </row>
    <row r="712749" spans="8:8">
      <c r="H712749" s="12"/>
    </row>
    <row r="712750" spans="8:8">
      <c r="H712750" s="12"/>
    </row>
    <row r="712751" spans="8:8">
      <c r="H712751" s="12"/>
    </row>
    <row r="712752" spans="8:8">
      <c r="H712752" s="12"/>
    </row>
    <row r="712753" spans="8:8">
      <c r="H712753" s="12"/>
    </row>
    <row r="712754" spans="8:8">
      <c r="H712754" s="12"/>
    </row>
    <row r="712755" spans="8:8">
      <c r="H712755" s="12"/>
    </row>
    <row r="712756" spans="8:8">
      <c r="H712756" s="12"/>
    </row>
    <row r="712757" spans="8:8">
      <c r="H712757" s="12"/>
    </row>
    <row r="712758" spans="8:8">
      <c r="H712758" s="12"/>
    </row>
    <row r="712759" spans="8:8">
      <c r="H712759" s="12"/>
    </row>
    <row r="712760" spans="8:8">
      <c r="H712760" s="12"/>
    </row>
    <row r="712761" spans="8:8">
      <c r="H712761" s="12"/>
    </row>
    <row r="712762" spans="8:8">
      <c r="H712762" s="12"/>
    </row>
    <row r="712763" spans="8:8">
      <c r="H712763" s="12"/>
    </row>
    <row r="712764" spans="8:8">
      <c r="H712764" s="12"/>
    </row>
    <row r="712765" spans="8:8">
      <c r="H712765" s="12"/>
    </row>
    <row r="712766" spans="8:8">
      <c r="H712766" s="12"/>
    </row>
    <row r="712767" spans="8:8">
      <c r="H712767" s="12"/>
    </row>
    <row r="712768" spans="8:8">
      <c r="H712768" s="12"/>
    </row>
    <row r="712769" spans="8:8">
      <c r="H712769" s="12"/>
    </row>
    <row r="712770" spans="8:8">
      <c r="H712770" s="12"/>
    </row>
    <row r="712771" spans="8:8">
      <c r="H712771" s="12"/>
    </row>
    <row r="712772" spans="8:8">
      <c r="H712772" s="12"/>
    </row>
    <row r="712773" spans="8:8">
      <c r="H712773" s="12"/>
    </row>
    <row r="712774" spans="8:8">
      <c r="H712774" s="12"/>
    </row>
    <row r="712775" spans="8:8">
      <c r="H712775" s="12"/>
    </row>
    <row r="712776" spans="8:8">
      <c r="H712776" s="12"/>
    </row>
    <row r="712777" spans="8:8">
      <c r="H712777" s="12"/>
    </row>
    <row r="712778" spans="8:8">
      <c r="H712778" s="12"/>
    </row>
    <row r="712779" spans="8:8">
      <c r="H712779" s="12"/>
    </row>
    <row r="712780" spans="8:8">
      <c r="H712780" s="12"/>
    </row>
    <row r="712781" spans="8:8">
      <c r="H712781" s="12"/>
    </row>
    <row r="712782" spans="8:8">
      <c r="H712782" s="12"/>
    </row>
    <row r="712783" spans="8:8">
      <c r="H712783" s="12"/>
    </row>
    <row r="712784" spans="8:8">
      <c r="H712784" s="12"/>
    </row>
    <row r="712785" spans="8:8">
      <c r="H712785" s="12"/>
    </row>
    <row r="712786" spans="8:8">
      <c r="H712786" s="12"/>
    </row>
    <row r="712787" spans="8:8">
      <c r="H712787" s="12"/>
    </row>
    <row r="712788" spans="8:8">
      <c r="H712788" s="12"/>
    </row>
    <row r="712789" spans="8:8">
      <c r="H712789" s="12"/>
    </row>
    <row r="712790" spans="8:8">
      <c r="H712790" s="12"/>
    </row>
    <row r="712791" spans="8:8">
      <c r="H712791" s="12"/>
    </row>
    <row r="712792" spans="8:8">
      <c r="H712792" s="12"/>
    </row>
    <row r="712793" spans="8:8">
      <c r="H712793" s="12"/>
    </row>
    <row r="712794" spans="8:8">
      <c r="H712794" s="12"/>
    </row>
    <row r="712795" spans="8:8">
      <c r="H712795" s="12"/>
    </row>
    <row r="712796" spans="8:8">
      <c r="H712796" s="12"/>
    </row>
    <row r="712797" spans="8:8">
      <c r="H712797" s="12"/>
    </row>
    <row r="712798" spans="8:8">
      <c r="H712798" s="12"/>
    </row>
    <row r="712799" spans="8:8">
      <c r="H712799" s="12"/>
    </row>
    <row r="712800" spans="8:8">
      <c r="H712800" s="12"/>
    </row>
    <row r="712801" spans="8:8">
      <c r="H712801" s="12"/>
    </row>
    <row r="712802" spans="8:8">
      <c r="H712802" s="12"/>
    </row>
    <row r="712803" spans="8:8">
      <c r="H712803" s="12"/>
    </row>
    <row r="712804" spans="8:8">
      <c r="H712804" s="12"/>
    </row>
    <row r="712805" spans="8:8">
      <c r="H712805" s="12"/>
    </row>
    <row r="712806" spans="8:8">
      <c r="H712806" s="12"/>
    </row>
    <row r="712807" spans="8:8">
      <c r="H712807" s="12"/>
    </row>
    <row r="712808" spans="8:8">
      <c r="H712808" s="12"/>
    </row>
    <row r="712809" spans="8:8">
      <c r="H712809" s="12"/>
    </row>
    <row r="712810" spans="8:8">
      <c r="H712810" s="12"/>
    </row>
    <row r="712811" spans="8:8">
      <c r="H712811" s="12"/>
    </row>
    <row r="712812" spans="8:8">
      <c r="H712812" s="12"/>
    </row>
    <row r="712813" spans="8:8">
      <c r="H712813" s="12"/>
    </row>
    <row r="712814" spans="8:8">
      <c r="H712814" s="12"/>
    </row>
    <row r="712815" spans="8:8">
      <c r="H712815" s="12"/>
    </row>
    <row r="712816" spans="8:8">
      <c r="H712816" s="12"/>
    </row>
    <row r="712817" spans="8:8">
      <c r="H712817" s="12"/>
    </row>
    <row r="712818" spans="8:8">
      <c r="H712818" s="12"/>
    </row>
    <row r="712819" spans="8:8">
      <c r="H712819" s="12"/>
    </row>
    <row r="712820" spans="8:8">
      <c r="H712820" s="12"/>
    </row>
    <row r="712821" spans="8:8">
      <c r="H712821" s="12"/>
    </row>
    <row r="712822" spans="8:8">
      <c r="H712822" s="12"/>
    </row>
    <row r="712823" spans="8:8">
      <c r="H712823" s="12"/>
    </row>
    <row r="712824" spans="8:8">
      <c r="H712824" s="12"/>
    </row>
    <row r="712825" spans="8:8">
      <c r="H712825" s="12"/>
    </row>
    <row r="712826" spans="8:8">
      <c r="H712826" s="12"/>
    </row>
    <row r="712827" spans="8:8">
      <c r="H712827" s="12"/>
    </row>
    <row r="712828" spans="8:8">
      <c r="H712828" s="12"/>
    </row>
    <row r="712829" spans="8:8">
      <c r="H712829" s="12"/>
    </row>
    <row r="712830" spans="8:8">
      <c r="H712830" s="12"/>
    </row>
    <row r="712831" spans="8:8">
      <c r="H712831" s="12"/>
    </row>
    <row r="712832" spans="8:8">
      <c r="H712832" s="12"/>
    </row>
    <row r="712833" spans="8:8">
      <c r="H712833" s="12"/>
    </row>
    <row r="712834" spans="8:8">
      <c r="H712834" s="12"/>
    </row>
    <row r="712835" spans="8:8">
      <c r="H712835" s="12"/>
    </row>
    <row r="712836" spans="8:8">
      <c r="H712836" s="12"/>
    </row>
    <row r="712837" spans="8:8">
      <c r="H712837" s="12"/>
    </row>
    <row r="712838" spans="8:8">
      <c r="H712838" s="12"/>
    </row>
    <row r="712839" spans="8:8">
      <c r="H712839" s="12"/>
    </row>
    <row r="712840" spans="8:8">
      <c r="H712840" s="12"/>
    </row>
    <row r="712841" spans="8:8">
      <c r="H712841" s="12"/>
    </row>
    <row r="712842" spans="8:8">
      <c r="H712842" s="12"/>
    </row>
    <row r="712843" spans="8:8">
      <c r="H712843" s="12"/>
    </row>
    <row r="712844" spans="8:8">
      <c r="H712844" s="12"/>
    </row>
    <row r="712845" spans="8:8">
      <c r="H712845" s="12"/>
    </row>
    <row r="712846" spans="8:8">
      <c r="H712846" s="12"/>
    </row>
    <row r="712847" spans="8:8">
      <c r="H712847" s="12"/>
    </row>
    <row r="712848" spans="8:8">
      <c r="H712848" s="12"/>
    </row>
    <row r="712849" spans="8:8">
      <c r="H712849" s="12"/>
    </row>
    <row r="712850" spans="8:8">
      <c r="H712850" s="12"/>
    </row>
    <row r="712851" spans="8:8">
      <c r="H712851" s="12"/>
    </row>
    <row r="712852" spans="8:8">
      <c r="H712852" s="12"/>
    </row>
    <row r="712853" spans="8:8">
      <c r="H712853" s="12"/>
    </row>
    <row r="712854" spans="8:8">
      <c r="H712854" s="12"/>
    </row>
    <row r="712855" spans="8:8">
      <c r="H712855" s="12"/>
    </row>
    <row r="712856" spans="8:8">
      <c r="H712856" s="12"/>
    </row>
    <row r="712857" spans="8:8">
      <c r="H712857" s="12"/>
    </row>
    <row r="712858" spans="8:8">
      <c r="H712858" s="12"/>
    </row>
    <row r="712859" spans="8:8">
      <c r="H712859" s="12"/>
    </row>
    <row r="712860" spans="8:8">
      <c r="H712860" s="12"/>
    </row>
    <row r="712861" spans="8:8">
      <c r="H712861" s="12"/>
    </row>
    <row r="712862" spans="8:8">
      <c r="H712862" s="12"/>
    </row>
    <row r="712863" spans="8:8">
      <c r="H712863" s="12"/>
    </row>
    <row r="712864" spans="8:8">
      <c r="H712864" s="12"/>
    </row>
    <row r="712865" spans="8:8">
      <c r="H712865" s="12"/>
    </row>
    <row r="712866" spans="8:8">
      <c r="H712866" s="12"/>
    </row>
    <row r="712867" spans="8:8">
      <c r="H712867" s="12"/>
    </row>
    <row r="712868" spans="8:8">
      <c r="H712868" s="12"/>
    </row>
    <row r="712869" spans="8:8">
      <c r="H712869" s="12"/>
    </row>
    <row r="712870" spans="8:8">
      <c r="H712870" s="12"/>
    </row>
    <row r="712871" spans="8:8">
      <c r="H712871" s="12"/>
    </row>
    <row r="712872" spans="8:8">
      <c r="H712872" s="12"/>
    </row>
    <row r="712873" spans="8:8">
      <c r="H712873" s="12"/>
    </row>
    <row r="712874" spans="8:8">
      <c r="H712874" s="12"/>
    </row>
    <row r="712875" spans="8:8">
      <c r="H712875" s="12"/>
    </row>
    <row r="712876" spans="8:8">
      <c r="H712876" s="12"/>
    </row>
    <row r="712877" spans="8:8">
      <c r="H712877" s="12"/>
    </row>
    <row r="712878" spans="8:8">
      <c r="H712878" s="12"/>
    </row>
    <row r="712879" spans="8:8">
      <c r="H712879" s="12"/>
    </row>
    <row r="712880" spans="8:8">
      <c r="H712880" s="12"/>
    </row>
    <row r="712881" spans="8:8">
      <c r="H712881" s="12"/>
    </row>
    <row r="712882" spans="8:8">
      <c r="H712882" s="12"/>
    </row>
    <row r="712883" spans="8:8">
      <c r="H712883" s="12"/>
    </row>
    <row r="712884" spans="8:8">
      <c r="H712884" s="12"/>
    </row>
    <row r="712885" spans="8:8">
      <c r="H712885" s="12"/>
    </row>
    <row r="712886" spans="8:8">
      <c r="H712886" s="12"/>
    </row>
    <row r="712887" spans="8:8">
      <c r="H712887" s="12"/>
    </row>
    <row r="712888" spans="8:8">
      <c r="H712888" s="12"/>
    </row>
    <row r="712889" spans="8:8">
      <c r="H712889" s="12"/>
    </row>
    <row r="712890" spans="8:8">
      <c r="H712890" s="12"/>
    </row>
    <row r="712891" spans="8:8">
      <c r="H712891" s="12"/>
    </row>
    <row r="712892" spans="8:8">
      <c r="H712892" s="12"/>
    </row>
    <row r="712893" spans="8:8">
      <c r="H712893" s="12"/>
    </row>
    <row r="712894" spans="8:8">
      <c r="H712894" s="12"/>
    </row>
    <row r="712895" spans="8:8">
      <c r="H712895" s="12"/>
    </row>
    <row r="712896" spans="8:8">
      <c r="H712896" s="12"/>
    </row>
    <row r="712897" spans="8:8">
      <c r="H712897" s="12"/>
    </row>
    <row r="712898" spans="8:8">
      <c r="H712898" s="12"/>
    </row>
    <row r="712899" spans="8:8">
      <c r="H712899" s="12"/>
    </row>
    <row r="712900" spans="8:8">
      <c r="H712900" s="12"/>
    </row>
    <row r="712901" spans="8:8">
      <c r="H712901" s="12"/>
    </row>
    <row r="712902" spans="8:8">
      <c r="H712902" s="12"/>
    </row>
    <row r="712903" spans="8:8">
      <c r="H712903" s="12"/>
    </row>
    <row r="712904" spans="8:8">
      <c r="H712904" s="12"/>
    </row>
    <row r="712905" spans="8:8">
      <c r="H712905" s="12"/>
    </row>
    <row r="712906" spans="8:8">
      <c r="H712906" s="12"/>
    </row>
    <row r="712907" spans="8:8">
      <c r="H712907" s="12"/>
    </row>
    <row r="712908" spans="8:8">
      <c r="H712908" s="12"/>
    </row>
    <row r="712909" spans="8:8">
      <c r="H712909" s="12"/>
    </row>
    <row r="712910" spans="8:8">
      <c r="H712910" s="12"/>
    </row>
    <row r="712911" spans="8:8">
      <c r="H712911" s="12"/>
    </row>
    <row r="712912" spans="8:8">
      <c r="H712912" s="12"/>
    </row>
    <row r="712913" spans="8:8">
      <c r="H712913" s="12"/>
    </row>
    <row r="712914" spans="8:8">
      <c r="H712914" s="12"/>
    </row>
    <row r="712915" spans="8:8">
      <c r="H712915" s="12"/>
    </row>
    <row r="712916" spans="8:8">
      <c r="H712916" s="12"/>
    </row>
    <row r="712917" spans="8:8">
      <c r="H712917" s="12"/>
    </row>
    <row r="712918" spans="8:8">
      <c r="H712918" s="12"/>
    </row>
    <row r="712919" spans="8:8">
      <c r="H712919" s="12"/>
    </row>
    <row r="712920" spans="8:8">
      <c r="H712920" s="12"/>
    </row>
    <row r="712921" spans="8:8">
      <c r="H712921" s="12"/>
    </row>
    <row r="712922" spans="8:8">
      <c r="H712922" s="12"/>
    </row>
    <row r="712923" spans="8:8">
      <c r="H712923" s="12"/>
    </row>
    <row r="712924" spans="8:8">
      <c r="H712924" s="12"/>
    </row>
    <row r="712925" spans="8:8">
      <c r="H712925" s="12"/>
    </row>
    <row r="712926" spans="8:8">
      <c r="H712926" s="12"/>
    </row>
    <row r="712927" spans="8:8">
      <c r="H712927" s="12"/>
    </row>
    <row r="712928" spans="8:8">
      <c r="H712928" s="12"/>
    </row>
    <row r="712929" spans="8:8">
      <c r="H712929" s="12"/>
    </row>
    <row r="712930" spans="8:8">
      <c r="H712930" s="12"/>
    </row>
    <row r="712931" spans="8:8">
      <c r="H712931" s="12"/>
    </row>
    <row r="712932" spans="8:8">
      <c r="H712932" s="12"/>
    </row>
    <row r="712933" spans="8:8">
      <c r="H712933" s="12"/>
    </row>
    <row r="712934" spans="8:8">
      <c r="H712934" s="12"/>
    </row>
    <row r="712935" spans="8:8">
      <c r="H712935" s="12"/>
    </row>
    <row r="712936" spans="8:8">
      <c r="H712936" s="12"/>
    </row>
    <row r="712937" spans="8:8">
      <c r="H712937" s="12"/>
    </row>
    <row r="712938" spans="8:8">
      <c r="H712938" s="12"/>
    </row>
    <row r="712939" spans="8:8">
      <c r="H712939" s="12"/>
    </row>
    <row r="712940" spans="8:8">
      <c r="H712940" s="12"/>
    </row>
    <row r="712941" spans="8:8">
      <c r="H712941" s="12"/>
    </row>
    <row r="712942" spans="8:8">
      <c r="H712942" s="12"/>
    </row>
    <row r="712943" spans="8:8">
      <c r="H712943" s="12"/>
    </row>
    <row r="712944" spans="8:8">
      <c r="H712944" s="12"/>
    </row>
    <row r="712945" spans="8:8">
      <c r="H712945" s="12"/>
    </row>
    <row r="712946" spans="8:8">
      <c r="H712946" s="12"/>
    </row>
    <row r="712947" spans="8:8">
      <c r="H712947" s="12"/>
    </row>
    <row r="712948" spans="8:8">
      <c r="H712948" s="12"/>
    </row>
    <row r="712949" spans="8:8">
      <c r="H712949" s="12"/>
    </row>
    <row r="712950" spans="8:8">
      <c r="H712950" s="12"/>
    </row>
    <row r="712951" spans="8:8">
      <c r="H712951" s="12"/>
    </row>
    <row r="712952" spans="8:8">
      <c r="H712952" s="12"/>
    </row>
    <row r="712953" spans="8:8">
      <c r="H712953" s="12"/>
    </row>
    <row r="712954" spans="8:8">
      <c r="H712954" s="12"/>
    </row>
    <row r="712955" spans="8:8">
      <c r="H712955" s="12"/>
    </row>
    <row r="712956" spans="8:8">
      <c r="H712956" s="12"/>
    </row>
    <row r="712957" spans="8:8">
      <c r="H712957" s="12"/>
    </row>
    <row r="712958" spans="8:8">
      <c r="H712958" s="12"/>
    </row>
    <row r="712959" spans="8:8">
      <c r="H712959" s="12"/>
    </row>
    <row r="712960" spans="8:8">
      <c r="H712960" s="12"/>
    </row>
    <row r="712961" spans="8:8">
      <c r="H712961" s="12"/>
    </row>
    <row r="712962" spans="8:8">
      <c r="H712962" s="12"/>
    </row>
    <row r="712963" spans="8:8">
      <c r="H712963" s="12"/>
    </row>
    <row r="712964" spans="8:8">
      <c r="H712964" s="12"/>
    </row>
    <row r="712965" spans="8:8">
      <c r="H712965" s="12"/>
    </row>
    <row r="712966" spans="8:8">
      <c r="H712966" s="12"/>
    </row>
    <row r="712967" spans="8:8">
      <c r="H712967" s="12"/>
    </row>
    <row r="712968" spans="8:8">
      <c r="H712968" s="12"/>
    </row>
    <row r="712969" spans="8:8">
      <c r="H712969" s="12"/>
    </row>
    <row r="712970" spans="8:8">
      <c r="H712970" s="12"/>
    </row>
    <row r="712971" spans="8:8">
      <c r="H712971" s="12"/>
    </row>
    <row r="712972" spans="8:8">
      <c r="H712972" s="12"/>
    </row>
    <row r="712973" spans="8:8">
      <c r="H712973" s="12"/>
    </row>
    <row r="712974" spans="8:8">
      <c r="H712974" s="12"/>
    </row>
    <row r="712975" spans="8:8">
      <c r="H712975" s="12"/>
    </row>
    <row r="712976" spans="8:8">
      <c r="H712976" s="12"/>
    </row>
    <row r="712977" spans="8:8">
      <c r="H712977" s="12"/>
    </row>
    <row r="712978" spans="8:8">
      <c r="H712978" s="12"/>
    </row>
    <row r="712979" spans="8:8">
      <c r="H712979" s="12"/>
    </row>
    <row r="712980" spans="8:8">
      <c r="H712980" s="12"/>
    </row>
    <row r="712981" spans="8:8">
      <c r="H712981" s="12"/>
    </row>
    <row r="712982" spans="8:8">
      <c r="H712982" s="12"/>
    </row>
    <row r="712983" spans="8:8">
      <c r="H712983" s="12"/>
    </row>
    <row r="712984" spans="8:8">
      <c r="H712984" s="12"/>
    </row>
    <row r="712985" spans="8:8">
      <c r="H712985" s="12"/>
    </row>
    <row r="712986" spans="8:8">
      <c r="H712986" s="12"/>
    </row>
    <row r="712987" spans="8:8">
      <c r="H712987" s="12"/>
    </row>
    <row r="712988" spans="8:8">
      <c r="H712988" s="12"/>
    </row>
    <row r="712989" spans="8:8">
      <c r="H712989" s="12"/>
    </row>
    <row r="712990" spans="8:8">
      <c r="H712990" s="12"/>
    </row>
    <row r="712991" spans="8:8">
      <c r="H712991" s="12"/>
    </row>
    <row r="712992" spans="8:8">
      <c r="H712992" s="12"/>
    </row>
    <row r="712993" spans="8:8">
      <c r="H712993" s="12"/>
    </row>
    <row r="712994" spans="8:8">
      <c r="H712994" s="12"/>
    </row>
    <row r="712995" spans="8:8">
      <c r="H712995" s="12"/>
    </row>
    <row r="712996" spans="8:8">
      <c r="H712996" s="12"/>
    </row>
    <row r="712997" spans="8:8">
      <c r="H712997" s="12"/>
    </row>
    <row r="712998" spans="8:8">
      <c r="H712998" s="12"/>
    </row>
    <row r="712999" spans="8:8">
      <c r="H712999" s="12"/>
    </row>
    <row r="713000" spans="8:8">
      <c r="H713000" s="12"/>
    </row>
    <row r="713001" spans="8:8">
      <c r="H713001" s="12"/>
    </row>
    <row r="713002" spans="8:8">
      <c r="H713002" s="12"/>
    </row>
    <row r="713003" spans="8:8">
      <c r="H713003" s="12"/>
    </row>
    <row r="713004" spans="8:8">
      <c r="H713004" s="12"/>
    </row>
    <row r="713005" spans="8:8">
      <c r="H713005" s="12"/>
    </row>
    <row r="713006" spans="8:8">
      <c r="H713006" s="12"/>
    </row>
    <row r="713007" spans="8:8">
      <c r="H713007" s="12"/>
    </row>
    <row r="713008" spans="8:8">
      <c r="H713008" s="12"/>
    </row>
    <row r="713009" spans="8:8">
      <c r="H713009" s="12"/>
    </row>
    <row r="713010" spans="8:8">
      <c r="H713010" s="12"/>
    </row>
    <row r="713011" spans="8:8">
      <c r="H713011" s="12"/>
    </row>
    <row r="713012" spans="8:8">
      <c r="H713012" s="12"/>
    </row>
    <row r="713013" spans="8:8">
      <c r="H713013" s="12"/>
    </row>
    <row r="713014" spans="8:8">
      <c r="H713014" s="12"/>
    </row>
    <row r="713015" spans="8:8">
      <c r="H713015" s="12"/>
    </row>
    <row r="713016" spans="8:8">
      <c r="H713016" s="12"/>
    </row>
    <row r="713017" spans="8:8">
      <c r="H713017" s="12"/>
    </row>
    <row r="713018" spans="8:8">
      <c r="H713018" s="12"/>
    </row>
    <row r="713019" spans="8:8">
      <c r="H713019" s="12"/>
    </row>
    <row r="713020" spans="8:8">
      <c r="H713020" s="12"/>
    </row>
    <row r="713021" spans="8:8">
      <c r="H713021" s="12"/>
    </row>
    <row r="713022" spans="8:8">
      <c r="H713022" s="12"/>
    </row>
    <row r="713023" spans="8:8">
      <c r="H713023" s="12"/>
    </row>
    <row r="713024" spans="8:8">
      <c r="H713024" s="12"/>
    </row>
    <row r="713025" spans="8:8">
      <c r="H713025" s="12"/>
    </row>
    <row r="713026" spans="8:8">
      <c r="H713026" s="12"/>
    </row>
    <row r="713027" spans="8:8">
      <c r="H713027" s="12"/>
    </row>
    <row r="713028" spans="8:8">
      <c r="H713028" s="12"/>
    </row>
    <row r="713029" spans="8:8">
      <c r="H713029" s="12"/>
    </row>
    <row r="713030" spans="8:8">
      <c r="H713030" s="12"/>
    </row>
    <row r="713031" spans="8:8">
      <c r="H713031" s="12"/>
    </row>
    <row r="713032" spans="8:8">
      <c r="H713032" s="12"/>
    </row>
    <row r="713033" spans="8:8">
      <c r="H713033" s="12"/>
    </row>
    <row r="713034" spans="8:8">
      <c r="H713034" s="12"/>
    </row>
    <row r="713035" spans="8:8">
      <c r="H713035" s="12"/>
    </row>
    <row r="713036" spans="8:8">
      <c r="H713036" s="12"/>
    </row>
    <row r="713037" spans="8:8">
      <c r="H713037" s="12"/>
    </row>
    <row r="713038" spans="8:8">
      <c r="H713038" s="12"/>
    </row>
    <row r="713039" spans="8:8">
      <c r="H713039" s="12"/>
    </row>
    <row r="713040" spans="8:8">
      <c r="H713040" s="12"/>
    </row>
    <row r="713041" spans="8:8">
      <c r="H713041" s="12"/>
    </row>
    <row r="713042" spans="8:8">
      <c r="H713042" s="12"/>
    </row>
    <row r="713043" spans="8:8">
      <c r="H713043" s="12"/>
    </row>
    <row r="713044" spans="8:8">
      <c r="H713044" s="12"/>
    </row>
    <row r="713045" spans="8:8">
      <c r="H713045" s="12"/>
    </row>
    <row r="713046" spans="8:8">
      <c r="H713046" s="12"/>
    </row>
    <row r="713047" spans="8:8">
      <c r="H713047" s="12"/>
    </row>
    <row r="713048" spans="8:8">
      <c r="H713048" s="12"/>
    </row>
    <row r="713049" spans="8:8">
      <c r="H713049" s="12"/>
    </row>
    <row r="713050" spans="8:8">
      <c r="H713050" s="12"/>
    </row>
    <row r="713051" spans="8:8">
      <c r="H713051" s="12"/>
    </row>
    <row r="713052" spans="8:8">
      <c r="H713052" s="12"/>
    </row>
    <row r="713053" spans="8:8">
      <c r="H713053" s="12"/>
    </row>
    <row r="713054" spans="8:8">
      <c r="H713054" s="12"/>
    </row>
    <row r="713055" spans="8:8">
      <c r="H713055" s="12"/>
    </row>
    <row r="713056" spans="8:8">
      <c r="H713056" s="12"/>
    </row>
    <row r="713057" spans="8:8">
      <c r="H713057" s="12"/>
    </row>
    <row r="713058" spans="8:8">
      <c r="H713058" s="12"/>
    </row>
    <row r="713059" spans="8:8">
      <c r="H713059" s="12"/>
    </row>
    <row r="713060" spans="8:8">
      <c r="H713060" s="12"/>
    </row>
    <row r="713061" spans="8:8">
      <c r="H713061" s="12"/>
    </row>
    <row r="713062" spans="8:8">
      <c r="H713062" s="12"/>
    </row>
    <row r="713063" spans="8:8">
      <c r="H713063" s="12"/>
    </row>
    <row r="713064" spans="8:8">
      <c r="H713064" s="12"/>
    </row>
    <row r="713065" spans="8:8">
      <c r="H713065" s="12"/>
    </row>
    <row r="713066" spans="8:8">
      <c r="H713066" s="12"/>
    </row>
    <row r="713067" spans="8:8">
      <c r="H713067" s="12"/>
    </row>
    <row r="713068" spans="8:8">
      <c r="H713068" s="12"/>
    </row>
    <row r="713069" spans="8:8">
      <c r="H713069" s="12"/>
    </row>
    <row r="713070" spans="8:8">
      <c r="H713070" s="12"/>
    </row>
    <row r="713071" spans="8:8">
      <c r="H713071" s="12"/>
    </row>
    <row r="713072" spans="8:8">
      <c r="H713072" s="12"/>
    </row>
    <row r="713073" spans="8:8">
      <c r="H713073" s="12"/>
    </row>
    <row r="713074" spans="8:8">
      <c r="H713074" s="12"/>
    </row>
    <row r="713075" spans="8:8">
      <c r="H713075" s="12"/>
    </row>
    <row r="713076" spans="8:8">
      <c r="H713076" s="12"/>
    </row>
    <row r="713077" spans="8:8">
      <c r="H713077" s="12"/>
    </row>
    <row r="713078" spans="8:8">
      <c r="H713078" s="12"/>
    </row>
    <row r="713079" spans="8:8">
      <c r="H713079" s="12"/>
    </row>
    <row r="713080" spans="8:8">
      <c r="H713080" s="12"/>
    </row>
    <row r="713081" spans="8:8">
      <c r="H713081" s="12"/>
    </row>
    <row r="713082" spans="8:8">
      <c r="H713082" s="12"/>
    </row>
    <row r="713083" spans="8:8">
      <c r="H713083" s="12"/>
    </row>
    <row r="713084" spans="8:8">
      <c r="H713084" s="12"/>
    </row>
    <row r="713085" spans="8:8">
      <c r="H713085" s="12"/>
    </row>
    <row r="713086" spans="8:8">
      <c r="H713086" s="12"/>
    </row>
    <row r="713087" spans="8:8">
      <c r="H713087" s="12"/>
    </row>
    <row r="713088" spans="8:8">
      <c r="H713088" s="12"/>
    </row>
    <row r="713089" spans="8:8">
      <c r="H713089" s="12"/>
    </row>
    <row r="713090" spans="8:8">
      <c r="H713090" s="12"/>
    </row>
    <row r="713091" spans="8:8">
      <c r="H713091" s="12"/>
    </row>
    <row r="713092" spans="8:8">
      <c r="H713092" s="12"/>
    </row>
    <row r="713093" spans="8:8">
      <c r="H713093" s="12"/>
    </row>
    <row r="713094" spans="8:8">
      <c r="H713094" s="12"/>
    </row>
    <row r="713095" spans="8:8">
      <c r="H713095" s="12"/>
    </row>
    <row r="713096" spans="8:8">
      <c r="H713096" s="12"/>
    </row>
    <row r="713097" spans="8:8">
      <c r="H713097" s="12"/>
    </row>
    <row r="713098" spans="8:8">
      <c r="H713098" s="12"/>
    </row>
    <row r="713099" spans="8:8">
      <c r="H713099" s="12"/>
    </row>
    <row r="713100" spans="8:8">
      <c r="H713100" s="12"/>
    </row>
    <row r="713101" spans="8:8">
      <c r="H713101" s="12"/>
    </row>
    <row r="713102" spans="8:8">
      <c r="H713102" s="12"/>
    </row>
    <row r="713103" spans="8:8">
      <c r="H713103" s="12"/>
    </row>
    <row r="713104" spans="8:8">
      <c r="H713104" s="12"/>
    </row>
    <row r="713105" spans="8:8">
      <c r="H713105" s="12"/>
    </row>
    <row r="713106" spans="8:8">
      <c r="H713106" s="12"/>
    </row>
    <row r="713107" spans="8:8">
      <c r="H713107" s="12"/>
    </row>
    <row r="713108" spans="8:8">
      <c r="H713108" s="12"/>
    </row>
    <row r="713109" spans="8:8">
      <c r="H713109" s="12"/>
    </row>
    <row r="713110" spans="8:8">
      <c r="H713110" s="12"/>
    </row>
    <row r="713111" spans="8:8">
      <c r="H713111" s="12"/>
    </row>
    <row r="713112" spans="8:8">
      <c r="H713112" s="12"/>
    </row>
    <row r="713113" spans="8:8">
      <c r="H713113" s="12"/>
    </row>
    <row r="713114" spans="8:8">
      <c r="H713114" s="12"/>
    </row>
    <row r="713115" spans="8:8">
      <c r="H713115" s="12"/>
    </row>
    <row r="713116" spans="8:8">
      <c r="H713116" s="12"/>
    </row>
    <row r="713117" spans="8:8">
      <c r="H713117" s="12"/>
    </row>
    <row r="713118" spans="8:8">
      <c r="H713118" s="12"/>
    </row>
    <row r="713119" spans="8:8">
      <c r="H713119" s="12"/>
    </row>
    <row r="713120" spans="8:8">
      <c r="H713120" s="12"/>
    </row>
    <row r="713121" spans="8:8">
      <c r="H713121" s="12"/>
    </row>
    <row r="713122" spans="8:8">
      <c r="H713122" s="12"/>
    </row>
    <row r="713123" spans="8:8">
      <c r="H713123" s="12"/>
    </row>
    <row r="713124" spans="8:8">
      <c r="H713124" s="12"/>
    </row>
    <row r="713125" spans="8:8">
      <c r="H713125" s="12"/>
    </row>
    <row r="713126" spans="8:8">
      <c r="H713126" s="12"/>
    </row>
    <row r="713127" spans="8:8">
      <c r="H713127" s="12"/>
    </row>
    <row r="713128" spans="8:8">
      <c r="H713128" s="12"/>
    </row>
    <row r="713129" spans="8:8">
      <c r="H713129" s="12"/>
    </row>
    <row r="713130" spans="8:8">
      <c r="H713130" s="12"/>
    </row>
    <row r="713131" spans="8:8">
      <c r="H713131" s="12"/>
    </row>
    <row r="713132" spans="8:8">
      <c r="H713132" s="12"/>
    </row>
    <row r="713133" spans="8:8">
      <c r="H713133" s="12"/>
    </row>
    <row r="713134" spans="8:8">
      <c r="H713134" s="12"/>
    </row>
    <row r="713135" spans="8:8">
      <c r="H713135" s="12"/>
    </row>
    <row r="713136" spans="8:8">
      <c r="H713136" s="12"/>
    </row>
    <row r="713137" spans="8:8">
      <c r="H713137" s="12"/>
    </row>
    <row r="713138" spans="8:8">
      <c r="H713138" s="12"/>
    </row>
    <row r="713139" spans="8:8">
      <c r="H713139" s="12"/>
    </row>
    <row r="713140" spans="8:8">
      <c r="H713140" s="12"/>
    </row>
    <row r="713141" spans="8:8">
      <c r="H713141" s="12"/>
    </row>
    <row r="713142" spans="8:8">
      <c r="H713142" s="12"/>
    </row>
    <row r="713143" spans="8:8">
      <c r="H713143" s="12"/>
    </row>
    <row r="713144" spans="8:8">
      <c r="H713144" s="12"/>
    </row>
    <row r="713145" spans="8:8">
      <c r="H713145" s="12"/>
    </row>
    <row r="713146" spans="8:8">
      <c r="H713146" s="12"/>
    </row>
    <row r="713147" spans="8:8">
      <c r="H713147" s="12"/>
    </row>
    <row r="713148" spans="8:8">
      <c r="H713148" s="12"/>
    </row>
    <row r="713149" spans="8:8">
      <c r="H713149" s="12"/>
    </row>
    <row r="713150" spans="8:8">
      <c r="H713150" s="12"/>
    </row>
    <row r="713151" spans="8:8">
      <c r="H713151" s="12"/>
    </row>
    <row r="713152" spans="8:8">
      <c r="H713152" s="12"/>
    </row>
    <row r="713153" spans="8:8">
      <c r="H713153" s="12"/>
    </row>
    <row r="713154" spans="8:8">
      <c r="H713154" s="12"/>
    </row>
    <row r="713155" spans="8:8">
      <c r="H713155" s="12"/>
    </row>
    <row r="713156" spans="8:8">
      <c r="H713156" s="12"/>
    </row>
    <row r="713157" spans="8:8">
      <c r="H713157" s="12"/>
    </row>
    <row r="713158" spans="8:8">
      <c r="H713158" s="12"/>
    </row>
    <row r="713159" spans="8:8">
      <c r="H713159" s="12"/>
    </row>
    <row r="713160" spans="8:8">
      <c r="H713160" s="12"/>
    </row>
    <row r="713161" spans="8:8">
      <c r="H713161" s="12"/>
    </row>
    <row r="713162" spans="8:8">
      <c r="H713162" s="12"/>
    </row>
    <row r="713163" spans="8:8">
      <c r="H713163" s="12"/>
    </row>
    <row r="713164" spans="8:8">
      <c r="H713164" s="12"/>
    </row>
    <row r="713165" spans="8:8">
      <c r="H713165" s="12"/>
    </row>
    <row r="713166" spans="8:8">
      <c r="H713166" s="12"/>
    </row>
    <row r="713167" spans="8:8">
      <c r="H713167" s="12"/>
    </row>
    <row r="713168" spans="8:8">
      <c r="H713168" s="12"/>
    </row>
    <row r="713169" spans="8:8">
      <c r="H713169" s="12"/>
    </row>
    <row r="713170" spans="8:8">
      <c r="H713170" s="12"/>
    </row>
    <row r="713171" spans="8:8">
      <c r="H713171" s="12"/>
    </row>
    <row r="713172" spans="8:8">
      <c r="H713172" s="12"/>
    </row>
    <row r="713173" spans="8:8">
      <c r="H713173" s="12"/>
    </row>
    <row r="713174" spans="8:8">
      <c r="H713174" s="12"/>
    </row>
    <row r="713175" spans="8:8">
      <c r="H713175" s="12"/>
    </row>
    <row r="713176" spans="8:8">
      <c r="H713176" s="12"/>
    </row>
    <row r="713177" spans="8:8">
      <c r="H713177" s="12"/>
    </row>
    <row r="713178" spans="8:8">
      <c r="H713178" s="12"/>
    </row>
    <row r="713179" spans="8:8">
      <c r="H713179" s="12"/>
    </row>
    <row r="713180" spans="8:8">
      <c r="H713180" s="12"/>
    </row>
    <row r="713181" spans="8:8">
      <c r="H713181" s="12"/>
    </row>
    <row r="713182" spans="8:8">
      <c r="H713182" s="12"/>
    </row>
    <row r="713183" spans="8:8">
      <c r="H713183" s="12"/>
    </row>
    <row r="713184" spans="8:8">
      <c r="H713184" s="12"/>
    </row>
    <row r="713185" spans="8:8">
      <c r="H713185" s="12"/>
    </row>
    <row r="713186" spans="8:8">
      <c r="H713186" s="12"/>
    </row>
    <row r="713187" spans="8:8">
      <c r="H713187" s="12"/>
    </row>
    <row r="713188" spans="8:8">
      <c r="H713188" s="12"/>
    </row>
    <row r="713189" spans="8:8">
      <c r="H713189" s="12"/>
    </row>
    <row r="713190" spans="8:8">
      <c r="H713190" s="12"/>
    </row>
    <row r="713191" spans="8:8">
      <c r="H713191" s="12"/>
    </row>
    <row r="713192" spans="8:8">
      <c r="H713192" s="12"/>
    </row>
    <row r="713193" spans="8:8">
      <c r="H713193" s="12"/>
    </row>
    <row r="713194" spans="8:8">
      <c r="H713194" s="12"/>
    </row>
    <row r="713195" spans="8:8">
      <c r="H713195" s="12"/>
    </row>
    <row r="713196" spans="8:8">
      <c r="H713196" s="12"/>
    </row>
    <row r="713197" spans="8:8">
      <c r="H713197" s="12"/>
    </row>
    <row r="713198" spans="8:8">
      <c r="H713198" s="12"/>
    </row>
    <row r="713199" spans="8:8">
      <c r="H713199" s="12"/>
    </row>
    <row r="713200" spans="8:8">
      <c r="H713200" s="12"/>
    </row>
    <row r="713201" spans="8:8">
      <c r="H713201" s="12"/>
    </row>
    <row r="713202" spans="8:8">
      <c r="H713202" s="12"/>
    </row>
    <row r="713203" spans="8:8">
      <c r="H713203" s="12"/>
    </row>
    <row r="713204" spans="8:8">
      <c r="H713204" s="12"/>
    </row>
    <row r="713205" spans="8:8">
      <c r="H713205" s="12"/>
    </row>
    <row r="713206" spans="8:8">
      <c r="H713206" s="12"/>
    </row>
    <row r="713207" spans="8:8">
      <c r="H713207" s="12"/>
    </row>
    <row r="713208" spans="8:8">
      <c r="H713208" s="12"/>
    </row>
    <row r="713209" spans="8:8">
      <c r="H713209" s="12"/>
    </row>
    <row r="713210" spans="8:8">
      <c r="H713210" s="12"/>
    </row>
    <row r="713211" spans="8:8">
      <c r="H713211" s="12"/>
    </row>
    <row r="713212" spans="8:8">
      <c r="H713212" s="12"/>
    </row>
    <row r="713213" spans="8:8">
      <c r="H713213" s="12"/>
    </row>
    <row r="713214" spans="8:8">
      <c r="H713214" s="12"/>
    </row>
    <row r="713215" spans="8:8">
      <c r="H713215" s="12"/>
    </row>
    <row r="713216" spans="8:8">
      <c r="H713216" s="12"/>
    </row>
    <row r="713217" spans="8:8">
      <c r="H713217" s="12"/>
    </row>
    <row r="713218" spans="8:8">
      <c r="H713218" s="12"/>
    </row>
    <row r="713219" spans="8:8">
      <c r="H713219" s="12"/>
    </row>
    <row r="713220" spans="8:8">
      <c r="H713220" s="12"/>
    </row>
    <row r="713221" spans="8:8">
      <c r="H713221" s="12"/>
    </row>
    <row r="713222" spans="8:8">
      <c r="H713222" s="12"/>
    </row>
    <row r="713223" spans="8:8">
      <c r="H713223" s="12"/>
    </row>
    <row r="713224" spans="8:8">
      <c r="H713224" s="12"/>
    </row>
    <row r="713225" spans="8:8">
      <c r="H713225" s="12"/>
    </row>
    <row r="713226" spans="8:8">
      <c r="H713226" s="12"/>
    </row>
    <row r="713227" spans="8:8">
      <c r="H713227" s="12"/>
    </row>
    <row r="713228" spans="8:8">
      <c r="H713228" s="12"/>
    </row>
    <row r="713229" spans="8:8">
      <c r="H713229" s="12"/>
    </row>
    <row r="713230" spans="8:8">
      <c r="H713230" s="12"/>
    </row>
    <row r="713231" spans="8:8">
      <c r="H713231" s="12"/>
    </row>
    <row r="713232" spans="8:8">
      <c r="H713232" s="12"/>
    </row>
    <row r="713233" spans="8:8">
      <c r="H713233" s="12"/>
    </row>
    <row r="713234" spans="8:8">
      <c r="H713234" s="12"/>
    </row>
    <row r="713235" spans="8:8">
      <c r="H713235" s="12"/>
    </row>
    <row r="713236" spans="8:8">
      <c r="H713236" s="12"/>
    </row>
    <row r="713237" spans="8:8">
      <c r="H713237" s="12"/>
    </row>
    <row r="713238" spans="8:8">
      <c r="H713238" s="12"/>
    </row>
    <row r="713239" spans="8:8">
      <c r="H713239" s="12"/>
    </row>
    <row r="713240" spans="8:8">
      <c r="H713240" s="12"/>
    </row>
    <row r="713241" spans="8:8">
      <c r="H713241" s="12"/>
    </row>
    <row r="713242" spans="8:8">
      <c r="H713242" s="12"/>
    </row>
    <row r="713243" spans="8:8">
      <c r="H713243" s="12"/>
    </row>
    <row r="713244" spans="8:8">
      <c r="H713244" s="12"/>
    </row>
    <row r="713245" spans="8:8">
      <c r="H713245" s="12"/>
    </row>
    <row r="713246" spans="8:8">
      <c r="H713246" s="12"/>
    </row>
    <row r="713247" spans="8:8">
      <c r="H713247" s="12"/>
    </row>
    <row r="713248" spans="8:8">
      <c r="H713248" s="12"/>
    </row>
    <row r="713249" spans="8:8">
      <c r="H713249" s="12"/>
    </row>
    <row r="713250" spans="8:8">
      <c r="H713250" s="12"/>
    </row>
    <row r="713251" spans="8:8">
      <c r="H713251" s="12"/>
    </row>
    <row r="713252" spans="8:8">
      <c r="H713252" s="12"/>
    </row>
    <row r="713253" spans="8:8">
      <c r="H713253" s="12"/>
    </row>
    <row r="713254" spans="8:8">
      <c r="H713254" s="12"/>
    </row>
    <row r="713255" spans="8:8">
      <c r="H713255" s="12"/>
    </row>
    <row r="713256" spans="8:8">
      <c r="H713256" s="12"/>
    </row>
    <row r="713257" spans="8:8">
      <c r="H713257" s="12"/>
    </row>
    <row r="713258" spans="8:8">
      <c r="H713258" s="12"/>
    </row>
    <row r="713259" spans="8:8">
      <c r="H713259" s="12"/>
    </row>
    <row r="713260" spans="8:8">
      <c r="H713260" s="12"/>
    </row>
    <row r="713261" spans="8:8">
      <c r="H713261" s="12"/>
    </row>
    <row r="713262" spans="8:8">
      <c r="H713262" s="12"/>
    </row>
    <row r="713263" spans="8:8">
      <c r="H713263" s="12"/>
    </row>
    <row r="713264" spans="8:8">
      <c r="H713264" s="12"/>
    </row>
    <row r="713265" spans="8:8">
      <c r="H713265" s="12"/>
    </row>
    <row r="713266" spans="8:8">
      <c r="H713266" s="12"/>
    </row>
    <row r="713267" spans="8:8">
      <c r="H713267" s="12"/>
    </row>
    <row r="713268" spans="8:8">
      <c r="H713268" s="12"/>
    </row>
    <row r="713269" spans="8:8">
      <c r="H713269" s="12"/>
    </row>
    <row r="713270" spans="8:8">
      <c r="H713270" s="12"/>
    </row>
    <row r="713271" spans="8:8">
      <c r="H713271" s="12"/>
    </row>
    <row r="713272" spans="8:8">
      <c r="H713272" s="12"/>
    </row>
    <row r="713273" spans="8:8">
      <c r="H713273" s="12"/>
    </row>
    <row r="713274" spans="8:8">
      <c r="H713274" s="12"/>
    </row>
    <row r="713275" spans="8:8">
      <c r="H713275" s="12"/>
    </row>
    <row r="713276" spans="8:8">
      <c r="H713276" s="12"/>
    </row>
    <row r="713277" spans="8:8">
      <c r="H713277" s="12"/>
    </row>
    <row r="713278" spans="8:8">
      <c r="H713278" s="12"/>
    </row>
    <row r="713279" spans="8:8">
      <c r="H713279" s="12"/>
    </row>
    <row r="713280" spans="8:8">
      <c r="H713280" s="12"/>
    </row>
    <row r="713281" spans="8:8">
      <c r="H713281" s="12"/>
    </row>
    <row r="713282" spans="8:8">
      <c r="H713282" s="12"/>
    </row>
    <row r="713283" spans="8:8">
      <c r="H713283" s="12"/>
    </row>
    <row r="713284" spans="8:8">
      <c r="H713284" s="12"/>
    </row>
    <row r="713285" spans="8:8">
      <c r="H713285" s="12"/>
    </row>
    <row r="713286" spans="8:8">
      <c r="H713286" s="12"/>
    </row>
    <row r="713287" spans="8:8">
      <c r="H713287" s="12"/>
    </row>
    <row r="713288" spans="8:8">
      <c r="H713288" s="12"/>
    </row>
    <row r="713289" spans="8:8">
      <c r="H713289" s="12"/>
    </row>
    <row r="713290" spans="8:8">
      <c r="H713290" s="12"/>
    </row>
    <row r="713291" spans="8:8">
      <c r="H713291" s="12"/>
    </row>
    <row r="713292" spans="8:8">
      <c r="H713292" s="12"/>
    </row>
    <row r="713293" spans="8:8">
      <c r="H713293" s="12"/>
    </row>
    <row r="713294" spans="8:8">
      <c r="H713294" s="12"/>
    </row>
    <row r="713295" spans="8:8">
      <c r="H713295" s="12"/>
    </row>
    <row r="713296" spans="8:8">
      <c r="H713296" s="12"/>
    </row>
    <row r="713297" spans="8:8">
      <c r="H713297" s="12"/>
    </row>
    <row r="713298" spans="8:8">
      <c r="H713298" s="12"/>
    </row>
    <row r="713299" spans="8:8">
      <c r="H713299" s="12"/>
    </row>
    <row r="713300" spans="8:8">
      <c r="H713300" s="12"/>
    </row>
    <row r="713301" spans="8:8">
      <c r="H713301" s="12"/>
    </row>
    <row r="713302" spans="8:8">
      <c r="H713302" s="12"/>
    </row>
    <row r="713303" spans="8:8">
      <c r="H713303" s="12"/>
    </row>
    <row r="713304" spans="8:8">
      <c r="H713304" s="12"/>
    </row>
    <row r="713305" spans="8:8">
      <c r="H713305" s="12"/>
    </row>
    <row r="713306" spans="8:8">
      <c r="H713306" s="12"/>
    </row>
    <row r="713307" spans="8:8">
      <c r="H713307" s="12"/>
    </row>
    <row r="713308" spans="8:8">
      <c r="H713308" s="12"/>
    </row>
    <row r="713309" spans="8:8">
      <c r="H713309" s="12"/>
    </row>
    <row r="713310" spans="8:8">
      <c r="H713310" s="12"/>
    </row>
    <row r="713311" spans="8:8">
      <c r="H713311" s="12"/>
    </row>
    <row r="713312" spans="8:8">
      <c r="H713312" s="12"/>
    </row>
    <row r="713313" spans="8:8">
      <c r="H713313" s="12"/>
    </row>
    <row r="713314" spans="8:8">
      <c r="H713314" s="12"/>
    </row>
    <row r="713315" spans="8:8">
      <c r="H713315" s="12"/>
    </row>
    <row r="713316" spans="8:8">
      <c r="H713316" s="12"/>
    </row>
    <row r="713317" spans="8:8">
      <c r="H713317" s="12"/>
    </row>
    <row r="713318" spans="8:8">
      <c r="H713318" s="12"/>
    </row>
    <row r="713319" spans="8:8">
      <c r="H713319" s="12"/>
    </row>
    <row r="713320" spans="8:8">
      <c r="H713320" s="12"/>
    </row>
    <row r="713321" spans="8:8">
      <c r="H713321" s="12"/>
    </row>
    <row r="713322" spans="8:8">
      <c r="H713322" s="12"/>
    </row>
    <row r="713323" spans="8:8">
      <c r="H713323" s="12"/>
    </row>
    <row r="713324" spans="8:8">
      <c r="H713324" s="12"/>
    </row>
    <row r="713325" spans="8:8">
      <c r="H713325" s="12"/>
    </row>
    <row r="713326" spans="8:8">
      <c r="H713326" s="12"/>
    </row>
    <row r="713327" spans="8:8">
      <c r="H713327" s="12"/>
    </row>
    <row r="713328" spans="8:8">
      <c r="H713328" s="12"/>
    </row>
    <row r="713329" spans="8:8">
      <c r="H713329" s="12"/>
    </row>
    <row r="713330" spans="8:8">
      <c r="H713330" s="12"/>
    </row>
    <row r="713331" spans="8:8">
      <c r="H713331" s="12"/>
    </row>
    <row r="713332" spans="8:8">
      <c r="H713332" s="12"/>
    </row>
    <row r="713333" spans="8:8">
      <c r="H713333" s="12"/>
    </row>
    <row r="713334" spans="8:8">
      <c r="H713334" s="12"/>
    </row>
    <row r="713335" spans="8:8">
      <c r="H713335" s="12"/>
    </row>
    <row r="713336" spans="8:8">
      <c r="H713336" s="12"/>
    </row>
    <row r="713337" spans="8:8">
      <c r="H713337" s="12"/>
    </row>
    <row r="713338" spans="8:8">
      <c r="H713338" s="12"/>
    </row>
    <row r="713339" spans="8:8">
      <c r="H713339" s="12"/>
    </row>
    <row r="713340" spans="8:8">
      <c r="H713340" s="12"/>
    </row>
    <row r="713341" spans="8:8">
      <c r="H713341" s="12"/>
    </row>
    <row r="713342" spans="8:8">
      <c r="H713342" s="12"/>
    </row>
    <row r="713343" spans="8:8">
      <c r="H713343" s="12"/>
    </row>
    <row r="713344" spans="8:8">
      <c r="H713344" s="12"/>
    </row>
    <row r="713345" spans="8:8">
      <c r="H713345" s="12"/>
    </row>
    <row r="713346" spans="8:8">
      <c r="H713346" s="12"/>
    </row>
    <row r="713347" spans="8:8">
      <c r="H713347" s="12"/>
    </row>
    <row r="713348" spans="8:8">
      <c r="H713348" s="12"/>
    </row>
    <row r="713349" spans="8:8">
      <c r="H713349" s="12"/>
    </row>
    <row r="713350" spans="8:8">
      <c r="H713350" s="12"/>
    </row>
    <row r="713351" spans="8:8">
      <c r="H713351" s="12"/>
    </row>
    <row r="713352" spans="8:8">
      <c r="H713352" s="12"/>
    </row>
    <row r="713353" spans="8:8">
      <c r="H713353" s="12"/>
    </row>
    <row r="713354" spans="8:8">
      <c r="H713354" s="12"/>
    </row>
    <row r="713355" spans="8:8">
      <c r="H713355" s="12"/>
    </row>
    <row r="713356" spans="8:8">
      <c r="H713356" s="12"/>
    </row>
    <row r="713357" spans="8:8">
      <c r="H713357" s="12"/>
    </row>
    <row r="713358" spans="8:8">
      <c r="H713358" s="12"/>
    </row>
    <row r="713359" spans="8:8">
      <c r="H713359" s="12"/>
    </row>
    <row r="713360" spans="8:8">
      <c r="H713360" s="12"/>
    </row>
    <row r="713361" spans="8:8">
      <c r="H713361" s="12"/>
    </row>
    <row r="713362" spans="8:8">
      <c r="H713362" s="12"/>
    </row>
    <row r="713363" spans="8:8">
      <c r="H713363" s="12"/>
    </row>
    <row r="713364" spans="8:8">
      <c r="H713364" s="12"/>
    </row>
    <row r="713365" spans="8:8">
      <c r="H713365" s="12"/>
    </row>
    <row r="713366" spans="8:8">
      <c r="H713366" s="12"/>
    </row>
    <row r="713367" spans="8:8">
      <c r="H713367" s="12"/>
    </row>
    <row r="713368" spans="8:8">
      <c r="H713368" s="12"/>
    </row>
    <row r="713369" spans="8:8">
      <c r="H713369" s="12"/>
    </row>
    <row r="713370" spans="8:8">
      <c r="H713370" s="12"/>
    </row>
    <row r="713371" spans="8:8">
      <c r="H713371" s="12"/>
    </row>
    <row r="713372" spans="8:8">
      <c r="H713372" s="12"/>
    </row>
    <row r="713373" spans="8:8">
      <c r="H713373" s="12"/>
    </row>
    <row r="713374" spans="8:8">
      <c r="H713374" s="12"/>
    </row>
    <row r="713375" spans="8:8">
      <c r="H713375" s="12"/>
    </row>
    <row r="713376" spans="8:8">
      <c r="H713376" s="12"/>
    </row>
    <row r="713377" spans="8:8">
      <c r="H713377" s="12"/>
    </row>
    <row r="713378" spans="8:8">
      <c r="H713378" s="12"/>
    </row>
    <row r="713379" spans="8:8">
      <c r="H713379" s="12"/>
    </row>
    <row r="713380" spans="8:8">
      <c r="H713380" s="12"/>
    </row>
    <row r="713381" spans="8:8">
      <c r="H713381" s="12"/>
    </row>
    <row r="713382" spans="8:8">
      <c r="H713382" s="12"/>
    </row>
    <row r="713383" spans="8:8">
      <c r="H713383" s="12"/>
    </row>
    <row r="713384" spans="8:8">
      <c r="H713384" s="12"/>
    </row>
    <row r="713385" spans="8:8">
      <c r="H713385" s="12"/>
    </row>
    <row r="713386" spans="8:8">
      <c r="H713386" s="12"/>
    </row>
    <row r="713387" spans="8:8">
      <c r="H713387" s="12"/>
    </row>
    <row r="713388" spans="8:8">
      <c r="H713388" s="12"/>
    </row>
    <row r="713389" spans="8:8">
      <c r="H713389" s="12"/>
    </row>
    <row r="713390" spans="8:8">
      <c r="H713390" s="12"/>
    </row>
    <row r="713391" spans="8:8">
      <c r="H713391" s="12"/>
    </row>
    <row r="713392" spans="8:8">
      <c r="H713392" s="12"/>
    </row>
    <row r="713393" spans="8:8">
      <c r="H713393" s="12"/>
    </row>
    <row r="713394" spans="8:8">
      <c r="H713394" s="12"/>
    </row>
    <row r="713395" spans="8:8">
      <c r="H713395" s="12"/>
    </row>
    <row r="713396" spans="8:8">
      <c r="H713396" s="12"/>
    </row>
    <row r="713397" spans="8:8">
      <c r="H713397" s="12"/>
    </row>
    <row r="713398" spans="8:8">
      <c r="H713398" s="12"/>
    </row>
    <row r="713399" spans="8:8">
      <c r="H713399" s="12"/>
    </row>
    <row r="713400" spans="8:8">
      <c r="H713400" s="12"/>
    </row>
    <row r="713401" spans="8:8">
      <c r="H713401" s="12"/>
    </row>
    <row r="713402" spans="8:8">
      <c r="H713402" s="12"/>
    </row>
    <row r="713403" spans="8:8">
      <c r="H713403" s="12"/>
    </row>
    <row r="713404" spans="8:8">
      <c r="H713404" s="12"/>
    </row>
    <row r="713405" spans="8:8">
      <c r="H713405" s="12"/>
    </row>
    <row r="713406" spans="8:8">
      <c r="H713406" s="12"/>
    </row>
    <row r="713407" spans="8:8">
      <c r="H713407" s="12"/>
    </row>
    <row r="713408" spans="8:8">
      <c r="H713408" s="12"/>
    </row>
    <row r="713409" spans="8:8">
      <c r="H713409" s="12"/>
    </row>
    <row r="713410" spans="8:8">
      <c r="H713410" s="12"/>
    </row>
    <row r="713411" spans="8:8">
      <c r="H713411" s="12"/>
    </row>
    <row r="713412" spans="8:8">
      <c r="H713412" s="12"/>
    </row>
    <row r="713413" spans="8:8">
      <c r="H713413" s="12"/>
    </row>
    <row r="713414" spans="8:8">
      <c r="H713414" s="12"/>
    </row>
    <row r="713415" spans="8:8">
      <c r="H713415" s="12"/>
    </row>
    <row r="713416" spans="8:8">
      <c r="H713416" s="12"/>
    </row>
    <row r="713417" spans="8:8">
      <c r="H713417" s="12"/>
    </row>
    <row r="713418" spans="8:8">
      <c r="H713418" s="12"/>
    </row>
    <row r="713419" spans="8:8">
      <c r="H713419" s="12"/>
    </row>
    <row r="713420" spans="8:8">
      <c r="H713420" s="12"/>
    </row>
    <row r="713421" spans="8:8">
      <c r="H713421" s="12"/>
    </row>
    <row r="713422" spans="8:8">
      <c r="H713422" s="12"/>
    </row>
    <row r="713423" spans="8:8">
      <c r="H713423" s="12"/>
    </row>
    <row r="713424" spans="8:8">
      <c r="H713424" s="12"/>
    </row>
    <row r="713425" spans="8:8">
      <c r="H713425" s="12"/>
    </row>
    <row r="713426" spans="8:8">
      <c r="H713426" s="12"/>
    </row>
    <row r="713427" spans="8:8">
      <c r="H713427" s="12"/>
    </row>
    <row r="713428" spans="8:8">
      <c r="H713428" s="12"/>
    </row>
    <row r="713429" spans="8:8">
      <c r="H713429" s="12"/>
    </row>
    <row r="713430" spans="8:8">
      <c r="H713430" s="12"/>
    </row>
    <row r="713431" spans="8:8">
      <c r="H713431" s="12"/>
    </row>
    <row r="713432" spans="8:8">
      <c r="H713432" s="12"/>
    </row>
    <row r="713433" spans="8:8">
      <c r="H713433" s="12"/>
    </row>
    <row r="713434" spans="8:8">
      <c r="H713434" s="12"/>
    </row>
    <row r="713435" spans="8:8">
      <c r="H713435" s="12"/>
    </row>
    <row r="713436" spans="8:8">
      <c r="H713436" s="12"/>
    </row>
    <row r="713437" spans="8:8">
      <c r="H713437" s="12"/>
    </row>
    <row r="713438" spans="8:8">
      <c r="H713438" s="12"/>
    </row>
    <row r="713439" spans="8:8">
      <c r="H713439" s="12"/>
    </row>
    <row r="713440" spans="8:8">
      <c r="H713440" s="12"/>
    </row>
    <row r="713441" spans="8:8">
      <c r="H713441" s="12"/>
    </row>
    <row r="713442" spans="8:8">
      <c r="H713442" s="12"/>
    </row>
    <row r="713443" spans="8:8">
      <c r="H713443" s="12"/>
    </row>
    <row r="713444" spans="8:8">
      <c r="H713444" s="12"/>
    </row>
    <row r="713445" spans="8:8">
      <c r="H713445" s="12"/>
    </row>
    <row r="713446" spans="8:8">
      <c r="H713446" s="12"/>
    </row>
    <row r="713447" spans="8:8">
      <c r="H713447" s="12"/>
    </row>
    <row r="713448" spans="8:8">
      <c r="H713448" s="12"/>
    </row>
    <row r="713449" spans="8:8">
      <c r="H713449" s="12"/>
    </row>
    <row r="713450" spans="8:8">
      <c r="H713450" s="12"/>
    </row>
    <row r="713451" spans="8:8">
      <c r="H713451" s="12"/>
    </row>
    <row r="713452" spans="8:8">
      <c r="H713452" s="12"/>
    </row>
    <row r="713453" spans="8:8">
      <c r="H713453" s="12"/>
    </row>
    <row r="713454" spans="8:8">
      <c r="H713454" s="12"/>
    </row>
    <row r="713455" spans="8:8">
      <c r="H713455" s="12"/>
    </row>
    <row r="713456" spans="8:8">
      <c r="H713456" s="12"/>
    </row>
    <row r="713457" spans="8:8">
      <c r="H713457" s="12"/>
    </row>
    <row r="713458" spans="8:8">
      <c r="H713458" s="12"/>
    </row>
    <row r="713459" spans="8:8">
      <c r="H713459" s="12"/>
    </row>
    <row r="713460" spans="8:8">
      <c r="H713460" s="12"/>
    </row>
    <row r="713461" spans="8:8">
      <c r="H713461" s="12"/>
    </row>
    <row r="713462" spans="8:8">
      <c r="H713462" s="12"/>
    </row>
    <row r="713463" spans="8:8">
      <c r="H713463" s="12"/>
    </row>
    <row r="713464" spans="8:8">
      <c r="H713464" s="12"/>
    </row>
    <row r="713465" spans="8:8">
      <c r="H713465" s="12"/>
    </row>
    <row r="713466" spans="8:8">
      <c r="H713466" s="12"/>
    </row>
    <row r="713467" spans="8:8">
      <c r="H713467" s="12"/>
    </row>
    <row r="713468" spans="8:8">
      <c r="H713468" s="12"/>
    </row>
    <row r="713469" spans="8:8">
      <c r="H713469" s="12"/>
    </row>
    <row r="713470" spans="8:8">
      <c r="H713470" s="12"/>
    </row>
    <row r="713471" spans="8:8">
      <c r="H713471" s="12"/>
    </row>
    <row r="713472" spans="8:8">
      <c r="H713472" s="12"/>
    </row>
    <row r="713473" spans="8:8">
      <c r="H713473" s="12"/>
    </row>
    <row r="713474" spans="8:8">
      <c r="H713474" s="12"/>
    </row>
    <row r="713475" spans="8:8">
      <c r="H713475" s="12"/>
    </row>
    <row r="713476" spans="8:8">
      <c r="H713476" s="12"/>
    </row>
    <row r="713477" spans="8:8">
      <c r="H713477" s="12"/>
    </row>
    <row r="713478" spans="8:8">
      <c r="H713478" s="12"/>
    </row>
    <row r="713479" spans="8:8">
      <c r="H713479" s="12"/>
    </row>
    <row r="713480" spans="8:8">
      <c r="H713480" s="12"/>
    </row>
    <row r="713481" spans="8:8">
      <c r="H713481" s="12"/>
    </row>
    <row r="713482" spans="8:8">
      <c r="H713482" s="12"/>
    </row>
    <row r="713483" spans="8:8">
      <c r="H713483" s="12"/>
    </row>
    <row r="713484" spans="8:8">
      <c r="H713484" s="12"/>
    </row>
    <row r="713485" spans="8:8">
      <c r="H713485" s="12"/>
    </row>
    <row r="713486" spans="8:8">
      <c r="H713486" s="12"/>
    </row>
    <row r="713487" spans="8:8">
      <c r="H713487" s="12"/>
    </row>
    <row r="713488" spans="8:8">
      <c r="H713488" s="12"/>
    </row>
    <row r="713489" spans="8:8">
      <c r="H713489" s="12"/>
    </row>
    <row r="713490" spans="8:8">
      <c r="H713490" s="12"/>
    </row>
    <row r="713491" spans="8:8">
      <c r="H713491" s="12"/>
    </row>
    <row r="713492" spans="8:8">
      <c r="H713492" s="12"/>
    </row>
    <row r="713493" spans="8:8">
      <c r="H713493" s="12"/>
    </row>
    <row r="713494" spans="8:8">
      <c r="H713494" s="12"/>
    </row>
    <row r="713495" spans="8:8">
      <c r="H713495" s="12"/>
    </row>
    <row r="713496" spans="8:8">
      <c r="H713496" s="12"/>
    </row>
    <row r="713497" spans="8:8">
      <c r="H713497" s="12"/>
    </row>
    <row r="713498" spans="8:8">
      <c r="H713498" s="12"/>
    </row>
    <row r="713499" spans="8:8">
      <c r="H713499" s="12"/>
    </row>
    <row r="713500" spans="8:8">
      <c r="H713500" s="12"/>
    </row>
    <row r="713501" spans="8:8">
      <c r="H713501" s="12"/>
    </row>
    <row r="713502" spans="8:8">
      <c r="H713502" s="12"/>
    </row>
    <row r="713503" spans="8:8">
      <c r="H713503" s="12"/>
    </row>
    <row r="713504" spans="8:8">
      <c r="H713504" s="12"/>
    </row>
    <row r="713505" spans="8:8">
      <c r="H713505" s="12"/>
    </row>
    <row r="713506" spans="8:8">
      <c r="H713506" s="12"/>
    </row>
    <row r="713507" spans="8:8">
      <c r="H713507" s="12"/>
    </row>
    <row r="713508" spans="8:8">
      <c r="H713508" s="12"/>
    </row>
    <row r="713509" spans="8:8">
      <c r="H713509" s="12"/>
    </row>
    <row r="713510" spans="8:8">
      <c r="H713510" s="12"/>
    </row>
    <row r="713511" spans="8:8">
      <c r="H713511" s="12"/>
    </row>
    <row r="713512" spans="8:8">
      <c r="H713512" s="12"/>
    </row>
    <row r="713513" spans="8:8">
      <c r="H713513" s="12"/>
    </row>
    <row r="713514" spans="8:8">
      <c r="H713514" s="12"/>
    </row>
    <row r="713515" spans="8:8">
      <c r="H713515" s="12"/>
    </row>
    <row r="713516" spans="8:8">
      <c r="H713516" s="12"/>
    </row>
    <row r="713517" spans="8:8">
      <c r="H713517" s="12"/>
    </row>
    <row r="713518" spans="8:8">
      <c r="H713518" s="12"/>
    </row>
    <row r="713519" spans="8:8">
      <c r="H713519" s="12"/>
    </row>
    <row r="713520" spans="8:8">
      <c r="H713520" s="12"/>
    </row>
    <row r="713521" spans="8:8">
      <c r="H713521" s="12"/>
    </row>
    <row r="713522" spans="8:8">
      <c r="H713522" s="12"/>
    </row>
    <row r="713523" spans="8:8">
      <c r="H713523" s="12"/>
    </row>
    <row r="713524" spans="8:8">
      <c r="H713524" s="12"/>
    </row>
    <row r="713525" spans="8:8">
      <c r="H713525" s="12"/>
    </row>
    <row r="713526" spans="8:8">
      <c r="H713526" s="12"/>
    </row>
    <row r="713527" spans="8:8">
      <c r="H713527" s="12"/>
    </row>
    <row r="713528" spans="8:8">
      <c r="H713528" s="12"/>
    </row>
    <row r="713529" spans="8:8">
      <c r="H713529" s="12"/>
    </row>
    <row r="713530" spans="8:8">
      <c r="H713530" s="12"/>
    </row>
    <row r="713531" spans="8:8">
      <c r="H713531" s="12"/>
    </row>
    <row r="713532" spans="8:8">
      <c r="H713532" s="12"/>
    </row>
    <row r="713533" spans="8:8">
      <c r="H713533" s="12"/>
    </row>
    <row r="713534" spans="8:8">
      <c r="H713534" s="12"/>
    </row>
    <row r="713535" spans="8:8">
      <c r="H713535" s="12"/>
    </row>
    <row r="713536" spans="8:8">
      <c r="H713536" s="12"/>
    </row>
    <row r="713537" spans="8:8">
      <c r="H713537" s="12"/>
    </row>
    <row r="713538" spans="8:8">
      <c r="H713538" s="12"/>
    </row>
    <row r="713539" spans="8:8">
      <c r="H713539" s="12"/>
    </row>
    <row r="713540" spans="8:8">
      <c r="H713540" s="12"/>
    </row>
    <row r="713541" spans="8:8">
      <c r="H713541" s="12"/>
    </row>
    <row r="713542" spans="8:8">
      <c r="H713542" s="12"/>
    </row>
    <row r="713543" spans="8:8">
      <c r="H713543" s="12"/>
    </row>
    <row r="713544" spans="8:8">
      <c r="H713544" s="12"/>
    </row>
    <row r="713545" spans="8:8">
      <c r="H713545" s="12"/>
    </row>
    <row r="713546" spans="8:8">
      <c r="H713546" s="12"/>
    </row>
    <row r="713547" spans="8:8">
      <c r="H713547" s="12"/>
    </row>
    <row r="713548" spans="8:8">
      <c r="H713548" s="12"/>
    </row>
    <row r="713549" spans="8:8">
      <c r="H713549" s="12"/>
    </row>
    <row r="713550" spans="8:8">
      <c r="H713550" s="12"/>
    </row>
    <row r="713551" spans="8:8">
      <c r="H713551" s="12"/>
    </row>
    <row r="713552" spans="8:8">
      <c r="H713552" s="12"/>
    </row>
    <row r="713553" spans="8:8">
      <c r="H713553" s="12"/>
    </row>
    <row r="713554" spans="8:8">
      <c r="H713554" s="12"/>
    </row>
    <row r="713555" spans="8:8">
      <c r="H713555" s="12"/>
    </row>
    <row r="713556" spans="8:8">
      <c r="H713556" s="12"/>
    </row>
    <row r="713557" spans="8:8">
      <c r="H713557" s="12"/>
    </row>
    <row r="713558" spans="8:8">
      <c r="H713558" s="12"/>
    </row>
    <row r="713559" spans="8:8">
      <c r="H713559" s="12"/>
    </row>
    <row r="713560" spans="8:8">
      <c r="H713560" s="12"/>
    </row>
    <row r="713561" spans="8:8">
      <c r="H713561" s="12"/>
    </row>
    <row r="713562" spans="8:8">
      <c r="H713562" s="12"/>
    </row>
    <row r="713563" spans="8:8">
      <c r="H713563" s="12"/>
    </row>
    <row r="713564" spans="8:8">
      <c r="H713564" s="12"/>
    </row>
    <row r="713565" spans="8:8">
      <c r="H713565" s="12"/>
    </row>
    <row r="713566" spans="8:8">
      <c r="H713566" s="12"/>
    </row>
    <row r="713567" spans="8:8">
      <c r="H713567" s="12"/>
    </row>
    <row r="713568" spans="8:8">
      <c r="H713568" s="12"/>
    </row>
    <row r="713569" spans="8:8">
      <c r="H713569" s="12"/>
    </row>
    <row r="713570" spans="8:8">
      <c r="H713570" s="12"/>
    </row>
    <row r="713571" spans="8:8">
      <c r="H713571" s="12"/>
    </row>
    <row r="713572" spans="8:8">
      <c r="H713572" s="12"/>
    </row>
    <row r="713573" spans="8:8">
      <c r="H713573" s="12"/>
    </row>
    <row r="713574" spans="8:8">
      <c r="H713574" s="12"/>
    </row>
    <row r="713575" spans="8:8">
      <c r="H713575" s="12"/>
    </row>
    <row r="713576" spans="8:8">
      <c r="H713576" s="12"/>
    </row>
    <row r="713577" spans="8:8">
      <c r="H713577" s="12"/>
    </row>
    <row r="713578" spans="8:8">
      <c r="H713578" s="12"/>
    </row>
    <row r="713579" spans="8:8">
      <c r="H713579" s="12"/>
    </row>
    <row r="713580" spans="8:8">
      <c r="H713580" s="12"/>
    </row>
    <row r="713581" spans="8:8">
      <c r="H713581" s="12"/>
    </row>
    <row r="713582" spans="8:8">
      <c r="H713582" s="12"/>
    </row>
    <row r="713583" spans="8:8">
      <c r="H713583" s="12"/>
    </row>
    <row r="713584" spans="8:8">
      <c r="H713584" s="12"/>
    </row>
    <row r="713585" spans="8:8">
      <c r="H713585" s="12"/>
    </row>
    <row r="713586" spans="8:8">
      <c r="H713586" s="12"/>
    </row>
    <row r="713587" spans="8:8">
      <c r="H713587" s="12"/>
    </row>
    <row r="713588" spans="8:8">
      <c r="H713588" s="12"/>
    </row>
    <row r="713589" spans="8:8">
      <c r="H713589" s="12"/>
    </row>
    <row r="713590" spans="8:8">
      <c r="H713590" s="12"/>
    </row>
    <row r="713591" spans="8:8">
      <c r="H713591" s="12"/>
    </row>
    <row r="713592" spans="8:8">
      <c r="H713592" s="12"/>
    </row>
    <row r="713593" spans="8:8">
      <c r="H713593" s="12"/>
    </row>
    <row r="713594" spans="8:8">
      <c r="H713594" s="12"/>
    </row>
    <row r="713595" spans="8:8">
      <c r="H713595" s="12"/>
    </row>
    <row r="713596" spans="8:8">
      <c r="H713596" s="12"/>
    </row>
    <row r="713597" spans="8:8">
      <c r="H713597" s="12"/>
    </row>
    <row r="713598" spans="8:8">
      <c r="H713598" s="12"/>
    </row>
    <row r="713599" spans="8:8">
      <c r="H713599" s="12"/>
    </row>
    <row r="713600" spans="8:8">
      <c r="H713600" s="12"/>
    </row>
    <row r="713601" spans="8:8">
      <c r="H713601" s="12"/>
    </row>
    <row r="713602" spans="8:8">
      <c r="H713602" s="12"/>
    </row>
    <row r="713603" spans="8:8">
      <c r="H713603" s="12"/>
    </row>
    <row r="713604" spans="8:8">
      <c r="H713604" s="12"/>
    </row>
    <row r="713605" spans="8:8">
      <c r="H713605" s="12"/>
    </row>
    <row r="713606" spans="8:8">
      <c r="H713606" s="12"/>
    </row>
    <row r="713607" spans="8:8">
      <c r="H713607" s="12"/>
    </row>
    <row r="713608" spans="8:8">
      <c r="H713608" s="12"/>
    </row>
    <row r="713609" spans="8:8">
      <c r="H713609" s="12"/>
    </row>
    <row r="713610" spans="8:8">
      <c r="H713610" s="12"/>
    </row>
    <row r="713611" spans="8:8">
      <c r="H713611" s="12"/>
    </row>
    <row r="713612" spans="8:8">
      <c r="H713612" s="12"/>
    </row>
    <row r="713613" spans="8:8">
      <c r="H713613" s="12"/>
    </row>
    <row r="713614" spans="8:8">
      <c r="H713614" s="12"/>
    </row>
    <row r="713615" spans="8:8">
      <c r="H713615" s="12"/>
    </row>
    <row r="713616" spans="8:8">
      <c r="H713616" s="12"/>
    </row>
    <row r="713617" spans="8:8">
      <c r="H713617" s="12"/>
    </row>
    <row r="713618" spans="8:8">
      <c r="H713618" s="12"/>
    </row>
    <row r="713619" spans="8:8">
      <c r="H713619" s="12"/>
    </row>
    <row r="713620" spans="8:8">
      <c r="H713620" s="12"/>
    </row>
    <row r="713621" spans="8:8">
      <c r="H713621" s="12"/>
    </row>
    <row r="713622" spans="8:8">
      <c r="H713622" s="12"/>
    </row>
    <row r="713623" spans="8:8">
      <c r="H713623" s="12"/>
    </row>
    <row r="713624" spans="8:8">
      <c r="H713624" s="12"/>
    </row>
    <row r="713625" spans="8:8">
      <c r="H713625" s="12"/>
    </row>
    <row r="713626" spans="8:8">
      <c r="H713626" s="12"/>
    </row>
    <row r="713627" spans="8:8">
      <c r="H713627" s="12"/>
    </row>
    <row r="713628" spans="8:8">
      <c r="H713628" s="12"/>
    </row>
    <row r="713629" spans="8:8">
      <c r="H713629" s="12"/>
    </row>
    <row r="713630" spans="8:8">
      <c r="H713630" s="12"/>
    </row>
    <row r="713631" spans="8:8">
      <c r="H713631" s="12"/>
    </row>
    <row r="713632" spans="8:8">
      <c r="H713632" s="12"/>
    </row>
    <row r="713633" spans="8:8">
      <c r="H713633" s="12"/>
    </row>
    <row r="713634" spans="8:8">
      <c r="H713634" s="12"/>
    </row>
    <row r="713635" spans="8:8">
      <c r="H713635" s="12"/>
    </row>
    <row r="713636" spans="8:8">
      <c r="H713636" s="12"/>
    </row>
    <row r="713637" spans="8:8">
      <c r="H713637" s="12"/>
    </row>
    <row r="713638" spans="8:8">
      <c r="H713638" s="12"/>
    </row>
    <row r="713639" spans="8:8">
      <c r="H713639" s="12"/>
    </row>
    <row r="713640" spans="8:8">
      <c r="H713640" s="12"/>
    </row>
    <row r="713641" spans="8:8">
      <c r="H713641" s="12"/>
    </row>
    <row r="713642" spans="8:8">
      <c r="H713642" s="12"/>
    </row>
    <row r="713643" spans="8:8">
      <c r="H713643" s="12"/>
    </row>
    <row r="713644" spans="8:8">
      <c r="H713644" s="12"/>
    </row>
    <row r="713645" spans="8:8">
      <c r="H713645" s="12"/>
    </row>
    <row r="713646" spans="8:8">
      <c r="H713646" s="12"/>
    </row>
    <row r="713647" spans="8:8">
      <c r="H713647" s="12"/>
    </row>
    <row r="713648" spans="8:8">
      <c r="H713648" s="12"/>
    </row>
    <row r="713649" spans="8:8">
      <c r="H713649" s="12"/>
    </row>
    <row r="713650" spans="8:8">
      <c r="H713650" s="12"/>
    </row>
    <row r="713651" spans="8:8">
      <c r="H713651" s="12"/>
    </row>
    <row r="713652" spans="8:8">
      <c r="H713652" s="12"/>
    </row>
    <row r="713653" spans="8:8">
      <c r="H713653" s="12"/>
    </row>
    <row r="713654" spans="8:8">
      <c r="H713654" s="12"/>
    </row>
    <row r="713655" spans="8:8">
      <c r="H713655" s="12"/>
    </row>
    <row r="713656" spans="8:8">
      <c r="H713656" s="12"/>
    </row>
    <row r="713657" spans="8:8">
      <c r="H713657" s="12"/>
    </row>
    <row r="713658" spans="8:8">
      <c r="H713658" s="12"/>
    </row>
    <row r="713659" spans="8:8">
      <c r="H713659" s="12"/>
    </row>
    <row r="713660" spans="8:8">
      <c r="H713660" s="12"/>
    </row>
    <row r="713661" spans="8:8">
      <c r="H713661" s="12"/>
    </row>
    <row r="713662" spans="8:8">
      <c r="H713662" s="12"/>
    </row>
    <row r="713663" spans="8:8">
      <c r="H713663" s="12"/>
    </row>
    <row r="713664" spans="8:8">
      <c r="H713664" s="12"/>
    </row>
    <row r="713665" spans="8:8">
      <c r="H713665" s="12"/>
    </row>
    <row r="713666" spans="8:8">
      <c r="H713666" s="12"/>
    </row>
    <row r="713667" spans="8:8">
      <c r="H713667" s="12"/>
    </row>
    <row r="713668" spans="8:8">
      <c r="H713668" s="12"/>
    </row>
    <row r="713669" spans="8:8">
      <c r="H713669" s="12"/>
    </row>
    <row r="713670" spans="8:8">
      <c r="H713670" s="12"/>
    </row>
    <row r="713671" spans="8:8">
      <c r="H713671" s="12"/>
    </row>
    <row r="713672" spans="8:8">
      <c r="H713672" s="12"/>
    </row>
    <row r="713673" spans="8:8">
      <c r="H713673" s="12"/>
    </row>
    <row r="713674" spans="8:8">
      <c r="H713674" s="12"/>
    </row>
    <row r="713675" spans="8:8">
      <c r="H713675" s="12"/>
    </row>
    <row r="713676" spans="8:8">
      <c r="H713676" s="12"/>
    </row>
    <row r="713677" spans="8:8">
      <c r="H713677" s="12"/>
    </row>
    <row r="713678" spans="8:8">
      <c r="H713678" s="12"/>
    </row>
    <row r="713679" spans="8:8">
      <c r="H713679" s="12"/>
    </row>
    <row r="713680" spans="8:8">
      <c r="H713680" s="12"/>
    </row>
    <row r="713681" spans="8:8">
      <c r="H713681" s="12"/>
    </row>
    <row r="713682" spans="8:8">
      <c r="H713682" s="12"/>
    </row>
    <row r="713683" spans="8:8">
      <c r="H713683" s="12"/>
    </row>
    <row r="713684" spans="8:8">
      <c r="H713684" s="12"/>
    </row>
    <row r="713685" spans="8:8">
      <c r="H713685" s="12"/>
    </row>
    <row r="713686" spans="8:8">
      <c r="H713686" s="12"/>
    </row>
    <row r="713687" spans="8:8">
      <c r="H713687" s="12"/>
    </row>
    <row r="713688" spans="8:8">
      <c r="H713688" s="12"/>
    </row>
    <row r="713689" spans="8:8">
      <c r="H713689" s="12"/>
    </row>
    <row r="713690" spans="8:8">
      <c r="H713690" s="12"/>
    </row>
    <row r="713691" spans="8:8">
      <c r="H713691" s="12"/>
    </row>
    <row r="713692" spans="8:8">
      <c r="H713692" s="12"/>
    </row>
    <row r="713693" spans="8:8">
      <c r="H713693" s="12"/>
    </row>
    <row r="713694" spans="8:8">
      <c r="H713694" s="12"/>
    </row>
    <row r="713695" spans="8:8">
      <c r="H713695" s="12"/>
    </row>
    <row r="713696" spans="8:8">
      <c r="H713696" s="12"/>
    </row>
    <row r="713697" spans="8:8">
      <c r="H713697" s="12"/>
    </row>
    <row r="713698" spans="8:8">
      <c r="H713698" s="12"/>
    </row>
    <row r="713699" spans="8:8">
      <c r="H713699" s="12"/>
    </row>
    <row r="713700" spans="8:8">
      <c r="H713700" s="12"/>
    </row>
    <row r="713701" spans="8:8">
      <c r="H713701" s="12"/>
    </row>
    <row r="713702" spans="8:8">
      <c r="H713702" s="12"/>
    </row>
    <row r="713703" spans="8:8">
      <c r="H713703" s="12"/>
    </row>
    <row r="713704" spans="8:8">
      <c r="H713704" s="12"/>
    </row>
    <row r="713705" spans="8:8">
      <c r="H713705" s="12"/>
    </row>
    <row r="713706" spans="8:8">
      <c r="H713706" s="12"/>
    </row>
    <row r="713707" spans="8:8">
      <c r="H713707" s="12"/>
    </row>
    <row r="713708" spans="8:8">
      <c r="H713708" s="12"/>
    </row>
    <row r="713709" spans="8:8">
      <c r="H713709" s="12"/>
    </row>
    <row r="713710" spans="8:8">
      <c r="H713710" s="12"/>
    </row>
    <row r="713711" spans="8:8">
      <c r="H713711" s="12"/>
    </row>
    <row r="713712" spans="8:8">
      <c r="H713712" s="12"/>
    </row>
    <row r="713713" spans="8:8">
      <c r="H713713" s="12"/>
    </row>
    <row r="713714" spans="8:8">
      <c r="H713714" s="12"/>
    </row>
    <row r="713715" spans="8:8">
      <c r="H713715" s="12"/>
    </row>
    <row r="713716" spans="8:8">
      <c r="H713716" s="12"/>
    </row>
    <row r="713717" spans="8:8">
      <c r="H713717" s="12"/>
    </row>
    <row r="713718" spans="8:8">
      <c r="H713718" s="12"/>
    </row>
    <row r="713719" spans="8:8">
      <c r="H713719" s="12"/>
    </row>
    <row r="713720" spans="8:8">
      <c r="H713720" s="12"/>
    </row>
    <row r="713721" spans="8:8">
      <c r="H713721" s="12"/>
    </row>
    <row r="713722" spans="8:8">
      <c r="H713722" s="12"/>
    </row>
    <row r="713723" spans="8:8">
      <c r="H713723" s="12"/>
    </row>
    <row r="713724" spans="8:8">
      <c r="H713724" s="12"/>
    </row>
    <row r="713725" spans="8:8">
      <c r="H713725" s="12"/>
    </row>
    <row r="713726" spans="8:8">
      <c r="H713726" s="12"/>
    </row>
    <row r="713727" spans="8:8">
      <c r="H713727" s="12"/>
    </row>
    <row r="713728" spans="8:8">
      <c r="H713728" s="12"/>
    </row>
    <row r="713729" spans="8:8">
      <c r="H713729" s="12"/>
    </row>
    <row r="713730" spans="8:8">
      <c r="H713730" s="12"/>
    </row>
    <row r="713731" spans="8:8">
      <c r="H713731" s="12"/>
    </row>
    <row r="713732" spans="8:8">
      <c r="H713732" s="12"/>
    </row>
    <row r="713733" spans="8:8">
      <c r="H713733" s="12"/>
    </row>
    <row r="713734" spans="8:8">
      <c r="H713734" s="12"/>
    </row>
    <row r="713735" spans="8:8">
      <c r="H713735" s="12"/>
    </row>
    <row r="713736" spans="8:8">
      <c r="H713736" s="12"/>
    </row>
    <row r="713737" spans="8:8">
      <c r="H713737" s="12"/>
    </row>
    <row r="713738" spans="8:8">
      <c r="H713738" s="12"/>
    </row>
    <row r="713739" spans="8:8">
      <c r="H713739" s="12"/>
    </row>
    <row r="713740" spans="8:8">
      <c r="H713740" s="12"/>
    </row>
    <row r="713741" spans="8:8">
      <c r="H713741" s="12"/>
    </row>
    <row r="713742" spans="8:8">
      <c r="H713742" s="12"/>
    </row>
    <row r="713743" spans="8:8">
      <c r="H713743" s="12"/>
    </row>
    <row r="713744" spans="8:8">
      <c r="H713744" s="12"/>
    </row>
    <row r="713745" spans="8:8">
      <c r="H713745" s="12"/>
    </row>
    <row r="713746" spans="8:8">
      <c r="H713746" s="12"/>
    </row>
    <row r="713747" spans="8:8">
      <c r="H713747" s="12"/>
    </row>
    <row r="713748" spans="8:8">
      <c r="H713748" s="12"/>
    </row>
    <row r="713749" spans="8:8">
      <c r="H713749" s="12"/>
    </row>
    <row r="713750" spans="8:8">
      <c r="H713750" s="12"/>
    </row>
    <row r="713751" spans="8:8">
      <c r="H713751" s="12"/>
    </row>
    <row r="713752" spans="8:8">
      <c r="H713752" s="12"/>
    </row>
    <row r="713753" spans="8:8">
      <c r="H713753" s="12"/>
    </row>
    <row r="713754" spans="8:8">
      <c r="H713754" s="12"/>
    </row>
    <row r="713755" spans="8:8">
      <c r="H713755" s="12"/>
    </row>
    <row r="713756" spans="8:8">
      <c r="H713756" s="12"/>
    </row>
    <row r="713757" spans="8:8">
      <c r="H713757" s="12"/>
    </row>
    <row r="713758" spans="8:8">
      <c r="H713758" s="12"/>
    </row>
    <row r="713759" spans="8:8">
      <c r="H713759" s="12"/>
    </row>
    <row r="713760" spans="8:8">
      <c r="H713760" s="12"/>
    </row>
    <row r="713761" spans="8:8">
      <c r="H713761" s="12"/>
    </row>
    <row r="713762" spans="8:8">
      <c r="H713762" s="12"/>
    </row>
    <row r="713763" spans="8:8">
      <c r="H713763" s="12"/>
    </row>
    <row r="713764" spans="8:8">
      <c r="H713764" s="12"/>
    </row>
    <row r="713765" spans="8:8">
      <c r="H713765" s="12"/>
    </row>
    <row r="713766" spans="8:8">
      <c r="H713766" s="12"/>
    </row>
    <row r="713767" spans="8:8">
      <c r="H713767" s="12"/>
    </row>
    <row r="713768" spans="8:8">
      <c r="H713768" s="12"/>
    </row>
    <row r="713769" spans="8:8">
      <c r="H713769" s="12"/>
    </row>
    <row r="713770" spans="8:8">
      <c r="H713770" s="12"/>
    </row>
    <row r="713771" spans="8:8">
      <c r="H713771" s="12"/>
    </row>
    <row r="713772" spans="8:8">
      <c r="H713772" s="12"/>
    </row>
    <row r="713773" spans="8:8">
      <c r="H713773" s="12"/>
    </row>
    <row r="713774" spans="8:8">
      <c r="H713774" s="12"/>
    </row>
    <row r="713775" spans="8:8">
      <c r="H713775" s="12"/>
    </row>
    <row r="713776" spans="8:8">
      <c r="H713776" s="12"/>
    </row>
    <row r="713777" spans="8:8">
      <c r="H713777" s="12"/>
    </row>
    <row r="713778" spans="8:8">
      <c r="H713778" s="12"/>
    </row>
    <row r="713779" spans="8:8">
      <c r="H713779" s="12"/>
    </row>
    <row r="713780" spans="8:8">
      <c r="H713780" s="12"/>
    </row>
    <row r="713781" spans="8:8">
      <c r="H713781" s="12"/>
    </row>
    <row r="713782" spans="8:8">
      <c r="H713782" s="12"/>
    </row>
    <row r="713783" spans="8:8">
      <c r="H713783" s="12"/>
    </row>
    <row r="713784" spans="8:8">
      <c r="H713784" s="12"/>
    </row>
    <row r="713785" spans="8:8">
      <c r="H713785" s="12"/>
    </row>
    <row r="713786" spans="8:8">
      <c r="H713786" s="12"/>
    </row>
    <row r="713787" spans="8:8">
      <c r="H713787" s="12"/>
    </row>
    <row r="713788" spans="8:8">
      <c r="H713788" s="12"/>
    </row>
    <row r="713789" spans="8:8">
      <c r="H713789" s="12"/>
    </row>
    <row r="713790" spans="8:8">
      <c r="H713790" s="12"/>
    </row>
    <row r="713791" spans="8:8">
      <c r="H713791" s="12"/>
    </row>
    <row r="713792" spans="8:8">
      <c r="H713792" s="12"/>
    </row>
    <row r="713793" spans="8:8">
      <c r="H713793" s="12"/>
    </row>
    <row r="713794" spans="8:8">
      <c r="H713794" s="12"/>
    </row>
    <row r="713795" spans="8:8">
      <c r="H713795" s="12"/>
    </row>
    <row r="713796" spans="8:8">
      <c r="H713796" s="12"/>
    </row>
    <row r="713797" spans="8:8">
      <c r="H713797" s="12"/>
    </row>
    <row r="713798" spans="8:8">
      <c r="H713798" s="12"/>
    </row>
    <row r="713799" spans="8:8">
      <c r="H713799" s="12"/>
    </row>
    <row r="713800" spans="8:8">
      <c r="H713800" s="12"/>
    </row>
    <row r="713801" spans="8:8">
      <c r="H713801" s="12"/>
    </row>
    <row r="713802" spans="8:8">
      <c r="H713802" s="12"/>
    </row>
    <row r="713803" spans="8:8">
      <c r="H713803" s="12"/>
    </row>
    <row r="713804" spans="8:8">
      <c r="H713804" s="12"/>
    </row>
    <row r="713805" spans="8:8">
      <c r="H713805" s="12"/>
    </row>
    <row r="713806" spans="8:8">
      <c r="H713806" s="12"/>
    </row>
    <row r="713807" spans="8:8">
      <c r="H713807" s="12"/>
    </row>
    <row r="713808" spans="8:8">
      <c r="H713808" s="12"/>
    </row>
    <row r="713809" spans="8:8">
      <c r="H713809" s="12"/>
    </row>
    <row r="713810" spans="8:8">
      <c r="H713810" s="12"/>
    </row>
    <row r="713811" spans="8:8">
      <c r="H713811" s="12"/>
    </row>
    <row r="713812" spans="8:8">
      <c r="H713812" s="12"/>
    </row>
    <row r="713813" spans="8:8">
      <c r="H713813" s="12"/>
    </row>
    <row r="713814" spans="8:8">
      <c r="H713814" s="12"/>
    </row>
    <row r="713815" spans="8:8">
      <c r="H713815" s="12"/>
    </row>
    <row r="713816" spans="8:8">
      <c r="H713816" s="12"/>
    </row>
    <row r="713817" spans="8:8">
      <c r="H713817" s="12"/>
    </row>
    <row r="713818" spans="8:8">
      <c r="H713818" s="12"/>
    </row>
    <row r="713819" spans="8:8">
      <c r="H713819" s="12"/>
    </row>
    <row r="713820" spans="8:8">
      <c r="H713820" s="12"/>
    </row>
    <row r="713821" spans="8:8">
      <c r="H713821" s="12"/>
    </row>
    <row r="713822" spans="8:8">
      <c r="H713822" s="12"/>
    </row>
    <row r="713823" spans="8:8">
      <c r="H713823" s="12"/>
    </row>
    <row r="713824" spans="8:8">
      <c r="H713824" s="12"/>
    </row>
    <row r="713825" spans="8:8">
      <c r="H713825" s="12"/>
    </row>
    <row r="713826" spans="8:8">
      <c r="H713826" s="12"/>
    </row>
    <row r="713827" spans="8:8">
      <c r="H713827" s="12"/>
    </row>
    <row r="713828" spans="8:8">
      <c r="H713828" s="12"/>
    </row>
    <row r="713829" spans="8:8">
      <c r="H713829" s="12"/>
    </row>
    <row r="713830" spans="8:8">
      <c r="H713830" s="12"/>
    </row>
    <row r="713831" spans="8:8">
      <c r="H713831" s="12"/>
    </row>
    <row r="713832" spans="8:8">
      <c r="H713832" s="12"/>
    </row>
    <row r="713833" spans="8:8">
      <c r="H713833" s="12"/>
    </row>
    <row r="713834" spans="8:8">
      <c r="H713834" s="12"/>
    </row>
    <row r="713835" spans="8:8">
      <c r="H713835" s="12"/>
    </row>
    <row r="713836" spans="8:8">
      <c r="H713836" s="12"/>
    </row>
    <row r="713837" spans="8:8">
      <c r="H713837" s="12"/>
    </row>
    <row r="713838" spans="8:8">
      <c r="H713838" s="12"/>
    </row>
    <row r="713839" spans="8:8">
      <c r="H713839" s="12"/>
    </row>
    <row r="713840" spans="8:8">
      <c r="H713840" s="12"/>
    </row>
    <row r="713841" spans="8:8">
      <c r="H713841" s="12"/>
    </row>
    <row r="713842" spans="8:8">
      <c r="H713842" s="12"/>
    </row>
    <row r="713843" spans="8:8">
      <c r="H713843" s="12"/>
    </row>
    <row r="713844" spans="8:8">
      <c r="H713844" s="12"/>
    </row>
    <row r="713845" spans="8:8">
      <c r="H713845" s="12"/>
    </row>
    <row r="713846" spans="8:8">
      <c r="H713846" s="12"/>
    </row>
    <row r="713847" spans="8:8">
      <c r="H713847" s="12"/>
    </row>
    <row r="713848" spans="8:8">
      <c r="H713848" s="12"/>
    </row>
    <row r="713849" spans="8:8">
      <c r="H713849" s="12"/>
    </row>
    <row r="713850" spans="8:8">
      <c r="H713850" s="12"/>
    </row>
    <row r="713851" spans="8:8">
      <c r="H713851" s="12"/>
    </row>
    <row r="713852" spans="8:8">
      <c r="H713852" s="12"/>
    </row>
    <row r="713853" spans="8:8">
      <c r="H713853" s="12"/>
    </row>
    <row r="713854" spans="8:8">
      <c r="H713854" s="12"/>
    </row>
    <row r="713855" spans="8:8">
      <c r="H713855" s="12"/>
    </row>
    <row r="713856" spans="8:8">
      <c r="H713856" s="12"/>
    </row>
    <row r="713857" spans="8:8">
      <c r="H713857" s="12"/>
    </row>
    <row r="713858" spans="8:8">
      <c r="H713858" s="12"/>
    </row>
    <row r="713859" spans="8:8">
      <c r="H713859" s="12"/>
    </row>
    <row r="713860" spans="8:8">
      <c r="H713860" s="12"/>
    </row>
    <row r="713861" spans="8:8">
      <c r="H713861" s="12"/>
    </row>
    <row r="713862" spans="8:8">
      <c r="H713862" s="12"/>
    </row>
    <row r="713863" spans="8:8">
      <c r="H713863" s="12"/>
    </row>
    <row r="713864" spans="8:8">
      <c r="H713864" s="12"/>
    </row>
    <row r="713865" spans="8:8">
      <c r="H713865" s="12"/>
    </row>
    <row r="713866" spans="8:8">
      <c r="H713866" s="12"/>
    </row>
    <row r="713867" spans="8:8">
      <c r="H713867" s="12"/>
    </row>
    <row r="713868" spans="8:8">
      <c r="H713868" s="12"/>
    </row>
    <row r="713869" spans="8:8">
      <c r="H713869" s="12"/>
    </row>
    <row r="713870" spans="8:8">
      <c r="H713870" s="12"/>
    </row>
    <row r="713871" spans="8:8">
      <c r="H713871" s="12"/>
    </row>
    <row r="713872" spans="8:8">
      <c r="H713872" s="12"/>
    </row>
    <row r="713873" spans="8:8">
      <c r="H713873" s="12"/>
    </row>
    <row r="713874" spans="8:8">
      <c r="H713874" s="12"/>
    </row>
    <row r="713875" spans="8:8">
      <c r="H713875" s="12"/>
    </row>
    <row r="713876" spans="8:8">
      <c r="H713876" s="12"/>
    </row>
    <row r="713877" spans="8:8">
      <c r="H713877" s="12"/>
    </row>
    <row r="713878" spans="8:8">
      <c r="H713878" s="12"/>
    </row>
    <row r="713879" spans="8:8">
      <c r="H713879" s="12"/>
    </row>
    <row r="713880" spans="8:8">
      <c r="H713880" s="12"/>
    </row>
    <row r="713881" spans="8:8">
      <c r="H713881" s="12"/>
    </row>
    <row r="713882" spans="8:8">
      <c r="H713882" s="12"/>
    </row>
    <row r="713883" spans="8:8">
      <c r="H713883" s="12"/>
    </row>
    <row r="713884" spans="8:8">
      <c r="H713884" s="12"/>
    </row>
    <row r="713885" spans="8:8">
      <c r="H713885" s="12"/>
    </row>
    <row r="713886" spans="8:8">
      <c r="H713886" s="12"/>
    </row>
    <row r="713887" spans="8:8">
      <c r="H713887" s="12"/>
    </row>
    <row r="713888" spans="8:8">
      <c r="H713888" s="12"/>
    </row>
    <row r="713889" spans="8:8">
      <c r="H713889" s="12"/>
    </row>
    <row r="713890" spans="8:8">
      <c r="H713890" s="12"/>
    </row>
    <row r="713891" spans="8:8">
      <c r="H713891" s="12"/>
    </row>
    <row r="713892" spans="8:8">
      <c r="H713892" s="12"/>
    </row>
    <row r="713893" spans="8:8">
      <c r="H713893" s="12"/>
    </row>
    <row r="713894" spans="8:8">
      <c r="H713894" s="12"/>
    </row>
    <row r="713895" spans="8:8">
      <c r="H713895" s="12"/>
    </row>
    <row r="713896" spans="8:8">
      <c r="H713896" s="12"/>
    </row>
    <row r="713897" spans="8:8">
      <c r="H713897" s="12"/>
    </row>
    <row r="713898" spans="8:8">
      <c r="H713898" s="12"/>
    </row>
    <row r="713899" spans="8:8">
      <c r="H713899" s="12"/>
    </row>
    <row r="713900" spans="8:8">
      <c r="H713900" s="12"/>
    </row>
    <row r="713901" spans="8:8">
      <c r="H713901" s="12"/>
    </row>
    <row r="713902" spans="8:8">
      <c r="H713902" s="12"/>
    </row>
    <row r="713903" spans="8:8">
      <c r="H713903" s="12"/>
    </row>
    <row r="713904" spans="8:8">
      <c r="H713904" s="12"/>
    </row>
    <row r="713905" spans="8:8">
      <c r="H713905" s="12"/>
    </row>
    <row r="713906" spans="8:8">
      <c r="H713906" s="12"/>
    </row>
    <row r="713907" spans="8:8">
      <c r="H713907" s="12"/>
    </row>
    <row r="713908" spans="8:8">
      <c r="H713908" s="12"/>
    </row>
    <row r="713909" spans="8:8">
      <c r="H713909" s="12"/>
    </row>
    <row r="713910" spans="8:8">
      <c r="H713910" s="12"/>
    </row>
    <row r="713911" spans="8:8">
      <c r="H713911" s="12"/>
    </row>
    <row r="713912" spans="8:8">
      <c r="H713912" s="12"/>
    </row>
    <row r="713913" spans="8:8">
      <c r="H713913" s="12"/>
    </row>
    <row r="713914" spans="8:8">
      <c r="H713914" s="12"/>
    </row>
    <row r="713915" spans="8:8">
      <c r="H713915" s="12"/>
    </row>
    <row r="713916" spans="8:8">
      <c r="H713916" s="12"/>
    </row>
    <row r="713917" spans="8:8">
      <c r="H713917" s="12"/>
    </row>
    <row r="713918" spans="8:8">
      <c r="H713918" s="12"/>
    </row>
    <row r="713919" spans="8:8">
      <c r="H713919" s="12"/>
    </row>
    <row r="713920" spans="8:8">
      <c r="H713920" s="12"/>
    </row>
    <row r="713921" spans="8:8">
      <c r="H713921" s="12"/>
    </row>
    <row r="713922" spans="8:8">
      <c r="H713922" s="12"/>
    </row>
    <row r="713923" spans="8:8">
      <c r="H713923" s="12"/>
    </row>
    <row r="713924" spans="8:8">
      <c r="H713924" s="12"/>
    </row>
    <row r="713925" spans="8:8">
      <c r="H713925" s="12"/>
    </row>
    <row r="713926" spans="8:8">
      <c r="H713926" s="12"/>
    </row>
    <row r="713927" spans="8:8">
      <c r="H713927" s="12"/>
    </row>
    <row r="713928" spans="8:8">
      <c r="H713928" s="12"/>
    </row>
    <row r="713929" spans="8:8">
      <c r="H713929" s="12"/>
    </row>
    <row r="713930" spans="8:8">
      <c r="H713930" s="12"/>
    </row>
    <row r="713931" spans="8:8">
      <c r="H713931" s="12"/>
    </row>
    <row r="713932" spans="8:8">
      <c r="H713932" s="12"/>
    </row>
    <row r="713933" spans="8:8">
      <c r="H713933" s="12"/>
    </row>
    <row r="713934" spans="8:8">
      <c r="H713934" s="12"/>
    </row>
    <row r="713935" spans="8:8">
      <c r="H713935" s="12"/>
    </row>
    <row r="713936" spans="8:8">
      <c r="H713936" s="12"/>
    </row>
    <row r="713937" spans="8:8">
      <c r="H713937" s="12"/>
    </row>
    <row r="713938" spans="8:8">
      <c r="H713938" s="12"/>
    </row>
    <row r="713939" spans="8:8">
      <c r="H713939" s="12"/>
    </row>
    <row r="713940" spans="8:8">
      <c r="H713940" s="12"/>
    </row>
    <row r="713941" spans="8:8">
      <c r="H713941" s="12"/>
    </row>
    <row r="713942" spans="8:8">
      <c r="H713942" s="12"/>
    </row>
    <row r="713943" spans="8:8">
      <c r="H713943" s="12"/>
    </row>
    <row r="713944" spans="8:8">
      <c r="H713944" s="12"/>
    </row>
    <row r="713945" spans="8:8">
      <c r="H713945" s="12"/>
    </row>
    <row r="713946" spans="8:8">
      <c r="H713946" s="12"/>
    </row>
    <row r="713947" spans="8:8">
      <c r="H713947" s="12"/>
    </row>
    <row r="713948" spans="8:8">
      <c r="H713948" s="12"/>
    </row>
    <row r="713949" spans="8:8">
      <c r="H713949" s="12"/>
    </row>
    <row r="713950" spans="8:8">
      <c r="H713950" s="12"/>
    </row>
    <row r="713951" spans="8:8">
      <c r="H713951" s="12"/>
    </row>
    <row r="713952" spans="8:8">
      <c r="H713952" s="12"/>
    </row>
    <row r="713953" spans="8:8">
      <c r="H713953" s="12"/>
    </row>
    <row r="713954" spans="8:8">
      <c r="H713954" s="12"/>
    </row>
    <row r="713955" spans="8:8">
      <c r="H713955" s="12"/>
    </row>
    <row r="713956" spans="8:8">
      <c r="H713956" s="12"/>
    </row>
    <row r="713957" spans="8:8">
      <c r="H713957" s="12"/>
    </row>
    <row r="713958" spans="8:8">
      <c r="H713958" s="12"/>
    </row>
    <row r="713959" spans="8:8">
      <c r="H713959" s="12"/>
    </row>
    <row r="713960" spans="8:8">
      <c r="H713960" s="12"/>
    </row>
    <row r="713961" spans="8:8">
      <c r="H713961" s="12"/>
    </row>
    <row r="713962" spans="8:8">
      <c r="H713962" s="12"/>
    </row>
    <row r="713963" spans="8:8">
      <c r="H713963" s="12"/>
    </row>
    <row r="713964" spans="8:8">
      <c r="H713964" s="12"/>
    </row>
    <row r="713965" spans="8:8">
      <c r="H713965" s="12"/>
    </row>
    <row r="713966" spans="8:8">
      <c r="H713966" s="12"/>
    </row>
    <row r="713967" spans="8:8">
      <c r="H713967" s="12"/>
    </row>
    <row r="713968" spans="8:8">
      <c r="H713968" s="12"/>
    </row>
    <row r="713969" spans="8:8">
      <c r="H713969" s="12"/>
    </row>
    <row r="713970" spans="8:8">
      <c r="H713970" s="12"/>
    </row>
    <row r="713971" spans="8:8">
      <c r="H713971" s="12"/>
    </row>
    <row r="713972" spans="8:8">
      <c r="H713972" s="12"/>
    </row>
    <row r="713973" spans="8:8">
      <c r="H713973" s="12"/>
    </row>
    <row r="713974" spans="8:8">
      <c r="H713974" s="12"/>
    </row>
    <row r="713975" spans="8:8">
      <c r="H713975" s="12"/>
    </row>
    <row r="713976" spans="8:8">
      <c r="H713976" s="12"/>
    </row>
    <row r="713977" spans="8:8">
      <c r="H713977" s="12"/>
    </row>
    <row r="713978" spans="8:8">
      <c r="H713978" s="12"/>
    </row>
    <row r="713979" spans="8:8">
      <c r="H713979" s="12"/>
    </row>
    <row r="713980" spans="8:8">
      <c r="H713980" s="12"/>
    </row>
    <row r="713981" spans="8:8">
      <c r="H713981" s="12"/>
    </row>
    <row r="713982" spans="8:8">
      <c r="H713982" s="12"/>
    </row>
    <row r="713983" spans="8:8">
      <c r="H713983" s="12"/>
    </row>
    <row r="713984" spans="8:8">
      <c r="H713984" s="12"/>
    </row>
    <row r="713985" spans="8:8">
      <c r="H713985" s="12"/>
    </row>
    <row r="713986" spans="8:8">
      <c r="H713986" s="12"/>
    </row>
    <row r="713987" spans="8:8">
      <c r="H713987" s="12"/>
    </row>
    <row r="713988" spans="8:8">
      <c r="H713988" s="12"/>
    </row>
    <row r="713989" spans="8:8">
      <c r="H713989" s="12"/>
    </row>
    <row r="713990" spans="8:8">
      <c r="H713990" s="12"/>
    </row>
    <row r="713991" spans="8:8">
      <c r="H713991" s="12"/>
    </row>
    <row r="713992" spans="8:8">
      <c r="H713992" s="12"/>
    </row>
    <row r="713993" spans="8:8">
      <c r="H713993" s="12"/>
    </row>
    <row r="713994" spans="8:8">
      <c r="H713994" s="12"/>
    </row>
    <row r="713995" spans="8:8">
      <c r="H713995" s="12"/>
    </row>
    <row r="713996" spans="8:8">
      <c r="H713996" s="12"/>
    </row>
    <row r="713997" spans="8:8">
      <c r="H713997" s="12"/>
    </row>
    <row r="713998" spans="8:8">
      <c r="H713998" s="12"/>
    </row>
    <row r="713999" spans="8:8">
      <c r="H713999" s="12"/>
    </row>
    <row r="714000" spans="8:8">
      <c r="H714000" s="12"/>
    </row>
    <row r="714001" spans="8:8">
      <c r="H714001" s="12"/>
    </row>
    <row r="714002" spans="8:8">
      <c r="H714002" s="12"/>
    </row>
    <row r="714003" spans="8:8">
      <c r="H714003" s="12"/>
    </row>
    <row r="714004" spans="8:8">
      <c r="H714004" s="12"/>
    </row>
    <row r="714005" spans="8:8">
      <c r="H714005" s="12"/>
    </row>
    <row r="714006" spans="8:8">
      <c r="H714006" s="12"/>
    </row>
    <row r="714007" spans="8:8">
      <c r="H714007" s="12"/>
    </row>
    <row r="714008" spans="8:8">
      <c r="H714008" s="12"/>
    </row>
    <row r="714009" spans="8:8">
      <c r="H714009" s="12"/>
    </row>
    <row r="714010" spans="8:8">
      <c r="H714010" s="12"/>
    </row>
    <row r="714011" spans="8:8">
      <c r="H714011" s="12"/>
    </row>
    <row r="714012" spans="8:8">
      <c r="H714012" s="12"/>
    </row>
    <row r="714013" spans="8:8">
      <c r="H714013" s="12"/>
    </row>
    <row r="714014" spans="8:8">
      <c r="H714014" s="12"/>
    </row>
    <row r="714015" spans="8:8">
      <c r="H714015" s="12"/>
    </row>
    <row r="714016" spans="8:8">
      <c r="H714016" s="12"/>
    </row>
    <row r="714017" spans="8:8">
      <c r="H714017" s="12"/>
    </row>
    <row r="714018" spans="8:8">
      <c r="H714018" s="12"/>
    </row>
    <row r="714019" spans="8:8">
      <c r="H714019" s="12"/>
    </row>
    <row r="714020" spans="8:8">
      <c r="H714020" s="12"/>
    </row>
    <row r="714021" spans="8:8">
      <c r="H714021" s="12"/>
    </row>
    <row r="714022" spans="8:8">
      <c r="H714022" s="12"/>
    </row>
    <row r="714023" spans="8:8">
      <c r="H714023" s="12"/>
    </row>
    <row r="714024" spans="8:8">
      <c r="H714024" s="12"/>
    </row>
    <row r="714025" spans="8:8">
      <c r="H714025" s="12"/>
    </row>
    <row r="714026" spans="8:8">
      <c r="H714026" s="12"/>
    </row>
    <row r="714027" spans="8:8">
      <c r="H714027" s="12"/>
    </row>
    <row r="714028" spans="8:8">
      <c r="H714028" s="12"/>
    </row>
    <row r="714029" spans="8:8">
      <c r="H714029" s="12"/>
    </row>
    <row r="714030" spans="8:8">
      <c r="H714030" s="12"/>
    </row>
    <row r="714031" spans="8:8">
      <c r="H714031" s="12"/>
    </row>
    <row r="714032" spans="8:8">
      <c r="H714032" s="12"/>
    </row>
    <row r="714033" spans="8:8">
      <c r="H714033" s="12"/>
    </row>
    <row r="714034" spans="8:8">
      <c r="H714034" s="12"/>
    </row>
    <row r="714035" spans="8:8">
      <c r="H714035" s="12"/>
    </row>
    <row r="714036" spans="8:8">
      <c r="H714036" s="12"/>
    </row>
    <row r="714037" spans="8:8">
      <c r="H714037" s="12"/>
    </row>
    <row r="714038" spans="8:8">
      <c r="H714038" s="12"/>
    </row>
    <row r="714039" spans="8:8">
      <c r="H714039" s="12"/>
    </row>
    <row r="714040" spans="8:8">
      <c r="H714040" s="12"/>
    </row>
    <row r="714041" spans="8:8">
      <c r="H714041" s="12"/>
    </row>
    <row r="714042" spans="8:8">
      <c r="H714042" s="12"/>
    </row>
    <row r="714043" spans="8:8">
      <c r="H714043" s="12"/>
    </row>
    <row r="714044" spans="8:8">
      <c r="H714044" s="12"/>
    </row>
    <row r="714045" spans="8:8">
      <c r="H714045" s="12"/>
    </row>
    <row r="714046" spans="8:8">
      <c r="H714046" s="12"/>
    </row>
    <row r="714047" spans="8:8">
      <c r="H714047" s="12"/>
    </row>
    <row r="714048" spans="8:8">
      <c r="H714048" s="12"/>
    </row>
    <row r="714049" spans="8:8">
      <c r="H714049" s="12"/>
    </row>
    <row r="714050" spans="8:8">
      <c r="H714050" s="12"/>
    </row>
    <row r="714051" spans="8:8">
      <c r="H714051" s="12"/>
    </row>
    <row r="714052" spans="8:8">
      <c r="H714052" s="12"/>
    </row>
    <row r="714053" spans="8:8">
      <c r="H714053" s="12"/>
    </row>
    <row r="714054" spans="8:8">
      <c r="H714054" s="12"/>
    </row>
    <row r="714055" spans="8:8">
      <c r="H714055" s="12"/>
    </row>
    <row r="714056" spans="8:8">
      <c r="H714056" s="12"/>
    </row>
    <row r="714057" spans="8:8">
      <c r="H714057" s="12"/>
    </row>
    <row r="714058" spans="8:8">
      <c r="H714058" s="12"/>
    </row>
    <row r="714059" spans="8:8">
      <c r="H714059" s="12"/>
    </row>
    <row r="714060" spans="8:8">
      <c r="H714060" s="12"/>
    </row>
    <row r="714061" spans="8:8">
      <c r="H714061" s="12"/>
    </row>
    <row r="714062" spans="8:8">
      <c r="H714062" s="12"/>
    </row>
    <row r="714063" spans="8:8">
      <c r="H714063" s="12"/>
    </row>
    <row r="714064" spans="8:8">
      <c r="H714064" s="12"/>
    </row>
    <row r="714065" spans="8:8">
      <c r="H714065" s="12"/>
    </row>
    <row r="714066" spans="8:8">
      <c r="H714066" s="12"/>
    </row>
    <row r="714067" spans="8:8">
      <c r="H714067" s="12"/>
    </row>
    <row r="714068" spans="8:8">
      <c r="H714068" s="12"/>
    </row>
    <row r="714069" spans="8:8">
      <c r="H714069" s="12"/>
    </row>
    <row r="714070" spans="8:8">
      <c r="H714070" s="12"/>
    </row>
    <row r="714071" spans="8:8">
      <c r="H714071" s="12"/>
    </row>
    <row r="714072" spans="8:8">
      <c r="H714072" s="12"/>
    </row>
    <row r="714073" spans="8:8">
      <c r="H714073" s="12"/>
    </row>
    <row r="714074" spans="8:8">
      <c r="H714074" s="12"/>
    </row>
    <row r="714075" spans="8:8">
      <c r="H714075" s="12"/>
    </row>
    <row r="714076" spans="8:8">
      <c r="H714076" s="12"/>
    </row>
    <row r="714077" spans="8:8">
      <c r="H714077" s="12"/>
    </row>
    <row r="714078" spans="8:8">
      <c r="H714078" s="12"/>
    </row>
    <row r="714079" spans="8:8">
      <c r="H714079" s="12"/>
    </row>
    <row r="714080" spans="8:8">
      <c r="H714080" s="12"/>
    </row>
    <row r="714081" spans="8:8">
      <c r="H714081" s="12"/>
    </row>
    <row r="714082" spans="8:8">
      <c r="H714082" s="12"/>
    </row>
    <row r="714083" spans="8:8">
      <c r="H714083" s="12"/>
    </row>
    <row r="714084" spans="8:8">
      <c r="H714084" s="12"/>
    </row>
    <row r="714085" spans="8:8">
      <c r="H714085" s="12"/>
    </row>
    <row r="714086" spans="8:8">
      <c r="H714086" s="12"/>
    </row>
    <row r="714087" spans="8:8">
      <c r="H714087" s="12"/>
    </row>
    <row r="714088" spans="8:8">
      <c r="H714088" s="12"/>
    </row>
    <row r="714089" spans="8:8">
      <c r="H714089" s="12"/>
    </row>
    <row r="714090" spans="8:8">
      <c r="H714090" s="12"/>
    </row>
    <row r="714091" spans="8:8">
      <c r="H714091" s="12"/>
    </row>
    <row r="714092" spans="8:8">
      <c r="H714092" s="12"/>
    </row>
    <row r="714093" spans="8:8">
      <c r="H714093" s="12"/>
    </row>
    <row r="714094" spans="8:8">
      <c r="H714094" s="12"/>
    </row>
    <row r="714095" spans="8:8">
      <c r="H714095" s="12"/>
    </row>
    <row r="714096" spans="8:8">
      <c r="H714096" s="12"/>
    </row>
    <row r="714097" spans="8:8">
      <c r="H714097" s="12"/>
    </row>
    <row r="714098" spans="8:8">
      <c r="H714098" s="12"/>
    </row>
    <row r="714099" spans="8:8">
      <c r="H714099" s="12"/>
    </row>
    <row r="714100" spans="8:8">
      <c r="H714100" s="12"/>
    </row>
    <row r="714101" spans="8:8">
      <c r="H714101" s="12"/>
    </row>
    <row r="714102" spans="8:8">
      <c r="H714102" s="12"/>
    </row>
    <row r="714103" spans="8:8">
      <c r="H714103" s="12"/>
    </row>
    <row r="714104" spans="8:8">
      <c r="H714104" s="12"/>
    </row>
    <row r="714105" spans="8:8">
      <c r="H714105" s="12"/>
    </row>
    <row r="714106" spans="8:8">
      <c r="H714106" s="12"/>
    </row>
    <row r="714107" spans="8:8">
      <c r="H714107" s="12"/>
    </row>
    <row r="714108" spans="8:8">
      <c r="H714108" s="12"/>
    </row>
    <row r="714109" spans="8:8">
      <c r="H714109" s="12"/>
    </row>
    <row r="714110" spans="8:8">
      <c r="H714110" s="12"/>
    </row>
    <row r="714111" spans="8:8">
      <c r="H714111" s="12"/>
    </row>
    <row r="714112" spans="8:8">
      <c r="H714112" s="12"/>
    </row>
    <row r="714113" spans="8:8">
      <c r="H714113" s="12"/>
    </row>
    <row r="714114" spans="8:8">
      <c r="H714114" s="12"/>
    </row>
    <row r="714115" spans="8:8">
      <c r="H714115" s="12"/>
    </row>
    <row r="714116" spans="8:8">
      <c r="H714116" s="12"/>
    </row>
    <row r="714117" spans="8:8">
      <c r="H714117" s="12"/>
    </row>
    <row r="714118" spans="8:8">
      <c r="H714118" s="12"/>
    </row>
    <row r="714119" spans="8:8">
      <c r="H714119" s="12"/>
    </row>
    <row r="714120" spans="8:8">
      <c r="H714120" s="12"/>
    </row>
    <row r="714121" spans="8:8">
      <c r="H714121" s="12"/>
    </row>
    <row r="714122" spans="8:8">
      <c r="H714122" s="12"/>
    </row>
    <row r="714123" spans="8:8">
      <c r="H714123" s="12"/>
    </row>
    <row r="714124" spans="8:8">
      <c r="H714124" s="12"/>
    </row>
    <row r="714125" spans="8:8">
      <c r="H714125" s="12"/>
    </row>
    <row r="714126" spans="8:8">
      <c r="H714126" s="12"/>
    </row>
    <row r="714127" spans="8:8">
      <c r="H714127" s="12"/>
    </row>
    <row r="714128" spans="8:8">
      <c r="H714128" s="12"/>
    </row>
    <row r="714129" spans="8:8">
      <c r="H714129" s="12"/>
    </row>
    <row r="714130" spans="8:8">
      <c r="H714130" s="12"/>
    </row>
    <row r="714131" spans="8:8">
      <c r="H714131" s="12"/>
    </row>
    <row r="714132" spans="8:8">
      <c r="H714132" s="12"/>
    </row>
    <row r="714133" spans="8:8">
      <c r="H714133" s="12"/>
    </row>
    <row r="714134" spans="8:8">
      <c r="H714134" s="12"/>
    </row>
    <row r="714135" spans="8:8">
      <c r="H714135" s="12"/>
    </row>
    <row r="714136" spans="8:8">
      <c r="H714136" s="12"/>
    </row>
    <row r="714137" spans="8:8">
      <c r="H714137" s="12"/>
    </row>
    <row r="714138" spans="8:8">
      <c r="H714138" s="12"/>
    </row>
    <row r="714139" spans="8:8">
      <c r="H714139" s="12"/>
    </row>
    <row r="714140" spans="8:8">
      <c r="H714140" s="12"/>
    </row>
    <row r="714141" spans="8:8">
      <c r="H714141" s="12"/>
    </row>
    <row r="714142" spans="8:8">
      <c r="H714142" s="12"/>
    </row>
    <row r="714143" spans="8:8">
      <c r="H714143" s="12"/>
    </row>
    <row r="714144" spans="8:8">
      <c r="H714144" s="12"/>
    </row>
    <row r="714145" spans="8:8">
      <c r="H714145" s="12"/>
    </row>
    <row r="714146" spans="8:8">
      <c r="H714146" s="12"/>
    </row>
    <row r="714147" spans="8:8">
      <c r="H714147" s="12"/>
    </row>
    <row r="714148" spans="8:8">
      <c r="H714148" s="12"/>
    </row>
    <row r="714149" spans="8:8">
      <c r="H714149" s="12"/>
    </row>
    <row r="714150" spans="8:8">
      <c r="H714150" s="12"/>
    </row>
    <row r="714151" spans="8:8">
      <c r="H714151" s="12"/>
    </row>
    <row r="714152" spans="8:8">
      <c r="H714152" s="12"/>
    </row>
    <row r="714153" spans="8:8">
      <c r="H714153" s="12"/>
    </row>
    <row r="714154" spans="8:8">
      <c r="H714154" s="12"/>
    </row>
    <row r="714155" spans="8:8">
      <c r="H714155" s="12"/>
    </row>
    <row r="714156" spans="8:8">
      <c r="H714156" s="12"/>
    </row>
    <row r="714157" spans="8:8">
      <c r="H714157" s="12"/>
    </row>
    <row r="714158" spans="8:8">
      <c r="H714158" s="12"/>
    </row>
    <row r="714159" spans="8:8">
      <c r="H714159" s="12"/>
    </row>
    <row r="714160" spans="8:8">
      <c r="H714160" s="12"/>
    </row>
    <row r="714161" spans="8:8">
      <c r="H714161" s="12"/>
    </row>
    <row r="714162" spans="8:8">
      <c r="H714162" s="12"/>
    </row>
    <row r="714163" spans="8:8">
      <c r="H714163" s="12"/>
    </row>
    <row r="714164" spans="8:8">
      <c r="H714164" s="12"/>
    </row>
    <row r="714165" spans="8:8">
      <c r="H714165" s="12"/>
    </row>
    <row r="714166" spans="8:8">
      <c r="H714166" s="12"/>
    </row>
    <row r="714167" spans="8:8">
      <c r="H714167" s="12"/>
    </row>
    <row r="714168" spans="8:8">
      <c r="H714168" s="12"/>
    </row>
    <row r="714169" spans="8:8">
      <c r="H714169" s="12"/>
    </row>
    <row r="714170" spans="8:8">
      <c r="H714170" s="12"/>
    </row>
    <row r="714171" spans="8:8">
      <c r="H714171" s="12"/>
    </row>
    <row r="714172" spans="8:8">
      <c r="H714172" s="12"/>
    </row>
    <row r="714173" spans="8:8">
      <c r="H714173" s="12"/>
    </row>
    <row r="714174" spans="8:8">
      <c r="H714174" s="12"/>
    </row>
    <row r="714175" spans="8:8">
      <c r="H714175" s="12"/>
    </row>
    <row r="714176" spans="8:8">
      <c r="H714176" s="12"/>
    </row>
    <row r="714177" spans="8:8">
      <c r="H714177" s="12"/>
    </row>
    <row r="714178" spans="8:8">
      <c r="H714178" s="12"/>
    </row>
    <row r="714179" spans="8:8">
      <c r="H714179" s="12"/>
    </row>
    <row r="714180" spans="8:8">
      <c r="H714180" s="12"/>
    </row>
    <row r="714181" spans="8:8">
      <c r="H714181" s="12"/>
    </row>
    <row r="714182" spans="8:8">
      <c r="H714182" s="12"/>
    </row>
    <row r="714183" spans="8:8">
      <c r="H714183" s="12"/>
    </row>
    <row r="714184" spans="8:8">
      <c r="H714184" s="12"/>
    </row>
    <row r="714185" spans="8:8">
      <c r="H714185" s="12"/>
    </row>
    <row r="714186" spans="8:8">
      <c r="H714186" s="12"/>
    </row>
    <row r="714187" spans="8:8">
      <c r="H714187" s="12"/>
    </row>
    <row r="714188" spans="8:8">
      <c r="H714188" s="12"/>
    </row>
    <row r="714189" spans="8:8">
      <c r="H714189" s="12"/>
    </row>
    <row r="714190" spans="8:8">
      <c r="H714190" s="12"/>
    </row>
    <row r="714191" spans="8:8">
      <c r="H714191" s="12"/>
    </row>
    <row r="714192" spans="8:8">
      <c r="H714192" s="12"/>
    </row>
    <row r="714193" spans="8:8">
      <c r="H714193" s="12"/>
    </row>
    <row r="714194" spans="8:8">
      <c r="H714194" s="12"/>
    </row>
    <row r="714195" spans="8:8">
      <c r="H714195" s="12"/>
    </row>
    <row r="714196" spans="8:8">
      <c r="H714196" s="12"/>
    </row>
    <row r="714197" spans="8:8">
      <c r="H714197" s="12"/>
    </row>
    <row r="714198" spans="8:8">
      <c r="H714198" s="12"/>
    </row>
    <row r="714199" spans="8:8">
      <c r="H714199" s="12"/>
    </row>
    <row r="714200" spans="8:8">
      <c r="H714200" s="12"/>
    </row>
    <row r="714201" spans="8:8">
      <c r="H714201" s="12"/>
    </row>
    <row r="714202" spans="8:8">
      <c r="H714202" s="12"/>
    </row>
    <row r="714203" spans="8:8">
      <c r="H714203" s="12"/>
    </row>
    <row r="714204" spans="8:8">
      <c r="H714204" s="12"/>
    </row>
    <row r="714205" spans="8:8">
      <c r="H714205" s="12"/>
    </row>
    <row r="714206" spans="8:8">
      <c r="H714206" s="12"/>
    </row>
    <row r="714207" spans="8:8">
      <c r="H714207" s="12"/>
    </row>
    <row r="714208" spans="8:8">
      <c r="H714208" s="12"/>
    </row>
    <row r="714209" spans="8:8">
      <c r="H714209" s="12"/>
    </row>
    <row r="714210" spans="8:8">
      <c r="H714210" s="12"/>
    </row>
    <row r="714211" spans="8:8">
      <c r="H714211" s="12"/>
    </row>
    <row r="714212" spans="8:8">
      <c r="H714212" s="12"/>
    </row>
    <row r="714213" spans="8:8">
      <c r="H714213" s="12"/>
    </row>
    <row r="714214" spans="8:8">
      <c r="H714214" s="12"/>
    </row>
    <row r="714215" spans="8:8">
      <c r="H714215" s="12"/>
    </row>
    <row r="714216" spans="8:8">
      <c r="H714216" s="12"/>
    </row>
    <row r="714217" spans="8:8">
      <c r="H714217" s="12"/>
    </row>
    <row r="714218" spans="8:8">
      <c r="H714218" s="12"/>
    </row>
    <row r="714219" spans="8:8">
      <c r="H714219" s="12"/>
    </row>
    <row r="714220" spans="8:8">
      <c r="H714220" s="12"/>
    </row>
    <row r="714221" spans="8:8">
      <c r="H714221" s="12"/>
    </row>
    <row r="714222" spans="8:8">
      <c r="H714222" s="12"/>
    </row>
    <row r="714223" spans="8:8">
      <c r="H714223" s="12"/>
    </row>
    <row r="714224" spans="8:8">
      <c r="H714224" s="12"/>
    </row>
    <row r="714225" spans="8:8">
      <c r="H714225" s="12"/>
    </row>
    <row r="714226" spans="8:8">
      <c r="H714226" s="12"/>
    </row>
    <row r="714227" spans="8:8">
      <c r="H714227" s="12"/>
    </row>
    <row r="714228" spans="8:8">
      <c r="H714228" s="12"/>
    </row>
    <row r="714229" spans="8:8">
      <c r="H714229" s="12"/>
    </row>
    <row r="714230" spans="8:8">
      <c r="H714230" s="12"/>
    </row>
    <row r="714231" spans="8:8">
      <c r="H714231" s="12"/>
    </row>
    <row r="714232" spans="8:8">
      <c r="H714232" s="12"/>
    </row>
    <row r="714233" spans="8:8">
      <c r="H714233" s="12"/>
    </row>
    <row r="714234" spans="8:8">
      <c r="H714234" s="12"/>
    </row>
    <row r="714235" spans="8:8">
      <c r="H714235" s="12"/>
    </row>
    <row r="714236" spans="8:8">
      <c r="H714236" s="12"/>
    </row>
    <row r="714237" spans="8:8">
      <c r="H714237" s="12"/>
    </row>
    <row r="714238" spans="8:8">
      <c r="H714238" s="12"/>
    </row>
    <row r="714239" spans="8:8">
      <c r="H714239" s="12"/>
    </row>
    <row r="714240" spans="8:8">
      <c r="H714240" s="12"/>
    </row>
    <row r="714241" spans="8:8">
      <c r="H714241" s="12"/>
    </row>
    <row r="714242" spans="8:8">
      <c r="H714242" s="12"/>
    </row>
    <row r="714243" spans="8:8">
      <c r="H714243" s="12"/>
    </row>
    <row r="714244" spans="8:8">
      <c r="H714244" s="12"/>
    </row>
    <row r="714245" spans="8:8">
      <c r="H714245" s="12"/>
    </row>
    <row r="714246" spans="8:8">
      <c r="H714246" s="12"/>
    </row>
    <row r="714247" spans="8:8">
      <c r="H714247" s="12"/>
    </row>
    <row r="714248" spans="8:8">
      <c r="H714248" s="12"/>
    </row>
    <row r="714249" spans="8:8">
      <c r="H714249" s="12"/>
    </row>
    <row r="714250" spans="8:8">
      <c r="H714250" s="12"/>
    </row>
    <row r="714251" spans="8:8">
      <c r="H714251" s="12"/>
    </row>
    <row r="714252" spans="8:8">
      <c r="H714252" s="12"/>
    </row>
    <row r="714253" spans="8:8">
      <c r="H714253" s="12"/>
    </row>
    <row r="714254" spans="8:8">
      <c r="H714254" s="12"/>
    </row>
    <row r="714255" spans="8:8">
      <c r="H714255" s="12"/>
    </row>
    <row r="714256" spans="8:8">
      <c r="H714256" s="12"/>
    </row>
    <row r="714257" spans="8:8">
      <c r="H714257" s="12"/>
    </row>
    <row r="714258" spans="8:8">
      <c r="H714258" s="12"/>
    </row>
    <row r="714259" spans="8:8">
      <c r="H714259" s="12"/>
    </row>
    <row r="714260" spans="8:8">
      <c r="H714260" s="12"/>
    </row>
    <row r="714261" spans="8:8">
      <c r="H714261" s="12"/>
    </row>
    <row r="714262" spans="8:8">
      <c r="H714262" s="12"/>
    </row>
    <row r="714263" spans="8:8">
      <c r="H714263" s="12"/>
    </row>
    <row r="714264" spans="8:8">
      <c r="H714264" s="12"/>
    </row>
    <row r="714265" spans="8:8">
      <c r="H714265" s="12"/>
    </row>
    <row r="714266" spans="8:8">
      <c r="H714266" s="12"/>
    </row>
    <row r="714267" spans="8:8">
      <c r="H714267" s="12"/>
    </row>
    <row r="714268" spans="8:8">
      <c r="H714268" s="12"/>
    </row>
    <row r="714269" spans="8:8">
      <c r="H714269" s="12"/>
    </row>
    <row r="714270" spans="8:8">
      <c r="H714270" s="12"/>
    </row>
    <row r="714271" spans="8:8">
      <c r="H714271" s="12"/>
    </row>
    <row r="714272" spans="8:8">
      <c r="H714272" s="12"/>
    </row>
    <row r="714273" spans="8:8">
      <c r="H714273" s="12"/>
    </row>
    <row r="714274" spans="8:8">
      <c r="H714274" s="12"/>
    </row>
    <row r="714275" spans="8:8">
      <c r="H714275" s="12"/>
    </row>
    <row r="714276" spans="8:8">
      <c r="H714276" s="12"/>
    </row>
    <row r="714277" spans="8:8">
      <c r="H714277" s="12"/>
    </row>
    <row r="714278" spans="8:8">
      <c r="H714278" s="12"/>
    </row>
    <row r="714279" spans="8:8">
      <c r="H714279" s="12"/>
    </row>
    <row r="714280" spans="8:8">
      <c r="H714280" s="12"/>
    </row>
    <row r="714281" spans="8:8">
      <c r="H714281" s="12"/>
    </row>
    <row r="714282" spans="8:8">
      <c r="H714282" s="12"/>
    </row>
    <row r="714283" spans="8:8">
      <c r="H714283" s="12"/>
    </row>
    <row r="714284" spans="8:8">
      <c r="H714284" s="12"/>
    </row>
    <row r="714285" spans="8:8">
      <c r="H714285" s="12"/>
    </row>
    <row r="714286" spans="8:8">
      <c r="H714286" s="12"/>
    </row>
    <row r="714287" spans="8:8">
      <c r="H714287" s="12"/>
    </row>
    <row r="714288" spans="8:8">
      <c r="H714288" s="12"/>
    </row>
    <row r="714289" spans="8:8">
      <c r="H714289" s="12"/>
    </row>
    <row r="714290" spans="8:8">
      <c r="H714290" s="12"/>
    </row>
    <row r="714291" spans="8:8">
      <c r="H714291" s="12"/>
    </row>
    <row r="714292" spans="8:8">
      <c r="H714292" s="12"/>
    </row>
    <row r="714293" spans="8:8">
      <c r="H714293" s="12"/>
    </row>
    <row r="714294" spans="8:8">
      <c r="H714294" s="12"/>
    </row>
    <row r="714295" spans="8:8">
      <c r="H714295" s="12"/>
    </row>
    <row r="714296" spans="8:8">
      <c r="H714296" s="12"/>
    </row>
    <row r="714297" spans="8:8">
      <c r="H714297" s="12"/>
    </row>
    <row r="714298" spans="8:8">
      <c r="H714298" s="12"/>
    </row>
    <row r="714299" spans="8:8">
      <c r="H714299" s="12"/>
    </row>
    <row r="714300" spans="8:8">
      <c r="H714300" s="12"/>
    </row>
    <row r="714301" spans="8:8">
      <c r="H714301" s="12"/>
    </row>
    <row r="714302" spans="8:8">
      <c r="H714302" s="12"/>
    </row>
    <row r="714303" spans="8:8">
      <c r="H714303" s="12"/>
    </row>
    <row r="714304" spans="8:8">
      <c r="H714304" s="12"/>
    </row>
    <row r="714305" spans="8:8">
      <c r="H714305" s="12"/>
    </row>
    <row r="714306" spans="8:8">
      <c r="H714306" s="12"/>
    </row>
    <row r="714307" spans="8:8">
      <c r="H714307" s="12"/>
    </row>
    <row r="714308" spans="8:8">
      <c r="H714308" s="12"/>
    </row>
    <row r="714309" spans="8:8">
      <c r="H714309" s="12"/>
    </row>
    <row r="714310" spans="8:8">
      <c r="H714310" s="12"/>
    </row>
    <row r="714311" spans="8:8">
      <c r="H714311" s="12"/>
    </row>
    <row r="714312" spans="8:8">
      <c r="H714312" s="12"/>
    </row>
    <row r="714313" spans="8:8">
      <c r="H714313" s="12"/>
    </row>
    <row r="714314" spans="8:8">
      <c r="H714314" s="12"/>
    </row>
    <row r="714315" spans="8:8">
      <c r="H714315" s="12"/>
    </row>
    <row r="714316" spans="8:8">
      <c r="H714316" s="12"/>
    </row>
    <row r="714317" spans="8:8">
      <c r="H714317" s="12"/>
    </row>
    <row r="714318" spans="8:8">
      <c r="H714318" s="12"/>
    </row>
    <row r="714319" spans="8:8">
      <c r="H714319" s="12"/>
    </row>
    <row r="714320" spans="8:8">
      <c r="H714320" s="12"/>
    </row>
    <row r="714321" spans="8:8">
      <c r="H714321" s="12"/>
    </row>
    <row r="714322" spans="8:8">
      <c r="H714322" s="12"/>
    </row>
    <row r="714323" spans="8:8">
      <c r="H714323" s="12"/>
    </row>
    <row r="714324" spans="8:8">
      <c r="H714324" s="12"/>
    </row>
    <row r="714325" spans="8:8">
      <c r="H714325" s="12"/>
    </row>
    <row r="714326" spans="8:8">
      <c r="H714326" s="12"/>
    </row>
    <row r="714327" spans="8:8">
      <c r="H714327" s="12"/>
    </row>
    <row r="714328" spans="8:8">
      <c r="H714328" s="12"/>
    </row>
    <row r="714329" spans="8:8">
      <c r="H714329" s="12"/>
    </row>
    <row r="714330" spans="8:8">
      <c r="H714330" s="12"/>
    </row>
    <row r="714331" spans="8:8">
      <c r="H714331" s="12"/>
    </row>
    <row r="714332" spans="8:8">
      <c r="H714332" s="12"/>
    </row>
    <row r="714333" spans="8:8">
      <c r="H714333" s="12"/>
    </row>
    <row r="714334" spans="8:8">
      <c r="H714334" s="12"/>
    </row>
    <row r="714335" spans="8:8">
      <c r="H714335" s="12"/>
    </row>
    <row r="714336" spans="8:8">
      <c r="H714336" s="12"/>
    </row>
    <row r="714337" spans="8:8">
      <c r="H714337" s="12"/>
    </row>
    <row r="714338" spans="8:8">
      <c r="H714338" s="12"/>
    </row>
    <row r="714339" spans="8:8">
      <c r="H714339" s="12"/>
    </row>
    <row r="714340" spans="8:8">
      <c r="H714340" s="12"/>
    </row>
    <row r="714341" spans="8:8">
      <c r="H714341" s="12"/>
    </row>
    <row r="714342" spans="8:8">
      <c r="H714342" s="12"/>
    </row>
    <row r="714343" spans="8:8">
      <c r="H714343" s="12"/>
    </row>
    <row r="714344" spans="8:8">
      <c r="H714344" s="12"/>
    </row>
    <row r="714345" spans="8:8">
      <c r="H714345" s="12"/>
    </row>
    <row r="714346" spans="8:8">
      <c r="H714346" s="12"/>
    </row>
    <row r="714347" spans="8:8">
      <c r="H714347" s="12"/>
    </row>
    <row r="714348" spans="8:8">
      <c r="H714348" s="12"/>
    </row>
    <row r="714349" spans="8:8">
      <c r="H714349" s="12"/>
    </row>
    <row r="714350" spans="8:8">
      <c r="H714350" s="12"/>
    </row>
    <row r="714351" spans="8:8">
      <c r="H714351" s="12"/>
    </row>
    <row r="714352" spans="8:8">
      <c r="H714352" s="12"/>
    </row>
    <row r="714353" spans="8:8">
      <c r="H714353" s="12"/>
    </row>
    <row r="714354" spans="8:8">
      <c r="H714354" s="12"/>
    </row>
    <row r="714355" spans="8:8">
      <c r="H714355" s="12"/>
    </row>
    <row r="714356" spans="8:8">
      <c r="H714356" s="12"/>
    </row>
    <row r="714357" spans="8:8">
      <c r="H714357" s="12"/>
    </row>
    <row r="714358" spans="8:8">
      <c r="H714358" s="12"/>
    </row>
    <row r="714359" spans="8:8">
      <c r="H714359" s="12"/>
    </row>
    <row r="714360" spans="8:8">
      <c r="H714360" s="12"/>
    </row>
    <row r="714361" spans="8:8">
      <c r="H714361" s="12"/>
    </row>
    <row r="714362" spans="8:8">
      <c r="H714362" s="12"/>
    </row>
    <row r="714363" spans="8:8">
      <c r="H714363" s="12"/>
    </row>
    <row r="714364" spans="8:8">
      <c r="H714364" s="12"/>
    </row>
    <row r="714365" spans="8:8">
      <c r="H714365" s="12"/>
    </row>
    <row r="714366" spans="8:8">
      <c r="H714366" s="12"/>
    </row>
    <row r="714367" spans="8:8">
      <c r="H714367" s="12"/>
    </row>
    <row r="714368" spans="8:8">
      <c r="H714368" s="12"/>
    </row>
    <row r="714369" spans="8:8">
      <c r="H714369" s="12"/>
    </row>
    <row r="714370" spans="8:8">
      <c r="H714370" s="12"/>
    </row>
    <row r="714371" spans="8:8">
      <c r="H714371" s="12"/>
    </row>
    <row r="714372" spans="8:8">
      <c r="H714372" s="12"/>
    </row>
    <row r="714373" spans="8:8">
      <c r="H714373" s="12"/>
    </row>
    <row r="714374" spans="8:8">
      <c r="H714374" s="12"/>
    </row>
    <row r="714375" spans="8:8">
      <c r="H714375" s="12"/>
    </row>
    <row r="714376" spans="8:8">
      <c r="H714376" s="12"/>
    </row>
    <row r="714377" spans="8:8">
      <c r="H714377" s="12"/>
    </row>
    <row r="714378" spans="8:8">
      <c r="H714378" s="12"/>
    </row>
    <row r="714379" spans="8:8">
      <c r="H714379" s="12"/>
    </row>
    <row r="714380" spans="8:8">
      <c r="H714380" s="12"/>
    </row>
    <row r="714381" spans="8:8">
      <c r="H714381" s="12"/>
    </row>
    <row r="714382" spans="8:8">
      <c r="H714382" s="12"/>
    </row>
    <row r="714383" spans="8:8">
      <c r="H714383" s="12"/>
    </row>
    <row r="714384" spans="8:8">
      <c r="H714384" s="12"/>
    </row>
    <row r="714385" spans="8:8">
      <c r="H714385" s="12"/>
    </row>
    <row r="714386" spans="8:8">
      <c r="H714386" s="12"/>
    </row>
    <row r="714387" spans="8:8">
      <c r="H714387" s="12"/>
    </row>
    <row r="714388" spans="8:8">
      <c r="H714388" s="12"/>
    </row>
    <row r="714389" spans="8:8">
      <c r="H714389" s="12"/>
    </row>
    <row r="714390" spans="8:8">
      <c r="H714390" s="12"/>
    </row>
    <row r="714391" spans="8:8">
      <c r="H714391" s="12"/>
    </row>
    <row r="714392" spans="8:8">
      <c r="H714392" s="12"/>
    </row>
    <row r="714393" spans="8:8">
      <c r="H714393" s="12"/>
    </row>
    <row r="714394" spans="8:8">
      <c r="H714394" s="12"/>
    </row>
    <row r="714395" spans="8:8">
      <c r="H714395" s="12"/>
    </row>
    <row r="714396" spans="8:8">
      <c r="H714396" s="12"/>
    </row>
    <row r="714397" spans="8:8">
      <c r="H714397" s="12"/>
    </row>
    <row r="714398" spans="8:8">
      <c r="H714398" s="12"/>
    </row>
    <row r="714399" spans="8:8">
      <c r="H714399" s="12"/>
    </row>
    <row r="714400" spans="8:8">
      <c r="H714400" s="12"/>
    </row>
    <row r="714401" spans="8:8">
      <c r="H714401" s="12"/>
    </row>
    <row r="714402" spans="8:8">
      <c r="H714402" s="12"/>
    </row>
    <row r="714403" spans="8:8">
      <c r="H714403" s="12"/>
    </row>
    <row r="714404" spans="8:8">
      <c r="H714404" s="12"/>
    </row>
    <row r="714405" spans="8:8">
      <c r="H714405" s="12"/>
    </row>
    <row r="714406" spans="8:8">
      <c r="H714406" s="12"/>
    </row>
    <row r="714407" spans="8:8">
      <c r="H714407" s="12"/>
    </row>
    <row r="714408" spans="8:8">
      <c r="H714408" s="12"/>
    </row>
    <row r="714409" spans="8:8">
      <c r="H714409" s="12"/>
    </row>
    <row r="714410" spans="8:8">
      <c r="H714410" s="12"/>
    </row>
    <row r="714411" spans="8:8">
      <c r="H714411" s="12"/>
    </row>
    <row r="714412" spans="8:8">
      <c r="H714412" s="12"/>
    </row>
    <row r="714413" spans="8:8">
      <c r="H714413" s="12"/>
    </row>
    <row r="714414" spans="8:8">
      <c r="H714414" s="12"/>
    </row>
    <row r="714415" spans="8:8">
      <c r="H714415" s="12"/>
    </row>
    <row r="714416" spans="8:8">
      <c r="H714416" s="12"/>
    </row>
    <row r="714417" spans="8:8">
      <c r="H714417" s="12"/>
    </row>
    <row r="714418" spans="8:8">
      <c r="H714418" s="12"/>
    </row>
    <row r="714419" spans="8:8">
      <c r="H714419" s="12"/>
    </row>
    <row r="714420" spans="8:8">
      <c r="H714420" s="12"/>
    </row>
    <row r="714421" spans="8:8">
      <c r="H714421" s="12"/>
    </row>
    <row r="714422" spans="8:8">
      <c r="H714422" s="12"/>
    </row>
    <row r="714423" spans="8:8">
      <c r="H714423" s="12"/>
    </row>
    <row r="714424" spans="8:8">
      <c r="H714424" s="12"/>
    </row>
    <row r="714425" spans="8:8">
      <c r="H714425" s="12"/>
    </row>
    <row r="714426" spans="8:8">
      <c r="H714426" s="12"/>
    </row>
    <row r="714427" spans="8:8">
      <c r="H714427" s="12"/>
    </row>
    <row r="714428" spans="8:8">
      <c r="H714428" s="12"/>
    </row>
    <row r="714429" spans="8:8">
      <c r="H714429" s="12"/>
    </row>
    <row r="714430" spans="8:8">
      <c r="H714430" s="12"/>
    </row>
    <row r="714431" spans="8:8">
      <c r="H714431" s="12"/>
    </row>
    <row r="714432" spans="8:8">
      <c r="H714432" s="12"/>
    </row>
    <row r="714433" spans="8:8">
      <c r="H714433" s="12"/>
    </row>
    <row r="714434" spans="8:8">
      <c r="H714434" s="12"/>
    </row>
    <row r="714435" spans="8:8">
      <c r="H714435" s="12"/>
    </row>
    <row r="714436" spans="8:8">
      <c r="H714436" s="12"/>
    </row>
    <row r="714437" spans="8:8">
      <c r="H714437" s="12"/>
    </row>
    <row r="714438" spans="8:8">
      <c r="H714438" s="12"/>
    </row>
    <row r="714439" spans="8:8">
      <c r="H714439" s="12"/>
    </row>
    <row r="714440" spans="8:8">
      <c r="H714440" s="12"/>
    </row>
    <row r="714441" spans="8:8">
      <c r="H714441" s="12"/>
    </row>
    <row r="714442" spans="8:8">
      <c r="H714442" s="12"/>
    </row>
    <row r="714443" spans="8:8">
      <c r="H714443" s="12"/>
    </row>
    <row r="714444" spans="8:8">
      <c r="H714444" s="12"/>
    </row>
    <row r="714445" spans="8:8">
      <c r="H714445" s="12"/>
    </row>
    <row r="714446" spans="8:8">
      <c r="H714446" s="12"/>
    </row>
    <row r="714447" spans="8:8">
      <c r="H714447" s="12"/>
    </row>
    <row r="714448" spans="8:8">
      <c r="H714448" s="12"/>
    </row>
    <row r="714449" spans="8:8">
      <c r="H714449" s="12"/>
    </row>
    <row r="714450" spans="8:8">
      <c r="H714450" s="12"/>
    </row>
    <row r="714451" spans="8:8">
      <c r="H714451" s="12"/>
    </row>
    <row r="714452" spans="8:8">
      <c r="H714452" s="12"/>
    </row>
    <row r="714453" spans="8:8">
      <c r="H714453" s="12"/>
    </row>
    <row r="714454" spans="8:8">
      <c r="H714454" s="12"/>
    </row>
    <row r="714455" spans="8:8">
      <c r="H714455" s="12"/>
    </row>
    <row r="714456" spans="8:8">
      <c r="H714456" s="12"/>
    </row>
    <row r="714457" spans="8:8">
      <c r="H714457" s="12"/>
    </row>
    <row r="714458" spans="8:8">
      <c r="H714458" s="12"/>
    </row>
    <row r="714459" spans="8:8">
      <c r="H714459" s="12"/>
    </row>
    <row r="714460" spans="8:8">
      <c r="H714460" s="12"/>
    </row>
    <row r="714461" spans="8:8">
      <c r="H714461" s="12"/>
    </row>
    <row r="714462" spans="8:8">
      <c r="H714462" s="12"/>
    </row>
    <row r="714463" spans="8:8">
      <c r="H714463" s="12"/>
    </row>
    <row r="714464" spans="8:8">
      <c r="H714464" s="12"/>
    </row>
    <row r="714465" spans="8:8">
      <c r="H714465" s="12"/>
    </row>
    <row r="714466" spans="8:8">
      <c r="H714466" s="12"/>
    </row>
    <row r="714467" spans="8:8">
      <c r="H714467" s="12"/>
    </row>
    <row r="714468" spans="8:8">
      <c r="H714468" s="12"/>
    </row>
    <row r="714469" spans="8:8">
      <c r="H714469" s="12"/>
    </row>
    <row r="714470" spans="8:8">
      <c r="H714470" s="12"/>
    </row>
    <row r="714471" spans="8:8">
      <c r="H714471" s="12"/>
    </row>
    <row r="714472" spans="8:8">
      <c r="H714472" s="12"/>
    </row>
    <row r="714473" spans="8:8">
      <c r="H714473" s="12"/>
    </row>
    <row r="714474" spans="8:8">
      <c r="H714474" s="12"/>
    </row>
    <row r="714475" spans="8:8">
      <c r="H714475" s="12"/>
    </row>
    <row r="714476" spans="8:8">
      <c r="H714476" s="12"/>
    </row>
    <row r="714477" spans="8:8">
      <c r="H714477" s="12"/>
    </row>
    <row r="714478" spans="8:8">
      <c r="H714478" s="12"/>
    </row>
    <row r="714479" spans="8:8">
      <c r="H714479" s="12"/>
    </row>
    <row r="714480" spans="8:8">
      <c r="H714480" s="12"/>
    </row>
    <row r="714481" spans="8:8">
      <c r="H714481" s="12"/>
    </row>
    <row r="714482" spans="8:8">
      <c r="H714482" s="12"/>
    </row>
    <row r="714483" spans="8:8">
      <c r="H714483" s="12"/>
    </row>
    <row r="714484" spans="8:8">
      <c r="H714484" s="12"/>
    </row>
    <row r="714485" spans="8:8">
      <c r="H714485" s="12"/>
    </row>
    <row r="714486" spans="8:8">
      <c r="H714486" s="12"/>
    </row>
    <row r="714487" spans="8:8">
      <c r="H714487" s="12"/>
    </row>
    <row r="714488" spans="8:8">
      <c r="H714488" s="12"/>
    </row>
    <row r="714489" spans="8:8">
      <c r="H714489" s="12"/>
    </row>
    <row r="714490" spans="8:8">
      <c r="H714490" s="12"/>
    </row>
    <row r="714491" spans="8:8">
      <c r="H714491" s="12"/>
    </row>
    <row r="714492" spans="8:8">
      <c r="H714492" s="12"/>
    </row>
    <row r="714493" spans="8:8">
      <c r="H714493" s="12"/>
    </row>
    <row r="714494" spans="8:8">
      <c r="H714494" s="12"/>
    </row>
    <row r="714495" spans="8:8">
      <c r="H714495" s="12"/>
    </row>
    <row r="714496" spans="8:8">
      <c r="H714496" s="12"/>
    </row>
    <row r="714497" spans="8:8">
      <c r="H714497" s="12"/>
    </row>
    <row r="714498" spans="8:8">
      <c r="H714498" s="12"/>
    </row>
    <row r="714499" spans="8:8">
      <c r="H714499" s="12"/>
    </row>
    <row r="714500" spans="8:8">
      <c r="H714500" s="12"/>
    </row>
    <row r="714501" spans="8:8">
      <c r="H714501" s="12"/>
    </row>
    <row r="714502" spans="8:8">
      <c r="H714502" s="12"/>
    </row>
    <row r="714503" spans="8:8">
      <c r="H714503" s="12"/>
    </row>
    <row r="714504" spans="8:8">
      <c r="H714504" s="12"/>
    </row>
    <row r="714505" spans="8:8">
      <c r="H714505" s="12"/>
    </row>
    <row r="714506" spans="8:8">
      <c r="H714506" s="12"/>
    </row>
    <row r="714507" spans="8:8">
      <c r="H714507" s="12"/>
    </row>
    <row r="714508" spans="8:8">
      <c r="H714508" s="12"/>
    </row>
    <row r="714509" spans="8:8">
      <c r="H714509" s="12"/>
    </row>
    <row r="714510" spans="8:8">
      <c r="H714510" s="12"/>
    </row>
    <row r="714511" spans="8:8">
      <c r="H714511" s="12"/>
    </row>
    <row r="714512" spans="8:8">
      <c r="H714512" s="12"/>
    </row>
    <row r="714513" spans="8:8">
      <c r="H714513" s="12"/>
    </row>
    <row r="714514" spans="8:8">
      <c r="H714514" s="12"/>
    </row>
    <row r="714515" spans="8:8">
      <c r="H714515" s="12"/>
    </row>
    <row r="714516" spans="8:8">
      <c r="H714516" s="12"/>
    </row>
    <row r="714517" spans="8:8">
      <c r="H714517" s="12"/>
    </row>
    <row r="714518" spans="8:8">
      <c r="H714518" s="12"/>
    </row>
    <row r="714519" spans="8:8">
      <c r="H714519" s="12"/>
    </row>
    <row r="714520" spans="8:8">
      <c r="H714520" s="12"/>
    </row>
    <row r="714521" spans="8:8">
      <c r="H714521" s="12"/>
    </row>
    <row r="714522" spans="8:8">
      <c r="H714522" s="12"/>
    </row>
    <row r="714523" spans="8:8">
      <c r="H714523" s="12"/>
    </row>
    <row r="714524" spans="8:8">
      <c r="H714524" s="12"/>
    </row>
    <row r="714525" spans="8:8">
      <c r="H714525" s="12"/>
    </row>
    <row r="714526" spans="8:8">
      <c r="H714526" s="12"/>
    </row>
    <row r="714527" spans="8:8">
      <c r="H714527" s="12"/>
    </row>
    <row r="714528" spans="8:8">
      <c r="H714528" s="12"/>
    </row>
    <row r="714529" spans="8:8">
      <c r="H714529" s="12"/>
    </row>
    <row r="714530" spans="8:8">
      <c r="H714530" s="12"/>
    </row>
    <row r="714531" spans="8:8">
      <c r="H714531" s="12"/>
    </row>
    <row r="714532" spans="8:8">
      <c r="H714532" s="12"/>
    </row>
    <row r="714533" spans="8:8">
      <c r="H714533" s="12"/>
    </row>
    <row r="714534" spans="8:8">
      <c r="H714534" s="12"/>
    </row>
    <row r="714535" spans="8:8">
      <c r="H714535" s="12"/>
    </row>
    <row r="714536" spans="8:8">
      <c r="H714536" s="12"/>
    </row>
    <row r="714537" spans="8:8">
      <c r="H714537" s="12"/>
    </row>
    <row r="714538" spans="8:8">
      <c r="H714538" s="12"/>
    </row>
    <row r="714539" spans="8:8">
      <c r="H714539" s="12"/>
    </row>
    <row r="714540" spans="8:8">
      <c r="H714540" s="12"/>
    </row>
    <row r="714541" spans="8:8">
      <c r="H714541" s="12"/>
    </row>
    <row r="714542" spans="8:8">
      <c r="H714542" s="12"/>
    </row>
    <row r="714543" spans="8:8">
      <c r="H714543" s="12"/>
    </row>
    <row r="714544" spans="8:8">
      <c r="H714544" s="12"/>
    </row>
    <row r="714545" spans="8:8">
      <c r="H714545" s="12"/>
    </row>
    <row r="714546" spans="8:8">
      <c r="H714546" s="12"/>
    </row>
    <row r="714547" spans="8:8">
      <c r="H714547" s="12"/>
    </row>
    <row r="714548" spans="8:8">
      <c r="H714548" s="12"/>
    </row>
    <row r="714549" spans="8:8">
      <c r="H714549" s="12"/>
    </row>
    <row r="714550" spans="8:8">
      <c r="H714550" s="12"/>
    </row>
    <row r="714551" spans="8:8">
      <c r="H714551" s="12"/>
    </row>
    <row r="714552" spans="8:8">
      <c r="H714552" s="12"/>
    </row>
    <row r="714553" spans="8:8">
      <c r="H714553" s="12"/>
    </row>
    <row r="714554" spans="8:8">
      <c r="H714554" s="12"/>
    </row>
    <row r="714555" spans="8:8">
      <c r="H714555" s="12"/>
    </row>
    <row r="714556" spans="8:8">
      <c r="H714556" s="12"/>
    </row>
    <row r="714557" spans="8:8">
      <c r="H714557" s="12"/>
    </row>
    <row r="714558" spans="8:8">
      <c r="H714558" s="12"/>
    </row>
    <row r="714559" spans="8:8">
      <c r="H714559" s="12"/>
    </row>
    <row r="714560" spans="8:8">
      <c r="H714560" s="12"/>
    </row>
    <row r="714561" spans="8:8">
      <c r="H714561" s="12"/>
    </row>
    <row r="714562" spans="8:8">
      <c r="H714562" s="12"/>
    </row>
    <row r="714563" spans="8:8">
      <c r="H714563" s="12"/>
    </row>
    <row r="714564" spans="8:8">
      <c r="H714564" s="12"/>
    </row>
    <row r="714565" spans="8:8">
      <c r="H714565" s="12"/>
    </row>
    <row r="714566" spans="8:8">
      <c r="H714566" s="12"/>
    </row>
    <row r="714567" spans="8:8">
      <c r="H714567" s="12"/>
    </row>
    <row r="714568" spans="8:8">
      <c r="H714568" s="12"/>
    </row>
    <row r="714569" spans="8:8">
      <c r="H714569" s="12"/>
    </row>
    <row r="714570" spans="8:8">
      <c r="H714570" s="12"/>
    </row>
    <row r="714571" spans="8:8">
      <c r="H714571" s="12"/>
    </row>
    <row r="714572" spans="8:8">
      <c r="H714572" s="12"/>
    </row>
    <row r="714573" spans="8:8">
      <c r="H714573" s="12"/>
    </row>
    <row r="714574" spans="8:8">
      <c r="H714574" s="12"/>
    </row>
    <row r="714575" spans="8:8">
      <c r="H714575" s="12"/>
    </row>
    <row r="714576" spans="8:8">
      <c r="H714576" s="12"/>
    </row>
    <row r="714577" spans="8:8">
      <c r="H714577" s="12"/>
    </row>
    <row r="714578" spans="8:8">
      <c r="H714578" s="12"/>
    </row>
    <row r="714579" spans="8:8">
      <c r="H714579" s="12"/>
    </row>
    <row r="714580" spans="8:8">
      <c r="H714580" s="12"/>
    </row>
    <row r="714581" spans="8:8">
      <c r="H714581" s="12"/>
    </row>
    <row r="714582" spans="8:8">
      <c r="H714582" s="12"/>
    </row>
    <row r="714583" spans="8:8">
      <c r="H714583" s="12"/>
    </row>
    <row r="714584" spans="8:8">
      <c r="H714584" s="12"/>
    </row>
    <row r="714585" spans="8:8">
      <c r="H714585" s="12"/>
    </row>
    <row r="714586" spans="8:8">
      <c r="H714586" s="12"/>
    </row>
    <row r="714587" spans="8:8">
      <c r="H714587" s="12"/>
    </row>
    <row r="714588" spans="8:8">
      <c r="H714588" s="12"/>
    </row>
    <row r="714589" spans="8:8">
      <c r="H714589" s="12"/>
    </row>
    <row r="714590" spans="8:8">
      <c r="H714590" s="12"/>
    </row>
    <row r="714591" spans="8:8">
      <c r="H714591" s="12"/>
    </row>
    <row r="714592" spans="8:8">
      <c r="H714592" s="12"/>
    </row>
    <row r="714593" spans="8:8">
      <c r="H714593" s="12"/>
    </row>
    <row r="714594" spans="8:8">
      <c r="H714594" s="12"/>
    </row>
    <row r="714595" spans="8:8">
      <c r="H714595" s="12"/>
    </row>
    <row r="714596" spans="8:8">
      <c r="H714596" s="12"/>
    </row>
    <row r="714597" spans="8:8">
      <c r="H714597" s="12"/>
    </row>
    <row r="714598" spans="8:8">
      <c r="H714598" s="12"/>
    </row>
    <row r="714599" spans="8:8">
      <c r="H714599" s="12"/>
    </row>
    <row r="714600" spans="8:8">
      <c r="H714600" s="12"/>
    </row>
    <row r="714601" spans="8:8">
      <c r="H714601" s="12"/>
    </row>
    <row r="714602" spans="8:8">
      <c r="H714602" s="12"/>
    </row>
    <row r="714603" spans="8:8">
      <c r="H714603" s="12"/>
    </row>
    <row r="714604" spans="8:8">
      <c r="H714604" s="12"/>
    </row>
    <row r="714605" spans="8:8">
      <c r="H714605" s="12"/>
    </row>
    <row r="714606" spans="8:8">
      <c r="H714606" s="12"/>
    </row>
    <row r="714607" spans="8:8">
      <c r="H714607" s="12"/>
    </row>
    <row r="714608" spans="8:8">
      <c r="H714608" s="12"/>
    </row>
    <row r="714609" spans="8:8">
      <c r="H714609" s="12"/>
    </row>
    <row r="714610" spans="8:8">
      <c r="H714610" s="12"/>
    </row>
    <row r="714611" spans="8:8">
      <c r="H714611" s="12"/>
    </row>
    <row r="714612" spans="8:8">
      <c r="H714612" s="12"/>
    </row>
    <row r="714613" spans="8:8">
      <c r="H714613" s="12"/>
    </row>
    <row r="714614" spans="8:8">
      <c r="H714614" s="12"/>
    </row>
    <row r="714615" spans="8:8">
      <c r="H714615" s="12"/>
    </row>
    <row r="714616" spans="8:8">
      <c r="H714616" s="12"/>
    </row>
    <row r="714617" spans="8:8">
      <c r="H714617" s="12"/>
    </row>
    <row r="714618" spans="8:8">
      <c r="H714618" s="12"/>
    </row>
    <row r="714619" spans="8:8">
      <c r="H714619" s="12"/>
    </row>
    <row r="714620" spans="8:8">
      <c r="H714620" s="12"/>
    </row>
    <row r="714621" spans="8:8">
      <c r="H714621" s="12"/>
    </row>
    <row r="714622" spans="8:8">
      <c r="H714622" s="12"/>
    </row>
    <row r="714623" spans="8:8">
      <c r="H714623" s="12"/>
    </row>
    <row r="714624" spans="8:8">
      <c r="H714624" s="12"/>
    </row>
    <row r="714625" spans="8:8">
      <c r="H714625" s="12"/>
    </row>
    <row r="714626" spans="8:8">
      <c r="H714626" s="12"/>
    </row>
    <row r="714627" spans="8:8">
      <c r="H714627" s="12"/>
    </row>
    <row r="714628" spans="8:8">
      <c r="H714628" s="12"/>
    </row>
    <row r="714629" spans="8:8">
      <c r="H714629" s="12"/>
    </row>
    <row r="714630" spans="8:8">
      <c r="H714630" s="12"/>
    </row>
    <row r="714631" spans="8:8">
      <c r="H714631" s="12"/>
    </row>
    <row r="714632" spans="8:8">
      <c r="H714632" s="12"/>
    </row>
    <row r="714633" spans="8:8">
      <c r="H714633" s="12"/>
    </row>
    <row r="714634" spans="8:8">
      <c r="H714634" s="12"/>
    </row>
    <row r="714635" spans="8:8">
      <c r="H714635" s="12"/>
    </row>
    <row r="714636" spans="8:8">
      <c r="H714636" s="12"/>
    </row>
    <row r="714637" spans="8:8">
      <c r="H714637" s="12"/>
    </row>
    <row r="714638" spans="8:8">
      <c r="H714638" s="12"/>
    </row>
    <row r="714639" spans="8:8">
      <c r="H714639" s="12"/>
    </row>
    <row r="714640" spans="8:8">
      <c r="H714640" s="12"/>
    </row>
    <row r="714641" spans="8:8">
      <c r="H714641" s="12"/>
    </row>
    <row r="714642" spans="8:8">
      <c r="H714642" s="12"/>
    </row>
    <row r="714643" spans="8:8">
      <c r="H714643" s="12"/>
    </row>
    <row r="714644" spans="8:8">
      <c r="H714644" s="12"/>
    </row>
    <row r="714645" spans="8:8">
      <c r="H714645" s="12"/>
    </row>
    <row r="714646" spans="8:8">
      <c r="H714646" s="12"/>
    </row>
    <row r="714647" spans="8:8">
      <c r="H714647" s="12"/>
    </row>
    <row r="714648" spans="8:8">
      <c r="H714648" s="12"/>
    </row>
    <row r="714649" spans="8:8">
      <c r="H714649" s="12"/>
    </row>
    <row r="714650" spans="8:8">
      <c r="H714650" s="12"/>
    </row>
    <row r="714651" spans="8:8">
      <c r="H714651" s="12"/>
    </row>
    <row r="714652" spans="8:8">
      <c r="H714652" s="12"/>
    </row>
    <row r="714653" spans="8:8">
      <c r="H714653" s="12"/>
    </row>
    <row r="714654" spans="8:8">
      <c r="H714654" s="12"/>
    </row>
    <row r="714655" spans="8:8">
      <c r="H714655" s="12"/>
    </row>
    <row r="714656" spans="8:8">
      <c r="H714656" s="12"/>
    </row>
    <row r="714657" spans="8:8">
      <c r="H714657" s="12"/>
    </row>
    <row r="714658" spans="8:8">
      <c r="H714658" s="12"/>
    </row>
    <row r="714659" spans="8:8">
      <c r="H714659" s="12"/>
    </row>
    <row r="714660" spans="8:8">
      <c r="H714660" s="12"/>
    </row>
    <row r="714661" spans="8:8">
      <c r="H714661" s="12"/>
    </row>
    <row r="714662" spans="8:8">
      <c r="H714662" s="12"/>
    </row>
    <row r="714663" spans="8:8">
      <c r="H714663" s="12"/>
    </row>
    <row r="714664" spans="8:8">
      <c r="H714664" s="12"/>
    </row>
    <row r="714665" spans="8:8">
      <c r="H714665" s="12"/>
    </row>
    <row r="714666" spans="8:8">
      <c r="H714666" s="12"/>
    </row>
    <row r="714667" spans="8:8">
      <c r="H714667" s="12"/>
    </row>
    <row r="714668" spans="8:8">
      <c r="H714668" s="12"/>
    </row>
    <row r="714669" spans="8:8">
      <c r="H714669" s="12"/>
    </row>
    <row r="714670" spans="8:8">
      <c r="H714670" s="12"/>
    </row>
    <row r="714671" spans="8:8">
      <c r="H714671" s="12"/>
    </row>
    <row r="714672" spans="8:8">
      <c r="H714672" s="12"/>
    </row>
    <row r="714673" spans="8:8">
      <c r="H714673" s="12"/>
    </row>
    <row r="714674" spans="8:8">
      <c r="H714674" s="12"/>
    </row>
    <row r="714675" spans="8:8">
      <c r="H714675" s="12"/>
    </row>
    <row r="714676" spans="8:8">
      <c r="H714676" s="12"/>
    </row>
    <row r="714677" spans="8:8">
      <c r="H714677" s="12"/>
    </row>
    <row r="714678" spans="8:8">
      <c r="H714678" s="12"/>
    </row>
    <row r="714679" spans="8:8">
      <c r="H714679" s="12"/>
    </row>
    <row r="714680" spans="8:8">
      <c r="H714680" s="12"/>
    </row>
    <row r="714681" spans="8:8">
      <c r="H714681" s="12"/>
    </row>
    <row r="714682" spans="8:8">
      <c r="H714682" s="12"/>
    </row>
    <row r="714683" spans="8:8">
      <c r="H714683" s="12"/>
    </row>
    <row r="714684" spans="8:8">
      <c r="H714684" s="12"/>
    </row>
    <row r="714685" spans="8:8">
      <c r="H714685" s="12"/>
    </row>
    <row r="714686" spans="8:8">
      <c r="H714686" s="12"/>
    </row>
    <row r="714687" spans="8:8">
      <c r="H714687" s="12"/>
    </row>
    <row r="714688" spans="8:8">
      <c r="H714688" s="12"/>
    </row>
    <row r="714689" spans="8:8">
      <c r="H714689" s="12"/>
    </row>
    <row r="714690" spans="8:8">
      <c r="H714690" s="12"/>
    </row>
    <row r="714691" spans="8:8">
      <c r="H714691" s="12"/>
    </row>
    <row r="714692" spans="8:8">
      <c r="H714692" s="12"/>
    </row>
    <row r="714693" spans="8:8">
      <c r="H714693" s="12"/>
    </row>
    <row r="714694" spans="8:8">
      <c r="H714694" s="12"/>
    </row>
    <row r="714695" spans="8:8">
      <c r="H714695" s="12"/>
    </row>
    <row r="714696" spans="8:8">
      <c r="H714696" s="12"/>
    </row>
    <row r="714697" spans="8:8">
      <c r="H714697" s="12"/>
    </row>
    <row r="714698" spans="8:8">
      <c r="H714698" s="12"/>
    </row>
    <row r="714699" spans="8:8">
      <c r="H714699" s="12"/>
    </row>
    <row r="714700" spans="8:8">
      <c r="H714700" s="12"/>
    </row>
    <row r="714701" spans="8:8">
      <c r="H714701" s="12"/>
    </row>
    <row r="714702" spans="8:8">
      <c r="H714702" s="12"/>
    </row>
    <row r="714703" spans="8:8">
      <c r="H714703" s="12"/>
    </row>
    <row r="714704" spans="8:8">
      <c r="H714704" s="12"/>
    </row>
    <row r="714705" spans="8:8">
      <c r="H714705" s="12"/>
    </row>
    <row r="714706" spans="8:8">
      <c r="H714706" s="12"/>
    </row>
    <row r="714707" spans="8:8">
      <c r="H714707" s="12"/>
    </row>
    <row r="714708" spans="8:8">
      <c r="H714708" s="12"/>
    </row>
    <row r="714709" spans="8:8">
      <c r="H714709" s="12"/>
    </row>
    <row r="714710" spans="8:8">
      <c r="H714710" s="12"/>
    </row>
    <row r="714711" spans="8:8">
      <c r="H714711" s="12"/>
    </row>
    <row r="714712" spans="8:8">
      <c r="H714712" s="12"/>
    </row>
    <row r="714713" spans="8:8">
      <c r="H714713" s="12"/>
    </row>
    <row r="714714" spans="8:8">
      <c r="H714714" s="12"/>
    </row>
    <row r="714715" spans="8:8">
      <c r="H714715" s="12"/>
    </row>
    <row r="714716" spans="8:8">
      <c r="H714716" s="12"/>
    </row>
    <row r="714717" spans="8:8">
      <c r="H714717" s="12"/>
    </row>
    <row r="714718" spans="8:8">
      <c r="H714718" s="12"/>
    </row>
    <row r="714719" spans="8:8">
      <c r="H714719" s="12"/>
    </row>
    <row r="714720" spans="8:8">
      <c r="H714720" s="12"/>
    </row>
    <row r="714721" spans="8:8">
      <c r="H714721" s="12"/>
    </row>
    <row r="714722" spans="8:8">
      <c r="H714722" s="12"/>
    </row>
    <row r="714723" spans="8:8">
      <c r="H714723" s="12"/>
    </row>
    <row r="714724" spans="8:8">
      <c r="H714724" s="12"/>
    </row>
    <row r="714725" spans="8:8">
      <c r="H714725" s="12"/>
    </row>
    <row r="714726" spans="8:8">
      <c r="H714726" s="12"/>
    </row>
    <row r="714727" spans="8:8">
      <c r="H714727" s="12"/>
    </row>
    <row r="714728" spans="8:8">
      <c r="H714728" s="12"/>
    </row>
    <row r="714729" spans="8:8">
      <c r="H714729" s="12"/>
    </row>
    <row r="714730" spans="8:8">
      <c r="H714730" s="12"/>
    </row>
    <row r="714731" spans="8:8">
      <c r="H714731" s="12"/>
    </row>
    <row r="714732" spans="8:8">
      <c r="H714732" s="12"/>
    </row>
    <row r="714733" spans="8:8">
      <c r="H714733" s="12"/>
    </row>
    <row r="714734" spans="8:8">
      <c r="H714734" s="12"/>
    </row>
    <row r="714735" spans="8:8">
      <c r="H714735" s="12"/>
    </row>
    <row r="714736" spans="8:8">
      <c r="H714736" s="12"/>
    </row>
    <row r="714737" spans="8:8">
      <c r="H714737" s="12"/>
    </row>
    <row r="714738" spans="8:8">
      <c r="H714738" s="12"/>
    </row>
    <row r="714739" spans="8:8">
      <c r="H714739" s="12"/>
    </row>
    <row r="714740" spans="8:8">
      <c r="H714740" s="12"/>
    </row>
    <row r="714741" spans="8:8">
      <c r="H714741" s="12"/>
    </row>
    <row r="714742" spans="8:8">
      <c r="H714742" s="12"/>
    </row>
    <row r="714743" spans="8:8">
      <c r="H714743" s="12"/>
    </row>
    <row r="714744" spans="8:8">
      <c r="H714744" s="12"/>
    </row>
    <row r="714745" spans="8:8">
      <c r="H714745" s="12"/>
    </row>
    <row r="714746" spans="8:8">
      <c r="H714746" s="12"/>
    </row>
    <row r="714747" spans="8:8">
      <c r="H714747" s="12"/>
    </row>
    <row r="714748" spans="8:8">
      <c r="H714748" s="12"/>
    </row>
    <row r="714749" spans="8:8">
      <c r="H714749" s="12"/>
    </row>
    <row r="714750" spans="8:8">
      <c r="H714750" s="12"/>
    </row>
    <row r="714751" spans="8:8">
      <c r="H714751" s="12"/>
    </row>
    <row r="714752" spans="8:8">
      <c r="H714752" s="12"/>
    </row>
    <row r="714753" spans="8:8">
      <c r="H714753" s="12"/>
    </row>
    <row r="714754" spans="8:8">
      <c r="H714754" s="12"/>
    </row>
    <row r="714755" spans="8:8">
      <c r="H714755" s="12"/>
    </row>
    <row r="714756" spans="8:8">
      <c r="H714756" s="12"/>
    </row>
    <row r="714757" spans="8:8">
      <c r="H714757" s="12"/>
    </row>
    <row r="714758" spans="8:8">
      <c r="H714758" s="12"/>
    </row>
    <row r="714759" spans="8:8">
      <c r="H714759" s="12"/>
    </row>
    <row r="714760" spans="8:8">
      <c r="H714760" s="12"/>
    </row>
    <row r="714761" spans="8:8">
      <c r="H714761" s="12"/>
    </row>
    <row r="714762" spans="8:8">
      <c r="H714762" s="12"/>
    </row>
    <row r="714763" spans="8:8">
      <c r="H714763" s="12"/>
    </row>
    <row r="714764" spans="8:8">
      <c r="H714764" s="12"/>
    </row>
    <row r="714765" spans="8:8">
      <c r="H714765" s="12"/>
    </row>
    <row r="714766" spans="8:8">
      <c r="H714766" s="12"/>
    </row>
    <row r="714767" spans="8:8">
      <c r="H714767" s="12"/>
    </row>
    <row r="714768" spans="8:8">
      <c r="H714768" s="12"/>
    </row>
    <row r="714769" spans="8:8">
      <c r="H714769" s="12"/>
    </row>
    <row r="714770" spans="8:8">
      <c r="H714770" s="12"/>
    </row>
    <row r="714771" spans="8:8">
      <c r="H714771" s="12"/>
    </row>
    <row r="714772" spans="8:8">
      <c r="H714772" s="12"/>
    </row>
    <row r="714773" spans="8:8">
      <c r="H714773" s="12"/>
    </row>
    <row r="714774" spans="8:8">
      <c r="H714774" s="12"/>
    </row>
    <row r="714775" spans="8:8">
      <c r="H714775" s="12"/>
    </row>
    <row r="714776" spans="8:8">
      <c r="H714776" s="12"/>
    </row>
    <row r="714777" spans="8:8">
      <c r="H714777" s="12"/>
    </row>
    <row r="714778" spans="8:8">
      <c r="H714778" s="12"/>
    </row>
    <row r="714779" spans="8:8">
      <c r="H714779" s="12"/>
    </row>
    <row r="714780" spans="8:8">
      <c r="H714780" s="12"/>
    </row>
    <row r="714781" spans="8:8">
      <c r="H714781" s="12"/>
    </row>
    <row r="714782" spans="8:8">
      <c r="H714782" s="12"/>
    </row>
    <row r="714783" spans="8:8">
      <c r="H714783" s="12"/>
    </row>
    <row r="714784" spans="8:8">
      <c r="H714784" s="12"/>
    </row>
    <row r="714785" spans="8:8">
      <c r="H714785" s="12"/>
    </row>
    <row r="714786" spans="8:8">
      <c r="H714786" s="12"/>
    </row>
    <row r="714787" spans="8:8">
      <c r="H714787" s="12"/>
    </row>
    <row r="714788" spans="8:8">
      <c r="H714788" s="12"/>
    </row>
    <row r="714789" spans="8:8">
      <c r="H714789" s="12"/>
    </row>
    <row r="714790" spans="8:8">
      <c r="H714790" s="12"/>
    </row>
    <row r="714791" spans="8:8">
      <c r="H714791" s="12"/>
    </row>
    <row r="714792" spans="8:8">
      <c r="H714792" s="12"/>
    </row>
    <row r="714793" spans="8:8">
      <c r="H714793" s="12"/>
    </row>
    <row r="714794" spans="8:8">
      <c r="H714794" s="12"/>
    </row>
    <row r="714795" spans="8:8">
      <c r="H714795" s="12"/>
    </row>
    <row r="714796" spans="8:8">
      <c r="H714796" s="12"/>
    </row>
    <row r="714797" spans="8:8">
      <c r="H714797" s="12"/>
    </row>
    <row r="714798" spans="8:8">
      <c r="H714798" s="12"/>
    </row>
    <row r="714799" spans="8:8">
      <c r="H714799" s="12"/>
    </row>
    <row r="714800" spans="8:8">
      <c r="H714800" s="12"/>
    </row>
    <row r="714801" spans="8:8">
      <c r="H714801" s="12"/>
    </row>
    <row r="714802" spans="8:8">
      <c r="H714802" s="12"/>
    </row>
    <row r="714803" spans="8:8">
      <c r="H714803" s="12"/>
    </row>
    <row r="714804" spans="8:8">
      <c r="H714804" s="12"/>
    </row>
    <row r="714805" spans="8:8">
      <c r="H714805" s="12"/>
    </row>
    <row r="714806" spans="8:8">
      <c r="H714806" s="12"/>
    </row>
    <row r="714807" spans="8:8">
      <c r="H714807" s="12"/>
    </row>
    <row r="714808" spans="8:8">
      <c r="H714808" s="12"/>
    </row>
    <row r="714809" spans="8:8">
      <c r="H714809" s="12"/>
    </row>
    <row r="714810" spans="8:8">
      <c r="H714810" s="12"/>
    </row>
    <row r="714811" spans="8:8">
      <c r="H714811" s="12"/>
    </row>
    <row r="714812" spans="8:8">
      <c r="H714812" s="12"/>
    </row>
    <row r="714813" spans="8:8">
      <c r="H714813" s="12"/>
    </row>
    <row r="714814" spans="8:8">
      <c r="H714814" s="12"/>
    </row>
    <row r="714815" spans="8:8">
      <c r="H714815" s="12"/>
    </row>
    <row r="714816" spans="8:8">
      <c r="H714816" s="12"/>
    </row>
    <row r="714817" spans="8:8">
      <c r="H714817" s="12"/>
    </row>
    <row r="714818" spans="8:8">
      <c r="H714818" s="12"/>
    </row>
    <row r="714819" spans="8:8">
      <c r="H714819" s="12"/>
    </row>
    <row r="714820" spans="8:8">
      <c r="H714820" s="12"/>
    </row>
    <row r="714821" spans="8:8">
      <c r="H714821" s="12"/>
    </row>
    <row r="714822" spans="8:8">
      <c r="H714822" s="12"/>
    </row>
    <row r="714823" spans="8:8">
      <c r="H714823" s="12"/>
    </row>
    <row r="714824" spans="8:8">
      <c r="H714824" s="12"/>
    </row>
    <row r="714825" spans="8:8">
      <c r="H714825" s="12"/>
    </row>
    <row r="714826" spans="8:8">
      <c r="H714826" s="12"/>
    </row>
    <row r="714827" spans="8:8">
      <c r="H714827" s="12"/>
    </row>
    <row r="714828" spans="8:8">
      <c r="H714828" s="12"/>
    </row>
    <row r="714829" spans="8:8">
      <c r="H714829" s="12"/>
    </row>
    <row r="714830" spans="8:8">
      <c r="H714830" s="12"/>
    </row>
    <row r="714831" spans="8:8">
      <c r="H714831" s="12"/>
    </row>
    <row r="714832" spans="8:8">
      <c r="H714832" s="12"/>
    </row>
    <row r="714833" spans="8:8">
      <c r="H714833" s="12"/>
    </row>
    <row r="714834" spans="8:8">
      <c r="H714834" s="12"/>
    </row>
    <row r="714835" spans="8:8">
      <c r="H714835" s="12"/>
    </row>
    <row r="714836" spans="8:8">
      <c r="H714836" s="12"/>
    </row>
    <row r="714837" spans="8:8">
      <c r="H714837" s="12"/>
    </row>
    <row r="714838" spans="8:8">
      <c r="H714838" s="12"/>
    </row>
    <row r="714839" spans="8:8">
      <c r="H714839" s="12"/>
    </row>
    <row r="714840" spans="8:8">
      <c r="H714840" s="12"/>
    </row>
    <row r="714841" spans="8:8">
      <c r="H714841" s="12"/>
    </row>
    <row r="714842" spans="8:8">
      <c r="H714842" s="12"/>
    </row>
    <row r="714843" spans="8:8">
      <c r="H714843" s="12"/>
    </row>
    <row r="714844" spans="8:8">
      <c r="H714844" s="12"/>
    </row>
    <row r="714845" spans="8:8">
      <c r="H714845" s="12"/>
    </row>
    <row r="714846" spans="8:8">
      <c r="H714846" s="12"/>
    </row>
    <row r="714847" spans="8:8">
      <c r="H714847" s="12"/>
    </row>
    <row r="714848" spans="8:8">
      <c r="H714848" s="12"/>
    </row>
    <row r="714849" spans="8:8">
      <c r="H714849" s="12"/>
    </row>
    <row r="714850" spans="8:8">
      <c r="H714850" s="12"/>
    </row>
    <row r="714851" spans="8:8">
      <c r="H714851" s="12"/>
    </row>
    <row r="714852" spans="8:8">
      <c r="H714852" s="12"/>
    </row>
    <row r="714853" spans="8:8">
      <c r="H714853" s="12"/>
    </row>
    <row r="714854" spans="8:8">
      <c r="H714854" s="12"/>
    </row>
    <row r="714855" spans="8:8">
      <c r="H714855" s="12"/>
    </row>
    <row r="714856" spans="8:8">
      <c r="H714856" s="12"/>
    </row>
    <row r="714857" spans="8:8">
      <c r="H714857" s="12"/>
    </row>
    <row r="714858" spans="8:8">
      <c r="H714858" s="12"/>
    </row>
    <row r="714859" spans="8:8">
      <c r="H714859" s="12"/>
    </row>
    <row r="714860" spans="8:8">
      <c r="H714860" s="12"/>
    </row>
    <row r="714861" spans="8:8">
      <c r="H714861" s="12"/>
    </row>
    <row r="714862" spans="8:8">
      <c r="H714862" s="12"/>
    </row>
    <row r="714863" spans="8:8">
      <c r="H714863" s="12"/>
    </row>
    <row r="714864" spans="8:8">
      <c r="H714864" s="12"/>
    </row>
    <row r="714865" spans="8:8">
      <c r="H714865" s="12"/>
    </row>
    <row r="714866" spans="8:8">
      <c r="H714866" s="12"/>
    </row>
    <row r="714867" spans="8:8">
      <c r="H714867" s="12"/>
    </row>
    <row r="714868" spans="8:8">
      <c r="H714868" s="12"/>
    </row>
    <row r="714869" spans="8:8">
      <c r="H714869" s="12"/>
    </row>
    <row r="714870" spans="8:8">
      <c r="H714870" s="12"/>
    </row>
    <row r="714871" spans="8:8">
      <c r="H714871" s="12"/>
    </row>
    <row r="714872" spans="8:8">
      <c r="H714872" s="12"/>
    </row>
    <row r="714873" spans="8:8">
      <c r="H714873" s="12"/>
    </row>
    <row r="714874" spans="8:8">
      <c r="H714874" s="12"/>
    </row>
    <row r="714875" spans="8:8">
      <c r="H714875" s="12"/>
    </row>
    <row r="714876" spans="8:8">
      <c r="H714876" s="12"/>
    </row>
    <row r="714877" spans="8:8">
      <c r="H714877" s="12"/>
    </row>
    <row r="714878" spans="8:8">
      <c r="H714878" s="12"/>
    </row>
    <row r="714879" spans="8:8">
      <c r="H714879" s="12"/>
    </row>
    <row r="714880" spans="8:8">
      <c r="H714880" s="12"/>
    </row>
    <row r="714881" spans="8:8">
      <c r="H714881" s="12"/>
    </row>
    <row r="714882" spans="8:8">
      <c r="H714882" s="12"/>
    </row>
    <row r="714883" spans="8:8">
      <c r="H714883" s="12"/>
    </row>
    <row r="714884" spans="8:8">
      <c r="H714884" s="12"/>
    </row>
    <row r="714885" spans="8:8">
      <c r="H714885" s="12"/>
    </row>
    <row r="714886" spans="8:8">
      <c r="H714886" s="12"/>
    </row>
    <row r="714887" spans="8:8">
      <c r="H714887" s="12"/>
    </row>
    <row r="714888" spans="8:8">
      <c r="H714888" s="12"/>
    </row>
    <row r="714889" spans="8:8">
      <c r="H714889" s="12"/>
    </row>
    <row r="714890" spans="8:8">
      <c r="H714890" s="12"/>
    </row>
    <row r="714891" spans="8:8">
      <c r="H714891" s="12"/>
    </row>
    <row r="714892" spans="8:8">
      <c r="H714892" s="12"/>
    </row>
    <row r="714893" spans="8:8">
      <c r="H714893" s="12"/>
    </row>
    <row r="714894" spans="8:8">
      <c r="H714894" s="12"/>
    </row>
    <row r="714895" spans="8:8">
      <c r="H714895" s="12"/>
    </row>
    <row r="714896" spans="8:8">
      <c r="H714896" s="12"/>
    </row>
    <row r="714897" spans="8:8">
      <c r="H714897" s="12"/>
    </row>
    <row r="714898" spans="8:8">
      <c r="H714898" s="12"/>
    </row>
    <row r="714899" spans="8:8">
      <c r="H714899" s="12"/>
    </row>
    <row r="714900" spans="8:8">
      <c r="H714900" s="12"/>
    </row>
    <row r="714901" spans="8:8">
      <c r="H714901" s="12"/>
    </row>
    <row r="714902" spans="8:8">
      <c r="H714902" s="12"/>
    </row>
    <row r="714903" spans="8:8">
      <c r="H714903" s="12"/>
    </row>
    <row r="714904" spans="8:8">
      <c r="H714904" s="12"/>
    </row>
    <row r="714905" spans="8:8">
      <c r="H714905" s="12"/>
    </row>
    <row r="714906" spans="8:8">
      <c r="H714906" s="12"/>
    </row>
    <row r="714907" spans="8:8">
      <c r="H714907" s="12"/>
    </row>
    <row r="714908" spans="8:8">
      <c r="H714908" s="12"/>
    </row>
    <row r="714909" spans="8:8">
      <c r="H714909" s="12"/>
    </row>
    <row r="714910" spans="8:8">
      <c r="H714910" s="12"/>
    </row>
    <row r="714911" spans="8:8">
      <c r="H714911" s="12"/>
    </row>
    <row r="714912" spans="8:8">
      <c r="H714912" s="12"/>
    </row>
    <row r="714913" spans="8:8">
      <c r="H714913" s="12"/>
    </row>
    <row r="714914" spans="8:8">
      <c r="H714914" s="12"/>
    </row>
    <row r="714915" spans="8:8">
      <c r="H714915" s="12"/>
    </row>
    <row r="714916" spans="8:8">
      <c r="H714916" s="12"/>
    </row>
    <row r="714917" spans="8:8">
      <c r="H714917" s="12"/>
    </row>
    <row r="714918" spans="8:8">
      <c r="H714918" s="12"/>
    </row>
    <row r="714919" spans="8:8">
      <c r="H714919" s="12"/>
    </row>
    <row r="714920" spans="8:8">
      <c r="H714920" s="12"/>
    </row>
    <row r="714921" spans="8:8">
      <c r="H714921" s="12"/>
    </row>
    <row r="714922" spans="8:8">
      <c r="H714922" s="12"/>
    </row>
    <row r="714923" spans="8:8">
      <c r="H714923" s="12"/>
    </row>
    <row r="714924" spans="8:8">
      <c r="H714924" s="12"/>
    </row>
    <row r="714925" spans="8:8">
      <c r="H714925" s="12"/>
    </row>
    <row r="714926" spans="8:8">
      <c r="H714926" s="12"/>
    </row>
    <row r="714927" spans="8:8">
      <c r="H714927" s="12"/>
    </row>
    <row r="714928" spans="8:8">
      <c r="H714928" s="12"/>
    </row>
    <row r="714929" spans="8:8">
      <c r="H714929" s="12"/>
    </row>
    <row r="714930" spans="8:8">
      <c r="H714930" s="12"/>
    </row>
    <row r="714931" spans="8:8">
      <c r="H714931" s="12"/>
    </row>
    <row r="714932" spans="8:8">
      <c r="H714932" s="12"/>
    </row>
    <row r="714933" spans="8:8">
      <c r="H714933" s="12"/>
    </row>
    <row r="714934" spans="8:8">
      <c r="H714934" s="12"/>
    </row>
    <row r="714935" spans="8:8">
      <c r="H714935" s="12"/>
    </row>
    <row r="714936" spans="8:8">
      <c r="H714936" s="12"/>
    </row>
    <row r="714937" spans="8:8">
      <c r="H714937" s="12"/>
    </row>
    <row r="714938" spans="8:8">
      <c r="H714938" s="12"/>
    </row>
    <row r="714939" spans="8:8">
      <c r="H714939" s="12"/>
    </row>
    <row r="714940" spans="8:8">
      <c r="H714940" s="12"/>
    </row>
    <row r="714941" spans="8:8">
      <c r="H714941" s="12"/>
    </row>
    <row r="714942" spans="8:8">
      <c r="H714942" s="12"/>
    </row>
    <row r="714943" spans="8:8">
      <c r="H714943" s="12"/>
    </row>
    <row r="714944" spans="8:8">
      <c r="H714944" s="12"/>
    </row>
    <row r="714945" spans="8:8">
      <c r="H714945" s="12"/>
    </row>
    <row r="714946" spans="8:8">
      <c r="H714946" s="12"/>
    </row>
    <row r="714947" spans="8:8">
      <c r="H714947" s="12"/>
    </row>
    <row r="714948" spans="8:8">
      <c r="H714948" s="12"/>
    </row>
    <row r="714949" spans="8:8">
      <c r="H714949" s="12"/>
    </row>
    <row r="714950" spans="8:8">
      <c r="H714950" s="12"/>
    </row>
    <row r="714951" spans="8:8">
      <c r="H714951" s="12"/>
    </row>
    <row r="714952" spans="8:8">
      <c r="H714952" s="12"/>
    </row>
    <row r="714953" spans="8:8">
      <c r="H714953" s="12"/>
    </row>
    <row r="714954" spans="8:8">
      <c r="H714954" s="12"/>
    </row>
    <row r="714955" spans="8:8">
      <c r="H714955" s="12"/>
    </row>
    <row r="714956" spans="8:8">
      <c r="H714956" s="12"/>
    </row>
    <row r="714957" spans="8:8">
      <c r="H714957" s="12"/>
    </row>
    <row r="714958" spans="8:8">
      <c r="H714958" s="12"/>
    </row>
    <row r="714959" spans="8:8">
      <c r="H714959" s="12"/>
    </row>
    <row r="714960" spans="8:8">
      <c r="H714960" s="12"/>
    </row>
    <row r="714961" spans="8:8">
      <c r="H714961" s="12"/>
    </row>
    <row r="714962" spans="8:8">
      <c r="H714962" s="12"/>
    </row>
    <row r="714963" spans="8:8">
      <c r="H714963" s="12"/>
    </row>
    <row r="714964" spans="8:8">
      <c r="H714964" s="12"/>
    </row>
    <row r="714965" spans="8:8">
      <c r="H714965" s="12"/>
    </row>
    <row r="714966" spans="8:8">
      <c r="H714966" s="12"/>
    </row>
    <row r="714967" spans="8:8">
      <c r="H714967" s="12"/>
    </row>
    <row r="714968" spans="8:8">
      <c r="H714968" s="12"/>
    </row>
    <row r="714969" spans="8:8">
      <c r="H714969" s="12"/>
    </row>
    <row r="714970" spans="8:8">
      <c r="H714970" s="12"/>
    </row>
    <row r="714971" spans="8:8">
      <c r="H714971" s="12"/>
    </row>
    <row r="714972" spans="8:8">
      <c r="H714972" s="12"/>
    </row>
    <row r="714973" spans="8:8">
      <c r="H714973" s="12"/>
    </row>
    <row r="714974" spans="8:8">
      <c r="H714974" s="12"/>
    </row>
    <row r="714975" spans="8:8">
      <c r="H714975" s="12"/>
    </row>
    <row r="714976" spans="8:8">
      <c r="H714976" s="12"/>
    </row>
    <row r="714977" spans="8:8">
      <c r="H714977" s="12"/>
    </row>
    <row r="714978" spans="8:8">
      <c r="H714978" s="12"/>
    </row>
    <row r="714979" spans="8:8">
      <c r="H714979" s="12"/>
    </row>
    <row r="714980" spans="8:8">
      <c r="H714980" s="12"/>
    </row>
    <row r="714981" spans="8:8">
      <c r="H714981" s="12"/>
    </row>
    <row r="714982" spans="8:8">
      <c r="H714982" s="12"/>
    </row>
    <row r="714983" spans="8:8">
      <c r="H714983" s="12"/>
    </row>
    <row r="714984" spans="8:8">
      <c r="H714984" s="12"/>
    </row>
    <row r="714985" spans="8:8">
      <c r="H714985" s="12"/>
    </row>
    <row r="714986" spans="8:8">
      <c r="H714986" s="12"/>
    </row>
    <row r="714987" spans="8:8">
      <c r="H714987" s="12"/>
    </row>
    <row r="714988" spans="8:8">
      <c r="H714988" s="12"/>
    </row>
    <row r="714989" spans="8:8">
      <c r="H714989" s="12"/>
    </row>
    <row r="714990" spans="8:8">
      <c r="H714990" s="12"/>
    </row>
    <row r="714991" spans="8:8">
      <c r="H714991" s="12"/>
    </row>
    <row r="714992" spans="8:8">
      <c r="H714992" s="12"/>
    </row>
    <row r="714993" spans="8:8">
      <c r="H714993" s="12"/>
    </row>
    <row r="714994" spans="8:8">
      <c r="H714994" s="12"/>
    </row>
    <row r="714995" spans="8:8">
      <c r="H714995" s="12"/>
    </row>
    <row r="714996" spans="8:8">
      <c r="H714996" s="12"/>
    </row>
    <row r="714997" spans="8:8">
      <c r="H714997" s="12"/>
    </row>
    <row r="714998" spans="8:8">
      <c r="H714998" s="12"/>
    </row>
    <row r="714999" spans="8:8">
      <c r="H714999" s="12"/>
    </row>
    <row r="715000" spans="8:8">
      <c r="H715000" s="12"/>
    </row>
    <row r="715001" spans="8:8">
      <c r="H715001" s="12"/>
    </row>
    <row r="715002" spans="8:8">
      <c r="H715002" s="12"/>
    </row>
    <row r="715003" spans="8:8">
      <c r="H715003" s="12"/>
    </row>
    <row r="715004" spans="8:8">
      <c r="H715004" s="12"/>
    </row>
    <row r="715005" spans="8:8">
      <c r="H715005" s="12"/>
    </row>
    <row r="715006" spans="8:8">
      <c r="H715006" s="12"/>
    </row>
    <row r="715007" spans="8:8">
      <c r="H715007" s="12"/>
    </row>
    <row r="715008" spans="8:8">
      <c r="H715008" s="12"/>
    </row>
    <row r="715009" spans="8:8">
      <c r="H715009" s="12"/>
    </row>
    <row r="715010" spans="8:8">
      <c r="H715010" s="12"/>
    </row>
    <row r="715011" spans="8:8">
      <c r="H715011" s="12"/>
    </row>
    <row r="715012" spans="8:8">
      <c r="H715012" s="12"/>
    </row>
    <row r="715013" spans="8:8">
      <c r="H715013" s="12"/>
    </row>
    <row r="715014" spans="8:8">
      <c r="H715014" s="12"/>
    </row>
    <row r="715015" spans="8:8">
      <c r="H715015" s="12"/>
    </row>
    <row r="715016" spans="8:8">
      <c r="H715016" s="12"/>
    </row>
    <row r="715017" spans="8:8">
      <c r="H715017" s="12"/>
    </row>
    <row r="715018" spans="8:8">
      <c r="H715018" s="12"/>
    </row>
    <row r="715019" spans="8:8">
      <c r="H715019" s="12"/>
    </row>
    <row r="715020" spans="8:8">
      <c r="H715020" s="12"/>
    </row>
    <row r="715021" spans="8:8">
      <c r="H715021" s="12"/>
    </row>
    <row r="715022" spans="8:8">
      <c r="H715022" s="12"/>
    </row>
    <row r="715023" spans="8:8">
      <c r="H715023" s="12"/>
    </row>
    <row r="715024" spans="8:8">
      <c r="H715024" s="12"/>
    </row>
    <row r="715025" spans="8:8">
      <c r="H715025" s="12"/>
    </row>
    <row r="715026" spans="8:8">
      <c r="H715026" s="12"/>
    </row>
    <row r="715027" spans="8:8">
      <c r="H715027" s="12"/>
    </row>
    <row r="715028" spans="8:8">
      <c r="H715028" s="12"/>
    </row>
    <row r="715029" spans="8:8">
      <c r="H715029" s="12"/>
    </row>
    <row r="715030" spans="8:8">
      <c r="H715030" s="12"/>
    </row>
    <row r="715031" spans="8:8">
      <c r="H715031" s="12"/>
    </row>
    <row r="715032" spans="8:8">
      <c r="H715032" s="12"/>
    </row>
    <row r="715033" spans="8:8">
      <c r="H715033" s="12"/>
    </row>
    <row r="715034" spans="8:8">
      <c r="H715034" s="12"/>
    </row>
    <row r="715035" spans="8:8">
      <c r="H715035" s="12"/>
    </row>
    <row r="715036" spans="8:8">
      <c r="H715036" s="12"/>
    </row>
    <row r="715037" spans="8:8">
      <c r="H715037" s="12"/>
    </row>
    <row r="715038" spans="8:8">
      <c r="H715038" s="12"/>
    </row>
    <row r="715039" spans="8:8">
      <c r="H715039" s="12"/>
    </row>
    <row r="715040" spans="8:8">
      <c r="H715040" s="12"/>
    </row>
    <row r="715041" spans="8:8">
      <c r="H715041" s="12"/>
    </row>
    <row r="715042" spans="8:8">
      <c r="H715042" s="12"/>
    </row>
    <row r="715043" spans="8:8">
      <c r="H715043" s="12"/>
    </row>
    <row r="715044" spans="8:8">
      <c r="H715044" s="12"/>
    </row>
    <row r="715045" spans="8:8">
      <c r="H715045" s="12"/>
    </row>
    <row r="715046" spans="8:8">
      <c r="H715046" s="12"/>
    </row>
    <row r="715047" spans="8:8">
      <c r="H715047" s="12"/>
    </row>
    <row r="715048" spans="8:8">
      <c r="H715048" s="12"/>
    </row>
    <row r="715049" spans="8:8">
      <c r="H715049" s="12"/>
    </row>
    <row r="715050" spans="8:8">
      <c r="H715050" s="12"/>
    </row>
    <row r="715051" spans="8:8">
      <c r="H715051" s="12"/>
    </row>
    <row r="715052" spans="8:8">
      <c r="H715052" s="12"/>
    </row>
    <row r="715053" spans="8:8">
      <c r="H715053" s="12"/>
    </row>
    <row r="715054" spans="8:8">
      <c r="H715054" s="12"/>
    </row>
    <row r="715055" spans="8:8">
      <c r="H715055" s="12"/>
    </row>
    <row r="715056" spans="8:8">
      <c r="H715056" s="12"/>
    </row>
    <row r="715057" spans="8:8">
      <c r="H715057" s="12"/>
    </row>
    <row r="715058" spans="8:8">
      <c r="H715058" s="12"/>
    </row>
    <row r="715059" spans="8:8">
      <c r="H715059" s="12"/>
    </row>
    <row r="715060" spans="8:8">
      <c r="H715060" s="12"/>
    </row>
    <row r="715061" spans="8:8">
      <c r="H715061" s="12"/>
    </row>
    <row r="715062" spans="8:8">
      <c r="H715062" s="12"/>
    </row>
    <row r="715063" spans="8:8">
      <c r="H715063" s="12"/>
    </row>
    <row r="715064" spans="8:8">
      <c r="H715064" s="12"/>
    </row>
    <row r="715065" spans="8:8">
      <c r="H715065" s="12"/>
    </row>
    <row r="715066" spans="8:8">
      <c r="H715066" s="12"/>
    </row>
    <row r="715067" spans="8:8">
      <c r="H715067" s="12"/>
    </row>
    <row r="715068" spans="8:8">
      <c r="H715068" s="12"/>
    </row>
    <row r="715069" spans="8:8">
      <c r="H715069" s="12"/>
    </row>
    <row r="715070" spans="8:8">
      <c r="H715070" s="12"/>
    </row>
    <row r="715071" spans="8:8">
      <c r="H715071" s="12"/>
    </row>
    <row r="715072" spans="8:8">
      <c r="H715072" s="12"/>
    </row>
    <row r="715073" spans="8:8">
      <c r="H715073" s="12"/>
    </row>
    <row r="715074" spans="8:8">
      <c r="H715074" s="12"/>
    </row>
    <row r="715075" spans="8:8">
      <c r="H715075" s="12"/>
    </row>
    <row r="715076" spans="8:8">
      <c r="H715076" s="12"/>
    </row>
    <row r="715077" spans="8:8">
      <c r="H715077" s="12"/>
    </row>
    <row r="715078" spans="8:8">
      <c r="H715078" s="12"/>
    </row>
    <row r="715079" spans="8:8">
      <c r="H715079" s="12"/>
    </row>
    <row r="715080" spans="8:8">
      <c r="H715080" s="12"/>
    </row>
    <row r="715081" spans="8:8">
      <c r="H715081" s="12"/>
    </row>
    <row r="715082" spans="8:8">
      <c r="H715082" s="12"/>
    </row>
    <row r="715083" spans="8:8">
      <c r="H715083" s="12"/>
    </row>
    <row r="715084" spans="8:8">
      <c r="H715084" s="12"/>
    </row>
    <row r="715085" spans="8:8">
      <c r="H715085" s="12"/>
    </row>
    <row r="715086" spans="8:8">
      <c r="H715086" s="12"/>
    </row>
    <row r="715087" spans="8:8">
      <c r="H715087" s="12"/>
    </row>
    <row r="715088" spans="8:8">
      <c r="H715088" s="12"/>
    </row>
    <row r="715089" spans="8:8">
      <c r="H715089" s="12"/>
    </row>
    <row r="715090" spans="8:8">
      <c r="H715090" s="12"/>
    </row>
    <row r="715091" spans="8:8">
      <c r="H715091" s="12"/>
    </row>
    <row r="715092" spans="8:8">
      <c r="H715092" s="12"/>
    </row>
    <row r="715093" spans="8:8">
      <c r="H715093" s="12"/>
    </row>
    <row r="715094" spans="8:8">
      <c r="H715094" s="12"/>
    </row>
    <row r="715095" spans="8:8">
      <c r="H715095" s="12"/>
    </row>
    <row r="715096" spans="8:8">
      <c r="H715096" s="12"/>
    </row>
    <row r="715097" spans="8:8">
      <c r="H715097" s="12"/>
    </row>
    <row r="715098" spans="8:8">
      <c r="H715098" s="12"/>
    </row>
    <row r="715099" spans="8:8">
      <c r="H715099" s="12"/>
    </row>
    <row r="715100" spans="8:8">
      <c r="H715100" s="12"/>
    </row>
    <row r="715101" spans="8:8">
      <c r="H715101" s="12"/>
    </row>
    <row r="715102" spans="8:8">
      <c r="H715102" s="12"/>
    </row>
    <row r="715103" spans="8:8">
      <c r="H715103" s="12"/>
    </row>
    <row r="715104" spans="8:8">
      <c r="H715104" s="12"/>
    </row>
    <row r="715105" spans="8:8">
      <c r="H715105" s="12"/>
    </row>
    <row r="715106" spans="8:8">
      <c r="H715106" s="12"/>
    </row>
    <row r="715107" spans="8:8">
      <c r="H715107" s="12"/>
    </row>
    <row r="715108" spans="8:8">
      <c r="H715108" s="12"/>
    </row>
    <row r="715109" spans="8:8">
      <c r="H715109" s="12"/>
    </row>
    <row r="715110" spans="8:8">
      <c r="H715110" s="12"/>
    </row>
    <row r="715111" spans="8:8">
      <c r="H715111" s="12"/>
    </row>
    <row r="715112" spans="8:8">
      <c r="H715112" s="12"/>
    </row>
    <row r="715113" spans="8:8">
      <c r="H715113" s="12"/>
    </row>
    <row r="715114" spans="8:8">
      <c r="H715114" s="12"/>
    </row>
    <row r="715115" spans="8:8">
      <c r="H715115" s="12"/>
    </row>
    <row r="715116" spans="8:8">
      <c r="H715116" s="12"/>
    </row>
    <row r="715117" spans="8:8">
      <c r="H715117" s="12"/>
    </row>
    <row r="715118" spans="8:8">
      <c r="H715118" s="12"/>
    </row>
    <row r="715119" spans="8:8">
      <c r="H715119" s="12"/>
    </row>
    <row r="715120" spans="8:8">
      <c r="H715120" s="12"/>
    </row>
    <row r="715121" spans="8:8">
      <c r="H715121" s="12"/>
    </row>
    <row r="715122" spans="8:8">
      <c r="H715122" s="12"/>
    </row>
    <row r="715123" spans="8:8">
      <c r="H715123" s="12"/>
    </row>
    <row r="715124" spans="8:8">
      <c r="H715124" s="12"/>
    </row>
    <row r="715125" spans="8:8">
      <c r="H715125" s="12"/>
    </row>
    <row r="715126" spans="8:8">
      <c r="H715126" s="12"/>
    </row>
    <row r="715127" spans="8:8">
      <c r="H715127" s="12"/>
    </row>
    <row r="715128" spans="8:8">
      <c r="H715128" s="12"/>
    </row>
    <row r="715129" spans="8:8">
      <c r="H715129" s="12"/>
    </row>
    <row r="715130" spans="8:8">
      <c r="H715130" s="12"/>
    </row>
    <row r="715131" spans="8:8">
      <c r="H715131" s="12"/>
    </row>
    <row r="715132" spans="8:8">
      <c r="H715132" s="12"/>
    </row>
    <row r="715133" spans="8:8">
      <c r="H715133" s="12"/>
    </row>
    <row r="715134" spans="8:8">
      <c r="H715134" s="12"/>
    </row>
    <row r="715135" spans="8:8">
      <c r="H715135" s="12"/>
    </row>
    <row r="715136" spans="8:8">
      <c r="H715136" s="12"/>
    </row>
    <row r="715137" spans="8:8">
      <c r="H715137" s="12"/>
    </row>
    <row r="715138" spans="8:8">
      <c r="H715138" s="12"/>
    </row>
    <row r="715139" spans="8:8">
      <c r="H715139" s="12"/>
    </row>
    <row r="715140" spans="8:8">
      <c r="H715140" s="12"/>
    </row>
    <row r="715141" spans="8:8">
      <c r="H715141" s="12"/>
    </row>
    <row r="715142" spans="8:8">
      <c r="H715142" s="12"/>
    </row>
    <row r="715143" spans="8:8">
      <c r="H715143" s="12"/>
    </row>
    <row r="715144" spans="8:8">
      <c r="H715144" s="12"/>
    </row>
    <row r="715145" spans="8:8">
      <c r="H715145" s="12"/>
    </row>
    <row r="715146" spans="8:8">
      <c r="H715146" s="12"/>
    </row>
    <row r="715147" spans="8:8">
      <c r="H715147" s="12"/>
    </row>
    <row r="715148" spans="8:8">
      <c r="H715148" s="12"/>
    </row>
    <row r="715149" spans="8:8">
      <c r="H715149" s="12"/>
    </row>
    <row r="715150" spans="8:8">
      <c r="H715150" s="12"/>
    </row>
    <row r="715151" spans="8:8">
      <c r="H715151" s="12"/>
    </row>
    <row r="715152" spans="8:8">
      <c r="H715152" s="12"/>
    </row>
    <row r="715153" spans="8:8">
      <c r="H715153" s="12"/>
    </row>
    <row r="715154" spans="8:8">
      <c r="H715154" s="12"/>
    </row>
    <row r="715155" spans="8:8">
      <c r="H715155" s="12"/>
    </row>
    <row r="715156" spans="8:8">
      <c r="H715156" s="12"/>
    </row>
    <row r="715157" spans="8:8">
      <c r="H715157" s="12"/>
    </row>
    <row r="715158" spans="8:8">
      <c r="H715158" s="12"/>
    </row>
    <row r="715159" spans="8:8">
      <c r="H715159" s="12"/>
    </row>
    <row r="715160" spans="8:8">
      <c r="H715160" s="12"/>
    </row>
    <row r="715161" spans="8:8">
      <c r="H715161" s="12"/>
    </row>
    <row r="715162" spans="8:8">
      <c r="H715162" s="12"/>
    </row>
    <row r="715163" spans="8:8">
      <c r="H715163" s="12"/>
    </row>
    <row r="715164" spans="8:8">
      <c r="H715164" s="12"/>
    </row>
    <row r="715165" spans="8:8">
      <c r="H715165" s="12"/>
    </row>
    <row r="715166" spans="8:8">
      <c r="H715166" s="12"/>
    </row>
    <row r="715167" spans="8:8">
      <c r="H715167" s="12"/>
    </row>
    <row r="715168" spans="8:8">
      <c r="H715168" s="12"/>
    </row>
    <row r="715169" spans="8:8">
      <c r="H715169" s="12"/>
    </row>
    <row r="715170" spans="8:8">
      <c r="H715170" s="12"/>
    </row>
    <row r="715171" spans="8:8">
      <c r="H715171" s="12"/>
    </row>
    <row r="715172" spans="8:8">
      <c r="H715172" s="12"/>
    </row>
    <row r="715173" spans="8:8">
      <c r="H715173" s="12"/>
    </row>
    <row r="715174" spans="8:8">
      <c r="H715174" s="12"/>
    </row>
    <row r="715175" spans="8:8">
      <c r="H715175" s="12"/>
    </row>
    <row r="715176" spans="8:8">
      <c r="H715176" s="12"/>
    </row>
    <row r="715177" spans="8:8">
      <c r="H715177" s="12"/>
    </row>
    <row r="715178" spans="8:8">
      <c r="H715178" s="12"/>
    </row>
    <row r="715179" spans="8:8">
      <c r="H715179" s="12"/>
    </row>
    <row r="715180" spans="8:8">
      <c r="H715180" s="12"/>
    </row>
    <row r="715181" spans="8:8">
      <c r="H715181" s="12"/>
    </row>
    <row r="715182" spans="8:8">
      <c r="H715182" s="12"/>
    </row>
    <row r="715183" spans="8:8">
      <c r="H715183" s="12"/>
    </row>
    <row r="715184" spans="8:8">
      <c r="H715184" s="12"/>
    </row>
    <row r="715185" spans="8:8">
      <c r="H715185" s="12"/>
    </row>
    <row r="715186" spans="8:8">
      <c r="H715186" s="12"/>
    </row>
    <row r="715187" spans="8:8">
      <c r="H715187" s="12"/>
    </row>
    <row r="715188" spans="8:8">
      <c r="H715188" s="12"/>
    </row>
    <row r="715189" spans="8:8">
      <c r="H715189" s="12"/>
    </row>
    <row r="715190" spans="8:8">
      <c r="H715190" s="12"/>
    </row>
    <row r="715191" spans="8:8">
      <c r="H715191" s="12"/>
    </row>
    <row r="715192" spans="8:8">
      <c r="H715192" s="12"/>
    </row>
    <row r="715193" spans="8:8">
      <c r="H715193" s="12"/>
    </row>
    <row r="715194" spans="8:8">
      <c r="H715194" s="12"/>
    </row>
    <row r="715195" spans="8:8">
      <c r="H715195" s="12"/>
    </row>
    <row r="715196" spans="8:8">
      <c r="H715196" s="12"/>
    </row>
    <row r="715197" spans="8:8">
      <c r="H715197" s="12"/>
    </row>
    <row r="715198" spans="8:8">
      <c r="H715198" s="12"/>
    </row>
    <row r="715199" spans="8:8">
      <c r="H715199" s="12"/>
    </row>
    <row r="715200" spans="8:8">
      <c r="H715200" s="12"/>
    </row>
    <row r="715201" spans="8:8">
      <c r="H715201" s="12"/>
    </row>
    <row r="715202" spans="8:8">
      <c r="H715202" s="12"/>
    </row>
    <row r="715203" spans="8:8">
      <c r="H715203" s="12"/>
    </row>
    <row r="715204" spans="8:8">
      <c r="H715204" s="12"/>
    </row>
    <row r="715205" spans="8:8">
      <c r="H715205" s="12"/>
    </row>
    <row r="715206" spans="8:8">
      <c r="H715206" s="12"/>
    </row>
    <row r="715207" spans="8:8">
      <c r="H715207" s="12"/>
    </row>
    <row r="715208" spans="8:8">
      <c r="H715208" s="12"/>
    </row>
    <row r="715209" spans="8:8">
      <c r="H715209" s="12"/>
    </row>
    <row r="715210" spans="8:8">
      <c r="H715210" s="12"/>
    </row>
    <row r="715211" spans="8:8">
      <c r="H715211" s="12"/>
    </row>
    <row r="715212" spans="8:8">
      <c r="H715212" s="12"/>
    </row>
    <row r="715213" spans="8:8">
      <c r="H715213" s="12"/>
    </row>
    <row r="715214" spans="8:8">
      <c r="H715214" s="12"/>
    </row>
    <row r="715215" spans="8:8">
      <c r="H715215" s="12"/>
    </row>
    <row r="715216" spans="8:8">
      <c r="H715216" s="12"/>
    </row>
    <row r="715217" spans="8:8">
      <c r="H715217" s="12"/>
    </row>
    <row r="715218" spans="8:8">
      <c r="H715218" s="12"/>
    </row>
    <row r="715219" spans="8:8">
      <c r="H715219" s="12"/>
    </row>
    <row r="715220" spans="8:8">
      <c r="H715220" s="12"/>
    </row>
    <row r="715221" spans="8:8">
      <c r="H715221" s="12"/>
    </row>
    <row r="715222" spans="8:8">
      <c r="H715222" s="12"/>
    </row>
    <row r="715223" spans="8:8">
      <c r="H715223" s="12"/>
    </row>
    <row r="715224" spans="8:8">
      <c r="H715224" s="12"/>
    </row>
    <row r="715225" spans="8:8">
      <c r="H715225" s="12"/>
    </row>
    <row r="715226" spans="8:8">
      <c r="H715226" s="12"/>
    </row>
    <row r="715227" spans="8:8">
      <c r="H715227" s="12"/>
    </row>
    <row r="715228" spans="8:8">
      <c r="H715228" s="12"/>
    </row>
    <row r="715229" spans="8:8">
      <c r="H715229" s="12"/>
    </row>
    <row r="715230" spans="8:8">
      <c r="H715230" s="12"/>
    </row>
    <row r="715231" spans="8:8">
      <c r="H715231" s="12"/>
    </row>
    <row r="715232" spans="8:8">
      <c r="H715232" s="12"/>
    </row>
    <row r="715233" spans="8:8">
      <c r="H715233" s="12"/>
    </row>
    <row r="715234" spans="8:8">
      <c r="H715234" s="12"/>
    </row>
    <row r="715235" spans="8:8">
      <c r="H715235" s="12"/>
    </row>
    <row r="715236" spans="8:8">
      <c r="H715236" s="12"/>
    </row>
    <row r="715237" spans="8:8">
      <c r="H715237" s="12"/>
    </row>
    <row r="715238" spans="8:8">
      <c r="H715238" s="12"/>
    </row>
    <row r="715239" spans="8:8">
      <c r="H715239" s="12"/>
    </row>
    <row r="715240" spans="8:8">
      <c r="H715240" s="12"/>
    </row>
    <row r="715241" spans="8:8">
      <c r="H715241" s="12"/>
    </row>
    <row r="715242" spans="8:8">
      <c r="H715242" s="12"/>
    </row>
    <row r="715243" spans="8:8">
      <c r="H715243" s="12"/>
    </row>
    <row r="715244" spans="8:8">
      <c r="H715244" s="12"/>
    </row>
    <row r="715245" spans="8:8">
      <c r="H715245" s="12"/>
    </row>
    <row r="715246" spans="8:8">
      <c r="H715246" s="12"/>
    </row>
    <row r="715247" spans="8:8">
      <c r="H715247" s="12"/>
    </row>
    <row r="715248" spans="8:8">
      <c r="H715248" s="12"/>
    </row>
    <row r="715249" spans="8:8">
      <c r="H715249" s="12"/>
    </row>
    <row r="715250" spans="8:8">
      <c r="H715250" s="12"/>
    </row>
    <row r="715251" spans="8:8">
      <c r="H715251" s="12"/>
    </row>
    <row r="715252" spans="8:8">
      <c r="H715252" s="12"/>
    </row>
    <row r="715253" spans="8:8">
      <c r="H715253" s="12"/>
    </row>
    <row r="715254" spans="8:8">
      <c r="H715254" s="12"/>
    </row>
    <row r="715255" spans="8:8">
      <c r="H715255" s="12"/>
    </row>
    <row r="715256" spans="8:8">
      <c r="H715256" s="12"/>
    </row>
    <row r="715257" spans="8:8">
      <c r="H715257" s="12"/>
    </row>
    <row r="715258" spans="8:8">
      <c r="H715258" s="12"/>
    </row>
    <row r="715259" spans="8:8">
      <c r="H715259" s="12"/>
    </row>
    <row r="715260" spans="8:8">
      <c r="H715260" s="12"/>
    </row>
    <row r="715261" spans="8:8">
      <c r="H715261" s="12"/>
    </row>
    <row r="715262" spans="8:8">
      <c r="H715262" s="12"/>
    </row>
    <row r="715263" spans="8:8">
      <c r="H715263" s="12"/>
    </row>
    <row r="715264" spans="8:8">
      <c r="H715264" s="12"/>
    </row>
    <row r="715265" spans="8:8">
      <c r="H715265" s="12"/>
    </row>
    <row r="715266" spans="8:8">
      <c r="H715266" s="12"/>
    </row>
    <row r="715267" spans="8:8">
      <c r="H715267" s="12"/>
    </row>
    <row r="715268" spans="8:8">
      <c r="H715268" s="12"/>
    </row>
    <row r="715269" spans="8:8">
      <c r="H715269" s="12"/>
    </row>
    <row r="715270" spans="8:8">
      <c r="H715270" s="12"/>
    </row>
    <row r="715271" spans="8:8">
      <c r="H715271" s="12"/>
    </row>
    <row r="715272" spans="8:8">
      <c r="H715272" s="12"/>
    </row>
    <row r="715273" spans="8:8">
      <c r="H715273" s="12"/>
    </row>
    <row r="715274" spans="8:8">
      <c r="H715274" s="12"/>
    </row>
    <row r="715275" spans="8:8">
      <c r="H715275" s="12"/>
    </row>
    <row r="715276" spans="8:8">
      <c r="H715276" s="12"/>
    </row>
    <row r="715277" spans="8:8">
      <c r="H715277" s="12"/>
    </row>
    <row r="715278" spans="8:8">
      <c r="H715278" s="12"/>
    </row>
    <row r="715279" spans="8:8">
      <c r="H715279" s="12"/>
    </row>
    <row r="715280" spans="8:8">
      <c r="H715280" s="12"/>
    </row>
    <row r="715281" spans="8:8">
      <c r="H715281" s="12"/>
    </row>
    <row r="715282" spans="8:8">
      <c r="H715282" s="12"/>
    </row>
    <row r="715283" spans="8:8">
      <c r="H715283" s="12"/>
    </row>
    <row r="715284" spans="8:8">
      <c r="H715284" s="12"/>
    </row>
    <row r="715285" spans="8:8">
      <c r="H715285" s="12"/>
    </row>
    <row r="715286" spans="8:8">
      <c r="H715286" s="12"/>
    </row>
    <row r="715287" spans="8:8">
      <c r="H715287" s="12"/>
    </row>
    <row r="715288" spans="8:8">
      <c r="H715288" s="12"/>
    </row>
    <row r="715289" spans="8:8">
      <c r="H715289" s="12"/>
    </row>
    <row r="715290" spans="8:8">
      <c r="H715290" s="12"/>
    </row>
    <row r="715291" spans="8:8">
      <c r="H715291" s="12"/>
    </row>
    <row r="715292" spans="8:8">
      <c r="H715292" s="12"/>
    </row>
    <row r="715293" spans="8:8">
      <c r="H715293" s="12"/>
    </row>
    <row r="715294" spans="8:8">
      <c r="H715294" s="12"/>
    </row>
    <row r="715295" spans="8:8">
      <c r="H715295" s="12"/>
    </row>
    <row r="715296" spans="8:8">
      <c r="H715296" s="12"/>
    </row>
    <row r="715297" spans="8:8">
      <c r="H715297" s="12"/>
    </row>
    <row r="715298" spans="8:8">
      <c r="H715298" s="12"/>
    </row>
    <row r="715299" spans="8:8">
      <c r="H715299" s="12"/>
    </row>
    <row r="715300" spans="8:8">
      <c r="H715300" s="12"/>
    </row>
    <row r="715301" spans="8:8">
      <c r="H715301" s="12"/>
    </row>
    <row r="715302" spans="8:8">
      <c r="H715302" s="12"/>
    </row>
    <row r="715303" spans="8:8">
      <c r="H715303" s="12"/>
    </row>
    <row r="715304" spans="8:8">
      <c r="H715304" s="12"/>
    </row>
    <row r="715305" spans="8:8">
      <c r="H715305" s="12"/>
    </row>
    <row r="715306" spans="8:8">
      <c r="H715306" s="12"/>
    </row>
    <row r="715307" spans="8:8">
      <c r="H715307" s="12"/>
    </row>
    <row r="715308" spans="8:8">
      <c r="H715308" s="12"/>
    </row>
    <row r="715309" spans="8:8">
      <c r="H715309" s="12"/>
    </row>
    <row r="715310" spans="8:8">
      <c r="H715310" s="12"/>
    </row>
    <row r="715311" spans="8:8">
      <c r="H715311" s="12"/>
    </row>
    <row r="715312" spans="8:8">
      <c r="H715312" s="12"/>
    </row>
    <row r="715313" spans="8:8">
      <c r="H715313" s="12"/>
    </row>
    <row r="715314" spans="8:8">
      <c r="H715314" s="12"/>
    </row>
    <row r="715315" spans="8:8">
      <c r="H715315" s="12"/>
    </row>
    <row r="715316" spans="8:8">
      <c r="H715316" s="12"/>
    </row>
    <row r="715317" spans="8:8">
      <c r="H715317" s="12"/>
    </row>
    <row r="715318" spans="8:8">
      <c r="H715318" s="12"/>
    </row>
    <row r="715319" spans="8:8">
      <c r="H715319" s="12"/>
    </row>
    <row r="715320" spans="8:8">
      <c r="H715320" s="12"/>
    </row>
    <row r="715321" spans="8:8">
      <c r="H715321" s="12"/>
    </row>
    <row r="715322" spans="8:8">
      <c r="H715322" s="12"/>
    </row>
    <row r="715323" spans="8:8">
      <c r="H715323" s="12"/>
    </row>
    <row r="715324" spans="8:8">
      <c r="H715324" s="12"/>
    </row>
    <row r="715325" spans="8:8">
      <c r="H715325" s="12"/>
    </row>
    <row r="715326" spans="8:8">
      <c r="H715326" s="12"/>
    </row>
    <row r="715327" spans="8:8">
      <c r="H715327" s="12"/>
    </row>
    <row r="715328" spans="8:8">
      <c r="H715328" s="12"/>
    </row>
    <row r="715329" spans="8:8">
      <c r="H715329" s="12"/>
    </row>
    <row r="715330" spans="8:8">
      <c r="H715330" s="12"/>
    </row>
    <row r="715331" spans="8:8">
      <c r="H715331" s="12"/>
    </row>
    <row r="715332" spans="8:8">
      <c r="H715332" s="12"/>
    </row>
    <row r="715333" spans="8:8">
      <c r="H715333" s="12"/>
    </row>
    <row r="715334" spans="8:8">
      <c r="H715334" s="12"/>
    </row>
    <row r="715335" spans="8:8">
      <c r="H715335" s="12"/>
    </row>
    <row r="715336" spans="8:8">
      <c r="H715336" s="12"/>
    </row>
    <row r="715337" spans="8:8">
      <c r="H715337" s="12"/>
    </row>
    <row r="715338" spans="8:8">
      <c r="H715338" s="12"/>
    </row>
    <row r="715339" spans="8:8">
      <c r="H715339" s="12"/>
    </row>
    <row r="715340" spans="8:8">
      <c r="H715340" s="12"/>
    </row>
    <row r="715341" spans="8:8">
      <c r="H715341" s="12"/>
    </row>
    <row r="715342" spans="8:8">
      <c r="H715342" s="12"/>
    </row>
    <row r="715343" spans="8:8">
      <c r="H715343" s="12"/>
    </row>
    <row r="715344" spans="8:8">
      <c r="H715344" s="12"/>
    </row>
    <row r="715345" spans="8:8">
      <c r="H715345" s="12"/>
    </row>
    <row r="715346" spans="8:8">
      <c r="H715346" s="12"/>
    </row>
    <row r="715347" spans="8:8">
      <c r="H715347" s="12"/>
    </row>
    <row r="715348" spans="8:8">
      <c r="H715348" s="12"/>
    </row>
    <row r="715349" spans="8:8">
      <c r="H715349" s="12"/>
    </row>
    <row r="715350" spans="8:8">
      <c r="H715350" s="12"/>
    </row>
    <row r="715351" spans="8:8">
      <c r="H715351" s="12"/>
    </row>
    <row r="715352" spans="8:8">
      <c r="H715352" s="12"/>
    </row>
    <row r="715353" spans="8:8">
      <c r="H715353" s="12"/>
    </row>
    <row r="715354" spans="8:8">
      <c r="H715354" s="12"/>
    </row>
    <row r="715355" spans="8:8">
      <c r="H715355" s="12"/>
    </row>
    <row r="715356" spans="8:8">
      <c r="H715356" s="12"/>
    </row>
    <row r="715357" spans="8:8">
      <c r="H715357" s="12"/>
    </row>
    <row r="715358" spans="8:8">
      <c r="H715358" s="12"/>
    </row>
    <row r="715359" spans="8:8">
      <c r="H715359" s="12"/>
    </row>
    <row r="715360" spans="8:8">
      <c r="H715360" s="12"/>
    </row>
    <row r="715361" spans="8:8">
      <c r="H715361" s="12"/>
    </row>
    <row r="715362" spans="8:8">
      <c r="H715362" s="12"/>
    </row>
    <row r="715363" spans="8:8">
      <c r="H715363" s="12"/>
    </row>
    <row r="715364" spans="8:8">
      <c r="H715364" s="12"/>
    </row>
    <row r="715365" spans="8:8">
      <c r="H715365" s="12"/>
    </row>
    <row r="715366" spans="8:8">
      <c r="H715366" s="12"/>
    </row>
    <row r="715367" spans="8:8">
      <c r="H715367" s="12"/>
    </row>
    <row r="715368" spans="8:8">
      <c r="H715368" s="12"/>
    </row>
    <row r="715369" spans="8:8">
      <c r="H715369" s="12"/>
    </row>
    <row r="715370" spans="8:8">
      <c r="H715370" s="12"/>
    </row>
    <row r="715371" spans="8:8">
      <c r="H715371" s="12"/>
    </row>
    <row r="715372" spans="8:8">
      <c r="H715372" s="12"/>
    </row>
    <row r="715373" spans="8:8">
      <c r="H715373" s="12"/>
    </row>
    <row r="715374" spans="8:8">
      <c r="H715374" s="12"/>
    </row>
    <row r="715375" spans="8:8">
      <c r="H715375" s="12"/>
    </row>
    <row r="715376" spans="8:8">
      <c r="H715376" s="12"/>
    </row>
    <row r="715377" spans="8:8">
      <c r="H715377" s="12"/>
    </row>
    <row r="715378" spans="8:8">
      <c r="H715378" s="12"/>
    </row>
    <row r="715379" spans="8:8">
      <c r="H715379" s="12"/>
    </row>
    <row r="715380" spans="8:8">
      <c r="H715380" s="12"/>
    </row>
    <row r="715381" spans="8:8">
      <c r="H715381" s="12"/>
    </row>
    <row r="715382" spans="8:8">
      <c r="H715382" s="12"/>
    </row>
    <row r="715383" spans="8:8">
      <c r="H715383" s="12"/>
    </row>
    <row r="715384" spans="8:8">
      <c r="H715384" s="12"/>
    </row>
    <row r="715385" spans="8:8">
      <c r="H715385" s="12"/>
    </row>
    <row r="715386" spans="8:8">
      <c r="H715386" s="12"/>
    </row>
    <row r="715387" spans="8:8">
      <c r="H715387" s="12"/>
    </row>
    <row r="715388" spans="8:8">
      <c r="H715388" s="12"/>
    </row>
    <row r="715389" spans="8:8">
      <c r="H715389" s="12"/>
    </row>
    <row r="715390" spans="8:8">
      <c r="H715390" s="12"/>
    </row>
    <row r="715391" spans="8:8">
      <c r="H715391" s="12"/>
    </row>
    <row r="715392" spans="8:8">
      <c r="H715392" s="12"/>
    </row>
    <row r="715393" spans="8:8">
      <c r="H715393" s="12"/>
    </row>
    <row r="715394" spans="8:8">
      <c r="H715394" s="12"/>
    </row>
    <row r="715395" spans="8:8">
      <c r="H715395" s="12"/>
    </row>
    <row r="715396" spans="8:8">
      <c r="H715396" s="12"/>
    </row>
    <row r="715397" spans="8:8">
      <c r="H715397" s="12"/>
    </row>
    <row r="715398" spans="8:8">
      <c r="H715398" s="12"/>
    </row>
    <row r="715399" spans="8:8">
      <c r="H715399" s="12"/>
    </row>
    <row r="715400" spans="8:8">
      <c r="H715400" s="12"/>
    </row>
    <row r="715401" spans="8:8">
      <c r="H715401" s="12"/>
    </row>
    <row r="715402" spans="8:8">
      <c r="H715402" s="12"/>
    </row>
    <row r="715403" spans="8:8">
      <c r="H715403" s="12"/>
    </row>
    <row r="715404" spans="8:8">
      <c r="H715404" s="12"/>
    </row>
    <row r="715405" spans="8:8">
      <c r="H715405" s="12"/>
    </row>
    <row r="715406" spans="8:8">
      <c r="H715406" s="12"/>
    </row>
    <row r="715407" spans="8:8">
      <c r="H715407" s="12"/>
    </row>
    <row r="715408" spans="8:8">
      <c r="H715408" s="12"/>
    </row>
    <row r="715409" spans="8:8">
      <c r="H715409" s="12"/>
    </row>
    <row r="715410" spans="8:8">
      <c r="H715410" s="12"/>
    </row>
    <row r="715411" spans="8:8">
      <c r="H715411" s="12"/>
    </row>
    <row r="715412" spans="8:8">
      <c r="H715412" s="12"/>
    </row>
    <row r="715413" spans="8:8">
      <c r="H715413" s="12"/>
    </row>
    <row r="715414" spans="8:8">
      <c r="H715414" s="12"/>
    </row>
    <row r="715415" spans="8:8">
      <c r="H715415" s="12"/>
    </row>
    <row r="715416" spans="8:8">
      <c r="H715416" s="12"/>
    </row>
    <row r="715417" spans="8:8">
      <c r="H715417" s="12"/>
    </row>
    <row r="715418" spans="8:8">
      <c r="H715418" s="12"/>
    </row>
    <row r="715419" spans="8:8">
      <c r="H715419" s="12"/>
    </row>
    <row r="715420" spans="8:8">
      <c r="H715420" s="12"/>
    </row>
    <row r="715421" spans="8:8">
      <c r="H715421" s="12"/>
    </row>
    <row r="715422" spans="8:8">
      <c r="H715422" s="12"/>
    </row>
    <row r="715423" spans="8:8">
      <c r="H715423" s="12"/>
    </row>
    <row r="715424" spans="8:8">
      <c r="H715424" s="12"/>
    </row>
    <row r="715425" spans="8:8">
      <c r="H715425" s="12"/>
    </row>
    <row r="715426" spans="8:8">
      <c r="H715426" s="12"/>
    </row>
    <row r="715427" spans="8:8">
      <c r="H715427" s="12"/>
    </row>
    <row r="715428" spans="8:8">
      <c r="H715428" s="12"/>
    </row>
    <row r="715429" spans="8:8">
      <c r="H715429" s="12"/>
    </row>
    <row r="715430" spans="8:8">
      <c r="H715430" s="12"/>
    </row>
    <row r="715431" spans="8:8">
      <c r="H715431" s="12"/>
    </row>
    <row r="715432" spans="8:8">
      <c r="H715432" s="12"/>
    </row>
    <row r="715433" spans="8:8">
      <c r="H715433" s="12"/>
    </row>
    <row r="715434" spans="8:8">
      <c r="H715434" s="12"/>
    </row>
    <row r="715435" spans="8:8">
      <c r="H715435" s="12"/>
    </row>
    <row r="715436" spans="8:8">
      <c r="H715436" s="12"/>
    </row>
    <row r="715437" spans="8:8">
      <c r="H715437" s="12"/>
    </row>
    <row r="715438" spans="8:8">
      <c r="H715438" s="12"/>
    </row>
    <row r="715439" spans="8:8">
      <c r="H715439" s="12"/>
    </row>
    <row r="715440" spans="8:8">
      <c r="H715440" s="12"/>
    </row>
    <row r="715441" spans="8:8">
      <c r="H715441" s="12"/>
    </row>
    <row r="715442" spans="8:8">
      <c r="H715442" s="12"/>
    </row>
    <row r="715443" spans="8:8">
      <c r="H715443" s="12"/>
    </row>
    <row r="715444" spans="8:8">
      <c r="H715444" s="12"/>
    </row>
    <row r="715445" spans="8:8">
      <c r="H715445" s="12"/>
    </row>
    <row r="715446" spans="8:8">
      <c r="H715446" s="12"/>
    </row>
    <row r="715447" spans="8:8">
      <c r="H715447" s="12"/>
    </row>
    <row r="715448" spans="8:8">
      <c r="H715448" s="12"/>
    </row>
    <row r="715449" spans="8:8">
      <c r="H715449" s="12"/>
    </row>
    <row r="715450" spans="8:8">
      <c r="H715450" s="12"/>
    </row>
    <row r="715451" spans="8:8">
      <c r="H715451" s="12"/>
    </row>
    <row r="715452" spans="8:8">
      <c r="H715452" s="12"/>
    </row>
    <row r="715453" spans="8:8">
      <c r="H715453" s="12"/>
    </row>
    <row r="715454" spans="8:8">
      <c r="H715454" s="12"/>
    </row>
    <row r="715455" spans="8:8">
      <c r="H715455" s="12"/>
    </row>
    <row r="715456" spans="8:8">
      <c r="H715456" s="12"/>
    </row>
    <row r="715457" spans="8:8">
      <c r="H715457" s="12"/>
    </row>
    <row r="715458" spans="8:8">
      <c r="H715458" s="12"/>
    </row>
    <row r="715459" spans="8:8">
      <c r="H715459" s="12"/>
    </row>
    <row r="715460" spans="8:8">
      <c r="H715460" s="12"/>
    </row>
    <row r="715461" spans="8:8">
      <c r="H715461" s="12"/>
    </row>
    <row r="715462" spans="8:8">
      <c r="H715462" s="12"/>
    </row>
    <row r="715463" spans="8:8">
      <c r="H715463" s="12"/>
    </row>
    <row r="715464" spans="8:8">
      <c r="H715464" s="12"/>
    </row>
    <row r="715465" spans="8:8">
      <c r="H715465" s="12"/>
    </row>
    <row r="715466" spans="8:8">
      <c r="H715466" s="12"/>
    </row>
    <row r="715467" spans="8:8">
      <c r="H715467" s="12"/>
    </row>
    <row r="715468" spans="8:8">
      <c r="H715468" s="12"/>
    </row>
    <row r="715469" spans="8:8">
      <c r="H715469" s="12"/>
    </row>
    <row r="715470" spans="8:8">
      <c r="H715470" s="12"/>
    </row>
    <row r="715471" spans="8:8">
      <c r="H715471" s="12"/>
    </row>
    <row r="715472" spans="8:8">
      <c r="H715472" s="12"/>
    </row>
    <row r="715473" spans="8:8">
      <c r="H715473" s="12"/>
    </row>
    <row r="715474" spans="8:8">
      <c r="H715474" s="12"/>
    </row>
    <row r="715475" spans="8:8">
      <c r="H715475" s="12"/>
    </row>
    <row r="715476" spans="8:8">
      <c r="H715476" s="12"/>
    </row>
    <row r="715477" spans="8:8">
      <c r="H715477" s="12"/>
    </row>
    <row r="715478" spans="8:8">
      <c r="H715478" s="12"/>
    </row>
    <row r="715479" spans="8:8">
      <c r="H715479" s="12"/>
    </row>
    <row r="715480" spans="8:8">
      <c r="H715480" s="12"/>
    </row>
    <row r="715481" spans="8:8">
      <c r="H715481" s="12"/>
    </row>
    <row r="715482" spans="8:8">
      <c r="H715482" s="12"/>
    </row>
    <row r="715483" spans="8:8">
      <c r="H715483" s="12"/>
    </row>
    <row r="715484" spans="8:8">
      <c r="H715484" s="12"/>
    </row>
    <row r="715485" spans="8:8">
      <c r="H715485" s="12"/>
    </row>
    <row r="715486" spans="8:8">
      <c r="H715486" s="12"/>
    </row>
    <row r="715487" spans="8:8">
      <c r="H715487" s="12"/>
    </row>
    <row r="715488" spans="8:8">
      <c r="H715488" s="12"/>
    </row>
    <row r="715489" spans="8:8">
      <c r="H715489" s="12"/>
    </row>
    <row r="715490" spans="8:8">
      <c r="H715490" s="12"/>
    </row>
    <row r="715491" spans="8:8">
      <c r="H715491" s="12"/>
    </row>
    <row r="715492" spans="8:8">
      <c r="H715492" s="12"/>
    </row>
    <row r="715493" spans="8:8">
      <c r="H715493" s="12"/>
    </row>
    <row r="715494" spans="8:8">
      <c r="H715494" s="12"/>
    </row>
    <row r="715495" spans="8:8">
      <c r="H715495" s="12"/>
    </row>
    <row r="715496" spans="8:8">
      <c r="H715496" s="12"/>
    </row>
    <row r="715497" spans="8:8">
      <c r="H715497" s="12"/>
    </row>
    <row r="715498" spans="8:8">
      <c r="H715498" s="12"/>
    </row>
    <row r="715499" spans="8:8">
      <c r="H715499" s="12"/>
    </row>
    <row r="715500" spans="8:8">
      <c r="H715500" s="12"/>
    </row>
    <row r="715501" spans="8:8">
      <c r="H715501" s="12"/>
    </row>
    <row r="715502" spans="8:8">
      <c r="H715502" s="12"/>
    </row>
    <row r="715503" spans="8:8">
      <c r="H715503" s="12"/>
    </row>
    <row r="715504" spans="8:8">
      <c r="H715504" s="12"/>
    </row>
    <row r="715505" spans="8:8">
      <c r="H715505" s="12"/>
    </row>
    <row r="715506" spans="8:8">
      <c r="H715506" s="12"/>
    </row>
    <row r="715507" spans="8:8">
      <c r="H715507" s="12"/>
    </row>
    <row r="715508" spans="8:8">
      <c r="H715508" s="12"/>
    </row>
    <row r="715509" spans="8:8">
      <c r="H715509" s="12"/>
    </row>
    <row r="715510" spans="8:8">
      <c r="H715510" s="12"/>
    </row>
    <row r="715511" spans="8:8">
      <c r="H715511" s="12"/>
    </row>
    <row r="715512" spans="8:8">
      <c r="H715512" s="12"/>
    </row>
    <row r="715513" spans="8:8">
      <c r="H715513" s="12"/>
    </row>
    <row r="715514" spans="8:8">
      <c r="H715514" s="12"/>
    </row>
    <row r="715515" spans="8:8">
      <c r="H715515" s="12"/>
    </row>
    <row r="715516" spans="8:8">
      <c r="H715516" s="12"/>
    </row>
    <row r="715517" spans="8:8">
      <c r="H715517" s="12"/>
    </row>
    <row r="715518" spans="8:8">
      <c r="H715518" s="12"/>
    </row>
    <row r="715519" spans="8:8">
      <c r="H715519" s="12"/>
    </row>
    <row r="715520" spans="8:8">
      <c r="H715520" s="12"/>
    </row>
    <row r="715521" spans="8:8">
      <c r="H715521" s="12"/>
    </row>
    <row r="715522" spans="8:8">
      <c r="H715522" s="12"/>
    </row>
    <row r="715523" spans="8:8">
      <c r="H715523" s="12"/>
    </row>
    <row r="715524" spans="8:8">
      <c r="H715524" s="12"/>
    </row>
    <row r="715525" spans="8:8">
      <c r="H715525" s="12"/>
    </row>
    <row r="715526" spans="8:8">
      <c r="H715526" s="12"/>
    </row>
    <row r="715527" spans="8:8">
      <c r="H715527" s="12"/>
    </row>
    <row r="715528" spans="8:8">
      <c r="H715528" s="12"/>
    </row>
    <row r="715529" spans="8:8">
      <c r="H715529" s="12"/>
    </row>
    <row r="715530" spans="8:8">
      <c r="H715530" s="12"/>
    </row>
    <row r="715531" spans="8:8">
      <c r="H715531" s="12"/>
    </row>
    <row r="715532" spans="8:8">
      <c r="H715532" s="12"/>
    </row>
    <row r="715533" spans="8:8">
      <c r="H715533" s="12"/>
    </row>
    <row r="715534" spans="8:8">
      <c r="H715534" s="12"/>
    </row>
    <row r="715535" spans="8:8">
      <c r="H715535" s="12"/>
    </row>
    <row r="715536" spans="8:8">
      <c r="H715536" s="12"/>
    </row>
    <row r="715537" spans="8:8">
      <c r="H715537" s="12"/>
    </row>
    <row r="715538" spans="8:8">
      <c r="H715538" s="12"/>
    </row>
    <row r="715539" spans="8:8">
      <c r="H715539" s="12"/>
    </row>
    <row r="715540" spans="8:8">
      <c r="H715540" s="12"/>
    </row>
    <row r="715541" spans="8:8">
      <c r="H715541" s="12"/>
    </row>
    <row r="715542" spans="8:8">
      <c r="H715542" s="12"/>
    </row>
    <row r="715543" spans="8:8">
      <c r="H715543" s="12"/>
    </row>
    <row r="715544" spans="8:8">
      <c r="H715544" s="12"/>
    </row>
    <row r="715545" spans="8:8">
      <c r="H715545" s="12"/>
    </row>
    <row r="715546" spans="8:8">
      <c r="H715546" s="12"/>
    </row>
    <row r="715547" spans="8:8">
      <c r="H715547" s="12"/>
    </row>
    <row r="715548" spans="8:8">
      <c r="H715548" s="12"/>
    </row>
    <row r="715549" spans="8:8">
      <c r="H715549" s="12"/>
    </row>
    <row r="715550" spans="8:8">
      <c r="H715550" s="12"/>
    </row>
    <row r="715551" spans="8:8">
      <c r="H715551" s="12"/>
    </row>
    <row r="715552" spans="8:8">
      <c r="H715552" s="12"/>
    </row>
    <row r="715553" spans="8:8">
      <c r="H715553" s="12"/>
    </row>
    <row r="715554" spans="8:8">
      <c r="H715554" s="12"/>
    </row>
    <row r="715555" spans="8:8">
      <c r="H715555" s="12"/>
    </row>
    <row r="715556" spans="8:8">
      <c r="H715556" s="12"/>
    </row>
    <row r="715557" spans="8:8">
      <c r="H715557" s="12"/>
    </row>
    <row r="715558" spans="8:8">
      <c r="H715558" s="12"/>
    </row>
    <row r="715559" spans="8:8">
      <c r="H715559" s="12"/>
    </row>
    <row r="715560" spans="8:8">
      <c r="H715560" s="12"/>
    </row>
    <row r="715561" spans="8:8">
      <c r="H715561" s="12"/>
    </row>
    <row r="715562" spans="8:8">
      <c r="H715562" s="12"/>
    </row>
    <row r="715563" spans="8:8">
      <c r="H715563" s="12"/>
    </row>
    <row r="715564" spans="8:8">
      <c r="H715564" s="12"/>
    </row>
    <row r="715565" spans="8:8">
      <c r="H715565" s="12"/>
    </row>
    <row r="715566" spans="8:8">
      <c r="H715566" s="12"/>
    </row>
    <row r="715567" spans="8:8">
      <c r="H715567" s="12"/>
    </row>
    <row r="715568" spans="8:8">
      <c r="H715568" s="12"/>
    </row>
    <row r="715569" spans="8:8">
      <c r="H715569" s="12"/>
    </row>
    <row r="715570" spans="8:8">
      <c r="H715570" s="12"/>
    </row>
    <row r="715571" spans="8:8">
      <c r="H715571" s="12"/>
    </row>
    <row r="715572" spans="8:8">
      <c r="H715572" s="12"/>
    </row>
    <row r="715573" spans="8:8">
      <c r="H715573" s="12"/>
    </row>
    <row r="715574" spans="8:8">
      <c r="H715574" s="12"/>
    </row>
    <row r="715575" spans="8:8">
      <c r="H715575" s="12"/>
    </row>
    <row r="715576" spans="8:8">
      <c r="H715576" s="12"/>
    </row>
    <row r="715577" spans="8:8">
      <c r="H715577" s="12"/>
    </row>
    <row r="715578" spans="8:8">
      <c r="H715578" s="12"/>
    </row>
    <row r="715579" spans="8:8">
      <c r="H715579" s="12"/>
    </row>
    <row r="715580" spans="8:8">
      <c r="H715580" s="12"/>
    </row>
    <row r="715581" spans="8:8">
      <c r="H715581" s="12"/>
    </row>
    <row r="715582" spans="8:8">
      <c r="H715582" s="12"/>
    </row>
    <row r="715583" spans="8:8">
      <c r="H715583" s="12"/>
    </row>
    <row r="715584" spans="8:8">
      <c r="H715584" s="12"/>
    </row>
    <row r="715585" spans="8:8">
      <c r="H715585" s="12"/>
    </row>
    <row r="715586" spans="8:8">
      <c r="H715586" s="12"/>
    </row>
    <row r="715587" spans="8:8">
      <c r="H715587" s="12"/>
    </row>
    <row r="715588" spans="8:8">
      <c r="H715588" s="12"/>
    </row>
    <row r="715589" spans="8:8">
      <c r="H715589" s="12"/>
    </row>
    <row r="715590" spans="8:8">
      <c r="H715590" s="12"/>
    </row>
    <row r="715591" spans="8:8">
      <c r="H715591" s="12"/>
    </row>
    <row r="715592" spans="8:8">
      <c r="H715592" s="12"/>
    </row>
    <row r="715593" spans="8:8">
      <c r="H715593" s="12"/>
    </row>
    <row r="715594" spans="8:8">
      <c r="H715594" s="12"/>
    </row>
    <row r="715595" spans="8:8">
      <c r="H715595" s="12"/>
    </row>
    <row r="715596" spans="8:8">
      <c r="H715596" s="12"/>
    </row>
    <row r="715597" spans="8:8">
      <c r="H715597" s="12"/>
    </row>
    <row r="715598" spans="8:8">
      <c r="H715598" s="12"/>
    </row>
    <row r="715599" spans="8:8">
      <c r="H715599" s="12"/>
    </row>
    <row r="715600" spans="8:8">
      <c r="H715600" s="12"/>
    </row>
    <row r="715601" spans="8:8">
      <c r="H715601" s="12"/>
    </row>
    <row r="715602" spans="8:8">
      <c r="H715602" s="12"/>
    </row>
    <row r="715603" spans="8:8">
      <c r="H715603" s="12"/>
    </row>
    <row r="715604" spans="8:8">
      <c r="H715604" s="12"/>
    </row>
    <row r="715605" spans="8:8">
      <c r="H715605" s="12"/>
    </row>
    <row r="715606" spans="8:8">
      <c r="H715606" s="12"/>
    </row>
    <row r="715607" spans="8:8">
      <c r="H715607" s="12"/>
    </row>
    <row r="715608" spans="8:8">
      <c r="H715608" s="12"/>
    </row>
    <row r="715609" spans="8:8">
      <c r="H715609" s="12"/>
    </row>
    <row r="715610" spans="8:8">
      <c r="H715610" s="12"/>
    </row>
    <row r="715611" spans="8:8">
      <c r="H715611" s="12"/>
    </row>
    <row r="715612" spans="8:8">
      <c r="H715612" s="12"/>
    </row>
    <row r="715613" spans="8:8">
      <c r="H715613" s="12"/>
    </row>
    <row r="715614" spans="8:8">
      <c r="H715614" s="12"/>
    </row>
    <row r="715615" spans="8:8">
      <c r="H715615" s="12"/>
    </row>
    <row r="715616" spans="8:8">
      <c r="H715616" s="12"/>
    </row>
    <row r="715617" spans="8:8">
      <c r="H715617" s="12"/>
    </row>
    <row r="715618" spans="8:8">
      <c r="H715618" s="12"/>
    </row>
    <row r="715619" spans="8:8">
      <c r="H715619" s="12"/>
    </row>
    <row r="715620" spans="8:8">
      <c r="H715620" s="12"/>
    </row>
    <row r="715621" spans="8:8">
      <c r="H715621" s="12"/>
    </row>
    <row r="715622" spans="8:8">
      <c r="H715622" s="12"/>
    </row>
    <row r="715623" spans="8:8">
      <c r="H715623" s="12"/>
    </row>
    <row r="715624" spans="8:8">
      <c r="H715624" s="12"/>
    </row>
    <row r="715625" spans="8:8">
      <c r="H715625" s="12"/>
    </row>
    <row r="715626" spans="8:8">
      <c r="H715626" s="12"/>
    </row>
    <row r="715627" spans="8:8">
      <c r="H715627" s="12"/>
    </row>
    <row r="715628" spans="8:8">
      <c r="H715628" s="12"/>
    </row>
    <row r="715629" spans="8:8">
      <c r="H715629" s="12"/>
    </row>
    <row r="715630" spans="8:8">
      <c r="H715630" s="12"/>
    </row>
    <row r="715631" spans="8:8">
      <c r="H715631" s="12"/>
    </row>
    <row r="715632" spans="8:8">
      <c r="H715632" s="12"/>
    </row>
    <row r="715633" spans="8:8">
      <c r="H715633" s="12"/>
    </row>
    <row r="715634" spans="8:8">
      <c r="H715634" s="12"/>
    </row>
    <row r="715635" spans="8:8">
      <c r="H715635" s="12"/>
    </row>
    <row r="715636" spans="8:8">
      <c r="H715636" s="12"/>
    </row>
    <row r="715637" spans="8:8">
      <c r="H715637" s="12"/>
    </row>
    <row r="715638" spans="8:8">
      <c r="H715638" s="12"/>
    </row>
    <row r="715639" spans="8:8">
      <c r="H715639" s="12"/>
    </row>
    <row r="715640" spans="8:8">
      <c r="H715640" s="12"/>
    </row>
    <row r="715641" spans="8:8">
      <c r="H715641" s="12"/>
    </row>
    <row r="715642" spans="8:8">
      <c r="H715642" s="12"/>
    </row>
    <row r="715643" spans="8:8">
      <c r="H715643" s="12"/>
    </row>
    <row r="715644" spans="8:8">
      <c r="H715644" s="12"/>
    </row>
    <row r="715645" spans="8:8">
      <c r="H715645" s="12"/>
    </row>
    <row r="715646" spans="8:8">
      <c r="H715646" s="12"/>
    </row>
    <row r="715647" spans="8:8">
      <c r="H715647" s="12"/>
    </row>
    <row r="715648" spans="8:8">
      <c r="H715648" s="12"/>
    </row>
    <row r="715649" spans="8:8">
      <c r="H715649" s="12"/>
    </row>
    <row r="715650" spans="8:8">
      <c r="H715650" s="12"/>
    </row>
    <row r="715651" spans="8:8">
      <c r="H715651" s="12"/>
    </row>
    <row r="715652" spans="8:8">
      <c r="H715652" s="12"/>
    </row>
    <row r="715653" spans="8:8">
      <c r="H715653" s="12"/>
    </row>
    <row r="715654" spans="8:8">
      <c r="H715654" s="12"/>
    </row>
    <row r="715655" spans="8:8">
      <c r="H715655" s="12"/>
    </row>
    <row r="715656" spans="8:8">
      <c r="H715656" s="12"/>
    </row>
    <row r="715657" spans="8:8">
      <c r="H715657" s="12"/>
    </row>
    <row r="715658" spans="8:8">
      <c r="H715658" s="12"/>
    </row>
    <row r="715659" spans="8:8">
      <c r="H715659" s="12"/>
    </row>
    <row r="715660" spans="8:8">
      <c r="H715660" s="12"/>
    </row>
    <row r="715661" spans="8:8">
      <c r="H715661" s="12"/>
    </row>
    <row r="715662" spans="8:8">
      <c r="H715662" s="12"/>
    </row>
    <row r="715663" spans="8:8">
      <c r="H715663" s="12"/>
    </row>
    <row r="715664" spans="8:8">
      <c r="H715664" s="12"/>
    </row>
    <row r="715665" spans="8:8">
      <c r="H715665" s="12"/>
    </row>
    <row r="715666" spans="8:8">
      <c r="H715666" s="12"/>
    </row>
    <row r="715667" spans="8:8">
      <c r="H715667" s="12"/>
    </row>
    <row r="715668" spans="8:8">
      <c r="H715668" s="12"/>
    </row>
    <row r="715669" spans="8:8">
      <c r="H715669" s="12"/>
    </row>
    <row r="715670" spans="8:8">
      <c r="H715670" s="12"/>
    </row>
    <row r="715671" spans="8:8">
      <c r="H715671" s="12"/>
    </row>
    <row r="715672" spans="8:8">
      <c r="H715672" s="12"/>
    </row>
    <row r="715673" spans="8:8">
      <c r="H715673" s="12"/>
    </row>
    <row r="715674" spans="8:8">
      <c r="H715674" s="12"/>
    </row>
    <row r="715675" spans="8:8">
      <c r="H715675" s="12"/>
    </row>
    <row r="715676" spans="8:8">
      <c r="H715676" s="12"/>
    </row>
    <row r="715677" spans="8:8">
      <c r="H715677" s="12"/>
    </row>
    <row r="715678" spans="8:8">
      <c r="H715678" s="12"/>
    </row>
    <row r="715679" spans="8:8">
      <c r="H715679" s="12"/>
    </row>
    <row r="715680" spans="8:8">
      <c r="H715680" s="12"/>
    </row>
    <row r="715681" spans="8:8">
      <c r="H715681" s="12"/>
    </row>
    <row r="715682" spans="8:8">
      <c r="H715682" s="12"/>
    </row>
    <row r="715683" spans="8:8">
      <c r="H715683" s="12"/>
    </row>
    <row r="715684" spans="8:8">
      <c r="H715684" s="12"/>
    </row>
    <row r="715685" spans="8:8">
      <c r="H715685" s="12"/>
    </row>
    <row r="715686" spans="8:8">
      <c r="H715686" s="12"/>
    </row>
    <row r="715687" spans="8:8">
      <c r="H715687" s="12"/>
    </row>
    <row r="715688" spans="8:8">
      <c r="H715688" s="12"/>
    </row>
    <row r="715689" spans="8:8">
      <c r="H715689" s="12"/>
    </row>
    <row r="715690" spans="8:8">
      <c r="H715690" s="12"/>
    </row>
    <row r="715691" spans="8:8">
      <c r="H715691" s="12"/>
    </row>
    <row r="715692" spans="8:8">
      <c r="H715692" s="12"/>
    </row>
    <row r="715693" spans="8:8">
      <c r="H715693" s="12"/>
    </row>
    <row r="715694" spans="8:8">
      <c r="H715694" s="12"/>
    </row>
    <row r="715695" spans="8:8">
      <c r="H715695" s="12"/>
    </row>
    <row r="715696" spans="8:8">
      <c r="H715696" s="12"/>
    </row>
    <row r="715697" spans="8:8">
      <c r="H715697" s="12"/>
    </row>
    <row r="715698" spans="8:8">
      <c r="H715698" s="12"/>
    </row>
    <row r="715699" spans="8:8">
      <c r="H715699" s="12"/>
    </row>
    <row r="715700" spans="8:8">
      <c r="H715700" s="12"/>
    </row>
    <row r="715701" spans="8:8">
      <c r="H715701" s="12"/>
    </row>
    <row r="715702" spans="8:8">
      <c r="H715702" s="12"/>
    </row>
    <row r="715703" spans="8:8">
      <c r="H715703" s="12"/>
    </row>
    <row r="715704" spans="8:8">
      <c r="H715704" s="12"/>
    </row>
    <row r="715705" spans="8:8">
      <c r="H715705" s="12"/>
    </row>
    <row r="715706" spans="8:8">
      <c r="H715706" s="12"/>
    </row>
    <row r="715707" spans="8:8">
      <c r="H715707" s="12"/>
    </row>
    <row r="715708" spans="8:8">
      <c r="H715708" s="12"/>
    </row>
    <row r="715709" spans="8:8">
      <c r="H715709" s="12"/>
    </row>
    <row r="715710" spans="8:8">
      <c r="H715710" s="12"/>
    </row>
    <row r="715711" spans="8:8">
      <c r="H715711" s="12"/>
    </row>
    <row r="715712" spans="8:8">
      <c r="H715712" s="12"/>
    </row>
    <row r="715713" spans="8:8">
      <c r="H715713" s="12"/>
    </row>
    <row r="715714" spans="8:8">
      <c r="H715714" s="12"/>
    </row>
    <row r="715715" spans="8:8">
      <c r="H715715" s="12"/>
    </row>
    <row r="715716" spans="8:8">
      <c r="H715716" s="12"/>
    </row>
    <row r="715717" spans="8:8">
      <c r="H715717" s="12"/>
    </row>
    <row r="715718" spans="8:8">
      <c r="H715718" s="12"/>
    </row>
    <row r="715719" spans="8:8">
      <c r="H715719" s="12"/>
    </row>
    <row r="715720" spans="8:8">
      <c r="H715720" s="12"/>
    </row>
    <row r="715721" spans="8:8">
      <c r="H715721" s="12"/>
    </row>
    <row r="715722" spans="8:8">
      <c r="H715722" s="12"/>
    </row>
    <row r="715723" spans="8:8">
      <c r="H715723" s="12"/>
    </row>
    <row r="715724" spans="8:8">
      <c r="H715724" s="12"/>
    </row>
    <row r="715725" spans="8:8">
      <c r="H715725" s="12"/>
    </row>
    <row r="715726" spans="8:8">
      <c r="H715726" s="12"/>
    </row>
    <row r="715727" spans="8:8">
      <c r="H715727" s="12"/>
    </row>
    <row r="715728" spans="8:8">
      <c r="H715728" s="12"/>
    </row>
    <row r="715729" spans="8:8">
      <c r="H715729" s="12"/>
    </row>
    <row r="715730" spans="8:8">
      <c r="H715730" s="12"/>
    </row>
    <row r="715731" spans="8:8">
      <c r="H715731" s="12"/>
    </row>
    <row r="715732" spans="8:8">
      <c r="H715732" s="12"/>
    </row>
    <row r="715733" spans="8:8">
      <c r="H715733" s="12"/>
    </row>
    <row r="715734" spans="8:8">
      <c r="H715734" s="12"/>
    </row>
    <row r="715735" spans="8:8">
      <c r="H715735" s="12"/>
    </row>
    <row r="715736" spans="8:8">
      <c r="H715736" s="12"/>
    </row>
    <row r="715737" spans="8:8">
      <c r="H715737" s="12"/>
    </row>
    <row r="715738" spans="8:8">
      <c r="H715738" s="12"/>
    </row>
    <row r="715739" spans="8:8">
      <c r="H715739" s="12"/>
    </row>
    <row r="715740" spans="8:8">
      <c r="H715740" s="12"/>
    </row>
    <row r="715741" spans="8:8">
      <c r="H715741" s="12"/>
    </row>
    <row r="715742" spans="8:8">
      <c r="H715742" s="12"/>
    </row>
    <row r="715743" spans="8:8">
      <c r="H715743" s="12"/>
    </row>
    <row r="715744" spans="8:8">
      <c r="H715744" s="12"/>
    </row>
    <row r="715745" spans="8:8">
      <c r="H715745" s="12"/>
    </row>
    <row r="715746" spans="8:8">
      <c r="H715746" s="12"/>
    </row>
    <row r="715747" spans="8:8">
      <c r="H715747" s="12"/>
    </row>
    <row r="715748" spans="8:8">
      <c r="H715748" s="12"/>
    </row>
    <row r="715749" spans="8:8">
      <c r="H715749" s="12"/>
    </row>
    <row r="715750" spans="8:8">
      <c r="H715750" s="12"/>
    </row>
    <row r="715751" spans="8:8">
      <c r="H715751" s="12"/>
    </row>
    <row r="715752" spans="8:8">
      <c r="H715752" s="12"/>
    </row>
    <row r="715753" spans="8:8">
      <c r="H715753" s="12"/>
    </row>
    <row r="715754" spans="8:8">
      <c r="H715754" s="12"/>
    </row>
    <row r="715755" spans="8:8">
      <c r="H715755" s="12"/>
    </row>
    <row r="715756" spans="8:8">
      <c r="H715756" s="12"/>
    </row>
    <row r="715757" spans="8:8">
      <c r="H715757" s="12"/>
    </row>
    <row r="715758" spans="8:8">
      <c r="H715758" s="12"/>
    </row>
    <row r="715759" spans="8:8">
      <c r="H715759" s="12"/>
    </row>
    <row r="715760" spans="8:8">
      <c r="H715760" s="12"/>
    </row>
    <row r="715761" spans="8:8">
      <c r="H715761" s="12"/>
    </row>
    <row r="715762" spans="8:8">
      <c r="H715762" s="12"/>
    </row>
    <row r="715763" spans="8:8">
      <c r="H715763" s="12"/>
    </row>
    <row r="715764" spans="8:8">
      <c r="H715764" s="12"/>
    </row>
    <row r="715765" spans="8:8">
      <c r="H715765" s="12"/>
    </row>
    <row r="715766" spans="8:8">
      <c r="H715766" s="12"/>
    </row>
    <row r="715767" spans="8:8">
      <c r="H715767" s="12"/>
    </row>
    <row r="715768" spans="8:8">
      <c r="H715768" s="12"/>
    </row>
    <row r="715769" spans="8:8">
      <c r="H715769" s="12"/>
    </row>
    <row r="715770" spans="8:8">
      <c r="H715770" s="12"/>
    </row>
    <row r="715771" spans="8:8">
      <c r="H715771" s="12"/>
    </row>
    <row r="715772" spans="8:8">
      <c r="H715772" s="12"/>
    </row>
    <row r="715773" spans="8:8">
      <c r="H715773" s="12"/>
    </row>
    <row r="715774" spans="8:8">
      <c r="H715774" s="12"/>
    </row>
    <row r="715775" spans="8:8">
      <c r="H715775" s="12"/>
    </row>
    <row r="715776" spans="8:8">
      <c r="H715776" s="12"/>
    </row>
    <row r="715777" spans="8:8">
      <c r="H715777" s="12"/>
    </row>
    <row r="715778" spans="8:8">
      <c r="H715778" s="12"/>
    </row>
    <row r="715779" spans="8:8">
      <c r="H715779" s="12"/>
    </row>
    <row r="715780" spans="8:8">
      <c r="H715780" s="12"/>
    </row>
    <row r="715781" spans="8:8">
      <c r="H715781" s="12"/>
    </row>
    <row r="715782" spans="8:8">
      <c r="H715782" s="12"/>
    </row>
    <row r="715783" spans="8:8">
      <c r="H715783" s="12"/>
    </row>
    <row r="715784" spans="8:8">
      <c r="H715784" s="12"/>
    </row>
    <row r="715785" spans="8:8">
      <c r="H715785" s="12"/>
    </row>
    <row r="715786" spans="8:8">
      <c r="H715786" s="12"/>
    </row>
    <row r="715787" spans="8:8">
      <c r="H715787" s="12"/>
    </row>
    <row r="715788" spans="8:8">
      <c r="H715788" s="12"/>
    </row>
    <row r="715789" spans="8:8">
      <c r="H715789" s="12"/>
    </row>
    <row r="715790" spans="8:8">
      <c r="H715790" s="12"/>
    </row>
    <row r="715791" spans="8:8">
      <c r="H715791" s="12"/>
    </row>
    <row r="715792" spans="8:8">
      <c r="H715792" s="12"/>
    </row>
    <row r="715793" spans="8:8">
      <c r="H715793" s="12"/>
    </row>
    <row r="715794" spans="8:8">
      <c r="H715794" s="12"/>
    </row>
    <row r="715795" spans="8:8">
      <c r="H715795" s="12"/>
    </row>
    <row r="715796" spans="8:8">
      <c r="H715796" s="12"/>
    </row>
    <row r="715797" spans="8:8">
      <c r="H715797" s="12"/>
    </row>
    <row r="715798" spans="8:8">
      <c r="H715798" s="12"/>
    </row>
    <row r="715799" spans="8:8">
      <c r="H715799" s="12"/>
    </row>
    <row r="715800" spans="8:8">
      <c r="H715800" s="12"/>
    </row>
    <row r="715801" spans="8:8">
      <c r="H715801" s="12"/>
    </row>
    <row r="715802" spans="8:8">
      <c r="H715802" s="12"/>
    </row>
    <row r="715803" spans="8:8">
      <c r="H715803" s="12"/>
    </row>
    <row r="715804" spans="8:8">
      <c r="H715804" s="12"/>
    </row>
    <row r="715805" spans="8:8">
      <c r="H715805" s="12"/>
    </row>
    <row r="715806" spans="8:8">
      <c r="H715806" s="12"/>
    </row>
    <row r="715807" spans="8:8">
      <c r="H715807" s="12"/>
    </row>
    <row r="715808" spans="8:8">
      <c r="H715808" s="12"/>
    </row>
    <row r="715809" spans="8:8">
      <c r="H715809" s="12"/>
    </row>
    <row r="715810" spans="8:8">
      <c r="H715810" s="12"/>
    </row>
    <row r="715811" spans="8:8">
      <c r="H715811" s="12"/>
    </row>
    <row r="715812" spans="8:8">
      <c r="H715812" s="12"/>
    </row>
    <row r="715813" spans="8:8">
      <c r="H715813" s="12"/>
    </row>
    <row r="715814" spans="8:8">
      <c r="H715814" s="12"/>
    </row>
    <row r="715815" spans="8:8">
      <c r="H715815" s="12"/>
    </row>
    <row r="715816" spans="8:8">
      <c r="H715816" s="12"/>
    </row>
    <row r="715817" spans="8:8">
      <c r="H715817" s="12"/>
    </row>
    <row r="715818" spans="8:8">
      <c r="H715818" s="12"/>
    </row>
    <row r="715819" spans="8:8">
      <c r="H715819" s="12"/>
    </row>
    <row r="715820" spans="8:8">
      <c r="H715820" s="12"/>
    </row>
    <row r="715821" spans="8:8">
      <c r="H715821" s="12"/>
    </row>
    <row r="715822" spans="8:8">
      <c r="H715822" s="12"/>
    </row>
    <row r="715823" spans="8:8">
      <c r="H715823" s="12"/>
    </row>
    <row r="715824" spans="8:8">
      <c r="H715824" s="12"/>
    </row>
    <row r="715825" spans="8:8">
      <c r="H715825" s="12"/>
    </row>
    <row r="715826" spans="8:8">
      <c r="H715826" s="12"/>
    </row>
    <row r="715827" spans="8:8">
      <c r="H715827" s="12"/>
    </row>
    <row r="715828" spans="8:8">
      <c r="H715828" s="12"/>
    </row>
    <row r="715829" spans="8:8">
      <c r="H715829" s="12"/>
    </row>
    <row r="715830" spans="8:8">
      <c r="H715830" s="12"/>
    </row>
    <row r="715831" spans="8:8">
      <c r="H715831" s="12"/>
    </row>
    <row r="715832" spans="8:8">
      <c r="H715832" s="12"/>
    </row>
    <row r="715833" spans="8:8">
      <c r="H715833" s="12"/>
    </row>
    <row r="715834" spans="8:8">
      <c r="H715834" s="12"/>
    </row>
    <row r="715835" spans="8:8">
      <c r="H715835" s="12"/>
    </row>
    <row r="715836" spans="8:8">
      <c r="H715836" s="12"/>
    </row>
    <row r="715837" spans="8:8">
      <c r="H715837" s="12"/>
    </row>
    <row r="715838" spans="8:8">
      <c r="H715838" s="12"/>
    </row>
    <row r="715839" spans="8:8">
      <c r="H715839" s="12"/>
    </row>
    <row r="715840" spans="8:8">
      <c r="H715840" s="12"/>
    </row>
    <row r="715841" spans="8:8">
      <c r="H715841" s="12"/>
    </row>
    <row r="715842" spans="8:8">
      <c r="H715842" s="12"/>
    </row>
    <row r="715843" spans="8:8">
      <c r="H715843" s="12"/>
    </row>
    <row r="715844" spans="8:8">
      <c r="H715844" s="12"/>
    </row>
    <row r="715845" spans="8:8">
      <c r="H715845" s="12"/>
    </row>
    <row r="715846" spans="8:8">
      <c r="H715846" s="12"/>
    </row>
    <row r="715847" spans="8:8">
      <c r="H715847" s="12"/>
    </row>
    <row r="715848" spans="8:8">
      <c r="H715848" s="12"/>
    </row>
    <row r="715849" spans="8:8">
      <c r="H715849" s="12"/>
    </row>
    <row r="715850" spans="8:8">
      <c r="H715850" s="12"/>
    </row>
    <row r="715851" spans="8:8">
      <c r="H715851" s="12"/>
    </row>
    <row r="715852" spans="8:8">
      <c r="H715852" s="12"/>
    </row>
    <row r="715853" spans="8:8">
      <c r="H715853" s="12"/>
    </row>
    <row r="715854" spans="8:8">
      <c r="H715854" s="12"/>
    </row>
    <row r="715855" spans="8:8">
      <c r="H715855" s="12"/>
    </row>
    <row r="715856" spans="8:8">
      <c r="H715856" s="12"/>
    </row>
    <row r="715857" spans="8:8">
      <c r="H715857" s="12"/>
    </row>
    <row r="715858" spans="8:8">
      <c r="H715858" s="12"/>
    </row>
    <row r="715859" spans="8:8">
      <c r="H715859" s="12"/>
    </row>
    <row r="715860" spans="8:8">
      <c r="H715860" s="12"/>
    </row>
    <row r="715861" spans="8:8">
      <c r="H715861" s="12"/>
    </row>
    <row r="715862" spans="8:8">
      <c r="H715862" s="12"/>
    </row>
    <row r="715863" spans="8:8">
      <c r="H715863" s="12"/>
    </row>
    <row r="715864" spans="8:8">
      <c r="H715864" s="12"/>
    </row>
    <row r="715865" spans="8:8">
      <c r="H715865" s="12"/>
    </row>
    <row r="715866" spans="8:8">
      <c r="H715866" s="12"/>
    </row>
    <row r="715867" spans="8:8">
      <c r="H715867" s="12"/>
    </row>
    <row r="715868" spans="8:8">
      <c r="H715868" s="12"/>
    </row>
    <row r="715869" spans="8:8">
      <c r="H715869" s="12"/>
    </row>
    <row r="715870" spans="8:8">
      <c r="H715870" s="12"/>
    </row>
    <row r="715871" spans="8:8">
      <c r="H715871" s="12"/>
    </row>
    <row r="715872" spans="8:8">
      <c r="H715872" s="12"/>
    </row>
    <row r="715873" spans="8:8">
      <c r="H715873" s="12"/>
    </row>
    <row r="715874" spans="8:8">
      <c r="H715874" s="12"/>
    </row>
    <row r="715875" spans="8:8">
      <c r="H715875" s="12"/>
    </row>
    <row r="715876" spans="8:8">
      <c r="H715876" s="12"/>
    </row>
    <row r="715877" spans="8:8">
      <c r="H715877" s="12"/>
    </row>
    <row r="715878" spans="8:8">
      <c r="H715878" s="12"/>
    </row>
    <row r="715879" spans="8:8">
      <c r="H715879" s="12"/>
    </row>
    <row r="715880" spans="8:8">
      <c r="H715880" s="12"/>
    </row>
    <row r="715881" spans="8:8">
      <c r="H715881" s="12"/>
    </row>
    <row r="715882" spans="8:8">
      <c r="H715882" s="12"/>
    </row>
    <row r="715883" spans="8:8">
      <c r="H715883" s="12"/>
    </row>
    <row r="715884" spans="8:8">
      <c r="H715884" s="12"/>
    </row>
    <row r="715885" spans="8:8">
      <c r="H715885" s="12"/>
    </row>
    <row r="715886" spans="8:8">
      <c r="H715886" s="12"/>
    </row>
    <row r="715887" spans="8:8">
      <c r="H715887" s="12"/>
    </row>
    <row r="715888" spans="8:8">
      <c r="H715888" s="12"/>
    </row>
    <row r="715889" spans="8:8">
      <c r="H715889" s="12"/>
    </row>
    <row r="715890" spans="8:8">
      <c r="H715890" s="12"/>
    </row>
    <row r="715891" spans="8:8">
      <c r="H715891" s="12"/>
    </row>
    <row r="715892" spans="8:8">
      <c r="H715892" s="12"/>
    </row>
    <row r="715893" spans="8:8">
      <c r="H715893" s="12"/>
    </row>
    <row r="715894" spans="8:8">
      <c r="H715894" s="12"/>
    </row>
    <row r="715895" spans="8:8">
      <c r="H715895" s="12"/>
    </row>
    <row r="715896" spans="8:8">
      <c r="H715896" s="12"/>
    </row>
    <row r="715897" spans="8:8">
      <c r="H715897" s="12"/>
    </row>
    <row r="715898" spans="8:8">
      <c r="H715898" s="12"/>
    </row>
    <row r="715899" spans="8:8">
      <c r="H715899" s="12"/>
    </row>
    <row r="715900" spans="8:8">
      <c r="H715900" s="12"/>
    </row>
    <row r="715901" spans="8:8">
      <c r="H715901" s="12"/>
    </row>
    <row r="715902" spans="8:8">
      <c r="H715902" s="12"/>
    </row>
    <row r="715903" spans="8:8">
      <c r="H715903" s="12"/>
    </row>
    <row r="715904" spans="8:8">
      <c r="H715904" s="12"/>
    </row>
    <row r="715905" spans="8:8">
      <c r="H715905" s="12"/>
    </row>
    <row r="715906" spans="8:8">
      <c r="H715906" s="12"/>
    </row>
    <row r="715907" spans="8:8">
      <c r="H715907" s="12"/>
    </row>
    <row r="715908" spans="8:8">
      <c r="H715908" s="12"/>
    </row>
    <row r="715909" spans="8:8">
      <c r="H715909" s="12"/>
    </row>
    <row r="715910" spans="8:8">
      <c r="H715910" s="12"/>
    </row>
    <row r="715911" spans="8:8">
      <c r="H715911" s="12"/>
    </row>
    <row r="715912" spans="8:8">
      <c r="H715912" s="12"/>
    </row>
    <row r="715913" spans="8:8">
      <c r="H715913" s="12"/>
    </row>
    <row r="715914" spans="8:8">
      <c r="H715914" s="12"/>
    </row>
    <row r="715915" spans="8:8">
      <c r="H715915" s="12"/>
    </row>
    <row r="715916" spans="8:8">
      <c r="H715916" s="12"/>
    </row>
    <row r="715917" spans="8:8">
      <c r="H715917" s="12"/>
    </row>
    <row r="715918" spans="8:8">
      <c r="H715918" s="12"/>
    </row>
    <row r="715919" spans="8:8">
      <c r="H715919" s="12"/>
    </row>
    <row r="715920" spans="8:8">
      <c r="H715920" s="12"/>
    </row>
    <row r="715921" spans="8:8">
      <c r="H715921" s="12"/>
    </row>
    <row r="715922" spans="8:8">
      <c r="H715922" s="12"/>
    </row>
    <row r="715923" spans="8:8">
      <c r="H715923" s="12"/>
    </row>
    <row r="715924" spans="8:8">
      <c r="H715924" s="12"/>
    </row>
    <row r="715925" spans="8:8">
      <c r="H715925" s="12"/>
    </row>
    <row r="715926" spans="8:8">
      <c r="H715926" s="12"/>
    </row>
    <row r="715927" spans="8:8">
      <c r="H715927" s="12"/>
    </row>
    <row r="715928" spans="8:8">
      <c r="H715928" s="12"/>
    </row>
    <row r="715929" spans="8:8">
      <c r="H715929" s="12"/>
    </row>
    <row r="715930" spans="8:8">
      <c r="H715930" s="12"/>
    </row>
    <row r="715931" spans="8:8">
      <c r="H715931" s="12"/>
    </row>
    <row r="715932" spans="8:8">
      <c r="H715932" s="12"/>
    </row>
    <row r="715933" spans="8:8">
      <c r="H715933" s="12"/>
    </row>
    <row r="715934" spans="8:8">
      <c r="H715934" s="12"/>
    </row>
    <row r="715935" spans="8:8">
      <c r="H715935" s="12"/>
    </row>
    <row r="715936" spans="8:8">
      <c r="H715936" s="12"/>
    </row>
    <row r="715937" spans="8:8">
      <c r="H715937" s="12"/>
    </row>
    <row r="715938" spans="8:8">
      <c r="H715938" s="12"/>
    </row>
    <row r="715939" spans="8:8">
      <c r="H715939" s="12"/>
    </row>
    <row r="715940" spans="8:8">
      <c r="H715940" s="12"/>
    </row>
    <row r="715941" spans="8:8">
      <c r="H715941" s="12"/>
    </row>
    <row r="715942" spans="8:8">
      <c r="H715942" s="12"/>
    </row>
    <row r="715943" spans="8:8">
      <c r="H715943" s="12"/>
    </row>
    <row r="715944" spans="8:8">
      <c r="H715944" s="12"/>
    </row>
    <row r="715945" spans="8:8">
      <c r="H715945" s="12"/>
    </row>
    <row r="715946" spans="8:8">
      <c r="H715946" s="12"/>
    </row>
    <row r="715947" spans="8:8">
      <c r="H715947" s="12"/>
    </row>
    <row r="715948" spans="8:8">
      <c r="H715948" s="12"/>
    </row>
    <row r="715949" spans="8:8">
      <c r="H715949" s="12"/>
    </row>
    <row r="715950" spans="8:8">
      <c r="H715950" s="12"/>
    </row>
    <row r="715951" spans="8:8">
      <c r="H715951" s="12"/>
    </row>
    <row r="715952" spans="8:8">
      <c r="H715952" s="12"/>
    </row>
    <row r="715953" spans="8:8">
      <c r="H715953" s="12"/>
    </row>
    <row r="715954" spans="8:8">
      <c r="H715954" s="12"/>
    </row>
    <row r="715955" spans="8:8">
      <c r="H715955" s="12"/>
    </row>
    <row r="715956" spans="8:8">
      <c r="H715956" s="12"/>
    </row>
    <row r="715957" spans="8:8">
      <c r="H715957" s="12"/>
    </row>
    <row r="715958" spans="8:8">
      <c r="H715958" s="12"/>
    </row>
    <row r="715959" spans="8:8">
      <c r="H715959" s="12"/>
    </row>
    <row r="715960" spans="8:8">
      <c r="H715960" s="12"/>
    </row>
    <row r="715961" spans="8:8">
      <c r="H715961" s="12"/>
    </row>
    <row r="715962" spans="8:8">
      <c r="H715962" s="12"/>
    </row>
    <row r="715963" spans="8:8">
      <c r="H715963" s="12"/>
    </row>
    <row r="715964" spans="8:8">
      <c r="H715964" s="12"/>
    </row>
    <row r="715965" spans="8:8">
      <c r="H715965" s="12"/>
    </row>
    <row r="715966" spans="8:8">
      <c r="H715966" s="12"/>
    </row>
    <row r="715967" spans="8:8">
      <c r="H715967" s="12"/>
    </row>
    <row r="715968" spans="8:8">
      <c r="H715968" s="12"/>
    </row>
    <row r="715969" spans="8:8">
      <c r="H715969" s="12"/>
    </row>
    <row r="715970" spans="8:8">
      <c r="H715970" s="12"/>
    </row>
    <row r="715971" spans="8:8">
      <c r="H715971" s="12"/>
    </row>
    <row r="715972" spans="8:8">
      <c r="H715972" s="12"/>
    </row>
    <row r="715973" spans="8:8">
      <c r="H715973" s="12"/>
    </row>
    <row r="715974" spans="8:8">
      <c r="H715974" s="12"/>
    </row>
    <row r="715975" spans="8:8">
      <c r="H715975" s="12"/>
    </row>
    <row r="715976" spans="8:8">
      <c r="H715976" s="12"/>
    </row>
    <row r="715977" spans="8:8">
      <c r="H715977" s="12"/>
    </row>
    <row r="715978" spans="8:8">
      <c r="H715978" s="12"/>
    </row>
    <row r="715979" spans="8:8">
      <c r="H715979" s="12"/>
    </row>
    <row r="715980" spans="8:8">
      <c r="H715980" s="12"/>
    </row>
    <row r="715981" spans="8:8">
      <c r="H715981" s="12"/>
    </row>
    <row r="715982" spans="8:8">
      <c r="H715982" s="12"/>
    </row>
    <row r="715983" spans="8:8">
      <c r="H715983" s="12"/>
    </row>
    <row r="715984" spans="8:8">
      <c r="H715984" s="12"/>
    </row>
    <row r="715985" spans="8:8">
      <c r="H715985" s="12"/>
    </row>
    <row r="715986" spans="8:8">
      <c r="H715986" s="12"/>
    </row>
    <row r="715987" spans="8:8">
      <c r="H715987" s="12"/>
    </row>
    <row r="715988" spans="8:8">
      <c r="H715988" s="12"/>
    </row>
    <row r="715989" spans="8:8">
      <c r="H715989" s="12"/>
    </row>
    <row r="715990" spans="8:8">
      <c r="H715990" s="12"/>
    </row>
    <row r="715991" spans="8:8">
      <c r="H715991" s="12"/>
    </row>
    <row r="715992" spans="8:8">
      <c r="H715992" s="12"/>
    </row>
    <row r="715993" spans="8:8">
      <c r="H715993" s="12"/>
    </row>
    <row r="715994" spans="8:8">
      <c r="H715994" s="12"/>
    </row>
    <row r="715995" spans="8:8">
      <c r="H715995" s="12"/>
    </row>
    <row r="715996" spans="8:8">
      <c r="H715996" s="12"/>
    </row>
    <row r="715997" spans="8:8">
      <c r="H715997" s="12"/>
    </row>
    <row r="715998" spans="8:8">
      <c r="H715998" s="12"/>
    </row>
    <row r="715999" spans="8:8">
      <c r="H715999" s="12"/>
    </row>
    <row r="716000" spans="8:8">
      <c r="H716000" s="12"/>
    </row>
    <row r="716001" spans="8:8">
      <c r="H716001" s="12"/>
    </row>
    <row r="716002" spans="8:8">
      <c r="H716002" s="12"/>
    </row>
    <row r="716003" spans="8:8">
      <c r="H716003" s="12"/>
    </row>
    <row r="716004" spans="8:8">
      <c r="H716004" s="12"/>
    </row>
    <row r="716005" spans="8:8">
      <c r="H716005" s="12"/>
    </row>
    <row r="716006" spans="8:8">
      <c r="H716006" s="12"/>
    </row>
    <row r="716007" spans="8:8">
      <c r="H716007" s="12"/>
    </row>
    <row r="716008" spans="8:8">
      <c r="H716008" s="12"/>
    </row>
    <row r="716009" spans="8:8">
      <c r="H716009" s="12"/>
    </row>
    <row r="716010" spans="8:8">
      <c r="H716010" s="12"/>
    </row>
    <row r="716011" spans="8:8">
      <c r="H716011" s="12"/>
    </row>
    <row r="716012" spans="8:8">
      <c r="H716012" s="12"/>
    </row>
    <row r="716013" spans="8:8">
      <c r="H716013" s="12"/>
    </row>
    <row r="716014" spans="8:8">
      <c r="H716014" s="12"/>
    </row>
    <row r="716015" spans="8:8">
      <c r="H716015" s="12"/>
    </row>
    <row r="716016" spans="8:8">
      <c r="H716016" s="12"/>
    </row>
    <row r="716017" spans="8:8">
      <c r="H716017" s="12"/>
    </row>
    <row r="716018" spans="8:8">
      <c r="H716018" s="12"/>
    </row>
    <row r="716019" spans="8:8">
      <c r="H716019" s="12"/>
    </row>
    <row r="716020" spans="8:8">
      <c r="H716020" s="12"/>
    </row>
    <row r="716021" spans="8:8">
      <c r="H716021" s="12"/>
    </row>
    <row r="716022" spans="8:8">
      <c r="H716022" s="12"/>
    </row>
    <row r="716023" spans="8:8">
      <c r="H716023" s="12"/>
    </row>
    <row r="716024" spans="8:8">
      <c r="H716024" s="12"/>
    </row>
    <row r="716025" spans="8:8">
      <c r="H716025" s="12"/>
    </row>
    <row r="716026" spans="8:8">
      <c r="H716026" s="12"/>
    </row>
    <row r="716027" spans="8:8">
      <c r="H716027" s="12"/>
    </row>
    <row r="716028" spans="8:8">
      <c r="H716028" s="12"/>
    </row>
    <row r="716029" spans="8:8">
      <c r="H716029" s="12"/>
    </row>
    <row r="716030" spans="8:8">
      <c r="H716030" s="12"/>
    </row>
    <row r="716031" spans="8:8">
      <c r="H716031" s="12"/>
    </row>
    <row r="716032" spans="8:8">
      <c r="H716032" s="12"/>
    </row>
    <row r="716033" spans="8:8">
      <c r="H716033" s="12"/>
    </row>
    <row r="716034" spans="8:8">
      <c r="H716034" s="12"/>
    </row>
    <row r="716035" spans="8:8">
      <c r="H716035" s="12"/>
    </row>
    <row r="716036" spans="8:8">
      <c r="H716036" s="12"/>
    </row>
    <row r="716037" spans="8:8">
      <c r="H716037" s="12"/>
    </row>
    <row r="716038" spans="8:8">
      <c r="H716038" s="12"/>
    </row>
    <row r="716039" spans="8:8">
      <c r="H716039" s="12"/>
    </row>
    <row r="716040" spans="8:8">
      <c r="H716040" s="12"/>
    </row>
    <row r="716041" spans="8:8">
      <c r="H716041" s="12"/>
    </row>
    <row r="716042" spans="8:8">
      <c r="H716042" s="12"/>
    </row>
    <row r="716043" spans="8:8">
      <c r="H716043" s="12"/>
    </row>
    <row r="716044" spans="8:8">
      <c r="H716044" s="12"/>
    </row>
    <row r="716045" spans="8:8">
      <c r="H716045" s="12"/>
    </row>
    <row r="716046" spans="8:8">
      <c r="H716046" s="12"/>
    </row>
    <row r="716047" spans="8:8">
      <c r="H716047" s="12"/>
    </row>
    <row r="716048" spans="8:8">
      <c r="H716048" s="12"/>
    </row>
    <row r="716049" spans="8:8">
      <c r="H716049" s="12"/>
    </row>
    <row r="716050" spans="8:8">
      <c r="H716050" s="12"/>
    </row>
    <row r="716051" spans="8:8">
      <c r="H716051" s="12"/>
    </row>
    <row r="716052" spans="8:8">
      <c r="H716052" s="12"/>
    </row>
    <row r="716053" spans="8:8">
      <c r="H716053" s="12"/>
    </row>
    <row r="716054" spans="8:8">
      <c r="H716054" s="12"/>
    </row>
    <row r="716055" spans="8:8">
      <c r="H716055" s="12"/>
    </row>
    <row r="716056" spans="8:8">
      <c r="H716056" s="12"/>
    </row>
    <row r="716057" spans="8:8">
      <c r="H716057" s="12"/>
    </row>
    <row r="716058" spans="8:8">
      <c r="H716058" s="12"/>
    </row>
    <row r="716059" spans="8:8">
      <c r="H716059" s="12"/>
    </row>
    <row r="716060" spans="8:8">
      <c r="H716060" s="12"/>
    </row>
    <row r="716061" spans="8:8">
      <c r="H716061" s="12"/>
    </row>
    <row r="716062" spans="8:8">
      <c r="H716062" s="12"/>
    </row>
    <row r="716063" spans="8:8">
      <c r="H716063" s="12"/>
    </row>
    <row r="716064" spans="8:8">
      <c r="H716064" s="12"/>
    </row>
    <row r="716065" spans="8:8">
      <c r="H716065" s="12"/>
    </row>
    <row r="716066" spans="8:8">
      <c r="H716066" s="12"/>
    </row>
    <row r="716067" spans="8:8">
      <c r="H716067" s="12"/>
    </row>
    <row r="716068" spans="8:8">
      <c r="H716068" s="12"/>
    </row>
    <row r="716069" spans="8:8">
      <c r="H716069" s="12"/>
    </row>
    <row r="716070" spans="8:8">
      <c r="H716070" s="12"/>
    </row>
    <row r="716071" spans="8:8">
      <c r="H716071" s="12"/>
    </row>
    <row r="716072" spans="8:8">
      <c r="H716072" s="12"/>
    </row>
    <row r="716073" spans="8:8">
      <c r="H716073" s="12"/>
    </row>
    <row r="716074" spans="8:8">
      <c r="H716074" s="12"/>
    </row>
    <row r="716075" spans="8:8">
      <c r="H716075" s="12"/>
    </row>
    <row r="716076" spans="8:8">
      <c r="H716076" s="12"/>
    </row>
    <row r="716077" spans="8:8">
      <c r="H716077" s="12"/>
    </row>
    <row r="716078" spans="8:8">
      <c r="H716078" s="12"/>
    </row>
    <row r="716079" spans="8:8">
      <c r="H716079" s="12"/>
    </row>
    <row r="716080" spans="8:8">
      <c r="H716080" s="12"/>
    </row>
    <row r="716081" spans="8:8">
      <c r="H716081" s="12"/>
    </row>
    <row r="716082" spans="8:8">
      <c r="H716082" s="12"/>
    </row>
    <row r="716083" spans="8:8">
      <c r="H716083" s="12"/>
    </row>
    <row r="716084" spans="8:8">
      <c r="H716084" s="12"/>
    </row>
    <row r="716085" spans="8:8">
      <c r="H716085" s="12"/>
    </row>
    <row r="716086" spans="8:8">
      <c r="H716086" s="12"/>
    </row>
    <row r="716087" spans="8:8">
      <c r="H716087" s="12"/>
    </row>
    <row r="716088" spans="8:8">
      <c r="H716088" s="12"/>
    </row>
    <row r="716089" spans="8:8">
      <c r="H716089" s="12"/>
    </row>
    <row r="716090" spans="8:8">
      <c r="H716090" s="12"/>
    </row>
    <row r="716091" spans="8:8">
      <c r="H716091" s="12"/>
    </row>
    <row r="716092" spans="8:8">
      <c r="H716092" s="12"/>
    </row>
    <row r="716093" spans="8:8">
      <c r="H716093" s="12"/>
    </row>
    <row r="716094" spans="8:8">
      <c r="H716094" s="12"/>
    </row>
    <row r="716095" spans="8:8">
      <c r="H716095" s="12"/>
    </row>
    <row r="716096" spans="8:8">
      <c r="H716096" s="12"/>
    </row>
    <row r="716097" spans="8:8">
      <c r="H716097" s="12"/>
    </row>
    <row r="716098" spans="8:8">
      <c r="H716098" s="12"/>
    </row>
    <row r="716099" spans="8:8">
      <c r="H716099" s="12"/>
    </row>
    <row r="716100" spans="8:8">
      <c r="H716100" s="12"/>
    </row>
    <row r="716101" spans="8:8">
      <c r="H716101" s="12"/>
    </row>
    <row r="716102" spans="8:8">
      <c r="H716102" s="12"/>
    </row>
    <row r="716103" spans="8:8">
      <c r="H716103" s="12"/>
    </row>
    <row r="716104" spans="8:8">
      <c r="H716104" s="12"/>
    </row>
    <row r="716105" spans="8:8">
      <c r="H716105" s="12"/>
    </row>
    <row r="716106" spans="8:8">
      <c r="H716106" s="12"/>
    </row>
    <row r="716107" spans="8:8">
      <c r="H716107" s="12"/>
    </row>
    <row r="716108" spans="8:8">
      <c r="H716108" s="12"/>
    </row>
    <row r="716109" spans="8:8">
      <c r="H716109" s="12"/>
    </row>
    <row r="716110" spans="8:8">
      <c r="H716110" s="12"/>
    </row>
    <row r="716111" spans="8:8">
      <c r="H716111" s="12"/>
    </row>
    <row r="716112" spans="8:8">
      <c r="H716112" s="12"/>
    </row>
    <row r="716113" spans="8:8">
      <c r="H716113" s="12"/>
    </row>
    <row r="716114" spans="8:8">
      <c r="H716114" s="12"/>
    </row>
    <row r="716115" spans="8:8">
      <c r="H716115" s="12"/>
    </row>
    <row r="716116" spans="8:8">
      <c r="H716116" s="12"/>
    </row>
    <row r="716117" spans="8:8">
      <c r="H716117" s="12"/>
    </row>
    <row r="716118" spans="8:8">
      <c r="H716118" s="12"/>
    </row>
    <row r="716119" spans="8:8">
      <c r="H716119" s="12"/>
    </row>
    <row r="716120" spans="8:8">
      <c r="H716120" s="12"/>
    </row>
    <row r="716121" spans="8:8">
      <c r="H716121" s="12"/>
    </row>
    <row r="716122" spans="8:8">
      <c r="H716122" s="12"/>
    </row>
    <row r="716123" spans="8:8">
      <c r="H716123" s="12"/>
    </row>
    <row r="716124" spans="8:8">
      <c r="H716124" s="12"/>
    </row>
    <row r="716125" spans="8:8">
      <c r="H716125" s="12"/>
    </row>
    <row r="716126" spans="8:8">
      <c r="H716126" s="12"/>
    </row>
    <row r="716127" spans="8:8">
      <c r="H716127" s="12"/>
    </row>
    <row r="716128" spans="8:8">
      <c r="H716128" s="12"/>
    </row>
    <row r="716129" spans="8:8">
      <c r="H716129" s="12"/>
    </row>
    <row r="716130" spans="8:8">
      <c r="H716130" s="12"/>
    </row>
    <row r="716131" spans="8:8">
      <c r="H716131" s="12"/>
    </row>
    <row r="716132" spans="8:8">
      <c r="H716132" s="12"/>
    </row>
    <row r="716133" spans="8:8">
      <c r="H716133" s="12"/>
    </row>
    <row r="716134" spans="8:8">
      <c r="H716134" s="12"/>
    </row>
    <row r="716135" spans="8:8">
      <c r="H716135" s="12"/>
    </row>
    <row r="716136" spans="8:8">
      <c r="H716136" s="12"/>
    </row>
    <row r="716137" spans="8:8">
      <c r="H716137" s="12"/>
    </row>
    <row r="716138" spans="8:8">
      <c r="H716138" s="12"/>
    </row>
    <row r="716139" spans="8:8">
      <c r="H716139" s="12"/>
    </row>
    <row r="716140" spans="8:8">
      <c r="H716140" s="12"/>
    </row>
    <row r="716141" spans="8:8">
      <c r="H716141" s="12"/>
    </row>
    <row r="716142" spans="8:8">
      <c r="H716142" s="12"/>
    </row>
    <row r="716143" spans="8:8">
      <c r="H716143" s="12"/>
    </row>
    <row r="716144" spans="8:8">
      <c r="H716144" s="12"/>
    </row>
    <row r="716145" spans="8:8">
      <c r="H716145" s="12"/>
    </row>
    <row r="716146" spans="8:8">
      <c r="H716146" s="12"/>
    </row>
    <row r="716147" spans="8:8">
      <c r="H716147" s="12"/>
    </row>
    <row r="716148" spans="8:8">
      <c r="H716148" s="12"/>
    </row>
    <row r="716149" spans="8:8">
      <c r="H716149" s="12"/>
    </row>
    <row r="716150" spans="8:8">
      <c r="H716150" s="12"/>
    </row>
    <row r="716151" spans="8:8">
      <c r="H716151" s="12"/>
    </row>
    <row r="716152" spans="8:8">
      <c r="H716152" s="12"/>
    </row>
    <row r="716153" spans="8:8">
      <c r="H716153" s="12"/>
    </row>
    <row r="716154" spans="8:8">
      <c r="H716154" s="12"/>
    </row>
    <row r="716155" spans="8:8">
      <c r="H716155" s="12"/>
    </row>
    <row r="716156" spans="8:8">
      <c r="H716156" s="12"/>
    </row>
    <row r="716157" spans="8:8">
      <c r="H716157" s="12"/>
    </row>
    <row r="716158" spans="8:8">
      <c r="H716158" s="12"/>
    </row>
    <row r="716159" spans="8:8">
      <c r="H716159" s="12"/>
    </row>
    <row r="716160" spans="8:8">
      <c r="H716160" s="12"/>
    </row>
    <row r="716161" spans="8:8">
      <c r="H716161" s="12"/>
    </row>
    <row r="716162" spans="8:8">
      <c r="H716162" s="12"/>
    </row>
    <row r="716163" spans="8:8">
      <c r="H716163" s="12"/>
    </row>
    <row r="716164" spans="8:8">
      <c r="H716164" s="12"/>
    </row>
    <row r="716165" spans="8:8">
      <c r="H716165" s="12"/>
    </row>
    <row r="716166" spans="8:8">
      <c r="H716166" s="12"/>
    </row>
    <row r="716167" spans="8:8">
      <c r="H716167" s="12"/>
    </row>
    <row r="716168" spans="8:8">
      <c r="H716168" s="12"/>
    </row>
    <row r="716169" spans="8:8">
      <c r="H716169" s="12"/>
    </row>
    <row r="716170" spans="8:8">
      <c r="H716170" s="12"/>
    </row>
    <row r="716171" spans="8:8">
      <c r="H716171" s="12"/>
    </row>
    <row r="716172" spans="8:8">
      <c r="H716172" s="12"/>
    </row>
    <row r="716173" spans="8:8">
      <c r="H716173" s="12"/>
    </row>
    <row r="716174" spans="8:8">
      <c r="H716174" s="12"/>
    </row>
    <row r="716175" spans="8:8">
      <c r="H716175" s="12"/>
    </row>
    <row r="716176" spans="8:8">
      <c r="H716176" s="12"/>
    </row>
    <row r="716177" spans="8:8">
      <c r="H716177" s="12"/>
    </row>
    <row r="716178" spans="8:8">
      <c r="H716178" s="12"/>
    </row>
    <row r="716179" spans="8:8">
      <c r="H716179" s="12"/>
    </row>
    <row r="716180" spans="8:8">
      <c r="H716180" s="12"/>
    </row>
    <row r="716181" spans="8:8">
      <c r="H716181" s="12"/>
    </row>
    <row r="716182" spans="8:8">
      <c r="H716182" s="12"/>
    </row>
    <row r="716183" spans="8:8">
      <c r="H716183" s="12"/>
    </row>
    <row r="716184" spans="8:8">
      <c r="H716184" s="12"/>
    </row>
    <row r="716185" spans="8:8">
      <c r="H716185" s="12"/>
    </row>
    <row r="716186" spans="8:8">
      <c r="H716186" s="12"/>
    </row>
    <row r="716187" spans="8:8">
      <c r="H716187" s="12"/>
    </row>
    <row r="716188" spans="8:8">
      <c r="H716188" s="12"/>
    </row>
    <row r="716189" spans="8:8">
      <c r="H716189" s="12"/>
    </row>
    <row r="716190" spans="8:8">
      <c r="H716190" s="12"/>
    </row>
    <row r="716191" spans="8:8">
      <c r="H716191" s="12"/>
    </row>
    <row r="716192" spans="8:8">
      <c r="H716192" s="12"/>
    </row>
    <row r="716193" spans="8:8">
      <c r="H716193" s="12"/>
    </row>
    <row r="716194" spans="8:8">
      <c r="H716194" s="12"/>
    </row>
    <row r="716195" spans="8:8">
      <c r="H716195" s="12"/>
    </row>
    <row r="716196" spans="8:8">
      <c r="H716196" s="12"/>
    </row>
    <row r="716197" spans="8:8">
      <c r="H716197" s="12"/>
    </row>
    <row r="716198" spans="8:8">
      <c r="H716198" s="12"/>
    </row>
    <row r="716199" spans="8:8">
      <c r="H716199" s="12"/>
    </row>
    <row r="716200" spans="8:8">
      <c r="H716200" s="12"/>
    </row>
    <row r="716201" spans="8:8">
      <c r="H716201" s="12"/>
    </row>
    <row r="716202" spans="8:8">
      <c r="H716202" s="12"/>
    </row>
    <row r="716203" spans="8:8">
      <c r="H716203" s="12"/>
    </row>
    <row r="716204" spans="8:8">
      <c r="H716204" s="12"/>
    </row>
    <row r="716205" spans="8:8">
      <c r="H716205" s="12"/>
    </row>
    <row r="716206" spans="8:8">
      <c r="H716206" s="12"/>
    </row>
    <row r="716207" spans="8:8">
      <c r="H716207" s="12"/>
    </row>
    <row r="716208" spans="8:8">
      <c r="H716208" s="12"/>
    </row>
    <row r="716209" spans="8:8">
      <c r="H716209" s="12"/>
    </row>
    <row r="716210" spans="8:8">
      <c r="H716210" s="12"/>
    </row>
    <row r="716211" spans="8:8">
      <c r="H716211" s="12"/>
    </row>
    <row r="716212" spans="8:8">
      <c r="H716212" s="12"/>
    </row>
    <row r="716213" spans="8:8">
      <c r="H716213" s="12"/>
    </row>
    <row r="716214" spans="8:8">
      <c r="H716214" s="12"/>
    </row>
    <row r="716215" spans="8:8">
      <c r="H716215" s="12"/>
    </row>
    <row r="716216" spans="8:8">
      <c r="H716216" s="12"/>
    </row>
    <row r="716217" spans="8:8">
      <c r="H716217" s="12"/>
    </row>
    <row r="716218" spans="8:8">
      <c r="H716218" s="12"/>
    </row>
    <row r="716219" spans="8:8">
      <c r="H716219" s="12"/>
    </row>
    <row r="716220" spans="8:8">
      <c r="H716220" s="12"/>
    </row>
    <row r="716221" spans="8:8">
      <c r="H716221" s="12"/>
    </row>
    <row r="716222" spans="8:8">
      <c r="H716222" s="12"/>
    </row>
    <row r="716223" spans="8:8">
      <c r="H716223" s="12"/>
    </row>
    <row r="716224" spans="8:8">
      <c r="H716224" s="12"/>
    </row>
    <row r="716225" spans="8:8">
      <c r="H716225" s="12"/>
    </row>
    <row r="716226" spans="8:8">
      <c r="H716226" s="12"/>
    </row>
    <row r="716227" spans="8:8">
      <c r="H716227" s="12"/>
    </row>
    <row r="716228" spans="8:8">
      <c r="H716228" s="12"/>
    </row>
    <row r="716229" spans="8:8">
      <c r="H716229" s="12"/>
    </row>
    <row r="716230" spans="8:8">
      <c r="H716230" s="12"/>
    </row>
    <row r="716231" spans="8:8">
      <c r="H716231" s="12"/>
    </row>
    <row r="716232" spans="8:8">
      <c r="H716232" s="12"/>
    </row>
    <row r="716233" spans="8:8">
      <c r="H716233" s="12"/>
    </row>
    <row r="716234" spans="8:8">
      <c r="H716234" s="12"/>
    </row>
    <row r="716235" spans="8:8">
      <c r="H716235" s="12"/>
    </row>
    <row r="716236" spans="8:8">
      <c r="H716236" s="12"/>
    </row>
    <row r="716237" spans="8:8">
      <c r="H716237" s="12"/>
    </row>
    <row r="716238" spans="8:8">
      <c r="H716238" s="12"/>
    </row>
    <row r="716239" spans="8:8">
      <c r="H716239" s="12"/>
    </row>
    <row r="716240" spans="8:8">
      <c r="H716240" s="12"/>
    </row>
    <row r="716241" spans="8:8">
      <c r="H716241" s="12"/>
    </row>
    <row r="716242" spans="8:8">
      <c r="H716242" s="12"/>
    </row>
    <row r="716243" spans="8:8">
      <c r="H716243" s="12"/>
    </row>
    <row r="716244" spans="8:8">
      <c r="H716244" s="12"/>
    </row>
    <row r="716245" spans="8:8">
      <c r="H716245" s="12"/>
    </row>
    <row r="716246" spans="8:8">
      <c r="H716246" s="12"/>
    </row>
    <row r="716247" spans="8:8">
      <c r="H716247" s="12"/>
    </row>
    <row r="716248" spans="8:8">
      <c r="H716248" s="12"/>
    </row>
    <row r="716249" spans="8:8">
      <c r="H716249" s="12"/>
    </row>
    <row r="716250" spans="8:8">
      <c r="H716250" s="12"/>
    </row>
    <row r="716251" spans="8:8">
      <c r="H716251" s="12"/>
    </row>
    <row r="716252" spans="8:8">
      <c r="H716252" s="12"/>
    </row>
    <row r="716253" spans="8:8">
      <c r="H716253" s="12"/>
    </row>
    <row r="716254" spans="8:8">
      <c r="H716254" s="12"/>
    </row>
    <row r="716255" spans="8:8">
      <c r="H716255" s="12"/>
    </row>
    <row r="716256" spans="8:8">
      <c r="H716256" s="12"/>
    </row>
    <row r="716257" spans="8:8">
      <c r="H716257" s="12"/>
    </row>
    <row r="716258" spans="8:8">
      <c r="H716258" s="12"/>
    </row>
    <row r="716259" spans="8:8">
      <c r="H716259" s="12"/>
    </row>
    <row r="716260" spans="8:8">
      <c r="H716260" s="12"/>
    </row>
    <row r="716261" spans="8:8">
      <c r="H716261" s="12"/>
    </row>
    <row r="716262" spans="8:8">
      <c r="H716262" s="12"/>
    </row>
    <row r="716263" spans="8:8">
      <c r="H716263" s="12"/>
    </row>
    <row r="716264" spans="8:8">
      <c r="H716264" s="12"/>
    </row>
    <row r="716265" spans="8:8">
      <c r="H716265" s="12"/>
    </row>
    <row r="716266" spans="8:8">
      <c r="H716266" s="12"/>
    </row>
    <row r="716267" spans="8:8">
      <c r="H716267" s="12"/>
    </row>
    <row r="716268" spans="8:8">
      <c r="H716268" s="12"/>
    </row>
    <row r="716269" spans="8:8">
      <c r="H716269" s="12"/>
    </row>
    <row r="716270" spans="8:8">
      <c r="H716270" s="12"/>
    </row>
    <row r="716271" spans="8:8">
      <c r="H716271" s="12"/>
    </row>
    <row r="716272" spans="8:8">
      <c r="H716272" s="12"/>
    </row>
    <row r="716273" spans="8:8">
      <c r="H716273" s="12"/>
    </row>
    <row r="716274" spans="8:8">
      <c r="H716274" s="12"/>
    </row>
    <row r="716275" spans="8:8">
      <c r="H716275" s="12"/>
    </row>
    <row r="716276" spans="8:8">
      <c r="H716276" s="12"/>
    </row>
    <row r="716277" spans="8:8">
      <c r="H716277" s="12"/>
    </row>
    <row r="716278" spans="8:8">
      <c r="H716278" s="12"/>
    </row>
    <row r="716279" spans="8:8">
      <c r="H716279" s="12"/>
    </row>
    <row r="716280" spans="8:8">
      <c r="H716280" s="12"/>
    </row>
    <row r="716281" spans="8:8">
      <c r="H716281" s="12"/>
    </row>
    <row r="716282" spans="8:8">
      <c r="H716282" s="12"/>
    </row>
    <row r="716283" spans="8:8">
      <c r="H716283" s="12"/>
    </row>
    <row r="716284" spans="8:8">
      <c r="H716284" s="12"/>
    </row>
    <row r="716285" spans="8:8">
      <c r="H716285" s="12"/>
    </row>
    <row r="716286" spans="8:8">
      <c r="H716286" s="12"/>
    </row>
    <row r="716287" spans="8:8">
      <c r="H716287" s="12"/>
    </row>
    <row r="716288" spans="8:8">
      <c r="H716288" s="12"/>
    </row>
    <row r="716289" spans="8:8">
      <c r="H716289" s="12"/>
    </row>
    <row r="716290" spans="8:8">
      <c r="H716290" s="12"/>
    </row>
    <row r="716291" spans="8:8">
      <c r="H716291" s="12"/>
    </row>
    <row r="716292" spans="8:8">
      <c r="H716292" s="12"/>
    </row>
    <row r="716293" spans="8:8">
      <c r="H716293" s="12"/>
    </row>
    <row r="716294" spans="8:8">
      <c r="H716294" s="12"/>
    </row>
    <row r="716295" spans="8:8">
      <c r="H716295" s="12"/>
    </row>
    <row r="716296" spans="8:8">
      <c r="H716296" s="12"/>
    </row>
    <row r="716297" spans="8:8">
      <c r="H716297" s="12"/>
    </row>
    <row r="716298" spans="8:8">
      <c r="H716298" s="12"/>
    </row>
    <row r="716299" spans="8:8">
      <c r="H716299" s="12"/>
    </row>
    <row r="716300" spans="8:8">
      <c r="H716300" s="12"/>
    </row>
    <row r="716301" spans="8:8">
      <c r="H716301" s="12"/>
    </row>
    <row r="716302" spans="8:8">
      <c r="H716302" s="12"/>
    </row>
    <row r="716303" spans="8:8">
      <c r="H716303" s="12"/>
    </row>
    <row r="716304" spans="8:8">
      <c r="H716304" s="12"/>
    </row>
    <row r="716305" spans="8:8">
      <c r="H716305" s="12"/>
    </row>
    <row r="716306" spans="8:8">
      <c r="H716306" s="12"/>
    </row>
    <row r="716307" spans="8:8">
      <c r="H716307" s="12"/>
    </row>
    <row r="716308" spans="8:8">
      <c r="H716308" s="12"/>
    </row>
    <row r="716309" spans="8:8">
      <c r="H716309" s="12"/>
    </row>
    <row r="716310" spans="8:8">
      <c r="H716310" s="12"/>
    </row>
    <row r="716311" spans="8:8">
      <c r="H716311" s="12"/>
    </row>
    <row r="716312" spans="8:8">
      <c r="H716312" s="12"/>
    </row>
    <row r="716313" spans="8:8">
      <c r="H716313" s="12"/>
    </row>
    <row r="716314" spans="8:8">
      <c r="H716314" s="12"/>
    </row>
    <row r="716315" spans="8:8">
      <c r="H716315" s="12"/>
    </row>
    <row r="716316" spans="8:8">
      <c r="H716316" s="12"/>
    </row>
    <row r="716317" spans="8:8">
      <c r="H716317" s="12"/>
    </row>
    <row r="716318" spans="8:8">
      <c r="H716318" s="12"/>
    </row>
    <row r="716319" spans="8:8">
      <c r="H716319" s="12"/>
    </row>
    <row r="716320" spans="8:8">
      <c r="H716320" s="12"/>
    </row>
    <row r="716321" spans="8:8">
      <c r="H716321" s="12"/>
    </row>
    <row r="716322" spans="8:8">
      <c r="H716322" s="12"/>
    </row>
    <row r="716323" spans="8:8">
      <c r="H716323" s="12"/>
    </row>
    <row r="716324" spans="8:8">
      <c r="H716324" s="12"/>
    </row>
    <row r="716325" spans="8:8">
      <c r="H716325" s="12"/>
    </row>
    <row r="716326" spans="8:8">
      <c r="H716326" s="12"/>
    </row>
    <row r="716327" spans="8:8">
      <c r="H716327" s="12"/>
    </row>
    <row r="716328" spans="8:8">
      <c r="H716328" s="12"/>
    </row>
    <row r="716329" spans="8:8">
      <c r="H716329" s="12"/>
    </row>
    <row r="716330" spans="8:8">
      <c r="H716330" s="12"/>
    </row>
    <row r="716331" spans="8:8">
      <c r="H716331" s="12"/>
    </row>
    <row r="716332" spans="8:8">
      <c r="H716332" s="12"/>
    </row>
    <row r="716333" spans="8:8">
      <c r="H716333" s="12"/>
    </row>
    <row r="716334" spans="8:8">
      <c r="H716334" s="12"/>
    </row>
    <row r="716335" spans="8:8">
      <c r="H716335" s="12"/>
    </row>
    <row r="716336" spans="8:8">
      <c r="H716336" s="12"/>
    </row>
    <row r="716337" spans="8:8">
      <c r="H716337" s="12"/>
    </row>
    <row r="716338" spans="8:8">
      <c r="H716338" s="12"/>
    </row>
    <row r="716339" spans="8:8">
      <c r="H716339" s="12"/>
    </row>
    <row r="716340" spans="8:8">
      <c r="H716340" s="12"/>
    </row>
    <row r="716341" spans="8:8">
      <c r="H716341" s="12"/>
    </row>
    <row r="716342" spans="8:8">
      <c r="H716342" s="12"/>
    </row>
    <row r="716343" spans="8:8">
      <c r="H716343" s="12"/>
    </row>
    <row r="716344" spans="8:8">
      <c r="H716344" s="12"/>
    </row>
    <row r="716345" spans="8:8">
      <c r="H716345" s="12"/>
    </row>
    <row r="716346" spans="8:8">
      <c r="H716346" s="12"/>
    </row>
    <row r="716347" spans="8:8">
      <c r="H716347" s="12"/>
    </row>
    <row r="716348" spans="8:8">
      <c r="H716348" s="12"/>
    </row>
    <row r="716349" spans="8:8">
      <c r="H716349" s="12"/>
    </row>
    <row r="716350" spans="8:8">
      <c r="H716350" s="12"/>
    </row>
    <row r="716351" spans="8:8">
      <c r="H716351" s="12"/>
    </row>
    <row r="716352" spans="8:8">
      <c r="H716352" s="12"/>
    </row>
    <row r="716353" spans="8:8">
      <c r="H716353" s="12"/>
    </row>
    <row r="716354" spans="8:8">
      <c r="H716354" s="12"/>
    </row>
    <row r="716355" spans="8:8">
      <c r="H716355" s="12"/>
    </row>
    <row r="716356" spans="8:8">
      <c r="H716356" s="12"/>
    </row>
    <row r="716357" spans="8:8">
      <c r="H716357" s="12"/>
    </row>
    <row r="716358" spans="8:8">
      <c r="H716358" s="12"/>
    </row>
    <row r="716359" spans="8:8">
      <c r="H716359" s="12"/>
    </row>
    <row r="716360" spans="8:8">
      <c r="H716360" s="12"/>
    </row>
    <row r="716361" spans="8:8">
      <c r="H716361" s="12"/>
    </row>
    <row r="716362" spans="8:8">
      <c r="H716362" s="12"/>
    </row>
    <row r="716363" spans="8:8">
      <c r="H716363" s="12"/>
    </row>
    <row r="716364" spans="8:8">
      <c r="H716364" s="12"/>
    </row>
    <row r="716365" spans="8:8">
      <c r="H716365" s="12"/>
    </row>
    <row r="716366" spans="8:8">
      <c r="H716366" s="12"/>
    </row>
    <row r="716367" spans="8:8">
      <c r="H716367" s="12"/>
    </row>
    <row r="716368" spans="8:8">
      <c r="H716368" s="12"/>
    </row>
    <row r="716369" spans="8:8">
      <c r="H716369" s="12"/>
    </row>
    <row r="716370" spans="8:8">
      <c r="H716370" s="12"/>
    </row>
    <row r="716371" spans="8:8">
      <c r="H716371" s="12"/>
    </row>
    <row r="716372" spans="8:8">
      <c r="H716372" s="12"/>
    </row>
    <row r="716373" spans="8:8">
      <c r="H716373" s="12"/>
    </row>
    <row r="716374" spans="8:8">
      <c r="H716374" s="12"/>
    </row>
    <row r="716375" spans="8:8">
      <c r="H716375" s="12"/>
    </row>
    <row r="716376" spans="8:8">
      <c r="H716376" s="12"/>
    </row>
    <row r="716377" spans="8:8">
      <c r="H716377" s="12"/>
    </row>
    <row r="716378" spans="8:8">
      <c r="H716378" s="12"/>
    </row>
    <row r="716379" spans="8:8">
      <c r="H716379" s="12"/>
    </row>
    <row r="716380" spans="8:8">
      <c r="H716380" s="12"/>
    </row>
    <row r="716381" spans="8:8">
      <c r="H716381" s="12"/>
    </row>
    <row r="716382" spans="8:8">
      <c r="H716382" s="12"/>
    </row>
    <row r="716383" spans="8:8">
      <c r="H716383" s="12"/>
    </row>
    <row r="716384" spans="8:8">
      <c r="H716384" s="12"/>
    </row>
    <row r="716385" spans="8:8">
      <c r="H716385" s="12"/>
    </row>
    <row r="716386" spans="8:8">
      <c r="H716386" s="12"/>
    </row>
    <row r="716387" spans="8:8">
      <c r="H716387" s="12"/>
    </row>
    <row r="716388" spans="8:8">
      <c r="H716388" s="12"/>
    </row>
    <row r="716389" spans="8:8">
      <c r="H716389" s="12"/>
    </row>
    <row r="716390" spans="8:8">
      <c r="H716390" s="12"/>
    </row>
    <row r="716391" spans="8:8">
      <c r="H716391" s="12"/>
    </row>
    <row r="716392" spans="8:8">
      <c r="H716392" s="12"/>
    </row>
    <row r="716393" spans="8:8">
      <c r="H716393" s="12"/>
    </row>
    <row r="716394" spans="8:8">
      <c r="H716394" s="12"/>
    </row>
    <row r="716395" spans="8:8">
      <c r="H716395" s="12"/>
    </row>
    <row r="716396" spans="8:8">
      <c r="H716396" s="12"/>
    </row>
    <row r="716397" spans="8:8">
      <c r="H716397" s="12"/>
    </row>
    <row r="716398" spans="8:8">
      <c r="H716398" s="12"/>
    </row>
    <row r="716399" spans="8:8">
      <c r="H716399" s="12"/>
    </row>
    <row r="716400" spans="8:8">
      <c r="H716400" s="12"/>
    </row>
    <row r="716401" spans="8:8">
      <c r="H716401" s="12"/>
    </row>
    <row r="716402" spans="8:8">
      <c r="H716402" s="12"/>
    </row>
    <row r="716403" spans="8:8">
      <c r="H716403" s="12"/>
    </row>
    <row r="716404" spans="8:8">
      <c r="H716404" s="12"/>
    </row>
    <row r="716405" spans="8:8">
      <c r="H716405" s="12"/>
    </row>
    <row r="716406" spans="8:8">
      <c r="H716406" s="12"/>
    </row>
    <row r="716407" spans="8:8">
      <c r="H716407" s="12"/>
    </row>
    <row r="716408" spans="8:8">
      <c r="H716408" s="12"/>
    </row>
    <row r="716409" spans="8:8">
      <c r="H716409" s="12"/>
    </row>
    <row r="716410" spans="8:8">
      <c r="H716410" s="12"/>
    </row>
    <row r="716411" spans="8:8">
      <c r="H716411" s="12"/>
    </row>
    <row r="716412" spans="8:8">
      <c r="H716412" s="12"/>
    </row>
    <row r="716413" spans="8:8">
      <c r="H716413" s="12"/>
    </row>
    <row r="716414" spans="8:8">
      <c r="H716414" s="12"/>
    </row>
    <row r="716415" spans="8:8">
      <c r="H716415" s="12"/>
    </row>
    <row r="716416" spans="8:8">
      <c r="H716416" s="12"/>
    </row>
    <row r="716417" spans="8:8">
      <c r="H716417" s="12"/>
    </row>
    <row r="716418" spans="8:8">
      <c r="H716418" s="12"/>
    </row>
    <row r="716419" spans="8:8">
      <c r="H716419" s="12"/>
    </row>
    <row r="716420" spans="8:8">
      <c r="H716420" s="12"/>
    </row>
    <row r="716421" spans="8:8">
      <c r="H716421" s="12"/>
    </row>
    <row r="716422" spans="8:8">
      <c r="H716422" s="12"/>
    </row>
    <row r="716423" spans="8:8">
      <c r="H716423" s="12"/>
    </row>
    <row r="716424" spans="8:8">
      <c r="H716424" s="12"/>
    </row>
    <row r="716425" spans="8:8">
      <c r="H716425" s="12"/>
    </row>
    <row r="716426" spans="8:8">
      <c r="H716426" s="12"/>
    </row>
    <row r="716427" spans="8:8">
      <c r="H716427" s="12"/>
    </row>
    <row r="716428" spans="8:8">
      <c r="H716428" s="12"/>
    </row>
    <row r="716429" spans="8:8">
      <c r="H716429" s="12"/>
    </row>
    <row r="716430" spans="8:8">
      <c r="H716430" s="12"/>
    </row>
    <row r="716431" spans="8:8">
      <c r="H716431" s="12"/>
    </row>
    <row r="716432" spans="8:8">
      <c r="H716432" s="12"/>
    </row>
    <row r="716433" spans="8:8">
      <c r="H716433" s="12"/>
    </row>
    <row r="716434" spans="8:8">
      <c r="H716434" s="12"/>
    </row>
    <row r="716435" spans="8:8">
      <c r="H716435" s="12"/>
    </row>
    <row r="716436" spans="8:8">
      <c r="H716436" s="12"/>
    </row>
    <row r="716437" spans="8:8">
      <c r="H716437" s="12"/>
    </row>
    <row r="716438" spans="8:8">
      <c r="H716438" s="12"/>
    </row>
    <row r="716439" spans="8:8">
      <c r="H716439" s="12"/>
    </row>
    <row r="716440" spans="8:8">
      <c r="H716440" s="12"/>
    </row>
    <row r="716441" spans="8:8">
      <c r="H716441" s="12"/>
    </row>
    <row r="716442" spans="8:8">
      <c r="H716442" s="12"/>
    </row>
    <row r="716443" spans="8:8">
      <c r="H716443" s="12"/>
    </row>
    <row r="716444" spans="8:8">
      <c r="H716444" s="12"/>
    </row>
    <row r="716445" spans="8:8">
      <c r="H716445" s="12"/>
    </row>
    <row r="716446" spans="8:8">
      <c r="H716446" s="12"/>
    </row>
    <row r="716447" spans="8:8">
      <c r="H716447" s="12"/>
    </row>
    <row r="716448" spans="8:8">
      <c r="H716448" s="12"/>
    </row>
    <row r="716449" spans="8:8">
      <c r="H716449" s="12"/>
    </row>
    <row r="716450" spans="8:8">
      <c r="H716450" s="12"/>
    </row>
    <row r="716451" spans="8:8">
      <c r="H716451" s="12"/>
    </row>
    <row r="716452" spans="8:8">
      <c r="H716452" s="12"/>
    </row>
    <row r="716453" spans="8:8">
      <c r="H716453" s="12"/>
    </row>
    <row r="716454" spans="8:8">
      <c r="H716454" s="12"/>
    </row>
    <row r="716455" spans="8:8">
      <c r="H716455" s="12"/>
    </row>
    <row r="716456" spans="8:8">
      <c r="H716456" s="12"/>
    </row>
    <row r="716457" spans="8:8">
      <c r="H716457" s="12"/>
    </row>
    <row r="716458" spans="8:8">
      <c r="H716458" s="12"/>
    </row>
    <row r="716459" spans="8:8">
      <c r="H716459" s="12"/>
    </row>
    <row r="716460" spans="8:8">
      <c r="H716460" s="12"/>
    </row>
    <row r="716461" spans="8:8">
      <c r="H716461" s="12"/>
    </row>
    <row r="716462" spans="8:8">
      <c r="H716462" s="12"/>
    </row>
    <row r="716463" spans="8:8">
      <c r="H716463" s="12"/>
    </row>
    <row r="716464" spans="8:8">
      <c r="H716464" s="12"/>
    </row>
    <row r="716465" spans="8:8">
      <c r="H716465" s="12"/>
    </row>
    <row r="716466" spans="8:8">
      <c r="H716466" s="12"/>
    </row>
    <row r="716467" spans="8:8">
      <c r="H716467" s="12"/>
    </row>
    <row r="716468" spans="8:8">
      <c r="H716468" s="12"/>
    </row>
    <row r="716469" spans="8:8">
      <c r="H716469" s="12"/>
    </row>
    <row r="716470" spans="8:8">
      <c r="H716470" s="12"/>
    </row>
    <row r="716471" spans="8:8">
      <c r="H716471" s="12"/>
    </row>
    <row r="716472" spans="8:8">
      <c r="H716472" s="12"/>
    </row>
    <row r="716473" spans="8:8">
      <c r="H716473" s="12"/>
    </row>
    <row r="716474" spans="8:8">
      <c r="H716474" s="12"/>
    </row>
    <row r="716475" spans="8:8">
      <c r="H716475" s="12"/>
    </row>
    <row r="716476" spans="8:8">
      <c r="H716476" s="12"/>
    </row>
    <row r="716477" spans="8:8">
      <c r="H716477" s="12"/>
    </row>
    <row r="716478" spans="8:8">
      <c r="H716478" s="12"/>
    </row>
    <row r="716479" spans="8:8">
      <c r="H716479" s="12"/>
    </row>
    <row r="716480" spans="8:8">
      <c r="H716480" s="12"/>
    </row>
    <row r="716481" spans="8:8">
      <c r="H716481" s="12"/>
    </row>
    <row r="716482" spans="8:8">
      <c r="H716482" s="12"/>
    </row>
    <row r="716483" spans="8:8">
      <c r="H716483" s="12"/>
    </row>
    <row r="716484" spans="8:8">
      <c r="H716484" s="12"/>
    </row>
    <row r="716485" spans="8:8">
      <c r="H716485" s="12"/>
    </row>
    <row r="716486" spans="8:8">
      <c r="H716486" s="12"/>
    </row>
    <row r="716487" spans="8:8">
      <c r="H716487" s="12"/>
    </row>
    <row r="716488" spans="8:8">
      <c r="H716488" s="12"/>
    </row>
    <row r="716489" spans="8:8">
      <c r="H716489" s="12"/>
    </row>
    <row r="716490" spans="8:8">
      <c r="H716490" s="12"/>
    </row>
    <row r="716491" spans="8:8">
      <c r="H716491" s="12"/>
    </row>
    <row r="716492" spans="8:8">
      <c r="H716492" s="12"/>
    </row>
    <row r="716493" spans="8:8">
      <c r="H716493" s="12"/>
    </row>
    <row r="716494" spans="8:8">
      <c r="H716494" s="12"/>
    </row>
    <row r="716495" spans="8:8">
      <c r="H716495" s="12"/>
    </row>
    <row r="716496" spans="8:8">
      <c r="H716496" s="12"/>
    </row>
    <row r="716497" spans="8:8">
      <c r="H716497" s="12"/>
    </row>
    <row r="716498" spans="8:8">
      <c r="H716498" s="12"/>
    </row>
    <row r="716499" spans="8:8">
      <c r="H716499" s="12"/>
    </row>
    <row r="716500" spans="8:8">
      <c r="H716500" s="12"/>
    </row>
    <row r="716501" spans="8:8">
      <c r="H716501" s="12"/>
    </row>
    <row r="716502" spans="8:8">
      <c r="H716502" s="12"/>
    </row>
    <row r="716503" spans="8:8">
      <c r="H716503" s="12"/>
    </row>
    <row r="716504" spans="8:8">
      <c r="H716504" s="12"/>
    </row>
    <row r="716505" spans="8:8">
      <c r="H716505" s="12"/>
    </row>
    <row r="716506" spans="8:8">
      <c r="H716506" s="12"/>
    </row>
    <row r="716507" spans="8:8">
      <c r="H716507" s="12"/>
    </row>
    <row r="716508" spans="8:8">
      <c r="H716508" s="12"/>
    </row>
    <row r="716509" spans="8:8">
      <c r="H716509" s="12"/>
    </row>
    <row r="716510" spans="8:8">
      <c r="H716510" s="12"/>
    </row>
    <row r="716511" spans="8:8">
      <c r="H716511" s="12"/>
    </row>
    <row r="716512" spans="8:8">
      <c r="H716512" s="12"/>
    </row>
    <row r="716513" spans="8:8">
      <c r="H716513" s="12"/>
    </row>
    <row r="716514" spans="8:8">
      <c r="H716514" s="12"/>
    </row>
    <row r="716515" spans="8:8">
      <c r="H716515" s="12"/>
    </row>
    <row r="716516" spans="8:8">
      <c r="H716516" s="12"/>
    </row>
    <row r="716517" spans="8:8">
      <c r="H716517" s="12"/>
    </row>
    <row r="716518" spans="8:8">
      <c r="H716518" s="12"/>
    </row>
    <row r="716519" spans="8:8">
      <c r="H716519" s="12"/>
    </row>
    <row r="716520" spans="8:8">
      <c r="H716520" s="12"/>
    </row>
    <row r="716521" spans="8:8">
      <c r="H716521" s="12"/>
    </row>
    <row r="716522" spans="8:8">
      <c r="H716522" s="12"/>
    </row>
    <row r="716523" spans="8:8">
      <c r="H716523" s="12"/>
    </row>
    <row r="716524" spans="8:8">
      <c r="H716524" s="12"/>
    </row>
    <row r="716525" spans="8:8">
      <c r="H716525" s="12"/>
    </row>
    <row r="716526" spans="8:8">
      <c r="H716526" s="12"/>
    </row>
    <row r="716527" spans="8:8">
      <c r="H716527" s="12"/>
    </row>
    <row r="716528" spans="8:8">
      <c r="H716528" s="12"/>
    </row>
    <row r="716529" spans="8:8">
      <c r="H716529" s="12"/>
    </row>
    <row r="716530" spans="8:8">
      <c r="H716530" s="12"/>
    </row>
    <row r="716531" spans="8:8">
      <c r="H716531" s="12"/>
    </row>
    <row r="716532" spans="8:8">
      <c r="H716532" s="12"/>
    </row>
    <row r="716533" spans="8:8">
      <c r="H716533" s="12"/>
    </row>
    <row r="716534" spans="8:8">
      <c r="H716534" s="12"/>
    </row>
    <row r="716535" spans="8:8">
      <c r="H716535" s="12"/>
    </row>
    <row r="716536" spans="8:8">
      <c r="H716536" s="12"/>
    </row>
    <row r="716537" spans="8:8">
      <c r="H716537" s="12"/>
    </row>
    <row r="716538" spans="8:8">
      <c r="H716538" s="12"/>
    </row>
    <row r="716539" spans="8:8">
      <c r="H716539" s="12"/>
    </row>
    <row r="716540" spans="8:8">
      <c r="H716540" s="12"/>
    </row>
    <row r="716541" spans="8:8">
      <c r="H716541" s="12"/>
    </row>
    <row r="716542" spans="8:8">
      <c r="H716542" s="12"/>
    </row>
    <row r="716543" spans="8:8">
      <c r="H716543" s="12"/>
    </row>
    <row r="716544" spans="8:8">
      <c r="H716544" s="12"/>
    </row>
    <row r="716545" spans="8:8">
      <c r="H716545" s="12"/>
    </row>
    <row r="716546" spans="8:8">
      <c r="H716546" s="12"/>
    </row>
    <row r="716547" spans="8:8">
      <c r="H716547" s="12"/>
    </row>
    <row r="716548" spans="8:8">
      <c r="H716548" s="12"/>
    </row>
    <row r="716549" spans="8:8">
      <c r="H716549" s="12"/>
    </row>
    <row r="716550" spans="8:8">
      <c r="H716550" s="12"/>
    </row>
    <row r="716551" spans="8:8">
      <c r="H716551" s="12"/>
    </row>
    <row r="716552" spans="8:8">
      <c r="H716552" s="12"/>
    </row>
    <row r="716553" spans="8:8">
      <c r="H716553" s="12"/>
    </row>
    <row r="716554" spans="8:8">
      <c r="H716554" s="12"/>
    </row>
    <row r="716555" spans="8:8">
      <c r="H716555" s="12"/>
    </row>
    <row r="716556" spans="8:8">
      <c r="H716556" s="12"/>
    </row>
    <row r="716557" spans="8:8">
      <c r="H716557" s="12"/>
    </row>
    <row r="716558" spans="8:8">
      <c r="H716558" s="12"/>
    </row>
    <row r="716559" spans="8:8">
      <c r="H716559" s="12"/>
    </row>
    <row r="716560" spans="8:8">
      <c r="H716560" s="12"/>
    </row>
    <row r="716561" spans="8:8">
      <c r="H716561" s="12"/>
    </row>
    <row r="716562" spans="8:8">
      <c r="H716562" s="12"/>
    </row>
    <row r="716563" spans="8:8">
      <c r="H716563" s="12"/>
    </row>
    <row r="716564" spans="8:8">
      <c r="H716564" s="12"/>
    </row>
    <row r="716565" spans="8:8">
      <c r="H716565" s="12"/>
    </row>
    <row r="716566" spans="8:8">
      <c r="H716566" s="12"/>
    </row>
    <row r="716567" spans="8:8">
      <c r="H716567" s="12"/>
    </row>
    <row r="716568" spans="8:8">
      <c r="H716568" s="12"/>
    </row>
    <row r="716569" spans="8:8">
      <c r="H716569" s="12"/>
    </row>
    <row r="716570" spans="8:8">
      <c r="H716570" s="12"/>
    </row>
    <row r="716571" spans="8:8">
      <c r="H716571" s="12"/>
    </row>
    <row r="716572" spans="8:8">
      <c r="H716572" s="12"/>
    </row>
    <row r="716573" spans="8:8">
      <c r="H716573" s="12"/>
    </row>
    <row r="716574" spans="8:8">
      <c r="H716574" s="12"/>
    </row>
    <row r="716575" spans="8:8">
      <c r="H716575" s="12"/>
    </row>
    <row r="716576" spans="8:8">
      <c r="H716576" s="12"/>
    </row>
    <row r="716577" spans="8:8">
      <c r="H716577" s="12"/>
    </row>
    <row r="716578" spans="8:8">
      <c r="H716578" s="12"/>
    </row>
    <row r="716579" spans="8:8">
      <c r="H716579" s="12"/>
    </row>
    <row r="716580" spans="8:8">
      <c r="H716580" s="12"/>
    </row>
    <row r="716581" spans="8:8">
      <c r="H716581" s="12"/>
    </row>
    <row r="716582" spans="8:8">
      <c r="H716582" s="12"/>
    </row>
    <row r="716583" spans="8:8">
      <c r="H716583" s="12"/>
    </row>
    <row r="716584" spans="8:8">
      <c r="H716584" s="12"/>
    </row>
    <row r="716585" spans="8:8">
      <c r="H716585" s="12"/>
    </row>
    <row r="716586" spans="8:8">
      <c r="H716586" s="12"/>
    </row>
    <row r="716587" spans="8:8">
      <c r="H716587" s="12"/>
    </row>
    <row r="716588" spans="8:8">
      <c r="H716588" s="12"/>
    </row>
    <row r="716589" spans="8:8">
      <c r="H716589" s="12"/>
    </row>
    <row r="716590" spans="8:8">
      <c r="H716590" s="12"/>
    </row>
    <row r="716591" spans="8:8">
      <c r="H716591" s="12"/>
    </row>
    <row r="716592" spans="8:8">
      <c r="H716592" s="12"/>
    </row>
    <row r="716593" spans="8:8">
      <c r="H716593" s="12"/>
    </row>
    <row r="716594" spans="8:8">
      <c r="H716594" s="12"/>
    </row>
    <row r="716595" spans="8:8">
      <c r="H716595" s="12"/>
    </row>
    <row r="716596" spans="8:8">
      <c r="H716596" s="12"/>
    </row>
    <row r="716597" spans="8:8">
      <c r="H716597" s="12"/>
    </row>
    <row r="716598" spans="8:8">
      <c r="H716598" s="12"/>
    </row>
    <row r="716599" spans="8:8">
      <c r="H716599" s="12"/>
    </row>
    <row r="716600" spans="8:8">
      <c r="H716600" s="12"/>
    </row>
    <row r="716601" spans="8:8">
      <c r="H716601" s="12"/>
    </row>
    <row r="716602" spans="8:8">
      <c r="H716602" s="12"/>
    </row>
    <row r="716603" spans="8:8">
      <c r="H716603" s="12"/>
    </row>
    <row r="716604" spans="8:8">
      <c r="H716604" s="12"/>
    </row>
    <row r="716605" spans="8:8">
      <c r="H716605" s="12"/>
    </row>
    <row r="716606" spans="8:8">
      <c r="H716606" s="12"/>
    </row>
    <row r="716607" spans="8:8">
      <c r="H716607" s="12"/>
    </row>
    <row r="716608" spans="8:8">
      <c r="H716608" s="12"/>
    </row>
    <row r="716609" spans="8:8">
      <c r="H716609" s="12"/>
    </row>
    <row r="716610" spans="8:8">
      <c r="H716610" s="12"/>
    </row>
    <row r="716611" spans="8:8">
      <c r="H716611" s="12"/>
    </row>
    <row r="716612" spans="8:8">
      <c r="H716612" s="12"/>
    </row>
    <row r="716613" spans="8:8">
      <c r="H716613" s="12"/>
    </row>
    <row r="716614" spans="8:8">
      <c r="H716614" s="12"/>
    </row>
    <row r="716615" spans="8:8">
      <c r="H716615" s="12"/>
    </row>
    <row r="716616" spans="8:8">
      <c r="H716616" s="12"/>
    </row>
    <row r="716617" spans="8:8">
      <c r="H716617" s="12"/>
    </row>
    <row r="716618" spans="8:8">
      <c r="H716618" s="12"/>
    </row>
    <row r="716619" spans="8:8">
      <c r="H716619" s="12"/>
    </row>
    <row r="716620" spans="8:8">
      <c r="H716620" s="12"/>
    </row>
    <row r="716621" spans="8:8">
      <c r="H716621" s="12"/>
    </row>
    <row r="716622" spans="8:8">
      <c r="H716622" s="12"/>
    </row>
    <row r="716623" spans="8:8">
      <c r="H716623" s="12"/>
    </row>
    <row r="716624" spans="8:8">
      <c r="H716624" s="12"/>
    </row>
    <row r="716625" spans="8:8">
      <c r="H716625" s="12"/>
    </row>
    <row r="716626" spans="8:8">
      <c r="H716626" s="12"/>
    </row>
    <row r="716627" spans="8:8">
      <c r="H716627" s="12"/>
    </row>
    <row r="716628" spans="8:8">
      <c r="H716628" s="12"/>
    </row>
    <row r="716629" spans="8:8">
      <c r="H716629" s="12"/>
    </row>
    <row r="716630" spans="8:8">
      <c r="H716630" s="12"/>
    </row>
    <row r="716631" spans="8:8">
      <c r="H716631" s="12"/>
    </row>
    <row r="716632" spans="8:8">
      <c r="H716632" s="12"/>
    </row>
    <row r="716633" spans="8:8">
      <c r="H716633" s="12"/>
    </row>
    <row r="716634" spans="8:8">
      <c r="H716634" s="12"/>
    </row>
    <row r="716635" spans="8:8">
      <c r="H716635" s="12"/>
    </row>
    <row r="716636" spans="8:8">
      <c r="H716636" s="12"/>
    </row>
    <row r="716637" spans="8:8">
      <c r="H716637" s="12"/>
    </row>
    <row r="716638" spans="8:8">
      <c r="H716638" s="12"/>
    </row>
    <row r="716639" spans="8:8">
      <c r="H716639" s="12"/>
    </row>
    <row r="716640" spans="8:8">
      <c r="H716640" s="12"/>
    </row>
    <row r="716641" spans="8:8">
      <c r="H716641" s="12"/>
    </row>
    <row r="716642" spans="8:8">
      <c r="H716642" s="12"/>
    </row>
    <row r="716643" spans="8:8">
      <c r="H716643" s="12"/>
    </row>
    <row r="716644" spans="8:8">
      <c r="H716644" s="12"/>
    </row>
    <row r="716645" spans="8:8">
      <c r="H716645" s="12"/>
    </row>
    <row r="716646" spans="8:8">
      <c r="H716646" s="12"/>
    </row>
    <row r="716647" spans="8:8">
      <c r="H716647" s="12"/>
    </row>
    <row r="716648" spans="8:8">
      <c r="H716648" s="12"/>
    </row>
    <row r="716649" spans="8:8">
      <c r="H716649" s="12"/>
    </row>
    <row r="716650" spans="8:8">
      <c r="H716650" s="12"/>
    </row>
    <row r="716651" spans="8:8">
      <c r="H716651" s="12"/>
    </row>
    <row r="716652" spans="8:8">
      <c r="H716652" s="12"/>
    </row>
    <row r="716653" spans="8:8">
      <c r="H716653" s="12"/>
    </row>
    <row r="716654" spans="8:8">
      <c r="H716654" s="12"/>
    </row>
    <row r="716655" spans="8:8">
      <c r="H716655" s="12"/>
    </row>
    <row r="716656" spans="8:8">
      <c r="H716656" s="12"/>
    </row>
    <row r="716657" spans="8:8">
      <c r="H716657" s="12"/>
    </row>
    <row r="716658" spans="8:8">
      <c r="H716658" s="12"/>
    </row>
    <row r="716659" spans="8:8">
      <c r="H716659" s="12"/>
    </row>
    <row r="716660" spans="8:8">
      <c r="H716660" s="12"/>
    </row>
    <row r="716661" spans="8:8">
      <c r="H716661" s="12"/>
    </row>
    <row r="716662" spans="8:8">
      <c r="H716662" s="12"/>
    </row>
    <row r="716663" spans="8:8">
      <c r="H716663" s="12"/>
    </row>
    <row r="716664" spans="8:8">
      <c r="H716664" s="12"/>
    </row>
    <row r="716665" spans="8:8">
      <c r="H716665" s="12"/>
    </row>
    <row r="716666" spans="8:8">
      <c r="H716666" s="12"/>
    </row>
    <row r="716667" spans="8:8">
      <c r="H716667" s="12"/>
    </row>
    <row r="716668" spans="8:8">
      <c r="H716668" s="12"/>
    </row>
    <row r="716669" spans="8:8">
      <c r="H716669" s="12"/>
    </row>
    <row r="716670" spans="8:8">
      <c r="H716670" s="12"/>
    </row>
    <row r="716671" spans="8:8">
      <c r="H716671" s="12"/>
    </row>
    <row r="716672" spans="8:8">
      <c r="H716672" s="12"/>
    </row>
    <row r="716673" spans="8:8">
      <c r="H716673" s="12"/>
    </row>
    <row r="716674" spans="8:8">
      <c r="H716674" s="12"/>
    </row>
    <row r="716675" spans="8:8">
      <c r="H716675" s="12"/>
    </row>
    <row r="716676" spans="8:8">
      <c r="H716676" s="12"/>
    </row>
    <row r="716677" spans="8:8">
      <c r="H716677" s="12"/>
    </row>
    <row r="716678" spans="8:8">
      <c r="H716678" s="12"/>
    </row>
    <row r="716679" spans="8:8">
      <c r="H716679" s="12"/>
    </row>
    <row r="716680" spans="8:8">
      <c r="H716680" s="12"/>
    </row>
    <row r="716681" spans="8:8">
      <c r="H716681" s="12"/>
    </row>
    <row r="716682" spans="8:8">
      <c r="H716682" s="12"/>
    </row>
    <row r="716683" spans="8:8">
      <c r="H716683" s="12"/>
    </row>
    <row r="716684" spans="8:8">
      <c r="H716684" s="12"/>
    </row>
    <row r="716685" spans="8:8">
      <c r="H716685" s="12"/>
    </row>
    <row r="716686" spans="8:8">
      <c r="H716686" s="12"/>
    </row>
    <row r="716687" spans="8:8">
      <c r="H716687" s="12"/>
    </row>
    <row r="716688" spans="8:8">
      <c r="H716688" s="12"/>
    </row>
    <row r="716689" spans="8:8">
      <c r="H716689" s="12"/>
    </row>
    <row r="716690" spans="8:8">
      <c r="H716690" s="12"/>
    </row>
    <row r="716691" spans="8:8">
      <c r="H716691" s="12"/>
    </row>
    <row r="716692" spans="8:8">
      <c r="H716692" s="12"/>
    </row>
    <row r="716693" spans="8:8">
      <c r="H716693" s="12"/>
    </row>
    <row r="716694" spans="8:8">
      <c r="H716694" s="12"/>
    </row>
    <row r="716695" spans="8:8">
      <c r="H716695" s="12"/>
    </row>
    <row r="716696" spans="8:8">
      <c r="H716696" s="12"/>
    </row>
    <row r="716697" spans="8:8">
      <c r="H716697" s="12"/>
    </row>
    <row r="716698" spans="8:8">
      <c r="H716698" s="12"/>
    </row>
    <row r="716699" spans="8:8">
      <c r="H716699" s="12"/>
    </row>
    <row r="716700" spans="8:8">
      <c r="H716700" s="12"/>
    </row>
    <row r="716701" spans="8:8">
      <c r="H716701" s="12"/>
    </row>
    <row r="716702" spans="8:8">
      <c r="H716702" s="12"/>
    </row>
    <row r="716703" spans="8:8">
      <c r="H716703" s="12"/>
    </row>
    <row r="716704" spans="8:8">
      <c r="H716704" s="12"/>
    </row>
    <row r="716705" spans="8:8">
      <c r="H716705" s="12"/>
    </row>
    <row r="716706" spans="8:8">
      <c r="H716706" s="12"/>
    </row>
    <row r="716707" spans="8:8">
      <c r="H716707" s="12"/>
    </row>
    <row r="716708" spans="8:8">
      <c r="H716708" s="12"/>
    </row>
    <row r="716709" spans="8:8">
      <c r="H716709" s="12"/>
    </row>
    <row r="716710" spans="8:8">
      <c r="H716710" s="12"/>
    </row>
    <row r="716711" spans="8:8">
      <c r="H716711" s="12"/>
    </row>
    <row r="716712" spans="8:8">
      <c r="H716712" s="12"/>
    </row>
    <row r="716713" spans="8:8">
      <c r="H716713" s="12"/>
    </row>
    <row r="716714" spans="8:8">
      <c r="H716714" s="12"/>
    </row>
    <row r="716715" spans="8:8">
      <c r="H716715" s="12"/>
    </row>
    <row r="716716" spans="8:8">
      <c r="H716716" s="12"/>
    </row>
    <row r="716717" spans="8:8">
      <c r="H716717" s="12"/>
    </row>
    <row r="716718" spans="8:8">
      <c r="H716718" s="12"/>
    </row>
    <row r="716719" spans="8:8">
      <c r="H716719" s="12"/>
    </row>
    <row r="716720" spans="8:8">
      <c r="H716720" s="12"/>
    </row>
    <row r="716721" spans="8:8">
      <c r="H716721" s="12"/>
    </row>
    <row r="716722" spans="8:8">
      <c r="H716722" s="12"/>
    </row>
    <row r="716723" spans="8:8">
      <c r="H716723" s="12"/>
    </row>
    <row r="716724" spans="8:8">
      <c r="H716724" s="12"/>
    </row>
    <row r="716725" spans="8:8">
      <c r="H716725" s="12"/>
    </row>
    <row r="716726" spans="8:8">
      <c r="H716726" s="12"/>
    </row>
    <row r="716727" spans="8:8">
      <c r="H716727" s="12"/>
    </row>
    <row r="716728" spans="8:8">
      <c r="H716728" s="12"/>
    </row>
    <row r="716729" spans="8:8">
      <c r="H716729" s="12"/>
    </row>
    <row r="716730" spans="8:8">
      <c r="H716730" s="12"/>
    </row>
    <row r="716731" spans="8:8">
      <c r="H716731" s="12"/>
    </row>
    <row r="716732" spans="8:8">
      <c r="H716732" s="12"/>
    </row>
    <row r="716733" spans="8:8">
      <c r="H716733" s="12"/>
    </row>
    <row r="716734" spans="8:8">
      <c r="H716734" s="12"/>
    </row>
    <row r="716735" spans="8:8">
      <c r="H716735" s="12"/>
    </row>
    <row r="716736" spans="8:8">
      <c r="H716736" s="12"/>
    </row>
    <row r="716737" spans="8:8">
      <c r="H716737" s="12"/>
    </row>
    <row r="716738" spans="8:8">
      <c r="H716738" s="12"/>
    </row>
    <row r="716739" spans="8:8">
      <c r="H716739" s="12"/>
    </row>
    <row r="716740" spans="8:8">
      <c r="H716740" s="12"/>
    </row>
    <row r="716741" spans="8:8">
      <c r="H716741" s="12"/>
    </row>
    <row r="716742" spans="8:8">
      <c r="H716742" s="12"/>
    </row>
    <row r="716743" spans="8:8">
      <c r="H716743" s="12"/>
    </row>
    <row r="716744" spans="8:8">
      <c r="H716744" s="12"/>
    </row>
    <row r="716745" spans="8:8">
      <c r="H716745" s="12"/>
    </row>
    <row r="716746" spans="8:8">
      <c r="H716746" s="12"/>
    </row>
    <row r="716747" spans="8:8">
      <c r="H716747" s="12"/>
    </row>
    <row r="716748" spans="8:8">
      <c r="H716748" s="12"/>
    </row>
    <row r="716749" spans="8:8">
      <c r="H716749" s="12"/>
    </row>
    <row r="716750" spans="8:8">
      <c r="H716750" s="12"/>
    </row>
    <row r="716751" spans="8:8">
      <c r="H716751" s="12"/>
    </row>
    <row r="716752" spans="8:8">
      <c r="H716752" s="12"/>
    </row>
    <row r="716753" spans="8:8">
      <c r="H716753" s="12"/>
    </row>
    <row r="716754" spans="8:8">
      <c r="H716754" s="12"/>
    </row>
    <row r="716755" spans="8:8">
      <c r="H716755" s="12"/>
    </row>
    <row r="716756" spans="8:8">
      <c r="H716756" s="12"/>
    </row>
    <row r="716757" spans="8:8">
      <c r="H716757" s="12"/>
    </row>
    <row r="716758" spans="8:8">
      <c r="H716758" s="12"/>
    </row>
    <row r="716759" spans="8:8">
      <c r="H716759" s="12"/>
    </row>
    <row r="716760" spans="8:8">
      <c r="H716760" s="12"/>
    </row>
    <row r="716761" spans="8:8">
      <c r="H716761" s="12"/>
    </row>
    <row r="716762" spans="8:8">
      <c r="H716762" s="12"/>
    </row>
    <row r="716763" spans="8:8">
      <c r="H716763" s="12"/>
    </row>
    <row r="716764" spans="8:8">
      <c r="H716764" s="12"/>
    </row>
    <row r="716765" spans="8:8">
      <c r="H716765" s="12"/>
    </row>
    <row r="716766" spans="8:8">
      <c r="H716766" s="12"/>
    </row>
    <row r="716767" spans="8:8">
      <c r="H716767" s="12"/>
    </row>
    <row r="716768" spans="8:8">
      <c r="H716768" s="12"/>
    </row>
    <row r="716769" spans="8:8">
      <c r="H716769" s="12"/>
    </row>
    <row r="716770" spans="8:8">
      <c r="H716770" s="12"/>
    </row>
    <row r="716771" spans="8:8">
      <c r="H716771" s="12"/>
    </row>
    <row r="716772" spans="8:8">
      <c r="H716772" s="12"/>
    </row>
    <row r="716773" spans="8:8">
      <c r="H716773" s="12"/>
    </row>
    <row r="716774" spans="8:8">
      <c r="H716774" s="12"/>
    </row>
    <row r="716775" spans="8:8">
      <c r="H716775" s="12"/>
    </row>
    <row r="716776" spans="8:8">
      <c r="H716776" s="12"/>
    </row>
    <row r="716777" spans="8:8">
      <c r="H716777" s="12"/>
    </row>
    <row r="716778" spans="8:8">
      <c r="H716778" s="12"/>
    </row>
    <row r="716779" spans="8:8">
      <c r="H716779" s="12"/>
    </row>
    <row r="716780" spans="8:8">
      <c r="H716780" s="12"/>
    </row>
    <row r="716781" spans="8:8">
      <c r="H716781" s="12"/>
    </row>
    <row r="716782" spans="8:8">
      <c r="H716782" s="12"/>
    </row>
    <row r="716783" spans="8:8">
      <c r="H716783" s="12"/>
    </row>
    <row r="716784" spans="8:8">
      <c r="H716784" s="12"/>
    </row>
    <row r="716785" spans="8:8">
      <c r="H716785" s="12"/>
    </row>
    <row r="716786" spans="8:8">
      <c r="H716786" s="12"/>
    </row>
    <row r="716787" spans="8:8">
      <c r="H716787" s="12"/>
    </row>
    <row r="716788" spans="8:8">
      <c r="H716788" s="12"/>
    </row>
    <row r="716789" spans="8:8">
      <c r="H716789" s="12"/>
    </row>
    <row r="716790" spans="8:8">
      <c r="H716790" s="12"/>
    </row>
    <row r="716791" spans="8:8">
      <c r="H716791" s="12"/>
    </row>
    <row r="716792" spans="8:8">
      <c r="H716792" s="12"/>
    </row>
    <row r="716793" spans="8:8">
      <c r="H716793" s="12"/>
    </row>
    <row r="716794" spans="8:8">
      <c r="H716794" s="12"/>
    </row>
    <row r="716795" spans="8:8">
      <c r="H716795" s="12"/>
    </row>
    <row r="716796" spans="8:8">
      <c r="H716796" s="12"/>
    </row>
    <row r="716797" spans="8:8">
      <c r="H716797" s="12"/>
    </row>
    <row r="716798" spans="8:8">
      <c r="H716798" s="12"/>
    </row>
    <row r="716799" spans="8:8">
      <c r="H716799" s="12"/>
    </row>
    <row r="716800" spans="8:8">
      <c r="H716800" s="12"/>
    </row>
    <row r="716801" spans="8:8">
      <c r="H716801" s="12"/>
    </row>
    <row r="716802" spans="8:8">
      <c r="H716802" s="12"/>
    </row>
    <row r="716803" spans="8:8">
      <c r="H716803" s="12"/>
    </row>
    <row r="716804" spans="8:8">
      <c r="H716804" s="12"/>
    </row>
    <row r="716805" spans="8:8">
      <c r="H716805" s="12"/>
    </row>
    <row r="716806" spans="8:8">
      <c r="H716806" s="12"/>
    </row>
    <row r="716807" spans="8:8">
      <c r="H716807" s="12"/>
    </row>
    <row r="716808" spans="8:8">
      <c r="H716808" s="12"/>
    </row>
    <row r="716809" spans="8:8">
      <c r="H716809" s="12"/>
    </row>
    <row r="716810" spans="8:8">
      <c r="H716810" s="12"/>
    </row>
    <row r="716811" spans="8:8">
      <c r="H716811" s="12"/>
    </row>
    <row r="716812" spans="8:8">
      <c r="H716812" s="12"/>
    </row>
    <row r="716813" spans="8:8">
      <c r="H716813" s="12"/>
    </row>
    <row r="716814" spans="8:8">
      <c r="H716814" s="12"/>
    </row>
    <row r="716815" spans="8:8">
      <c r="H716815" s="12"/>
    </row>
    <row r="716816" spans="8:8">
      <c r="H716816" s="12"/>
    </row>
    <row r="716817" spans="8:8">
      <c r="H716817" s="12"/>
    </row>
    <row r="716818" spans="8:8">
      <c r="H716818" s="12"/>
    </row>
    <row r="716819" spans="8:8">
      <c r="H716819" s="12"/>
    </row>
    <row r="716820" spans="8:8">
      <c r="H716820" s="12"/>
    </row>
    <row r="716821" spans="8:8">
      <c r="H716821" s="12"/>
    </row>
    <row r="716822" spans="8:8">
      <c r="H716822" s="12"/>
    </row>
    <row r="716823" spans="8:8">
      <c r="H716823" s="12"/>
    </row>
    <row r="716824" spans="8:8">
      <c r="H716824" s="12"/>
    </row>
    <row r="716825" spans="8:8">
      <c r="H716825" s="12"/>
    </row>
    <row r="716826" spans="8:8">
      <c r="H716826" s="12"/>
    </row>
    <row r="716827" spans="8:8">
      <c r="H716827" s="12"/>
    </row>
    <row r="716828" spans="8:8">
      <c r="H716828" s="12"/>
    </row>
    <row r="716829" spans="8:8">
      <c r="H716829" s="12"/>
    </row>
    <row r="716830" spans="8:8">
      <c r="H716830" s="12"/>
    </row>
    <row r="716831" spans="8:8">
      <c r="H716831" s="12"/>
    </row>
    <row r="716832" spans="8:8">
      <c r="H716832" s="12"/>
    </row>
    <row r="716833" spans="8:8">
      <c r="H716833" s="12"/>
    </row>
    <row r="716834" spans="8:8">
      <c r="H716834" s="12"/>
    </row>
    <row r="716835" spans="8:8">
      <c r="H716835" s="12"/>
    </row>
    <row r="716836" spans="8:8">
      <c r="H716836" s="12"/>
    </row>
    <row r="716837" spans="8:8">
      <c r="H716837" s="12"/>
    </row>
    <row r="716838" spans="8:8">
      <c r="H716838" s="12"/>
    </row>
    <row r="716839" spans="8:8">
      <c r="H716839" s="12"/>
    </row>
    <row r="716840" spans="8:8">
      <c r="H716840" s="12"/>
    </row>
    <row r="716841" spans="8:8">
      <c r="H716841" s="12"/>
    </row>
    <row r="716842" spans="8:8">
      <c r="H716842" s="12"/>
    </row>
    <row r="716843" spans="8:8">
      <c r="H716843" s="12"/>
    </row>
    <row r="716844" spans="8:8">
      <c r="H716844" s="12"/>
    </row>
    <row r="716845" spans="8:8">
      <c r="H716845" s="12"/>
    </row>
    <row r="716846" spans="8:8">
      <c r="H716846" s="12"/>
    </row>
    <row r="716847" spans="8:8">
      <c r="H716847" s="12"/>
    </row>
    <row r="716848" spans="8:8">
      <c r="H716848" s="12"/>
    </row>
    <row r="716849" spans="8:8">
      <c r="H716849" s="12"/>
    </row>
    <row r="716850" spans="8:8">
      <c r="H716850" s="12"/>
    </row>
    <row r="716851" spans="8:8">
      <c r="H716851" s="12"/>
    </row>
    <row r="716852" spans="8:8">
      <c r="H716852" s="12"/>
    </row>
    <row r="716853" spans="8:8">
      <c r="H716853" s="12"/>
    </row>
    <row r="716854" spans="8:8">
      <c r="H716854" s="12"/>
    </row>
    <row r="716855" spans="8:8">
      <c r="H716855" s="12"/>
    </row>
    <row r="716856" spans="8:8">
      <c r="H716856" s="12"/>
    </row>
    <row r="716857" spans="8:8">
      <c r="H716857" s="12"/>
    </row>
    <row r="716858" spans="8:8">
      <c r="H716858" s="12"/>
    </row>
    <row r="716859" spans="8:8">
      <c r="H716859" s="12"/>
    </row>
    <row r="716860" spans="8:8">
      <c r="H716860" s="12"/>
    </row>
    <row r="716861" spans="8:8">
      <c r="H716861" s="12"/>
    </row>
    <row r="716862" spans="8:8">
      <c r="H716862" s="12"/>
    </row>
    <row r="716863" spans="8:8">
      <c r="H716863" s="12"/>
    </row>
    <row r="716864" spans="8:8">
      <c r="H716864" s="12"/>
    </row>
    <row r="716865" spans="8:8">
      <c r="H716865" s="12"/>
    </row>
    <row r="716866" spans="8:8">
      <c r="H716866" s="12"/>
    </row>
    <row r="716867" spans="8:8">
      <c r="H716867" s="12"/>
    </row>
    <row r="716868" spans="8:8">
      <c r="H716868" s="12"/>
    </row>
    <row r="716869" spans="8:8">
      <c r="H716869" s="12"/>
    </row>
    <row r="716870" spans="8:8">
      <c r="H716870" s="12"/>
    </row>
    <row r="716871" spans="8:8">
      <c r="H716871" s="12"/>
    </row>
    <row r="716872" spans="8:8">
      <c r="H716872" s="12"/>
    </row>
    <row r="716873" spans="8:8">
      <c r="H716873" s="12"/>
    </row>
    <row r="716874" spans="8:8">
      <c r="H716874" s="12"/>
    </row>
    <row r="716875" spans="8:8">
      <c r="H716875" s="12"/>
    </row>
    <row r="716876" spans="8:8">
      <c r="H716876" s="12"/>
    </row>
    <row r="716877" spans="8:8">
      <c r="H716877" s="12"/>
    </row>
    <row r="716878" spans="8:8">
      <c r="H716878" s="12"/>
    </row>
    <row r="716879" spans="8:8">
      <c r="H716879" s="12"/>
    </row>
    <row r="716880" spans="8:8">
      <c r="H716880" s="12"/>
    </row>
    <row r="716881" spans="8:8">
      <c r="H716881" s="12"/>
    </row>
    <row r="716882" spans="8:8">
      <c r="H716882" s="12"/>
    </row>
    <row r="716883" spans="8:8">
      <c r="H716883" s="12"/>
    </row>
    <row r="716884" spans="8:8">
      <c r="H716884" s="12"/>
    </row>
    <row r="716885" spans="8:8">
      <c r="H716885" s="12"/>
    </row>
    <row r="716886" spans="8:8">
      <c r="H716886" s="12"/>
    </row>
    <row r="716887" spans="8:8">
      <c r="H716887" s="12"/>
    </row>
    <row r="716888" spans="8:8">
      <c r="H716888" s="12"/>
    </row>
    <row r="716889" spans="8:8">
      <c r="H716889" s="12"/>
    </row>
    <row r="716890" spans="8:8">
      <c r="H716890" s="12"/>
    </row>
    <row r="716891" spans="8:8">
      <c r="H716891" s="12"/>
    </row>
    <row r="716892" spans="8:8">
      <c r="H716892" s="12"/>
    </row>
    <row r="716893" spans="8:8">
      <c r="H716893" s="12"/>
    </row>
    <row r="716894" spans="8:8">
      <c r="H716894" s="12"/>
    </row>
    <row r="716895" spans="8:8">
      <c r="H716895" s="12"/>
    </row>
    <row r="716896" spans="8:8">
      <c r="H716896" s="12"/>
    </row>
    <row r="716897" spans="8:8">
      <c r="H716897" s="12"/>
    </row>
    <row r="716898" spans="8:8">
      <c r="H716898" s="12"/>
    </row>
    <row r="716899" spans="8:8">
      <c r="H716899" s="12"/>
    </row>
    <row r="716900" spans="8:8">
      <c r="H716900" s="12"/>
    </row>
    <row r="716901" spans="8:8">
      <c r="H716901" s="12"/>
    </row>
    <row r="716902" spans="8:8">
      <c r="H716902" s="12"/>
    </row>
    <row r="716903" spans="8:8">
      <c r="H716903" s="12"/>
    </row>
    <row r="716904" spans="8:8">
      <c r="H716904" s="12"/>
    </row>
    <row r="716905" spans="8:8">
      <c r="H716905" s="12"/>
    </row>
    <row r="716906" spans="8:8">
      <c r="H716906" s="12"/>
    </row>
    <row r="716907" spans="8:8">
      <c r="H716907" s="12"/>
    </row>
    <row r="716908" spans="8:8">
      <c r="H716908" s="12"/>
    </row>
    <row r="716909" spans="8:8">
      <c r="H716909" s="12"/>
    </row>
    <row r="716910" spans="8:8">
      <c r="H716910" s="12"/>
    </row>
    <row r="716911" spans="8:8">
      <c r="H716911" s="12"/>
    </row>
    <row r="716912" spans="8:8">
      <c r="H716912" s="12"/>
    </row>
    <row r="716913" spans="8:8">
      <c r="H716913" s="12"/>
    </row>
    <row r="716914" spans="8:8">
      <c r="H716914" s="12"/>
    </row>
    <row r="716915" spans="8:8">
      <c r="H716915" s="12"/>
    </row>
    <row r="716916" spans="8:8">
      <c r="H716916" s="12"/>
    </row>
    <row r="716917" spans="8:8">
      <c r="H716917" s="12"/>
    </row>
    <row r="716918" spans="8:8">
      <c r="H716918" s="12"/>
    </row>
    <row r="716919" spans="8:8">
      <c r="H716919" s="12"/>
    </row>
    <row r="716920" spans="8:8">
      <c r="H716920" s="12"/>
    </row>
    <row r="716921" spans="8:8">
      <c r="H716921" s="12"/>
    </row>
    <row r="716922" spans="8:8">
      <c r="H716922" s="12"/>
    </row>
    <row r="716923" spans="8:8">
      <c r="H716923" s="12"/>
    </row>
    <row r="716924" spans="8:8">
      <c r="H716924" s="12"/>
    </row>
    <row r="716925" spans="8:8">
      <c r="H716925" s="12"/>
    </row>
    <row r="716926" spans="8:8">
      <c r="H716926" s="12"/>
    </row>
    <row r="716927" spans="8:8">
      <c r="H716927" s="12"/>
    </row>
    <row r="716928" spans="8:8">
      <c r="H716928" s="12"/>
    </row>
    <row r="716929" spans="8:8">
      <c r="H716929" s="12"/>
    </row>
    <row r="716930" spans="8:8">
      <c r="H716930" s="12"/>
    </row>
    <row r="716931" spans="8:8">
      <c r="H716931" s="12"/>
    </row>
    <row r="716932" spans="8:8">
      <c r="H716932" s="12"/>
    </row>
    <row r="716933" spans="8:8">
      <c r="H716933" s="12"/>
    </row>
    <row r="716934" spans="8:8">
      <c r="H716934" s="12"/>
    </row>
    <row r="716935" spans="8:8">
      <c r="H716935" s="12"/>
    </row>
    <row r="716936" spans="8:8">
      <c r="H716936" s="12"/>
    </row>
    <row r="716937" spans="8:8">
      <c r="H716937" s="12"/>
    </row>
    <row r="716938" spans="8:8">
      <c r="H716938" s="12"/>
    </row>
    <row r="716939" spans="8:8">
      <c r="H716939" s="12"/>
    </row>
    <row r="716940" spans="8:8">
      <c r="H716940" s="12"/>
    </row>
    <row r="716941" spans="8:8">
      <c r="H716941" s="12"/>
    </row>
    <row r="716942" spans="8:8">
      <c r="H716942" s="12"/>
    </row>
    <row r="716943" spans="8:8">
      <c r="H716943" s="12"/>
    </row>
    <row r="716944" spans="8:8">
      <c r="H716944" s="12"/>
    </row>
    <row r="716945" spans="8:8">
      <c r="H716945" s="12"/>
    </row>
    <row r="716946" spans="8:8">
      <c r="H716946" s="12"/>
    </row>
    <row r="716947" spans="8:8">
      <c r="H716947" s="12"/>
    </row>
    <row r="716948" spans="8:8">
      <c r="H716948" s="12"/>
    </row>
    <row r="716949" spans="8:8">
      <c r="H716949" s="12"/>
    </row>
    <row r="716950" spans="8:8">
      <c r="H716950" s="12"/>
    </row>
    <row r="716951" spans="8:8">
      <c r="H716951" s="12"/>
    </row>
    <row r="716952" spans="8:8">
      <c r="H716952" s="12"/>
    </row>
    <row r="716953" spans="8:8">
      <c r="H716953" s="12"/>
    </row>
    <row r="716954" spans="8:8">
      <c r="H716954" s="12"/>
    </row>
    <row r="716955" spans="8:8">
      <c r="H716955" s="12"/>
    </row>
    <row r="716956" spans="8:8">
      <c r="H716956" s="12"/>
    </row>
    <row r="716957" spans="8:8">
      <c r="H716957" s="12"/>
    </row>
    <row r="716958" spans="8:8">
      <c r="H716958" s="12"/>
    </row>
    <row r="716959" spans="8:8">
      <c r="H716959" s="12"/>
    </row>
    <row r="716960" spans="8:8">
      <c r="H716960" s="12"/>
    </row>
    <row r="716961" spans="8:8">
      <c r="H716961" s="12"/>
    </row>
    <row r="716962" spans="8:8">
      <c r="H716962" s="12"/>
    </row>
    <row r="716963" spans="8:8">
      <c r="H716963" s="12"/>
    </row>
    <row r="716964" spans="8:8">
      <c r="H716964" s="12"/>
    </row>
    <row r="716965" spans="8:8">
      <c r="H716965" s="12"/>
    </row>
    <row r="716966" spans="8:8">
      <c r="H716966" s="12"/>
    </row>
    <row r="716967" spans="8:8">
      <c r="H716967" s="12"/>
    </row>
    <row r="716968" spans="8:8">
      <c r="H716968" s="12"/>
    </row>
    <row r="716969" spans="8:8">
      <c r="H716969" s="12"/>
    </row>
    <row r="716970" spans="8:8">
      <c r="H716970" s="12"/>
    </row>
    <row r="716971" spans="8:8">
      <c r="H716971" s="12"/>
    </row>
    <row r="716972" spans="8:8">
      <c r="H716972" s="12"/>
    </row>
    <row r="716973" spans="8:8">
      <c r="H716973" s="12"/>
    </row>
    <row r="716974" spans="8:8">
      <c r="H716974" s="12"/>
    </row>
    <row r="716975" spans="8:8">
      <c r="H716975" s="12"/>
    </row>
    <row r="716976" spans="8:8">
      <c r="H716976" s="12"/>
    </row>
    <row r="716977" spans="8:8">
      <c r="H716977" s="12"/>
    </row>
    <row r="716978" spans="8:8">
      <c r="H716978" s="12"/>
    </row>
    <row r="716979" spans="8:8">
      <c r="H716979" s="12"/>
    </row>
    <row r="716980" spans="8:8">
      <c r="H716980" s="12"/>
    </row>
    <row r="716981" spans="8:8">
      <c r="H716981" s="12"/>
    </row>
    <row r="716982" spans="8:8">
      <c r="H716982" s="12"/>
    </row>
    <row r="716983" spans="8:8">
      <c r="H716983" s="12"/>
    </row>
    <row r="716984" spans="8:8">
      <c r="H716984" s="12"/>
    </row>
    <row r="716985" spans="8:8">
      <c r="H716985" s="12"/>
    </row>
    <row r="716986" spans="8:8">
      <c r="H716986" s="12"/>
    </row>
    <row r="716987" spans="8:8">
      <c r="H716987" s="12"/>
    </row>
    <row r="716988" spans="8:8">
      <c r="H716988" s="12"/>
    </row>
    <row r="716989" spans="8:8">
      <c r="H716989" s="12"/>
    </row>
    <row r="716990" spans="8:8">
      <c r="H716990" s="12"/>
    </row>
    <row r="716991" spans="8:8">
      <c r="H716991" s="12"/>
    </row>
    <row r="716992" spans="8:8">
      <c r="H716992" s="12"/>
    </row>
    <row r="716993" spans="8:8">
      <c r="H716993" s="12"/>
    </row>
    <row r="716994" spans="8:8">
      <c r="H716994" s="12"/>
    </row>
    <row r="716995" spans="8:8">
      <c r="H716995" s="12"/>
    </row>
    <row r="716996" spans="8:8">
      <c r="H716996" s="12"/>
    </row>
    <row r="716997" spans="8:8">
      <c r="H716997" s="12"/>
    </row>
    <row r="716998" spans="8:8">
      <c r="H716998" s="12"/>
    </row>
    <row r="716999" spans="8:8">
      <c r="H716999" s="12"/>
    </row>
    <row r="717000" spans="8:8">
      <c r="H717000" s="12"/>
    </row>
    <row r="717001" spans="8:8">
      <c r="H717001" s="12"/>
    </row>
    <row r="717002" spans="8:8">
      <c r="H717002" s="12"/>
    </row>
    <row r="717003" spans="8:8">
      <c r="H717003" s="12"/>
    </row>
    <row r="717004" spans="8:8">
      <c r="H717004" s="12"/>
    </row>
    <row r="717005" spans="8:8">
      <c r="H717005" s="12"/>
    </row>
    <row r="717006" spans="8:8">
      <c r="H717006" s="12"/>
    </row>
    <row r="717007" spans="8:8">
      <c r="H717007" s="12"/>
    </row>
    <row r="717008" spans="8:8">
      <c r="H717008" s="12"/>
    </row>
    <row r="717009" spans="8:8">
      <c r="H717009" s="12"/>
    </row>
    <row r="717010" spans="8:8">
      <c r="H717010" s="12"/>
    </row>
    <row r="717011" spans="8:8">
      <c r="H717011" s="12"/>
    </row>
    <row r="717012" spans="8:8">
      <c r="H717012" s="12"/>
    </row>
    <row r="717013" spans="8:8">
      <c r="H717013" s="12"/>
    </row>
    <row r="717014" spans="8:8">
      <c r="H717014" s="12"/>
    </row>
    <row r="717015" spans="8:8">
      <c r="H717015" s="12"/>
    </row>
    <row r="717016" spans="8:8">
      <c r="H717016" s="12"/>
    </row>
    <row r="717017" spans="8:8">
      <c r="H717017" s="12"/>
    </row>
    <row r="717018" spans="8:8">
      <c r="H717018" s="12"/>
    </row>
    <row r="717019" spans="8:8">
      <c r="H717019" s="12"/>
    </row>
    <row r="717020" spans="8:8">
      <c r="H717020" s="12"/>
    </row>
    <row r="717021" spans="8:8">
      <c r="H717021" s="12"/>
    </row>
    <row r="717022" spans="8:8">
      <c r="H717022" s="12"/>
    </row>
    <row r="717023" spans="8:8">
      <c r="H717023" s="12"/>
    </row>
    <row r="717024" spans="8:8">
      <c r="H717024" s="12"/>
    </row>
    <row r="717025" spans="8:8">
      <c r="H717025" s="12"/>
    </row>
    <row r="717026" spans="8:8">
      <c r="H717026" s="12"/>
    </row>
    <row r="717027" spans="8:8">
      <c r="H717027" s="12"/>
    </row>
    <row r="717028" spans="8:8">
      <c r="H717028" s="12"/>
    </row>
    <row r="717029" spans="8:8">
      <c r="H717029" s="12"/>
    </row>
    <row r="717030" spans="8:8">
      <c r="H717030" s="12"/>
    </row>
    <row r="717031" spans="8:8">
      <c r="H717031" s="12"/>
    </row>
    <row r="717032" spans="8:8">
      <c r="H717032" s="12"/>
    </row>
    <row r="717033" spans="8:8">
      <c r="H717033" s="12"/>
    </row>
    <row r="717034" spans="8:8">
      <c r="H717034" s="12"/>
    </row>
    <row r="717035" spans="8:8">
      <c r="H717035" s="12"/>
    </row>
    <row r="717036" spans="8:8">
      <c r="H717036" s="12"/>
    </row>
    <row r="717037" spans="8:8">
      <c r="H717037" s="12"/>
    </row>
    <row r="717038" spans="8:8">
      <c r="H717038" s="12"/>
    </row>
    <row r="717039" spans="8:8">
      <c r="H717039" s="12"/>
    </row>
    <row r="717040" spans="8:8">
      <c r="H717040" s="12"/>
    </row>
    <row r="717041" spans="8:8">
      <c r="H717041" s="12"/>
    </row>
    <row r="717042" spans="8:8">
      <c r="H717042" s="12"/>
    </row>
    <row r="717043" spans="8:8">
      <c r="H717043" s="12"/>
    </row>
    <row r="717044" spans="8:8">
      <c r="H717044" s="12"/>
    </row>
    <row r="717045" spans="8:8">
      <c r="H717045" s="12"/>
    </row>
    <row r="717046" spans="8:8">
      <c r="H717046" s="12"/>
    </row>
    <row r="717047" spans="8:8">
      <c r="H717047" s="12"/>
    </row>
    <row r="717048" spans="8:8">
      <c r="H717048" s="12"/>
    </row>
    <row r="717049" spans="8:8">
      <c r="H717049" s="12"/>
    </row>
    <row r="717050" spans="8:8">
      <c r="H717050" s="12"/>
    </row>
    <row r="717051" spans="8:8">
      <c r="H717051" s="12"/>
    </row>
    <row r="717052" spans="8:8">
      <c r="H717052" s="12"/>
    </row>
    <row r="717053" spans="8:8">
      <c r="H717053" s="12"/>
    </row>
    <row r="717054" spans="8:8">
      <c r="H717054" s="12"/>
    </row>
    <row r="717055" spans="8:8">
      <c r="H717055" s="12"/>
    </row>
    <row r="717056" spans="8:8">
      <c r="H717056" s="12"/>
    </row>
    <row r="717057" spans="8:8">
      <c r="H717057" s="12"/>
    </row>
    <row r="717058" spans="8:8">
      <c r="H717058" s="12"/>
    </row>
    <row r="717059" spans="8:8">
      <c r="H717059" s="12"/>
    </row>
    <row r="717060" spans="8:8">
      <c r="H717060" s="12"/>
    </row>
    <row r="717061" spans="8:8">
      <c r="H717061" s="12"/>
    </row>
    <row r="717062" spans="8:8">
      <c r="H717062" s="12"/>
    </row>
    <row r="717063" spans="8:8">
      <c r="H717063" s="12"/>
    </row>
    <row r="717064" spans="8:8">
      <c r="H717064" s="12"/>
    </row>
    <row r="717065" spans="8:8">
      <c r="H717065" s="12"/>
    </row>
    <row r="717066" spans="8:8">
      <c r="H717066" s="12"/>
    </row>
    <row r="717067" spans="8:8">
      <c r="H717067" s="12"/>
    </row>
    <row r="717068" spans="8:8">
      <c r="H717068" s="12"/>
    </row>
    <row r="717069" spans="8:8">
      <c r="H717069" s="12"/>
    </row>
    <row r="717070" spans="8:8">
      <c r="H717070" s="12"/>
    </row>
    <row r="717071" spans="8:8">
      <c r="H717071" s="12"/>
    </row>
    <row r="717072" spans="8:8">
      <c r="H717072" s="12"/>
    </row>
    <row r="717073" spans="8:8">
      <c r="H717073" s="12"/>
    </row>
    <row r="717074" spans="8:8">
      <c r="H717074" s="12"/>
    </row>
    <row r="717075" spans="8:8">
      <c r="H717075" s="12"/>
    </row>
    <row r="717076" spans="8:8">
      <c r="H717076" s="12"/>
    </row>
    <row r="717077" spans="8:8">
      <c r="H717077" s="12"/>
    </row>
    <row r="717078" spans="8:8">
      <c r="H717078" s="12"/>
    </row>
    <row r="717079" spans="8:8">
      <c r="H717079" s="12"/>
    </row>
    <row r="717080" spans="8:8">
      <c r="H717080" s="12"/>
    </row>
    <row r="717081" spans="8:8">
      <c r="H717081" s="12"/>
    </row>
    <row r="717082" spans="8:8">
      <c r="H717082" s="12"/>
    </row>
    <row r="717083" spans="8:8">
      <c r="H717083" s="12"/>
    </row>
    <row r="717084" spans="8:8">
      <c r="H717084" s="12"/>
    </row>
    <row r="717085" spans="8:8">
      <c r="H717085" s="12"/>
    </row>
    <row r="717086" spans="8:8">
      <c r="H717086" s="12"/>
    </row>
    <row r="717087" spans="8:8">
      <c r="H717087" s="12"/>
    </row>
    <row r="717088" spans="8:8">
      <c r="H717088" s="12"/>
    </row>
    <row r="717089" spans="8:8">
      <c r="H717089" s="12"/>
    </row>
    <row r="717090" spans="8:8">
      <c r="H717090" s="12"/>
    </row>
    <row r="717091" spans="8:8">
      <c r="H717091" s="12"/>
    </row>
    <row r="717092" spans="8:8">
      <c r="H717092" s="12"/>
    </row>
    <row r="717093" spans="8:8">
      <c r="H717093" s="12"/>
    </row>
    <row r="717094" spans="8:8">
      <c r="H717094" s="12"/>
    </row>
    <row r="717095" spans="8:8">
      <c r="H717095" s="12"/>
    </row>
    <row r="717096" spans="8:8">
      <c r="H717096" s="12"/>
    </row>
    <row r="717097" spans="8:8">
      <c r="H717097" s="12"/>
    </row>
    <row r="717098" spans="8:8">
      <c r="H717098" s="12"/>
    </row>
    <row r="717099" spans="8:8">
      <c r="H717099" s="12"/>
    </row>
    <row r="717100" spans="8:8">
      <c r="H717100" s="12"/>
    </row>
    <row r="717101" spans="8:8">
      <c r="H717101" s="12"/>
    </row>
    <row r="717102" spans="8:8">
      <c r="H717102" s="12"/>
    </row>
    <row r="717103" spans="8:8">
      <c r="H717103" s="12"/>
    </row>
    <row r="717104" spans="8:8">
      <c r="H717104" s="12"/>
    </row>
    <row r="717105" spans="8:8">
      <c r="H717105" s="12"/>
    </row>
    <row r="717106" spans="8:8">
      <c r="H717106" s="12"/>
    </row>
    <row r="717107" spans="8:8">
      <c r="H717107" s="12"/>
    </row>
    <row r="717108" spans="8:8">
      <c r="H717108" s="12"/>
    </row>
    <row r="717109" spans="8:8">
      <c r="H717109" s="12"/>
    </row>
    <row r="717110" spans="8:8">
      <c r="H717110" s="12"/>
    </row>
    <row r="717111" spans="8:8">
      <c r="H717111" s="12"/>
    </row>
    <row r="717112" spans="8:8">
      <c r="H717112" s="12"/>
    </row>
    <row r="717113" spans="8:8">
      <c r="H717113" s="12"/>
    </row>
    <row r="717114" spans="8:8">
      <c r="H717114" s="12"/>
    </row>
    <row r="717115" spans="8:8">
      <c r="H717115" s="12"/>
    </row>
    <row r="717116" spans="8:8">
      <c r="H717116" s="12"/>
    </row>
    <row r="717117" spans="8:8">
      <c r="H717117" s="12"/>
    </row>
    <row r="717118" spans="8:8">
      <c r="H717118" s="12"/>
    </row>
    <row r="717119" spans="8:8">
      <c r="H717119" s="12"/>
    </row>
    <row r="717120" spans="8:8">
      <c r="H717120" s="12"/>
    </row>
    <row r="717121" spans="8:8">
      <c r="H717121" s="12"/>
    </row>
    <row r="717122" spans="8:8">
      <c r="H717122" s="12"/>
    </row>
    <row r="717123" spans="8:8">
      <c r="H717123" s="12"/>
    </row>
    <row r="717124" spans="8:8">
      <c r="H717124" s="12"/>
    </row>
    <row r="717125" spans="8:8">
      <c r="H717125" s="12"/>
    </row>
    <row r="717126" spans="8:8">
      <c r="H717126" s="12"/>
    </row>
    <row r="717127" spans="8:8">
      <c r="H717127" s="12"/>
    </row>
    <row r="717128" spans="8:8">
      <c r="H717128" s="12"/>
    </row>
    <row r="717129" spans="8:8">
      <c r="H717129" s="12"/>
    </row>
    <row r="717130" spans="8:8">
      <c r="H717130" s="12"/>
    </row>
    <row r="717131" spans="8:8">
      <c r="H717131" s="12"/>
    </row>
    <row r="717132" spans="8:8">
      <c r="H717132" s="12"/>
    </row>
    <row r="717133" spans="8:8">
      <c r="H717133" s="12"/>
    </row>
    <row r="717134" spans="8:8">
      <c r="H717134" s="12"/>
    </row>
    <row r="717135" spans="8:8">
      <c r="H717135" s="12"/>
    </row>
    <row r="717136" spans="8:8">
      <c r="H717136" s="12"/>
    </row>
    <row r="717137" spans="8:8">
      <c r="H717137" s="12"/>
    </row>
    <row r="717138" spans="8:8">
      <c r="H717138" s="12"/>
    </row>
    <row r="717139" spans="8:8">
      <c r="H717139" s="12"/>
    </row>
    <row r="717140" spans="8:8">
      <c r="H717140" s="12"/>
    </row>
    <row r="717141" spans="8:8">
      <c r="H717141" s="12"/>
    </row>
    <row r="717142" spans="8:8">
      <c r="H717142" s="12"/>
    </row>
    <row r="717143" spans="8:8">
      <c r="H717143" s="12"/>
    </row>
    <row r="717144" spans="8:8">
      <c r="H717144" s="12"/>
    </row>
    <row r="717145" spans="8:8">
      <c r="H717145" s="12"/>
    </row>
    <row r="717146" spans="8:8">
      <c r="H717146" s="12"/>
    </row>
    <row r="717147" spans="8:8">
      <c r="H717147" s="12"/>
    </row>
    <row r="717148" spans="8:8">
      <c r="H717148" s="12"/>
    </row>
    <row r="717149" spans="8:8">
      <c r="H717149" s="12"/>
    </row>
    <row r="717150" spans="8:8">
      <c r="H717150" s="12"/>
    </row>
    <row r="717151" spans="8:8">
      <c r="H717151" s="12"/>
    </row>
    <row r="717152" spans="8:8">
      <c r="H717152" s="12"/>
    </row>
    <row r="717153" spans="8:8">
      <c r="H717153" s="12"/>
    </row>
    <row r="717154" spans="8:8">
      <c r="H717154" s="12"/>
    </row>
    <row r="717155" spans="8:8">
      <c r="H717155" s="12"/>
    </row>
    <row r="717156" spans="8:8">
      <c r="H717156" s="12"/>
    </row>
    <row r="717157" spans="8:8">
      <c r="H717157" s="12"/>
    </row>
    <row r="717158" spans="8:8">
      <c r="H717158" s="12"/>
    </row>
    <row r="717159" spans="8:8">
      <c r="H717159" s="12"/>
    </row>
    <row r="717160" spans="8:8">
      <c r="H717160" s="12"/>
    </row>
    <row r="717161" spans="8:8">
      <c r="H717161" s="12"/>
    </row>
    <row r="717162" spans="8:8">
      <c r="H717162" s="12"/>
    </row>
    <row r="717163" spans="8:8">
      <c r="H717163" s="12"/>
    </row>
    <row r="717164" spans="8:8">
      <c r="H717164" s="12"/>
    </row>
    <row r="717165" spans="8:8">
      <c r="H717165" s="12"/>
    </row>
    <row r="717166" spans="8:8">
      <c r="H717166" s="12"/>
    </row>
    <row r="717167" spans="8:8">
      <c r="H717167" s="12"/>
    </row>
    <row r="717168" spans="8:8">
      <c r="H717168" s="12"/>
    </row>
    <row r="717169" spans="8:8">
      <c r="H717169" s="12"/>
    </row>
    <row r="717170" spans="8:8">
      <c r="H717170" s="12"/>
    </row>
    <row r="717171" spans="8:8">
      <c r="H717171" s="12"/>
    </row>
    <row r="717172" spans="8:8">
      <c r="H717172" s="12"/>
    </row>
    <row r="717173" spans="8:8">
      <c r="H717173" s="12"/>
    </row>
    <row r="717174" spans="8:8">
      <c r="H717174" s="12"/>
    </row>
    <row r="717175" spans="8:8">
      <c r="H717175" s="12"/>
    </row>
    <row r="717176" spans="8:8">
      <c r="H717176" s="12"/>
    </row>
    <row r="717177" spans="8:8">
      <c r="H717177" s="12"/>
    </row>
    <row r="717178" spans="8:8">
      <c r="H717178" s="12"/>
    </row>
    <row r="717179" spans="8:8">
      <c r="H717179" s="12"/>
    </row>
    <row r="717180" spans="8:8">
      <c r="H717180" s="12"/>
    </row>
    <row r="717181" spans="8:8">
      <c r="H717181" s="12"/>
    </row>
    <row r="717182" spans="8:8">
      <c r="H717182" s="12"/>
    </row>
    <row r="717183" spans="8:8">
      <c r="H717183" s="12"/>
    </row>
    <row r="717184" spans="8:8">
      <c r="H717184" s="12"/>
    </row>
    <row r="717185" spans="8:8">
      <c r="H717185" s="12"/>
    </row>
    <row r="717186" spans="8:8">
      <c r="H717186" s="12"/>
    </row>
    <row r="717187" spans="8:8">
      <c r="H717187" s="12"/>
    </row>
    <row r="717188" spans="8:8">
      <c r="H717188" s="12"/>
    </row>
    <row r="717189" spans="8:8">
      <c r="H717189" s="12"/>
    </row>
    <row r="717190" spans="8:8">
      <c r="H717190" s="12"/>
    </row>
    <row r="717191" spans="8:8">
      <c r="H717191" s="12"/>
    </row>
    <row r="717192" spans="8:8">
      <c r="H717192" s="12"/>
    </row>
    <row r="717193" spans="8:8">
      <c r="H717193" s="12"/>
    </row>
    <row r="717194" spans="8:8">
      <c r="H717194" s="12"/>
    </row>
    <row r="717195" spans="8:8">
      <c r="H717195" s="12"/>
    </row>
    <row r="717196" spans="8:8">
      <c r="H717196" s="12"/>
    </row>
    <row r="717197" spans="8:8">
      <c r="H717197" s="12"/>
    </row>
    <row r="717198" spans="8:8">
      <c r="H717198" s="12"/>
    </row>
    <row r="717199" spans="8:8">
      <c r="H717199" s="12"/>
    </row>
    <row r="717200" spans="8:8">
      <c r="H717200" s="12"/>
    </row>
    <row r="717201" spans="8:8">
      <c r="H717201" s="12"/>
    </row>
    <row r="717202" spans="8:8">
      <c r="H717202" s="12"/>
    </row>
    <row r="717203" spans="8:8">
      <c r="H717203" s="12"/>
    </row>
    <row r="717204" spans="8:8">
      <c r="H717204" s="12"/>
    </row>
    <row r="717205" spans="8:8">
      <c r="H717205" s="12"/>
    </row>
    <row r="717206" spans="8:8">
      <c r="H717206" s="12"/>
    </row>
    <row r="717207" spans="8:8">
      <c r="H717207" s="12"/>
    </row>
    <row r="717208" spans="8:8">
      <c r="H717208" s="12"/>
    </row>
    <row r="717209" spans="8:8">
      <c r="H717209" s="12"/>
    </row>
    <row r="717210" spans="8:8">
      <c r="H717210" s="12"/>
    </row>
    <row r="717211" spans="8:8">
      <c r="H717211" s="12"/>
    </row>
    <row r="717212" spans="8:8">
      <c r="H717212" s="12"/>
    </row>
    <row r="717213" spans="8:8">
      <c r="H717213" s="12"/>
    </row>
    <row r="717214" spans="8:8">
      <c r="H717214" s="12"/>
    </row>
    <row r="717215" spans="8:8">
      <c r="H717215" s="12"/>
    </row>
    <row r="717216" spans="8:8">
      <c r="H717216" s="12"/>
    </row>
    <row r="717217" spans="8:8">
      <c r="H717217" s="12"/>
    </row>
    <row r="717218" spans="8:8">
      <c r="H717218" s="12"/>
    </row>
    <row r="717219" spans="8:8">
      <c r="H717219" s="12"/>
    </row>
    <row r="717220" spans="8:8">
      <c r="H717220" s="12"/>
    </row>
    <row r="717221" spans="8:8">
      <c r="H717221" s="12"/>
    </row>
    <row r="717222" spans="8:8">
      <c r="H717222" s="12"/>
    </row>
    <row r="717223" spans="8:8">
      <c r="H717223" s="12"/>
    </row>
    <row r="717224" spans="8:8">
      <c r="H717224" s="12"/>
    </row>
    <row r="717225" spans="8:8">
      <c r="H717225" s="12"/>
    </row>
    <row r="717226" spans="8:8">
      <c r="H717226" s="12"/>
    </row>
    <row r="717227" spans="8:8">
      <c r="H717227" s="12"/>
    </row>
    <row r="717228" spans="8:8">
      <c r="H717228" s="12"/>
    </row>
    <row r="717229" spans="8:8">
      <c r="H717229" s="12"/>
    </row>
    <row r="717230" spans="8:8">
      <c r="H717230" s="12"/>
    </row>
    <row r="717231" spans="8:8">
      <c r="H717231" s="12"/>
    </row>
    <row r="717232" spans="8:8">
      <c r="H717232" s="12"/>
    </row>
    <row r="717233" spans="8:8">
      <c r="H717233" s="12"/>
    </row>
    <row r="717234" spans="8:8">
      <c r="H717234" s="12"/>
    </row>
    <row r="717235" spans="8:8">
      <c r="H717235" s="12"/>
    </row>
    <row r="717236" spans="8:8">
      <c r="H717236" s="12"/>
    </row>
    <row r="717237" spans="8:8">
      <c r="H717237" s="12"/>
    </row>
    <row r="717238" spans="8:8">
      <c r="H717238" s="12"/>
    </row>
    <row r="717239" spans="8:8">
      <c r="H717239" s="12"/>
    </row>
    <row r="717240" spans="8:8">
      <c r="H717240" s="12"/>
    </row>
    <row r="717241" spans="8:8">
      <c r="H717241" s="12"/>
    </row>
    <row r="717242" spans="8:8">
      <c r="H717242" s="12"/>
    </row>
    <row r="717243" spans="8:8">
      <c r="H717243" s="12"/>
    </row>
    <row r="717244" spans="8:8">
      <c r="H717244" s="12"/>
    </row>
    <row r="717245" spans="8:8">
      <c r="H717245" s="12"/>
    </row>
    <row r="717246" spans="8:8">
      <c r="H717246" s="12"/>
    </row>
    <row r="717247" spans="8:8">
      <c r="H717247" s="12"/>
    </row>
    <row r="717248" spans="8:8">
      <c r="H717248" s="12"/>
    </row>
    <row r="717249" spans="8:8">
      <c r="H717249" s="12"/>
    </row>
    <row r="717250" spans="8:8">
      <c r="H717250" s="12"/>
    </row>
    <row r="717251" spans="8:8">
      <c r="H717251" s="12"/>
    </row>
    <row r="717252" spans="8:8">
      <c r="H717252" s="12"/>
    </row>
    <row r="717253" spans="8:8">
      <c r="H717253" s="12"/>
    </row>
    <row r="717254" spans="8:8">
      <c r="H717254" s="12"/>
    </row>
    <row r="717255" spans="8:8">
      <c r="H717255" s="12"/>
    </row>
    <row r="717256" spans="8:8">
      <c r="H717256" s="12"/>
    </row>
    <row r="717257" spans="8:8">
      <c r="H717257" s="12"/>
    </row>
    <row r="717258" spans="8:8">
      <c r="H717258" s="12"/>
    </row>
    <row r="717259" spans="8:8">
      <c r="H717259" s="12"/>
    </row>
    <row r="717260" spans="8:8">
      <c r="H717260" s="12"/>
    </row>
    <row r="717261" spans="8:8">
      <c r="H717261" s="12"/>
    </row>
    <row r="717262" spans="8:8">
      <c r="H717262" s="12"/>
    </row>
    <row r="717263" spans="8:8">
      <c r="H717263" s="12"/>
    </row>
    <row r="717264" spans="8:8">
      <c r="H717264" s="12"/>
    </row>
    <row r="717265" spans="8:8">
      <c r="H717265" s="12"/>
    </row>
    <row r="717266" spans="8:8">
      <c r="H717266" s="12"/>
    </row>
    <row r="717267" spans="8:8">
      <c r="H717267" s="12"/>
    </row>
    <row r="717268" spans="8:8">
      <c r="H717268" s="12"/>
    </row>
    <row r="717269" spans="8:8">
      <c r="H717269" s="12"/>
    </row>
    <row r="717270" spans="8:8">
      <c r="H717270" s="12"/>
    </row>
    <row r="717271" spans="8:8">
      <c r="H717271" s="12"/>
    </row>
    <row r="717272" spans="8:8">
      <c r="H717272" s="12"/>
    </row>
    <row r="717273" spans="8:8">
      <c r="H717273" s="12"/>
    </row>
    <row r="717274" spans="8:8">
      <c r="H717274" s="12"/>
    </row>
    <row r="717275" spans="8:8">
      <c r="H717275" s="12"/>
    </row>
    <row r="717276" spans="8:8">
      <c r="H717276" s="12"/>
    </row>
    <row r="717277" spans="8:8">
      <c r="H717277" s="12"/>
    </row>
    <row r="717278" spans="8:8">
      <c r="H717278" s="12"/>
    </row>
    <row r="717279" spans="8:8">
      <c r="H717279" s="12"/>
    </row>
    <row r="717280" spans="8:8">
      <c r="H717280" s="12"/>
    </row>
    <row r="717281" spans="8:8">
      <c r="H717281" s="12"/>
    </row>
    <row r="717282" spans="8:8">
      <c r="H717282" s="12"/>
    </row>
    <row r="717283" spans="8:8">
      <c r="H717283" s="12"/>
    </row>
    <row r="717284" spans="8:8">
      <c r="H717284" s="12"/>
    </row>
    <row r="717285" spans="8:8">
      <c r="H717285" s="12"/>
    </row>
    <row r="717286" spans="8:8">
      <c r="H717286" s="12"/>
    </row>
    <row r="717287" spans="8:8">
      <c r="H717287" s="12"/>
    </row>
    <row r="717288" spans="8:8">
      <c r="H717288" s="12"/>
    </row>
    <row r="717289" spans="8:8">
      <c r="H717289" s="12"/>
    </row>
    <row r="717290" spans="8:8">
      <c r="H717290" s="12"/>
    </row>
    <row r="717291" spans="8:8">
      <c r="H717291" s="12"/>
    </row>
    <row r="717292" spans="8:8">
      <c r="H717292" s="12"/>
    </row>
    <row r="717293" spans="8:8">
      <c r="H717293" s="12"/>
    </row>
    <row r="717294" spans="8:8">
      <c r="H717294" s="12"/>
    </row>
    <row r="717295" spans="8:8">
      <c r="H717295" s="12"/>
    </row>
    <row r="717296" spans="8:8">
      <c r="H717296" s="12"/>
    </row>
    <row r="717297" spans="8:8">
      <c r="H717297" s="12"/>
    </row>
    <row r="717298" spans="8:8">
      <c r="H717298" s="12"/>
    </row>
    <row r="717299" spans="8:8">
      <c r="H717299" s="12"/>
    </row>
    <row r="717300" spans="8:8">
      <c r="H717300" s="12"/>
    </row>
    <row r="717301" spans="8:8">
      <c r="H717301" s="12"/>
    </row>
    <row r="717302" spans="8:8">
      <c r="H717302" s="12"/>
    </row>
    <row r="717303" spans="8:8">
      <c r="H717303" s="12"/>
    </row>
    <row r="717304" spans="8:8">
      <c r="H717304" s="12"/>
    </row>
    <row r="717305" spans="8:8">
      <c r="H717305" s="12"/>
    </row>
    <row r="717306" spans="8:8">
      <c r="H717306" s="12"/>
    </row>
    <row r="717307" spans="8:8">
      <c r="H717307" s="12"/>
    </row>
    <row r="717308" spans="8:8">
      <c r="H717308" s="12"/>
    </row>
    <row r="717309" spans="8:8">
      <c r="H717309" s="12"/>
    </row>
    <row r="717310" spans="8:8">
      <c r="H717310" s="12"/>
    </row>
    <row r="717311" spans="8:8">
      <c r="H717311" s="12"/>
    </row>
    <row r="717312" spans="8:8">
      <c r="H717312" s="12"/>
    </row>
    <row r="717313" spans="8:8">
      <c r="H717313" s="12"/>
    </row>
    <row r="717314" spans="8:8">
      <c r="H717314" s="12"/>
    </row>
    <row r="717315" spans="8:8">
      <c r="H717315" s="12"/>
    </row>
    <row r="717316" spans="8:8">
      <c r="H717316" s="12"/>
    </row>
    <row r="717317" spans="8:8">
      <c r="H717317" s="12"/>
    </row>
    <row r="717318" spans="8:8">
      <c r="H717318" s="12"/>
    </row>
    <row r="717319" spans="8:8">
      <c r="H717319" s="12"/>
    </row>
    <row r="717320" spans="8:8">
      <c r="H717320" s="12"/>
    </row>
    <row r="717321" spans="8:8">
      <c r="H717321" s="12"/>
    </row>
    <row r="717322" spans="8:8">
      <c r="H717322" s="12"/>
    </row>
    <row r="717323" spans="8:8">
      <c r="H717323" s="12"/>
    </row>
    <row r="717324" spans="8:8">
      <c r="H717324" s="12"/>
    </row>
    <row r="717325" spans="8:8">
      <c r="H717325" s="12"/>
    </row>
    <row r="717326" spans="8:8">
      <c r="H717326" s="12"/>
    </row>
    <row r="717327" spans="8:8">
      <c r="H717327" s="12"/>
    </row>
    <row r="717328" spans="8:8">
      <c r="H717328" s="12"/>
    </row>
    <row r="717329" spans="8:8">
      <c r="H717329" s="12"/>
    </row>
    <row r="717330" spans="8:8">
      <c r="H717330" s="12"/>
    </row>
    <row r="717331" spans="8:8">
      <c r="H717331" s="12"/>
    </row>
    <row r="717332" spans="8:8">
      <c r="H717332" s="12"/>
    </row>
    <row r="717333" spans="8:8">
      <c r="H717333" s="12"/>
    </row>
    <row r="717334" spans="8:8">
      <c r="H717334" s="12"/>
    </row>
    <row r="717335" spans="8:8">
      <c r="H717335" s="12"/>
    </row>
    <row r="717336" spans="8:8">
      <c r="H717336" s="12"/>
    </row>
    <row r="717337" spans="8:8">
      <c r="H717337" s="12"/>
    </row>
    <row r="717338" spans="8:8">
      <c r="H717338" s="12"/>
    </row>
    <row r="717339" spans="8:8">
      <c r="H717339" s="12"/>
    </row>
    <row r="717340" spans="8:8">
      <c r="H717340" s="12"/>
    </row>
    <row r="717341" spans="8:8">
      <c r="H717341" s="12"/>
    </row>
    <row r="717342" spans="8:8">
      <c r="H717342" s="12"/>
    </row>
    <row r="717343" spans="8:8">
      <c r="H717343" s="12"/>
    </row>
    <row r="717344" spans="8:8">
      <c r="H717344" s="12"/>
    </row>
    <row r="717345" spans="8:8">
      <c r="H717345" s="12"/>
    </row>
    <row r="717346" spans="8:8">
      <c r="H717346" s="12"/>
    </row>
    <row r="717347" spans="8:8">
      <c r="H717347" s="12"/>
    </row>
    <row r="717348" spans="8:8">
      <c r="H717348" s="12"/>
    </row>
    <row r="717349" spans="8:8">
      <c r="H717349" s="12"/>
    </row>
    <row r="717350" spans="8:8">
      <c r="H717350" s="12"/>
    </row>
    <row r="717351" spans="8:8">
      <c r="H717351" s="12"/>
    </row>
    <row r="717352" spans="8:8">
      <c r="H717352" s="12"/>
    </row>
    <row r="717353" spans="8:8">
      <c r="H717353" s="12"/>
    </row>
    <row r="717354" spans="8:8">
      <c r="H717354" s="12"/>
    </row>
    <row r="717355" spans="8:8">
      <c r="H717355" s="12"/>
    </row>
    <row r="717356" spans="8:8">
      <c r="H717356" s="12"/>
    </row>
    <row r="717357" spans="8:8">
      <c r="H717357" s="12"/>
    </row>
    <row r="717358" spans="8:8">
      <c r="H717358" s="12"/>
    </row>
    <row r="717359" spans="8:8">
      <c r="H717359" s="12"/>
    </row>
    <row r="717360" spans="8:8">
      <c r="H717360" s="12"/>
    </row>
    <row r="717361" spans="8:8">
      <c r="H717361" s="12"/>
    </row>
    <row r="717362" spans="8:8">
      <c r="H717362" s="12"/>
    </row>
    <row r="717363" spans="8:8">
      <c r="H717363" s="12"/>
    </row>
    <row r="717364" spans="8:8">
      <c r="H717364" s="12"/>
    </row>
    <row r="717365" spans="8:8">
      <c r="H717365" s="12"/>
    </row>
    <row r="717366" spans="8:8">
      <c r="H717366" s="12"/>
    </row>
    <row r="717367" spans="8:8">
      <c r="H717367" s="12"/>
    </row>
    <row r="717368" spans="8:8">
      <c r="H717368" s="12"/>
    </row>
    <row r="717369" spans="8:8">
      <c r="H717369" s="12"/>
    </row>
    <row r="717370" spans="8:8">
      <c r="H717370" s="12"/>
    </row>
    <row r="717371" spans="8:8">
      <c r="H717371" s="12"/>
    </row>
    <row r="717372" spans="8:8">
      <c r="H717372" s="12"/>
    </row>
    <row r="717373" spans="8:8">
      <c r="H717373" s="12"/>
    </row>
    <row r="717374" spans="8:8">
      <c r="H717374" s="12"/>
    </row>
    <row r="717375" spans="8:8">
      <c r="H717375" s="12"/>
    </row>
    <row r="717376" spans="8:8">
      <c r="H717376" s="12"/>
    </row>
    <row r="717377" spans="8:8">
      <c r="H717377" s="12"/>
    </row>
    <row r="717378" spans="8:8">
      <c r="H717378" s="12"/>
    </row>
    <row r="717379" spans="8:8">
      <c r="H717379" s="12"/>
    </row>
    <row r="717380" spans="8:8">
      <c r="H717380" s="12"/>
    </row>
    <row r="717381" spans="8:8">
      <c r="H717381" s="12"/>
    </row>
    <row r="717382" spans="8:8">
      <c r="H717382" s="12"/>
    </row>
    <row r="717383" spans="8:8">
      <c r="H717383" s="12"/>
    </row>
    <row r="717384" spans="8:8">
      <c r="H717384" s="12"/>
    </row>
    <row r="717385" spans="8:8">
      <c r="H717385" s="12"/>
    </row>
    <row r="717386" spans="8:8">
      <c r="H717386" s="12"/>
    </row>
    <row r="717387" spans="8:8">
      <c r="H717387" s="12"/>
    </row>
    <row r="717388" spans="8:8">
      <c r="H717388" s="12"/>
    </row>
    <row r="717389" spans="8:8">
      <c r="H717389" s="12"/>
    </row>
    <row r="717390" spans="8:8">
      <c r="H717390" s="12"/>
    </row>
    <row r="717391" spans="8:8">
      <c r="H717391" s="12"/>
    </row>
    <row r="717392" spans="8:8">
      <c r="H717392" s="12"/>
    </row>
    <row r="717393" spans="8:8">
      <c r="H717393" s="12"/>
    </row>
    <row r="717394" spans="8:8">
      <c r="H717394" s="12"/>
    </row>
    <row r="717395" spans="8:8">
      <c r="H717395" s="12"/>
    </row>
    <row r="717396" spans="8:8">
      <c r="H717396" s="12"/>
    </row>
    <row r="717397" spans="8:8">
      <c r="H717397" s="12"/>
    </row>
    <row r="717398" spans="8:8">
      <c r="H717398" s="12"/>
    </row>
    <row r="717399" spans="8:8">
      <c r="H717399" s="12"/>
    </row>
    <row r="717400" spans="8:8">
      <c r="H717400" s="12"/>
    </row>
    <row r="717401" spans="8:8">
      <c r="H717401" s="12"/>
    </row>
    <row r="717402" spans="8:8">
      <c r="H717402" s="12"/>
    </row>
    <row r="717403" spans="8:8">
      <c r="H717403" s="12"/>
    </row>
    <row r="717404" spans="8:8">
      <c r="H717404" s="12"/>
    </row>
    <row r="717405" spans="8:8">
      <c r="H717405" s="12"/>
    </row>
    <row r="717406" spans="8:8">
      <c r="H717406" s="12"/>
    </row>
    <row r="717407" spans="8:8">
      <c r="H717407" s="12"/>
    </row>
    <row r="717408" spans="8:8">
      <c r="H717408" s="12"/>
    </row>
    <row r="717409" spans="8:8">
      <c r="H717409" s="12"/>
    </row>
    <row r="717410" spans="8:8">
      <c r="H717410" s="12"/>
    </row>
    <row r="717411" spans="8:8">
      <c r="H717411" s="12"/>
    </row>
    <row r="717412" spans="8:8">
      <c r="H717412" s="12"/>
    </row>
    <row r="717413" spans="8:8">
      <c r="H717413" s="12"/>
    </row>
    <row r="717414" spans="8:8">
      <c r="H717414" s="12"/>
    </row>
    <row r="717415" spans="8:8">
      <c r="H717415" s="12"/>
    </row>
    <row r="717416" spans="8:8">
      <c r="H717416" s="12"/>
    </row>
    <row r="717417" spans="8:8">
      <c r="H717417" s="12"/>
    </row>
    <row r="717418" spans="8:8">
      <c r="H717418" s="12"/>
    </row>
    <row r="717419" spans="8:8">
      <c r="H717419" s="12"/>
    </row>
    <row r="717420" spans="8:8">
      <c r="H717420" s="12"/>
    </row>
    <row r="717421" spans="8:8">
      <c r="H717421" s="12"/>
    </row>
    <row r="717422" spans="8:8">
      <c r="H717422" s="12"/>
    </row>
    <row r="717423" spans="8:8">
      <c r="H717423" s="12"/>
    </row>
    <row r="717424" spans="8:8">
      <c r="H717424" s="12"/>
    </row>
    <row r="717425" spans="8:8">
      <c r="H717425" s="12"/>
    </row>
    <row r="717426" spans="8:8">
      <c r="H717426" s="12"/>
    </row>
    <row r="717427" spans="8:8">
      <c r="H717427" s="12"/>
    </row>
    <row r="717428" spans="8:8">
      <c r="H717428" s="12"/>
    </row>
    <row r="717429" spans="8:8">
      <c r="H717429" s="12"/>
    </row>
    <row r="717430" spans="8:8">
      <c r="H717430" s="12"/>
    </row>
    <row r="717431" spans="8:8">
      <c r="H717431" s="12"/>
    </row>
    <row r="717432" spans="8:8">
      <c r="H717432" s="12"/>
    </row>
    <row r="717433" spans="8:8">
      <c r="H717433" s="12"/>
    </row>
    <row r="717434" spans="8:8">
      <c r="H717434" s="12"/>
    </row>
    <row r="717435" spans="8:8">
      <c r="H717435" s="12"/>
    </row>
    <row r="717436" spans="8:8">
      <c r="H717436" s="12"/>
    </row>
    <row r="717437" spans="8:8">
      <c r="H717437" s="12"/>
    </row>
    <row r="717438" spans="8:8">
      <c r="H717438" s="12"/>
    </row>
    <row r="717439" spans="8:8">
      <c r="H717439" s="12"/>
    </row>
    <row r="717440" spans="8:8">
      <c r="H717440" s="12"/>
    </row>
    <row r="717441" spans="8:8">
      <c r="H717441" s="12"/>
    </row>
    <row r="717442" spans="8:8">
      <c r="H717442" s="12"/>
    </row>
    <row r="717443" spans="8:8">
      <c r="H717443" s="12"/>
    </row>
    <row r="717444" spans="8:8">
      <c r="H717444" s="12"/>
    </row>
    <row r="717445" spans="8:8">
      <c r="H717445" s="12"/>
    </row>
    <row r="717446" spans="8:8">
      <c r="H717446" s="12"/>
    </row>
    <row r="717447" spans="8:8">
      <c r="H717447" s="12"/>
    </row>
    <row r="717448" spans="8:8">
      <c r="H717448" s="12"/>
    </row>
    <row r="717449" spans="8:8">
      <c r="H717449" s="12"/>
    </row>
    <row r="717450" spans="8:8">
      <c r="H717450" s="12"/>
    </row>
    <row r="717451" spans="8:8">
      <c r="H717451" s="12"/>
    </row>
    <row r="717452" spans="8:8">
      <c r="H717452" s="12"/>
    </row>
    <row r="717453" spans="8:8">
      <c r="H717453" s="12"/>
    </row>
    <row r="717454" spans="8:8">
      <c r="H717454" s="12"/>
    </row>
    <row r="717455" spans="8:8">
      <c r="H717455" s="12"/>
    </row>
    <row r="717456" spans="8:8">
      <c r="H717456" s="12"/>
    </row>
    <row r="717457" spans="8:8">
      <c r="H717457" s="12"/>
    </row>
    <row r="717458" spans="8:8">
      <c r="H717458" s="12"/>
    </row>
    <row r="717459" spans="8:8">
      <c r="H717459" s="12"/>
    </row>
    <row r="717460" spans="8:8">
      <c r="H717460" s="12"/>
    </row>
    <row r="717461" spans="8:8">
      <c r="H717461" s="12"/>
    </row>
    <row r="717462" spans="8:8">
      <c r="H717462" s="12"/>
    </row>
    <row r="717463" spans="8:8">
      <c r="H717463" s="12"/>
    </row>
    <row r="717464" spans="8:8">
      <c r="H717464" s="12"/>
    </row>
    <row r="717465" spans="8:8">
      <c r="H717465" s="12"/>
    </row>
    <row r="717466" spans="8:8">
      <c r="H717466" s="12"/>
    </row>
    <row r="717467" spans="8:8">
      <c r="H717467" s="12"/>
    </row>
    <row r="717468" spans="8:8">
      <c r="H717468" s="12"/>
    </row>
    <row r="717469" spans="8:8">
      <c r="H717469" s="12"/>
    </row>
    <row r="717470" spans="8:8">
      <c r="H717470" s="12"/>
    </row>
    <row r="717471" spans="8:8">
      <c r="H717471" s="12"/>
    </row>
    <row r="717472" spans="8:8">
      <c r="H717472" s="12"/>
    </row>
    <row r="717473" spans="8:8">
      <c r="H717473" s="12"/>
    </row>
    <row r="717474" spans="8:8">
      <c r="H717474" s="12"/>
    </row>
    <row r="717475" spans="8:8">
      <c r="H717475" s="12"/>
    </row>
    <row r="717476" spans="8:8">
      <c r="H717476" s="12"/>
    </row>
    <row r="717477" spans="8:8">
      <c r="H717477" s="12"/>
    </row>
    <row r="717478" spans="8:8">
      <c r="H717478" s="12"/>
    </row>
    <row r="717479" spans="8:8">
      <c r="H717479" s="12"/>
    </row>
    <row r="717480" spans="8:8">
      <c r="H717480" s="12"/>
    </row>
    <row r="717481" spans="8:8">
      <c r="H717481" s="12"/>
    </row>
    <row r="717482" spans="8:8">
      <c r="H717482" s="12"/>
    </row>
    <row r="717483" spans="8:8">
      <c r="H717483" s="12"/>
    </row>
    <row r="717484" spans="8:8">
      <c r="H717484" s="12"/>
    </row>
    <row r="717485" spans="8:8">
      <c r="H717485" s="12"/>
    </row>
    <row r="717486" spans="8:8">
      <c r="H717486" s="12"/>
    </row>
    <row r="717487" spans="8:8">
      <c r="H717487" s="12"/>
    </row>
    <row r="717488" spans="8:8">
      <c r="H717488" s="12"/>
    </row>
    <row r="717489" spans="8:8">
      <c r="H717489" s="12"/>
    </row>
    <row r="717490" spans="8:8">
      <c r="H717490" s="12"/>
    </row>
    <row r="717491" spans="8:8">
      <c r="H717491" s="12"/>
    </row>
    <row r="717492" spans="8:8">
      <c r="H717492" s="12"/>
    </row>
    <row r="717493" spans="8:8">
      <c r="H717493" s="12"/>
    </row>
    <row r="717494" spans="8:8">
      <c r="H717494" s="12"/>
    </row>
    <row r="717495" spans="8:8">
      <c r="H717495" s="12"/>
    </row>
    <row r="717496" spans="8:8">
      <c r="H717496" s="12"/>
    </row>
    <row r="717497" spans="8:8">
      <c r="H717497" s="12"/>
    </row>
    <row r="717498" spans="8:8">
      <c r="H717498" s="12"/>
    </row>
    <row r="717499" spans="8:8">
      <c r="H717499" s="12"/>
    </row>
    <row r="717500" spans="8:8">
      <c r="H717500" s="12"/>
    </row>
    <row r="717501" spans="8:8">
      <c r="H717501" s="12"/>
    </row>
    <row r="717502" spans="8:8">
      <c r="H717502" s="12"/>
    </row>
    <row r="717503" spans="8:8">
      <c r="H717503" s="12"/>
    </row>
    <row r="717504" spans="8:8">
      <c r="H717504" s="12"/>
    </row>
    <row r="717505" spans="8:8">
      <c r="H717505" s="12"/>
    </row>
    <row r="717506" spans="8:8">
      <c r="H717506" s="12"/>
    </row>
    <row r="717507" spans="8:8">
      <c r="H717507" s="12"/>
    </row>
    <row r="717508" spans="8:8">
      <c r="H717508" s="12"/>
    </row>
    <row r="717509" spans="8:8">
      <c r="H717509" s="12"/>
    </row>
    <row r="717510" spans="8:8">
      <c r="H717510" s="12"/>
    </row>
    <row r="717511" spans="8:8">
      <c r="H717511" s="12"/>
    </row>
    <row r="717512" spans="8:8">
      <c r="H717512" s="12"/>
    </row>
    <row r="717513" spans="8:8">
      <c r="H717513" s="12"/>
    </row>
    <row r="717514" spans="8:8">
      <c r="H717514" s="12"/>
    </row>
    <row r="717515" spans="8:8">
      <c r="H717515" s="12"/>
    </row>
    <row r="717516" spans="8:8">
      <c r="H717516" s="12"/>
    </row>
    <row r="717517" spans="8:8">
      <c r="H717517" s="12"/>
    </row>
    <row r="717518" spans="8:8">
      <c r="H717518" s="12"/>
    </row>
    <row r="717519" spans="8:8">
      <c r="H717519" s="12"/>
    </row>
    <row r="717520" spans="8:8">
      <c r="H717520" s="12"/>
    </row>
    <row r="717521" spans="8:8">
      <c r="H717521" s="12"/>
    </row>
    <row r="717522" spans="8:8">
      <c r="H717522" s="12"/>
    </row>
    <row r="717523" spans="8:8">
      <c r="H717523" s="12"/>
    </row>
    <row r="717524" spans="8:8">
      <c r="H717524" s="12"/>
    </row>
    <row r="717525" spans="8:8">
      <c r="H717525" s="12"/>
    </row>
    <row r="717526" spans="8:8">
      <c r="H717526" s="12"/>
    </row>
    <row r="717527" spans="8:8">
      <c r="H717527" s="12"/>
    </row>
    <row r="717528" spans="8:8">
      <c r="H717528" s="12"/>
    </row>
    <row r="717529" spans="8:8">
      <c r="H717529" s="12"/>
    </row>
    <row r="717530" spans="8:8">
      <c r="H717530" s="12"/>
    </row>
    <row r="717531" spans="8:8">
      <c r="H717531" s="12"/>
    </row>
    <row r="717532" spans="8:8">
      <c r="H717532" s="12"/>
    </row>
    <row r="717533" spans="8:8">
      <c r="H717533" s="12"/>
    </row>
    <row r="717534" spans="8:8">
      <c r="H717534" s="12"/>
    </row>
    <row r="717535" spans="8:8">
      <c r="H717535" s="12"/>
    </row>
    <row r="717536" spans="8:8">
      <c r="H717536" s="12"/>
    </row>
    <row r="717537" spans="8:8">
      <c r="H717537" s="12"/>
    </row>
    <row r="717538" spans="8:8">
      <c r="H717538" s="12"/>
    </row>
    <row r="717539" spans="8:8">
      <c r="H717539" s="12"/>
    </row>
    <row r="717540" spans="8:8">
      <c r="H717540" s="12"/>
    </row>
    <row r="717541" spans="8:8">
      <c r="H717541" s="12"/>
    </row>
    <row r="717542" spans="8:8">
      <c r="H717542" s="12"/>
    </row>
    <row r="717543" spans="8:8">
      <c r="H717543" s="12"/>
    </row>
    <row r="717544" spans="8:8">
      <c r="H717544" s="12"/>
    </row>
    <row r="717545" spans="8:8">
      <c r="H717545" s="12"/>
    </row>
    <row r="717546" spans="8:8">
      <c r="H717546" s="12"/>
    </row>
    <row r="717547" spans="8:8">
      <c r="H717547" s="12"/>
    </row>
    <row r="717548" spans="8:8">
      <c r="H717548" s="12"/>
    </row>
    <row r="717549" spans="8:8">
      <c r="H717549" s="12"/>
    </row>
    <row r="717550" spans="8:8">
      <c r="H717550" s="12"/>
    </row>
    <row r="717551" spans="8:8">
      <c r="H717551" s="12"/>
    </row>
    <row r="717552" spans="8:8">
      <c r="H717552" s="12"/>
    </row>
    <row r="717553" spans="8:8">
      <c r="H717553" s="12"/>
    </row>
    <row r="717554" spans="8:8">
      <c r="H717554" s="12"/>
    </row>
    <row r="717555" spans="8:8">
      <c r="H717555" s="12"/>
    </row>
    <row r="717556" spans="8:8">
      <c r="H717556" s="12"/>
    </row>
    <row r="717557" spans="8:8">
      <c r="H717557" s="12"/>
    </row>
    <row r="717558" spans="8:8">
      <c r="H717558" s="12"/>
    </row>
    <row r="717559" spans="8:8">
      <c r="H717559" s="12"/>
    </row>
    <row r="717560" spans="8:8">
      <c r="H717560" s="12"/>
    </row>
    <row r="717561" spans="8:8">
      <c r="H717561" s="12"/>
    </row>
    <row r="717562" spans="8:8">
      <c r="H717562" s="12"/>
    </row>
    <row r="717563" spans="8:8">
      <c r="H717563" s="12"/>
    </row>
    <row r="717564" spans="8:8">
      <c r="H717564" s="12"/>
    </row>
    <row r="717565" spans="8:8">
      <c r="H717565" s="12"/>
    </row>
    <row r="717566" spans="8:8">
      <c r="H717566" s="12"/>
    </row>
    <row r="717567" spans="8:8">
      <c r="H717567" s="12"/>
    </row>
    <row r="717568" spans="8:8">
      <c r="H717568" s="12"/>
    </row>
    <row r="717569" spans="8:8">
      <c r="H717569" s="12"/>
    </row>
    <row r="717570" spans="8:8">
      <c r="H717570" s="12"/>
    </row>
    <row r="717571" spans="8:8">
      <c r="H717571" s="12"/>
    </row>
    <row r="717572" spans="8:8">
      <c r="H717572" s="12"/>
    </row>
    <row r="717573" spans="8:8">
      <c r="H717573" s="12"/>
    </row>
    <row r="717574" spans="8:8">
      <c r="H717574" s="12"/>
    </row>
    <row r="717575" spans="8:8">
      <c r="H717575" s="12"/>
    </row>
    <row r="717576" spans="8:8">
      <c r="H717576" s="12"/>
    </row>
    <row r="717577" spans="8:8">
      <c r="H717577" s="12"/>
    </row>
    <row r="717578" spans="8:8">
      <c r="H717578" s="12"/>
    </row>
    <row r="717579" spans="8:8">
      <c r="H717579" s="12"/>
    </row>
    <row r="717580" spans="8:8">
      <c r="H717580" s="12"/>
    </row>
    <row r="717581" spans="8:8">
      <c r="H717581" s="12"/>
    </row>
    <row r="717582" spans="8:8">
      <c r="H717582" s="12"/>
    </row>
    <row r="717583" spans="8:8">
      <c r="H717583" s="12"/>
    </row>
    <row r="717584" spans="8:8">
      <c r="H717584" s="12"/>
    </row>
    <row r="717585" spans="8:8">
      <c r="H717585" s="12"/>
    </row>
    <row r="717586" spans="8:8">
      <c r="H717586" s="12"/>
    </row>
    <row r="717587" spans="8:8">
      <c r="H717587" s="12"/>
    </row>
    <row r="717588" spans="8:8">
      <c r="H717588" s="12"/>
    </row>
    <row r="717589" spans="8:8">
      <c r="H717589" s="12"/>
    </row>
    <row r="717590" spans="8:8">
      <c r="H717590" s="12"/>
    </row>
    <row r="717591" spans="8:8">
      <c r="H717591" s="12"/>
    </row>
    <row r="717592" spans="8:8">
      <c r="H717592" s="12"/>
    </row>
    <row r="717593" spans="8:8">
      <c r="H717593" s="12"/>
    </row>
    <row r="717594" spans="8:8">
      <c r="H717594" s="12"/>
    </row>
    <row r="717595" spans="8:8">
      <c r="H717595" s="12"/>
    </row>
    <row r="717596" spans="8:8">
      <c r="H717596" s="12"/>
    </row>
    <row r="717597" spans="8:8">
      <c r="H717597" s="12"/>
    </row>
    <row r="717598" spans="8:8">
      <c r="H717598" s="12"/>
    </row>
    <row r="717599" spans="8:8">
      <c r="H717599" s="12"/>
    </row>
    <row r="717600" spans="8:8">
      <c r="H717600" s="12"/>
    </row>
    <row r="717601" spans="8:8">
      <c r="H717601" s="12"/>
    </row>
    <row r="717602" spans="8:8">
      <c r="H717602" s="12"/>
    </row>
    <row r="717603" spans="8:8">
      <c r="H717603" s="12"/>
    </row>
    <row r="717604" spans="8:8">
      <c r="H717604" s="12"/>
    </row>
    <row r="717605" spans="8:8">
      <c r="H717605" s="12"/>
    </row>
    <row r="717606" spans="8:8">
      <c r="H717606" s="12"/>
    </row>
    <row r="717607" spans="8:8">
      <c r="H717607" s="12"/>
    </row>
    <row r="717608" spans="8:8">
      <c r="H717608" s="12"/>
    </row>
    <row r="717609" spans="8:8">
      <c r="H717609" s="12"/>
    </row>
    <row r="717610" spans="8:8">
      <c r="H717610" s="12"/>
    </row>
    <row r="717611" spans="8:8">
      <c r="H717611" s="12"/>
    </row>
    <row r="717612" spans="8:8">
      <c r="H717612" s="12"/>
    </row>
    <row r="717613" spans="8:8">
      <c r="H717613" s="12"/>
    </row>
    <row r="717614" spans="8:8">
      <c r="H717614" s="12"/>
    </row>
    <row r="717615" spans="8:8">
      <c r="H717615" s="12"/>
    </row>
    <row r="717616" spans="8:8">
      <c r="H717616" s="12"/>
    </row>
    <row r="717617" spans="8:8">
      <c r="H717617" s="12"/>
    </row>
    <row r="717618" spans="8:8">
      <c r="H717618" s="12"/>
    </row>
    <row r="717619" spans="8:8">
      <c r="H717619" s="12"/>
    </row>
    <row r="717620" spans="8:8">
      <c r="H717620" s="12"/>
    </row>
    <row r="717621" spans="8:8">
      <c r="H717621" s="12"/>
    </row>
    <row r="717622" spans="8:8">
      <c r="H717622" s="12"/>
    </row>
    <row r="717623" spans="8:8">
      <c r="H717623" s="12"/>
    </row>
    <row r="717624" spans="8:8">
      <c r="H717624" s="12"/>
    </row>
    <row r="717625" spans="8:8">
      <c r="H717625" s="12"/>
    </row>
    <row r="717626" spans="8:8">
      <c r="H717626" s="12"/>
    </row>
    <row r="717627" spans="8:8">
      <c r="H717627" s="12"/>
    </row>
    <row r="717628" spans="8:8">
      <c r="H717628" s="12"/>
    </row>
    <row r="717629" spans="8:8">
      <c r="H717629" s="12"/>
    </row>
    <row r="717630" spans="8:8">
      <c r="H717630" s="12"/>
    </row>
    <row r="717631" spans="8:8">
      <c r="H717631" s="12"/>
    </row>
    <row r="717632" spans="8:8">
      <c r="H717632" s="12"/>
    </row>
    <row r="717633" spans="8:8">
      <c r="H717633" s="12"/>
    </row>
    <row r="717634" spans="8:8">
      <c r="H717634" s="12"/>
    </row>
    <row r="717635" spans="8:8">
      <c r="H717635" s="12"/>
    </row>
    <row r="717636" spans="8:8">
      <c r="H717636" s="12"/>
    </row>
    <row r="717637" spans="8:8">
      <c r="H717637" s="12"/>
    </row>
    <row r="717638" spans="8:8">
      <c r="H717638" s="12"/>
    </row>
    <row r="717639" spans="8:8">
      <c r="H717639" s="12"/>
    </row>
    <row r="717640" spans="8:8">
      <c r="H717640" s="12"/>
    </row>
    <row r="717641" spans="8:8">
      <c r="H717641" s="12"/>
    </row>
    <row r="717642" spans="8:8">
      <c r="H717642" s="12"/>
    </row>
    <row r="717643" spans="8:8">
      <c r="H717643" s="12"/>
    </row>
    <row r="717644" spans="8:8">
      <c r="H717644" s="12"/>
    </row>
    <row r="717645" spans="8:8">
      <c r="H717645" s="12"/>
    </row>
    <row r="717646" spans="8:8">
      <c r="H717646" s="12"/>
    </row>
    <row r="717647" spans="8:8">
      <c r="H717647" s="12"/>
    </row>
    <row r="717648" spans="8:8">
      <c r="H717648" s="12"/>
    </row>
    <row r="717649" spans="8:8">
      <c r="H717649" s="12"/>
    </row>
    <row r="717650" spans="8:8">
      <c r="H717650" s="12"/>
    </row>
    <row r="717651" spans="8:8">
      <c r="H717651" s="12"/>
    </row>
    <row r="717652" spans="8:8">
      <c r="H717652" s="12"/>
    </row>
    <row r="717653" spans="8:8">
      <c r="H717653" s="12"/>
    </row>
    <row r="717654" spans="8:8">
      <c r="H717654" s="12"/>
    </row>
    <row r="717655" spans="8:8">
      <c r="H717655" s="12"/>
    </row>
    <row r="717656" spans="8:8">
      <c r="H717656" s="12"/>
    </row>
    <row r="717657" spans="8:8">
      <c r="H717657" s="12"/>
    </row>
    <row r="717658" spans="8:8">
      <c r="H717658" s="12"/>
    </row>
    <row r="717659" spans="8:8">
      <c r="H717659" s="12"/>
    </row>
    <row r="717660" spans="8:8">
      <c r="H717660" s="12"/>
    </row>
    <row r="717661" spans="8:8">
      <c r="H717661" s="12"/>
    </row>
    <row r="717662" spans="8:8">
      <c r="H717662" s="12"/>
    </row>
    <row r="717663" spans="8:8">
      <c r="H717663" s="12"/>
    </row>
    <row r="717664" spans="8:8">
      <c r="H717664" s="12"/>
    </row>
    <row r="717665" spans="8:8">
      <c r="H717665" s="12"/>
    </row>
    <row r="717666" spans="8:8">
      <c r="H717666" s="12"/>
    </row>
    <row r="717667" spans="8:8">
      <c r="H717667" s="12"/>
    </row>
    <row r="717668" spans="8:8">
      <c r="H717668" s="12"/>
    </row>
    <row r="717669" spans="8:8">
      <c r="H717669" s="12"/>
    </row>
    <row r="717670" spans="8:8">
      <c r="H717670" s="12"/>
    </row>
    <row r="717671" spans="8:8">
      <c r="H717671" s="12"/>
    </row>
    <row r="717672" spans="8:8">
      <c r="H717672" s="12"/>
    </row>
    <row r="717673" spans="8:8">
      <c r="H717673" s="12"/>
    </row>
    <row r="717674" spans="8:8">
      <c r="H717674" s="12"/>
    </row>
    <row r="717675" spans="8:8">
      <c r="H717675" s="12"/>
    </row>
    <row r="717676" spans="8:8">
      <c r="H717676" s="12"/>
    </row>
    <row r="717677" spans="8:8">
      <c r="H717677" s="12"/>
    </row>
    <row r="717678" spans="8:8">
      <c r="H717678" s="12"/>
    </row>
    <row r="717679" spans="8:8">
      <c r="H717679" s="12"/>
    </row>
    <row r="717680" spans="8:8">
      <c r="H717680" s="12"/>
    </row>
    <row r="717681" spans="8:8">
      <c r="H717681" s="12"/>
    </row>
    <row r="717682" spans="8:8">
      <c r="H717682" s="12"/>
    </row>
    <row r="717683" spans="8:8">
      <c r="H717683" s="12"/>
    </row>
    <row r="717684" spans="8:8">
      <c r="H717684" s="12"/>
    </row>
    <row r="717685" spans="8:8">
      <c r="H717685" s="12"/>
    </row>
    <row r="717686" spans="8:8">
      <c r="H717686" s="12"/>
    </row>
    <row r="717687" spans="8:8">
      <c r="H717687" s="12"/>
    </row>
    <row r="717688" spans="8:8">
      <c r="H717688" s="12"/>
    </row>
    <row r="717689" spans="8:8">
      <c r="H717689" s="12"/>
    </row>
    <row r="717690" spans="8:8">
      <c r="H717690" s="12"/>
    </row>
    <row r="717691" spans="8:8">
      <c r="H717691" s="12"/>
    </row>
    <row r="717692" spans="8:8">
      <c r="H717692" s="12"/>
    </row>
    <row r="717693" spans="8:8">
      <c r="H717693" s="12"/>
    </row>
    <row r="717694" spans="8:8">
      <c r="H717694" s="12"/>
    </row>
    <row r="717695" spans="8:8">
      <c r="H717695" s="12"/>
    </row>
    <row r="717696" spans="8:8">
      <c r="H717696" s="12"/>
    </row>
    <row r="717697" spans="8:8">
      <c r="H717697" s="12"/>
    </row>
    <row r="717698" spans="8:8">
      <c r="H717698" s="12"/>
    </row>
    <row r="717699" spans="8:8">
      <c r="H717699" s="12"/>
    </row>
    <row r="717700" spans="8:8">
      <c r="H717700" s="12"/>
    </row>
    <row r="717701" spans="8:8">
      <c r="H717701" s="12"/>
    </row>
    <row r="717702" spans="8:8">
      <c r="H717702" s="12"/>
    </row>
    <row r="717703" spans="8:8">
      <c r="H717703" s="12"/>
    </row>
    <row r="717704" spans="8:8">
      <c r="H717704" s="12"/>
    </row>
    <row r="717705" spans="8:8">
      <c r="H717705" s="12"/>
    </row>
    <row r="717706" spans="8:8">
      <c r="H717706" s="12"/>
    </row>
    <row r="717707" spans="8:8">
      <c r="H717707" s="12"/>
    </row>
    <row r="717708" spans="8:8">
      <c r="H717708" s="12"/>
    </row>
    <row r="717709" spans="8:8">
      <c r="H717709" s="12"/>
    </row>
    <row r="717710" spans="8:8">
      <c r="H717710" s="12"/>
    </row>
    <row r="717711" spans="8:8">
      <c r="H717711" s="12"/>
    </row>
    <row r="717712" spans="8:8">
      <c r="H717712" s="12"/>
    </row>
    <row r="717713" spans="8:8">
      <c r="H717713" s="12"/>
    </row>
    <row r="717714" spans="8:8">
      <c r="H717714" s="12"/>
    </row>
    <row r="717715" spans="8:8">
      <c r="H717715" s="12"/>
    </row>
    <row r="717716" spans="8:8">
      <c r="H717716" s="12"/>
    </row>
    <row r="717717" spans="8:8">
      <c r="H717717" s="12"/>
    </row>
    <row r="717718" spans="8:8">
      <c r="H717718" s="12"/>
    </row>
    <row r="717719" spans="8:8">
      <c r="H717719" s="12"/>
    </row>
    <row r="717720" spans="8:8">
      <c r="H717720" s="12"/>
    </row>
    <row r="717721" spans="8:8">
      <c r="H717721" s="12"/>
    </row>
    <row r="717722" spans="8:8">
      <c r="H717722" s="12"/>
    </row>
    <row r="717723" spans="8:8">
      <c r="H717723" s="12"/>
    </row>
    <row r="717724" spans="8:8">
      <c r="H717724" s="12"/>
    </row>
    <row r="717725" spans="8:8">
      <c r="H717725" s="12"/>
    </row>
    <row r="717726" spans="8:8">
      <c r="H717726" s="12"/>
    </row>
    <row r="717727" spans="8:8">
      <c r="H717727" s="12"/>
    </row>
    <row r="717728" spans="8:8">
      <c r="H717728" s="12"/>
    </row>
    <row r="717729" spans="8:8">
      <c r="H717729" s="12"/>
    </row>
    <row r="717730" spans="8:8">
      <c r="H717730" s="12"/>
    </row>
    <row r="717731" spans="8:8">
      <c r="H717731" s="12"/>
    </row>
    <row r="717732" spans="8:8">
      <c r="H717732" s="12"/>
    </row>
    <row r="717733" spans="8:8">
      <c r="H717733" s="12"/>
    </row>
    <row r="717734" spans="8:8">
      <c r="H717734" s="12"/>
    </row>
    <row r="717735" spans="8:8">
      <c r="H717735" s="12"/>
    </row>
    <row r="717736" spans="8:8">
      <c r="H717736" s="12"/>
    </row>
    <row r="717737" spans="8:8">
      <c r="H717737" s="12"/>
    </row>
    <row r="717738" spans="8:8">
      <c r="H717738" s="12"/>
    </row>
    <row r="717739" spans="8:8">
      <c r="H717739" s="12"/>
    </row>
    <row r="717740" spans="8:8">
      <c r="H717740" s="12"/>
    </row>
    <row r="717741" spans="8:8">
      <c r="H717741" s="12"/>
    </row>
    <row r="717742" spans="8:8">
      <c r="H717742" s="12"/>
    </row>
    <row r="717743" spans="8:8">
      <c r="H717743" s="12"/>
    </row>
    <row r="717744" spans="8:8">
      <c r="H717744" s="12"/>
    </row>
    <row r="717745" spans="8:8">
      <c r="H717745" s="12"/>
    </row>
    <row r="717746" spans="8:8">
      <c r="H717746" s="12"/>
    </row>
    <row r="717747" spans="8:8">
      <c r="H717747" s="12"/>
    </row>
    <row r="717748" spans="8:8">
      <c r="H717748" s="12"/>
    </row>
    <row r="717749" spans="8:8">
      <c r="H717749" s="12"/>
    </row>
    <row r="717750" spans="8:8">
      <c r="H717750" s="12"/>
    </row>
    <row r="717751" spans="8:8">
      <c r="H717751" s="12"/>
    </row>
    <row r="717752" spans="8:8">
      <c r="H717752" s="12"/>
    </row>
    <row r="717753" spans="8:8">
      <c r="H717753" s="12"/>
    </row>
    <row r="717754" spans="8:8">
      <c r="H717754" s="12"/>
    </row>
    <row r="717755" spans="8:8">
      <c r="H717755" s="12"/>
    </row>
    <row r="717756" spans="8:8">
      <c r="H717756" s="12"/>
    </row>
    <row r="717757" spans="8:8">
      <c r="H717757" s="12"/>
    </row>
    <row r="717758" spans="8:8">
      <c r="H717758" s="12"/>
    </row>
    <row r="717759" spans="8:8">
      <c r="H717759" s="12"/>
    </row>
    <row r="717760" spans="8:8">
      <c r="H717760" s="12"/>
    </row>
    <row r="717761" spans="8:8">
      <c r="H717761" s="12"/>
    </row>
    <row r="717762" spans="8:8">
      <c r="H717762" s="12"/>
    </row>
    <row r="717763" spans="8:8">
      <c r="H717763" s="12"/>
    </row>
    <row r="717764" spans="8:8">
      <c r="H717764" s="12"/>
    </row>
    <row r="717765" spans="8:8">
      <c r="H717765" s="12"/>
    </row>
    <row r="717766" spans="8:8">
      <c r="H717766" s="12"/>
    </row>
    <row r="717767" spans="8:8">
      <c r="H717767" s="12"/>
    </row>
    <row r="717768" spans="8:8">
      <c r="H717768" s="12"/>
    </row>
    <row r="717769" spans="8:8">
      <c r="H717769" s="12"/>
    </row>
    <row r="717770" spans="8:8">
      <c r="H717770" s="12"/>
    </row>
    <row r="717771" spans="8:8">
      <c r="H717771" s="12"/>
    </row>
    <row r="717772" spans="8:8">
      <c r="H717772" s="12"/>
    </row>
    <row r="717773" spans="8:8">
      <c r="H717773" s="12"/>
    </row>
    <row r="717774" spans="8:8">
      <c r="H717774" s="12"/>
    </row>
    <row r="717775" spans="8:8">
      <c r="H717775" s="12"/>
    </row>
    <row r="717776" spans="8:8">
      <c r="H717776" s="12"/>
    </row>
    <row r="717777" spans="8:8">
      <c r="H717777" s="12"/>
    </row>
    <row r="717778" spans="8:8">
      <c r="H717778" s="12"/>
    </row>
    <row r="717779" spans="8:8">
      <c r="H717779" s="12"/>
    </row>
    <row r="717780" spans="8:8">
      <c r="H717780" s="12"/>
    </row>
    <row r="717781" spans="8:8">
      <c r="H717781" s="12"/>
    </row>
    <row r="717782" spans="8:8">
      <c r="H717782" s="12"/>
    </row>
    <row r="717783" spans="8:8">
      <c r="H717783" s="12"/>
    </row>
    <row r="717784" spans="8:8">
      <c r="H717784" s="12"/>
    </row>
    <row r="717785" spans="8:8">
      <c r="H717785" s="12"/>
    </row>
    <row r="717786" spans="8:8">
      <c r="H717786" s="12"/>
    </row>
    <row r="717787" spans="8:8">
      <c r="H717787" s="12"/>
    </row>
    <row r="717788" spans="8:8">
      <c r="H717788" s="12"/>
    </row>
    <row r="717789" spans="8:8">
      <c r="H717789" s="12"/>
    </row>
    <row r="717790" spans="8:8">
      <c r="H717790" s="12"/>
    </row>
    <row r="717791" spans="8:8">
      <c r="H717791" s="12"/>
    </row>
    <row r="717792" spans="8:8">
      <c r="H717792" s="12"/>
    </row>
    <row r="717793" spans="8:8">
      <c r="H717793" s="12"/>
    </row>
    <row r="717794" spans="8:8">
      <c r="H717794" s="12"/>
    </row>
    <row r="717795" spans="8:8">
      <c r="H717795" s="12"/>
    </row>
    <row r="717796" spans="8:8">
      <c r="H717796" s="12"/>
    </row>
    <row r="717797" spans="8:8">
      <c r="H717797" s="12"/>
    </row>
    <row r="717798" spans="8:8">
      <c r="H717798" s="12"/>
    </row>
    <row r="717799" spans="8:8">
      <c r="H717799" s="12"/>
    </row>
    <row r="717800" spans="8:8">
      <c r="H717800" s="12"/>
    </row>
    <row r="717801" spans="8:8">
      <c r="H717801" s="12"/>
    </row>
    <row r="717802" spans="8:8">
      <c r="H717802" s="12"/>
    </row>
    <row r="717803" spans="8:8">
      <c r="H717803" s="12"/>
    </row>
    <row r="717804" spans="8:8">
      <c r="H717804" s="12"/>
    </row>
    <row r="717805" spans="8:8">
      <c r="H717805" s="12"/>
    </row>
    <row r="717806" spans="8:8">
      <c r="H717806" s="12"/>
    </row>
    <row r="717807" spans="8:8">
      <c r="H717807" s="12"/>
    </row>
    <row r="717808" spans="8:8">
      <c r="H717808" s="12"/>
    </row>
    <row r="717809" spans="8:8">
      <c r="H717809" s="12"/>
    </row>
    <row r="717810" spans="8:8">
      <c r="H717810" s="12"/>
    </row>
    <row r="717811" spans="8:8">
      <c r="H717811" s="12"/>
    </row>
    <row r="717812" spans="8:8">
      <c r="H717812" s="12"/>
    </row>
    <row r="717813" spans="8:8">
      <c r="H717813" s="12"/>
    </row>
    <row r="717814" spans="8:8">
      <c r="H717814" s="12"/>
    </row>
    <row r="717815" spans="8:8">
      <c r="H717815" s="12"/>
    </row>
    <row r="717816" spans="8:8">
      <c r="H717816" s="12"/>
    </row>
    <row r="717817" spans="8:8">
      <c r="H717817" s="12"/>
    </row>
    <row r="717818" spans="8:8">
      <c r="H717818" s="12"/>
    </row>
    <row r="717819" spans="8:8">
      <c r="H717819" s="12"/>
    </row>
    <row r="717820" spans="8:8">
      <c r="H717820" s="12"/>
    </row>
    <row r="717821" spans="8:8">
      <c r="H717821" s="12"/>
    </row>
    <row r="717822" spans="8:8">
      <c r="H717822" s="12"/>
    </row>
    <row r="717823" spans="8:8">
      <c r="H717823" s="12"/>
    </row>
    <row r="717824" spans="8:8">
      <c r="H717824" s="12"/>
    </row>
    <row r="717825" spans="8:8">
      <c r="H717825" s="12"/>
    </row>
    <row r="717826" spans="8:8">
      <c r="H717826" s="12"/>
    </row>
    <row r="717827" spans="8:8">
      <c r="H717827" s="12"/>
    </row>
    <row r="717828" spans="8:8">
      <c r="H717828" s="12"/>
    </row>
    <row r="717829" spans="8:8">
      <c r="H717829" s="12"/>
    </row>
    <row r="717830" spans="8:8">
      <c r="H717830" s="12"/>
    </row>
    <row r="717831" spans="8:8">
      <c r="H717831" s="12"/>
    </row>
    <row r="717832" spans="8:8">
      <c r="H717832" s="12"/>
    </row>
    <row r="717833" spans="8:8">
      <c r="H717833" s="12"/>
    </row>
    <row r="717834" spans="8:8">
      <c r="H717834" s="12"/>
    </row>
    <row r="717835" spans="8:8">
      <c r="H717835" s="12"/>
    </row>
    <row r="717836" spans="8:8">
      <c r="H717836" s="12"/>
    </row>
    <row r="717837" spans="8:8">
      <c r="H717837" s="12"/>
    </row>
    <row r="717838" spans="8:8">
      <c r="H717838" s="12"/>
    </row>
    <row r="717839" spans="8:8">
      <c r="H717839" s="12"/>
    </row>
    <row r="717840" spans="8:8">
      <c r="H717840" s="12"/>
    </row>
    <row r="717841" spans="8:8">
      <c r="H717841" s="12"/>
    </row>
    <row r="717842" spans="8:8">
      <c r="H717842" s="12"/>
    </row>
    <row r="717843" spans="8:8">
      <c r="H717843" s="12"/>
    </row>
    <row r="717844" spans="8:8">
      <c r="H717844" s="12"/>
    </row>
    <row r="717845" spans="8:8">
      <c r="H717845" s="12"/>
    </row>
    <row r="717846" spans="8:8">
      <c r="H717846" s="12"/>
    </row>
    <row r="717847" spans="8:8">
      <c r="H717847" s="12"/>
    </row>
    <row r="717848" spans="8:8">
      <c r="H717848" s="12"/>
    </row>
    <row r="717849" spans="8:8">
      <c r="H717849" s="12"/>
    </row>
    <row r="717850" spans="8:8">
      <c r="H717850" s="12"/>
    </row>
    <row r="717851" spans="8:8">
      <c r="H717851" s="12"/>
    </row>
    <row r="717852" spans="8:8">
      <c r="H717852" s="12"/>
    </row>
    <row r="717853" spans="8:8">
      <c r="H717853" s="12"/>
    </row>
    <row r="717854" spans="8:8">
      <c r="H717854" s="12"/>
    </row>
    <row r="717855" spans="8:8">
      <c r="H717855" s="12"/>
    </row>
    <row r="717856" spans="8:8">
      <c r="H717856" s="12"/>
    </row>
    <row r="717857" spans="8:8">
      <c r="H717857" s="12"/>
    </row>
    <row r="717858" spans="8:8">
      <c r="H717858" s="12"/>
    </row>
    <row r="717859" spans="8:8">
      <c r="H717859" s="12"/>
    </row>
    <row r="717860" spans="8:8">
      <c r="H717860" s="12"/>
    </row>
    <row r="717861" spans="8:8">
      <c r="H717861" s="12"/>
    </row>
    <row r="717862" spans="8:8">
      <c r="H717862" s="12"/>
    </row>
    <row r="717863" spans="8:8">
      <c r="H717863" s="12"/>
    </row>
    <row r="717864" spans="8:8">
      <c r="H717864" s="12"/>
    </row>
    <row r="717865" spans="8:8">
      <c r="H717865" s="12"/>
    </row>
    <row r="717866" spans="8:8">
      <c r="H717866" s="12"/>
    </row>
    <row r="717867" spans="8:8">
      <c r="H717867" s="12"/>
    </row>
    <row r="717868" spans="8:8">
      <c r="H717868" s="12"/>
    </row>
    <row r="717869" spans="8:8">
      <c r="H717869" s="12"/>
    </row>
    <row r="717870" spans="8:8">
      <c r="H717870" s="12"/>
    </row>
    <row r="717871" spans="8:8">
      <c r="H717871" s="12"/>
    </row>
    <row r="717872" spans="8:8">
      <c r="H717872" s="12"/>
    </row>
    <row r="717873" spans="8:8">
      <c r="H717873" s="12"/>
    </row>
    <row r="717874" spans="8:8">
      <c r="H717874" s="12"/>
    </row>
    <row r="717875" spans="8:8">
      <c r="H717875" s="12"/>
    </row>
    <row r="717876" spans="8:8">
      <c r="H717876" s="12"/>
    </row>
    <row r="717877" spans="8:8">
      <c r="H717877" s="12"/>
    </row>
    <row r="717878" spans="8:8">
      <c r="H717878" s="12"/>
    </row>
    <row r="717879" spans="8:8">
      <c r="H717879" s="12"/>
    </row>
    <row r="717880" spans="8:8">
      <c r="H717880" s="12"/>
    </row>
    <row r="717881" spans="8:8">
      <c r="H717881" s="12"/>
    </row>
    <row r="717882" spans="8:8">
      <c r="H717882" s="12"/>
    </row>
    <row r="717883" spans="8:8">
      <c r="H717883" s="12"/>
    </row>
    <row r="717884" spans="8:8">
      <c r="H717884" s="12"/>
    </row>
    <row r="717885" spans="8:8">
      <c r="H717885" s="12"/>
    </row>
    <row r="717886" spans="8:8">
      <c r="H717886" s="12"/>
    </row>
    <row r="717887" spans="8:8">
      <c r="H717887" s="12"/>
    </row>
    <row r="717888" spans="8:8">
      <c r="H717888" s="12"/>
    </row>
    <row r="717889" spans="8:8">
      <c r="H717889" s="12"/>
    </row>
    <row r="717890" spans="8:8">
      <c r="H717890" s="12"/>
    </row>
    <row r="717891" spans="8:8">
      <c r="H717891" s="12"/>
    </row>
    <row r="717892" spans="8:8">
      <c r="H717892" s="12"/>
    </row>
    <row r="717893" spans="8:8">
      <c r="H717893" s="12"/>
    </row>
    <row r="717894" spans="8:8">
      <c r="H717894" s="12"/>
    </row>
    <row r="717895" spans="8:8">
      <c r="H717895" s="12"/>
    </row>
    <row r="717896" spans="8:8">
      <c r="H717896" s="12"/>
    </row>
    <row r="717897" spans="8:8">
      <c r="H717897" s="12"/>
    </row>
    <row r="717898" spans="8:8">
      <c r="H717898" s="12"/>
    </row>
    <row r="717899" spans="8:8">
      <c r="H717899" s="12"/>
    </row>
    <row r="717900" spans="8:8">
      <c r="H717900" s="12"/>
    </row>
    <row r="717901" spans="8:8">
      <c r="H717901" s="12"/>
    </row>
    <row r="717902" spans="8:8">
      <c r="H717902" s="12"/>
    </row>
    <row r="717903" spans="8:8">
      <c r="H717903" s="12"/>
    </row>
    <row r="717904" spans="8:8">
      <c r="H717904" s="12"/>
    </row>
    <row r="717905" spans="8:8">
      <c r="H717905" s="12"/>
    </row>
    <row r="717906" spans="8:8">
      <c r="H717906" s="12"/>
    </row>
    <row r="717907" spans="8:8">
      <c r="H717907" s="12"/>
    </row>
    <row r="717908" spans="8:8">
      <c r="H717908" s="12"/>
    </row>
    <row r="717909" spans="8:8">
      <c r="H717909" s="12"/>
    </row>
    <row r="717910" spans="8:8">
      <c r="H717910" s="12"/>
    </row>
    <row r="717911" spans="8:8">
      <c r="H717911" s="12"/>
    </row>
    <row r="717912" spans="8:8">
      <c r="H717912" s="12"/>
    </row>
    <row r="717913" spans="8:8">
      <c r="H717913" s="12"/>
    </row>
    <row r="717914" spans="8:8">
      <c r="H717914" s="12"/>
    </row>
    <row r="717915" spans="8:8">
      <c r="H717915" s="12"/>
    </row>
    <row r="717916" spans="8:8">
      <c r="H717916" s="12"/>
    </row>
    <row r="717917" spans="8:8">
      <c r="H717917" s="12"/>
    </row>
    <row r="717918" spans="8:8">
      <c r="H717918" s="12"/>
    </row>
    <row r="717919" spans="8:8">
      <c r="H717919" s="12"/>
    </row>
    <row r="717920" spans="8:8">
      <c r="H717920" s="12"/>
    </row>
    <row r="717921" spans="8:8">
      <c r="H717921" s="12"/>
    </row>
    <row r="717922" spans="8:8">
      <c r="H717922" s="12"/>
    </row>
    <row r="717923" spans="8:8">
      <c r="H717923" s="12"/>
    </row>
    <row r="717924" spans="8:8">
      <c r="H717924" s="12"/>
    </row>
    <row r="717925" spans="8:8">
      <c r="H717925" s="12"/>
    </row>
    <row r="717926" spans="8:8">
      <c r="H717926" s="12"/>
    </row>
    <row r="717927" spans="8:8">
      <c r="H717927" s="12"/>
    </row>
    <row r="717928" spans="8:8">
      <c r="H717928" s="12"/>
    </row>
    <row r="717929" spans="8:8">
      <c r="H717929" s="12"/>
    </row>
    <row r="717930" spans="8:8">
      <c r="H717930" s="12"/>
    </row>
    <row r="717931" spans="8:8">
      <c r="H717931" s="12"/>
    </row>
    <row r="717932" spans="8:8">
      <c r="H717932" s="12"/>
    </row>
    <row r="717933" spans="8:8">
      <c r="H717933" s="12"/>
    </row>
    <row r="717934" spans="8:8">
      <c r="H717934" s="12"/>
    </row>
    <row r="717935" spans="8:8">
      <c r="H717935" s="12"/>
    </row>
    <row r="717936" spans="8:8">
      <c r="H717936" s="12"/>
    </row>
    <row r="717937" spans="8:8">
      <c r="H717937" s="12"/>
    </row>
    <row r="717938" spans="8:8">
      <c r="H717938" s="12"/>
    </row>
    <row r="717939" spans="8:8">
      <c r="H717939" s="12"/>
    </row>
    <row r="717940" spans="8:8">
      <c r="H717940" s="12"/>
    </row>
    <row r="717941" spans="8:8">
      <c r="H717941" s="12"/>
    </row>
    <row r="717942" spans="8:8">
      <c r="H717942" s="12"/>
    </row>
    <row r="717943" spans="8:8">
      <c r="H717943" s="12"/>
    </row>
    <row r="717944" spans="8:8">
      <c r="H717944" s="12"/>
    </row>
    <row r="717945" spans="8:8">
      <c r="H717945" s="12"/>
    </row>
    <row r="717946" spans="8:8">
      <c r="H717946" s="12"/>
    </row>
    <row r="717947" spans="8:8">
      <c r="H717947" s="12"/>
    </row>
    <row r="717948" spans="8:8">
      <c r="H717948" s="12"/>
    </row>
    <row r="717949" spans="8:8">
      <c r="H717949" s="12"/>
    </row>
    <row r="717950" spans="8:8">
      <c r="H717950" s="12"/>
    </row>
    <row r="717951" spans="8:8">
      <c r="H717951" s="12"/>
    </row>
    <row r="717952" spans="8:8">
      <c r="H717952" s="12"/>
    </row>
    <row r="717953" spans="8:8">
      <c r="H717953" s="12"/>
    </row>
    <row r="717954" spans="8:8">
      <c r="H717954" s="12"/>
    </row>
    <row r="717955" spans="8:8">
      <c r="H717955" s="12"/>
    </row>
    <row r="717956" spans="8:8">
      <c r="H717956" s="12"/>
    </row>
    <row r="717957" spans="8:8">
      <c r="H717957" s="12"/>
    </row>
    <row r="717958" spans="8:8">
      <c r="H717958" s="12"/>
    </row>
    <row r="717959" spans="8:8">
      <c r="H717959" s="12"/>
    </row>
    <row r="717960" spans="8:8">
      <c r="H717960" s="12"/>
    </row>
    <row r="717961" spans="8:8">
      <c r="H717961" s="12"/>
    </row>
    <row r="717962" spans="8:8">
      <c r="H717962" s="12"/>
    </row>
    <row r="717963" spans="8:8">
      <c r="H717963" s="12"/>
    </row>
    <row r="717964" spans="8:8">
      <c r="H717964" s="12"/>
    </row>
    <row r="717965" spans="8:8">
      <c r="H717965" s="12"/>
    </row>
    <row r="717966" spans="8:8">
      <c r="H717966" s="12"/>
    </row>
    <row r="717967" spans="8:8">
      <c r="H717967" s="12"/>
    </row>
    <row r="717968" spans="8:8">
      <c r="H717968" s="12"/>
    </row>
    <row r="717969" spans="8:8">
      <c r="H717969" s="12"/>
    </row>
    <row r="717970" spans="8:8">
      <c r="H717970" s="12"/>
    </row>
    <row r="717971" spans="8:8">
      <c r="H717971" s="12"/>
    </row>
    <row r="717972" spans="8:8">
      <c r="H717972" s="12"/>
    </row>
    <row r="717973" spans="8:8">
      <c r="H717973" s="12"/>
    </row>
    <row r="717974" spans="8:8">
      <c r="H717974" s="12"/>
    </row>
    <row r="717975" spans="8:8">
      <c r="H717975" s="12"/>
    </row>
    <row r="717976" spans="8:8">
      <c r="H717976" s="12"/>
    </row>
    <row r="717977" spans="8:8">
      <c r="H717977" s="12"/>
    </row>
    <row r="717978" spans="8:8">
      <c r="H717978" s="12"/>
    </row>
    <row r="717979" spans="8:8">
      <c r="H717979" s="12"/>
    </row>
    <row r="717980" spans="8:8">
      <c r="H717980" s="12"/>
    </row>
    <row r="717981" spans="8:8">
      <c r="H717981" s="12"/>
    </row>
    <row r="717982" spans="8:8">
      <c r="H717982" s="12"/>
    </row>
    <row r="717983" spans="8:8">
      <c r="H717983" s="12"/>
    </row>
    <row r="717984" spans="8:8">
      <c r="H717984" s="12"/>
    </row>
    <row r="717985" spans="8:8">
      <c r="H717985" s="12"/>
    </row>
    <row r="717986" spans="8:8">
      <c r="H717986" s="12"/>
    </row>
    <row r="717987" spans="8:8">
      <c r="H717987" s="12"/>
    </row>
    <row r="717988" spans="8:8">
      <c r="H717988" s="12"/>
    </row>
    <row r="717989" spans="8:8">
      <c r="H717989" s="12"/>
    </row>
    <row r="717990" spans="8:8">
      <c r="H717990" s="12"/>
    </row>
    <row r="717991" spans="8:8">
      <c r="H717991" s="12"/>
    </row>
    <row r="717992" spans="8:8">
      <c r="H717992" s="12"/>
    </row>
    <row r="717993" spans="8:8">
      <c r="H717993" s="12"/>
    </row>
    <row r="717994" spans="8:8">
      <c r="H717994" s="12"/>
    </row>
    <row r="717995" spans="8:8">
      <c r="H717995" s="12"/>
    </row>
    <row r="717996" spans="8:8">
      <c r="H717996" s="12"/>
    </row>
    <row r="717997" spans="8:8">
      <c r="H717997" s="12"/>
    </row>
    <row r="717998" spans="8:8">
      <c r="H717998" s="12"/>
    </row>
    <row r="717999" spans="8:8">
      <c r="H717999" s="12"/>
    </row>
    <row r="718000" spans="8:8">
      <c r="H718000" s="12"/>
    </row>
    <row r="718001" spans="8:8">
      <c r="H718001" s="12"/>
    </row>
    <row r="718002" spans="8:8">
      <c r="H718002" s="12"/>
    </row>
    <row r="718003" spans="8:8">
      <c r="H718003" s="12"/>
    </row>
    <row r="718004" spans="8:8">
      <c r="H718004" s="12"/>
    </row>
    <row r="718005" spans="8:8">
      <c r="H718005" s="12"/>
    </row>
    <row r="718006" spans="8:8">
      <c r="H718006" s="12"/>
    </row>
    <row r="718007" spans="8:8">
      <c r="H718007" s="12"/>
    </row>
    <row r="718008" spans="8:8">
      <c r="H718008" s="12"/>
    </row>
    <row r="718009" spans="8:8">
      <c r="H718009" s="12"/>
    </row>
    <row r="718010" spans="8:8">
      <c r="H718010" s="12"/>
    </row>
    <row r="718011" spans="8:8">
      <c r="H718011" s="12"/>
    </row>
    <row r="718012" spans="8:8">
      <c r="H718012" s="12"/>
    </row>
    <row r="718013" spans="8:8">
      <c r="H718013" s="12"/>
    </row>
    <row r="718014" spans="8:8">
      <c r="H718014" s="12"/>
    </row>
    <row r="718015" spans="8:8">
      <c r="H718015" s="12"/>
    </row>
    <row r="718016" spans="8:8">
      <c r="H718016" s="12"/>
    </row>
    <row r="718017" spans="8:8">
      <c r="H718017" s="12"/>
    </row>
    <row r="718018" spans="8:8">
      <c r="H718018" s="12"/>
    </row>
    <row r="718019" spans="8:8">
      <c r="H718019" s="12"/>
    </row>
    <row r="718020" spans="8:8">
      <c r="H718020" s="12"/>
    </row>
    <row r="718021" spans="8:8">
      <c r="H718021" s="12"/>
    </row>
    <row r="718022" spans="8:8">
      <c r="H718022" s="12"/>
    </row>
    <row r="718023" spans="8:8">
      <c r="H718023" s="12"/>
    </row>
    <row r="718024" spans="8:8">
      <c r="H718024" s="12"/>
    </row>
    <row r="718025" spans="8:8">
      <c r="H718025" s="12"/>
    </row>
    <row r="718026" spans="8:8">
      <c r="H718026" s="12"/>
    </row>
    <row r="718027" spans="8:8">
      <c r="H718027" s="12"/>
    </row>
    <row r="718028" spans="8:8">
      <c r="H718028" s="12"/>
    </row>
    <row r="718029" spans="8:8">
      <c r="H718029" s="12"/>
    </row>
    <row r="718030" spans="8:8">
      <c r="H718030" s="12"/>
    </row>
    <row r="718031" spans="8:8">
      <c r="H718031" s="12"/>
    </row>
    <row r="718032" spans="8:8">
      <c r="H718032" s="12"/>
    </row>
    <row r="718033" spans="8:8">
      <c r="H718033" s="12"/>
    </row>
    <row r="718034" spans="8:8">
      <c r="H718034" s="12"/>
    </row>
    <row r="718035" spans="8:8">
      <c r="H718035" s="12"/>
    </row>
    <row r="718036" spans="8:8">
      <c r="H718036" s="12"/>
    </row>
    <row r="718037" spans="8:8">
      <c r="H718037" s="12"/>
    </row>
    <row r="718038" spans="8:8">
      <c r="H718038" s="12"/>
    </row>
    <row r="718039" spans="8:8">
      <c r="H718039" s="12"/>
    </row>
    <row r="718040" spans="8:8">
      <c r="H718040" s="12"/>
    </row>
    <row r="718041" spans="8:8">
      <c r="H718041" s="12"/>
    </row>
    <row r="718042" spans="8:8">
      <c r="H718042" s="12"/>
    </row>
    <row r="718043" spans="8:8">
      <c r="H718043" s="12"/>
    </row>
    <row r="718044" spans="8:8">
      <c r="H718044" s="12"/>
    </row>
    <row r="718045" spans="8:8">
      <c r="H718045" s="12"/>
    </row>
    <row r="718046" spans="8:8">
      <c r="H718046" s="12"/>
    </row>
    <row r="718047" spans="8:8">
      <c r="H718047" s="12"/>
    </row>
    <row r="718048" spans="8:8">
      <c r="H718048" s="12"/>
    </row>
    <row r="718049" spans="8:8">
      <c r="H718049" s="12"/>
    </row>
    <row r="718050" spans="8:8">
      <c r="H718050" s="12"/>
    </row>
    <row r="718051" spans="8:8">
      <c r="H718051" s="12"/>
    </row>
    <row r="718052" spans="8:8">
      <c r="H718052" s="12"/>
    </row>
    <row r="718053" spans="8:8">
      <c r="H718053" s="12"/>
    </row>
    <row r="718054" spans="8:8">
      <c r="H718054" s="12"/>
    </row>
    <row r="718055" spans="8:8">
      <c r="H718055" s="12"/>
    </row>
    <row r="718056" spans="8:8">
      <c r="H718056" s="12"/>
    </row>
    <row r="718057" spans="8:8">
      <c r="H718057" s="12"/>
    </row>
    <row r="718058" spans="8:8">
      <c r="H718058" s="12"/>
    </row>
    <row r="718059" spans="8:8">
      <c r="H718059" s="12"/>
    </row>
    <row r="718060" spans="8:8">
      <c r="H718060" s="12"/>
    </row>
    <row r="718061" spans="8:8">
      <c r="H718061" s="12"/>
    </row>
    <row r="718062" spans="8:8">
      <c r="H718062" s="12"/>
    </row>
    <row r="718063" spans="8:8">
      <c r="H718063" s="12"/>
    </row>
    <row r="718064" spans="8:8">
      <c r="H718064" s="12"/>
    </row>
    <row r="718065" spans="8:8">
      <c r="H718065" s="12"/>
    </row>
    <row r="718066" spans="8:8">
      <c r="H718066" s="12"/>
    </row>
    <row r="718067" spans="8:8">
      <c r="H718067" s="12"/>
    </row>
    <row r="718068" spans="8:8">
      <c r="H718068" s="12"/>
    </row>
    <row r="718069" spans="8:8">
      <c r="H718069" s="12"/>
    </row>
    <row r="718070" spans="8:8">
      <c r="H718070" s="12"/>
    </row>
    <row r="718071" spans="8:8">
      <c r="H718071" s="12"/>
    </row>
    <row r="718072" spans="8:8">
      <c r="H718072" s="12"/>
    </row>
    <row r="718073" spans="8:8">
      <c r="H718073" s="12"/>
    </row>
    <row r="718074" spans="8:8">
      <c r="H718074" s="12"/>
    </row>
    <row r="718075" spans="8:8">
      <c r="H718075" s="12"/>
    </row>
    <row r="718076" spans="8:8">
      <c r="H718076" s="12"/>
    </row>
    <row r="718077" spans="8:8">
      <c r="H718077" s="12"/>
    </row>
    <row r="718078" spans="8:8">
      <c r="H718078" s="12"/>
    </row>
    <row r="718079" spans="8:8">
      <c r="H718079" s="12"/>
    </row>
    <row r="718080" spans="8:8">
      <c r="H718080" s="12"/>
    </row>
    <row r="718081" spans="8:8">
      <c r="H718081" s="12"/>
    </row>
    <row r="718082" spans="8:8">
      <c r="H718082" s="12"/>
    </row>
    <row r="718083" spans="8:8">
      <c r="H718083" s="12"/>
    </row>
    <row r="718084" spans="8:8">
      <c r="H718084" s="12"/>
    </row>
    <row r="718085" spans="8:8">
      <c r="H718085" s="12"/>
    </row>
    <row r="718086" spans="8:8">
      <c r="H718086" s="12"/>
    </row>
    <row r="718087" spans="8:8">
      <c r="H718087" s="12"/>
    </row>
    <row r="718088" spans="8:8">
      <c r="H718088" s="12"/>
    </row>
    <row r="718089" spans="8:8">
      <c r="H718089" s="12"/>
    </row>
    <row r="718090" spans="8:8">
      <c r="H718090" s="12"/>
    </row>
    <row r="718091" spans="8:8">
      <c r="H718091" s="12"/>
    </row>
    <row r="718092" spans="8:8">
      <c r="H718092" s="12"/>
    </row>
    <row r="718093" spans="8:8">
      <c r="H718093" s="12"/>
    </row>
    <row r="718094" spans="8:8">
      <c r="H718094" s="12"/>
    </row>
    <row r="718095" spans="8:8">
      <c r="H718095" s="12"/>
    </row>
    <row r="718096" spans="8:8">
      <c r="H718096" s="12"/>
    </row>
    <row r="718097" spans="8:8">
      <c r="H718097" s="12"/>
    </row>
    <row r="718098" spans="8:8">
      <c r="H718098" s="12"/>
    </row>
    <row r="718099" spans="8:8">
      <c r="H718099" s="12"/>
    </row>
    <row r="718100" spans="8:8">
      <c r="H718100" s="12"/>
    </row>
    <row r="718101" spans="8:8">
      <c r="H718101" s="12"/>
    </row>
    <row r="718102" spans="8:8">
      <c r="H718102" s="12"/>
    </row>
    <row r="718103" spans="8:8">
      <c r="H718103" s="12"/>
    </row>
    <row r="718104" spans="8:8">
      <c r="H718104" s="12"/>
    </row>
    <row r="718105" spans="8:8">
      <c r="H718105" s="12"/>
    </row>
    <row r="718106" spans="8:8">
      <c r="H718106" s="12"/>
    </row>
    <row r="718107" spans="8:8">
      <c r="H718107" s="12"/>
    </row>
    <row r="718108" spans="8:8">
      <c r="H718108" s="12"/>
    </row>
    <row r="718109" spans="8:8">
      <c r="H718109" s="12"/>
    </row>
    <row r="718110" spans="8:8">
      <c r="H718110" s="12"/>
    </row>
    <row r="718111" spans="8:8">
      <c r="H718111" s="12"/>
    </row>
    <row r="718112" spans="8:8">
      <c r="H718112" s="12"/>
    </row>
    <row r="718113" spans="8:8">
      <c r="H718113" s="12"/>
    </row>
    <row r="718114" spans="8:8">
      <c r="H718114" s="12"/>
    </row>
    <row r="718115" spans="8:8">
      <c r="H718115" s="12"/>
    </row>
    <row r="718116" spans="8:8">
      <c r="H718116" s="12"/>
    </row>
    <row r="718117" spans="8:8">
      <c r="H718117" s="12"/>
    </row>
    <row r="718118" spans="8:8">
      <c r="H718118" s="12"/>
    </row>
    <row r="718119" spans="8:8">
      <c r="H718119" s="12"/>
    </row>
    <row r="718120" spans="8:8">
      <c r="H718120" s="12"/>
    </row>
    <row r="718121" spans="8:8">
      <c r="H718121" s="12"/>
    </row>
    <row r="718122" spans="8:8">
      <c r="H718122" s="12"/>
    </row>
    <row r="718123" spans="8:8">
      <c r="H718123" s="12"/>
    </row>
    <row r="718124" spans="8:8">
      <c r="H718124" s="12"/>
    </row>
    <row r="718125" spans="8:8">
      <c r="H718125" s="12"/>
    </row>
    <row r="718126" spans="8:8">
      <c r="H718126" s="12"/>
    </row>
    <row r="718127" spans="8:8">
      <c r="H718127" s="12"/>
    </row>
    <row r="718128" spans="8:8">
      <c r="H718128" s="12"/>
    </row>
    <row r="718129" spans="8:8">
      <c r="H718129" s="12"/>
    </row>
    <row r="718130" spans="8:8">
      <c r="H718130" s="12"/>
    </row>
    <row r="718131" spans="8:8">
      <c r="H718131" s="12"/>
    </row>
    <row r="718132" spans="8:8">
      <c r="H718132" s="12"/>
    </row>
    <row r="718133" spans="8:8">
      <c r="H718133" s="12"/>
    </row>
    <row r="718134" spans="8:8">
      <c r="H718134" s="12"/>
    </row>
    <row r="718135" spans="8:8">
      <c r="H718135" s="12"/>
    </row>
    <row r="718136" spans="8:8">
      <c r="H718136" s="12"/>
    </row>
    <row r="718137" spans="8:8">
      <c r="H718137" s="12"/>
    </row>
    <row r="718138" spans="8:8">
      <c r="H718138" s="12"/>
    </row>
    <row r="718139" spans="8:8">
      <c r="H718139" s="12"/>
    </row>
    <row r="718140" spans="8:8">
      <c r="H718140" s="12"/>
    </row>
    <row r="718141" spans="8:8">
      <c r="H718141" s="12"/>
    </row>
    <row r="718142" spans="8:8">
      <c r="H718142" s="12"/>
    </row>
    <row r="718143" spans="8:8">
      <c r="H718143" s="12"/>
    </row>
    <row r="718144" spans="8:8">
      <c r="H718144" s="12"/>
    </row>
    <row r="718145" spans="8:8">
      <c r="H718145" s="12"/>
    </row>
    <row r="718146" spans="8:8">
      <c r="H718146" s="12"/>
    </row>
    <row r="718147" spans="8:8">
      <c r="H718147" s="12"/>
    </row>
    <row r="718148" spans="8:8">
      <c r="H718148" s="12"/>
    </row>
    <row r="718149" spans="8:8">
      <c r="H718149" s="12"/>
    </row>
    <row r="718150" spans="8:8">
      <c r="H718150" s="12"/>
    </row>
    <row r="718151" spans="8:8">
      <c r="H718151" s="12"/>
    </row>
    <row r="718152" spans="8:8">
      <c r="H718152" s="12"/>
    </row>
    <row r="718153" spans="8:8">
      <c r="H718153" s="12"/>
    </row>
    <row r="718154" spans="8:8">
      <c r="H718154" s="12"/>
    </row>
    <row r="718155" spans="8:8">
      <c r="H718155" s="12"/>
    </row>
    <row r="718156" spans="8:8">
      <c r="H718156" s="12"/>
    </row>
    <row r="718157" spans="8:8">
      <c r="H718157" s="12"/>
    </row>
    <row r="718158" spans="8:8">
      <c r="H718158" s="12"/>
    </row>
    <row r="718159" spans="8:8">
      <c r="H718159" s="12"/>
    </row>
    <row r="718160" spans="8:8">
      <c r="H718160" s="12"/>
    </row>
    <row r="718161" spans="8:8">
      <c r="H718161" s="12"/>
    </row>
    <row r="718162" spans="8:8">
      <c r="H718162" s="12"/>
    </row>
    <row r="718163" spans="8:8">
      <c r="H718163" s="12"/>
    </row>
    <row r="718164" spans="8:8">
      <c r="H718164" s="12"/>
    </row>
    <row r="718165" spans="8:8">
      <c r="H718165" s="12"/>
    </row>
    <row r="718166" spans="8:8">
      <c r="H718166" s="12"/>
    </row>
    <row r="718167" spans="8:8">
      <c r="H718167" s="12"/>
    </row>
    <row r="718168" spans="8:8">
      <c r="H718168" s="12"/>
    </row>
    <row r="718169" spans="8:8">
      <c r="H718169" s="12"/>
    </row>
    <row r="718170" spans="8:8">
      <c r="H718170" s="12"/>
    </row>
    <row r="718171" spans="8:8">
      <c r="H718171" s="12"/>
    </row>
    <row r="718172" spans="8:8">
      <c r="H718172" s="12"/>
    </row>
    <row r="718173" spans="8:8">
      <c r="H718173" s="12"/>
    </row>
    <row r="718174" spans="8:8">
      <c r="H718174" s="12"/>
    </row>
    <row r="718175" spans="8:8">
      <c r="H718175" s="12"/>
    </row>
    <row r="718176" spans="8:8">
      <c r="H718176" s="12"/>
    </row>
    <row r="718177" spans="8:8">
      <c r="H718177" s="12"/>
    </row>
    <row r="718178" spans="8:8">
      <c r="H718178" s="12"/>
    </row>
    <row r="718179" spans="8:8">
      <c r="H718179" s="12"/>
    </row>
    <row r="718180" spans="8:8">
      <c r="H718180" s="12"/>
    </row>
    <row r="718181" spans="8:8">
      <c r="H718181" s="12"/>
    </row>
    <row r="718182" spans="8:8">
      <c r="H718182" s="12"/>
    </row>
    <row r="718183" spans="8:8">
      <c r="H718183" s="12"/>
    </row>
    <row r="718184" spans="8:8">
      <c r="H718184" s="12"/>
    </row>
    <row r="718185" spans="8:8">
      <c r="H718185" s="12"/>
    </row>
    <row r="718186" spans="8:8">
      <c r="H718186" s="12"/>
    </row>
    <row r="718187" spans="8:8">
      <c r="H718187" s="12"/>
    </row>
    <row r="718188" spans="8:8">
      <c r="H718188" s="12"/>
    </row>
    <row r="718189" spans="8:8">
      <c r="H718189" s="12"/>
    </row>
    <row r="718190" spans="8:8">
      <c r="H718190" s="12"/>
    </row>
    <row r="718191" spans="8:8">
      <c r="H718191" s="12"/>
    </row>
    <row r="718192" spans="8:8">
      <c r="H718192" s="12"/>
    </row>
    <row r="718193" spans="8:8">
      <c r="H718193" s="12"/>
    </row>
    <row r="718194" spans="8:8">
      <c r="H718194" s="12"/>
    </row>
    <row r="718195" spans="8:8">
      <c r="H718195" s="12"/>
    </row>
    <row r="718196" spans="8:8">
      <c r="H718196" s="12"/>
    </row>
    <row r="718197" spans="8:8">
      <c r="H718197" s="12"/>
    </row>
    <row r="718198" spans="8:8">
      <c r="H718198" s="12"/>
    </row>
    <row r="718199" spans="8:8">
      <c r="H718199" s="12"/>
    </row>
    <row r="718200" spans="8:8">
      <c r="H718200" s="12"/>
    </row>
    <row r="718201" spans="8:8">
      <c r="H718201" s="12"/>
    </row>
    <row r="718202" spans="8:8">
      <c r="H718202" s="12"/>
    </row>
    <row r="718203" spans="8:8">
      <c r="H718203" s="12"/>
    </row>
    <row r="718204" spans="8:8">
      <c r="H718204" s="12"/>
    </row>
    <row r="718205" spans="8:8">
      <c r="H718205" s="12"/>
    </row>
    <row r="718206" spans="8:8">
      <c r="H718206" s="12"/>
    </row>
    <row r="718207" spans="8:8">
      <c r="H718207" s="12"/>
    </row>
    <row r="718208" spans="8:8">
      <c r="H718208" s="12"/>
    </row>
    <row r="718209" spans="8:8">
      <c r="H718209" s="12"/>
    </row>
    <row r="718210" spans="8:8">
      <c r="H718210" s="12"/>
    </row>
    <row r="718211" spans="8:8">
      <c r="H718211" s="12"/>
    </row>
    <row r="718212" spans="8:8">
      <c r="H718212" s="12"/>
    </row>
    <row r="718213" spans="8:8">
      <c r="H718213" s="12"/>
    </row>
    <row r="718214" spans="8:8">
      <c r="H718214" s="12"/>
    </row>
    <row r="718215" spans="8:8">
      <c r="H718215" s="12"/>
    </row>
    <row r="718216" spans="8:8">
      <c r="H718216" s="12"/>
    </row>
    <row r="718217" spans="8:8">
      <c r="H718217" s="12"/>
    </row>
    <row r="718218" spans="8:8">
      <c r="H718218" s="12"/>
    </row>
    <row r="718219" spans="8:8">
      <c r="H718219" s="12"/>
    </row>
    <row r="718220" spans="8:8">
      <c r="H718220" s="12"/>
    </row>
    <row r="718221" spans="8:8">
      <c r="H718221" s="12"/>
    </row>
    <row r="718222" spans="8:8">
      <c r="H718222" s="12"/>
    </row>
    <row r="718223" spans="8:8">
      <c r="H718223" s="12"/>
    </row>
    <row r="718224" spans="8:8">
      <c r="H718224" s="12"/>
    </row>
    <row r="718225" spans="8:8">
      <c r="H718225" s="12"/>
    </row>
    <row r="718226" spans="8:8">
      <c r="H718226" s="12"/>
    </row>
    <row r="718227" spans="8:8">
      <c r="H718227" s="12"/>
    </row>
    <row r="718228" spans="8:8">
      <c r="H718228" s="12"/>
    </row>
    <row r="718229" spans="8:8">
      <c r="H718229" s="12"/>
    </row>
    <row r="718230" spans="8:8">
      <c r="H718230" s="12"/>
    </row>
    <row r="718231" spans="8:8">
      <c r="H718231" s="12"/>
    </row>
    <row r="718232" spans="8:8">
      <c r="H718232" s="12"/>
    </row>
    <row r="718233" spans="8:8">
      <c r="H718233" s="12"/>
    </row>
    <row r="718234" spans="8:8">
      <c r="H718234" s="12"/>
    </row>
    <row r="718235" spans="8:8">
      <c r="H718235" s="12"/>
    </row>
    <row r="718236" spans="8:8">
      <c r="H718236" s="12"/>
    </row>
    <row r="718237" spans="8:8">
      <c r="H718237" s="12"/>
    </row>
    <row r="718238" spans="8:8">
      <c r="H718238" s="12"/>
    </row>
    <row r="718239" spans="8:8">
      <c r="H718239" s="12"/>
    </row>
    <row r="718240" spans="8:8">
      <c r="H718240" s="12"/>
    </row>
    <row r="718241" spans="8:8">
      <c r="H718241" s="12"/>
    </row>
    <row r="718242" spans="8:8">
      <c r="H718242" s="12"/>
    </row>
    <row r="718243" spans="8:8">
      <c r="H718243" s="12"/>
    </row>
    <row r="718244" spans="8:8">
      <c r="H718244" s="12"/>
    </row>
    <row r="718245" spans="8:8">
      <c r="H718245" s="12"/>
    </row>
    <row r="718246" spans="8:8">
      <c r="H718246" s="12"/>
    </row>
    <row r="718247" spans="8:8">
      <c r="H718247" s="12"/>
    </row>
    <row r="718248" spans="8:8">
      <c r="H718248" s="12"/>
    </row>
    <row r="718249" spans="8:8">
      <c r="H718249" s="12"/>
    </row>
    <row r="718250" spans="8:8">
      <c r="H718250" s="12"/>
    </row>
    <row r="718251" spans="8:8">
      <c r="H718251" s="12"/>
    </row>
    <row r="718252" spans="8:8">
      <c r="H718252" s="12"/>
    </row>
    <row r="718253" spans="8:8">
      <c r="H718253" s="12"/>
    </row>
    <row r="718254" spans="8:8">
      <c r="H718254" s="12"/>
    </row>
    <row r="718255" spans="8:8">
      <c r="H718255" s="12"/>
    </row>
    <row r="718256" spans="8:8">
      <c r="H718256" s="12"/>
    </row>
    <row r="718257" spans="8:8">
      <c r="H718257" s="12"/>
    </row>
    <row r="718258" spans="8:8">
      <c r="H718258" s="12"/>
    </row>
    <row r="718259" spans="8:8">
      <c r="H718259" s="12"/>
    </row>
    <row r="718260" spans="8:8">
      <c r="H718260" s="12"/>
    </row>
    <row r="718261" spans="8:8">
      <c r="H718261" s="12"/>
    </row>
    <row r="718262" spans="8:8">
      <c r="H718262" s="12"/>
    </row>
    <row r="718263" spans="8:8">
      <c r="H718263" s="12"/>
    </row>
    <row r="718264" spans="8:8">
      <c r="H718264" s="12"/>
    </row>
    <row r="718265" spans="8:8">
      <c r="H718265" s="12"/>
    </row>
    <row r="718266" spans="8:8">
      <c r="H718266" s="12"/>
    </row>
    <row r="718267" spans="8:8">
      <c r="H718267" s="12"/>
    </row>
    <row r="718268" spans="8:8">
      <c r="H718268" s="12"/>
    </row>
    <row r="718269" spans="8:8">
      <c r="H718269" s="12"/>
    </row>
    <row r="718270" spans="8:8">
      <c r="H718270" s="12"/>
    </row>
    <row r="718271" spans="8:8">
      <c r="H718271" s="12"/>
    </row>
    <row r="718272" spans="8:8">
      <c r="H718272" s="12"/>
    </row>
    <row r="718273" spans="8:8">
      <c r="H718273" s="12"/>
    </row>
    <row r="718274" spans="8:8">
      <c r="H718274" s="12"/>
    </row>
    <row r="718275" spans="8:8">
      <c r="H718275" s="12"/>
    </row>
    <row r="718276" spans="8:8">
      <c r="H718276" s="12"/>
    </row>
    <row r="718277" spans="8:8">
      <c r="H718277" s="12"/>
    </row>
    <row r="718278" spans="8:8">
      <c r="H718278" s="12"/>
    </row>
    <row r="718279" spans="8:8">
      <c r="H718279" s="12"/>
    </row>
    <row r="718280" spans="8:8">
      <c r="H718280" s="12"/>
    </row>
    <row r="718281" spans="8:8">
      <c r="H718281" s="12"/>
    </row>
    <row r="718282" spans="8:8">
      <c r="H718282" s="12"/>
    </row>
    <row r="718283" spans="8:8">
      <c r="H718283" s="12"/>
    </row>
    <row r="718284" spans="8:8">
      <c r="H718284" s="12"/>
    </row>
    <row r="718285" spans="8:8">
      <c r="H718285" s="12"/>
    </row>
    <row r="718286" spans="8:8">
      <c r="H718286" s="12"/>
    </row>
    <row r="718287" spans="8:8">
      <c r="H718287" s="12"/>
    </row>
    <row r="718288" spans="8:8">
      <c r="H718288" s="12"/>
    </row>
    <row r="718289" spans="8:8">
      <c r="H718289" s="12"/>
    </row>
    <row r="718290" spans="8:8">
      <c r="H718290" s="12"/>
    </row>
    <row r="718291" spans="8:8">
      <c r="H718291" s="12"/>
    </row>
    <row r="718292" spans="8:8">
      <c r="H718292" s="12"/>
    </row>
    <row r="718293" spans="8:8">
      <c r="H718293" s="12"/>
    </row>
    <row r="718294" spans="8:8">
      <c r="H718294" s="12"/>
    </row>
    <row r="718295" spans="8:8">
      <c r="H718295" s="12"/>
    </row>
    <row r="718296" spans="8:8">
      <c r="H718296" s="12"/>
    </row>
    <row r="718297" spans="8:8">
      <c r="H718297" s="12"/>
    </row>
    <row r="718298" spans="8:8">
      <c r="H718298" s="12"/>
    </row>
    <row r="718299" spans="8:8">
      <c r="H718299" s="12"/>
    </row>
    <row r="718300" spans="8:8">
      <c r="H718300" s="12"/>
    </row>
    <row r="718301" spans="8:8">
      <c r="H718301" s="12"/>
    </row>
    <row r="718302" spans="8:8">
      <c r="H718302" s="12"/>
    </row>
    <row r="718303" spans="8:8">
      <c r="H718303" s="12"/>
    </row>
    <row r="718304" spans="8:8">
      <c r="H718304" s="12"/>
    </row>
    <row r="718305" spans="8:8">
      <c r="H718305" s="12"/>
    </row>
    <row r="718306" spans="8:8">
      <c r="H718306" s="12"/>
    </row>
    <row r="718307" spans="8:8">
      <c r="H718307" s="12"/>
    </row>
    <row r="718308" spans="8:8">
      <c r="H718308" s="12"/>
    </row>
    <row r="718309" spans="8:8">
      <c r="H718309" s="12"/>
    </row>
    <row r="718310" spans="8:8">
      <c r="H718310" s="12"/>
    </row>
    <row r="718311" spans="8:8">
      <c r="H718311" s="12"/>
    </row>
    <row r="718312" spans="8:8">
      <c r="H718312" s="12"/>
    </row>
    <row r="718313" spans="8:8">
      <c r="H718313" s="12"/>
    </row>
    <row r="718314" spans="8:8">
      <c r="H718314" s="12"/>
    </row>
    <row r="718315" spans="8:8">
      <c r="H718315" s="12"/>
    </row>
    <row r="718316" spans="8:8">
      <c r="H718316" s="12"/>
    </row>
    <row r="718317" spans="8:8">
      <c r="H718317" s="12"/>
    </row>
    <row r="718318" spans="8:8">
      <c r="H718318" s="12"/>
    </row>
    <row r="718319" spans="8:8">
      <c r="H718319" s="12"/>
    </row>
    <row r="718320" spans="8:8">
      <c r="H718320" s="12"/>
    </row>
    <row r="718321" spans="8:8">
      <c r="H718321" s="12"/>
    </row>
    <row r="718322" spans="8:8">
      <c r="H718322" s="12"/>
    </row>
    <row r="718323" spans="8:8">
      <c r="H718323" s="12"/>
    </row>
    <row r="718324" spans="8:8">
      <c r="H718324" s="12"/>
    </row>
    <row r="718325" spans="8:8">
      <c r="H718325" s="12"/>
    </row>
    <row r="718326" spans="8:8">
      <c r="H718326" s="12"/>
    </row>
    <row r="718327" spans="8:8">
      <c r="H718327" s="12"/>
    </row>
    <row r="718328" spans="8:8">
      <c r="H718328" s="12"/>
    </row>
    <row r="718329" spans="8:8">
      <c r="H718329" s="12"/>
    </row>
    <row r="718330" spans="8:8">
      <c r="H718330" s="12"/>
    </row>
    <row r="718331" spans="8:8">
      <c r="H718331" s="12"/>
    </row>
    <row r="718332" spans="8:8">
      <c r="H718332" s="12"/>
    </row>
    <row r="718333" spans="8:8">
      <c r="H718333" s="12"/>
    </row>
    <row r="718334" spans="8:8">
      <c r="H718334" s="12"/>
    </row>
    <row r="718335" spans="8:8">
      <c r="H718335" s="12"/>
    </row>
    <row r="718336" spans="8:8">
      <c r="H718336" s="12"/>
    </row>
    <row r="718337" spans="8:8">
      <c r="H718337" s="12"/>
    </row>
    <row r="718338" spans="8:8">
      <c r="H718338" s="12"/>
    </row>
    <row r="718339" spans="8:8">
      <c r="H718339" s="12"/>
    </row>
    <row r="718340" spans="8:8">
      <c r="H718340" s="12"/>
    </row>
    <row r="718341" spans="8:8">
      <c r="H718341" s="12"/>
    </row>
    <row r="718342" spans="8:8">
      <c r="H718342" s="12"/>
    </row>
    <row r="718343" spans="8:8">
      <c r="H718343" s="12"/>
    </row>
    <row r="718344" spans="8:8">
      <c r="H718344" s="12"/>
    </row>
    <row r="718345" spans="8:8">
      <c r="H718345" s="12"/>
    </row>
    <row r="718346" spans="8:8">
      <c r="H718346" s="12"/>
    </row>
    <row r="718347" spans="8:8">
      <c r="H718347" s="12"/>
    </row>
    <row r="718348" spans="8:8">
      <c r="H718348" s="12"/>
    </row>
    <row r="718349" spans="8:8">
      <c r="H718349" s="12"/>
    </row>
    <row r="718350" spans="8:8">
      <c r="H718350" s="12"/>
    </row>
    <row r="718351" spans="8:8">
      <c r="H718351" s="12"/>
    </row>
    <row r="718352" spans="8:8">
      <c r="H718352" s="12"/>
    </row>
    <row r="718353" spans="8:8">
      <c r="H718353" s="12"/>
    </row>
    <row r="718354" spans="8:8">
      <c r="H718354" s="12"/>
    </row>
    <row r="718355" spans="8:8">
      <c r="H718355" s="12"/>
    </row>
    <row r="718356" spans="8:8">
      <c r="H718356" s="12"/>
    </row>
    <row r="718357" spans="8:8">
      <c r="H718357" s="12"/>
    </row>
    <row r="718358" spans="8:8">
      <c r="H718358" s="12"/>
    </row>
    <row r="718359" spans="8:8">
      <c r="H718359" s="12"/>
    </row>
    <row r="718360" spans="8:8">
      <c r="H718360" s="12"/>
    </row>
    <row r="718361" spans="8:8">
      <c r="H718361" s="12"/>
    </row>
    <row r="718362" spans="8:8">
      <c r="H718362" s="12"/>
    </row>
    <row r="718363" spans="8:8">
      <c r="H718363" s="12"/>
    </row>
    <row r="718364" spans="8:8">
      <c r="H718364" s="12"/>
    </row>
    <row r="718365" spans="8:8">
      <c r="H718365" s="12"/>
    </row>
    <row r="718366" spans="8:8">
      <c r="H718366" s="12"/>
    </row>
    <row r="718367" spans="8:8">
      <c r="H718367" s="12"/>
    </row>
    <row r="718368" spans="8:8">
      <c r="H718368" s="12"/>
    </row>
    <row r="718369" spans="8:8">
      <c r="H718369" s="12"/>
    </row>
    <row r="718370" spans="8:8">
      <c r="H718370" s="12"/>
    </row>
    <row r="718371" spans="8:8">
      <c r="H718371" s="12"/>
    </row>
    <row r="718372" spans="8:8">
      <c r="H718372" s="12"/>
    </row>
    <row r="718373" spans="8:8">
      <c r="H718373" s="12"/>
    </row>
    <row r="718374" spans="8:8">
      <c r="H718374" s="12"/>
    </row>
    <row r="718375" spans="8:8">
      <c r="H718375" s="12"/>
    </row>
    <row r="718376" spans="8:8">
      <c r="H718376" s="12"/>
    </row>
    <row r="718377" spans="8:8">
      <c r="H718377" s="12"/>
    </row>
    <row r="718378" spans="8:8">
      <c r="H718378" s="12"/>
    </row>
    <row r="718379" spans="8:8">
      <c r="H718379" s="12"/>
    </row>
    <row r="718380" spans="8:8">
      <c r="H718380" s="12"/>
    </row>
    <row r="718381" spans="8:8">
      <c r="H718381" s="12"/>
    </row>
    <row r="718382" spans="8:8">
      <c r="H718382" s="12"/>
    </row>
    <row r="718383" spans="8:8">
      <c r="H718383" s="12"/>
    </row>
    <row r="718384" spans="8:8">
      <c r="H718384" s="12"/>
    </row>
    <row r="718385" spans="8:8">
      <c r="H718385" s="12"/>
    </row>
    <row r="718386" spans="8:8">
      <c r="H718386" s="12"/>
    </row>
    <row r="718387" spans="8:8">
      <c r="H718387" s="12"/>
    </row>
    <row r="718388" spans="8:8">
      <c r="H718388" s="12"/>
    </row>
    <row r="718389" spans="8:8">
      <c r="H718389" s="12"/>
    </row>
    <row r="718390" spans="8:8">
      <c r="H718390" s="12"/>
    </row>
    <row r="718391" spans="8:8">
      <c r="H718391" s="12"/>
    </row>
    <row r="718392" spans="8:8">
      <c r="H718392" s="12"/>
    </row>
    <row r="718393" spans="8:8">
      <c r="H718393" s="12"/>
    </row>
    <row r="718394" spans="8:8">
      <c r="H718394" s="12"/>
    </row>
    <row r="718395" spans="8:8">
      <c r="H718395" s="12"/>
    </row>
    <row r="718396" spans="8:8">
      <c r="H718396" s="12"/>
    </row>
    <row r="718397" spans="8:8">
      <c r="H718397" s="12"/>
    </row>
    <row r="718398" spans="8:8">
      <c r="H718398" s="12"/>
    </row>
    <row r="718399" spans="8:8">
      <c r="H718399" s="12"/>
    </row>
    <row r="718400" spans="8:8">
      <c r="H718400" s="12"/>
    </row>
    <row r="718401" spans="8:8">
      <c r="H718401" s="12"/>
    </row>
    <row r="718402" spans="8:8">
      <c r="H718402" s="12"/>
    </row>
    <row r="718403" spans="8:8">
      <c r="H718403" s="12"/>
    </row>
    <row r="718404" spans="8:8">
      <c r="H718404" s="12"/>
    </row>
    <row r="718405" spans="8:8">
      <c r="H718405" s="12"/>
    </row>
    <row r="718406" spans="8:8">
      <c r="H718406" s="12"/>
    </row>
    <row r="718407" spans="8:8">
      <c r="H718407" s="12"/>
    </row>
    <row r="718408" spans="8:8">
      <c r="H718408" s="12"/>
    </row>
    <row r="718409" spans="8:8">
      <c r="H718409" s="12"/>
    </row>
    <row r="718410" spans="8:8">
      <c r="H718410" s="12"/>
    </row>
    <row r="718411" spans="8:8">
      <c r="H718411" s="12"/>
    </row>
    <row r="718412" spans="8:8">
      <c r="H718412" s="12"/>
    </row>
    <row r="718413" spans="8:8">
      <c r="H718413" s="12"/>
    </row>
    <row r="718414" spans="8:8">
      <c r="H718414" s="12"/>
    </row>
    <row r="718415" spans="8:8">
      <c r="H718415" s="12"/>
    </row>
    <row r="718416" spans="8:8">
      <c r="H718416" s="12"/>
    </row>
    <row r="718417" spans="8:8">
      <c r="H718417" s="12"/>
    </row>
    <row r="718418" spans="8:8">
      <c r="H718418" s="12"/>
    </row>
    <row r="718419" spans="8:8">
      <c r="H718419" s="12"/>
    </row>
    <row r="718420" spans="8:8">
      <c r="H718420" s="12"/>
    </row>
    <row r="718421" spans="8:8">
      <c r="H718421" s="12"/>
    </row>
    <row r="718422" spans="8:8">
      <c r="H718422" s="12"/>
    </row>
    <row r="718423" spans="8:8">
      <c r="H718423" s="12"/>
    </row>
    <row r="718424" spans="8:8">
      <c r="H718424" s="12"/>
    </row>
    <row r="718425" spans="8:8">
      <c r="H718425" s="12"/>
    </row>
    <row r="718426" spans="8:8">
      <c r="H718426" s="12"/>
    </row>
    <row r="718427" spans="8:8">
      <c r="H718427" s="12"/>
    </row>
    <row r="718428" spans="8:8">
      <c r="H718428" s="12"/>
    </row>
    <row r="718429" spans="8:8">
      <c r="H718429" s="12"/>
    </row>
    <row r="718430" spans="8:8">
      <c r="H718430" s="12"/>
    </row>
    <row r="718431" spans="8:8">
      <c r="H718431" s="12"/>
    </row>
    <row r="718432" spans="8:8">
      <c r="H718432" s="12"/>
    </row>
    <row r="718433" spans="8:8">
      <c r="H718433" s="12"/>
    </row>
    <row r="718434" spans="8:8">
      <c r="H718434" s="12"/>
    </row>
    <row r="718435" spans="8:8">
      <c r="H718435" s="12"/>
    </row>
    <row r="718436" spans="8:8">
      <c r="H718436" s="12"/>
    </row>
    <row r="718437" spans="8:8">
      <c r="H718437" s="12"/>
    </row>
    <row r="718438" spans="8:8">
      <c r="H718438" s="12"/>
    </row>
    <row r="718439" spans="8:8">
      <c r="H718439" s="12"/>
    </row>
    <row r="718440" spans="8:8">
      <c r="H718440" s="12"/>
    </row>
    <row r="718441" spans="8:8">
      <c r="H718441" s="12"/>
    </row>
    <row r="718442" spans="8:8">
      <c r="H718442" s="12"/>
    </row>
    <row r="718443" spans="8:8">
      <c r="H718443" s="12"/>
    </row>
    <row r="718444" spans="8:8">
      <c r="H718444" s="12"/>
    </row>
    <row r="718445" spans="8:8">
      <c r="H718445" s="12"/>
    </row>
    <row r="718446" spans="8:8">
      <c r="H718446" s="12"/>
    </row>
    <row r="718447" spans="8:8">
      <c r="H718447" s="12"/>
    </row>
    <row r="718448" spans="8:8">
      <c r="H718448" s="12"/>
    </row>
    <row r="718449" spans="8:8">
      <c r="H718449" s="12"/>
    </row>
    <row r="718450" spans="8:8">
      <c r="H718450" s="12"/>
    </row>
    <row r="718451" spans="8:8">
      <c r="H718451" s="12"/>
    </row>
    <row r="718452" spans="8:8">
      <c r="H718452" s="12"/>
    </row>
    <row r="718453" spans="8:8">
      <c r="H718453" s="12"/>
    </row>
    <row r="718454" spans="8:8">
      <c r="H718454" s="12"/>
    </row>
    <row r="718455" spans="8:8">
      <c r="H718455" s="12"/>
    </row>
    <row r="718456" spans="8:8">
      <c r="H718456" s="12"/>
    </row>
    <row r="718457" spans="8:8">
      <c r="H718457" s="12"/>
    </row>
    <row r="718458" spans="8:8">
      <c r="H718458" s="12"/>
    </row>
    <row r="718459" spans="8:8">
      <c r="H718459" s="12"/>
    </row>
    <row r="718460" spans="8:8">
      <c r="H718460" s="12"/>
    </row>
    <row r="718461" spans="8:8">
      <c r="H718461" s="12"/>
    </row>
    <row r="718462" spans="8:8">
      <c r="H718462" s="12"/>
    </row>
    <row r="718463" spans="8:8">
      <c r="H718463" s="12"/>
    </row>
    <row r="718464" spans="8:8">
      <c r="H718464" s="12"/>
    </row>
    <row r="718465" spans="8:8">
      <c r="H718465" s="12"/>
    </row>
    <row r="718466" spans="8:8">
      <c r="H718466" s="12"/>
    </row>
    <row r="718467" spans="8:8">
      <c r="H718467" s="12"/>
    </row>
    <row r="718468" spans="8:8">
      <c r="H718468" s="12"/>
    </row>
    <row r="718469" spans="8:8">
      <c r="H718469" s="12"/>
    </row>
    <row r="718470" spans="8:8">
      <c r="H718470" s="12"/>
    </row>
    <row r="718471" spans="8:8">
      <c r="H718471" s="12"/>
    </row>
    <row r="718472" spans="8:8">
      <c r="H718472" s="12"/>
    </row>
    <row r="718473" spans="8:8">
      <c r="H718473" s="12"/>
    </row>
    <row r="718474" spans="8:8">
      <c r="H718474" s="12"/>
    </row>
    <row r="718475" spans="8:8">
      <c r="H718475" s="12"/>
    </row>
    <row r="718476" spans="8:8">
      <c r="H718476" s="12"/>
    </row>
    <row r="718477" spans="8:8">
      <c r="H718477" s="12"/>
    </row>
    <row r="718478" spans="8:8">
      <c r="H718478" s="12"/>
    </row>
    <row r="718479" spans="8:8">
      <c r="H718479" s="12"/>
    </row>
    <row r="718480" spans="8:8">
      <c r="H718480" s="12"/>
    </row>
    <row r="718481" spans="8:8">
      <c r="H718481" s="12"/>
    </row>
    <row r="718482" spans="8:8">
      <c r="H718482" s="12"/>
    </row>
    <row r="718483" spans="8:8">
      <c r="H718483" s="12"/>
    </row>
    <row r="718484" spans="8:8">
      <c r="H718484" s="12"/>
    </row>
    <row r="718485" spans="8:8">
      <c r="H718485" s="12"/>
    </row>
    <row r="718486" spans="8:8">
      <c r="H718486" s="12"/>
    </row>
    <row r="718487" spans="8:8">
      <c r="H718487" s="12"/>
    </row>
    <row r="718488" spans="8:8">
      <c r="H718488" s="12"/>
    </row>
    <row r="718489" spans="8:8">
      <c r="H718489" s="12"/>
    </row>
    <row r="718490" spans="8:8">
      <c r="H718490" s="12"/>
    </row>
    <row r="718491" spans="8:8">
      <c r="H718491" s="12"/>
    </row>
    <row r="718492" spans="8:8">
      <c r="H718492" s="12"/>
    </row>
    <row r="718493" spans="8:8">
      <c r="H718493" s="12"/>
    </row>
    <row r="718494" spans="8:8">
      <c r="H718494" s="12"/>
    </row>
    <row r="718495" spans="8:8">
      <c r="H718495" s="12"/>
    </row>
    <row r="718496" spans="8:8">
      <c r="H718496" s="12"/>
    </row>
    <row r="718497" spans="8:8">
      <c r="H718497" s="12"/>
    </row>
    <row r="718498" spans="8:8">
      <c r="H718498" s="12"/>
    </row>
    <row r="718499" spans="8:8">
      <c r="H718499" s="12"/>
    </row>
    <row r="718500" spans="8:8">
      <c r="H718500" s="12"/>
    </row>
    <row r="718501" spans="8:8">
      <c r="H718501" s="12"/>
    </row>
    <row r="718502" spans="8:8">
      <c r="H718502" s="12"/>
    </row>
    <row r="718503" spans="8:8">
      <c r="H718503" s="12"/>
    </row>
    <row r="718504" spans="8:8">
      <c r="H718504" s="12"/>
    </row>
    <row r="718505" spans="8:8">
      <c r="H718505" s="12"/>
    </row>
    <row r="718506" spans="8:8">
      <c r="H718506" s="12"/>
    </row>
    <row r="718507" spans="8:8">
      <c r="H718507" s="12"/>
    </row>
    <row r="718508" spans="8:8">
      <c r="H718508" s="12"/>
    </row>
    <row r="718509" spans="8:8">
      <c r="H718509" s="12"/>
    </row>
    <row r="718510" spans="8:8">
      <c r="H718510" s="12"/>
    </row>
    <row r="718511" spans="8:8">
      <c r="H718511" s="12"/>
    </row>
    <row r="718512" spans="8:8">
      <c r="H718512" s="12"/>
    </row>
    <row r="718513" spans="8:8">
      <c r="H718513" s="12"/>
    </row>
    <row r="718514" spans="8:8">
      <c r="H718514" s="12"/>
    </row>
    <row r="718515" spans="8:8">
      <c r="H718515" s="12"/>
    </row>
    <row r="718516" spans="8:8">
      <c r="H718516" s="12"/>
    </row>
    <row r="718517" spans="8:8">
      <c r="H718517" s="12"/>
    </row>
    <row r="718518" spans="8:8">
      <c r="H718518" s="12"/>
    </row>
    <row r="718519" spans="8:8">
      <c r="H718519" s="12"/>
    </row>
    <row r="718520" spans="8:8">
      <c r="H718520" s="12"/>
    </row>
    <row r="718521" spans="8:8">
      <c r="H718521" s="12"/>
    </row>
    <row r="718522" spans="8:8">
      <c r="H718522" s="12"/>
    </row>
    <row r="718523" spans="8:8">
      <c r="H718523" s="12"/>
    </row>
    <row r="718524" spans="8:8">
      <c r="H718524" s="12"/>
    </row>
    <row r="718525" spans="8:8">
      <c r="H718525" s="12"/>
    </row>
    <row r="718526" spans="8:8">
      <c r="H718526" s="12"/>
    </row>
    <row r="718527" spans="8:8">
      <c r="H718527" s="12"/>
    </row>
    <row r="718528" spans="8:8">
      <c r="H718528" s="12"/>
    </row>
    <row r="718529" spans="8:8">
      <c r="H718529" s="12"/>
    </row>
    <row r="718530" spans="8:8">
      <c r="H718530" s="12"/>
    </row>
    <row r="718531" spans="8:8">
      <c r="H718531" s="12"/>
    </row>
    <row r="718532" spans="8:8">
      <c r="H718532" s="12"/>
    </row>
    <row r="718533" spans="8:8">
      <c r="H718533" s="12"/>
    </row>
    <row r="718534" spans="8:8">
      <c r="H718534" s="12"/>
    </row>
    <row r="718535" spans="8:8">
      <c r="H718535" s="12"/>
    </row>
    <row r="718536" spans="8:8">
      <c r="H718536" s="12"/>
    </row>
    <row r="718537" spans="8:8">
      <c r="H718537" s="12"/>
    </row>
    <row r="718538" spans="8:8">
      <c r="H718538" s="12"/>
    </row>
    <row r="718539" spans="8:8">
      <c r="H718539" s="12"/>
    </row>
    <row r="718540" spans="8:8">
      <c r="H718540" s="12"/>
    </row>
    <row r="718541" spans="8:8">
      <c r="H718541" s="12"/>
    </row>
    <row r="718542" spans="8:8">
      <c r="H718542" s="12"/>
    </row>
    <row r="718543" spans="8:8">
      <c r="H718543" s="12"/>
    </row>
    <row r="718544" spans="8:8">
      <c r="H718544" s="12"/>
    </row>
    <row r="718545" spans="8:8">
      <c r="H718545" s="12"/>
    </row>
    <row r="718546" spans="8:8">
      <c r="H718546" s="12"/>
    </row>
    <row r="718547" spans="8:8">
      <c r="H718547" s="12"/>
    </row>
    <row r="718548" spans="8:8">
      <c r="H718548" s="12"/>
    </row>
    <row r="718549" spans="8:8">
      <c r="H718549" s="12"/>
    </row>
    <row r="718550" spans="8:8">
      <c r="H718550" s="12"/>
    </row>
    <row r="718551" spans="8:8">
      <c r="H718551" s="12"/>
    </row>
    <row r="718552" spans="8:8">
      <c r="H718552" s="12"/>
    </row>
    <row r="718553" spans="8:8">
      <c r="H718553" s="12"/>
    </row>
    <row r="718554" spans="8:8">
      <c r="H718554" s="12"/>
    </row>
    <row r="718555" spans="8:8">
      <c r="H718555" s="12"/>
    </row>
    <row r="718556" spans="8:8">
      <c r="H718556" s="12"/>
    </row>
    <row r="718557" spans="8:8">
      <c r="H718557" s="12"/>
    </row>
    <row r="718558" spans="8:8">
      <c r="H718558" s="12"/>
    </row>
    <row r="718559" spans="8:8">
      <c r="H718559" s="12"/>
    </row>
    <row r="718560" spans="8:8">
      <c r="H718560" s="12"/>
    </row>
    <row r="718561" spans="8:8">
      <c r="H718561" s="12"/>
    </row>
    <row r="718562" spans="8:8">
      <c r="H718562" s="12"/>
    </row>
    <row r="718563" spans="8:8">
      <c r="H718563" s="12"/>
    </row>
    <row r="718564" spans="8:8">
      <c r="H718564" s="12"/>
    </row>
    <row r="718565" spans="8:8">
      <c r="H718565" s="12"/>
    </row>
    <row r="718566" spans="8:8">
      <c r="H718566" s="12"/>
    </row>
    <row r="718567" spans="8:8">
      <c r="H718567" s="12"/>
    </row>
    <row r="718568" spans="8:8">
      <c r="H718568" s="12"/>
    </row>
    <row r="718569" spans="8:8">
      <c r="H718569" s="12"/>
    </row>
    <row r="718570" spans="8:8">
      <c r="H718570" s="12"/>
    </row>
    <row r="718571" spans="8:8">
      <c r="H718571" s="12"/>
    </row>
    <row r="718572" spans="8:8">
      <c r="H718572" s="12"/>
    </row>
    <row r="718573" spans="8:8">
      <c r="H718573" s="12"/>
    </row>
    <row r="718574" spans="8:8">
      <c r="H718574" s="12"/>
    </row>
    <row r="718575" spans="8:8">
      <c r="H718575" s="12"/>
    </row>
    <row r="718576" spans="8:8">
      <c r="H718576" s="12"/>
    </row>
    <row r="718577" spans="8:8">
      <c r="H718577" s="12"/>
    </row>
    <row r="718578" spans="8:8">
      <c r="H718578" s="12"/>
    </row>
    <row r="718579" spans="8:8">
      <c r="H718579" s="12"/>
    </row>
    <row r="718580" spans="8:8">
      <c r="H718580" s="12"/>
    </row>
    <row r="718581" spans="8:8">
      <c r="H718581" s="12"/>
    </row>
    <row r="718582" spans="8:8">
      <c r="H718582" s="12"/>
    </row>
    <row r="718583" spans="8:8">
      <c r="H718583" s="12"/>
    </row>
    <row r="718584" spans="8:8">
      <c r="H718584" s="12"/>
    </row>
    <row r="718585" spans="8:8">
      <c r="H718585" s="12"/>
    </row>
    <row r="718586" spans="8:8">
      <c r="H718586" s="12"/>
    </row>
    <row r="718587" spans="8:8">
      <c r="H718587" s="12"/>
    </row>
    <row r="718588" spans="8:8">
      <c r="H718588" s="12"/>
    </row>
    <row r="718589" spans="8:8">
      <c r="H718589" s="12"/>
    </row>
    <row r="718590" spans="8:8">
      <c r="H718590" s="12"/>
    </row>
    <row r="718591" spans="8:8">
      <c r="H718591" s="12"/>
    </row>
    <row r="718592" spans="8:8">
      <c r="H718592" s="12"/>
    </row>
    <row r="718593" spans="8:8">
      <c r="H718593" s="12"/>
    </row>
    <row r="718594" spans="8:8">
      <c r="H718594" s="12"/>
    </row>
    <row r="718595" spans="8:8">
      <c r="H718595" s="12"/>
    </row>
    <row r="718596" spans="8:8">
      <c r="H718596" s="12"/>
    </row>
    <row r="718597" spans="8:8">
      <c r="H718597" s="12"/>
    </row>
    <row r="718598" spans="8:8">
      <c r="H718598" s="12"/>
    </row>
    <row r="718599" spans="8:8">
      <c r="H718599" s="12"/>
    </row>
    <row r="718600" spans="8:8">
      <c r="H718600" s="12"/>
    </row>
    <row r="718601" spans="8:8">
      <c r="H718601" s="12"/>
    </row>
    <row r="718602" spans="8:8">
      <c r="H718602" s="12"/>
    </row>
    <row r="718603" spans="8:8">
      <c r="H718603" s="12"/>
    </row>
    <row r="718604" spans="8:8">
      <c r="H718604" s="12"/>
    </row>
    <row r="718605" spans="8:8">
      <c r="H718605" s="12"/>
    </row>
    <row r="718606" spans="8:8">
      <c r="H718606" s="12"/>
    </row>
    <row r="718607" spans="8:8">
      <c r="H718607" s="12"/>
    </row>
    <row r="718608" spans="8:8">
      <c r="H718608" s="12"/>
    </row>
    <row r="718609" spans="8:8">
      <c r="H718609" s="12"/>
    </row>
    <row r="718610" spans="8:8">
      <c r="H718610" s="12"/>
    </row>
    <row r="718611" spans="8:8">
      <c r="H718611" s="12"/>
    </row>
    <row r="718612" spans="8:8">
      <c r="H718612" s="12"/>
    </row>
    <row r="718613" spans="8:8">
      <c r="H718613" s="12"/>
    </row>
    <row r="718614" spans="8:8">
      <c r="H718614" s="12"/>
    </row>
    <row r="718615" spans="8:8">
      <c r="H718615" s="12"/>
    </row>
    <row r="718616" spans="8:8">
      <c r="H718616" s="12"/>
    </row>
    <row r="718617" spans="8:8">
      <c r="H718617" s="12"/>
    </row>
    <row r="718618" spans="8:8">
      <c r="H718618" s="12"/>
    </row>
    <row r="718619" spans="8:8">
      <c r="H718619" s="12"/>
    </row>
    <row r="718620" spans="8:8">
      <c r="H718620" s="12"/>
    </row>
    <row r="718621" spans="8:8">
      <c r="H718621" s="12"/>
    </row>
    <row r="718622" spans="8:8">
      <c r="H718622" s="12"/>
    </row>
    <row r="718623" spans="8:8">
      <c r="H718623" s="12"/>
    </row>
    <row r="718624" spans="8:8">
      <c r="H718624" s="12"/>
    </row>
    <row r="718625" spans="8:8">
      <c r="H718625" s="12"/>
    </row>
    <row r="718626" spans="8:8">
      <c r="H718626" s="12"/>
    </row>
    <row r="718627" spans="8:8">
      <c r="H718627" s="12"/>
    </row>
    <row r="718628" spans="8:8">
      <c r="H718628" s="12"/>
    </row>
    <row r="718629" spans="8:8">
      <c r="H718629" s="12"/>
    </row>
    <row r="718630" spans="8:8">
      <c r="H718630" s="12"/>
    </row>
    <row r="718631" spans="8:8">
      <c r="H718631" s="12"/>
    </row>
    <row r="718632" spans="8:8">
      <c r="H718632" s="12"/>
    </row>
    <row r="718633" spans="8:8">
      <c r="H718633" s="12"/>
    </row>
    <row r="718634" spans="8:8">
      <c r="H718634" s="12"/>
    </row>
    <row r="718635" spans="8:8">
      <c r="H718635" s="12"/>
    </row>
    <row r="718636" spans="8:8">
      <c r="H718636" s="12"/>
    </row>
    <row r="718637" spans="8:8">
      <c r="H718637" s="12"/>
    </row>
    <row r="718638" spans="8:8">
      <c r="H718638" s="12"/>
    </row>
    <row r="718639" spans="8:8">
      <c r="H718639" s="12"/>
    </row>
    <row r="718640" spans="8:8">
      <c r="H718640" s="12"/>
    </row>
    <row r="718641" spans="8:8">
      <c r="H718641" s="12"/>
    </row>
    <row r="718642" spans="8:8">
      <c r="H718642" s="12"/>
    </row>
    <row r="718643" spans="8:8">
      <c r="H718643" s="12"/>
    </row>
    <row r="718644" spans="8:8">
      <c r="H718644" s="12"/>
    </row>
    <row r="718645" spans="8:8">
      <c r="H718645" s="12"/>
    </row>
    <row r="718646" spans="8:8">
      <c r="H718646" s="12"/>
    </row>
    <row r="718647" spans="8:8">
      <c r="H718647" s="12"/>
    </row>
    <row r="718648" spans="8:8">
      <c r="H718648" s="12"/>
    </row>
    <row r="718649" spans="8:8">
      <c r="H718649" s="12"/>
    </row>
    <row r="718650" spans="8:8">
      <c r="H718650" s="12"/>
    </row>
    <row r="718651" spans="8:8">
      <c r="H718651" s="12"/>
    </row>
    <row r="718652" spans="8:8">
      <c r="H718652" s="12"/>
    </row>
    <row r="718653" spans="8:8">
      <c r="H718653" s="12"/>
    </row>
    <row r="718654" spans="8:8">
      <c r="H718654" s="12"/>
    </row>
    <row r="718655" spans="8:8">
      <c r="H718655" s="12"/>
    </row>
    <row r="718656" spans="8:8">
      <c r="H718656" s="12"/>
    </row>
    <row r="718657" spans="8:8">
      <c r="H718657" s="12"/>
    </row>
    <row r="718658" spans="8:8">
      <c r="H718658" s="12"/>
    </row>
    <row r="718659" spans="8:8">
      <c r="H718659" s="12"/>
    </row>
    <row r="718660" spans="8:8">
      <c r="H718660" s="12"/>
    </row>
    <row r="718661" spans="8:8">
      <c r="H718661" s="12"/>
    </row>
    <row r="718662" spans="8:8">
      <c r="H718662" s="12"/>
    </row>
    <row r="718663" spans="8:8">
      <c r="H718663" s="12"/>
    </row>
    <row r="718664" spans="8:8">
      <c r="H718664" s="12"/>
    </row>
    <row r="718665" spans="8:8">
      <c r="H718665" s="12"/>
    </row>
    <row r="718666" spans="8:8">
      <c r="H718666" s="12"/>
    </row>
    <row r="718667" spans="8:8">
      <c r="H718667" s="12"/>
    </row>
    <row r="718668" spans="8:8">
      <c r="H718668" s="12"/>
    </row>
    <row r="718669" spans="8:8">
      <c r="H718669" s="12"/>
    </row>
    <row r="718670" spans="8:8">
      <c r="H718670" s="12"/>
    </row>
    <row r="718671" spans="8:8">
      <c r="H718671" s="12"/>
    </row>
    <row r="718672" spans="8:8">
      <c r="H718672" s="12"/>
    </row>
    <row r="718673" spans="8:8">
      <c r="H718673" s="12"/>
    </row>
    <row r="718674" spans="8:8">
      <c r="H718674" s="12"/>
    </row>
    <row r="718675" spans="8:8">
      <c r="H718675" s="12"/>
    </row>
    <row r="718676" spans="8:8">
      <c r="H718676" s="12"/>
    </row>
    <row r="718677" spans="8:8">
      <c r="H718677" s="12"/>
    </row>
    <row r="718678" spans="8:8">
      <c r="H718678" s="12"/>
    </row>
    <row r="718679" spans="8:8">
      <c r="H718679" s="12"/>
    </row>
    <row r="718680" spans="8:8">
      <c r="H718680" s="12"/>
    </row>
    <row r="718681" spans="8:8">
      <c r="H718681" s="12"/>
    </row>
    <row r="718682" spans="8:8">
      <c r="H718682" s="12"/>
    </row>
    <row r="718683" spans="8:8">
      <c r="H718683" s="12"/>
    </row>
    <row r="718684" spans="8:8">
      <c r="H718684" s="12"/>
    </row>
    <row r="718685" spans="8:8">
      <c r="H718685" s="12"/>
    </row>
    <row r="718686" spans="8:8">
      <c r="H718686" s="12"/>
    </row>
    <row r="718687" spans="8:8">
      <c r="H718687" s="12"/>
    </row>
    <row r="718688" spans="8:8">
      <c r="H718688" s="12"/>
    </row>
    <row r="718689" spans="8:8">
      <c r="H718689" s="12"/>
    </row>
    <row r="718690" spans="8:8">
      <c r="H718690" s="12"/>
    </row>
    <row r="718691" spans="8:8">
      <c r="H718691" s="12"/>
    </row>
    <row r="718692" spans="8:8">
      <c r="H718692" s="12"/>
    </row>
    <row r="718693" spans="8:8">
      <c r="H718693" s="12"/>
    </row>
    <row r="718694" spans="8:8">
      <c r="H718694" s="12"/>
    </row>
    <row r="718695" spans="8:8">
      <c r="H718695" s="12"/>
    </row>
    <row r="718696" spans="8:8">
      <c r="H718696" s="12"/>
    </row>
    <row r="718697" spans="8:8">
      <c r="H718697" s="12"/>
    </row>
    <row r="718698" spans="8:8">
      <c r="H718698" s="12"/>
    </row>
    <row r="718699" spans="8:8">
      <c r="H718699" s="12"/>
    </row>
    <row r="718700" spans="8:8">
      <c r="H718700" s="12"/>
    </row>
    <row r="718701" spans="8:8">
      <c r="H718701" s="12"/>
    </row>
    <row r="718702" spans="8:8">
      <c r="H718702" s="12"/>
    </row>
    <row r="718703" spans="8:8">
      <c r="H718703" s="12"/>
    </row>
    <row r="718704" spans="8:8">
      <c r="H718704" s="12"/>
    </row>
    <row r="718705" spans="8:8">
      <c r="H718705" s="12"/>
    </row>
    <row r="718706" spans="8:8">
      <c r="H718706" s="12"/>
    </row>
    <row r="718707" spans="8:8">
      <c r="H718707" s="12"/>
    </row>
    <row r="718708" spans="8:8">
      <c r="H718708" s="12"/>
    </row>
    <row r="718709" spans="8:8">
      <c r="H718709" s="12"/>
    </row>
    <row r="718710" spans="8:8">
      <c r="H718710" s="12"/>
    </row>
    <row r="718711" spans="8:8">
      <c r="H718711" s="12"/>
    </row>
    <row r="718712" spans="8:8">
      <c r="H718712" s="12"/>
    </row>
    <row r="718713" spans="8:8">
      <c r="H718713" s="12"/>
    </row>
    <row r="718714" spans="8:8">
      <c r="H718714" s="12"/>
    </row>
    <row r="718715" spans="8:8">
      <c r="H718715" s="12"/>
    </row>
    <row r="718716" spans="8:8">
      <c r="H718716" s="12"/>
    </row>
    <row r="718717" spans="8:8">
      <c r="H718717" s="12"/>
    </row>
    <row r="718718" spans="8:8">
      <c r="H718718" s="12"/>
    </row>
    <row r="718719" spans="8:8">
      <c r="H718719" s="12"/>
    </row>
    <row r="718720" spans="8:8">
      <c r="H718720" s="12"/>
    </row>
    <row r="718721" spans="8:8">
      <c r="H718721" s="12"/>
    </row>
    <row r="718722" spans="8:8">
      <c r="H718722" s="12"/>
    </row>
    <row r="718723" spans="8:8">
      <c r="H718723" s="12"/>
    </row>
    <row r="718724" spans="8:8">
      <c r="H718724" s="12"/>
    </row>
    <row r="718725" spans="8:8">
      <c r="H718725" s="12"/>
    </row>
    <row r="718726" spans="8:8">
      <c r="H718726" s="12"/>
    </row>
    <row r="718727" spans="8:8">
      <c r="H718727" s="12"/>
    </row>
    <row r="718728" spans="8:8">
      <c r="H718728" s="12"/>
    </row>
    <row r="718729" spans="8:8">
      <c r="H718729" s="12"/>
    </row>
    <row r="718730" spans="8:8">
      <c r="H718730" s="12"/>
    </row>
    <row r="718731" spans="8:8">
      <c r="H718731" s="12"/>
    </row>
    <row r="718732" spans="8:8">
      <c r="H718732" s="12"/>
    </row>
    <row r="718733" spans="8:8">
      <c r="H718733" s="12"/>
    </row>
    <row r="718734" spans="8:8">
      <c r="H718734" s="12"/>
    </row>
    <row r="718735" spans="8:8">
      <c r="H718735" s="12"/>
    </row>
    <row r="718736" spans="8:8">
      <c r="H718736" s="12"/>
    </row>
    <row r="718737" spans="8:8">
      <c r="H718737" s="12"/>
    </row>
    <row r="718738" spans="8:8">
      <c r="H718738" s="12"/>
    </row>
    <row r="718739" spans="8:8">
      <c r="H718739" s="12"/>
    </row>
    <row r="718740" spans="8:8">
      <c r="H718740" s="12"/>
    </row>
    <row r="718741" spans="8:8">
      <c r="H718741" s="12"/>
    </row>
    <row r="718742" spans="8:8">
      <c r="H718742" s="12"/>
    </row>
    <row r="718743" spans="8:8">
      <c r="H718743" s="12"/>
    </row>
    <row r="718744" spans="8:8">
      <c r="H718744" s="12"/>
    </row>
    <row r="718745" spans="8:8">
      <c r="H718745" s="12"/>
    </row>
    <row r="718746" spans="8:8">
      <c r="H718746" s="12"/>
    </row>
    <row r="718747" spans="8:8">
      <c r="H718747" s="12"/>
    </row>
    <row r="718748" spans="8:8">
      <c r="H718748" s="12"/>
    </row>
    <row r="718749" spans="8:8">
      <c r="H718749" s="12"/>
    </row>
    <row r="718750" spans="8:8">
      <c r="H718750" s="12"/>
    </row>
    <row r="718751" spans="8:8">
      <c r="H718751" s="12"/>
    </row>
    <row r="718752" spans="8:8">
      <c r="H718752" s="12"/>
    </row>
    <row r="718753" spans="8:8">
      <c r="H718753" s="12"/>
    </row>
    <row r="718754" spans="8:8">
      <c r="H718754" s="12"/>
    </row>
    <row r="718755" spans="8:8">
      <c r="H718755" s="12"/>
    </row>
    <row r="718756" spans="8:8">
      <c r="H718756" s="12"/>
    </row>
    <row r="718757" spans="8:8">
      <c r="H718757" s="12"/>
    </row>
    <row r="718758" spans="8:8">
      <c r="H718758" s="12"/>
    </row>
    <row r="718759" spans="8:8">
      <c r="H718759" s="12"/>
    </row>
    <row r="718760" spans="8:8">
      <c r="H718760" s="12"/>
    </row>
    <row r="718761" spans="8:8">
      <c r="H718761" s="12"/>
    </row>
    <row r="718762" spans="8:8">
      <c r="H718762" s="12"/>
    </row>
    <row r="718763" spans="8:8">
      <c r="H718763" s="12"/>
    </row>
    <row r="718764" spans="8:8">
      <c r="H718764" s="12"/>
    </row>
    <row r="718765" spans="8:8">
      <c r="H718765" s="12"/>
    </row>
    <row r="718766" spans="8:8">
      <c r="H718766" s="12"/>
    </row>
    <row r="718767" spans="8:8">
      <c r="H718767" s="12"/>
    </row>
    <row r="718768" spans="8:8">
      <c r="H718768" s="12"/>
    </row>
    <row r="718769" spans="8:8">
      <c r="H718769" s="12"/>
    </row>
    <row r="718770" spans="8:8">
      <c r="H718770" s="12"/>
    </row>
    <row r="718771" spans="8:8">
      <c r="H718771" s="12"/>
    </row>
    <row r="718772" spans="8:8">
      <c r="H718772" s="12"/>
    </row>
    <row r="718773" spans="8:8">
      <c r="H718773" s="12"/>
    </row>
    <row r="718774" spans="8:8">
      <c r="H718774" s="12"/>
    </row>
    <row r="718775" spans="8:8">
      <c r="H718775" s="12"/>
    </row>
    <row r="718776" spans="8:8">
      <c r="H718776" s="12"/>
    </row>
    <row r="718777" spans="8:8">
      <c r="H718777" s="12"/>
    </row>
    <row r="718778" spans="8:8">
      <c r="H718778" s="12"/>
    </row>
    <row r="718779" spans="8:8">
      <c r="H718779" s="12"/>
    </row>
    <row r="718780" spans="8:8">
      <c r="H718780" s="12"/>
    </row>
    <row r="718781" spans="8:8">
      <c r="H718781" s="12"/>
    </row>
    <row r="718782" spans="8:8">
      <c r="H718782" s="12"/>
    </row>
    <row r="718783" spans="8:8">
      <c r="H718783" s="12"/>
    </row>
    <row r="718784" spans="8:8">
      <c r="H718784" s="12"/>
    </row>
    <row r="718785" spans="8:8">
      <c r="H718785" s="12"/>
    </row>
    <row r="718786" spans="8:8">
      <c r="H718786" s="12"/>
    </row>
    <row r="718787" spans="8:8">
      <c r="H718787" s="12"/>
    </row>
    <row r="718788" spans="8:8">
      <c r="H718788" s="12"/>
    </row>
    <row r="718789" spans="8:8">
      <c r="H718789" s="12"/>
    </row>
    <row r="718790" spans="8:8">
      <c r="H718790" s="12"/>
    </row>
    <row r="718791" spans="8:8">
      <c r="H718791" s="12"/>
    </row>
    <row r="718792" spans="8:8">
      <c r="H718792" s="12"/>
    </row>
    <row r="718793" spans="8:8">
      <c r="H718793" s="12"/>
    </row>
    <row r="718794" spans="8:8">
      <c r="H718794" s="12"/>
    </row>
    <row r="718795" spans="8:8">
      <c r="H718795" s="12"/>
    </row>
    <row r="718796" spans="8:8">
      <c r="H718796" s="12"/>
    </row>
    <row r="718797" spans="8:8">
      <c r="H718797" s="12"/>
    </row>
    <row r="718798" spans="8:8">
      <c r="H718798" s="12"/>
    </row>
    <row r="718799" spans="8:8">
      <c r="H718799" s="12"/>
    </row>
    <row r="718800" spans="8:8">
      <c r="H718800" s="12"/>
    </row>
    <row r="718801" spans="8:8">
      <c r="H718801" s="12"/>
    </row>
    <row r="718802" spans="8:8">
      <c r="H718802" s="12"/>
    </row>
    <row r="718803" spans="8:8">
      <c r="H718803" s="12"/>
    </row>
    <row r="718804" spans="8:8">
      <c r="H718804" s="12"/>
    </row>
    <row r="718805" spans="8:8">
      <c r="H718805" s="12"/>
    </row>
    <row r="718806" spans="8:8">
      <c r="H718806" s="12"/>
    </row>
    <row r="718807" spans="8:8">
      <c r="H718807" s="12"/>
    </row>
    <row r="718808" spans="8:8">
      <c r="H718808" s="12"/>
    </row>
    <row r="718809" spans="8:8">
      <c r="H718809" s="12"/>
    </row>
    <row r="718810" spans="8:8">
      <c r="H718810" s="12"/>
    </row>
    <row r="718811" spans="8:8">
      <c r="H718811" s="12"/>
    </row>
    <row r="718812" spans="8:8">
      <c r="H718812" s="12"/>
    </row>
    <row r="718813" spans="8:8">
      <c r="H718813" s="12"/>
    </row>
    <row r="718814" spans="8:8">
      <c r="H718814" s="12"/>
    </row>
    <row r="718815" spans="8:8">
      <c r="H718815" s="12"/>
    </row>
    <row r="718816" spans="8:8">
      <c r="H718816" s="12"/>
    </row>
    <row r="718817" spans="8:8">
      <c r="H718817" s="12"/>
    </row>
    <row r="718818" spans="8:8">
      <c r="H718818" s="12"/>
    </row>
    <row r="718819" spans="8:8">
      <c r="H718819" s="12"/>
    </row>
    <row r="718820" spans="8:8">
      <c r="H718820" s="12"/>
    </row>
    <row r="718821" spans="8:8">
      <c r="H718821" s="12"/>
    </row>
    <row r="718822" spans="8:8">
      <c r="H718822" s="12"/>
    </row>
    <row r="718823" spans="8:8">
      <c r="H718823" s="12"/>
    </row>
    <row r="718824" spans="8:8">
      <c r="H718824" s="12"/>
    </row>
    <row r="718825" spans="8:8">
      <c r="H718825" s="12"/>
    </row>
    <row r="718826" spans="8:8">
      <c r="H718826" s="12"/>
    </row>
    <row r="718827" spans="8:8">
      <c r="H718827" s="12"/>
    </row>
    <row r="718828" spans="8:8">
      <c r="H718828" s="12"/>
    </row>
    <row r="718829" spans="8:8">
      <c r="H718829" s="12"/>
    </row>
    <row r="718830" spans="8:8">
      <c r="H718830" s="12"/>
    </row>
    <row r="718831" spans="8:8">
      <c r="H718831" s="12"/>
    </row>
    <row r="718832" spans="8:8">
      <c r="H718832" s="12"/>
    </row>
    <row r="718833" spans="8:8">
      <c r="H718833" s="12"/>
    </row>
    <row r="718834" spans="8:8">
      <c r="H718834" s="12"/>
    </row>
    <row r="718835" spans="8:8">
      <c r="H718835" s="12"/>
    </row>
    <row r="718836" spans="8:8">
      <c r="H718836" s="12"/>
    </row>
    <row r="718837" spans="8:8">
      <c r="H718837" s="12"/>
    </row>
    <row r="718838" spans="8:8">
      <c r="H718838" s="12"/>
    </row>
    <row r="718839" spans="8:8">
      <c r="H718839" s="12"/>
    </row>
    <row r="718840" spans="8:8">
      <c r="H718840" s="12"/>
    </row>
    <row r="718841" spans="8:8">
      <c r="H718841" s="12"/>
    </row>
    <row r="718842" spans="8:8">
      <c r="H718842" s="12"/>
    </row>
    <row r="718843" spans="8:8">
      <c r="H718843" s="12"/>
    </row>
    <row r="718844" spans="8:8">
      <c r="H718844" s="12"/>
    </row>
    <row r="718845" spans="8:8">
      <c r="H718845" s="12"/>
    </row>
    <row r="718846" spans="8:8">
      <c r="H718846" s="12"/>
    </row>
    <row r="718847" spans="8:8">
      <c r="H718847" s="12"/>
    </row>
    <row r="718848" spans="8:8">
      <c r="H718848" s="12"/>
    </row>
    <row r="718849" spans="8:8">
      <c r="H718849" s="12"/>
    </row>
    <row r="718850" spans="8:8">
      <c r="H718850" s="12"/>
    </row>
    <row r="718851" spans="8:8">
      <c r="H718851" s="12"/>
    </row>
    <row r="718852" spans="8:8">
      <c r="H718852" s="12"/>
    </row>
    <row r="718853" spans="8:8">
      <c r="H718853" s="12"/>
    </row>
    <row r="718854" spans="8:8">
      <c r="H718854" s="12"/>
    </row>
    <row r="718855" spans="8:8">
      <c r="H718855" s="12"/>
    </row>
    <row r="718856" spans="8:8">
      <c r="H718856" s="12"/>
    </row>
    <row r="718857" spans="8:8">
      <c r="H718857" s="12"/>
    </row>
    <row r="718858" spans="8:8">
      <c r="H718858" s="12"/>
    </row>
    <row r="718859" spans="8:8">
      <c r="H718859" s="12"/>
    </row>
    <row r="718860" spans="8:8">
      <c r="H718860" s="12"/>
    </row>
    <row r="718861" spans="8:8">
      <c r="H718861" s="12"/>
    </row>
    <row r="718862" spans="8:8">
      <c r="H718862" s="12"/>
    </row>
    <row r="718863" spans="8:8">
      <c r="H718863" s="12"/>
    </row>
    <row r="718864" spans="8:8">
      <c r="H718864" s="12"/>
    </row>
    <row r="718865" spans="8:8">
      <c r="H718865" s="12"/>
    </row>
    <row r="718866" spans="8:8">
      <c r="H718866" s="12"/>
    </row>
    <row r="718867" spans="8:8">
      <c r="H718867" s="12"/>
    </row>
    <row r="718868" spans="8:8">
      <c r="H718868" s="12"/>
    </row>
    <row r="718869" spans="8:8">
      <c r="H718869" s="12"/>
    </row>
    <row r="718870" spans="8:8">
      <c r="H718870" s="12"/>
    </row>
    <row r="718871" spans="8:8">
      <c r="H718871" s="12"/>
    </row>
    <row r="718872" spans="8:8">
      <c r="H718872" s="12"/>
    </row>
    <row r="718873" spans="8:8">
      <c r="H718873" s="12"/>
    </row>
    <row r="718874" spans="8:8">
      <c r="H718874" s="12"/>
    </row>
    <row r="718875" spans="8:8">
      <c r="H718875" s="12"/>
    </row>
    <row r="718876" spans="8:8">
      <c r="H718876" s="12"/>
    </row>
    <row r="718877" spans="8:8">
      <c r="H718877" s="12"/>
    </row>
    <row r="718878" spans="8:8">
      <c r="H718878" s="12"/>
    </row>
    <row r="718879" spans="8:8">
      <c r="H718879" s="12"/>
    </row>
    <row r="718880" spans="8:8">
      <c r="H718880" s="12"/>
    </row>
    <row r="718881" spans="8:8">
      <c r="H718881" s="12"/>
    </row>
    <row r="718882" spans="8:8">
      <c r="H718882" s="12"/>
    </row>
    <row r="718883" spans="8:8">
      <c r="H718883" s="12"/>
    </row>
    <row r="718884" spans="8:8">
      <c r="H718884" s="12"/>
    </row>
    <row r="718885" spans="8:8">
      <c r="H718885" s="12"/>
    </row>
    <row r="718886" spans="8:8">
      <c r="H718886" s="12"/>
    </row>
    <row r="718887" spans="8:8">
      <c r="H718887" s="12"/>
    </row>
    <row r="718888" spans="8:8">
      <c r="H718888" s="12"/>
    </row>
    <row r="718889" spans="8:8">
      <c r="H718889" s="12"/>
    </row>
    <row r="718890" spans="8:8">
      <c r="H718890" s="12"/>
    </row>
    <row r="718891" spans="8:8">
      <c r="H718891" s="12"/>
    </row>
    <row r="718892" spans="8:8">
      <c r="H718892" s="12"/>
    </row>
    <row r="718893" spans="8:8">
      <c r="H718893" s="12"/>
    </row>
    <row r="718894" spans="8:8">
      <c r="H718894" s="12"/>
    </row>
    <row r="718895" spans="8:8">
      <c r="H718895" s="12"/>
    </row>
    <row r="718896" spans="8:8">
      <c r="H718896" s="12"/>
    </row>
    <row r="718897" spans="8:8">
      <c r="H718897" s="12"/>
    </row>
    <row r="718898" spans="8:8">
      <c r="H718898" s="12"/>
    </row>
    <row r="718899" spans="8:8">
      <c r="H718899" s="12"/>
    </row>
    <row r="718900" spans="8:8">
      <c r="H718900" s="12"/>
    </row>
    <row r="718901" spans="8:8">
      <c r="H718901" s="12"/>
    </row>
    <row r="718902" spans="8:8">
      <c r="H718902" s="12"/>
    </row>
    <row r="718903" spans="8:8">
      <c r="H718903" s="12"/>
    </row>
    <row r="718904" spans="8:8">
      <c r="H718904" s="12"/>
    </row>
    <row r="718905" spans="8:8">
      <c r="H718905" s="12"/>
    </row>
    <row r="718906" spans="8:8">
      <c r="H718906" s="12"/>
    </row>
    <row r="718907" spans="8:8">
      <c r="H718907" s="12"/>
    </row>
    <row r="718908" spans="8:8">
      <c r="H718908" s="12"/>
    </row>
    <row r="718909" spans="8:8">
      <c r="H718909" s="12"/>
    </row>
    <row r="718910" spans="8:8">
      <c r="H718910" s="12"/>
    </row>
    <row r="718911" spans="8:8">
      <c r="H718911" s="12"/>
    </row>
    <row r="718912" spans="8:8">
      <c r="H718912" s="12"/>
    </row>
    <row r="718913" spans="8:8">
      <c r="H718913" s="12"/>
    </row>
    <row r="718914" spans="8:8">
      <c r="H718914" s="12"/>
    </row>
    <row r="718915" spans="8:8">
      <c r="H718915" s="12"/>
    </row>
    <row r="718916" spans="8:8">
      <c r="H718916" s="12"/>
    </row>
    <row r="718917" spans="8:8">
      <c r="H718917" s="12"/>
    </row>
    <row r="718918" spans="8:8">
      <c r="H718918" s="12"/>
    </row>
    <row r="718919" spans="8:8">
      <c r="H718919" s="12"/>
    </row>
    <row r="718920" spans="8:8">
      <c r="H718920" s="12"/>
    </row>
    <row r="718921" spans="8:8">
      <c r="H718921" s="12"/>
    </row>
    <row r="718922" spans="8:8">
      <c r="H718922" s="12"/>
    </row>
    <row r="718923" spans="8:8">
      <c r="H718923" s="12"/>
    </row>
    <row r="718924" spans="8:8">
      <c r="H718924" s="12"/>
    </row>
    <row r="718925" spans="8:8">
      <c r="H718925" s="12"/>
    </row>
    <row r="718926" spans="8:8">
      <c r="H718926" s="12"/>
    </row>
    <row r="718927" spans="8:8">
      <c r="H718927" s="12"/>
    </row>
    <row r="718928" spans="8:8">
      <c r="H718928" s="12"/>
    </row>
    <row r="718929" spans="8:8">
      <c r="H718929" s="12"/>
    </row>
    <row r="718930" spans="8:8">
      <c r="H718930" s="12"/>
    </row>
    <row r="718931" spans="8:8">
      <c r="H718931" s="12"/>
    </row>
    <row r="718932" spans="8:8">
      <c r="H718932" s="12"/>
    </row>
    <row r="718933" spans="8:8">
      <c r="H718933" s="12"/>
    </row>
    <row r="718934" spans="8:8">
      <c r="H718934" s="12"/>
    </row>
    <row r="718935" spans="8:8">
      <c r="H718935" s="12"/>
    </row>
    <row r="718936" spans="8:8">
      <c r="H718936" s="12"/>
    </row>
    <row r="718937" spans="8:8">
      <c r="H718937" s="12"/>
    </row>
    <row r="718938" spans="8:8">
      <c r="H718938" s="12"/>
    </row>
    <row r="718939" spans="8:8">
      <c r="H718939" s="12"/>
    </row>
    <row r="718940" spans="8:8">
      <c r="H718940" s="12"/>
    </row>
    <row r="718941" spans="8:8">
      <c r="H718941" s="12"/>
    </row>
    <row r="718942" spans="8:8">
      <c r="H718942" s="12"/>
    </row>
    <row r="718943" spans="8:8">
      <c r="H718943" s="12"/>
    </row>
    <row r="718944" spans="8:8">
      <c r="H718944" s="12"/>
    </row>
    <row r="718945" spans="8:8">
      <c r="H718945" s="12"/>
    </row>
    <row r="718946" spans="8:8">
      <c r="H718946" s="12"/>
    </row>
    <row r="718947" spans="8:8">
      <c r="H718947" s="12"/>
    </row>
    <row r="718948" spans="8:8">
      <c r="H718948" s="12"/>
    </row>
    <row r="718949" spans="8:8">
      <c r="H718949" s="12"/>
    </row>
    <row r="718950" spans="8:8">
      <c r="H718950" s="12"/>
    </row>
    <row r="718951" spans="8:8">
      <c r="H718951" s="12"/>
    </row>
    <row r="718952" spans="8:8">
      <c r="H718952" s="12"/>
    </row>
    <row r="718953" spans="8:8">
      <c r="H718953" s="12"/>
    </row>
    <row r="718954" spans="8:8">
      <c r="H718954" s="12"/>
    </row>
    <row r="718955" spans="8:8">
      <c r="H718955" s="12"/>
    </row>
    <row r="718956" spans="8:8">
      <c r="H718956" s="12"/>
    </row>
    <row r="718957" spans="8:8">
      <c r="H718957" s="12"/>
    </row>
    <row r="718958" spans="8:8">
      <c r="H718958" s="12"/>
    </row>
    <row r="718959" spans="8:8">
      <c r="H718959" s="12"/>
    </row>
    <row r="718960" spans="8:8">
      <c r="H718960" s="12"/>
    </row>
    <row r="718961" spans="8:8">
      <c r="H718961" s="12"/>
    </row>
    <row r="718962" spans="8:8">
      <c r="H718962" s="12"/>
    </row>
    <row r="718963" spans="8:8">
      <c r="H718963" s="12"/>
    </row>
    <row r="718964" spans="8:8">
      <c r="H718964" s="12"/>
    </row>
    <row r="718965" spans="8:8">
      <c r="H718965" s="12"/>
    </row>
    <row r="718966" spans="8:8">
      <c r="H718966" s="12"/>
    </row>
    <row r="718967" spans="8:8">
      <c r="H718967" s="12"/>
    </row>
    <row r="718968" spans="8:8">
      <c r="H718968" s="12"/>
    </row>
    <row r="718969" spans="8:8">
      <c r="H718969" s="12"/>
    </row>
    <row r="718970" spans="8:8">
      <c r="H718970" s="12"/>
    </row>
    <row r="718971" spans="8:8">
      <c r="H718971" s="12"/>
    </row>
    <row r="718972" spans="8:8">
      <c r="H718972" s="12"/>
    </row>
    <row r="718973" spans="8:8">
      <c r="H718973" s="12"/>
    </row>
    <row r="718974" spans="8:8">
      <c r="H718974" s="12"/>
    </row>
    <row r="718975" spans="8:8">
      <c r="H718975" s="12"/>
    </row>
    <row r="718976" spans="8:8">
      <c r="H718976" s="12"/>
    </row>
    <row r="718977" spans="8:8">
      <c r="H718977" s="12"/>
    </row>
    <row r="718978" spans="8:8">
      <c r="H718978" s="12"/>
    </row>
    <row r="718979" spans="8:8">
      <c r="H718979" s="12"/>
    </row>
    <row r="718980" spans="8:8">
      <c r="H718980" s="12"/>
    </row>
    <row r="718981" spans="8:8">
      <c r="H718981" s="12"/>
    </row>
    <row r="718982" spans="8:8">
      <c r="H718982" s="12"/>
    </row>
    <row r="718983" spans="8:8">
      <c r="H718983" s="12"/>
    </row>
    <row r="718984" spans="8:8">
      <c r="H718984" s="12"/>
    </row>
    <row r="718985" spans="8:8">
      <c r="H718985" s="12"/>
    </row>
    <row r="718986" spans="8:8">
      <c r="H718986" s="12"/>
    </row>
    <row r="718987" spans="8:8">
      <c r="H718987" s="12"/>
    </row>
    <row r="718988" spans="8:8">
      <c r="H718988" s="12"/>
    </row>
    <row r="718989" spans="8:8">
      <c r="H718989" s="12"/>
    </row>
    <row r="718990" spans="8:8">
      <c r="H718990" s="12"/>
    </row>
    <row r="718991" spans="8:8">
      <c r="H718991" s="12"/>
    </row>
    <row r="718992" spans="8:8">
      <c r="H718992" s="12"/>
    </row>
    <row r="718993" spans="8:8">
      <c r="H718993" s="12"/>
    </row>
    <row r="718994" spans="8:8">
      <c r="H718994" s="12"/>
    </row>
    <row r="718995" spans="8:8">
      <c r="H718995" s="12"/>
    </row>
    <row r="718996" spans="8:8">
      <c r="H718996" s="12"/>
    </row>
    <row r="718997" spans="8:8">
      <c r="H718997" s="12"/>
    </row>
    <row r="718998" spans="8:8">
      <c r="H718998" s="12"/>
    </row>
    <row r="718999" spans="8:8">
      <c r="H718999" s="12"/>
    </row>
    <row r="719000" spans="8:8">
      <c r="H719000" s="12"/>
    </row>
    <row r="719001" spans="8:8">
      <c r="H719001" s="12"/>
    </row>
    <row r="719002" spans="8:8">
      <c r="H719002" s="12"/>
    </row>
    <row r="719003" spans="8:8">
      <c r="H719003" s="12"/>
    </row>
    <row r="719004" spans="8:8">
      <c r="H719004" s="12"/>
    </row>
    <row r="719005" spans="8:8">
      <c r="H719005" s="12"/>
    </row>
    <row r="719006" spans="8:8">
      <c r="H719006" s="12"/>
    </row>
    <row r="719007" spans="8:8">
      <c r="H719007" s="12"/>
    </row>
    <row r="719008" spans="8:8">
      <c r="H719008" s="12"/>
    </row>
    <row r="719009" spans="8:8">
      <c r="H719009" s="12"/>
    </row>
    <row r="719010" spans="8:8">
      <c r="H719010" s="12"/>
    </row>
    <row r="719011" spans="8:8">
      <c r="H719011" s="12"/>
    </row>
    <row r="719012" spans="8:8">
      <c r="H719012" s="12"/>
    </row>
    <row r="719013" spans="8:8">
      <c r="H719013" s="12"/>
    </row>
    <row r="719014" spans="8:8">
      <c r="H719014" s="12"/>
    </row>
    <row r="719015" spans="8:8">
      <c r="H719015" s="12"/>
    </row>
    <row r="719016" spans="8:8">
      <c r="H719016" s="12"/>
    </row>
    <row r="719017" spans="8:8">
      <c r="H719017" s="12"/>
    </row>
    <row r="719018" spans="8:8">
      <c r="H719018" s="12"/>
    </row>
    <row r="719019" spans="8:8">
      <c r="H719019" s="12"/>
    </row>
    <row r="719020" spans="8:8">
      <c r="H719020" s="12"/>
    </row>
    <row r="719021" spans="8:8">
      <c r="H719021" s="12"/>
    </row>
    <row r="719022" spans="8:8">
      <c r="H719022" s="12"/>
    </row>
    <row r="719023" spans="8:8">
      <c r="H719023" s="12"/>
    </row>
    <row r="719024" spans="8:8">
      <c r="H719024" s="12"/>
    </row>
    <row r="719025" spans="8:8">
      <c r="H719025" s="12"/>
    </row>
    <row r="719026" spans="8:8">
      <c r="H719026" s="12"/>
    </row>
    <row r="719027" spans="8:8">
      <c r="H719027" s="12"/>
    </row>
    <row r="719028" spans="8:8">
      <c r="H719028" s="12"/>
    </row>
    <row r="719029" spans="8:8">
      <c r="H719029" s="12"/>
    </row>
    <row r="719030" spans="8:8">
      <c r="H719030" s="12"/>
    </row>
    <row r="719031" spans="8:8">
      <c r="H719031" s="12"/>
    </row>
    <row r="719032" spans="8:8">
      <c r="H719032" s="12"/>
    </row>
    <row r="719033" spans="8:8">
      <c r="H719033" s="12"/>
    </row>
    <row r="719034" spans="8:8">
      <c r="H719034" s="12"/>
    </row>
    <row r="719035" spans="8:8">
      <c r="H719035" s="12"/>
    </row>
    <row r="719036" spans="8:8">
      <c r="H719036" s="12"/>
    </row>
    <row r="719037" spans="8:8">
      <c r="H719037" s="12"/>
    </row>
    <row r="719038" spans="8:8">
      <c r="H719038" s="12"/>
    </row>
    <row r="719039" spans="8:8">
      <c r="H719039" s="12"/>
    </row>
    <row r="719040" spans="8:8">
      <c r="H719040" s="12"/>
    </row>
    <row r="719041" spans="8:8">
      <c r="H719041" s="12"/>
    </row>
    <row r="719042" spans="8:8">
      <c r="H719042" s="12"/>
    </row>
    <row r="719043" spans="8:8">
      <c r="H719043" s="12"/>
    </row>
    <row r="719044" spans="8:8">
      <c r="H719044" s="12"/>
    </row>
    <row r="719045" spans="8:8">
      <c r="H719045" s="12"/>
    </row>
    <row r="719046" spans="8:8">
      <c r="H719046" s="12"/>
    </row>
    <row r="719047" spans="8:8">
      <c r="H719047" s="12"/>
    </row>
    <row r="719048" spans="8:8">
      <c r="H719048" s="12"/>
    </row>
    <row r="719049" spans="8:8">
      <c r="H719049" s="12"/>
    </row>
    <row r="719050" spans="8:8">
      <c r="H719050" s="12"/>
    </row>
    <row r="719051" spans="8:8">
      <c r="H719051" s="12"/>
    </row>
    <row r="719052" spans="8:8">
      <c r="H719052" s="12"/>
    </row>
    <row r="719053" spans="8:8">
      <c r="H719053" s="12"/>
    </row>
    <row r="719054" spans="8:8">
      <c r="H719054" s="12"/>
    </row>
    <row r="719055" spans="8:8">
      <c r="H719055" s="12"/>
    </row>
    <row r="719056" spans="8:8">
      <c r="H719056" s="12"/>
    </row>
    <row r="719057" spans="8:8">
      <c r="H719057" s="12"/>
    </row>
    <row r="719058" spans="8:8">
      <c r="H719058" s="12"/>
    </row>
    <row r="719059" spans="8:8">
      <c r="H719059" s="12"/>
    </row>
    <row r="719060" spans="8:8">
      <c r="H719060" s="12"/>
    </row>
    <row r="719061" spans="8:8">
      <c r="H719061" s="12"/>
    </row>
    <row r="719062" spans="8:8">
      <c r="H719062" s="12"/>
    </row>
    <row r="719063" spans="8:8">
      <c r="H719063" s="12"/>
    </row>
    <row r="719064" spans="8:8">
      <c r="H719064" s="12"/>
    </row>
    <row r="719065" spans="8:8">
      <c r="H719065" s="12"/>
    </row>
    <row r="719066" spans="8:8">
      <c r="H719066" s="12"/>
    </row>
    <row r="719067" spans="8:8">
      <c r="H719067" s="12"/>
    </row>
    <row r="719068" spans="8:8">
      <c r="H719068" s="12"/>
    </row>
    <row r="719069" spans="8:8">
      <c r="H719069" s="12"/>
    </row>
    <row r="719070" spans="8:8">
      <c r="H719070" s="12"/>
    </row>
    <row r="719071" spans="8:8">
      <c r="H719071" s="12"/>
    </row>
    <row r="719072" spans="8:8">
      <c r="H719072" s="12"/>
    </row>
    <row r="719073" spans="8:8">
      <c r="H719073" s="12"/>
    </row>
    <row r="719074" spans="8:8">
      <c r="H719074" s="12"/>
    </row>
    <row r="719075" spans="8:8">
      <c r="H719075" s="12"/>
    </row>
    <row r="719076" spans="8:8">
      <c r="H719076" s="12"/>
    </row>
    <row r="719077" spans="8:8">
      <c r="H719077" s="12"/>
    </row>
    <row r="719078" spans="8:8">
      <c r="H719078" s="12"/>
    </row>
    <row r="719079" spans="8:8">
      <c r="H719079" s="12"/>
    </row>
    <row r="719080" spans="8:8">
      <c r="H719080" s="12"/>
    </row>
    <row r="719081" spans="8:8">
      <c r="H719081" s="12"/>
    </row>
    <row r="719082" spans="8:8">
      <c r="H719082" s="12"/>
    </row>
    <row r="719083" spans="8:8">
      <c r="H719083" s="12"/>
    </row>
    <row r="719084" spans="8:8">
      <c r="H719084" s="12"/>
    </row>
    <row r="719085" spans="8:8">
      <c r="H719085" s="12"/>
    </row>
    <row r="719086" spans="8:8">
      <c r="H719086" s="12"/>
    </row>
    <row r="719087" spans="8:8">
      <c r="H719087" s="12"/>
    </row>
    <row r="719088" spans="8:8">
      <c r="H719088" s="12"/>
    </row>
    <row r="719089" spans="8:8">
      <c r="H719089" s="12"/>
    </row>
    <row r="719090" spans="8:8">
      <c r="H719090" s="12"/>
    </row>
    <row r="719091" spans="8:8">
      <c r="H719091" s="12"/>
    </row>
    <row r="719092" spans="8:8">
      <c r="H719092" s="12"/>
    </row>
    <row r="719093" spans="8:8">
      <c r="H719093" s="12"/>
    </row>
    <row r="719094" spans="8:8">
      <c r="H719094" s="12"/>
    </row>
    <row r="719095" spans="8:8">
      <c r="H719095" s="12"/>
    </row>
    <row r="719096" spans="8:8">
      <c r="H719096" s="12"/>
    </row>
    <row r="719097" spans="8:8">
      <c r="H719097" s="12"/>
    </row>
    <row r="719098" spans="8:8">
      <c r="H719098" s="12"/>
    </row>
    <row r="719099" spans="8:8">
      <c r="H719099" s="12"/>
    </row>
    <row r="719100" spans="8:8">
      <c r="H719100" s="12"/>
    </row>
    <row r="719101" spans="8:8">
      <c r="H719101" s="12"/>
    </row>
    <row r="719102" spans="8:8">
      <c r="H719102" s="12"/>
    </row>
    <row r="719103" spans="8:8">
      <c r="H719103" s="12"/>
    </row>
    <row r="719104" spans="8:8">
      <c r="H719104" s="12"/>
    </row>
    <row r="719105" spans="8:8">
      <c r="H719105" s="12"/>
    </row>
    <row r="719106" spans="8:8">
      <c r="H719106" s="12"/>
    </row>
    <row r="719107" spans="8:8">
      <c r="H719107" s="12"/>
    </row>
    <row r="719108" spans="8:8">
      <c r="H719108" s="12"/>
    </row>
    <row r="719109" spans="8:8">
      <c r="H719109" s="12"/>
    </row>
    <row r="719110" spans="8:8">
      <c r="H719110" s="12"/>
    </row>
    <row r="719111" spans="8:8">
      <c r="H719111" s="12"/>
    </row>
    <row r="719112" spans="8:8">
      <c r="H719112" s="12"/>
    </row>
    <row r="719113" spans="8:8">
      <c r="H719113" s="12"/>
    </row>
    <row r="719114" spans="8:8">
      <c r="H719114" s="12"/>
    </row>
    <row r="719115" spans="8:8">
      <c r="H719115" s="12"/>
    </row>
    <row r="719116" spans="8:8">
      <c r="H719116" s="12"/>
    </row>
    <row r="719117" spans="8:8">
      <c r="H719117" s="12"/>
    </row>
    <row r="719118" spans="8:8">
      <c r="H719118" s="12"/>
    </row>
    <row r="719119" spans="8:8">
      <c r="H719119" s="12"/>
    </row>
    <row r="719120" spans="8:8">
      <c r="H719120" s="12"/>
    </row>
    <row r="719121" spans="8:8">
      <c r="H719121" s="12"/>
    </row>
    <row r="719122" spans="8:8">
      <c r="H719122" s="12"/>
    </row>
    <row r="719123" spans="8:8">
      <c r="H719123" s="12"/>
    </row>
    <row r="719124" spans="8:8">
      <c r="H719124" s="12"/>
    </row>
    <row r="719125" spans="8:8">
      <c r="H719125" s="12"/>
    </row>
    <row r="719126" spans="8:8">
      <c r="H719126" s="12"/>
    </row>
    <row r="719127" spans="8:8">
      <c r="H719127" s="12"/>
    </row>
    <row r="719128" spans="8:8">
      <c r="H719128" s="12"/>
    </row>
    <row r="719129" spans="8:8">
      <c r="H719129" s="12"/>
    </row>
    <row r="719130" spans="8:8">
      <c r="H719130" s="12"/>
    </row>
    <row r="719131" spans="8:8">
      <c r="H719131" s="12"/>
    </row>
    <row r="719132" spans="8:8">
      <c r="H719132" s="12"/>
    </row>
    <row r="719133" spans="8:8">
      <c r="H719133" s="12"/>
    </row>
    <row r="719134" spans="8:8">
      <c r="H719134" s="12"/>
    </row>
    <row r="719135" spans="8:8">
      <c r="H719135" s="12"/>
    </row>
    <row r="719136" spans="8:8">
      <c r="H719136" s="12"/>
    </row>
    <row r="719137" spans="8:8">
      <c r="H719137" s="12"/>
    </row>
    <row r="719138" spans="8:8">
      <c r="H719138" s="12"/>
    </row>
    <row r="719139" spans="8:8">
      <c r="H719139" s="12"/>
    </row>
    <row r="719140" spans="8:8">
      <c r="H719140" s="12"/>
    </row>
    <row r="719141" spans="8:8">
      <c r="H719141" s="12"/>
    </row>
    <row r="719142" spans="8:8">
      <c r="H719142" s="12"/>
    </row>
    <row r="719143" spans="8:8">
      <c r="H719143" s="12"/>
    </row>
    <row r="719144" spans="8:8">
      <c r="H719144" s="12"/>
    </row>
    <row r="719145" spans="8:8">
      <c r="H719145" s="12"/>
    </row>
    <row r="719146" spans="8:8">
      <c r="H719146" s="12"/>
    </row>
    <row r="719147" spans="8:8">
      <c r="H719147" s="12"/>
    </row>
    <row r="719148" spans="8:8">
      <c r="H719148" s="12"/>
    </row>
    <row r="719149" spans="8:8">
      <c r="H719149" s="12"/>
    </row>
    <row r="719150" spans="8:8">
      <c r="H719150" s="12"/>
    </row>
    <row r="719151" spans="8:8">
      <c r="H719151" s="12"/>
    </row>
    <row r="719152" spans="8:8">
      <c r="H719152" s="12"/>
    </row>
    <row r="719153" spans="8:8">
      <c r="H719153" s="12"/>
    </row>
    <row r="719154" spans="8:8">
      <c r="H719154" s="12"/>
    </row>
    <row r="719155" spans="8:8">
      <c r="H719155" s="12"/>
    </row>
    <row r="719156" spans="8:8">
      <c r="H719156" s="12"/>
    </row>
    <row r="719157" spans="8:8">
      <c r="H719157" s="12"/>
    </row>
    <row r="719158" spans="8:8">
      <c r="H719158" s="12"/>
    </row>
    <row r="719159" spans="8:8">
      <c r="H719159" s="12"/>
    </row>
    <row r="719160" spans="8:8">
      <c r="H719160" s="12"/>
    </row>
    <row r="719161" spans="8:8">
      <c r="H719161" s="12"/>
    </row>
    <row r="719162" spans="8:8">
      <c r="H719162" s="12"/>
    </row>
    <row r="719163" spans="8:8">
      <c r="H719163" s="12"/>
    </row>
    <row r="719164" spans="8:8">
      <c r="H719164" s="12"/>
    </row>
    <row r="719165" spans="8:8">
      <c r="H719165" s="12"/>
    </row>
    <row r="719166" spans="8:8">
      <c r="H719166" s="12"/>
    </row>
    <row r="719167" spans="8:8">
      <c r="H719167" s="12"/>
    </row>
    <row r="719168" spans="8:8">
      <c r="H719168" s="12"/>
    </row>
    <row r="719169" spans="8:8">
      <c r="H719169" s="12"/>
    </row>
    <row r="719170" spans="8:8">
      <c r="H719170" s="12"/>
    </row>
    <row r="719171" spans="8:8">
      <c r="H719171" s="12"/>
    </row>
    <row r="719172" spans="8:8">
      <c r="H719172" s="12"/>
    </row>
    <row r="719173" spans="8:8">
      <c r="H719173" s="12"/>
    </row>
    <row r="719174" spans="8:8">
      <c r="H719174" s="12"/>
    </row>
    <row r="719175" spans="8:8">
      <c r="H719175" s="12"/>
    </row>
    <row r="719176" spans="8:8">
      <c r="H719176" s="12"/>
    </row>
    <row r="719177" spans="8:8">
      <c r="H719177" s="12"/>
    </row>
    <row r="719178" spans="8:8">
      <c r="H719178" s="12"/>
    </row>
    <row r="719179" spans="8:8">
      <c r="H719179" s="12"/>
    </row>
    <row r="719180" spans="8:8">
      <c r="H719180" s="12"/>
    </row>
    <row r="719181" spans="8:8">
      <c r="H719181" s="12"/>
    </row>
    <row r="719182" spans="8:8">
      <c r="H719182" s="12"/>
    </row>
    <row r="719183" spans="8:8">
      <c r="H719183" s="12"/>
    </row>
    <row r="719184" spans="8:8">
      <c r="H719184" s="12"/>
    </row>
    <row r="719185" spans="8:8">
      <c r="H719185" s="12"/>
    </row>
    <row r="719186" spans="8:8">
      <c r="H719186" s="12"/>
    </row>
    <row r="719187" spans="8:8">
      <c r="H719187" s="12"/>
    </row>
    <row r="719188" spans="8:8">
      <c r="H719188" s="12"/>
    </row>
    <row r="719189" spans="8:8">
      <c r="H719189" s="12"/>
    </row>
    <row r="719190" spans="8:8">
      <c r="H719190" s="12"/>
    </row>
    <row r="719191" spans="8:8">
      <c r="H719191" s="12"/>
    </row>
    <row r="719192" spans="8:8">
      <c r="H719192" s="12"/>
    </row>
    <row r="719193" spans="8:8">
      <c r="H719193" s="12"/>
    </row>
    <row r="719194" spans="8:8">
      <c r="H719194" s="12"/>
    </row>
    <row r="719195" spans="8:8">
      <c r="H719195" s="12"/>
    </row>
    <row r="719196" spans="8:8">
      <c r="H719196" s="12"/>
    </row>
    <row r="719197" spans="8:8">
      <c r="H719197" s="12"/>
    </row>
    <row r="719198" spans="8:8">
      <c r="H719198" s="12"/>
    </row>
    <row r="719199" spans="8:8">
      <c r="H719199" s="12"/>
    </row>
    <row r="719200" spans="8:8">
      <c r="H719200" s="12"/>
    </row>
    <row r="719201" spans="8:8">
      <c r="H719201" s="12"/>
    </row>
    <row r="719202" spans="8:8">
      <c r="H719202" s="12"/>
    </row>
    <row r="719203" spans="8:8">
      <c r="H719203" s="12"/>
    </row>
    <row r="719204" spans="8:8">
      <c r="H719204" s="12"/>
    </row>
    <row r="719205" spans="8:8">
      <c r="H719205" s="12"/>
    </row>
    <row r="719206" spans="8:8">
      <c r="H719206" s="12"/>
    </row>
    <row r="719207" spans="8:8">
      <c r="H719207" s="12"/>
    </row>
    <row r="719208" spans="8:8">
      <c r="H719208" s="12"/>
    </row>
    <row r="719209" spans="8:8">
      <c r="H719209" s="12"/>
    </row>
    <row r="719210" spans="8:8">
      <c r="H719210" s="12"/>
    </row>
    <row r="719211" spans="8:8">
      <c r="H719211" s="12"/>
    </row>
    <row r="719212" spans="8:8">
      <c r="H719212" s="12"/>
    </row>
    <row r="719213" spans="8:8">
      <c r="H719213" s="12"/>
    </row>
    <row r="719214" spans="8:8">
      <c r="H719214" s="12"/>
    </row>
    <row r="719215" spans="8:8">
      <c r="H719215" s="12"/>
    </row>
    <row r="719216" spans="8:8">
      <c r="H719216" s="12"/>
    </row>
    <row r="719217" spans="8:8">
      <c r="H719217" s="12"/>
    </row>
    <row r="719218" spans="8:8">
      <c r="H719218" s="12"/>
    </row>
    <row r="719219" spans="8:8">
      <c r="H719219" s="12"/>
    </row>
    <row r="719220" spans="8:8">
      <c r="H719220" s="12"/>
    </row>
    <row r="719221" spans="8:8">
      <c r="H719221" s="12"/>
    </row>
    <row r="719222" spans="8:8">
      <c r="H719222" s="12"/>
    </row>
    <row r="719223" spans="8:8">
      <c r="H719223" s="12"/>
    </row>
    <row r="719224" spans="8:8">
      <c r="H719224" s="12"/>
    </row>
    <row r="719225" spans="8:8">
      <c r="H719225" s="12"/>
    </row>
    <row r="719226" spans="8:8">
      <c r="H719226" s="12"/>
    </row>
    <row r="719227" spans="8:8">
      <c r="H719227" s="12"/>
    </row>
    <row r="719228" spans="8:8">
      <c r="H719228" s="12"/>
    </row>
    <row r="719229" spans="8:8">
      <c r="H719229" s="12"/>
    </row>
    <row r="719230" spans="8:8">
      <c r="H719230" s="12"/>
    </row>
    <row r="719231" spans="8:8">
      <c r="H719231" s="12"/>
    </row>
    <row r="719232" spans="8:8">
      <c r="H719232" s="12"/>
    </row>
    <row r="719233" spans="8:8">
      <c r="H719233" s="12"/>
    </row>
    <row r="719234" spans="8:8">
      <c r="H719234" s="12"/>
    </row>
    <row r="719235" spans="8:8">
      <c r="H719235" s="12"/>
    </row>
    <row r="719236" spans="8:8">
      <c r="H719236" s="12"/>
    </row>
    <row r="719237" spans="8:8">
      <c r="H719237" s="12"/>
    </row>
    <row r="719238" spans="8:8">
      <c r="H719238" s="12"/>
    </row>
    <row r="719239" spans="8:8">
      <c r="H719239" s="12"/>
    </row>
    <row r="719240" spans="8:8">
      <c r="H719240" s="12"/>
    </row>
    <row r="719241" spans="8:8">
      <c r="H719241" s="12"/>
    </row>
    <row r="719242" spans="8:8">
      <c r="H719242" s="12"/>
    </row>
    <row r="719243" spans="8:8">
      <c r="H719243" s="12"/>
    </row>
    <row r="719244" spans="8:8">
      <c r="H719244" s="12"/>
    </row>
    <row r="719245" spans="8:8">
      <c r="H719245" s="12"/>
    </row>
    <row r="719246" spans="8:8">
      <c r="H719246" s="12"/>
    </row>
    <row r="719247" spans="8:8">
      <c r="H719247" s="12"/>
    </row>
    <row r="719248" spans="8:8">
      <c r="H719248" s="12"/>
    </row>
    <row r="719249" spans="8:8">
      <c r="H719249" s="12"/>
    </row>
    <row r="719250" spans="8:8">
      <c r="H719250" s="12"/>
    </row>
    <row r="719251" spans="8:8">
      <c r="H719251" s="12"/>
    </row>
    <row r="719252" spans="8:8">
      <c r="H719252" s="12"/>
    </row>
    <row r="719253" spans="8:8">
      <c r="H719253" s="12"/>
    </row>
    <row r="719254" spans="8:8">
      <c r="H719254" s="12"/>
    </row>
    <row r="719255" spans="8:8">
      <c r="H719255" s="12"/>
    </row>
    <row r="719256" spans="8:8">
      <c r="H719256" s="12"/>
    </row>
    <row r="719257" spans="8:8">
      <c r="H719257" s="12"/>
    </row>
    <row r="719258" spans="8:8">
      <c r="H719258" s="12"/>
    </row>
    <row r="719259" spans="8:8">
      <c r="H719259" s="12"/>
    </row>
    <row r="719260" spans="8:8">
      <c r="H719260" s="12"/>
    </row>
    <row r="719261" spans="8:8">
      <c r="H719261" s="12"/>
    </row>
    <row r="719262" spans="8:8">
      <c r="H719262" s="12"/>
    </row>
    <row r="719263" spans="8:8">
      <c r="H719263" s="12"/>
    </row>
    <row r="719264" spans="8:8">
      <c r="H719264" s="12"/>
    </row>
    <row r="719265" spans="8:8">
      <c r="H719265" s="12"/>
    </row>
    <row r="719266" spans="8:8">
      <c r="H719266" s="12"/>
    </row>
    <row r="719267" spans="8:8">
      <c r="H719267" s="12"/>
    </row>
    <row r="719268" spans="8:8">
      <c r="H719268" s="12"/>
    </row>
    <row r="719269" spans="8:8">
      <c r="H719269" s="12"/>
    </row>
    <row r="719270" spans="8:8">
      <c r="H719270" s="12"/>
    </row>
    <row r="719271" spans="8:8">
      <c r="H719271" s="12"/>
    </row>
    <row r="719272" spans="8:8">
      <c r="H719272" s="12"/>
    </row>
    <row r="719273" spans="8:8">
      <c r="H719273" s="12"/>
    </row>
    <row r="719274" spans="8:8">
      <c r="H719274" s="12"/>
    </row>
    <row r="719275" spans="8:8">
      <c r="H719275" s="12"/>
    </row>
    <row r="719276" spans="8:8">
      <c r="H719276" s="12"/>
    </row>
    <row r="719277" spans="8:8">
      <c r="H719277" s="12"/>
    </row>
    <row r="719278" spans="8:8">
      <c r="H719278" s="12"/>
    </row>
    <row r="719279" spans="8:8">
      <c r="H719279" s="12"/>
    </row>
    <row r="719280" spans="8:8">
      <c r="H719280" s="12"/>
    </row>
    <row r="719281" spans="8:8">
      <c r="H719281" s="12"/>
    </row>
    <row r="719282" spans="8:8">
      <c r="H719282" s="12"/>
    </row>
    <row r="719283" spans="8:8">
      <c r="H719283" s="12"/>
    </row>
    <row r="719284" spans="8:8">
      <c r="H719284" s="12"/>
    </row>
    <row r="719285" spans="8:8">
      <c r="H719285" s="12"/>
    </row>
    <row r="719286" spans="8:8">
      <c r="H719286" s="12"/>
    </row>
    <row r="719287" spans="8:8">
      <c r="H719287" s="12"/>
    </row>
    <row r="719288" spans="8:8">
      <c r="H719288" s="12"/>
    </row>
    <row r="719289" spans="8:8">
      <c r="H719289" s="12"/>
    </row>
    <row r="719290" spans="8:8">
      <c r="H719290" s="12"/>
    </row>
    <row r="719291" spans="8:8">
      <c r="H719291" s="12"/>
    </row>
    <row r="719292" spans="8:8">
      <c r="H719292" s="12"/>
    </row>
    <row r="719293" spans="8:8">
      <c r="H719293" s="12"/>
    </row>
    <row r="719294" spans="8:8">
      <c r="H719294" s="12"/>
    </row>
    <row r="719295" spans="8:8">
      <c r="H719295" s="12"/>
    </row>
    <row r="719296" spans="8:8">
      <c r="H719296" s="12"/>
    </row>
    <row r="719297" spans="8:8">
      <c r="H719297" s="12"/>
    </row>
    <row r="719298" spans="8:8">
      <c r="H719298" s="12"/>
    </row>
    <row r="719299" spans="8:8">
      <c r="H719299" s="12"/>
    </row>
    <row r="719300" spans="8:8">
      <c r="H719300" s="12"/>
    </row>
    <row r="719301" spans="8:8">
      <c r="H719301" s="12"/>
    </row>
    <row r="719302" spans="8:8">
      <c r="H719302" s="12"/>
    </row>
    <row r="719303" spans="8:8">
      <c r="H719303" s="12"/>
    </row>
    <row r="719304" spans="8:8">
      <c r="H719304" s="12"/>
    </row>
    <row r="719305" spans="8:8">
      <c r="H719305" s="12"/>
    </row>
    <row r="719306" spans="8:8">
      <c r="H719306" s="12"/>
    </row>
    <row r="719307" spans="8:8">
      <c r="H719307" s="12"/>
    </row>
    <row r="719308" spans="8:8">
      <c r="H719308" s="12"/>
    </row>
    <row r="719309" spans="8:8">
      <c r="H719309" s="12"/>
    </row>
    <row r="719310" spans="8:8">
      <c r="H719310" s="12"/>
    </row>
    <row r="719311" spans="8:8">
      <c r="H719311" s="12"/>
    </row>
    <row r="719312" spans="8:8">
      <c r="H719312" s="12"/>
    </row>
    <row r="719313" spans="8:8">
      <c r="H719313" s="12"/>
    </row>
    <row r="719314" spans="8:8">
      <c r="H719314" s="12"/>
    </row>
    <row r="719315" spans="8:8">
      <c r="H719315" s="12"/>
    </row>
    <row r="719316" spans="8:8">
      <c r="H719316" s="12"/>
    </row>
    <row r="719317" spans="8:8">
      <c r="H719317" s="12"/>
    </row>
    <row r="719318" spans="8:8">
      <c r="H719318" s="12"/>
    </row>
    <row r="719319" spans="8:8">
      <c r="H719319" s="12"/>
    </row>
    <row r="719320" spans="8:8">
      <c r="H719320" s="12"/>
    </row>
    <row r="719321" spans="8:8">
      <c r="H719321" s="12"/>
    </row>
    <row r="719322" spans="8:8">
      <c r="H719322" s="12"/>
    </row>
    <row r="719323" spans="8:8">
      <c r="H719323" s="12"/>
    </row>
    <row r="719324" spans="8:8">
      <c r="H719324" s="12"/>
    </row>
    <row r="719325" spans="8:8">
      <c r="H719325" s="12"/>
    </row>
    <row r="719326" spans="8:8">
      <c r="H719326" s="12"/>
    </row>
    <row r="719327" spans="8:8">
      <c r="H719327" s="12"/>
    </row>
    <row r="719328" spans="8:8">
      <c r="H719328" s="12"/>
    </row>
    <row r="719329" spans="8:8">
      <c r="H719329" s="12"/>
    </row>
    <row r="719330" spans="8:8">
      <c r="H719330" s="12"/>
    </row>
    <row r="719331" spans="8:8">
      <c r="H719331" s="12"/>
    </row>
    <row r="719332" spans="8:8">
      <c r="H719332" s="12"/>
    </row>
    <row r="719333" spans="8:8">
      <c r="H719333" s="12"/>
    </row>
    <row r="719334" spans="8:8">
      <c r="H719334" s="12"/>
    </row>
    <row r="719335" spans="8:8">
      <c r="H719335" s="12"/>
    </row>
    <row r="719336" spans="8:8">
      <c r="H719336" s="12"/>
    </row>
    <row r="719337" spans="8:8">
      <c r="H719337" s="12"/>
    </row>
    <row r="719338" spans="8:8">
      <c r="H719338" s="12"/>
    </row>
    <row r="719339" spans="8:8">
      <c r="H719339" s="12"/>
    </row>
    <row r="719340" spans="8:8">
      <c r="H719340" s="12"/>
    </row>
    <row r="719341" spans="8:8">
      <c r="H719341" s="12"/>
    </row>
    <row r="719342" spans="8:8">
      <c r="H719342" s="12"/>
    </row>
    <row r="719343" spans="8:8">
      <c r="H719343" s="12"/>
    </row>
    <row r="719344" spans="8:8">
      <c r="H719344" s="12"/>
    </row>
    <row r="719345" spans="8:8">
      <c r="H719345" s="12"/>
    </row>
    <row r="719346" spans="8:8">
      <c r="H719346" s="12"/>
    </row>
    <row r="719347" spans="8:8">
      <c r="H719347" s="12"/>
    </row>
    <row r="719348" spans="8:8">
      <c r="H719348" s="12"/>
    </row>
    <row r="719349" spans="8:8">
      <c r="H719349" s="12"/>
    </row>
    <row r="719350" spans="8:8">
      <c r="H719350" s="12"/>
    </row>
    <row r="719351" spans="8:8">
      <c r="H719351" s="12"/>
    </row>
    <row r="719352" spans="8:8">
      <c r="H719352" s="12"/>
    </row>
    <row r="719353" spans="8:8">
      <c r="H719353" s="12"/>
    </row>
    <row r="719354" spans="8:8">
      <c r="H719354" s="12"/>
    </row>
    <row r="719355" spans="8:8">
      <c r="H719355" s="12"/>
    </row>
    <row r="719356" spans="8:8">
      <c r="H719356" s="12"/>
    </row>
    <row r="719357" spans="8:8">
      <c r="H719357" s="12"/>
    </row>
    <row r="719358" spans="8:8">
      <c r="H719358" s="12"/>
    </row>
    <row r="719359" spans="8:8">
      <c r="H719359" s="12"/>
    </row>
    <row r="719360" spans="8:8">
      <c r="H719360" s="12"/>
    </row>
    <row r="719361" spans="8:8">
      <c r="H719361" s="12"/>
    </row>
    <row r="719362" spans="8:8">
      <c r="H719362" s="12"/>
    </row>
    <row r="719363" spans="8:8">
      <c r="H719363" s="12"/>
    </row>
    <row r="719364" spans="8:8">
      <c r="H719364" s="12"/>
    </row>
    <row r="719365" spans="8:8">
      <c r="H719365" s="12"/>
    </row>
    <row r="719366" spans="8:8">
      <c r="H719366" s="12"/>
    </row>
    <row r="719367" spans="8:8">
      <c r="H719367" s="12"/>
    </row>
    <row r="719368" spans="8:8">
      <c r="H719368" s="12"/>
    </row>
    <row r="719369" spans="8:8">
      <c r="H719369" s="12"/>
    </row>
    <row r="719370" spans="8:8">
      <c r="H719370" s="12"/>
    </row>
    <row r="719371" spans="8:8">
      <c r="H719371" s="12"/>
    </row>
    <row r="719372" spans="8:8">
      <c r="H719372" s="12"/>
    </row>
    <row r="719373" spans="8:8">
      <c r="H719373" s="12"/>
    </row>
    <row r="719374" spans="8:8">
      <c r="H719374" s="12"/>
    </row>
    <row r="719375" spans="8:8">
      <c r="H719375" s="12"/>
    </row>
    <row r="719376" spans="8:8">
      <c r="H719376" s="12"/>
    </row>
    <row r="719377" spans="8:8">
      <c r="H719377" s="12"/>
    </row>
    <row r="719378" spans="8:8">
      <c r="H719378" s="12"/>
    </row>
    <row r="719379" spans="8:8">
      <c r="H719379" s="12"/>
    </row>
    <row r="719380" spans="8:8">
      <c r="H719380" s="12"/>
    </row>
    <row r="719381" spans="8:8">
      <c r="H719381" s="12"/>
    </row>
    <row r="719382" spans="8:8">
      <c r="H719382" s="12"/>
    </row>
    <row r="719383" spans="8:8">
      <c r="H719383" s="12"/>
    </row>
    <row r="719384" spans="8:8">
      <c r="H719384" s="12"/>
    </row>
    <row r="719385" spans="8:8">
      <c r="H719385" s="12"/>
    </row>
    <row r="719386" spans="8:8">
      <c r="H719386" s="12"/>
    </row>
    <row r="719387" spans="8:8">
      <c r="H719387" s="12"/>
    </row>
    <row r="719388" spans="8:8">
      <c r="H719388" s="12"/>
    </row>
    <row r="719389" spans="8:8">
      <c r="H719389" s="12"/>
    </row>
    <row r="719390" spans="8:8">
      <c r="H719390" s="12"/>
    </row>
    <row r="719391" spans="8:8">
      <c r="H719391" s="12"/>
    </row>
    <row r="719392" spans="8:8">
      <c r="H719392" s="12"/>
    </row>
    <row r="719393" spans="8:8">
      <c r="H719393" s="12"/>
    </row>
    <row r="719394" spans="8:8">
      <c r="H719394" s="12"/>
    </row>
    <row r="719395" spans="8:8">
      <c r="H719395" s="12"/>
    </row>
    <row r="719396" spans="8:8">
      <c r="H719396" s="12"/>
    </row>
    <row r="719397" spans="8:8">
      <c r="H719397" s="12"/>
    </row>
    <row r="719398" spans="8:8">
      <c r="H719398" s="12"/>
    </row>
    <row r="719399" spans="8:8">
      <c r="H719399" s="12"/>
    </row>
    <row r="719400" spans="8:8">
      <c r="H719400" s="12"/>
    </row>
    <row r="719401" spans="8:8">
      <c r="H719401" s="12"/>
    </row>
    <row r="719402" spans="8:8">
      <c r="H719402" s="12"/>
    </row>
    <row r="719403" spans="8:8">
      <c r="H719403" s="12"/>
    </row>
    <row r="719404" spans="8:8">
      <c r="H719404" s="12"/>
    </row>
    <row r="719405" spans="8:8">
      <c r="H719405" s="12"/>
    </row>
    <row r="719406" spans="8:8">
      <c r="H719406" s="12"/>
    </row>
    <row r="719407" spans="8:8">
      <c r="H719407" s="12"/>
    </row>
    <row r="719408" spans="8:8">
      <c r="H719408" s="12"/>
    </row>
    <row r="719409" spans="8:8">
      <c r="H719409" s="12"/>
    </row>
    <row r="719410" spans="8:8">
      <c r="H719410" s="12"/>
    </row>
    <row r="719411" spans="8:8">
      <c r="H719411" s="12"/>
    </row>
    <row r="719412" spans="8:8">
      <c r="H719412" s="12"/>
    </row>
    <row r="719413" spans="8:8">
      <c r="H719413" s="12"/>
    </row>
    <row r="719414" spans="8:8">
      <c r="H719414" s="12"/>
    </row>
    <row r="719415" spans="8:8">
      <c r="H719415" s="12"/>
    </row>
    <row r="719416" spans="8:8">
      <c r="H719416" s="12"/>
    </row>
    <row r="719417" spans="8:8">
      <c r="H719417" s="12"/>
    </row>
    <row r="719418" spans="8:8">
      <c r="H719418" s="12"/>
    </row>
    <row r="719419" spans="8:8">
      <c r="H719419" s="12"/>
    </row>
    <row r="719420" spans="8:8">
      <c r="H719420" s="12"/>
    </row>
    <row r="719421" spans="8:8">
      <c r="H719421" s="12"/>
    </row>
    <row r="719422" spans="8:8">
      <c r="H719422" s="12"/>
    </row>
    <row r="719423" spans="8:8">
      <c r="H719423" s="12"/>
    </row>
    <row r="719424" spans="8:8">
      <c r="H719424" s="12"/>
    </row>
    <row r="719425" spans="8:8">
      <c r="H719425" s="12"/>
    </row>
    <row r="719426" spans="8:8">
      <c r="H719426" s="12"/>
    </row>
    <row r="719427" spans="8:8">
      <c r="H719427" s="12"/>
    </row>
    <row r="719428" spans="8:8">
      <c r="H719428" s="12"/>
    </row>
    <row r="719429" spans="8:8">
      <c r="H719429" s="12"/>
    </row>
    <row r="719430" spans="8:8">
      <c r="H719430" s="12"/>
    </row>
    <row r="719431" spans="8:8">
      <c r="H719431" s="12"/>
    </row>
    <row r="719432" spans="8:8">
      <c r="H719432" s="12"/>
    </row>
    <row r="719433" spans="8:8">
      <c r="H719433" s="12"/>
    </row>
    <row r="719434" spans="8:8">
      <c r="H719434" s="12"/>
    </row>
    <row r="719435" spans="8:8">
      <c r="H719435" s="12"/>
    </row>
    <row r="719436" spans="8:8">
      <c r="H719436" s="12"/>
    </row>
    <row r="719437" spans="8:8">
      <c r="H719437" s="12"/>
    </row>
    <row r="719438" spans="8:8">
      <c r="H719438" s="12"/>
    </row>
    <row r="719439" spans="8:8">
      <c r="H719439" s="12"/>
    </row>
    <row r="719440" spans="8:8">
      <c r="H719440" s="12"/>
    </row>
    <row r="719441" spans="8:8">
      <c r="H719441" s="12"/>
    </row>
    <row r="719442" spans="8:8">
      <c r="H719442" s="12"/>
    </row>
    <row r="719443" spans="8:8">
      <c r="H719443" s="12"/>
    </row>
    <row r="719444" spans="8:8">
      <c r="H719444" s="12"/>
    </row>
    <row r="719445" spans="8:8">
      <c r="H719445" s="12"/>
    </row>
    <row r="719446" spans="8:8">
      <c r="H719446" s="12"/>
    </row>
    <row r="719447" spans="8:8">
      <c r="H719447" s="12"/>
    </row>
    <row r="719448" spans="8:8">
      <c r="H719448" s="12"/>
    </row>
    <row r="719449" spans="8:8">
      <c r="H719449" s="12"/>
    </row>
    <row r="719450" spans="8:8">
      <c r="H719450" s="12"/>
    </row>
    <row r="719451" spans="8:8">
      <c r="H719451" s="12"/>
    </row>
    <row r="719452" spans="8:8">
      <c r="H719452" s="12"/>
    </row>
    <row r="719453" spans="8:8">
      <c r="H719453" s="12"/>
    </row>
    <row r="719454" spans="8:8">
      <c r="H719454" s="12"/>
    </row>
    <row r="719455" spans="8:8">
      <c r="H719455" s="12"/>
    </row>
    <row r="719456" spans="8:8">
      <c r="H719456" s="12"/>
    </row>
    <row r="719457" spans="8:8">
      <c r="H719457" s="12"/>
    </row>
    <row r="719458" spans="8:8">
      <c r="H719458" s="12"/>
    </row>
    <row r="719459" spans="8:8">
      <c r="H719459" s="12"/>
    </row>
    <row r="719460" spans="8:8">
      <c r="H719460" s="12"/>
    </row>
    <row r="719461" spans="8:8">
      <c r="H719461" s="12"/>
    </row>
    <row r="719462" spans="8:8">
      <c r="H719462" s="12"/>
    </row>
    <row r="719463" spans="8:8">
      <c r="H719463" s="12"/>
    </row>
    <row r="719464" spans="8:8">
      <c r="H719464" s="12"/>
    </row>
    <row r="719465" spans="8:8">
      <c r="H719465" s="12"/>
    </row>
    <row r="719466" spans="8:8">
      <c r="H719466" s="12"/>
    </row>
    <row r="719467" spans="8:8">
      <c r="H719467" s="12"/>
    </row>
    <row r="719468" spans="8:8">
      <c r="H719468" s="12"/>
    </row>
    <row r="719469" spans="8:8">
      <c r="H719469" s="12"/>
    </row>
    <row r="719470" spans="8:8">
      <c r="H719470" s="12"/>
    </row>
    <row r="719471" spans="8:8">
      <c r="H719471" s="12"/>
    </row>
    <row r="719472" spans="8:8">
      <c r="H719472" s="12"/>
    </row>
    <row r="719473" spans="8:8">
      <c r="H719473" s="12"/>
    </row>
    <row r="719474" spans="8:8">
      <c r="H719474" s="12"/>
    </row>
    <row r="719475" spans="8:8">
      <c r="H719475" s="12"/>
    </row>
    <row r="719476" spans="8:8">
      <c r="H719476" s="12"/>
    </row>
    <row r="719477" spans="8:8">
      <c r="H719477" s="12"/>
    </row>
    <row r="719478" spans="8:8">
      <c r="H719478" s="12"/>
    </row>
    <row r="719479" spans="8:8">
      <c r="H719479" s="12"/>
    </row>
    <row r="719480" spans="8:8">
      <c r="H719480" s="12"/>
    </row>
    <row r="719481" spans="8:8">
      <c r="H719481" s="12"/>
    </row>
    <row r="719482" spans="8:8">
      <c r="H719482" s="12"/>
    </row>
    <row r="719483" spans="8:8">
      <c r="H719483" s="12"/>
    </row>
    <row r="719484" spans="8:8">
      <c r="H719484" s="12"/>
    </row>
    <row r="719485" spans="8:8">
      <c r="H719485" s="12"/>
    </row>
    <row r="719486" spans="8:8">
      <c r="H719486" s="12"/>
    </row>
    <row r="719487" spans="8:8">
      <c r="H719487" s="12"/>
    </row>
    <row r="719488" spans="8:8">
      <c r="H719488" s="12"/>
    </row>
    <row r="719489" spans="8:8">
      <c r="H719489" s="12"/>
    </row>
    <row r="719490" spans="8:8">
      <c r="H719490" s="12"/>
    </row>
    <row r="719491" spans="8:8">
      <c r="H719491" s="12"/>
    </row>
    <row r="719492" spans="8:8">
      <c r="H719492" s="12"/>
    </row>
    <row r="719493" spans="8:8">
      <c r="H719493" s="12"/>
    </row>
    <row r="719494" spans="8:8">
      <c r="H719494" s="12"/>
    </row>
    <row r="719495" spans="8:8">
      <c r="H719495" s="12"/>
    </row>
    <row r="719496" spans="8:8">
      <c r="H719496" s="12"/>
    </row>
    <row r="719497" spans="8:8">
      <c r="H719497" s="12"/>
    </row>
    <row r="719498" spans="8:8">
      <c r="H719498" s="12"/>
    </row>
    <row r="719499" spans="8:8">
      <c r="H719499" s="12"/>
    </row>
    <row r="719500" spans="8:8">
      <c r="H719500" s="12"/>
    </row>
    <row r="719501" spans="8:8">
      <c r="H719501" s="12"/>
    </row>
    <row r="719502" spans="8:8">
      <c r="H719502" s="12"/>
    </row>
    <row r="719503" spans="8:8">
      <c r="H719503" s="12"/>
    </row>
    <row r="719504" spans="8:8">
      <c r="H719504" s="12"/>
    </row>
    <row r="719505" spans="8:8">
      <c r="H719505" s="12"/>
    </row>
    <row r="719506" spans="8:8">
      <c r="H719506" s="12"/>
    </row>
    <row r="719507" spans="8:8">
      <c r="H719507" s="12"/>
    </row>
    <row r="719508" spans="8:8">
      <c r="H719508" s="12"/>
    </row>
    <row r="719509" spans="8:8">
      <c r="H719509" s="12"/>
    </row>
    <row r="719510" spans="8:8">
      <c r="H719510" s="12"/>
    </row>
    <row r="719511" spans="8:8">
      <c r="H719511" s="12"/>
    </row>
    <row r="719512" spans="8:8">
      <c r="H719512" s="12"/>
    </row>
    <row r="719513" spans="8:8">
      <c r="H719513" s="12"/>
    </row>
    <row r="719514" spans="8:8">
      <c r="H719514" s="12"/>
    </row>
    <row r="719515" spans="8:8">
      <c r="H719515" s="12"/>
    </row>
    <row r="719516" spans="8:8">
      <c r="H719516" s="12"/>
    </row>
    <row r="719517" spans="8:8">
      <c r="H719517" s="12"/>
    </row>
    <row r="719518" spans="8:8">
      <c r="H719518" s="12"/>
    </row>
    <row r="719519" spans="8:8">
      <c r="H719519" s="12"/>
    </row>
    <row r="719520" spans="8:8">
      <c r="H719520" s="12"/>
    </row>
    <row r="719521" spans="8:8">
      <c r="H719521" s="12"/>
    </row>
    <row r="719522" spans="8:8">
      <c r="H719522" s="12"/>
    </row>
    <row r="719523" spans="8:8">
      <c r="H719523" s="12"/>
    </row>
    <row r="719524" spans="8:8">
      <c r="H719524" s="12"/>
    </row>
    <row r="719525" spans="8:8">
      <c r="H719525" s="12"/>
    </row>
    <row r="719526" spans="8:8">
      <c r="H719526" s="12"/>
    </row>
    <row r="719527" spans="8:8">
      <c r="H719527" s="12"/>
    </row>
    <row r="719528" spans="8:8">
      <c r="H719528" s="12"/>
    </row>
    <row r="719529" spans="8:8">
      <c r="H719529" s="12"/>
    </row>
    <row r="719530" spans="8:8">
      <c r="H719530" s="12"/>
    </row>
    <row r="719531" spans="8:8">
      <c r="H719531" s="12"/>
    </row>
    <row r="719532" spans="8:8">
      <c r="H719532" s="12"/>
    </row>
    <row r="719533" spans="8:8">
      <c r="H719533" s="12"/>
    </row>
    <row r="719534" spans="8:8">
      <c r="H719534" s="12"/>
    </row>
    <row r="719535" spans="8:8">
      <c r="H719535" s="12"/>
    </row>
    <row r="719536" spans="8:8">
      <c r="H719536" s="12"/>
    </row>
    <row r="719537" spans="8:8">
      <c r="H719537" s="12"/>
    </row>
    <row r="719538" spans="8:8">
      <c r="H719538" s="12"/>
    </row>
    <row r="719539" spans="8:8">
      <c r="H719539" s="12"/>
    </row>
    <row r="719540" spans="8:8">
      <c r="H719540" s="12"/>
    </row>
    <row r="719541" spans="8:8">
      <c r="H719541" s="12"/>
    </row>
    <row r="719542" spans="8:8">
      <c r="H719542" s="12"/>
    </row>
    <row r="719543" spans="8:8">
      <c r="H719543" s="12"/>
    </row>
    <row r="719544" spans="8:8">
      <c r="H719544" s="12"/>
    </row>
    <row r="719545" spans="8:8">
      <c r="H719545" s="12"/>
    </row>
    <row r="719546" spans="8:8">
      <c r="H719546" s="12"/>
    </row>
    <row r="719547" spans="8:8">
      <c r="H719547" s="12"/>
    </row>
    <row r="719548" spans="8:8">
      <c r="H719548" s="12"/>
    </row>
    <row r="719549" spans="8:8">
      <c r="H719549" s="12"/>
    </row>
    <row r="719550" spans="8:8">
      <c r="H719550" s="12"/>
    </row>
    <row r="719551" spans="8:8">
      <c r="H719551" s="12"/>
    </row>
    <row r="719552" spans="8:8">
      <c r="H719552" s="12"/>
    </row>
    <row r="719553" spans="8:8">
      <c r="H719553" s="12"/>
    </row>
    <row r="719554" spans="8:8">
      <c r="H719554" s="12"/>
    </row>
    <row r="719555" spans="8:8">
      <c r="H719555" s="12"/>
    </row>
    <row r="719556" spans="8:8">
      <c r="H719556" s="12"/>
    </row>
    <row r="719557" spans="8:8">
      <c r="H719557" s="12"/>
    </row>
    <row r="719558" spans="8:8">
      <c r="H719558" s="12"/>
    </row>
    <row r="719559" spans="8:8">
      <c r="H719559" s="12"/>
    </row>
    <row r="719560" spans="8:8">
      <c r="H719560" s="12"/>
    </row>
    <row r="719561" spans="8:8">
      <c r="H719561" s="12"/>
    </row>
    <row r="719562" spans="8:8">
      <c r="H719562" s="12"/>
    </row>
    <row r="719563" spans="8:8">
      <c r="H719563" s="12"/>
    </row>
    <row r="719564" spans="8:8">
      <c r="H719564" s="12"/>
    </row>
    <row r="719565" spans="8:8">
      <c r="H719565" s="12"/>
    </row>
    <row r="719566" spans="8:8">
      <c r="H719566" s="12"/>
    </row>
    <row r="719567" spans="8:8">
      <c r="H719567" s="12"/>
    </row>
    <row r="719568" spans="8:8">
      <c r="H719568" s="12"/>
    </row>
    <row r="719569" spans="8:8">
      <c r="H719569" s="12"/>
    </row>
    <row r="719570" spans="8:8">
      <c r="H719570" s="12"/>
    </row>
    <row r="719571" spans="8:8">
      <c r="H719571" s="12"/>
    </row>
    <row r="719572" spans="8:8">
      <c r="H719572" s="12"/>
    </row>
    <row r="719573" spans="8:8">
      <c r="H719573" s="12"/>
    </row>
    <row r="719574" spans="8:8">
      <c r="H719574" s="12"/>
    </row>
    <row r="719575" spans="8:8">
      <c r="H719575" s="12"/>
    </row>
    <row r="719576" spans="8:8">
      <c r="H719576" s="12"/>
    </row>
    <row r="719577" spans="8:8">
      <c r="H719577" s="12"/>
    </row>
    <row r="719578" spans="8:8">
      <c r="H719578" s="12"/>
    </row>
    <row r="719579" spans="8:8">
      <c r="H719579" s="12"/>
    </row>
    <row r="719580" spans="8:8">
      <c r="H719580" s="12"/>
    </row>
    <row r="719581" spans="8:8">
      <c r="H719581" s="12"/>
    </row>
    <row r="719582" spans="8:8">
      <c r="H719582" s="12"/>
    </row>
    <row r="719583" spans="8:8">
      <c r="H719583" s="12"/>
    </row>
    <row r="719584" spans="8:8">
      <c r="H719584" s="12"/>
    </row>
    <row r="719585" spans="8:8">
      <c r="H719585" s="12"/>
    </row>
    <row r="719586" spans="8:8">
      <c r="H719586" s="12"/>
    </row>
    <row r="719587" spans="8:8">
      <c r="H719587" s="12"/>
    </row>
    <row r="719588" spans="8:8">
      <c r="H719588" s="12"/>
    </row>
    <row r="719589" spans="8:8">
      <c r="H719589" s="12"/>
    </row>
    <row r="719590" spans="8:8">
      <c r="H719590" s="12"/>
    </row>
    <row r="719591" spans="8:8">
      <c r="H719591" s="12"/>
    </row>
    <row r="719592" spans="8:8">
      <c r="H719592" s="12"/>
    </row>
    <row r="719593" spans="8:8">
      <c r="H719593" s="12"/>
    </row>
    <row r="719594" spans="8:8">
      <c r="H719594" s="12"/>
    </row>
    <row r="719595" spans="8:8">
      <c r="H719595" s="12"/>
    </row>
    <row r="719596" spans="8:8">
      <c r="H719596" s="12"/>
    </row>
    <row r="719597" spans="8:8">
      <c r="H719597" s="12"/>
    </row>
    <row r="719598" spans="8:8">
      <c r="H719598" s="12"/>
    </row>
    <row r="719599" spans="8:8">
      <c r="H719599" s="12"/>
    </row>
    <row r="719600" spans="8:8">
      <c r="H719600" s="12"/>
    </row>
    <row r="719601" spans="8:8">
      <c r="H719601" s="12"/>
    </row>
    <row r="719602" spans="8:8">
      <c r="H719602" s="12"/>
    </row>
    <row r="719603" spans="8:8">
      <c r="H719603" s="12"/>
    </row>
    <row r="719604" spans="8:8">
      <c r="H719604" s="12"/>
    </row>
    <row r="719605" spans="8:8">
      <c r="H719605" s="12"/>
    </row>
    <row r="719606" spans="8:8">
      <c r="H719606" s="12"/>
    </row>
    <row r="719607" spans="8:8">
      <c r="H719607" s="12"/>
    </row>
    <row r="719608" spans="8:8">
      <c r="H719608" s="12"/>
    </row>
    <row r="719609" spans="8:8">
      <c r="H719609" s="12"/>
    </row>
    <row r="719610" spans="8:8">
      <c r="H719610" s="12"/>
    </row>
    <row r="719611" spans="8:8">
      <c r="H719611" s="12"/>
    </row>
    <row r="719612" spans="8:8">
      <c r="H719612" s="12"/>
    </row>
    <row r="719613" spans="8:8">
      <c r="H719613" s="12"/>
    </row>
    <row r="719614" spans="8:8">
      <c r="H719614" s="12"/>
    </row>
    <row r="719615" spans="8:8">
      <c r="H719615" s="12"/>
    </row>
    <row r="719616" spans="8:8">
      <c r="H719616" s="12"/>
    </row>
    <row r="719617" spans="8:8">
      <c r="H719617" s="12"/>
    </row>
    <row r="719618" spans="8:8">
      <c r="H719618" s="12"/>
    </row>
    <row r="719619" spans="8:8">
      <c r="H719619" s="12"/>
    </row>
    <row r="719620" spans="8:8">
      <c r="H719620" s="12"/>
    </row>
    <row r="719621" spans="8:8">
      <c r="H719621" s="12"/>
    </row>
    <row r="719622" spans="8:8">
      <c r="H719622" s="12"/>
    </row>
    <row r="719623" spans="8:8">
      <c r="H719623" s="12"/>
    </row>
    <row r="719624" spans="8:8">
      <c r="H719624" s="12"/>
    </row>
    <row r="719625" spans="8:8">
      <c r="H719625" s="12"/>
    </row>
    <row r="719626" spans="8:8">
      <c r="H719626" s="12"/>
    </row>
    <row r="719627" spans="8:8">
      <c r="H719627" s="12"/>
    </row>
    <row r="719628" spans="8:8">
      <c r="H719628" s="12"/>
    </row>
    <row r="719629" spans="8:8">
      <c r="H719629" s="12"/>
    </row>
    <row r="719630" spans="8:8">
      <c r="H719630" s="12"/>
    </row>
    <row r="719631" spans="8:8">
      <c r="H719631" s="12"/>
    </row>
    <row r="719632" spans="8:8">
      <c r="H719632" s="12"/>
    </row>
    <row r="719633" spans="8:8">
      <c r="H719633" s="12"/>
    </row>
    <row r="719634" spans="8:8">
      <c r="H719634" s="12"/>
    </row>
    <row r="719635" spans="8:8">
      <c r="H719635" s="12"/>
    </row>
    <row r="719636" spans="8:8">
      <c r="H719636" s="12"/>
    </row>
    <row r="719637" spans="8:8">
      <c r="H719637" s="12"/>
    </row>
    <row r="719638" spans="8:8">
      <c r="H719638" s="12"/>
    </row>
    <row r="719639" spans="8:8">
      <c r="H719639" s="12"/>
    </row>
    <row r="719640" spans="8:8">
      <c r="H719640" s="12"/>
    </row>
    <row r="719641" spans="8:8">
      <c r="H719641" s="12"/>
    </row>
    <row r="719642" spans="8:8">
      <c r="H719642" s="12"/>
    </row>
    <row r="719643" spans="8:8">
      <c r="H719643" s="12"/>
    </row>
    <row r="719644" spans="8:8">
      <c r="H719644" s="12"/>
    </row>
    <row r="719645" spans="8:8">
      <c r="H719645" s="12"/>
    </row>
    <row r="719646" spans="8:8">
      <c r="H719646" s="12"/>
    </row>
    <row r="719647" spans="8:8">
      <c r="H719647" s="12"/>
    </row>
    <row r="719648" spans="8:8">
      <c r="H719648" s="12"/>
    </row>
    <row r="719649" spans="8:8">
      <c r="H719649" s="12"/>
    </row>
    <row r="719650" spans="8:8">
      <c r="H719650" s="12"/>
    </row>
    <row r="719651" spans="8:8">
      <c r="H719651" s="12"/>
    </row>
    <row r="719652" spans="8:8">
      <c r="H719652" s="12"/>
    </row>
    <row r="719653" spans="8:8">
      <c r="H719653" s="12"/>
    </row>
    <row r="719654" spans="8:8">
      <c r="H719654" s="12"/>
    </row>
    <row r="719655" spans="8:8">
      <c r="H719655" s="12"/>
    </row>
    <row r="719656" spans="8:8">
      <c r="H719656" s="12"/>
    </row>
    <row r="719657" spans="8:8">
      <c r="H719657" s="12"/>
    </row>
    <row r="719658" spans="8:8">
      <c r="H719658" s="12"/>
    </row>
    <row r="719659" spans="8:8">
      <c r="H719659" s="12"/>
    </row>
    <row r="719660" spans="8:8">
      <c r="H719660" s="12"/>
    </row>
    <row r="719661" spans="8:8">
      <c r="H719661" s="12"/>
    </row>
    <row r="719662" spans="8:8">
      <c r="H719662" s="12"/>
    </row>
    <row r="719663" spans="8:8">
      <c r="H719663" s="12"/>
    </row>
    <row r="719664" spans="8:8">
      <c r="H719664" s="12"/>
    </row>
    <row r="719665" spans="8:8">
      <c r="H719665" s="12"/>
    </row>
    <row r="719666" spans="8:8">
      <c r="H719666" s="12"/>
    </row>
    <row r="719667" spans="8:8">
      <c r="H719667" s="12"/>
    </row>
    <row r="719668" spans="8:8">
      <c r="H719668" s="12"/>
    </row>
    <row r="719669" spans="8:8">
      <c r="H719669" s="12"/>
    </row>
    <row r="719670" spans="8:8">
      <c r="H719670" s="12"/>
    </row>
    <row r="719671" spans="8:8">
      <c r="H719671" s="12"/>
    </row>
    <row r="719672" spans="8:8">
      <c r="H719672" s="12"/>
    </row>
    <row r="719673" spans="8:8">
      <c r="H719673" s="12"/>
    </row>
    <row r="719674" spans="8:8">
      <c r="H719674" s="12"/>
    </row>
    <row r="719675" spans="8:8">
      <c r="H719675" s="12"/>
    </row>
    <row r="719676" spans="8:8">
      <c r="H719676" s="12"/>
    </row>
    <row r="719677" spans="8:8">
      <c r="H719677" s="12"/>
    </row>
    <row r="719678" spans="8:8">
      <c r="H719678" s="12"/>
    </row>
    <row r="719679" spans="8:8">
      <c r="H719679" s="12"/>
    </row>
    <row r="719680" spans="8:8">
      <c r="H719680" s="12"/>
    </row>
    <row r="719681" spans="8:8">
      <c r="H719681" s="12"/>
    </row>
    <row r="719682" spans="8:8">
      <c r="H719682" s="12"/>
    </row>
    <row r="719683" spans="8:8">
      <c r="H719683" s="12"/>
    </row>
    <row r="719684" spans="8:8">
      <c r="H719684" s="12"/>
    </row>
    <row r="719685" spans="8:8">
      <c r="H719685" s="12"/>
    </row>
    <row r="719686" spans="8:8">
      <c r="H719686" s="12"/>
    </row>
    <row r="719687" spans="8:8">
      <c r="H719687" s="12"/>
    </row>
    <row r="719688" spans="8:8">
      <c r="H719688" s="12"/>
    </row>
    <row r="719689" spans="8:8">
      <c r="H719689" s="12"/>
    </row>
    <row r="719690" spans="8:8">
      <c r="H719690" s="12"/>
    </row>
    <row r="719691" spans="8:8">
      <c r="H719691" s="12"/>
    </row>
    <row r="719692" spans="8:8">
      <c r="H719692" s="12"/>
    </row>
    <row r="719693" spans="8:8">
      <c r="H719693" s="12"/>
    </row>
    <row r="719694" spans="8:8">
      <c r="H719694" s="12"/>
    </row>
    <row r="719695" spans="8:8">
      <c r="H719695" s="12"/>
    </row>
    <row r="719696" spans="8:8">
      <c r="H719696" s="12"/>
    </row>
    <row r="719697" spans="8:8">
      <c r="H719697" s="12"/>
    </row>
    <row r="719698" spans="8:8">
      <c r="H719698" s="12"/>
    </row>
    <row r="719699" spans="8:8">
      <c r="H719699" s="12"/>
    </row>
    <row r="719700" spans="8:8">
      <c r="H719700" s="12"/>
    </row>
    <row r="719701" spans="8:8">
      <c r="H719701" s="12"/>
    </row>
    <row r="719702" spans="8:8">
      <c r="H719702" s="12"/>
    </row>
    <row r="719703" spans="8:8">
      <c r="H719703" s="12"/>
    </row>
    <row r="719704" spans="8:8">
      <c r="H719704" s="12"/>
    </row>
    <row r="719705" spans="8:8">
      <c r="H719705" s="12"/>
    </row>
    <row r="719706" spans="8:8">
      <c r="H719706" s="12"/>
    </row>
    <row r="719707" spans="8:8">
      <c r="H719707" s="12"/>
    </row>
    <row r="719708" spans="8:8">
      <c r="H719708" s="12"/>
    </row>
    <row r="719709" spans="8:8">
      <c r="H719709" s="12"/>
    </row>
    <row r="719710" spans="8:8">
      <c r="H719710" s="12"/>
    </row>
    <row r="719711" spans="8:8">
      <c r="H719711" s="12"/>
    </row>
    <row r="719712" spans="8:8">
      <c r="H719712" s="12"/>
    </row>
    <row r="719713" spans="8:8">
      <c r="H719713" s="12"/>
    </row>
    <row r="719714" spans="8:8">
      <c r="H719714" s="12"/>
    </row>
    <row r="719715" spans="8:8">
      <c r="H719715" s="12"/>
    </row>
    <row r="719716" spans="8:8">
      <c r="H719716" s="12"/>
    </row>
    <row r="719717" spans="8:8">
      <c r="H719717" s="12"/>
    </row>
    <row r="719718" spans="8:8">
      <c r="H719718" s="12"/>
    </row>
    <row r="719719" spans="8:8">
      <c r="H719719" s="12"/>
    </row>
    <row r="719720" spans="8:8">
      <c r="H719720" s="12"/>
    </row>
    <row r="719721" spans="8:8">
      <c r="H719721" s="12"/>
    </row>
    <row r="719722" spans="8:8">
      <c r="H719722" s="12"/>
    </row>
    <row r="719723" spans="8:8">
      <c r="H719723" s="12"/>
    </row>
    <row r="719724" spans="8:8">
      <c r="H719724" s="12"/>
    </row>
    <row r="719725" spans="8:8">
      <c r="H719725" s="12"/>
    </row>
    <row r="719726" spans="8:8">
      <c r="H719726" s="12"/>
    </row>
    <row r="719727" spans="8:8">
      <c r="H719727" s="12"/>
    </row>
    <row r="719728" spans="8:8">
      <c r="H719728" s="12"/>
    </row>
    <row r="719729" spans="8:8">
      <c r="H719729" s="12"/>
    </row>
    <row r="719730" spans="8:8">
      <c r="H719730" s="12"/>
    </row>
    <row r="719731" spans="8:8">
      <c r="H719731" s="12"/>
    </row>
    <row r="719732" spans="8:8">
      <c r="H719732" s="12"/>
    </row>
    <row r="719733" spans="8:8">
      <c r="H719733" s="12"/>
    </row>
    <row r="719734" spans="8:8">
      <c r="H719734" s="12"/>
    </row>
    <row r="719735" spans="8:8">
      <c r="H719735" s="12"/>
    </row>
    <row r="719736" spans="8:8">
      <c r="H719736" s="12"/>
    </row>
    <row r="719737" spans="8:8">
      <c r="H719737" s="12"/>
    </row>
    <row r="719738" spans="8:8">
      <c r="H719738" s="12"/>
    </row>
    <row r="719739" spans="8:8">
      <c r="H719739" s="12"/>
    </row>
    <row r="719740" spans="8:8">
      <c r="H719740" s="12"/>
    </row>
    <row r="719741" spans="8:8">
      <c r="H719741" s="12"/>
    </row>
    <row r="719742" spans="8:8">
      <c r="H719742" s="12"/>
    </row>
    <row r="719743" spans="8:8">
      <c r="H719743" s="12"/>
    </row>
    <row r="719744" spans="8:8">
      <c r="H719744" s="12"/>
    </row>
    <row r="719745" spans="8:8">
      <c r="H719745" s="12"/>
    </row>
    <row r="719746" spans="8:8">
      <c r="H719746" s="12"/>
    </row>
    <row r="719747" spans="8:8">
      <c r="H719747" s="12"/>
    </row>
    <row r="719748" spans="8:8">
      <c r="H719748" s="12"/>
    </row>
    <row r="719749" spans="8:8">
      <c r="H719749" s="12"/>
    </row>
    <row r="719750" spans="8:8">
      <c r="H719750" s="12"/>
    </row>
    <row r="719751" spans="8:8">
      <c r="H719751" s="12"/>
    </row>
    <row r="719752" spans="8:8">
      <c r="H719752" s="12"/>
    </row>
    <row r="719753" spans="8:8">
      <c r="H719753" s="12"/>
    </row>
    <row r="719754" spans="8:8">
      <c r="H719754" s="12"/>
    </row>
    <row r="719755" spans="8:8">
      <c r="H719755" s="12"/>
    </row>
    <row r="719756" spans="8:8">
      <c r="H719756" s="12"/>
    </row>
    <row r="719757" spans="8:8">
      <c r="H719757" s="12"/>
    </row>
    <row r="719758" spans="8:8">
      <c r="H719758" s="12"/>
    </row>
    <row r="719759" spans="8:8">
      <c r="H719759" s="12"/>
    </row>
    <row r="719760" spans="8:8">
      <c r="H719760" s="12"/>
    </row>
    <row r="719761" spans="8:8">
      <c r="H719761" s="12"/>
    </row>
    <row r="719762" spans="8:8">
      <c r="H719762" s="12"/>
    </row>
    <row r="719763" spans="8:8">
      <c r="H719763" s="12"/>
    </row>
    <row r="719764" spans="8:8">
      <c r="H719764" s="12"/>
    </row>
    <row r="719765" spans="8:8">
      <c r="H719765" s="12"/>
    </row>
    <row r="719766" spans="8:8">
      <c r="H719766" s="12"/>
    </row>
    <row r="719767" spans="8:8">
      <c r="H719767" s="12"/>
    </row>
    <row r="719768" spans="8:8">
      <c r="H719768" s="12"/>
    </row>
    <row r="719769" spans="8:8">
      <c r="H719769" s="12"/>
    </row>
    <row r="719770" spans="8:8">
      <c r="H719770" s="12"/>
    </row>
    <row r="719771" spans="8:8">
      <c r="H719771" s="12"/>
    </row>
    <row r="719772" spans="8:8">
      <c r="H719772" s="12"/>
    </row>
    <row r="719773" spans="8:8">
      <c r="H719773" s="12"/>
    </row>
    <row r="719774" spans="8:8">
      <c r="H719774" s="12"/>
    </row>
    <row r="719775" spans="8:8">
      <c r="H719775" s="12"/>
    </row>
    <row r="719776" spans="8:8">
      <c r="H719776" s="12"/>
    </row>
    <row r="719777" spans="8:8">
      <c r="H719777" s="12"/>
    </row>
    <row r="719778" spans="8:8">
      <c r="H719778" s="12"/>
    </row>
    <row r="719779" spans="8:8">
      <c r="H719779" s="12"/>
    </row>
    <row r="719780" spans="8:8">
      <c r="H719780" s="12"/>
    </row>
    <row r="719781" spans="8:8">
      <c r="H719781" s="12"/>
    </row>
    <row r="719782" spans="8:8">
      <c r="H719782" s="12"/>
    </row>
    <row r="719783" spans="8:8">
      <c r="H719783" s="12"/>
    </row>
    <row r="719784" spans="8:8">
      <c r="H719784" s="12"/>
    </row>
    <row r="719785" spans="8:8">
      <c r="H719785" s="12"/>
    </row>
    <row r="719786" spans="8:8">
      <c r="H719786" s="12"/>
    </row>
    <row r="719787" spans="8:8">
      <c r="H719787" s="12"/>
    </row>
    <row r="719788" spans="8:8">
      <c r="H719788" s="12"/>
    </row>
    <row r="719789" spans="8:8">
      <c r="H719789" s="12"/>
    </row>
    <row r="719790" spans="8:8">
      <c r="H719790" s="12"/>
    </row>
    <row r="719791" spans="8:8">
      <c r="H719791" s="12"/>
    </row>
    <row r="719792" spans="8:8">
      <c r="H719792" s="12"/>
    </row>
    <row r="719793" spans="8:8">
      <c r="H719793" s="12"/>
    </row>
    <row r="719794" spans="8:8">
      <c r="H719794" s="12"/>
    </row>
    <row r="719795" spans="8:8">
      <c r="H719795" s="12"/>
    </row>
    <row r="719796" spans="8:8">
      <c r="H719796" s="12"/>
    </row>
    <row r="719797" spans="8:8">
      <c r="H719797" s="12"/>
    </row>
    <row r="719798" spans="8:8">
      <c r="H719798" s="12"/>
    </row>
    <row r="719799" spans="8:8">
      <c r="H719799" s="12"/>
    </row>
    <row r="719800" spans="8:8">
      <c r="H719800" s="12"/>
    </row>
    <row r="719801" spans="8:8">
      <c r="H719801" s="12"/>
    </row>
    <row r="719802" spans="8:8">
      <c r="H719802" s="12"/>
    </row>
    <row r="719803" spans="8:8">
      <c r="H719803" s="12"/>
    </row>
    <row r="719804" spans="8:8">
      <c r="H719804" s="12"/>
    </row>
    <row r="719805" spans="8:8">
      <c r="H719805" s="12"/>
    </row>
    <row r="719806" spans="8:8">
      <c r="H719806" s="12"/>
    </row>
    <row r="719807" spans="8:8">
      <c r="H719807" s="12"/>
    </row>
    <row r="719808" spans="8:8">
      <c r="H719808" s="12"/>
    </row>
    <row r="719809" spans="8:8">
      <c r="H719809" s="12"/>
    </row>
    <row r="719810" spans="8:8">
      <c r="H719810" s="12"/>
    </row>
    <row r="719811" spans="8:8">
      <c r="H719811" s="12"/>
    </row>
    <row r="719812" spans="8:8">
      <c r="H719812" s="12"/>
    </row>
    <row r="719813" spans="8:8">
      <c r="H719813" s="12"/>
    </row>
    <row r="719814" spans="8:8">
      <c r="H719814" s="12"/>
    </row>
    <row r="719815" spans="8:8">
      <c r="H719815" s="12"/>
    </row>
    <row r="719816" spans="8:8">
      <c r="H719816" s="12"/>
    </row>
    <row r="719817" spans="8:8">
      <c r="H719817" s="12"/>
    </row>
    <row r="719818" spans="8:8">
      <c r="H719818" s="12"/>
    </row>
    <row r="719819" spans="8:8">
      <c r="H719819" s="12"/>
    </row>
    <row r="719820" spans="8:8">
      <c r="H719820" s="12"/>
    </row>
    <row r="719821" spans="8:8">
      <c r="H719821" s="12"/>
    </row>
    <row r="719822" spans="8:8">
      <c r="H719822" s="12"/>
    </row>
    <row r="719823" spans="8:8">
      <c r="H719823" s="12"/>
    </row>
    <row r="719824" spans="8:8">
      <c r="H719824" s="12"/>
    </row>
    <row r="719825" spans="8:8">
      <c r="H719825" s="12"/>
    </row>
    <row r="719826" spans="8:8">
      <c r="H719826" s="12"/>
    </row>
    <row r="719827" spans="8:8">
      <c r="H719827" s="12"/>
    </row>
    <row r="719828" spans="8:8">
      <c r="H719828" s="12"/>
    </row>
    <row r="719829" spans="8:8">
      <c r="H719829" s="12"/>
    </row>
    <row r="719830" spans="8:8">
      <c r="H719830" s="12"/>
    </row>
    <row r="719831" spans="8:8">
      <c r="H719831" s="12"/>
    </row>
    <row r="719832" spans="8:8">
      <c r="H719832" s="12"/>
    </row>
    <row r="719833" spans="8:8">
      <c r="H719833" s="12"/>
    </row>
    <row r="719834" spans="8:8">
      <c r="H719834" s="12"/>
    </row>
    <row r="719835" spans="8:8">
      <c r="H719835" s="12"/>
    </row>
    <row r="719836" spans="8:8">
      <c r="H719836" s="12"/>
    </row>
    <row r="719837" spans="8:8">
      <c r="H719837" s="12"/>
    </row>
    <row r="719838" spans="8:8">
      <c r="H719838" s="12"/>
    </row>
    <row r="719839" spans="8:8">
      <c r="H719839" s="12"/>
    </row>
    <row r="719840" spans="8:8">
      <c r="H719840" s="12"/>
    </row>
    <row r="719841" spans="8:8">
      <c r="H719841" s="12"/>
    </row>
    <row r="719842" spans="8:8">
      <c r="H719842" s="12"/>
    </row>
    <row r="719843" spans="8:8">
      <c r="H719843" s="12"/>
    </row>
    <row r="719844" spans="8:8">
      <c r="H719844" s="12"/>
    </row>
    <row r="719845" spans="8:8">
      <c r="H719845" s="12"/>
    </row>
    <row r="719846" spans="8:8">
      <c r="H719846" s="12"/>
    </row>
    <row r="719847" spans="8:8">
      <c r="H719847" s="12"/>
    </row>
    <row r="719848" spans="8:8">
      <c r="H719848" s="12"/>
    </row>
    <row r="719849" spans="8:8">
      <c r="H719849" s="12"/>
    </row>
    <row r="719850" spans="8:8">
      <c r="H719850" s="12"/>
    </row>
    <row r="719851" spans="8:8">
      <c r="H719851" s="12"/>
    </row>
    <row r="719852" spans="8:8">
      <c r="H719852" s="12"/>
    </row>
    <row r="719853" spans="8:8">
      <c r="H719853" s="12"/>
    </row>
    <row r="719854" spans="8:8">
      <c r="H719854" s="12"/>
    </row>
    <row r="719855" spans="8:8">
      <c r="H719855" s="12"/>
    </row>
    <row r="719856" spans="8:8">
      <c r="H719856" s="12"/>
    </row>
    <row r="719857" spans="8:8">
      <c r="H719857" s="12"/>
    </row>
    <row r="719858" spans="8:8">
      <c r="H719858" s="12"/>
    </row>
    <row r="719859" spans="8:8">
      <c r="H719859" s="12"/>
    </row>
    <row r="719860" spans="8:8">
      <c r="H719860" s="12"/>
    </row>
    <row r="719861" spans="8:8">
      <c r="H719861" s="12"/>
    </row>
    <row r="719862" spans="8:8">
      <c r="H719862" s="12"/>
    </row>
    <row r="719863" spans="8:8">
      <c r="H719863" s="12"/>
    </row>
    <row r="719864" spans="8:8">
      <c r="H719864" s="12"/>
    </row>
    <row r="719865" spans="8:8">
      <c r="H719865" s="12"/>
    </row>
    <row r="719866" spans="8:8">
      <c r="H719866" s="12"/>
    </row>
    <row r="719867" spans="8:8">
      <c r="H719867" s="12"/>
    </row>
    <row r="719868" spans="8:8">
      <c r="H719868" s="12"/>
    </row>
    <row r="719869" spans="8:8">
      <c r="H719869" s="12"/>
    </row>
    <row r="719870" spans="8:8">
      <c r="H719870" s="12"/>
    </row>
    <row r="719871" spans="8:8">
      <c r="H719871" s="12"/>
    </row>
    <row r="719872" spans="8:8">
      <c r="H719872" s="12"/>
    </row>
    <row r="719873" spans="8:8">
      <c r="H719873" s="12"/>
    </row>
    <row r="719874" spans="8:8">
      <c r="H719874" s="12"/>
    </row>
    <row r="719875" spans="8:8">
      <c r="H719875" s="12"/>
    </row>
    <row r="719876" spans="8:8">
      <c r="H719876" s="12"/>
    </row>
    <row r="719877" spans="8:8">
      <c r="H719877" s="12"/>
    </row>
    <row r="719878" spans="8:8">
      <c r="H719878" s="12"/>
    </row>
    <row r="719879" spans="8:8">
      <c r="H719879" s="12"/>
    </row>
    <row r="719880" spans="8:8">
      <c r="H719880" s="12"/>
    </row>
    <row r="719881" spans="8:8">
      <c r="H719881" s="12"/>
    </row>
    <row r="719882" spans="8:8">
      <c r="H719882" s="12"/>
    </row>
    <row r="719883" spans="8:8">
      <c r="H719883" s="12"/>
    </row>
    <row r="719884" spans="8:8">
      <c r="H719884" s="12"/>
    </row>
    <row r="719885" spans="8:8">
      <c r="H719885" s="12"/>
    </row>
    <row r="719886" spans="8:8">
      <c r="H719886" s="12"/>
    </row>
    <row r="719887" spans="8:8">
      <c r="H719887" s="12"/>
    </row>
    <row r="719888" spans="8:8">
      <c r="H719888" s="12"/>
    </row>
    <row r="719889" spans="8:8">
      <c r="H719889" s="12"/>
    </row>
    <row r="719890" spans="8:8">
      <c r="H719890" s="12"/>
    </row>
    <row r="719891" spans="8:8">
      <c r="H719891" s="12"/>
    </row>
    <row r="719892" spans="8:8">
      <c r="H719892" s="12"/>
    </row>
    <row r="719893" spans="8:8">
      <c r="H719893" s="12"/>
    </row>
    <row r="719894" spans="8:8">
      <c r="H719894" s="12"/>
    </row>
    <row r="719895" spans="8:8">
      <c r="H719895" s="12"/>
    </row>
    <row r="719896" spans="8:8">
      <c r="H719896" s="12"/>
    </row>
    <row r="719897" spans="8:8">
      <c r="H719897" s="12"/>
    </row>
    <row r="719898" spans="8:8">
      <c r="H719898" s="12"/>
    </row>
    <row r="719899" spans="8:8">
      <c r="H719899" s="12"/>
    </row>
    <row r="719900" spans="8:8">
      <c r="H719900" s="12"/>
    </row>
    <row r="719901" spans="8:8">
      <c r="H719901" s="12"/>
    </row>
    <row r="719902" spans="8:8">
      <c r="H719902" s="12"/>
    </row>
    <row r="719903" spans="8:8">
      <c r="H719903" s="12"/>
    </row>
    <row r="719904" spans="8:8">
      <c r="H719904" s="12"/>
    </row>
    <row r="719905" spans="8:8">
      <c r="H719905" s="12"/>
    </row>
    <row r="719906" spans="8:8">
      <c r="H719906" s="12"/>
    </row>
    <row r="719907" spans="8:8">
      <c r="H719907" s="12"/>
    </row>
    <row r="719908" spans="8:8">
      <c r="H719908" s="12"/>
    </row>
    <row r="719909" spans="8:8">
      <c r="H719909" s="12"/>
    </row>
    <row r="719910" spans="8:8">
      <c r="H719910" s="12"/>
    </row>
    <row r="719911" spans="8:8">
      <c r="H719911" s="12"/>
    </row>
    <row r="719912" spans="8:8">
      <c r="H719912" s="12"/>
    </row>
    <row r="719913" spans="8:8">
      <c r="H719913" s="12"/>
    </row>
    <row r="719914" spans="8:8">
      <c r="H719914" s="12"/>
    </row>
    <row r="719915" spans="8:8">
      <c r="H719915" s="12"/>
    </row>
    <row r="719916" spans="8:8">
      <c r="H719916" s="12"/>
    </row>
    <row r="719917" spans="8:8">
      <c r="H719917" s="12"/>
    </row>
    <row r="719918" spans="8:8">
      <c r="H719918" s="12"/>
    </row>
    <row r="719919" spans="8:8">
      <c r="H719919" s="12"/>
    </row>
    <row r="719920" spans="8:8">
      <c r="H719920" s="12"/>
    </row>
    <row r="719921" spans="8:8">
      <c r="H719921" s="12"/>
    </row>
    <row r="719922" spans="8:8">
      <c r="H719922" s="12"/>
    </row>
    <row r="719923" spans="8:8">
      <c r="H719923" s="12"/>
    </row>
    <row r="719924" spans="8:8">
      <c r="H719924" s="12"/>
    </row>
    <row r="719925" spans="8:8">
      <c r="H719925" s="12"/>
    </row>
    <row r="719926" spans="8:8">
      <c r="H719926" s="12"/>
    </row>
    <row r="719927" spans="8:8">
      <c r="H719927" s="12"/>
    </row>
    <row r="719928" spans="8:8">
      <c r="H719928" s="12"/>
    </row>
    <row r="719929" spans="8:8">
      <c r="H719929" s="12"/>
    </row>
    <row r="719930" spans="8:8">
      <c r="H719930" s="12"/>
    </row>
    <row r="719931" spans="8:8">
      <c r="H719931" s="12"/>
    </row>
    <row r="719932" spans="8:8">
      <c r="H719932" s="12"/>
    </row>
    <row r="719933" spans="8:8">
      <c r="H719933" s="12"/>
    </row>
    <row r="719934" spans="8:8">
      <c r="H719934" s="12"/>
    </row>
    <row r="719935" spans="8:8">
      <c r="H719935" s="12"/>
    </row>
    <row r="719936" spans="8:8">
      <c r="H719936" s="12"/>
    </row>
    <row r="719937" spans="8:8">
      <c r="H719937" s="12"/>
    </row>
    <row r="719938" spans="8:8">
      <c r="H719938" s="12"/>
    </row>
    <row r="719939" spans="8:8">
      <c r="H719939" s="12"/>
    </row>
    <row r="719940" spans="8:8">
      <c r="H719940" s="12"/>
    </row>
    <row r="719941" spans="8:8">
      <c r="H719941" s="12"/>
    </row>
    <row r="719942" spans="8:8">
      <c r="H719942" s="12"/>
    </row>
    <row r="719943" spans="8:8">
      <c r="H719943" s="12"/>
    </row>
    <row r="719944" spans="8:8">
      <c r="H719944" s="12"/>
    </row>
    <row r="719945" spans="8:8">
      <c r="H719945" s="12"/>
    </row>
    <row r="719946" spans="8:8">
      <c r="H719946" s="12"/>
    </row>
    <row r="719947" spans="8:8">
      <c r="H719947" s="12"/>
    </row>
    <row r="719948" spans="8:8">
      <c r="H719948" s="12"/>
    </row>
    <row r="719949" spans="8:8">
      <c r="H719949" s="12"/>
    </row>
    <row r="719950" spans="8:8">
      <c r="H719950" s="12"/>
    </row>
    <row r="719951" spans="8:8">
      <c r="H719951" s="12"/>
    </row>
    <row r="719952" spans="8:8">
      <c r="H719952" s="12"/>
    </row>
    <row r="719953" spans="8:8">
      <c r="H719953" s="12"/>
    </row>
    <row r="719954" spans="8:8">
      <c r="H719954" s="12"/>
    </row>
    <row r="719955" spans="8:8">
      <c r="H719955" s="12"/>
    </row>
    <row r="719956" spans="8:8">
      <c r="H719956" s="12"/>
    </row>
    <row r="719957" spans="8:8">
      <c r="H719957" s="12"/>
    </row>
    <row r="719958" spans="8:8">
      <c r="H719958" s="12"/>
    </row>
    <row r="719959" spans="8:8">
      <c r="H719959" s="12"/>
    </row>
    <row r="719960" spans="8:8">
      <c r="H719960" s="12"/>
    </row>
    <row r="719961" spans="8:8">
      <c r="H719961" s="12"/>
    </row>
    <row r="719962" spans="8:8">
      <c r="H719962" s="12"/>
    </row>
    <row r="719963" spans="8:8">
      <c r="H719963" s="12"/>
    </row>
    <row r="719964" spans="8:8">
      <c r="H719964" s="12"/>
    </row>
    <row r="719965" spans="8:8">
      <c r="H719965" s="12"/>
    </row>
    <row r="719966" spans="8:8">
      <c r="H719966" s="12"/>
    </row>
    <row r="719967" spans="8:8">
      <c r="H719967" s="12"/>
    </row>
    <row r="719968" spans="8:8">
      <c r="H719968" s="12"/>
    </row>
    <row r="719969" spans="8:8">
      <c r="H719969" s="12"/>
    </row>
    <row r="719970" spans="8:8">
      <c r="H719970" s="12"/>
    </row>
    <row r="719971" spans="8:8">
      <c r="H719971" s="12"/>
    </row>
    <row r="719972" spans="8:8">
      <c r="H719972" s="12"/>
    </row>
    <row r="719973" spans="8:8">
      <c r="H719973" s="12"/>
    </row>
    <row r="719974" spans="8:8">
      <c r="H719974" s="12"/>
    </row>
    <row r="719975" spans="8:8">
      <c r="H719975" s="12"/>
    </row>
    <row r="719976" spans="8:8">
      <c r="H719976" s="12"/>
    </row>
    <row r="719977" spans="8:8">
      <c r="H719977" s="12"/>
    </row>
    <row r="719978" spans="8:8">
      <c r="H719978" s="12"/>
    </row>
    <row r="719979" spans="8:8">
      <c r="H719979" s="12"/>
    </row>
    <row r="719980" spans="8:8">
      <c r="H719980" s="12"/>
    </row>
    <row r="719981" spans="8:8">
      <c r="H719981" s="12"/>
    </row>
    <row r="719982" spans="8:8">
      <c r="H719982" s="12"/>
    </row>
    <row r="719983" spans="8:8">
      <c r="H719983" s="12"/>
    </row>
    <row r="719984" spans="8:8">
      <c r="H719984" s="12"/>
    </row>
    <row r="719985" spans="8:8">
      <c r="H719985" s="12"/>
    </row>
    <row r="719986" spans="8:8">
      <c r="H719986" s="12"/>
    </row>
    <row r="719987" spans="8:8">
      <c r="H719987" s="12"/>
    </row>
    <row r="719988" spans="8:8">
      <c r="H719988" s="12"/>
    </row>
    <row r="719989" spans="8:8">
      <c r="H719989" s="12"/>
    </row>
    <row r="719990" spans="8:8">
      <c r="H719990" s="12"/>
    </row>
    <row r="719991" spans="8:8">
      <c r="H719991" s="12"/>
    </row>
    <row r="719992" spans="8:8">
      <c r="H719992" s="12"/>
    </row>
    <row r="719993" spans="8:8">
      <c r="H719993" s="12"/>
    </row>
    <row r="719994" spans="8:8">
      <c r="H719994" s="12"/>
    </row>
    <row r="719995" spans="8:8">
      <c r="H719995" s="12"/>
    </row>
    <row r="719996" spans="8:8">
      <c r="H719996" s="12"/>
    </row>
    <row r="719997" spans="8:8">
      <c r="H719997" s="12"/>
    </row>
    <row r="719998" spans="8:8">
      <c r="H719998" s="12"/>
    </row>
    <row r="719999" spans="8:8">
      <c r="H719999" s="12"/>
    </row>
    <row r="720000" spans="8:8">
      <c r="H720000" s="12"/>
    </row>
    <row r="720001" spans="8:8">
      <c r="H720001" s="12"/>
    </row>
    <row r="720002" spans="8:8">
      <c r="H720002" s="12"/>
    </row>
    <row r="720003" spans="8:8">
      <c r="H720003" s="12"/>
    </row>
    <row r="720004" spans="8:8">
      <c r="H720004" s="12"/>
    </row>
    <row r="720005" spans="8:8">
      <c r="H720005" s="12"/>
    </row>
    <row r="720006" spans="8:8">
      <c r="H720006" s="12"/>
    </row>
    <row r="720007" spans="8:8">
      <c r="H720007" s="12"/>
    </row>
    <row r="720008" spans="8:8">
      <c r="H720008" s="12"/>
    </row>
    <row r="720009" spans="8:8">
      <c r="H720009" s="12"/>
    </row>
    <row r="720010" spans="8:8">
      <c r="H720010" s="12"/>
    </row>
    <row r="720011" spans="8:8">
      <c r="H720011" s="12"/>
    </row>
    <row r="720012" spans="8:8">
      <c r="H720012" s="12"/>
    </row>
    <row r="720013" spans="8:8">
      <c r="H720013" s="12"/>
    </row>
    <row r="720014" spans="8:8">
      <c r="H720014" s="12"/>
    </row>
    <row r="720015" spans="8:8">
      <c r="H720015" s="12"/>
    </row>
    <row r="720016" spans="8:8">
      <c r="H720016" s="12"/>
    </row>
    <row r="720017" spans="8:8">
      <c r="H720017" s="12"/>
    </row>
    <row r="720018" spans="8:8">
      <c r="H720018" s="12"/>
    </row>
    <row r="720019" spans="8:8">
      <c r="H720019" s="12"/>
    </row>
    <row r="720020" spans="8:8">
      <c r="H720020" s="12"/>
    </row>
    <row r="720021" spans="8:8">
      <c r="H720021" s="12"/>
    </row>
    <row r="720022" spans="8:8">
      <c r="H720022" s="12"/>
    </row>
    <row r="720023" spans="8:8">
      <c r="H720023" s="12"/>
    </row>
    <row r="720024" spans="8:8">
      <c r="H720024" s="12"/>
    </row>
    <row r="720025" spans="8:8">
      <c r="H720025" s="12"/>
    </row>
    <row r="720026" spans="8:8">
      <c r="H720026" s="12"/>
    </row>
    <row r="720027" spans="8:8">
      <c r="H720027" s="12"/>
    </row>
    <row r="720028" spans="8:8">
      <c r="H720028" s="12"/>
    </row>
    <row r="720029" spans="8:8">
      <c r="H720029" s="12"/>
    </row>
    <row r="720030" spans="8:8">
      <c r="H720030" s="12"/>
    </row>
    <row r="720031" spans="8:8">
      <c r="H720031" s="12"/>
    </row>
    <row r="720032" spans="8:8">
      <c r="H720032" s="12"/>
    </row>
    <row r="720033" spans="8:8">
      <c r="H720033" s="12"/>
    </row>
    <row r="720034" spans="8:8">
      <c r="H720034" s="12"/>
    </row>
    <row r="720035" spans="8:8">
      <c r="H720035" s="12"/>
    </row>
    <row r="720036" spans="8:8">
      <c r="H720036" s="12"/>
    </row>
    <row r="720037" spans="8:8">
      <c r="H720037" s="12"/>
    </row>
    <row r="720038" spans="8:8">
      <c r="H720038" s="12"/>
    </row>
    <row r="720039" spans="8:8">
      <c r="H720039" s="12"/>
    </row>
    <row r="720040" spans="8:8">
      <c r="H720040" s="12"/>
    </row>
    <row r="720041" spans="8:8">
      <c r="H720041" s="12"/>
    </row>
    <row r="720042" spans="8:8">
      <c r="H720042" s="12"/>
    </row>
    <row r="720043" spans="8:8">
      <c r="H720043" s="12"/>
    </row>
    <row r="720044" spans="8:8">
      <c r="H720044" s="12"/>
    </row>
    <row r="720045" spans="8:8">
      <c r="H720045" s="12"/>
    </row>
    <row r="720046" spans="8:8">
      <c r="H720046" s="12"/>
    </row>
    <row r="720047" spans="8:8">
      <c r="H720047" s="12"/>
    </row>
    <row r="720048" spans="8:8">
      <c r="H720048" s="12"/>
    </row>
    <row r="720049" spans="8:8">
      <c r="H720049" s="12"/>
    </row>
    <row r="720050" spans="8:8">
      <c r="H720050" s="12"/>
    </row>
    <row r="720051" spans="8:8">
      <c r="H720051" s="12"/>
    </row>
    <row r="720052" spans="8:8">
      <c r="H720052" s="12"/>
    </row>
    <row r="720053" spans="8:8">
      <c r="H720053" s="12"/>
    </row>
    <row r="720054" spans="8:8">
      <c r="H720054" s="12"/>
    </row>
    <row r="720055" spans="8:8">
      <c r="H720055" s="12"/>
    </row>
    <row r="720056" spans="8:8">
      <c r="H720056" s="12"/>
    </row>
    <row r="720057" spans="8:8">
      <c r="H720057" s="12"/>
    </row>
    <row r="720058" spans="8:8">
      <c r="H720058" s="12"/>
    </row>
    <row r="720059" spans="8:8">
      <c r="H720059" s="12"/>
    </row>
    <row r="720060" spans="8:8">
      <c r="H720060" s="12"/>
    </row>
    <row r="720061" spans="8:8">
      <c r="H720061" s="12"/>
    </row>
    <row r="720062" spans="8:8">
      <c r="H720062" s="12"/>
    </row>
    <row r="720063" spans="8:8">
      <c r="H720063" s="12"/>
    </row>
    <row r="720064" spans="8:8">
      <c r="H720064" s="12"/>
    </row>
    <row r="720065" spans="8:8">
      <c r="H720065" s="12"/>
    </row>
    <row r="720066" spans="8:8">
      <c r="H720066" s="12"/>
    </row>
    <row r="720067" spans="8:8">
      <c r="H720067" s="12"/>
    </row>
    <row r="720068" spans="8:8">
      <c r="H720068" s="12"/>
    </row>
    <row r="720069" spans="8:8">
      <c r="H720069" s="12"/>
    </row>
    <row r="720070" spans="8:8">
      <c r="H720070" s="12"/>
    </row>
    <row r="720071" spans="8:8">
      <c r="H720071" s="12"/>
    </row>
    <row r="720072" spans="8:8">
      <c r="H720072" s="12"/>
    </row>
    <row r="720073" spans="8:8">
      <c r="H720073" s="12"/>
    </row>
    <row r="720074" spans="8:8">
      <c r="H720074" s="12"/>
    </row>
    <row r="720075" spans="8:8">
      <c r="H720075" s="12"/>
    </row>
    <row r="720076" spans="8:8">
      <c r="H720076" s="12"/>
    </row>
    <row r="720077" spans="8:8">
      <c r="H720077" s="12"/>
    </row>
    <row r="720078" spans="8:8">
      <c r="H720078" s="12"/>
    </row>
    <row r="720079" spans="8:8">
      <c r="H720079" s="12"/>
    </row>
    <row r="720080" spans="8:8">
      <c r="H720080" s="12"/>
    </row>
    <row r="720081" spans="8:8">
      <c r="H720081" s="12"/>
    </row>
    <row r="720082" spans="8:8">
      <c r="H720082" s="12"/>
    </row>
    <row r="720083" spans="8:8">
      <c r="H720083" s="12"/>
    </row>
    <row r="720084" spans="8:8">
      <c r="H720084" s="12"/>
    </row>
    <row r="720085" spans="8:8">
      <c r="H720085" s="12"/>
    </row>
    <row r="720086" spans="8:8">
      <c r="H720086" s="12"/>
    </row>
    <row r="720087" spans="8:8">
      <c r="H720087" s="12"/>
    </row>
    <row r="720088" spans="8:8">
      <c r="H720088" s="12"/>
    </row>
    <row r="720089" spans="8:8">
      <c r="H720089" s="12"/>
    </row>
    <row r="720090" spans="8:8">
      <c r="H720090" s="12"/>
    </row>
    <row r="720091" spans="8:8">
      <c r="H720091" s="12"/>
    </row>
    <row r="720092" spans="8:8">
      <c r="H720092" s="12"/>
    </row>
    <row r="720093" spans="8:8">
      <c r="H720093" s="12"/>
    </row>
    <row r="720094" spans="8:8">
      <c r="H720094" s="12"/>
    </row>
    <row r="720095" spans="8:8">
      <c r="H720095" s="12"/>
    </row>
    <row r="720096" spans="8:8">
      <c r="H720096" s="12"/>
    </row>
    <row r="720097" spans="8:8">
      <c r="H720097" s="12"/>
    </row>
    <row r="720098" spans="8:8">
      <c r="H720098" s="12"/>
    </row>
    <row r="720099" spans="8:8">
      <c r="H720099" s="12"/>
    </row>
    <row r="720100" spans="8:8">
      <c r="H720100" s="12"/>
    </row>
    <row r="720101" spans="8:8">
      <c r="H720101" s="12"/>
    </row>
    <row r="720102" spans="8:8">
      <c r="H720102" s="12"/>
    </row>
    <row r="720103" spans="8:8">
      <c r="H720103" s="12"/>
    </row>
    <row r="720104" spans="8:8">
      <c r="H720104" s="12"/>
    </row>
    <row r="720105" spans="8:8">
      <c r="H720105" s="12"/>
    </row>
    <row r="720106" spans="8:8">
      <c r="H720106" s="12"/>
    </row>
    <row r="720107" spans="8:8">
      <c r="H720107" s="12"/>
    </row>
    <row r="720108" spans="8:8">
      <c r="H720108" s="12"/>
    </row>
    <row r="720109" spans="8:8">
      <c r="H720109" s="12"/>
    </row>
    <row r="720110" spans="8:8">
      <c r="H720110" s="12"/>
    </row>
    <row r="720111" spans="8:8">
      <c r="H720111" s="12"/>
    </row>
    <row r="720112" spans="8:8">
      <c r="H720112" s="12"/>
    </row>
    <row r="720113" spans="8:8">
      <c r="H720113" s="12"/>
    </row>
    <row r="720114" spans="8:8">
      <c r="H720114" s="12"/>
    </row>
    <row r="720115" spans="8:8">
      <c r="H720115" s="12"/>
    </row>
    <row r="720116" spans="8:8">
      <c r="H720116" s="12"/>
    </row>
    <row r="720117" spans="8:8">
      <c r="H720117" s="12"/>
    </row>
    <row r="720118" spans="8:8">
      <c r="H720118" s="12"/>
    </row>
    <row r="720119" spans="8:8">
      <c r="H720119" s="12"/>
    </row>
    <row r="720120" spans="8:8">
      <c r="H720120" s="12"/>
    </row>
    <row r="720121" spans="8:8">
      <c r="H720121" s="12"/>
    </row>
    <row r="720122" spans="8:8">
      <c r="H720122" s="12"/>
    </row>
    <row r="720123" spans="8:8">
      <c r="H720123" s="12"/>
    </row>
    <row r="720124" spans="8:8">
      <c r="H720124" s="12"/>
    </row>
    <row r="720125" spans="8:8">
      <c r="H720125" s="12"/>
    </row>
    <row r="720126" spans="8:8">
      <c r="H720126" s="12"/>
    </row>
    <row r="720127" spans="8:8">
      <c r="H720127" s="12"/>
    </row>
    <row r="720128" spans="8:8">
      <c r="H720128" s="12"/>
    </row>
    <row r="720129" spans="8:8">
      <c r="H720129" s="12"/>
    </row>
    <row r="720130" spans="8:8">
      <c r="H720130" s="12"/>
    </row>
    <row r="720131" spans="8:8">
      <c r="H720131" s="12"/>
    </row>
    <row r="720132" spans="8:8">
      <c r="H720132" s="12"/>
    </row>
    <row r="720133" spans="8:8">
      <c r="H720133" s="12"/>
    </row>
    <row r="720134" spans="8:8">
      <c r="H720134" s="12"/>
    </row>
    <row r="720135" spans="8:8">
      <c r="H720135" s="12"/>
    </row>
    <row r="720136" spans="8:8">
      <c r="H720136" s="12"/>
    </row>
    <row r="720137" spans="8:8">
      <c r="H720137" s="12"/>
    </row>
    <row r="720138" spans="8:8">
      <c r="H720138" s="12"/>
    </row>
    <row r="720139" spans="8:8">
      <c r="H720139" s="12"/>
    </row>
    <row r="720140" spans="8:8">
      <c r="H720140" s="12"/>
    </row>
    <row r="720141" spans="8:8">
      <c r="H720141" s="12"/>
    </row>
    <row r="720142" spans="8:8">
      <c r="H720142" s="12"/>
    </row>
    <row r="720143" spans="8:8">
      <c r="H720143" s="12"/>
    </row>
    <row r="720144" spans="8:8">
      <c r="H720144" s="12"/>
    </row>
    <row r="720145" spans="8:8">
      <c r="H720145" s="12"/>
    </row>
    <row r="720146" spans="8:8">
      <c r="H720146" s="12"/>
    </row>
    <row r="720147" spans="8:8">
      <c r="H720147" s="12"/>
    </row>
    <row r="720148" spans="8:8">
      <c r="H720148" s="12"/>
    </row>
    <row r="720149" spans="8:8">
      <c r="H720149" s="12"/>
    </row>
    <row r="720150" spans="8:8">
      <c r="H720150" s="12"/>
    </row>
    <row r="720151" spans="8:8">
      <c r="H720151" s="12"/>
    </row>
    <row r="720152" spans="8:8">
      <c r="H720152" s="12"/>
    </row>
    <row r="720153" spans="8:8">
      <c r="H720153" s="12"/>
    </row>
    <row r="720154" spans="8:8">
      <c r="H720154" s="12"/>
    </row>
    <row r="720155" spans="8:8">
      <c r="H720155" s="12"/>
    </row>
    <row r="720156" spans="8:8">
      <c r="H720156" s="12"/>
    </row>
    <row r="720157" spans="8:8">
      <c r="H720157" s="12"/>
    </row>
    <row r="720158" spans="8:8">
      <c r="H720158" s="12"/>
    </row>
    <row r="720159" spans="8:8">
      <c r="H720159" s="12"/>
    </row>
    <row r="720160" spans="8:8">
      <c r="H720160" s="12"/>
    </row>
    <row r="720161" spans="8:8">
      <c r="H720161" s="12"/>
    </row>
    <row r="720162" spans="8:8">
      <c r="H720162" s="12"/>
    </row>
    <row r="720163" spans="8:8">
      <c r="H720163" s="12"/>
    </row>
    <row r="720164" spans="8:8">
      <c r="H720164" s="12"/>
    </row>
    <row r="720165" spans="8:8">
      <c r="H720165" s="12"/>
    </row>
    <row r="720166" spans="8:8">
      <c r="H720166" s="12"/>
    </row>
    <row r="720167" spans="8:8">
      <c r="H720167" s="12"/>
    </row>
    <row r="720168" spans="8:8">
      <c r="H720168" s="12"/>
    </row>
    <row r="720169" spans="8:8">
      <c r="H720169" s="12"/>
    </row>
    <row r="720170" spans="8:8">
      <c r="H720170" s="12"/>
    </row>
    <row r="720171" spans="8:8">
      <c r="H720171" s="12"/>
    </row>
    <row r="720172" spans="8:8">
      <c r="H720172" s="12"/>
    </row>
    <row r="720173" spans="8:8">
      <c r="H720173" s="12"/>
    </row>
    <row r="720174" spans="8:8">
      <c r="H720174" s="12"/>
    </row>
    <row r="720175" spans="8:8">
      <c r="H720175" s="12"/>
    </row>
    <row r="720176" spans="8:8">
      <c r="H720176" s="12"/>
    </row>
    <row r="720177" spans="8:8">
      <c r="H720177" s="12"/>
    </row>
    <row r="720178" spans="8:8">
      <c r="H720178" s="12"/>
    </row>
    <row r="720179" spans="8:8">
      <c r="H720179" s="12"/>
    </row>
    <row r="720180" spans="8:8">
      <c r="H720180" s="12"/>
    </row>
    <row r="720181" spans="8:8">
      <c r="H720181" s="12"/>
    </row>
    <row r="720182" spans="8:8">
      <c r="H720182" s="12"/>
    </row>
    <row r="720183" spans="8:8">
      <c r="H720183" s="12"/>
    </row>
    <row r="720184" spans="8:8">
      <c r="H720184" s="12"/>
    </row>
    <row r="720185" spans="8:8">
      <c r="H720185" s="12"/>
    </row>
    <row r="720186" spans="8:8">
      <c r="H720186" s="12"/>
    </row>
    <row r="720187" spans="8:8">
      <c r="H720187" s="12"/>
    </row>
    <row r="720188" spans="8:8">
      <c r="H720188" s="12"/>
    </row>
    <row r="720189" spans="8:8">
      <c r="H720189" s="12"/>
    </row>
    <row r="720190" spans="8:8">
      <c r="H720190" s="12"/>
    </row>
    <row r="720191" spans="8:8">
      <c r="H720191" s="12"/>
    </row>
    <row r="720192" spans="8:8">
      <c r="H720192" s="12"/>
    </row>
    <row r="720193" spans="8:8">
      <c r="H720193" s="12"/>
    </row>
    <row r="720194" spans="8:8">
      <c r="H720194" s="12"/>
    </row>
    <row r="720195" spans="8:8">
      <c r="H720195" s="12"/>
    </row>
    <row r="720196" spans="8:8">
      <c r="H720196" s="12"/>
    </row>
    <row r="720197" spans="8:8">
      <c r="H720197" s="12"/>
    </row>
    <row r="720198" spans="8:8">
      <c r="H720198" s="12"/>
    </row>
    <row r="720199" spans="8:8">
      <c r="H720199" s="12"/>
    </row>
    <row r="720200" spans="8:8">
      <c r="H720200" s="12"/>
    </row>
    <row r="720201" spans="8:8">
      <c r="H720201" s="12"/>
    </row>
    <row r="720202" spans="8:8">
      <c r="H720202" s="12"/>
    </row>
    <row r="720203" spans="8:8">
      <c r="H720203" s="12"/>
    </row>
    <row r="720204" spans="8:8">
      <c r="H720204" s="12"/>
    </row>
    <row r="720205" spans="8:8">
      <c r="H720205" s="12"/>
    </row>
    <row r="720206" spans="8:8">
      <c r="H720206" s="12"/>
    </row>
    <row r="720207" spans="8:8">
      <c r="H720207" s="12"/>
    </row>
    <row r="720208" spans="8:8">
      <c r="H720208" s="12"/>
    </row>
    <row r="720209" spans="8:8">
      <c r="H720209" s="12"/>
    </row>
    <row r="720210" spans="8:8">
      <c r="H720210" s="12"/>
    </row>
    <row r="720211" spans="8:8">
      <c r="H720211" s="12"/>
    </row>
    <row r="720212" spans="8:8">
      <c r="H720212" s="12"/>
    </row>
    <row r="720213" spans="8:8">
      <c r="H720213" s="12"/>
    </row>
    <row r="720214" spans="8:8">
      <c r="H720214" s="12"/>
    </row>
    <row r="720215" spans="8:8">
      <c r="H720215" s="12"/>
    </row>
    <row r="720216" spans="8:8">
      <c r="H720216" s="12"/>
    </row>
    <row r="720217" spans="8:8">
      <c r="H720217" s="12"/>
    </row>
    <row r="720218" spans="8:8">
      <c r="H720218" s="12"/>
    </row>
    <row r="720219" spans="8:8">
      <c r="H720219" s="12"/>
    </row>
    <row r="720220" spans="8:8">
      <c r="H720220" s="12"/>
    </row>
    <row r="720221" spans="8:8">
      <c r="H720221" s="12"/>
    </row>
    <row r="720222" spans="8:8">
      <c r="H720222" s="12"/>
    </row>
    <row r="720223" spans="8:8">
      <c r="H720223" s="12"/>
    </row>
    <row r="720224" spans="8:8">
      <c r="H720224" s="12"/>
    </row>
    <row r="720225" spans="8:8">
      <c r="H720225" s="12"/>
    </row>
    <row r="720226" spans="8:8">
      <c r="H720226" s="12"/>
    </row>
    <row r="720227" spans="8:8">
      <c r="H720227" s="12"/>
    </row>
    <row r="720228" spans="8:8">
      <c r="H720228" s="12"/>
    </row>
    <row r="720229" spans="8:8">
      <c r="H720229" s="12"/>
    </row>
    <row r="720230" spans="8:8">
      <c r="H720230" s="12"/>
    </row>
    <row r="720231" spans="8:8">
      <c r="H720231" s="12"/>
    </row>
    <row r="720232" spans="8:8">
      <c r="H720232" s="12"/>
    </row>
    <row r="720233" spans="8:8">
      <c r="H720233" s="12"/>
    </row>
    <row r="720234" spans="8:8">
      <c r="H720234" s="12"/>
    </row>
    <row r="720235" spans="8:8">
      <c r="H720235" s="12"/>
    </row>
    <row r="720236" spans="8:8">
      <c r="H720236" s="12"/>
    </row>
    <row r="720237" spans="8:8">
      <c r="H720237" s="12"/>
    </row>
    <row r="720238" spans="8:8">
      <c r="H720238" s="12"/>
    </row>
    <row r="720239" spans="8:8">
      <c r="H720239" s="12"/>
    </row>
    <row r="720240" spans="8:8">
      <c r="H720240" s="12"/>
    </row>
    <row r="720241" spans="8:8">
      <c r="H720241" s="12"/>
    </row>
    <row r="720242" spans="8:8">
      <c r="H720242" s="12"/>
    </row>
    <row r="720243" spans="8:8">
      <c r="H720243" s="12"/>
    </row>
    <row r="720244" spans="8:8">
      <c r="H720244" s="12"/>
    </row>
    <row r="720245" spans="8:8">
      <c r="H720245" s="12"/>
    </row>
    <row r="720246" spans="8:8">
      <c r="H720246" s="12"/>
    </row>
    <row r="720247" spans="8:8">
      <c r="H720247" s="12"/>
    </row>
    <row r="720248" spans="8:8">
      <c r="H720248" s="12"/>
    </row>
    <row r="720249" spans="8:8">
      <c r="H720249" s="12"/>
    </row>
    <row r="720250" spans="8:8">
      <c r="H720250" s="12"/>
    </row>
    <row r="720251" spans="8:8">
      <c r="H720251" s="12"/>
    </row>
    <row r="720252" spans="8:8">
      <c r="H720252" s="12"/>
    </row>
    <row r="720253" spans="8:8">
      <c r="H720253" s="12"/>
    </row>
    <row r="720254" spans="8:8">
      <c r="H720254" s="12"/>
    </row>
    <row r="720255" spans="8:8">
      <c r="H720255" s="12"/>
    </row>
    <row r="720256" spans="8:8">
      <c r="H720256" s="12"/>
    </row>
    <row r="720257" spans="8:8">
      <c r="H720257" s="12"/>
    </row>
    <row r="720258" spans="8:8">
      <c r="H720258" s="12"/>
    </row>
    <row r="720259" spans="8:8">
      <c r="H720259" s="12"/>
    </row>
    <row r="720260" spans="8:8">
      <c r="H720260" s="12"/>
    </row>
    <row r="720261" spans="8:8">
      <c r="H720261" s="12"/>
    </row>
    <row r="720262" spans="8:8">
      <c r="H720262" s="12"/>
    </row>
    <row r="720263" spans="8:8">
      <c r="H720263" s="12"/>
    </row>
    <row r="720264" spans="8:8">
      <c r="H720264" s="12"/>
    </row>
    <row r="720265" spans="8:8">
      <c r="H720265" s="12"/>
    </row>
    <row r="720266" spans="8:8">
      <c r="H720266" s="12"/>
    </row>
    <row r="720267" spans="8:8">
      <c r="H720267" s="12"/>
    </row>
    <row r="720268" spans="8:8">
      <c r="H720268" s="12"/>
    </row>
    <row r="720269" spans="8:8">
      <c r="H720269" s="12"/>
    </row>
    <row r="720270" spans="8:8">
      <c r="H720270" s="12"/>
    </row>
    <row r="720271" spans="8:8">
      <c r="H720271" s="12"/>
    </row>
    <row r="720272" spans="8:8">
      <c r="H720272" s="12"/>
    </row>
    <row r="720273" spans="8:8">
      <c r="H720273" s="12"/>
    </row>
    <row r="720274" spans="8:8">
      <c r="H720274" s="12"/>
    </row>
    <row r="720275" spans="8:8">
      <c r="H720275" s="12"/>
    </row>
    <row r="720276" spans="8:8">
      <c r="H720276" s="12"/>
    </row>
    <row r="720277" spans="8:8">
      <c r="H720277" s="12"/>
    </row>
    <row r="720278" spans="8:8">
      <c r="H720278" s="12"/>
    </row>
    <row r="720279" spans="8:8">
      <c r="H720279" s="12"/>
    </row>
    <row r="720280" spans="8:8">
      <c r="H720280" s="12"/>
    </row>
    <row r="720281" spans="8:8">
      <c r="H720281" s="12"/>
    </row>
    <row r="720282" spans="8:8">
      <c r="H720282" s="12"/>
    </row>
    <row r="720283" spans="8:8">
      <c r="H720283" s="12"/>
    </row>
    <row r="720284" spans="8:8">
      <c r="H720284" s="12"/>
    </row>
    <row r="720285" spans="8:8">
      <c r="H720285" s="12"/>
    </row>
    <row r="720286" spans="8:8">
      <c r="H720286" s="12"/>
    </row>
    <row r="720287" spans="8:8">
      <c r="H720287" s="12"/>
    </row>
    <row r="720288" spans="8:8">
      <c r="H720288" s="12"/>
    </row>
    <row r="720289" spans="8:8">
      <c r="H720289" s="12"/>
    </row>
    <row r="720290" spans="8:8">
      <c r="H720290" s="12"/>
    </row>
    <row r="720291" spans="8:8">
      <c r="H720291" s="12"/>
    </row>
    <row r="720292" spans="8:8">
      <c r="H720292" s="12"/>
    </row>
    <row r="720293" spans="8:8">
      <c r="H720293" s="12"/>
    </row>
    <row r="720294" spans="8:8">
      <c r="H720294" s="12"/>
    </row>
    <row r="720295" spans="8:8">
      <c r="H720295" s="12"/>
    </row>
    <row r="720296" spans="8:8">
      <c r="H720296" s="12"/>
    </row>
    <row r="720297" spans="8:8">
      <c r="H720297" s="12"/>
    </row>
    <row r="720298" spans="8:8">
      <c r="H720298" s="12"/>
    </row>
    <row r="720299" spans="8:8">
      <c r="H720299" s="12"/>
    </row>
    <row r="720300" spans="8:8">
      <c r="H720300" s="12"/>
    </row>
    <row r="720301" spans="8:8">
      <c r="H720301" s="12"/>
    </row>
    <row r="720302" spans="8:8">
      <c r="H720302" s="12"/>
    </row>
    <row r="720303" spans="8:8">
      <c r="H720303" s="12"/>
    </row>
    <row r="720304" spans="8:8">
      <c r="H720304" s="12"/>
    </row>
    <row r="720305" spans="8:8">
      <c r="H720305" s="12"/>
    </row>
    <row r="720306" spans="8:8">
      <c r="H720306" s="12"/>
    </row>
    <row r="720307" spans="8:8">
      <c r="H720307" s="12"/>
    </row>
    <row r="720308" spans="8:8">
      <c r="H720308" s="12"/>
    </row>
    <row r="720309" spans="8:8">
      <c r="H720309" s="12"/>
    </row>
    <row r="720310" spans="8:8">
      <c r="H720310" s="12"/>
    </row>
    <row r="720311" spans="8:8">
      <c r="H720311" s="12"/>
    </row>
    <row r="720312" spans="8:8">
      <c r="H720312" s="12"/>
    </row>
    <row r="720313" spans="8:8">
      <c r="H720313" s="12"/>
    </row>
    <row r="720314" spans="8:8">
      <c r="H720314" s="12"/>
    </row>
    <row r="720315" spans="8:8">
      <c r="H720315" s="12"/>
    </row>
    <row r="720316" spans="8:8">
      <c r="H720316" s="12"/>
    </row>
    <row r="720317" spans="8:8">
      <c r="H720317" s="12"/>
    </row>
    <row r="720318" spans="8:8">
      <c r="H720318" s="12"/>
    </row>
    <row r="720319" spans="8:8">
      <c r="H720319" s="12"/>
    </row>
    <row r="720320" spans="8:8">
      <c r="H720320" s="12"/>
    </row>
    <row r="720321" spans="8:8">
      <c r="H720321" s="12"/>
    </row>
    <row r="720322" spans="8:8">
      <c r="H720322" s="12"/>
    </row>
    <row r="720323" spans="8:8">
      <c r="H720323" s="12"/>
    </row>
    <row r="720324" spans="8:8">
      <c r="H720324" s="12"/>
    </row>
    <row r="720325" spans="8:8">
      <c r="H720325" s="12"/>
    </row>
    <row r="720326" spans="8:8">
      <c r="H720326" s="12"/>
    </row>
    <row r="720327" spans="8:8">
      <c r="H720327" s="12"/>
    </row>
    <row r="720328" spans="8:8">
      <c r="H720328" s="12"/>
    </row>
    <row r="720329" spans="8:8">
      <c r="H720329" s="12"/>
    </row>
    <row r="720330" spans="8:8">
      <c r="H720330" s="12"/>
    </row>
    <row r="720331" spans="8:8">
      <c r="H720331" s="12"/>
    </row>
    <row r="720332" spans="8:8">
      <c r="H720332" s="12"/>
    </row>
    <row r="720333" spans="8:8">
      <c r="H720333" s="12"/>
    </row>
    <row r="720334" spans="8:8">
      <c r="H720334" s="12"/>
    </row>
    <row r="720335" spans="8:8">
      <c r="H720335" s="12"/>
    </row>
    <row r="720336" spans="8:8">
      <c r="H720336" s="12"/>
    </row>
    <row r="720337" spans="8:8">
      <c r="H720337" s="12"/>
    </row>
    <row r="720338" spans="8:8">
      <c r="H720338" s="12"/>
    </row>
    <row r="720339" spans="8:8">
      <c r="H720339" s="12"/>
    </row>
    <row r="720340" spans="8:8">
      <c r="H720340" s="12"/>
    </row>
    <row r="720341" spans="8:8">
      <c r="H720341" s="12"/>
    </row>
    <row r="720342" spans="8:8">
      <c r="H720342" s="12"/>
    </row>
    <row r="720343" spans="8:8">
      <c r="H720343" s="12"/>
    </row>
    <row r="720344" spans="8:8">
      <c r="H720344" s="12"/>
    </row>
    <row r="720345" spans="8:8">
      <c r="H720345" s="12"/>
    </row>
    <row r="720346" spans="8:8">
      <c r="H720346" s="12"/>
    </row>
    <row r="720347" spans="8:8">
      <c r="H720347" s="12"/>
    </row>
    <row r="720348" spans="8:8">
      <c r="H720348" s="12"/>
    </row>
    <row r="720349" spans="8:8">
      <c r="H720349" s="12"/>
    </row>
    <row r="720350" spans="8:8">
      <c r="H720350" s="12"/>
    </row>
    <row r="720351" spans="8:8">
      <c r="H720351" s="12"/>
    </row>
    <row r="720352" spans="8:8">
      <c r="H720352" s="12"/>
    </row>
    <row r="720353" spans="8:8">
      <c r="H720353" s="12"/>
    </row>
    <row r="720354" spans="8:8">
      <c r="H720354" s="12"/>
    </row>
    <row r="720355" spans="8:8">
      <c r="H720355" s="12"/>
    </row>
    <row r="720356" spans="8:8">
      <c r="H720356" s="12"/>
    </row>
    <row r="720357" spans="8:8">
      <c r="H720357" s="12"/>
    </row>
    <row r="720358" spans="8:8">
      <c r="H720358" s="12"/>
    </row>
    <row r="720359" spans="8:8">
      <c r="H720359" s="12"/>
    </row>
    <row r="720360" spans="8:8">
      <c r="H720360" s="12"/>
    </row>
    <row r="720361" spans="8:8">
      <c r="H720361" s="12"/>
    </row>
    <row r="720362" spans="8:8">
      <c r="H720362" s="12"/>
    </row>
    <row r="720363" spans="8:8">
      <c r="H720363" s="12"/>
    </row>
    <row r="720364" spans="8:8">
      <c r="H720364" s="12"/>
    </row>
    <row r="720365" spans="8:8">
      <c r="H720365" s="12"/>
    </row>
    <row r="720366" spans="8:8">
      <c r="H720366" s="12"/>
    </row>
    <row r="720367" spans="8:8">
      <c r="H720367" s="12"/>
    </row>
    <row r="720368" spans="8:8">
      <c r="H720368" s="12"/>
    </row>
    <row r="720369" spans="8:8">
      <c r="H720369" s="12"/>
    </row>
    <row r="720370" spans="8:8">
      <c r="H720370" s="12"/>
    </row>
    <row r="720371" spans="8:8">
      <c r="H720371" s="12"/>
    </row>
    <row r="720372" spans="8:8">
      <c r="H720372" s="12"/>
    </row>
    <row r="720373" spans="8:8">
      <c r="H720373" s="12"/>
    </row>
    <row r="720374" spans="8:8">
      <c r="H720374" s="12"/>
    </row>
    <row r="720375" spans="8:8">
      <c r="H720375" s="12"/>
    </row>
    <row r="720376" spans="8:8">
      <c r="H720376" s="12"/>
    </row>
    <row r="720377" spans="8:8">
      <c r="H720377" s="12"/>
    </row>
    <row r="720378" spans="8:8">
      <c r="H720378" s="12"/>
    </row>
    <row r="720379" spans="8:8">
      <c r="H720379" s="12"/>
    </row>
    <row r="720380" spans="8:8">
      <c r="H720380" s="12"/>
    </row>
    <row r="720381" spans="8:8">
      <c r="H720381" s="12"/>
    </row>
    <row r="720382" spans="8:8">
      <c r="H720382" s="12"/>
    </row>
    <row r="720383" spans="8:8">
      <c r="H720383" s="12"/>
    </row>
    <row r="720384" spans="8:8">
      <c r="H720384" s="12"/>
    </row>
    <row r="720385" spans="8:8">
      <c r="H720385" s="12"/>
    </row>
    <row r="720386" spans="8:8">
      <c r="H720386" s="12"/>
    </row>
    <row r="720387" spans="8:8">
      <c r="H720387" s="12"/>
    </row>
    <row r="720388" spans="8:8">
      <c r="H720388" s="12"/>
    </row>
    <row r="720389" spans="8:8">
      <c r="H720389" s="12"/>
    </row>
    <row r="720390" spans="8:8">
      <c r="H720390" s="12"/>
    </row>
    <row r="720391" spans="8:8">
      <c r="H720391" s="12"/>
    </row>
    <row r="720392" spans="8:8">
      <c r="H720392" s="12"/>
    </row>
    <row r="720393" spans="8:8">
      <c r="H720393" s="12"/>
    </row>
    <row r="720394" spans="8:8">
      <c r="H720394" s="12"/>
    </row>
    <row r="720395" spans="8:8">
      <c r="H720395" s="12"/>
    </row>
    <row r="720396" spans="8:8">
      <c r="H720396" s="12"/>
    </row>
    <row r="720397" spans="8:8">
      <c r="H720397" s="12"/>
    </row>
    <row r="720398" spans="8:8">
      <c r="H720398" s="12"/>
    </row>
    <row r="720399" spans="8:8">
      <c r="H720399" s="12"/>
    </row>
    <row r="720400" spans="8:8">
      <c r="H720400" s="12"/>
    </row>
    <row r="720401" spans="8:8">
      <c r="H720401" s="12"/>
    </row>
    <row r="720402" spans="8:8">
      <c r="H720402" s="12"/>
    </row>
    <row r="720403" spans="8:8">
      <c r="H720403" s="12"/>
    </row>
    <row r="720404" spans="8:8">
      <c r="H720404" s="12"/>
    </row>
    <row r="720405" spans="8:8">
      <c r="H720405" s="12"/>
    </row>
    <row r="720406" spans="8:8">
      <c r="H720406" s="12"/>
    </row>
    <row r="720407" spans="8:8">
      <c r="H720407" s="12"/>
    </row>
    <row r="720408" spans="8:8">
      <c r="H720408" s="12"/>
    </row>
    <row r="720409" spans="8:8">
      <c r="H720409" s="12"/>
    </row>
    <row r="720410" spans="8:8">
      <c r="H720410" s="12"/>
    </row>
    <row r="720411" spans="8:8">
      <c r="H720411" s="12"/>
    </row>
    <row r="720412" spans="8:8">
      <c r="H720412" s="12"/>
    </row>
    <row r="720413" spans="8:8">
      <c r="H720413" s="12"/>
    </row>
    <row r="720414" spans="8:8">
      <c r="H720414" s="12"/>
    </row>
    <row r="720415" spans="8:8">
      <c r="H720415" s="12"/>
    </row>
    <row r="720416" spans="8:8">
      <c r="H720416" s="12"/>
    </row>
    <row r="720417" spans="8:8">
      <c r="H720417" s="12"/>
    </row>
    <row r="720418" spans="8:8">
      <c r="H720418" s="12"/>
    </row>
    <row r="720419" spans="8:8">
      <c r="H720419" s="12"/>
    </row>
    <row r="720420" spans="8:8">
      <c r="H720420" s="12"/>
    </row>
    <row r="720421" spans="8:8">
      <c r="H720421" s="12"/>
    </row>
    <row r="720422" spans="8:8">
      <c r="H720422" s="12"/>
    </row>
    <row r="720423" spans="8:8">
      <c r="H720423" s="12"/>
    </row>
    <row r="720424" spans="8:8">
      <c r="H720424" s="12"/>
    </row>
    <row r="720425" spans="8:8">
      <c r="H720425" s="12"/>
    </row>
    <row r="720426" spans="8:8">
      <c r="H720426" s="12"/>
    </row>
    <row r="720427" spans="8:8">
      <c r="H720427" s="12"/>
    </row>
    <row r="720428" spans="8:8">
      <c r="H720428" s="12"/>
    </row>
    <row r="720429" spans="8:8">
      <c r="H720429" s="12"/>
    </row>
    <row r="720430" spans="8:8">
      <c r="H720430" s="12"/>
    </row>
    <row r="720431" spans="8:8">
      <c r="H720431" s="12"/>
    </row>
    <row r="720432" spans="8:8">
      <c r="H720432" s="12"/>
    </row>
    <row r="720433" spans="8:8">
      <c r="H720433" s="12"/>
    </row>
    <row r="720434" spans="8:8">
      <c r="H720434" s="12"/>
    </row>
    <row r="720435" spans="8:8">
      <c r="H720435" s="12"/>
    </row>
    <row r="720436" spans="8:8">
      <c r="H720436" s="12"/>
    </row>
    <row r="720437" spans="8:8">
      <c r="H720437" s="12"/>
    </row>
    <row r="720438" spans="8:8">
      <c r="H720438" s="12"/>
    </row>
    <row r="720439" spans="8:8">
      <c r="H720439" s="12"/>
    </row>
    <row r="720440" spans="8:8">
      <c r="H720440" s="12"/>
    </row>
    <row r="720441" spans="8:8">
      <c r="H720441" s="12"/>
    </row>
    <row r="720442" spans="8:8">
      <c r="H720442" s="12"/>
    </row>
    <row r="720443" spans="8:8">
      <c r="H720443" s="12"/>
    </row>
    <row r="720444" spans="8:8">
      <c r="H720444" s="12"/>
    </row>
    <row r="720445" spans="8:8">
      <c r="H720445" s="12"/>
    </row>
    <row r="720446" spans="8:8">
      <c r="H720446" s="12"/>
    </row>
    <row r="720447" spans="8:8">
      <c r="H720447" s="12"/>
    </row>
    <row r="720448" spans="8:8">
      <c r="H720448" s="12"/>
    </row>
    <row r="720449" spans="8:8">
      <c r="H720449" s="12"/>
    </row>
    <row r="720450" spans="8:8">
      <c r="H720450" s="12"/>
    </row>
    <row r="720451" spans="8:8">
      <c r="H720451" s="12"/>
    </row>
    <row r="720452" spans="8:8">
      <c r="H720452" s="12"/>
    </row>
    <row r="720453" spans="8:8">
      <c r="H720453" s="12"/>
    </row>
    <row r="720454" spans="8:8">
      <c r="H720454" s="12"/>
    </row>
    <row r="720455" spans="8:8">
      <c r="H720455" s="12"/>
    </row>
    <row r="720456" spans="8:8">
      <c r="H720456" s="12"/>
    </row>
    <row r="720457" spans="8:8">
      <c r="H720457" s="12"/>
    </row>
    <row r="720458" spans="8:8">
      <c r="H720458" s="12"/>
    </row>
    <row r="720459" spans="8:8">
      <c r="H720459" s="12"/>
    </row>
    <row r="720460" spans="8:8">
      <c r="H720460" s="12"/>
    </row>
    <row r="720461" spans="8:8">
      <c r="H720461" s="12"/>
    </row>
    <row r="720462" spans="8:8">
      <c r="H720462" s="12"/>
    </row>
    <row r="720463" spans="8:8">
      <c r="H720463" s="12"/>
    </row>
    <row r="720464" spans="8:8">
      <c r="H720464" s="12"/>
    </row>
    <row r="720465" spans="8:8">
      <c r="H720465" s="12"/>
    </row>
    <row r="720466" spans="8:8">
      <c r="H720466" s="12"/>
    </row>
    <row r="720467" spans="8:8">
      <c r="H720467" s="12"/>
    </row>
    <row r="720468" spans="8:8">
      <c r="H720468" s="12"/>
    </row>
    <row r="720469" spans="8:8">
      <c r="H720469" s="12"/>
    </row>
    <row r="720470" spans="8:8">
      <c r="H720470" s="12"/>
    </row>
    <row r="720471" spans="8:8">
      <c r="H720471" s="12"/>
    </row>
    <row r="720472" spans="8:8">
      <c r="H720472" s="12"/>
    </row>
    <row r="720473" spans="8:8">
      <c r="H720473" s="12"/>
    </row>
    <row r="720474" spans="8:8">
      <c r="H720474" s="12"/>
    </row>
    <row r="720475" spans="8:8">
      <c r="H720475" s="12"/>
    </row>
    <row r="720476" spans="8:8">
      <c r="H720476" s="12"/>
    </row>
    <row r="720477" spans="8:8">
      <c r="H720477" s="12"/>
    </row>
    <row r="720478" spans="8:8">
      <c r="H720478" s="12"/>
    </row>
    <row r="720479" spans="8:8">
      <c r="H720479" s="12"/>
    </row>
    <row r="720480" spans="8:8">
      <c r="H720480" s="12"/>
    </row>
    <row r="720481" spans="8:8">
      <c r="H720481" s="12"/>
    </row>
    <row r="720482" spans="8:8">
      <c r="H720482" s="12"/>
    </row>
    <row r="720483" spans="8:8">
      <c r="H720483" s="12"/>
    </row>
    <row r="720484" spans="8:8">
      <c r="H720484" s="12"/>
    </row>
    <row r="720485" spans="8:8">
      <c r="H720485" s="12"/>
    </row>
    <row r="720486" spans="8:8">
      <c r="H720486" s="12"/>
    </row>
    <row r="720487" spans="8:8">
      <c r="H720487" s="12"/>
    </row>
    <row r="720488" spans="8:8">
      <c r="H720488" s="12"/>
    </row>
    <row r="720489" spans="8:8">
      <c r="H720489" s="12"/>
    </row>
    <row r="720490" spans="8:8">
      <c r="H720490" s="12"/>
    </row>
    <row r="720491" spans="8:8">
      <c r="H720491" s="12"/>
    </row>
    <row r="720492" spans="8:8">
      <c r="H720492" s="12"/>
    </row>
    <row r="720493" spans="8:8">
      <c r="H720493" s="12"/>
    </row>
    <row r="720494" spans="8:8">
      <c r="H720494" s="12"/>
    </row>
    <row r="720495" spans="8:8">
      <c r="H720495" s="12"/>
    </row>
    <row r="720496" spans="8:8">
      <c r="H720496" s="12"/>
    </row>
    <row r="720497" spans="8:8">
      <c r="H720497" s="12"/>
    </row>
    <row r="720498" spans="8:8">
      <c r="H720498" s="12"/>
    </row>
    <row r="720499" spans="8:8">
      <c r="H720499" s="12"/>
    </row>
    <row r="720500" spans="8:8">
      <c r="H720500" s="12"/>
    </row>
    <row r="720501" spans="8:8">
      <c r="H720501" s="12"/>
    </row>
    <row r="720502" spans="8:8">
      <c r="H720502" s="12"/>
    </row>
    <row r="720503" spans="8:8">
      <c r="H720503" s="12"/>
    </row>
    <row r="720504" spans="8:8">
      <c r="H720504" s="12"/>
    </row>
    <row r="720505" spans="8:8">
      <c r="H720505" s="12"/>
    </row>
    <row r="720506" spans="8:8">
      <c r="H720506" s="12"/>
    </row>
    <row r="720507" spans="8:8">
      <c r="H720507" s="12"/>
    </row>
    <row r="720508" spans="8:8">
      <c r="H720508" s="12"/>
    </row>
    <row r="720509" spans="8:8">
      <c r="H720509" s="12"/>
    </row>
    <row r="720510" spans="8:8">
      <c r="H720510" s="12"/>
    </row>
    <row r="720511" spans="8:8">
      <c r="H720511" s="12"/>
    </row>
    <row r="720512" spans="8:8">
      <c r="H720512" s="12"/>
    </row>
    <row r="720513" spans="8:8">
      <c r="H720513" s="12"/>
    </row>
    <row r="720514" spans="8:8">
      <c r="H720514" s="12"/>
    </row>
    <row r="720515" spans="8:8">
      <c r="H720515" s="12"/>
    </row>
    <row r="720516" spans="8:8">
      <c r="H720516" s="12"/>
    </row>
    <row r="720517" spans="8:8">
      <c r="H720517" s="12"/>
    </row>
    <row r="720518" spans="8:8">
      <c r="H720518" s="12"/>
    </row>
    <row r="720519" spans="8:8">
      <c r="H720519" s="12"/>
    </row>
    <row r="720520" spans="8:8">
      <c r="H720520" s="12"/>
    </row>
    <row r="720521" spans="8:8">
      <c r="H720521" s="12"/>
    </row>
    <row r="720522" spans="8:8">
      <c r="H720522" s="12"/>
    </row>
    <row r="720523" spans="8:8">
      <c r="H720523" s="12"/>
    </row>
    <row r="720524" spans="8:8">
      <c r="H720524" s="12"/>
    </row>
    <row r="720525" spans="8:8">
      <c r="H720525" s="12"/>
    </row>
    <row r="720526" spans="8:8">
      <c r="H720526" s="12"/>
    </row>
    <row r="720527" spans="8:8">
      <c r="H720527" s="12"/>
    </row>
    <row r="720528" spans="8:8">
      <c r="H720528" s="12"/>
    </row>
    <row r="720529" spans="8:8">
      <c r="H720529" s="12"/>
    </row>
    <row r="720530" spans="8:8">
      <c r="H720530" s="12"/>
    </row>
    <row r="720531" spans="8:8">
      <c r="H720531" s="12"/>
    </row>
    <row r="720532" spans="8:8">
      <c r="H720532" s="12"/>
    </row>
    <row r="720533" spans="8:8">
      <c r="H720533" s="12"/>
    </row>
    <row r="720534" spans="8:8">
      <c r="H720534" s="12"/>
    </row>
    <row r="720535" spans="8:8">
      <c r="H720535" s="12"/>
    </row>
    <row r="720536" spans="8:8">
      <c r="H720536" s="12"/>
    </row>
    <row r="720537" spans="8:8">
      <c r="H720537" s="12"/>
    </row>
    <row r="720538" spans="8:8">
      <c r="H720538" s="12"/>
    </row>
    <row r="720539" spans="8:8">
      <c r="H720539" s="12"/>
    </row>
    <row r="720540" spans="8:8">
      <c r="H720540" s="12"/>
    </row>
    <row r="720541" spans="8:8">
      <c r="H720541" s="12"/>
    </row>
    <row r="720542" spans="8:8">
      <c r="H720542" s="12"/>
    </row>
    <row r="720543" spans="8:8">
      <c r="H720543" s="12"/>
    </row>
    <row r="720544" spans="8:8">
      <c r="H720544" s="12"/>
    </row>
    <row r="720545" spans="8:8">
      <c r="H720545" s="12"/>
    </row>
    <row r="720546" spans="8:8">
      <c r="H720546" s="12"/>
    </row>
    <row r="720547" spans="8:8">
      <c r="H720547" s="12"/>
    </row>
    <row r="720548" spans="8:8">
      <c r="H720548" s="12"/>
    </row>
    <row r="720549" spans="8:8">
      <c r="H720549" s="12"/>
    </row>
    <row r="720550" spans="8:8">
      <c r="H720550" s="12"/>
    </row>
    <row r="720551" spans="8:8">
      <c r="H720551" s="12"/>
    </row>
    <row r="720552" spans="8:8">
      <c r="H720552" s="12"/>
    </row>
    <row r="720553" spans="8:8">
      <c r="H720553" s="12"/>
    </row>
    <row r="720554" spans="8:8">
      <c r="H720554" s="12"/>
    </row>
    <row r="720555" spans="8:8">
      <c r="H720555" s="12"/>
    </row>
    <row r="720556" spans="8:8">
      <c r="H720556" s="12"/>
    </row>
    <row r="720557" spans="8:8">
      <c r="H720557" s="12"/>
    </row>
    <row r="720558" spans="8:8">
      <c r="H720558" s="12"/>
    </row>
    <row r="720559" spans="8:8">
      <c r="H720559" s="12"/>
    </row>
    <row r="720560" spans="8:8">
      <c r="H720560" s="12"/>
    </row>
    <row r="720561" spans="8:8">
      <c r="H720561" s="12"/>
    </row>
    <row r="720562" spans="8:8">
      <c r="H720562" s="12"/>
    </row>
    <row r="720563" spans="8:8">
      <c r="H720563" s="12"/>
    </row>
    <row r="720564" spans="8:8">
      <c r="H720564" s="12"/>
    </row>
    <row r="720565" spans="8:8">
      <c r="H720565" s="12"/>
    </row>
    <row r="720566" spans="8:8">
      <c r="H720566" s="12"/>
    </row>
    <row r="720567" spans="8:8">
      <c r="H720567" s="12"/>
    </row>
    <row r="720568" spans="8:8">
      <c r="H720568" s="12"/>
    </row>
    <row r="720569" spans="8:8">
      <c r="H720569" s="12"/>
    </row>
    <row r="720570" spans="8:8">
      <c r="H720570" s="12"/>
    </row>
    <row r="720571" spans="8:8">
      <c r="H720571" s="12"/>
    </row>
    <row r="720572" spans="8:8">
      <c r="H720572" s="12"/>
    </row>
    <row r="720573" spans="8:8">
      <c r="H720573" s="12"/>
    </row>
    <row r="720574" spans="8:8">
      <c r="H720574" s="12"/>
    </row>
    <row r="720575" spans="8:8">
      <c r="H720575" s="12"/>
    </row>
    <row r="720576" spans="8:8">
      <c r="H720576" s="12"/>
    </row>
    <row r="720577" spans="8:8">
      <c r="H720577" s="12"/>
    </row>
    <row r="720578" spans="8:8">
      <c r="H720578" s="12"/>
    </row>
    <row r="720579" spans="8:8">
      <c r="H720579" s="12"/>
    </row>
    <row r="720580" spans="8:8">
      <c r="H720580" s="12"/>
    </row>
    <row r="720581" spans="8:8">
      <c r="H720581" s="12"/>
    </row>
    <row r="720582" spans="8:8">
      <c r="H720582" s="12"/>
    </row>
    <row r="720583" spans="8:8">
      <c r="H720583" s="12"/>
    </row>
    <row r="720584" spans="8:8">
      <c r="H720584" s="12"/>
    </row>
    <row r="720585" spans="8:8">
      <c r="H720585" s="12"/>
    </row>
    <row r="720586" spans="8:8">
      <c r="H720586" s="12"/>
    </row>
    <row r="720587" spans="8:8">
      <c r="H720587" s="12"/>
    </row>
    <row r="720588" spans="8:8">
      <c r="H720588" s="12"/>
    </row>
    <row r="720589" spans="8:8">
      <c r="H720589" s="12"/>
    </row>
    <row r="720590" spans="8:8">
      <c r="H720590" s="12"/>
    </row>
    <row r="720591" spans="8:8">
      <c r="H720591" s="12"/>
    </row>
    <row r="720592" spans="8:8">
      <c r="H720592" s="12"/>
    </row>
    <row r="720593" spans="8:8">
      <c r="H720593" s="12"/>
    </row>
    <row r="720594" spans="8:8">
      <c r="H720594" s="12"/>
    </row>
    <row r="720595" spans="8:8">
      <c r="H720595" s="12"/>
    </row>
    <row r="720596" spans="8:8">
      <c r="H720596" s="12"/>
    </row>
    <row r="720597" spans="8:8">
      <c r="H720597" s="12"/>
    </row>
    <row r="720598" spans="8:8">
      <c r="H720598" s="12"/>
    </row>
    <row r="720599" spans="8:8">
      <c r="H720599" s="12"/>
    </row>
    <row r="720600" spans="8:8">
      <c r="H720600" s="12"/>
    </row>
    <row r="720601" spans="8:8">
      <c r="H720601" s="12"/>
    </row>
    <row r="720602" spans="8:8">
      <c r="H720602" s="12"/>
    </row>
    <row r="720603" spans="8:8">
      <c r="H720603" s="12"/>
    </row>
    <row r="720604" spans="8:8">
      <c r="H720604" s="12"/>
    </row>
    <row r="720605" spans="8:8">
      <c r="H720605" s="12"/>
    </row>
    <row r="720606" spans="8:8">
      <c r="H720606" s="12"/>
    </row>
    <row r="720607" spans="8:8">
      <c r="H720607" s="12"/>
    </row>
    <row r="720608" spans="8:8">
      <c r="H720608" s="12"/>
    </row>
    <row r="720609" spans="8:8">
      <c r="H720609" s="12"/>
    </row>
    <row r="720610" spans="8:8">
      <c r="H720610" s="12"/>
    </row>
    <row r="720611" spans="8:8">
      <c r="H720611" s="12"/>
    </row>
    <row r="720612" spans="8:8">
      <c r="H720612" s="12"/>
    </row>
    <row r="720613" spans="8:8">
      <c r="H720613" s="12"/>
    </row>
    <row r="720614" spans="8:8">
      <c r="H720614" s="12"/>
    </row>
    <row r="720615" spans="8:8">
      <c r="H720615" s="12"/>
    </row>
    <row r="720616" spans="8:8">
      <c r="H720616" s="12"/>
    </row>
    <row r="720617" spans="8:8">
      <c r="H720617" s="12"/>
    </row>
    <row r="720618" spans="8:8">
      <c r="H720618" s="12"/>
    </row>
    <row r="720619" spans="8:8">
      <c r="H720619" s="12"/>
    </row>
    <row r="720620" spans="8:8">
      <c r="H720620" s="12"/>
    </row>
    <row r="720621" spans="8:8">
      <c r="H720621" s="12"/>
    </row>
    <row r="720622" spans="8:8">
      <c r="H720622" s="12"/>
    </row>
    <row r="720623" spans="8:8">
      <c r="H720623" s="12"/>
    </row>
    <row r="720624" spans="8:8">
      <c r="H720624" s="12"/>
    </row>
    <row r="720625" spans="8:8">
      <c r="H720625" s="12"/>
    </row>
    <row r="720626" spans="8:8">
      <c r="H720626" s="12"/>
    </row>
    <row r="720627" spans="8:8">
      <c r="H720627" s="12"/>
    </row>
    <row r="720628" spans="8:8">
      <c r="H720628" s="12"/>
    </row>
    <row r="720629" spans="8:8">
      <c r="H720629" s="12"/>
    </row>
    <row r="720630" spans="8:8">
      <c r="H720630" s="12"/>
    </row>
    <row r="720631" spans="8:8">
      <c r="H720631" s="12"/>
    </row>
    <row r="720632" spans="8:8">
      <c r="H720632" s="12"/>
    </row>
    <row r="720633" spans="8:8">
      <c r="H720633" s="12"/>
    </row>
    <row r="720634" spans="8:8">
      <c r="H720634" s="12"/>
    </row>
    <row r="720635" spans="8:8">
      <c r="H720635" s="12"/>
    </row>
    <row r="720636" spans="8:8">
      <c r="H720636" s="12"/>
    </row>
    <row r="720637" spans="8:8">
      <c r="H720637" s="12"/>
    </row>
    <row r="720638" spans="8:8">
      <c r="H720638" s="12"/>
    </row>
    <row r="720639" spans="8:8">
      <c r="H720639" s="12"/>
    </row>
    <row r="720640" spans="8:8">
      <c r="H720640" s="12"/>
    </row>
    <row r="720641" spans="8:8">
      <c r="H720641" s="12"/>
    </row>
    <row r="720642" spans="8:8">
      <c r="H720642" s="12"/>
    </row>
    <row r="720643" spans="8:8">
      <c r="H720643" s="12"/>
    </row>
    <row r="720644" spans="8:8">
      <c r="H720644" s="12"/>
    </row>
    <row r="720645" spans="8:8">
      <c r="H720645" s="12"/>
    </row>
    <row r="720646" spans="8:8">
      <c r="H720646" s="12"/>
    </row>
    <row r="720647" spans="8:8">
      <c r="H720647" s="12"/>
    </row>
    <row r="720648" spans="8:8">
      <c r="H720648" s="12"/>
    </row>
    <row r="720649" spans="8:8">
      <c r="H720649" s="12"/>
    </row>
    <row r="720650" spans="8:8">
      <c r="H720650" s="12"/>
    </row>
    <row r="720651" spans="8:8">
      <c r="H720651" s="12"/>
    </row>
    <row r="720652" spans="8:8">
      <c r="H720652" s="12"/>
    </row>
    <row r="720653" spans="8:8">
      <c r="H720653" s="12"/>
    </row>
    <row r="720654" spans="8:8">
      <c r="H720654" s="12"/>
    </row>
    <row r="720655" spans="8:8">
      <c r="H720655" s="12"/>
    </row>
    <row r="720656" spans="8:8">
      <c r="H720656" s="12"/>
    </row>
    <row r="720657" spans="8:8">
      <c r="H720657" s="12"/>
    </row>
    <row r="720658" spans="8:8">
      <c r="H720658" s="12"/>
    </row>
    <row r="720659" spans="8:8">
      <c r="H720659" s="12"/>
    </row>
    <row r="720660" spans="8:8">
      <c r="H720660" s="12"/>
    </row>
    <row r="720661" spans="8:8">
      <c r="H720661" s="12"/>
    </row>
    <row r="720662" spans="8:8">
      <c r="H720662" s="12"/>
    </row>
    <row r="720663" spans="8:8">
      <c r="H720663" s="12"/>
    </row>
    <row r="720664" spans="8:8">
      <c r="H720664" s="12"/>
    </row>
    <row r="720665" spans="8:8">
      <c r="H720665" s="12"/>
    </row>
    <row r="720666" spans="8:8">
      <c r="H720666" s="12"/>
    </row>
    <row r="720667" spans="8:8">
      <c r="H720667" s="12"/>
    </row>
    <row r="720668" spans="8:8">
      <c r="H720668" s="12"/>
    </row>
    <row r="720669" spans="8:8">
      <c r="H720669" s="12"/>
    </row>
    <row r="720670" spans="8:8">
      <c r="H720670" s="12"/>
    </row>
    <row r="720671" spans="8:8">
      <c r="H720671" s="12"/>
    </row>
    <row r="720672" spans="8:8">
      <c r="H720672" s="12"/>
    </row>
    <row r="720673" spans="8:8">
      <c r="H720673" s="12"/>
    </row>
    <row r="720674" spans="8:8">
      <c r="H720674" s="12"/>
    </row>
    <row r="720675" spans="8:8">
      <c r="H720675" s="12"/>
    </row>
    <row r="720676" spans="8:8">
      <c r="H720676" s="12"/>
    </row>
    <row r="720677" spans="8:8">
      <c r="H720677" s="12"/>
    </row>
    <row r="720678" spans="8:8">
      <c r="H720678" s="12"/>
    </row>
    <row r="720679" spans="8:8">
      <c r="H720679" s="12"/>
    </row>
    <row r="720680" spans="8:8">
      <c r="H720680" s="12"/>
    </row>
    <row r="720681" spans="8:8">
      <c r="H720681" s="12"/>
    </row>
    <row r="720682" spans="8:8">
      <c r="H720682" s="12"/>
    </row>
    <row r="720683" spans="8:8">
      <c r="H720683" s="12"/>
    </row>
    <row r="720684" spans="8:8">
      <c r="H720684" s="12"/>
    </row>
    <row r="720685" spans="8:8">
      <c r="H720685" s="12"/>
    </row>
    <row r="720686" spans="8:8">
      <c r="H720686" s="12"/>
    </row>
    <row r="720687" spans="8:8">
      <c r="H720687" s="12"/>
    </row>
    <row r="720688" spans="8:8">
      <c r="H720688" s="12"/>
    </row>
    <row r="720689" spans="8:8">
      <c r="H720689" s="12"/>
    </row>
    <row r="720690" spans="8:8">
      <c r="H720690" s="12"/>
    </row>
    <row r="720691" spans="8:8">
      <c r="H720691" s="12"/>
    </row>
    <row r="720692" spans="8:8">
      <c r="H720692" s="12"/>
    </row>
    <row r="720693" spans="8:8">
      <c r="H720693" s="12"/>
    </row>
    <row r="720694" spans="8:8">
      <c r="H720694" s="12"/>
    </row>
    <row r="720695" spans="8:8">
      <c r="H720695" s="12"/>
    </row>
    <row r="720696" spans="8:8">
      <c r="H720696" s="12"/>
    </row>
    <row r="720697" spans="8:8">
      <c r="H720697" s="12"/>
    </row>
    <row r="720698" spans="8:8">
      <c r="H720698" s="12"/>
    </row>
    <row r="720699" spans="8:8">
      <c r="H720699" s="12"/>
    </row>
    <row r="720700" spans="8:8">
      <c r="H720700" s="12"/>
    </row>
    <row r="720701" spans="8:8">
      <c r="H720701" s="12"/>
    </row>
    <row r="720702" spans="8:8">
      <c r="H720702" s="12"/>
    </row>
    <row r="720703" spans="8:8">
      <c r="H720703" s="12"/>
    </row>
    <row r="720704" spans="8:8">
      <c r="H720704" s="12"/>
    </row>
    <row r="720705" spans="8:8">
      <c r="H720705" s="12"/>
    </row>
    <row r="720706" spans="8:8">
      <c r="H720706" s="12"/>
    </row>
    <row r="720707" spans="8:8">
      <c r="H720707" s="12"/>
    </row>
    <row r="720708" spans="8:8">
      <c r="H720708" s="12"/>
    </row>
    <row r="720709" spans="8:8">
      <c r="H720709" s="12"/>
    </row>
    <row r="720710" spans="8:8">
      <c r="H720710" s="12"/>
    </row>
    <row r="720711" spans="8:8">
      <c r="H720711" s="12"/>
    </row>
    <row r="720712" spans="8:8">
      <c r="H720712" s="12"/>
    </row>
    <row r="720713" spans="8:8">
      <c r="H720713" s="12"/>
    </row>
    <row r="720714" spans="8:8">
      <c r="H720714" s="12"/>
    </row>
    <row r="720715" spans="8:8">
      <c r="H720715" s="12"/>
    </row>
    <row r="720716" spans="8:8">
      <c r="H720716" s="12"/>
    </row>
    <row r="720717" spans="8:8">
      <c r="H720717" s="12"/>
    </row>
    <row r="720718" spans="8:8">
      <c r="H720718" s="12"/>
    </row>
    <row r="720719" spans="8:8">
      <c r="H720719" s="12"/>
    </row>
    <row r="720720" spans="8:8">
      <c r="H720720" s="12"/>
    </row>
    <row r="720721" spans="8:8">
      <c r="H720721" s="12"/>
    </row>
    <row r="720722" spans="8:8">
      <c r="H720722" s="12"/>
    </row>
    <row r="720723" spans="8:8">
      <c r="H720723" s="12"/>
    </row>
    <row r="720724" spans="8:8">
      <c r="H720724" s="12"/>
    </row>
    <row r="720725" spans="8:8">
      <c r="H720725" s="12"/>
    </row>
    <row r="720726" spans="8:8">
      <c r="H720726" s="12"/>
    </row>
    <row r="720727" spans="8:8">
      <c r="H720727" s="12"/>
    </row>
    <row r="720728" spans="8:8">
      <c r="H720728" s="12"/>
    </row>
    <row r="720729" spans="8:8">
      <c r="H720729" s="12"/>
    </row>
    <row r="720730" spans="8:8">
      <c r="H720730" s="12"/>
    </row>
    <row r="720731" spans="8:8">
      <c r="H720731" s="12"/>
    </row>
    <row r="720732" spans="8:8">
      <c r="H720732" s="12"/>
    </row>
    <row r="720733" spans="8:8">
      <c r="H720733" s="12"/>
    </row>
    <row r="720734" spans="8:8">
      <c r="H720734" s="12"/>
    </row>
    <row r="720735" spans="8:8">
      <c r="H720735" s="12"/>
    </row>
    <row r="720736" spans="8:8">
      <c r="H720736" s="12"/>
    </row>
    <row r="720737" spans="8:8">
      <c r="H720737" s="12"/>
    </row>
    <row r="720738" spans="8:8">
      <c r="H720738" s="12"/>
    </row>
    <row r="720739" spans="8:8">
      <c r="H720739" s="12"/>
    </row>
    <row r="720740" spans="8:8">
      <c r="H720740" s="12"/>
    </row>
    <row r="720741" spans="8:8">
      <c r="H720741" s="12"/>
    </row>
    <row r="720742" spans="8:8">
      <c r="H720742" s="12"/>
    </row>
    <row r="720743" spans="8:8">
      <c r="H720743" s="12"/>
    </row>
    <row r="720744" spans="8:8">
      <c r="H720744" s="12"/>
    </row>
    <row r="720745" spans="8:8">
      <c r="H720745" s="12"/>
    </row>
    <row r="720746" spans="8:8">
      <c r="H720746" s="12"/>
    </row>
    <row r="720747" spans="8:8">
      <c r="H720747" s="12"/>
    </row>
    <row r="720748" spans="8:8">
      <c r="H720748" s="12"/>
    </row>
    <row r="720749" spans="8:8">
      <c r="H720749" s="12"/>
    </row>
    <row r="720750" spans="8:8">
      <c r="H720750" s="12"/>
    </row>
    <row r="720751" spans="8:8">
      <c r="H720751" s="12"/>
    </row>
    <row r="720752" spans="8:8">
      <c r="H720752" s="12"/>
    </row>
    <row r="720753" spans="8:8">
      <c r="H720753" s="12"/>
    </row>
    <row r="720754" spans="8:8">
      <c r="H720754" s="12"/>
    </row>
    <row r="720755" spans="8:8">
      <c r="H720755" s="12"/>
    </row>
    <row r="720756" spans="8:8">
      <c r="H720756" s="12"/>
    </row>
    <row r="720757" spans="8:8">
      <c r="H720757" s="12"/>
    </row>
    <row r="720758" spans="8:8">
      <c r="H720758" s="12"/>
    </row>
    <row r="720759" spans="8:8">
      <c r="H720759" s="12"/>
    </row>
    <row r="720760" spans="8:8">
      <c r="H720760" s="12"/>
    </row>
    <row r="720761" spans="8:8">
      <c r="H720761" s="12"/>
    </row>
    <row r="720762" spans="8:8">
      <c r="H720762" s="12"/>
    </row>
    <row r="720763" spans="8:8">
      <c r="H720763" s="12"/>
    </row>
    <row r="720764" spans="8:8">
      <c r="H720764" s="12"/>
    </row>
    <row r="720765" spans="8:8">
      <c r="H720765" s="12"/>
    </row>
    <row r="720766" spans="8:8">
      <c r="H720766" s="12"/>
    </row>
    <row r="720767" spans="8:8">
      <c r="H720767" s="12"/>
    </row>
    <row r="720768" spans="8:8">
      <c r="H720768" s="12"/>
    </row>
    <row r="720769" spans="8:8">
      <c r="H720769" s="12"/>
    </row>
    <row r="720770" spans="8:8">
      <c r="H720770" s="12"/>
    </row>
    <row r="720771" spans="8:8">
      <c r="H720771" s="12"/>
    </row>
    <row r="720772" spans="8:8">
      <c r="H720772" s="12"/>
    </row>
    <row r="720773" spans="8:8">
      <c r="H720773" s="12"/>
    </row>
    <row r="720774" spans="8:8">
      <c r="H720774" s="12"/>
    </row>
    <row r="720775" spans="8:8">
      <c r="H720775" s="12"/>
    </row>
    <row r="720776" spans="8:8">
      <c r="H720776" s="12"/>
    </row>
    <row r="720777" spans="8:8">
      <c r="H720777" s="12"/>
    </row>
    <row r="720778" spans="8:8">
      <c r="H720778" s="12"/>
    </row>
    <row r="720779" spans="8:8">
      <c r="H720779" s="12"/>
    </row>
    <row r="720780" spans="8:8">
      <c r="H720780" s="12"/>
    </row>
    <row r="720781" spans="8:8">
      <c r="H720781" s="12"/>
    </row>
    <row r="720782" spans="8:8">
      <c r="H720782" s="12"/>
    </row>
    <row r="720783" spans="8:8">
      <c r="H720783" s="12"/>
    </row>
    <row r="720784" spans="8:8">
      <c r="H720784" s="12"/>
    </row>
    <row r="720785" spans="8:8">
      <c r="H720785" s="12"/>
    </row>
    <row r="720786" spans="8:8">
      <c r="H720786" s="12"/>
    </row>
    <row r="720787" spans="8:8">
      <c r="H720787" s="12"/>
    </row>
    <row r="720788" spans="8:8">
      <c r="H720788" s="12"/>
    </row>
    <row r="720789" spans="8:8">
      <c r="H720789" s="12"/>
    </row>
    <row r="720790" spans="8:8">
      <c r="H720790" s="12"/>
    </row>
    <row r="720791" spans="8:8">
      <c r="H720791" s="12"/>
    </row>
    <row r="720792" spans="8:8">
      <c r="H720792" s="12"/>
    </row>
    <row r="720793" spans="8:8">
      <c r="H720793" s="12"/>
    </row>
    <row r="720794" spans="8:8">
      <c r="H720794" s="12"/>
    </row>
    <row r="720795" spans="8:8">
      <c r="H720795" s="12"/>
    </row>
    <row r="720796" spans="8:8">
      <c r="H720796" s="12"/>
    </row>
    <row r="720797" spans="8:8">
      <c r="H720797" s="12"/>
    </row>
    <row r="720798" spans="8:8">
      <c r="H720798" s="12"/>
    </row>
    <row r="720799" spans="8:8">
      <c r="H720799" s="12"/>
    </row>
    <row r="720800" spans="8:8">
      <c r="H720800" s="12"/>
    </row>
    <row r="720801" spans="8:8">
      <c r="H720801" s="12"/>
    </row>
    <row r="720802" spans="8:8">
      <c r="H720802" s="12"/>
    </row>
    <row r="720803" spans="8:8">
      <c r="H720803" s="12"/>
    </row>
    <row r="720804" spans="8:8">
      <c r="H720804" s="12"/>
    </row>
    <row r="720805" spans="8:8">
      <c r="H720805" s="12"/>
    </row>
    <row r="720806" spans="8:8">
      <c r="H720806" s="12"/>
    </row>
    <row r="720807" spans="8:8">
      <c r="H720807" s="12"/>
    </row>
    <row r="720808" spans="8:8">
      <c r="H720808" s="12"/>
    </row>
    <row r="720809" spans="8:8">
      <c r="H720809" s="12"/>
    </row>
    <row r="720810" spans="8:8">
      <c r="H720810" s="12"/>
    </row>
    <row r="720811" spans="8:8">
      <c r="H720811" s="12"/>
    </row>
    <row r="720812" spans="8:8">
      <c r="H720812" s="12"/>
    </row>
    <row r="720813" spans="8:8">
      <c r="H720813" s="12"/>
    </row>
    <row r="720814" spans="8:8">
      <c r="H720814" s="12"/>
    </row>
    <row r="720815" spans="8:8">
      <c r="H720815" s="12"/>
    </row>
    <row r="720816" spans="8:8">
      <c r="H720816" s="12"/>
    </row>
    <row r="720817" spans="8:8">
      <c r="H720817" s="12"/>
    </row>
    <row r="720818" spans="8:8">
      <c r="H720818" s="12"/>
    </row>
    <row r="720819" spans="8:8">
      <c r="H720819" s="12"/>
    </row>
    <row r="720820" spans="8:8">
      <c r="H720820" s="12"/>
    </row>
    <row r="720821" spans="8:8">
      <c r="H720821" s="12"/>
    </row>
    <row r="720822" spans="8:8">
      <c r="H720822" s="12"/>
    </row>
    <row r="720823" spans="8:8">
      <c r="H720823" s="12"/>
    </row>
    <row r="720824" spans="8:8">
      <c r="H720824" s="12"/>
    </row>
    <row r="720825" spans="8:8">
      <c r="H720825" s="12"/>
    </row>
    <row r="720826" spans="8:8">
      <c r="H720826" s="12"/>
    </row>
    <row r="720827" spans="8:8">
      <c r="H720827" s="12"/>
    </row>
    <row r="720828" spans="8:8">
      <c r="H720828" s="12"/>
    </row>
    <row r="720829" spans="8:8">
      <c r="H720829" s="12"/>
    </row>
    <row r="720830" spans="8:8">
      <c r="H720830" s="12"/>
    </row>
    <row r="720831" spans="8:8">
      <c r="H720831" s="12"/>
    </row>
    <row r="720832" spans="8:8">
      <c r="H720832" s="12"/>
    </row>
    <row r="720833" spans="8:8">
      <c r="H720833" s="12"/>
    </row>
    <row r="720834" spans="8:8">
      <c r="H720834" s="12"/>
    </row>
    <row r="720835" spans="8:8">
      <c r="H720835" s="12"/>
    </row>
    <row r="720836" spans="8:8">
      <c r="H720836" s="12"/>
    </row>
    <row r="720837" spans="8:8">
      <c r="H720837" s="12"/>
    </row>
    <row r="720838" spans="8:8">
      <c r="H720838" s="12"/>
    </row>
    <row r="720839" spans="8:8">
      <c r="H720839" s="12"/>
    </row>
    <row r="720840" spans="8:8">
      <c r="H720840" s="12"/>
    </row>
    <row r="720841" spans="8:8">
      <c r="H720841" s="12"/>
    </row>
    <row r="720842" spans="8:8">
      <c r="H720842" s="12"/>
    </row>
    <row r="720843" spans="8:8">
      <c r="H720843" s="12"/>
    </row>
    <row r="720844" spans="8:8">
      <c r="H720844" s="12"/>
    </row>
    <row r="720845" spans="8:8">
      <c r="H720845" s="12"/>
    </row>
    <row r="720846" spans="8:8">
      <c r="H720846" s="12"/>
    </row>
    <row r="720847" spans="8:8">
      <c r="H720847" s="12"/>
    </row>
    <row r="720848" spans="8:8">
      <c r="H720848" s="12"/>
    </row>
    <row r="720849" spans="8:8">
      <c r="H720849" s="12"/>
    </row>
    <row r="720850" spans="8:8">
      <c r="H720850" s="12"/>
    </row>
    <row r="720851" spans="8:8">
      <c r="H720851" s="12"/>
    </row>
    <row r="720852" spans="8:8">
      <c r="H720852" s="12"/>
    </row>
    <row r="720853" spans="8:8">
      <c r="H720853" s="12"/>
    </row>
    <row r="720854" spans="8:8">
      <c r="H720854" s="12"/>
    </row>
    <row r="720855" spans="8:8">
      <c r="H720855" s="12"/>
    </row>
    <row r="720856" spans="8:8">
      <c r="H720856" s="12"/>
    </row>
    <row r="720857" spans="8:8">
      <c r="H720857" s="12"/>
    </row>
    <row r="720858" spans="8:8">
      <c r="H720858" s="12"/>
    </row>
    <row r="720859" spans="8:8">
      <c r="H720859" s="12"/>
    </row>
    <row r="720860" spans="8:8">
      <c r="H720860" s="12"/>
    </row>
    <row r="720861" spans="8:8">
      <c r="H720861" s="12"/>
    </row>
    <row r="720862" spans="8:8">
      <c r="H720862" s="12"/>
    </row>
    <row r="720863" spans="8:8">
      <c r="H720863" s="12"/>
    </row>
    <row r="720864" spans="8:8">
      <c r="H720864" s="12"/>
    </row>
    <row r="720865" spans="8:8">
      <c r="H720865" s="12"/>
    </row>
    <row r="720866" spans="8:8">
      <c r="H720866" s="12"/>
    </row>
    <row r="720867" spans="8:8">
      <c r="H720867" s="12"/>
    </row>
    <row r="720868" spans="8:8">
      <c r="H720868" s="12"/>
    </row>
    <row r="720869" spans="8:8">
      <c r="H720869" s="12"/>
    </row>
    <row r="720870" spans="8:8">
      <c r="H720870" s="12"/>
    </row>
    <row r="720871" spans="8:8">
      <c r="H720871" s="12"/>
    </row>
    <row r="720872" spans="8:8">
      <c r="H720872" s="12"/>
    </row>
    <row r="720873" spans="8:8">
      <c r="H720873" s="12"/>
    </row>
    <row r="720874" spans="8:8">
      <c r="H720874" s="12"/>
    </row>
    <row r="720875" spans="8:8">
      <c r="H720875" s="12"/>
    </row>
    <row r="720876" spans="8:8">
      <c r="H720876" s="12"/>
    </row>
    <row r="720877" spans="8:8">
      <c r="H720877" s="12"/>
    </row>
    <row r="720878" spans="8:8">
      <c r="H720878" s="12"/>
    </row>
    <row r="720879" spans="8:8">
      <c r="H720879" s="12"/>
    </row>
    <row r="720880" spans="8:8">
      <c r="H720880" s="12"/>
    </row>
    <row r="720881" spans="8:8">
      <c r="H720881" s="12"/>
    </row>
    <row r="720882" spans="8:8">
      <c r="H720882" s="12"/>
    </row>
    <row r="720883" spans="8:8">
      <c r="H720883" s="12"/>
    </row>
    <row r="720884" spans="8:8">
      <c r="H720884" s="12"/>
    </row>
    <row r="720885" spans="8:8">
      <c r="H720885" s="12"/>
    </row>
    <row r="720886" spans="8:8">
      <c r="H720886" s="12"/>
    </row>
    <row r="720887" spans="8:8">
      <c r="H720887" s="12"/>
    </row>
    <row r="720888" spans="8:8">
      <c r="H720888" s="12"/>
    </row>
    <row r="720889" spans="8:8">
      <c r="H720889" s="12"/>
    </row>
    <row r="720890" spans="8:8">
      <c r="H720890" s="12"/>
    </row>
    <row r="720891" spans="8:8">
      <c r="H720891" s="12"/>
    </row>
    <row r="720892" spans="8:8">
      <c r="H720892" s="12"/>
    </row>
    <row r="720893" spans="8:8">
      <c r="H720893" s="12"/>
    </row>
    <row r="720894" spans="8:8">
      <c r="H720894" s="12"/>
    </row>
    <row r="720895" spans="8:8">
      <c r="H720895" s="12"/>
    </row>
    <row r="720896" spans="8:8">
      <c r="H720896" s="12"/>
    </row>
    <row r="720897" spans="8:8">
      <c r="H720897" s="12"/>
    </row>
    <row r="720898" spans="8:8">
      <c r="H720898" s="12"/>
    </row>
    <row r="720899" spans="8:8">
      <c r="H720899" s="12"/>
    </row>
    <row r="720900" spans="8:8">
      <c r="H720900" s="12"/>
    </row>
    <row r="720901" spans="8:8">
      <c r="H720901" s="12"/>
    </row>
  </sheetData>
  <mergeCells count="5">
    <mergeCell ref="B3:L3"/>
    <mergeCell ref="A3:A4"/>
    <mergeCell ref="M3:S3"/>
    <mergeCell ref="Q2:S2"/>
    <mergeCell ref="B1:B2"/>
  </mergeCells>
  <pageMargins left="0.7" right="0.7" top="0.75" bottom="0.75" header="0.3" footer="0.3"/>
  <ignoredErrors>
    <ignoredError sqref="A6" numberStoredAsText="1"/>
  </ignoredErrors>
  <extLst>
    <ext xmlns:x14="http://schemas.microsoft.com/office/spreadsheetml/2009/9/main" uri="{CCE6A557-97BC-4b89-ADB6-D9C93CAAB3DF}">
      <x14:dataValidations xmlns:xm="http://schemas.microsoft.com/office/excel/2006/main" count="3">
        <x14:dataValidation type="list" allowBlank="1" showInputMessage="1" showErrorMessage="1" xr:uid="{20FBC361-9348-48D8-BF36-0D30B61B5F40}">
          <x14:formula1>
            <xm:f>'Do not delete'!$C$2:$C$4</xm:f>
          </x14:formula1>
          <xm:sqref>I8:I1048576</xm:sqref>
        </x14:dataValidation>
        <x14:dataValidation type="list" allowBlank="1" showInputMessage="1" showErrorMessage="1" xr:uid="{63B3E862-8A0D-45AB-89CF-5C80175382C0}">
          <x14:formula1>
            <xm:f>'Do not delete'!$C$2:$C$6</xm:f>
          </x14:formula1>
          <xm:sqref>I6:I7</xm:sqref>
        </x14:dataValidation>
        <x14:dataValidation type="list" allowBlank="1" showInputMessage="1" showErrorMessage="1" xr:uid="{F21D2410-F033-42A8-9D1E-47D41852BB51}">
          <x14:formula1>
            <xm:f>'Do not delete'!$D$2:$D$250</xm:f>
          </x14:formula1>
          <xm:sqref>H6:H7 J6:J1048576 P6:P1048576</xm:sqref>
        </x14:dataValidation>
      </x14:dataValidations>
    </ext>
  </extLst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9CA76C1-504C-4778-A8F2-0D118E423CC5}">
  <sheetPr codeName="Sheet4">
    <tabColor rgb="FF002060"/>
  </sheetPr>
  <dimension ref="A1:C5"/>
  <sheetViews>
    <sheetView workbookViewId="0">
      <selection activeCell="C14" sqref="C14"/>
    </sheetView>
  </sheetViews>
  <sheetFormatPr defaultColWidth="0" defaultRowHeight="14.5"/>
  <cols>
    <col min="1" max="1" width="15.54296875" customWidth="1"/>
    <col min="2" max="2" width="19.54296875" customWidth="1"/>
    <col min="3" max="3" width="30.453125" customWidth="1"/>
    <col min="4" max="16384" width="9.453125" hidden="1"/>
  </cols>
  <sheetData>
    <row r="1" spans="1:3" ht="21">
      <c r="A1" s="5" t="s">
        <v>97</v>
      </c>
      <c r="C1" s="23" t="e" vm="1">
        <v>#VALUE!</v>
      </c>
    </row>
    <row r="2" spans="1:3">
      <c r="C2" s="23"/>
    </row>
    <row r="3" spans="1:3" ht="44" thickBot="1">
      <c r="A3" s="2" t="s">
        <v>2</v>
      </c>
      <c r="B3" s="2" t="s">
        <v>84</v>
      </c>
      <c r="C3" s="2" t="s">
        <v>98</v>
      </c>
    </row>
    <row r="4" spans="1:3" ht="15" thickBot="1">
      <c r="A4" s="3">
        <v>1</v>
      </c>
      <c r="B4" s="3">
        <v>2</v>
      </c>
      <c r="C4" s="3">
        <v>3</v>
      </c>
    </row>
    <row r="5" spans="1:3">
      <c r="A5" s="11" t="s">
        <v>74</v>
      </c>
      <c r="B5" s="11" t="s">
        <v>60</v>
      </c>
      <c r="C5" t="s">
        <v>99</v>
      </c>
    </row>
  </sheetData>
  <mergeCells count="1">
    <mergeCell ref="C1:C2"/>
  </mergeCells>
  <pageMargins left="0.7" right="0.7" top="0.75" bottom="0.75" header="0.3" footer="0.3"/>
  <ignoredErrors>
    <ignoredError sqref="A5 B5" numberStoredAsText="1"/>
  </ignoredErrors>
  <extLst>
    <ext xmlns:x14="http://schemas.microsoft.com/office/spreadsheetml/2009/9/main" uri="{CCE6A557-97BC-4b89-ADB6-D9C93CAAB3DF}">
      <x14:dataValidations xmlns:xm="http://schemas.microsoft.com/office/excel/2006/main" count="1">
        <x14:dataValidation type="list" allowBlank="1" showInputMessage="1" showErrorMessage="1" xr:uid="{54A9AA28-B1FF-42CC-AD4E-21A3038498F1}">
          <x14:formula1>
            <xm:f>'Do not delete'!$I$2:$I$3</xm:f>
          </x14:formula1>
          <xm:sqref>C5:C1048576</xm:sqref>
        </x14:dataValidation>
      </x14:dataValidations>
    </ext>
  </extLst>
</worksheet>
</file>

<file path=xl/worksheets/sheet4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FA506FB-945C-4B24-9AD9-464873E247B3}">
  <sheetPr codeName="Sheet5">
    <tabColor rgb="FFCCCC00"/>
  </sheetPr>
  <dimension ref="A1:N278"/>
  <sheetViews>
    <sheetView zoomScaleNormal="100" workbookViewId="0">
      <selection activeCell="B1" sqref="B1:B2"/>
    </sheetView>
  </sheetViews>
  <sheetFormatPr defaultColWidth="9.453125" defaultRowHeight="14.5"/>
  <cols>
    <col min="1" max="1" width="17" customWidth="1"/>
    <col min="2" max="2" width="22.1796875" customWidth="1"/>
    <col min="3" max="3" width="16.54296875" customWidth="1"/>
    <col min="4" max="4" width="17.54296875" customWidth="1"/>
    <col min="5" max="6" width="17.453125" customWidth="1"/>
    <col min="7" max="7" width="16.453125" customWidth="1"/>
    <col min="8" max="8" width="15.54296875" customWidth="1"/>
    <col min="9" max="9" width="18.54296875" customWidth="1"/>
    <col min="10" max="10" width="15.453125" style="12" customWidth="1"/>
    <col min="11" max="11" width="16.453125" customWidth="1"/>
    <col min="12" max="12" width="15" customWidth="1"/>
    <col min="13" max="14" width="17.453125" style="10" customWidth="1"/>
    <col min="16384" max="16384" width="10.54296875" customWidth="1"/>
  </cols>
  <sheetData>
    <row r="1" spans="1:14" ht="21">
      <c r="A1" s="5" t="s">
        <v>101</v>
      </c>
      <c r="B1" s="42" t="e" vm="1">
        <v>#VALUE!</v>
      </c>
      <c r="J1"/>
      <c r="M1"/>
      <c r="N1"/>
    </row>
    <row r="2" spans="1:14" ht="15" thickBot="1">
      <c r="B2" s="42"/>
      <c r="J2"/>
      <c r="M2"/>
      <c r="N2"/>
    </row>
    <row r="3" spans="1:14" ht="73.5" thickTop="1" thickBot="1">
      <c r="A3" s="2" t="s">
        <v>102</v>
      </c>
      <c r="B3" s="2" t="s">
        <v>103</v>
      </c>
      <c r="C3" s="2" t="s">
        <v>104</v>
      </c>
      <c r="D3" s="2" t="s">
        <v>105</v>
      </c>
      <c r="E3" s="2" t="s">
        <v>106</v>
      </c>
      <c r="F3" s="2" t="s">
        <v>107</v>
      </c>
      <c r="G3" s="1" t="s">
        <v>108</v>
      </c>
      <c r="H3" s="1" t="s">
        <v>109</v>
      </c>
      <c r="I3" s="1" t="s">
        <v>110</v>
      </c>
      <c r="J3" s="1" t="s">
        <v>653</v>
      </c>
      <c r="K3" s="1" t="s">
        <v>656</v>
      </c>
      <c r="L3" s="1" t="s">
        <v>655</v>
      </c>
      <c r="M3" s="1" t="s">
        <v>654</v>
      </c>
      <c r="N3" s="1" t="s">
        <v>662</v>
      </c>
    </row>
    <row r="4" spans="1:14" ht="15.5" thickTop="1" thickBot="1">
      <c r="A4" s="3">
        <v>1</v>
      </c>
      <c r="B4" s="3" t="s">
        <v>35</v>
      </c>
      <c r="C4" s="3" t="s">
        <v>36</v>
      </c>
      <c r="D4" s="3">
        <v>3</v>
      </c>
      <c r="E4" s="3" t="s">
        <v>49</v>
      </c>
      <c r="F4" s="3" t="s">
        <v>50</v>
      </c>
      <c r="G4" s="3" t="s">
        <v>53</v>
      </c>
      <c r="H4" s="3" t="s">
        <v>54</v>
      </c>
      <c r="I4" s="3">
        <v>6</v>
      </c>
      <c r="J4" s="3">
        <v>7</v>
      </c>
      <c r="K4" s="3" t="s">
        <v>112</v>
      </c>
      <c r="L4" s="3" t="s">
        <v>113</v>
      </c>
      <c r="M4" s="3" t="s">
        <v>114</v>
      </c>
      <c r="N4" s="3" t="s">
        <v>115</v>
      </c>
    </row>
    <row r="5" spans="1:14" s="12" customFormat="1">
      <c r="A5" s="11" t="s">
        <v>116</v>
      </c>
      <c r="B5" s="12" t="s">
        <v>117</v>
      </c>
      <c r="C5" s="12" t="s">
        <v>118</v>
      </c>
      <c r="D5" s="12" t="s">
        <v>72</v>
      </c>
      <c r="E5" s="12" t="s">
        <v>73</v>
      </c>
      <c r="F5" s="12" t="s">
        <v>73</v>
      </c>
      <c r="G5" s="12" t="s">
        <v>73</v>
      </c>
      <c r="I5" s="12" t="s">
        <v>73</v>
      </c>
      <c r="J5" s="12" t="s">
        <v>123</v>
      </c>
      <c r="K5" s="15">
        <v>8701.3700000000008</v>
      </c>
      <c r="L5" s="15">
        <v>0</v>
      </c>
      <c r="M5" s="15">
        <f>K5+L5</f>
        <v>8701.3700000000008</v>
      </c>
      <c r="N5" s="15">
        <f>M5</f>
        <v>8701.3700000000008</v>
      </c>
    </row>
    <row r="6" spans="1:14" s="12" customFormat="1">
      <c r="A6" s="11"/>
      <c r="M6" s="14"/>
      <c r="N6" s="14"/>
    </row>
    <row r="7" spans="1:14" s="12" customFormat="1">
      <c r="A7" s="11"/>
      <c r="M7" s="14"/>
      <c r="N7" s="14"/>
    </row>
    <row r="8" spans="1:14" s="12" customFormat="1">
      <c r="A8" s="11"/>
      <c r="M8" s="14"/>
      <c r="N8" s="14"/>
    </row>
    <row r="9" spans="1:14" s="12" customFormat="1">
      <c r="A9" s="11"/>
      <c r="M9" s="14"/>
      <c r="N9" s="14"/>
    </row>
    <row r="10" spans="1:14" s="12" customFormat="1">
      <c r="A10" s="11"/>
      <c r="M10" s="14"/>
      <c r="N10" s="14"/>
    </row>
    <row r="11" spans="1:14">
      <c r="C11" s="12"/>
    </row>
    <row r="12" spans="1:14">
      <c r="C12" s="12"/>
    </row>
    <row r="13" spans="1:14">
      <c r="C13" s="12"/>
    </row>
    <row r="14" spans="1:14">
      <c r="C14" s="12"/>
    </row>
    <row r="15" spans="1:14">
      <c r="C15" s="12"/>
    </row>
    <row r="16" spans="1:14">
      <c r="C16" s="12"/>
    </row>
    <row r="17" spans="3:3">
      <c r="C17" s="12"/>
    </row>
    <row r="18" spans="3:3">
      <c r="C18" s="12"/>
    </row>
    <row r="19" spans="3:3">
      <c r="C19" s="12"/>
    </row>
    <row r="20" spans="3:3">
      <c r="C20" s="12"/>
    </row>
    <row r="21" spans="3:3">
      <c r="C21" s="12"/>
    </row>
    <row r="22" spans="3:3">
      <c r="C22" s="12"/>
    </row>
    <row r="23" spans="3:3">
      <c r="C23" s="12"/>
    </row>
    <row r="24" spans="3:3">
      <c r="C24" s="12"/>
    </row>
    <row r="25" spans="3:3">
      <c r="C25" s="12"/>
    </row>
    <row r="26" spans="3:3">
      <c r="C26" s="12"/>
    </row>
    <row r="27" spans="3:3">
      <c r="C27" s="12"/>
    </row>
    <row r="28" spans="3:3">
      <c r="C28" s="12"/>
    </row>
    <row r="29" spans="3:3">
      <c r="C29" s="12"/>
    </row>
    <row r="30" spans="3:3">
      <c r="C30" s="12"/>
    </row>
    <row r="31" spans="3:3">
      <c r="C31" s="12"/>
    </row>
    <row r="32" spans="3:3">
      <c r="C32" s="12"/>
    </row>
    <row r="33" spans="3:3">
      <c r="C33" s="12"/>
    </row>
    <row r="34" spans="3:3">
      <c r="C34" s="12"/>
    </row>
    <row r="35" spans="3:3">
      <c r="C35" s="12"/>
    </row>
    <row r="36" spans="3:3">
      <c r="C36" s="12"/>
    </row>
    <row r="37" spans="3:3">
      <c r="C37" s="12"/>
    </row>
    <row r="38" spans="3:3">
      <c r="C38" s="12"/>
    </row>
    <row r="39" spans="3:3">
      <c r="C39" s="12"/>
    </row>
    <row r="40" spans="3:3">
      <c r="C40" s="12"/>
    </row>
    <row r="41" spans="3:3">
      <c r="C41" s="12"/>
    </row>
    <row r="42" spans="3:3">
      <c r="C42" s="12"/>
    </row>
    <row r="43" spans="3:3">
      <c r="C43" s="12"/>
    </row>
    <row r="44" spans="3:3">
      <c r="C44" s="12"/>
    </row>
    <row r="45" spans="3:3">
      <c r="C45" s="12"/>
    </row>
    <row r="46" spans="3:3">
      <c r="C46" s="12"/>
    </row>
    <row r="47" spans="3:3">
      <c r="C47" s="12"/>
    </row>
    <row r="48" spans="3:3">
      <c r="C48" s="12"/>
    </row>
    <row r="49" spans="3:3">
      <c r="C49" s="12"/>
    </row>
    <row r="50" spans="3:3">
      <c r="C50" s="12"/>
    </row>
    <row r="51" spans="3:3">
      <c r="C51" s="12"/>
    </row>
    <row r="52" spans="3:3">
      <c r="C52" s="12"/>
    </row>
    <row r="53" spans="3:3">
      <c r="C53" s="12"/>
    </row>
    <row r="54" spans="3:3">
      <c r="C54" s="12"/>
    </row>
    <row r="55" spans="3:3">
      <c r="C55" s="12"/>
    </row>
    <row r="56" spans="3:3">
      <c r="C56" s="12"/>
    </row>
    <row r="57" spans="3:3">
      <c r="C57" s="12"/>
    </row>
    <row r="58" spans="3:3">
      <c r="C58" s="12"/>
    </row>
    <row r="59" spans="3:3">
      <c r="C59" s="12"/>
    </row>
    <row r="60" spans="3:3">
      <c r="C60" s="12"/>
    </row>
    <row r="61" spans="3:3">
      <c r="C61" s="12"/>
    </row>
    <row r="62" spans="3:3">
      <c r="C62" s="12"/>
    </row>
    <row r="63" spans="3:3">
      <c r="C63" s="12"/>
    </row>
    <row r="64" spans="3:3">
      <c r="C64" s="12"/>
    </row>
    <row r="65" spans="3:3">
      <c r="C65" s="12"/>
    </row>
    <row r="66" spans="3:3">
      <c r="C66" s="12"/>
    </row>
    <row r="67" spans="3:3">
      <c r="C67" s="12"/>
    </row>
    <row r="68" spans="3:3">
      <c r="C68" s="12"/>
    </row>
    <row r="69" spans="3:3">
      <c r="C69" s="12"/>
    </row>
    <row r="70" spans="3:3">
      <c r="C70" s="12"/>
    </row>
    <row r="71" spans="3:3">
      <c r="C71" s="12"/>
    </row>
    <row r="72" spans="3:3">
      <c r="C72" s="12"/>
    </row>
    <row r="73" spans="3:3">
      <c r="C73" s="12"/>
    </row>
    <row r="74" spans="3:3">
      <c r="C74" s="12"/>
    </row>
    <row r="75" spans="3:3">
      <c r="C75" s="12"/>
    </row>
    <row r="76" spans="3:3">
      <c r="C76" s="12"/>
    </row>
    <row r="77" spans="3:3">
      <c r="C77" s="12"/>
    </row>
    <row r="78" spans="3:3">
      <c r="C78" s="12"/>
    </row>
    <row r="79" spans="3:3">
      <c r="C79" s="12"/>
    </row>
    <row r="80" spans="3:3">
      <c r="C80" s="12"/>
    </row>
    <row r="81" spans="3:3">
      <c r="C81" s="12"/>
    </row>
    <row r="82" spans="3:3">
      <c r="C82" s="12"/>
    </row>
    <row r="83" spans="3:3">
      <c r="C83" s="12"/>
    </row>
    <row r="84" spans="3:3">
      <c r="C84" s="12"/>
    </row>
    <row r="85" spans="3:3">
      <c r="C85" s="12"/>
    </row>
    <row r="86" spans="3:3">
      <c r="C86" s="12"/>
    </row>
    <row r="87" spans="3:3">
      <c r="C87" s="12"/>
    </row>
    <row r="88" spans="3:3">
      <c r="C88" s="12"/>
    </row>
    <row r="89" spans="3:3">
      <c r="C89" s="12"/>
    </row>
    <row r="90" spans="3:3">
      <c r="C90" s="12"/>
    </row>
    <row r="91" spans="3:3">
      <c r="C91" s="12"/>
    </row>
    <row r="92" spans="3:3">
      <c r="C92" s="12"/>
    </row>
    <row r="93" spans="3:3">
      <c r="C93" s="12"/>
    </row>
    <row r="94" spans="3:3">
      <c r="C94" s="12"/>
    </row>
    <row r="95" spans="3:3">
      <c r="C95" s="12"/>
    </row>
    <row r="96" spans="3:3">
      <c r="C96" s="12"/>
    </row>
    <row r="97" spans="3:3">
      <c r="C97" s="12"/>
    </row>
    <row r="98" spans="3:3">
      <c r="C98" s="12"/>
    </row>
    <row r="99" spans="3:3">
      <c r="C99" s="12"/>
    </row>
    <row r="100" spans="3:3">
      <c r="C100" s="12"/>
    </row>
    <row r="101" spans="3:3">
      <c r="C101" s="12"/>
    </row>
    <row r="102" spans="3:3">
      <c r="C102" s="12"/>
    </row>
    <row r="103" spans="3:3">
      <c r="C103" s="12"/>
    </row>
    <row r="104" spans="3:3">
      <c r="C104" s="12"/>
    </row>
    <row r="105" spans="3:3">
      <c r="C105" s="12"/>
    </row>
    <row r="106" spans="3:3">
      <c r="C106" s="12"/>
    </row>
    <row r="107" spans="3:3">
      <c r="C107" s="12"/>
    </row>
    <row r="108" spans="3:3">
      <c r="C108" s="12"/>
    </row>
    <row r="109" spans="3:3">
      <c r="C109" s="12"/>
    </row>
    <row r="110" spans="3:3">
      <c r="C110" s="12"/>
    </row>
    <row r="111" spans="3:3">
      <c r="C111" s="12"/>
    </row>
    <row r="112" spans="3:3">
      <c r="C112" s="12"/>
    </row>
    <row r="113" spans="3:3">
      <c r="C113" s="12"/>
    </row>
    <row r="114" spans="3:3">
      <c r="C114" s="12"/>
    </row>
    <row r="115" spans="3:3">
      <c r="C115" s="12"/>
    </row>
    <row r="116" spans="3:3">
      <c r="C116" s="12"/>
    </row>
    <row r="117" spans="3:3">
      <c r="C117" s="12"/>
    </row>
    <row r="118" spans="3:3">
      <c r="C118" s="12"/>
    </row>
    <row r="119" spans="3:3">
      <c r="C119" s="12"/>
    </row>
    <row r="120" spans="3:3">
      <c r="C120" s="12"/>
    </row>
    <row r="121" spans="3:3">
      <c r="C121" s="12"/>
    </row>
    <row r="122" spans="3:3">
      <c r="C122" s="12"/>
    </row>
    <row r="123" spans="3:3">
      <c r="C123" s="12"/>
    </row>
    <row r="124" spans="3:3">
      <c r="C124" s="12"/>
    </row>
    <row r="125" spans="3:3">
      <c r="C125" s="12"/>
    </row>
    <row r="126" spans="3:3">
      <c r="C126" s="12"/>
    </row>
    <row r="127" spans="3:3">
      <c r="C127" s="12"/>
    </row>
    <row r="128" spans="3:3">
      <c r="C128" s="12"/>
    </row>
    <row r="129" spans="3:3">
      <c r="C129" s="12"/>
    </row>
    <row r="130" spans="3:3">
      <c r="C130" s="12"/>
    </row>
    <row r="131" spans="3:3">
      <c r="C131" s="12"/>
    </row>
    <row r="132" spans="3:3">
      <c r="C132" s="12"/>
    </row>
    <row r="133" spans="3:3">
      <c r="C133" s="12"/>
    </row>
    <row r="134" spans="3:3">
      <c r="C134" s="12"/>
    </row>
    <row r="135" spans="3:3">
      <c r="C135" s="12"/>
    </row>
    <row r="136" spans="3:3">
      <c r="C136" s="12"/>
    </row>
    <row r="137" spans="3:3">
      <c r="C137" s="12"/>
    </row>
    <row r="138" spans="3:3">
      <c r="C138" s="12"/>
    </row>
    <row r="139" spans="3:3">
      <c r="C139" s="12"/>
    </row>
    <row r="140" spans="3:3">
      <c r="C140" s="12"/>
    </row>
    <row r="141" spans="3:3">
      <c r="C141" s="12"/>
    </row>
    <row r="142" spans="3:3">
      <c r="C142" s="12"/>
    </row>
    <row r="143" spans="3:3">
      <c r="C143" s="12"/>
    </row>
    <row r="144" spans="3:3">
      <c r="C144" s="12"/>
    </row>
    <row r="145" spans="3:3">
      <c r="C145" s="12"/>
    </row>
    <row r="146" spans="3:3">
      <c r="C146" s="12"/>
    </row>
    <row r="147" spans="3:3">
      <c r="C147" s="12"/>
    </row>
    <row r="148" spans="3:3">
      <c r="C148" s="12"/>
    </row>
    <row r="149" spans="3:3">
      <c r="C149" s="12"/>
    </row>
    <row r="150" spans="3:3">
      <c r="C150" s="12"/>
    </row>
    <row r="151" spans="3:3">
      <c r="C151" s="12"/>
    </row>
    <row r="152" spans="3:3">
      <c r="C152" s="12"/>
    </row>
    <row r="153" spans="3:3">
      <c r="C153" s="12"/>
    </row>
    <row r="154" spans="3:3">
      <c r="C154" s="12"/>
    </row>
    <row r="155" spans="3:3">
      <c r="C155" s="12"/>
    </row>
    <row r="156" spans="3:3">
      <c r="C156" s="12"/>
    </row>
    <row r="157" spans="3:3">
      <c r="C157" s="12"/>
    </row>
    <row r="158" spans="3:3">
      <c r="C158" s="12"/>
    </row>
    <row r="159" spans="3:3">
      <c r="C159" s="12"/>
    </row>
    <row r="160" spans="3:3">
      <c r="C160" s="12"/>
    </row>
    <row r="161" spans="3:3">
      <c r="C161" s="12"/>
    </row>
    <row r="162" spans="3:3">
      <c r="C162" s="12"/>
    </row>
    <row r="163" spans="3:3">
      <c r="C163" s="12"/>
    </row>
    <row r="164" spans="3:3">
      <c r="C164" s="12"/>
    </row>
    <row r="165" spans="3:3">
      <c r="C165" s="12"/>
    </row>
    <row r="166" spans="3:3">
      <c r="C166" s="12"/>
    </row>
    <row r="167" spans="3:3">
      <c r="C167" s="12"/>
    </row>
    <row r="168" spans="3:3">
      <c r="C168" s="12"/>
    </row>
    <row r="169" spans="3:3">
      <c r="C169" s="12"/>
    </row>
    <row r="170" spans="3:3">
      <c r="C170" s="12"/>
    </row>
    <row r="171" spans="3:3">
      <c r="C171" s="12"/>
    </row>
    <row r="172" spans="3:3">
      <c r="C172" s="12"/>
    </row>
    <row r="173" spans="3:3">
      <c r="C173" s="12"/>
    </row>
    <row r="174" spans="3:3">
      <c r="C174" s="12"/>
    </row>
    <row r="175" spans="3:3">
      <c r="C175" s="12"/>
    </row>
    <row r="176" spans="3:3">
      <c r="C176" s="12"/>
    </row>
    <row r="177" spans="3:3">
      <c r="C177" s="12"/>
    </row>
    <row r="178" spans="3:3">
      <c r="C178" s="12"/>
    </row>
    <row r="179" spans="3:3">
      <c r="C179" s="12"/>
    </row>
    <row r="180" spans="3:3">
      <c r="C180" s="12"/>
    </row>
    <row r="181" spans="3:3">
      <c r="C181" s="12"/>
    </row>
    <row r="182" spans="3:3">
      <c r="C182" s="12"/>
    </row>
    <row r="183" spans="3:3">
      <c r="C183" s="12"/>
    </row>
    <row r="184" spans="3:3">
      <c r="C184" s="12"/>
    </row>
    <row r="185" spans="3:3">
      <c r="C185" s="12"/>
    </row>
    <row r="186" spans="3:3">
      <c r="C186" s="12"/>
    </row>
    <row r="187" spans="3:3">
      <c r="C187" s="12"/>
    </row>
    <row r="188" spans="3:3">
      <c r="C188" s="12"/>
    </row>
    <row r="189" spans="3:3">
      <c r="C189" s="12"/>
    </row>
    <row r="190" spans="3:3">
      <c r="C190" s="12"/>
    </row>
    <row r="191" spans="3:3">
      <c r="C191" s="12"/>
    </row>
    <row r="192" spans="3:3">
      <c r="C192" s="12"/>
    </row>
    <row r="193" spans="3:3">
      <c r="C193" s="12"/>
    </row>
    <row r="194" spans="3:3">
      <c r="C194" s="12"/>
    </row>
    <row r="195" spans="3:3">
      <c r="C195" s="12"/>
    </row>
    <row r="196" spans="3:3">
      <c r="C196" s="12"/>
    </row>
    <row r="197" spans="3:3">
      <c r="C197" s="12"/>
    </row>
    <row r="198" spans="3:3">
      <c r="C198" s="12"/>
    </row>
    <row r="199" spans="3:3">
      <c r="C199" s="12"/>
    </row>
    <row r="200" spans="3:3">
      <c r="C200" s="12"/>
    </row>
    <row r="201" spans="3:3">
      <c r="C201" s="12"/>
    </row>
    <row r="202" spans="3:3">
      <c r="C202" s="12"/>
    </row>
    <row r="203" spans="3:3">
      <c r="C203" s="12"/>
    </row>
    <row r="204" spans="3:3">
      <c r="C204" s="12"/>
    </row>
    <row r="205" spans="3:3">
      <c r="C205" s="12"/>
    </row>
    <row r="206" spans="3:3">
      <c r="C206" s="12"/>
    </row>
    <row r="207" spans="3:3">
      <c r="C207" s="12"/>
    </row>
    <row r="208" spans="3:3">
      <c r="C208" s="12"/>
    </row>
    <row r="209" spans="3:3">
      <c r="C209" s="12"/>
    </row>
    <row r="210" spans="3:3">
      <c r="C210" s="12"/>
    </row>
    <row r="211" spans="3:3">
      <c r="C211" s="12"/>
    </row>
    <row r="212" spans="3:3">
      <c r="C212" s="12"/>
    </row>
    <row r="213" spans="3:3">
      <c r="C213" s="12"/>
    </row>
    <row r="214" spans="3:3">
      <c r="C214" s="12"/>
    </row>
    <row r="215" spans="3:3">
      <c r="C215" s="12"/>
    </row>
    <row r="216" spans="3:3">
      <c r="C216" s="12"/>
    </row>
    <row r="217" spans="3:3">
      <c r="C217" s="12"/>
    </row>
    <row r="218" spans="3:3">
      <c r="C218" s="12"/>
    </row>
    <row r="219" spans="3:3">
      <c r="C219" s="12"/>
    </row>
    <row r="220" spans="3:3">
      <c r="C220" s="12"/>
    </row>
    <row r="221" spans="3:3">
      <c r="C221" s="12"/>
    </row>
    <row r="222" spans="3:3">
      <c r="C222" s="12"/>
    </row>
    <row r="223" spans="3:3">
      <c r="C223" s="12"/>
    </row>
    <row r="224" spans="3:3">
      <c r="C224" s="12"/>
    </row>
    <row r="225" spans="3:3">
      <c r="C225" s="12"/>
    </row>
    <row r="226" spans="3:3">
      <c r="C226" s="12"/>
    </row>
    <row r="227" spans="3:3">
      <c r="C227" s="12"/>
    </row>
    <row r="228" spans="3:3">
      <c r="C228" s="12"/>
    </row>
    <row r="229" spans="3:3">
      <c r="C229" s="12"/>
    </row>
    <row r="230" spans="3:3">
      <c r="C230" s="12"/>
    </row>
    <row r="231" spans="3:3">
      <c r="C231" s="12"/>
    </row>
    <row r="232" spans="3:3">
      <c r="C232" s="12"/>
    </row>
    <row r="233" spans="3:3">
      <c r="C233" s="12"/>
    </row>
    <row r="234" spans="3:3">
      <c r="C234" s="12"/>
    </row>
    <row r="235" spans="3:3">
      <c r="C235" s="12"/>
    </row>
    <row r="236" spans="3:3">
      <c r="C236" s="12"/>
    </row>
    <row r="237" spans="3:3">
      <c r="C237" s="12"/>
    </row>
    <row r="238" spans="3:3">
      <c r="C238" s="12"/>
    </row>
    <row r="239" spans="3:3">
      <c r="C239" s="12"/>
    </row>
    <row r="240" spans="3:3">
      <c r="C240" s="12"/>
    </row>
    <row r="241" spans="3:3">
      <c r="C241" s="12"/>
    </row>
    <row r="242" spans="3:3">
      <c r="C242" s="12"/>
    </row>
    <row r="243" spans="3:3">
      <c r="C243" s="12"/>
    </row>
    <row r="244" spans="3:3">
      <c r="C244" s="12"/>
    </row>
    <row r="245" spans="3:3">
      <c r="C245" s="12"/>
    </row>
    <row r="246" spans="3:3">
      <c r="C246" s="12"/>
    </row>
    <row r="247" spans="3:3">
      <c r="C247" s="12"/>
    </row>
    <row r="248" spans="3:3">
      <c r="C248" s="12"/>
    </row>
    <row r="249" spans="3:3">
      <c r="C249" s="12"/>
    </row>
    <row r="250" spans="3:3">
      <c r="C250" s="12"/>
    </row>
    <row r="251" spans="3:3">
      <c r="C251" s="12"/>
    </row>
    <row r="252" spans="3:3">
      <c r="C252" s="12"/>
    </row>
    <row r="253" spans="3:3">
      <c r="C253" s="12"/>
    </row>
    <row r="254" spans="3:3">
      <c r="C254" s="12"/>
    </row>
    <row r="255" spans="3:3">
      <c r="C255" s="12"/>
    </row>
    <row r="256" spans="3:3">
      <c r="C256" s="12"/>
    </row>
    <row r="257" spans="3:3">
      <c r="C257" s="12"/>
    </row>
    <row r="258" spans="3:3">
      <c r="C258" s="12"/>
    </row>
    <row r="259" spans="3:3">
      <c r="C259" s="12"/>
    </row>
    <row r="260" spans="3:3">
      <c r="C260" s="12"/>
    </row>
    <row r="261" spans="3:3">
      <c r="C261" s="12"/>
    </row>
    <row r="262" spans="3:3">
      <c r="C262" s="12"/>
    </row>
    <row r="263" spans="3:3">
      <c r="C263" s="12"/>
    </row>
    <row r="264" spans="3:3">
      <c r="C264" s="12"/>
    </row>
    <row r="265" spans="3:3">
      <c r="C265" s="12"/>
    </row>
    <row r="266" spans="3:3">
      <c r="C266" s="12"/>
    </row>
    <row r="267" spans="3:3">
      <c r="C267" s="12"/>
    </row>
    <row r="268" spans="3:3">
      <c r="C268" s="12"/>
    </row>
    <row r="269" spans="3:3">
      <c r="C269" s="12"/>
    </row>
    <row r="270" spans="3:3">
      <c r="C270" s="12"/>
    </row>
    <row r="271" spans="3:3">
      <c r="C271" s="12"/>
    </row>
    <row r="272" spans="3:3">
      <c r="C272" s="12"/>
    </row>
    <row r="273" spans="3:3">
      <c r="C273" s="12"/>
    </row>
    <row r="274" spans="3:3">
      <c r="C274" s="12"/>
    </row>
    <row r="275" spans="3:3">
      <c r="C275" s="12"/>
    </row>
    <row r="276" spans="3:3">
      <c r="C276" s="12"/>
    </row>
    <row r="277" spans="3:3">
      <c r="C277" s="12"/>
    </row>
    <row r="278" spans="3:3">
      <c r="C278" s="12"/>
    </row>
  </sheetData>
  <mergeCells count="1">
    <mergeCell ref="B1:B2"/>
  </mergeCells>
  <phoneticPr fontId="8" type="noConversion"/>
  <pageMargins left="0.7" right="0.7" top="0.75" bottom="0.75" header="0.3" footer="0.3"/>
  <ignoredErrors>
    <ignoredError sqref="A5" numberStoredAsText="1"/>
  </ignoredErrors>
  <legacyDrawing r:id="rId1"/>
  <extLst>
    <ext xmlns:x14="http://schemas.microsoft.com/office/spreadsheetml/2009/9/main" uri="{CCE6A557-97BC-4b89-ADB6-D9C93CAAB3DF}">
      <x14:dataValidations xmlns:xm="http://schemas.microsoft.com/office/excel/2006/main" count="8">
        <x14:dataValidation type="list" allowBlank="1" showInputMessage="1" showErrorMessage="1" xr:uid="{59BDA7DE-5826-469F-9FF0-1B1DD5575B0D}">
          <x14:formula1>
            <xm:f>'Do not delete'!$J$2:$J$6</xm:f>
          </x14:formula1>
          <xm:sqref>C279:C1048576</xm:sqref>
        </x14:dataValidation>
        <x14:dataValidation type="list" allowBlank="1" showInputMessage="1" showErrorMessage="1" xr:uid="{8B6F3C49-F069-446B-9AE4-A525D7067B0C}">
          <x14:formula1>
            <xm:f>'Do not delete'!$K$2:$K$4</xm:f>
          </x14:formula1>
          <xm:sqref>D5:D1048576</xm:sqref>
        </x14:dataValidation>
        <x14:dataValidation type="list" allowBlank="1" showInputMessage="1" showErrorMessage="1" xr:uid="{6C6F66C5-B51F-45D5-BF92-1D88E8F17A45}">
          <x14:formula1>
            <xm:f>'Do not delete'!$M$2:$M$3</xm:f>
          </x14:formula1>
          <xm:sqref>F5:F1048576</xm:sqref>
        </x14:dataValidation>
        <x14:dataValidation type="list" allowBlank="1" showInputMessage="1" showErrorMessage="1" xr:uid="{AD4FD16A-7450-479A-BF58-7AA27C118B6F}">
          <x14:formula1>
            <xm:f>'Do not delete'!$L$2:$L$3</xm:f>
          </x14:formula1>
          <xm:sqref>E5:E1048576</xm:sqref>
        </x14:dataValidation>
        <x14:dataValidation type="list" allowBlank="1" showInputMessage="1" showErrorMessage="1" xr:uid="{41B904F7-D530-4058-B242-59AC90D92CC2}">
          <x14:formula1>
            <xm:f>'Do not delete'!$N$2:$N$3</xm:f>
          </x14:formula1>
          <xm:sqref>G5:G1048576</xm:sqref>
        </x14:dataValidation>
        <x14:dataValidation type="list" allowBlank="1" showInputMessage="1" showErrorMessage="1" xr:uid="{242F53AF-0788-4D23-B25E-106B8CB08E5B}">
          <x14:formula1>
            <xm:f>'Do not delete'!$O$2:$O$3</xm:f>
          </x14:formula1>
          <xm:sqref>I5:I1048576</xm:sqref>
        </x14:dataValidation>
        <x14:dataValidation type="list" allowBlank="1" showInputMessage="1" showErrorMessage="1" xr:uid="{2D7A38C1-AB52-4973-A9C0-BB4BDE9C81D3}">
          <x14:formula1>
            <xm:f>'Do not delete'!$P$2:$P$269</xm:f>
          </x14:formula1>
          <xm:sqref>J5:J1048576</xm:sqref>
        </x14:dataValidation>
        <x14:dataValidation type="list" allowBlank="1" showInputMessage="1" showErrorMessage="1" xr:uid="{34CF07D9-593D-4501-9A41-30C0802B64B5}">
          <x14:formula1>
            <xm:f>'Do not delete'!$J$2:$J$7</xm:f>
          </x14:formula1>
          <xm:sqref>C5:C278</xm:sqref>
        </x14:dataValidation>
      </x14:dataValidations>
    </ext>
  </extLst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3D3879E-3F3E-413F-80A6-4C0A532A1C5C}">
  <sheetPr codeName="Sheet6">
    <tabColor rgb="FF002060"/>
  </sheetPr>
  <dimension ref="A1:XFC5"/>
  <sheetViews>
    <sheetView workbookViewId="0">
      <selection activeCell="C1" sqref="C1:C2"/>
    </sheetView>
  </sheetViews>
  <sheetFormatPr defaultColWidth="0" defaultRowHeight="14.5"/>
  <cols>
    <col min="1" max="1" width="16.54296875" customWidth="1"/>
    <col min="2" max="2" width="14" customWidth="1"/>
    <col min="3" max="3" width="21.26953125" customWidth="1"/>
    <col min="4" max="16383" width="9.453125" hidden="1"/>
    <col min="16384" max="16384" width="0.1796875" customWidth="1"/>
  </cols>
  <sheetData>
    <row r="1" spans="1:3" ht="21">
      <c r="A1" s="5" t="s">
        <v>125</v>
      </c>
      <c r="C1" s="23" t="e" vm="1">
        <v>#VALUE!</v>
      </c>
    </row>
    <row r="2" spans="1:3">
      <c r="C2" s="23"/>
    </row>
    <row r="3" spans="1:3" ht="44" thickBot="1">
      <c r="A3" s="2" t="s">
        <v>2</v>
      </c>
      <c r="B3" s="2" t="s">
        <v>102</v>
      </c>
      <c r="C3" s="2" t="s">
        <v>126</v>
      </c>
    </row>
    <row r="4" spans="1:3" ht="15" thickBot="1">
      <c r="A4" s="3">
        <v>1</v>
      </c>
      <c r="B4" s="3">
        <v>2</v>
      </c>
      <c r="C4" s="3">
        <v>3</v>
      </c>
    </row>
    <row r="5" spans="1:3">
      <c r="A5" s="11" t="s">
        <v>60</v>
      </c>
      <c r="B5" s="11" t="s">
        <v>120</v>
      </c>
      <c r="C5">
        <v>0.5</v>
      </c>
    </row>
  </sheetData>
  <mergeCells count="1">
    <mergeCell ref="C1:C2"/>
  </mergeCells>
  <pageMargins left="0.7" right="0.7" top="0.75" bottom="0.75" header="0.3" footer="0.3"/>
  <ignoredErrors>
    <ignoredError sqref="A5 B5" numberStoredAsText="1"/>
  </ignoredErrors>
</worksheet>
</file>

<file path=xl/worksheets/sheet6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C43BFE8-2B65-46ED-B444-2784BAEE8DD1}">
  <sheetPr codeName="Sheet9">
    <tabColor rgb="FFFFFF00"/>
  </sheetPr>
  <dimension ref="A1:AA269"/>
  <sheetViews>
    <sheetView zoomScale="70" zoomScaleNormal="70" workbookViewId="0">
      <selection activeCell="I3" sqref="I3"/>
    </sheetView>
  </sheetViews>
  <sheetFormatPr defaultColWidth="0" defaultRowHeight="14.5"/>
  <cols>
    <col min="1" max="9" width="31.453125" style="7" customWidth="1"/>
    <col min="10" max="10" width="38.54296875" style="7" bestFit="1" customWidth="1"/>
    <col min="11" max="12" width="38.54296875" style="7" customWidth="1"/>
    <col min="13" max="15" width="20.54296875" style="7" customWidth="1"/>
    <col min="16" max="16" width="18.453125" style="7" bestFit="1" customWidth="1"/>
    <col min="17" max="17" width="36.54296875" style="7" hidden="1" customWidth="1"/>
    <col min="18" max="21" width="9.453125" style="7" hidden="1" customWidth="1"/>
    <col min="22" max="27" width="0" style="7" hidden="1" customWidth="1"/>
    <col min="28" max="16384" width="9.453125" style="7" hidden="1"/>
  </cols>
  <sheetData>
    <row r="1" spans="1:16" s="6" customFormat="1" ht="60.75" customHeight="1">
      <c r="A1" s="2" t="s">
        <v>127</v>
      </c>
      <c r="B1" s="2" t="s">
        <v>13</v>
      </c>
      <c r="C1" s="2" t="s">
        <v>21</v>
      </c>
      <c r="D1" s="2" t="s">
        <v>22</v>
      </c>
      <c r="E1" s="2" t="s">
        <v>5</v>
      </c>
      <c r="F1" s="2" t="s">
        <v>128</v>
      </c>
      <c r="G1" s="2" t="s">
        <v>129</v>
      </c>
      <c r="H1" s="2" t="s">
        <v>130</v>
      </c>
      <c r="I1" s="2" t="s">
        <v>98</v>
      </c>
      <c r="J1" s="2" t="s">
        <v>103</v>
      </c>
      <c r="K1" s="2" t="s">
        <v>131</v>
      </c>
      <c r="L1" s="2" t="s">
        <v>132</v>
      </c>
      <c r="M1" s="2" t="s">
        <v>133</v>
      </c>
      <c r="N1" s="1" t="s">
        <v>134</v>
      </c>
      <c r="O1" s="1" t="s">
        <v>135</v>
      </c>
      <c r="P1" s="1" t="s">
        <v>111</v>
      </c>
    </row>
    <row r="2" spans="1:16" ht="15" thickTop="1">
      <c r="A2" s="7" t="s">
        <v>82</v>
      </c>
      <c r="B2" s="7" t="s">
        <v>62</v>
      </c>
      <c r="C2" s="7" t="s">
        <v>75</v>
      </c>
      <c r="D2" s="7" t="s">
        <v>136</v>
      </c>
      <c r="E2" s="7" t="s">
        <v>70</v>
      </c>
      <c r="F2" s="7" t="s">
        <v>71</v>
      </c>
      <c r="G2" s="7" t="s">
        <v>72</v>
      </c>
      <c r="H2" s="7" t="s">
        <v>71</v>
      </c>
      <c r="I2" s="7" t="s">
        <v>99</v>
      </c>
      <c r="J2" s="7" t="s">
        <v>118</v>
      </c>
      <c r="K2" s="7" t="s">
        <v>72</v>
      </c>
      <c r="L2" s="7" t="s">
        <v>71</v>
      </c>
      <c r="M2" s="7" t="s">
        <v>71</v>
      </c>
      <c r="N2" s="7" t="s">
        <v>71</v>
      </c>
      <c r="O2" s="7" t="s">
        <v>71</v>
      </c>
      <c r="P2" s="7" t="s">
        <v>137</v>
      </c>
    </row>
    <row r="3" spans="1:16">
      <c r="A3" s="7" t="s">
        <v>138</v>
      </c>
      <c r="B3" s="7" t="s">
        <v>80</v>
      </c>
      <c r="C3" s="7" t="s">
        <v>67</v>
      </c>
      <c r="D3" s="7" t="s">
        <v>139</v>
      </c>
      <c r="E3" s="7" t="s">
        <v>76</v>
      </c>
      <c r="F3" s="7" t="s">
        <v>73</v>
      </c>
      <c r="G3" s="7" t="s">
        <v>81</v>
      </c>
      <c r="H3" s="7" t="s">
        <v>73</v>
      </c>
      <c r="I3" s="7" t="s">
        <v>100</v>
      </c>
      <c r="J3" s="7" t="s">
        <v>121</v>
      </c>
      <c r="K3" s="7" t="s">
        <v>81</v>
      </c>
      <c r="L3" s="7" t="s">
        <v>73</v>
      </c>
      <c r="M3" s="7" t="s">
        <v>73</v>
      </c>
      <c r="N3" s="7" t="s">
        <v>73</v>
      </c>
      <c r="O3" s="7" t="s">
        <v>73</v>
      </c>
      <c r="P3" s="7" t="s">
        <v>140</v>
      </c>
    </row>
    <row r="4" spans="1:16">
      <c r="A4" s="7" t="s">
        <v>141</v>
      </c>
      <c r="C4" s="7" t="s">
        <v>142</v>
      </c>
      <c r="D4" s="7" t="s">
        <v>143</v>
      </c>
      <c r="E4" s="8"/>
      <c r="F4" s="8"/>
      <c r="G4" s="7" t="s">
        <v>78</v>
      </c>
      <c r="J4" s="7" t="s">
        <v>122</v>
      </c>
      <c r="K4" s="7" t="s">
        <v>78</v>
      </c>
      <c r="P4" s="7" t="s">
        <v>144</v>
      </c>
    </row>
    <row r="5" spans="1:16">
      <c r="A5" s="7" t="s">
        <v>145</v>
      </c>
      <c r="D5" s="7" t="s">
        <v>146</v>
      </c>
      <c r="E5" s="8"/>
      <c r="F5" s="8"/>
      <c r="G5" s="8"/>
      <c r="H5" s="8"/>
      <c r="I5" s="8"/>
      <c r="J5" s="7" t="s">
        <v>124</v>
      </c>
      <c r="P5" s="7" t="s">
        <v>147</v>
      </c>
    </row>
    <row r="6" spans="1:16">
      <c r="A6" s="7" t="s">
        <v>79</v>
      </c>
      <c r="D6" s="7" t="s">
        <v>148</v>
      </c>
      <c r="E6" s="8"/>
      <c r="F6" s="8"/>
      <c r="G6" s="8"/>
      <c r="H6" s="8"/>
      <c r="I6" s="8"/>
      <c r="P6" s="7" t="s">
        <v>149</v>
      </c>
    </row>
    <row r="7" spans="1:16">
      <c r="A7" s="7" t="s">
        <v>61</v>
      </c>
      <c r="D7" s="7" t="s">
        <v>150</v>
      </c>
      <c r="E7" s="8"/>
      <c r="F7" s="8"/>
      <c r="G7" s="8"/>
      <c r="H7" s="8"/>
      <c r="I7" s="8"/>
      <c r="P7" s="7" t="s">
        <v>151</v>
      </c>
    </row>
    <row r="8" spans="1:16">
      <c r="A8" s="7" t="s">
        <v>124</v>
      </c>
      <c r="D8" s="7" t="s">
        <v>152</v>
      </c>
      <c r="E8" s="8"/>
      <c r="F8" s="8"/>
      <c r="G8" s="8"/>
      <c r="H8" s="8"/>
      <c r="I8" s="8"/>
      <c r="P8" s="7" t="s">
        <v>153</v>
      </c>
    </row>
    <row r="9" spans="1:16">
      <c r="D9" s="7" t="s">
        <v>154</v>
      </c>
      <c r="E9" s="8"/>
      <c r="F9" s="8"/>
      <c r="G9" s="8"/>
      <c r="H9" s="8"/>
      <c r="I9" s="8"/>
      <c r="P9" s="7" t="s">
        <v>119</v>
      </c>
    </row>
    <row r="10" spans="1:16">
      <c r="D10" s="7" t="s">
        <v>155</v>
      </c>
      <c r="E10" s="8"/>
      <c r="F10" s="8"/>
      <c r="G10" s="8"/>
      <c r="H10" s="8"/>
      <c r="I10" s="8"/>
      <c r="P10" s="7" t="s">
        <v>156</v>
      </c>
    </row>
    <row r="11" spans="1:16">
      <c r="D11" s="7" t="s">
        <v>157</v>
      </c>
      <c r="E11" s="8"/>
      <c r="F11" s="8"/>
      <c r="G11" s="8"/>
      <c r="H11" s="8"/>
      <c r="I11" s="8"/>
      <c r="P11" s="7" t="s">
        <v>158</v>
      </c>
    </row>
    <row r="12" spans="1:16">
      <c r="D12" s="7" t="s">
        <v>159</v>
      </c>
      <c r="E12" s="8"/>
      <c r="F12" s="8"/>
      <c r="G12" s="8"/>
      <c r="H12" s="8"/>
      <c r="I12" s="8"/>
      <c r="P12" s="7" t="s">
        <v>160</v>
      </c>
    </row>
    <row r="13" spans="1:16">
      <c r="D13" s="7" t="s">
        <v>161</v>
      </c>
      <c r="E13" s="8"/>
      <c r="F13" s="8"/>
      <c r="G13" s="8"/>
      <c r="H13" s="8"/>
      <c r="I13" s="8"/>
      <c r="P13" s="7" t="s">
        <v>162</v>
      </c>
    </row>
    <row r="14" spans="1:16">
      <c r="D14" s="7" t="s">
        <v>163</v>
      </c>
      <c r="E14" s="8"/>
      <c r="F14" s="8"/>
      <c r="G14" s="8"/>
      <c r="H14" s="8"/>
      <c r="I14" s="8"/>
      <c r="P14" s="7" t="s">
        <v>164</v>
      </c>
    </row>
    <row r="15" spans="1:16">
      <c r="D15" s="7" t="s">
        <v>165</v>
      </c>
      <c r="E15" s="8"/>
      <c r="F15" s="8"/>
      <c r="G15" s="8"/>
      <c r="H15" s="8"/>
      <c r="I15" s="8"/>
      <c r="P15" s="7" t="s">
        <v>166</v>
      </c>
    </row>
    <row r="16" spans="1:16">
      <c r="D16" s="7" t="s">
        <v>167</v>
      </c>
      <c r="E16" s="8"/>
      <c r="F16" s="8"/>
      <c r="G16" s="8"/>
      <c r="H16" s="8"/>
      <c r="I16" s="8"/>
      <c r="P16" s="7" t="s">
        <v>168</v>
      </c>
    </row>
    <row r="17" spans="4:17">
      <c r="D17" s="7" t="s">
        <v>169</v>
      </c>
      <c r="E17" s="8"/>
      <c r="F17" s="8"/>
      <c r="G17" s="8"/>
      <c r="H17" s="8"/>
      <c r="I17" s="8"/>
      <c r="P17" s="7" t="s">
        <v>170</v>
      </c>
    </row>
    <row r="18" spans="4:17">
      <c r="D18" s="7" t="s">
        <v>171</v>
      </c>
      <c r="E18" s="8"/>
      <c r="F18" s="8"/>
      <c r="G18" s="8"/>
      <c r="H18" s="8"/>
      <c r="I18" s="8"/>
      <c r="P18" s="7" t="s">
        <v>172</v>
      </c>
    </row>
    <row r="19" spans="4:17">
      <c r="D19" s="7" t="s">
        <v>173</v>
      </c>
      <c r="E19" s="8"/>
      <c r="F19" s="8"/>
      <c r="G19" s="8"/>
      <c r="H19" s="8"/>
      <c r="I19" s="8"/>
      <c r="P19" s="7" t="s">
        <v>174</v>
      </c>
    </row>
    <row r="20" spans="4:17">
      <c r="D20" s="7" t="s">
        <v>175</v>
      </c>
      <c r="E20" s="8"/>
      <c r="F20" s="8"/>
      <c r="G20" s="8"/>
      <c r="H20" s="8"/>
      <c r="I20" s="8"/>
      <c r="J20" s="9"/>
      <c r="K20" s="9"/>
      <c r="L20" s="9"/>
      <c r="P20" s="7" t="s">
        <v>176</v>
      </c>
    </row>
    <row r="21" spans="4:17">
      <c r="D21" s="7" t="s">
        <v>177</v>
      </c>
      <c r="E21" s="8"/>
      <c r="F21" s="8"/>
      <c r="G21" s="8"/>
      <c r="H21" s="8"/>
      <c r="I21" s="8"/>
      <c r="J21" s="9"/>
      <c r="K21" s="9"/>
      <c r="L21" s="9"/>
      <c r="P21" s="7" t="s">
        <v>178</v>
      </c>
    </row>
    <row r="22" spans="4:17">
      <c r="D22" s="7" t="s">
        <v>179</v>
      </c>
      <c r="E22" s="8"/>
      <c r="F22" s="8"/>
      <c r="G22" s="8"/>
      <c r="H22" s="8"/>
      <c r="I22" s="8"/>
      <c r="P22" s="7" t="s">
        <v>180</v>
      </c>
      <c r="Q22" s="9"/>
    </row>
    <row r="23" spans="4:17">
      <c r="D23" s="7" t="s">
        <v>181</v>
      </c>
      <c r="E23" s="8"/>
      <c r="F23" s="8"/>
      <c r="G23" s="8"/>
      <c r="H23" s="8"/>
      <c r="I23" s="8"/>
      <c r="P23" s="7" t="s">
        <v>182</v>
      </c>
    </row>
    <row r="24" spans="4:17">
      <c r="D24" s="7" t="s">
        <v>183</v>
      </c>
      <c r="E24" s="8"/>
      <c r="F24" s="8"/>
      <c r="G24" s="8"/>
      <c r="H24" s="8"/>
      <c r="I24" s="8"/>
      <c r="P24" s="7" t="s">
        <v>184</v>
      </c>
    </row>
    <row r="25" spans="4:17">
      <c r="D25" s="7" t="s">
        <v>185</v>
      </c>
      <c r="E25" s="8"/>
      <c r="F25" s="8"/>
      <c r="G25" s="8"/>
      <c r="H25" s="8"/>
      <c r="I25" s="8"/>
      <c r="P25" s="7" t="s">
        <v>186</v>
      </c>
    </row>
    <row r="26" spans="4:17">
      <c r="D26" s="7" t="s">
        <v>187</v>
      </c>
      <c r="E26" s="8"/>
      <c r="F26" s="8"/>
      <c r="G26" s="8"/>
      <c r="H26" s="8"/>
      <c r="I26" s="8"/>
      <c r="P26" s="7" t="s">
        <v>188</v>
      </c>
    </row>
    <row r="27" spans="4:17">
      <c r="D27" s="7" t="s">
        <v>189</v>
      </c>
      <c r="E27" s="8"/>
      <c r="F27" s="8"/>
      <c r="G27" s="8"/>
      <c r="H27" s="8"/>
      <c r="I27" s="8"/>
      <c r="P27" s="7" t="s">
        <v>190</v>
      </c>
    </row>
    <row r="28" spans="4:17">
      <c r="D28" s="7" t="s">
        <v>191</v>
      </c>
      <c r="E28" s="8"/>
      <c r="F28" s="8"/>
      <c r="G28" s="8"/>
      <c r="H28" s="8"/>
      <c r="I28" s="8"/>
      <c r="P28" s="7" t="s">
        <v>192</v>
      </c>
    </row>
    <row r="29" spans="4:17">
      <c r="D29" s="7" t="s">
        <v>193</v>
      </c>
      <c r="E29" s="8"/>
      <c r="F29" s="8"/>
      <c r="G29" s="8"/>
      <c r="H29" s="8"/>
      <c r="I29" s="8"/>
      <c r="P29" s="7" t="s">
        <v>194</v>
      </c>
    </row>
    <row r="30" spans="4:17">
      <c r="D30" s="7" t="s">
        <v>195</v>
      </c>
      <c r="E30" s="8"/>
      <c r="F30" s="8"/>
      <c r="G30" s="8"/>
      <c r="H30" s="8"/>
      <c r="I30" s="8"/>
      <c r="P30" s="7" t="s">
        <v>196</v>
      </c>
    </row>
    <row r="31" spans="4:17">
      <c r="D31" s="7" t="s">
        <v>197</v>
      </c>
      <c r="E31" s="8"/>
      <c r="F31" s="8"/>
      <c r="G31" s="8"/>
      <c r="H31" s="8"/>
      <c r="I31" s="8"/>
      <c r="P31" s="7" t="s">
        <v>198</v>
      </c>
    </row>
    <row r="32" spans="4:17">
      <c r="D32" s="7" t="s">
        <v>199</v>
      </c>
      <c r="E32" s="8"/>
      <c r="F32" s="8"/>
      <c r="G32" s="8"/>
      <c r="H32" s="8"/>
      <c r="I32" s="8"/>
      <c r="P32" s="7" t="s">
        <v>200</v>
      </c>
    </row>
    <row r="33" spans="4:16">
      <c r="D33" s="7" t="s">
        <v>201</v>
      </c>
      <c r="E33" s="8"/>
      <c r="F33" s="8"/>
      <c r="G33" s="8"/>
      <c r="H33" s="8"/>
      <c r="I33" s="8"/>
      <c r="P33" s="7" t="s">
        <v>202</v>
      </c>
    </row>
    <row r="34" spans="4:16">
      <c r="D34" s="7" t="s">
        <v>203</v>
      </c>
      <c r="E34" s="8"/>
      <c r="F34" s="8"/>
      <c r="G34" s="8"/>
      <c r="H34" s="8"/>
      <c r="I34" s="8"/>
      <c r="P34" s="7" t="s">
        <v>204</v>
      </c>
    </row>
    <row r="35" spans="4:16">
      <c r="D35" s="7" t="s">
        <v>205</v>
      </c>
      <c r="E35" s="8"/>
      <c r="F35" s="8"/>
      <c r="G35" s="8"/>
      <c r="H35" s="8"/>
      <c r="I35" s="8"/>
      <c r="P35" s="7" t="s">
        <v>206</v>
      </c>
    </row>
    <row r="36" spans="4:16">
      <c r="D36" s="7" t="s">
        <v>207</v>
      </c>
      <c r="E36" s="8"/>
      <c r="F36" s="8"/>
      <c r="G36" s="8"/>
      <c r="H36" s="8"/>
      <c r="I36" s="8"/>
      <c r="P36" s="7" t="s">
        <v>208</v>
      </c>
    </row>
    <row r="37" spans="4:16">
      <c r="D37" s="7" t="s">
        <v>209</v>
      </c>
      <c r="E37" s="8"/>
      <c r="F37" s="8"/>
      <c r="G37" s="8"/>
      <c r="H37" s="8"/>
      <c r="I37" s="8"/>
      <c r="P37" s="7" t="s">
        <v>210</v>
      </c>
    </row>
    <row r="38" spans="4:16">
      <c r="D38" s="7" t="s">
        <v>211</v>
      </c>
      <c r="E38" s="8"/>
      <c r="F38" s="8"/>
      <c r="G38" s="8"/>
      <c r="H38" s="8"/>
      <c r="I38" s="8"/>
      <c r="P38" s="7" t="s">
        <v>212</v>
      </c>
    </row>
    <row r="39" spans="4:16">
      <c r="D39" s="7" t="s">
        <v>213</v>
      </c>
      <c r="E39" s="8"/>
      <c r="F39" s="8"/>
      <c r="G39" s="8"/>
      <c r="H39" s="8"/>
      <c r="I39" s="8"/>
      <c r="P39" s="7" t="s">
        <v>214</v>
      </c>
    </row>
    <row r="40" spans="4:16">
      <c r="D40" s="7" t="s">
        <v>215</v>
      </c>
      <c r="E40" s="8"/>
      <c r="F40" s="8"/>
      <c r="G40" s="8"/>
      <c r="H40" s="8"/>
      <c r="I40" s="8"/>
      <c r="P40" s="7" t="s">
        <v>216</v>
      </c>
    </row>
    <row r="41" spans="4:16">
      <c r="D41" s="7" t="s">
        <v>217</v>
      </c>
      <c r="E41" s="8"/>
      <c r="F41" s="8"/>
      <c r="G41" s="8"/>
      <c r="H41" s="8"/>
      <c r="I41" s="8"/>
      <c r="P41" s="7" t="s">
        <v>218</v>
      </c>
    </row>
    <row r="42" spans="4:16">
      <c r="D42" s="7" t="s">
        <v>219</v>
      </c>
      <c r="E42" s="8"/>
      <c r="F42" s="8"/>
      <c r="G42" s="8"/>
      <c r="H42" s="8"/>
      <c r="I42" s="8"/>
      <c r="P42" s="7" t="s">
        <v>220</v>
      </c>
    </row>
    <row r="43" spans="4:16">
      <c r="D43" s="7" t="s">
        <v>221</v>
      </c>
      <c r="E43" s="8"/>
      <c r="F43" s="8"/>
      <c r="G43" s="8"/>
      <c r="H43" s="8"/>
      <c r="I43" s="8"/>
      <c r="P43" s="7" t="s">
        <v>222</v>
      </c>
    </row>
    <row r="44" spans="4:16">
      <c r="D44" s="7" t="s">
        <v>223</v>
      </c>
      <c r="E44" s="8"/>
      <c r="F44" s="8"/>
      <c r="G44" s="8"/>
      <c r="H44" s="8"/>
      <c r="I44" s="8"/>
      <c r="P44" s="7" t="s">
        <v>224</v>
      </c>
    </row>
    <row r="45" spans="4:16">
      <c r="D45" s="7" t="s">
        <v>225</v>
      </c>
      <c r="E45" s="8"/>
      <c r="F45" s="8"/>
      <c r="G45" s="8"/>
      <c r="H45" s="8"/>
      <c r="I45" s="8"/>
      <c r="P45" s="7" t="s">
        <v>226</v>
      </c>
    </row>
    <row r="46" spans="4:16">
      <c r="D46" s="7" t="s">
        <v>227</v>
      </c>
      <c r="E46" s="8"/>
      <c r="F46" s="8"/>
      <c r="G46" s="8"/>
      <c r="H46" s="8"/>
      <c r="I46" s="8"/>
      <c r="P46" s="7" t="s">
        <v>228</v>
      </c>
    </row>
    <row r="47" spans="4:16">
      <c r="D47" s="7" t="s">
        <v>229</v>
      </c>
      <c r="E47" s="8"/>
      <c r="F47" s="8"/>
      <c r="G47" s="8"/>
      <c r="H47" s="8"/>
      <c r="I47" s="8"/>
      <c r="P47" s="7" t="s">
        <v>230</v>
      </c>
    </row>
    <row r="48" spans="4:16">
      <c r="D48" s="7" t="s">
        <v>231</v>
      </c>
      <c r="E48" s="8"/>
      <c r="F48" s="8"/>
      <c r="G48" s="8"/>
      <c r="H48" s="8"/>
      <c r="I48" s="8"/>
      <c r="P48" s="7" t="s">
        <v>232</v>
      </c>
    </row>
    <row r="49" spans="4:16">
      <c r="D49" s="7" t="s">
        <v>233</v>
      </c>
      <c r="E49" s="8"/>
      <c r="F49" s="8"/>
      <c r="G49" s="8"/>
      <c r="H49" s="8"/>
      <c r="I49" s="8"/>
      <c r="P49" s="7" t="s">
        <v>234</v>
      </c>
    </row>
    <row r="50" spans="4:16">
      <c r="D50" s="7" t="s">
        <v>235</v>
      </c>
      <c r="E50" s="8"/>
      <c r="F50" s="8"/>
      <c r="G50" s="8"/>
      <c r="H50" s="8"/>
      <c r="I50" s="8"/>
      <c r="P50" s="7" t="s">
        <v>236</v>
      </c>
    </row>
    <row r="51" spans="4:16">
      <c r="D51" s="7" t="s">
        <v>237</v>
      </c>
      <c r="E51" s="8"/>
      <c r="F51" s="8"/>
      <c r="G51" s="8"/>
      <c r="H51" s="8"/>
      <c r="I51" s="8"/>
      <c r="P51" s="7" t="s">
        <v>238</v>
      </c>
    </row>
    <row r="52" spans="4:16">
      <c r="D52" s="7" t="s">
        <v>239</v>
      </c>
      <c r="E52" s="8"/>
      <c r="F52" s="8"/>
      <c r="G52" s="8"/>
      <c r="H52" s="8"/>
      <c r="I52" s="8"/>
      <c r="P52" s="7" t="s">
        <v>240</v>
      </c>
    </row>
    <row r="53" spans="4:16">
      <c r="D53" s="7" t="s">
        <v>241</v>
      </c>
      <c r="E53" s="8"/>
      <c r="F53" s="8"/>
      <c r="G53" s="8"/>
      <c r="H53" s="8"/>
      <c r="I53" s="8"/>
      <c r="P53" s="7" t="s">
        <v>242</v>
      </c>
    </row>
    <row r="54" spans="4:16">
      <c r="D54" s="7" t="s">
        <v>66</v>
      </c>
      <c r="E54" s="8"/>
      <c r="F54" s="8"/>
      <c r="G54" s="8"/>
      <c r="H54" s="8"/>
      <c r="I54" s="8"/>
      <c r="P54" s="7" t="s">
        <v>243</v>
      </c>
    </row>
    <row r="55" spans="4:16">
      <c r="D55" s="7" t="s">
        <v>244</v>
      </c>
      <c r="E55" s="8"/>
      <c r="F55" s="8"/>
      <c r="G55" s="8"/>
      <c r="H55" s="8"/>
      <c r="I55" s="8"/>
      <c r="P55" s="7" t="s">
        <v>245</v>
      </c>
    </row>
    <row r="56" spans="4:16">
      <c r="D56" s="7" t="s">
        <v>246</v>
      </c>
      <c r="E56" s="8"/>
      <c r="F56" s="8"/>
      <c r="G56" s="8"/>
      <c r="H56" s="8"/>
      <c r="I56" s="8"/>
      <c r="P56" s="7" t="s">
        <v>247</v>
      </c>
    </row>
    <row r="57" spans="4:16">
      <c r="D57" s="7" t="s">
        <v>248</v>
      </c>
      <c r="E57" s="8"/>
      <c r="F57" s="8"/>
      <c r="G57" s="8"/>
      <c r="H57" s="8"/>
      <c r="I57" s="8"/>
      <c r="P57" s="7" t="s">
        <v>249</v>
      </c>
    </row>
    <row r="58" spans="4:16">
      <c r="D58" s="7" t="s">
        <v>250</v>
      </c>
      <c r="E58" s="8"/>
      <c r="F58" s="8"/>
      <c r="G58" s="8"/>
      <c r="H58" s="8"/>
      <c r="I58" s="8"/>
      <c r="P58" s="7" t="s">
        <v>251</v>
      </c>
    </row>
    <row r="59" spans="4:16">
      <c r="D59" s="7" t="s">
        <v>252</v>
      </c>
      <c r="E59" s="8"/>
      <c r="F59" s="8"/>
      <c r="G59" s="8"/>
      <c r="H59" s="8"/>
      <c r="I59" s="8"/>
      <c r="P59" s="7" t="s">
        <v>253</v>
      </c>
    </row>
    <row r="60" spans="4:16">
      <c r="D60" s="7" t="s">
        <v>254</v>
      </c>
      <c r="E60" s="8"/>
      <c r="F60" s="8"/>
      <c r="G60" s="8"/>
      <c r="H60" s="8"/>
      <c r="I60" s="8"/>
      <c r="P60" s="7" t="s">
        <v>255</v>
      </c>
    </row>
    <row r="61" spans="4:16">
      <c r="D61" s="7" t="s">
        <v>256</v>
      </c>
      <c r="E61" s="8"/>
      <c r="F61" s="8"/>
      <c r="G61" s="8"/>
      <c r="H61" s="8"/>
      <c r="I61" s="8"/>
      <c r="P61" s="7" t="s">
        <v>257</v>
      </c>
    </row>
    <row r="62" spans="4:16">
      <c r="D62" s="7" t="s">
        <v>258</v>
      </c>
      <c r="E62" s="8"/>
      <c r="F62" s="8"/>
      <c r="G62" s="8"/>
      <c r="H62" s="8"/>
      <c r="I62" s="8"/>
      <c r="P62" s="7" t="s">
        <v>259</v>
      </c>
    </row>
    <row r="63" spans="4:16">
      <c r="D63" s="7" t="s">
        <v>260</v>
      </c>
      <c r="E63" s="8"/>
      <c r="F63" s="8"/>
      <c r="G63" s="8"/>
      <c r="H63" s="8"/>
      <c r="I63" s="8"/>
      <c r="P63" s="7" t="s">
        <v>261</v>
      </c>
    </row>
    <row r="64" spans="4:16">
      <c r="D64" s="7" t="s">
        <v>262</v>
      </c>
      <c r="E64" s="8"/>
      <c r="F64" s="8"/>
      <c r="G64" s="8"/>
      <c r="H64" s="8"/>
      <c r="I64" s="8"/>
      <c r="P64" s="7" t="s">
        <v>263</v>
      </c>
    </row>
    <row r="65" spans="4:16">
      <c r="D65" s="7" t="s">
        <v>264</v>
      </c>
      <c r="E65" s="8"/>
      <c r="F65" s="8"/>
      <c r="G65" s="8"/>
      <c r="H65" s="8"/>
      <c r="I65" s="8"/>
      <c r="P65" s="7" t="s">
        <v>265</v>
      </c>
    </row>
    <row r="66" spans="4:16">
      <c r="D66" s="7" t="s">
        <v>266</v>
      </c>
      <c r="E66" s="8"/>
      <c r="F66" s="8"/>
      <c r="G66" s="8"/>
      <c r="H66" s="8"/>
      <c r="I66" s="8"/>
      <c r="P66" s="7" t="s">
        <v>267</v>
      </c>
    </row>
    <row r="67" spans="4:16">
      <c r="D67" s="7" t="s">
        <v>268</v>
      </c>
      <c r="E67" s="8"/>
      <c r="F67" s="8"/>
      <c r="G67" s="8"/>
      <c r="H67" s="8"/>
      <c r="I67" s="8"/>
      <c r="P67" s="7" t="s">
        <v>269</v>
      </c>
    </row>
    <row r="68" spans="4:16">
      <c r="D68" s="7" t="s">
        <v>270</v>
      </c>
      <c r="E68" s="8"/>
      <c r="F68" s="8"/>
      <c r="G68" s="8"/>
      <c r="H68" s="8"/>
      <c r="I68" s="8"/>
      <c r="P68" s="7" t="s">
        <v>271</v>
      </c>
    </row>
    <row r="69" spans="4:16">
      <c r="D69" s="7" t="s">
        <v>272</v>
      </c>
      <c r="E69" s="8"/>
      <c r="F69" s="8"/>
      <c r="G69" s="8"/>
      <c r="H69" s="8"/>
      <c r="I69" s="8"/>
      <c r="P69" s="7" t="s">
        <v>273</v>
      </c>
    </row>
    <row r="70" spans="4:16">
      <c r="D70" s="7" t="s">
        <v>274</v>
      </c>
      <c r="E70" s="8"/>
      <c r="F70" s="8"/>
      <c r="G70" s="8"/>
      <c r="H70" s="8"/>
      <c r="I70" s="8"/>
      <c r="P70" s="7" t="s">
        <v>275</v>
      </c>
    </row>
    <row r="71" spans="4:16">
      <c r="D71" s="7" t="s">
        <v>276</v>
      </c>
      <c r="E71" s="8"/>
      <c r="F71" s="8"/>
      <c r="G71" s="8"/>
      <c r="H71" s="8"/>
      <c r="I71" s="8"/>
      <c r="P71" s="7" t="s">
        <v>277</v>
      </c>
    </row>
    <row r="72" spans="4:16">
      <c r="D72" s="7" t="s">
        <v>278</v>
      </c>
      <c r="E72" s="8"/>
      <c r="F72" s="8"/>
      <c r="G72" s="8"/>
      <c r="H72" s="8"/>
      <c r="I72" s="8"/>
      <c r="P72" s="7" t="s">
        <v>279</v>
      </c>
    </row>
    <row r="73" spans="4:16">
      <c r="D73" s="7" t="s">
        <v>280</v>
      </c>
      <c r="E73" s="8"/>
      <c r="F73" s="8"/>
      <c r="G73" s="8"/>
      <c r="H73" s="8"/>
      <c r="I73" s="8"/>
      <c r="P73" s="7" t="s">
        <v>281</v>
      </c>
    </row>
    <row r="74" spans="4:16">
      <c r="D74" s="7" t="s">
        <v>282</v>
      </c>
      <c r="E74" s="8"/>
      <c r="F74" s="8"/>
      <c r="G74" s="8"/>
      <c r="H74" s="8"/>
      <c r="I74" s="8"/>
      <c r="P74" s="7" t="s">
        <v>283</v>
      </c>
    </row>
    <row r="75" spans="4:16">
      <c r="D75" s="7" t="s">
        <v>284</v>
      </c>
      <c r="E75" s="8"/>
      <c r="F75" s="8"/>
      <c r="G75" s="8"/>
      <c r="H75" s="8"/>
      <c r="I75" s="8"/>
      <c r="P75" s="7" t="s">
        <v>285</v>
      </c>
    </row>
    <row r="76" spans="4:16">
      <c r="D76" s="7" t="s">
        <v>286</v>
      </c>
      <c r="E76" s="8"/>
      <c r="F76" s="8"/>
      <c r="G76" s="8"/>
      <c r="H76" s="8"/>
      <c r="I76" s="8"/>
      <c r="P76" s="7" t="s">
        <v>287</v>
      </c>
    </row>
    <row r="77" spans="4:16">
      <c r="D77" s="7" t="s">
        <v>288</v>
      </c>
      <c r="E77" s="8"/>
      <c r="F77" s="8"/>
      <c r="G77" s="8"/>
      <c r="H77" s="8"/>
      <c r="I77" s="8"/>
      <c r="P77" s="7" t="s">
        <v>289</v>
      </c>
    </row>
    <row r="78" spans="4:16">
      <c r="D78" s="7" t="s">
        <v>290</v>
      </c>
      <c r="E78" s="8"/>
      <c r="F78" s="8"/>
      <c r="G78" s="8"/>
      <c r="H78" s="8"/>
      <c r="I78" s="8"/>
      <c r="P78" s="7" t="s">
        <v>291</v>
      </c>
    </row>
    <row r="79" spans="4:16">
      <c r="D79" s="7" t="s">
        <v>292</v>
      </c>
      <c r="E79" s="8"/>
      <c r="F79" s="8"/>
      <c r="G79" s="8"/>
      <c r="H79" s="8"/>
      <c r="I79" s="8"/>
      <c r="P79" s="7" t="s">
        <v>293</v>
      </c>
    </row>
    <row r="80" spans="4:16">
      <c r="D80" s="7" t="s">
        <v>294</v>
      </c>
      <c r="E80" s="8"/>
      <c r="F80" s="8"/>
      <c r="G80" s="8"/>
      <c r="H80" s="8"/>
      <c r="I80" s="8"/>
      <c r="P80" s="7" t="s">
        <v>295</v>
      </c>
    </row>
    <row r="81" spans="4:16">
      <c r="D81" s="7" t="s">
        <v>296</v>
      </c>
      <c r="E81" s="8"/>
      <c r="F81" s="8"/>
      <c r="G81" s="8"/>
      <c r="H81" s="8"/>
      <c r="I81" s="8"/>
      <c r="P81" s="7" t="s">
        <v>297</v>
      </c>
    </row>
    <row r="82" spans="4:16">
      <c r="D82" s="7" t="s">
        <v>298</v>
      </c>
      <c r="E82" s="8"/>
      <c r="F82" s="8"/>
      <c r="G82" s="8"/>
      <c r="H82" s="8"/>
      <c r="I82" s="8"/>
      <c r="P82" s="7" t="s">
        <v>299</v>
      </c>
    </row>
    <row r="83" spans="4:16">
      <c r="D83" s="7" t="s">
        <v>300</v>
      </c>
      <c r="E83" s="8"/>
      <c r="F83" s="8"/>
      <c r="G83" s="8"/>
      <c r="H83" s="8"/>
      <c r="I83" s="8"/>
      <c r="P83" s="7" t="s">
        <v>301</v>
      </c>
    </row>
    <row r="84" spans="4:16">
      <c r="D84" s="7" t="s">
        <v>302</v>
      </c>
      <c r="E84" s="8"/>
      <c r="F84" s="8"/>
      <c r="G84" s="8"/>
      <c r="H84" s="8"/>
      <c r="I84" s="8"/>
      <c r="P84" s="7" t="s">
        <v>303</v>
      </c>
    </row>
    <row r="85" spans="4:16">
      <c r="D85" s="7" t="s">
        <v>304</v>
      </c>
      <c r="E85" s="8"/>
      <c r="F85" s="8"/>
      <c r="G85" s="8"/>
      <c r="H85" s="8"/>
      <c r="I85" s="8"/>
      <c r="P85" s="7" t="s">
        <v>305</v>
      </c>
    </row>
    <row r="86" spans="4:16">
      <c r="D86" s="7" t="s">
        <v>306</v>
      </c>
      <c r="E86" s="8"/>
      <c r="F86" s="8"/>
      <c r="G86" s="8"/>
      <c r="H86" s="8"/>
      <c r="I86" s="8"/>
      <c r="P86" s="7" t="s">
        <v>307</v>
      </c>
    </row>
    <row r="87" spans="4:16">
      <c r="D87" s="7" t="s">
        <v>308</v>
      </c>
      <c r="E87" s="8"/>
      <c r="F87" s="8"/>
      <c r="G87" s="8"/>
      <c r="H87" s="8"/>
      <c r="I87" s="8"/>
      <c r="P87" s="7" t="s">
        <v>309</v>
      </c>
    </row>
    <row r="88" spans="4:16">
      <c r="D88" s="7" t="s">
        <v>310</v>
      </c>
      <c r="E88" s="8"/>
      <c r="F88" s="8"/>
      <c r="G88" s="8"/>
      <c r="H88" s="8"/>
      <c r="I88" s="8"/>
      <c r="P88" s="7" t="s">
        <v>311</v>
      </c>
    </row>
    <row r="89" spans="4:16">
      <c r="D89" s="7" t="s">
        <v>312</v>
      </c>
      <c r="E89" s="8"/>
      <c r="F89" s="8"/>
      <c r="G89" s="8"/>
      <c r="H89" s="8"/>
      <c r="I89" s="8"/>
      <c r="P89" s="7" t="s">
        <v>313</v>
      </c>
    </row>
    <row r="90" spans="4:16">
      <c r="D90" s="7" t="s">
        <v>314</v>
      </c>
      <c r="E90" s="8"/>
      <c r="F90" s="8"/>
      <c r="G90" s="8"/>
      <c r="H90" s="8"/>
      <c r="I90" s="8"/>
      <c r="P90" s="7" t="s">
        <v>315</v>
      </c>
    </row>
    <row r="91" spans="4:16">
      <c r="D91" s="7" t="s">
        <v>316</v>
      </c>
      <c r="E91" s="8"/>
      <c r="F91" s="8"/>
      <c r="G91" s="8"/>
      <c r="H91" s="8"/>
      <c r="I91" s="8"/>
      <c r="P91" s="7" t="s">
        <v>317</v>
      </c>
    </row>
    <row r="92" spans="4:16">
      <c r="D92" s="7" t="s">
        <v>318</v>
      </c>
      <c r="E92" s="8"/>
      <c r="F92" s="8"/>
      <c r="G92" s="8"/>
      <c r="H92" s="8"/>
      <c r="I92" s="8"/>
      <c r="P92" s="7" t="s">
        <v>319</v>
      </c>
    </row>
    <row r="93" spans="4:16">
      <c r="D93" s="7" t="s">
        <v>320</v>
      </c>
      <c r="E93" s="8"/>
      <c r="F93" s="8"/>
      <c r="G93" s="8"/>
      <c r="H93" s="8"/>
      <c r="I93" s="8"/>
      <c r="P93" s="7" t="s">
        <v>321</v>
      </c>
    </row>
    <row r="94" spans="4:16">
      <c r="D94" s="7" t="s">
        <v>322</v>
      </c>
      <c r="E94" s="8"/>
      <c r="F94" s="8"/>
      <c r="G94" s="8"/>
      <c r="H94" s="8"/>
      <c r="I94" s="8"/>
      <c r="P94" s="7" t="s">
        <v>323</v>
      </c>
    </row>
    <row r="95" spans="4:16">
      <c r="D95" s="7" t="s">
        <v>324</v>
      </c>
      <c r="E95" s="8"/>
      <c r="F95" s="8"/>
      <c r="G95" s="8"/>
      <c r="H95" s="8"/>
      <c r="I95" s="8"/>
      <c r="P95" s="7" t="s">
        <v>325</v>
      </c>
    </row>
    <row r="96" spans="4:16">
      <c r="D96" s="7" t="s">
        <v>326</v>
      </c>
      <c r="E96" s="8"/>
      <c r="F96" s="8"/>
      <c r="G96" s="8"/>
      <c r="H96" s="8"/>
      <c r="I96" s="8"/>
      <c r="P96" s="7" t="s">
        <v>327</v>
      </c>
    </row>
    <row r="97" spans="4:16">
      <c r="D97" s="7" t="s">
        <v>328</v>
      </c>
      <c r="E97" s="8"/>
      <c r="F97" s="8"/>
      <c r="G97" s="8"/>
      <c r="H97" s="8"/>
      <c r="I97" s="8"/>
      <c r="P97" s="7" t="s">
        <v>329</v>
      </c>
    </row>
    <row r="98" spans="4:16">
      <c r="D98" s="7" t="s">
        <v>330</v>
      </c>
      <c r="E98" s="8"/>
      <c r="F98" s="8"/>
      <c r="G98" s="8"/>
      <c r="H98" s="8"/>
      <c r="I98" s="8"/>
      <c r="P98" s="7" t="s">
        <v>331</v>
      </c>
    </row>
    <row r="99" spans="4:16">
      <c r="D99" s="7" t="s">
        <v>332</v>
      </c>
      <c r="E99" s="8"/>
      <c r="F99" s="8"/>
      <c r="G99" s="8"/>
      <c r="H99" s="8"/>
      <c r="I99" s="8"/>
      <c r="P99" s="7" t="s">
        <v>333</v>
      </c>
    </row>
    <row r="100" spans="4:16">
      <c r="D100" s="7" t="s">
        <v>334</v>
      </c>
      <c r="E100" s="8"/>
      <c r="F100" s="8"/>
      <c r="G100" s="8"/>
      <c r="H100" s="8"/>
      <c r="I100" s="8"/>
      <c r="P100" s="7" t="s">
        <v>335</v>
      </c>
    </row>
    <row r="101" spans="4:16">
      <c r="D101" s="7" t="s">
        <v>336</v>
      </c>
      <c r="E101" s="8"/>
      <c r="F101" s="8"/>
      <c r="G101" s="8"/>
      <c r="H101" s="8"/>
      <c r="I101" s="8"/>
      <c r="P101" s="7" t="s">
        <v>337</v>
      </c>
    </row>
    <row r="102" spans="4:16">
      <c r="D102" s="7" t="s">
        <v>338</v>
      </c>
      <c r="E102" s="8"/>
      <c r="F102" s="8"/>
      <c r="G102" s="8"/>
      <c r="H102" s="8"/>
      <c r="I102" s="8"/>
      <c r="P102" s="7" t="s">
        <v>339</v>
      </c>
    </row>
    <row r="103" spans="4:16">
      <c r="D103" s="7" t="s">
        <v>340</v>
      </c>
      <c r="E103" s="8"/>
      <c r="F103" s="8"/>
      <c r="G103" s="8"/>
      <c r="H103" s="8"/>
      <c r="I103" s="8"/>
      <c r="P103" s="7" t="s">
        <v>341</v>
      </c>
    </row>
    <row r="104" spans="4:16">
      <c r="D104" s="7" t="s">
        <v>342</v>
      </c>
      <c r="E104" s="8"/>
      <c r="F104" s="8"/>
      <c r="G104" s="8"/>
      <c r="H104" s="8"/>
      <c r="I104" s="8"/>
      <c r="P104" s="7" t="s">
        <v>343</v>
      </c>
    </row>
    <row r="105" spans="4:16">
      <c r="D105" s="7" t="s">
        <v>344</v>
      </c>
      <c r="E105" s="8"/>
      <c r="F105" s="8"/>
      <c r="G105" s="8"/>
      <c r="H105" s="8"/>
      <c r="I105" s="8"/>
      <c r="P105" s="7" t="s">
        <v>345</v>
      </c>
    </row>
    <row r="106" spans="4:16">
      <c r="D106" s="7" t="s">
        <v>346</v>
      </c>
      <c r="E106" s="8"/>
      <c r="F106" s="8"/>
      <c r="G106" s="8"/>
      <c r="H106" s="8"/>
      <c r="I106" s="8"/>
      <c r="P106" s="7" t="s">
        <v>347</v>
      </c>
    </row>
    <row r="107" spans="4:16">
      <c r="D107" s="7" t="s">
        <v>348</v>
      </c>
      <c r="E107" s="8"/>
      <c r="F107" s="8"/>
      <c r="G107" s="8"/>
      <c r="H107" s="8"/>
      <c r="I107" s="8"/>
      <c r="P107" s="7" t="s">
        <v>349</v>
      </c>
    </row>
    <row r="108" spans="4:16">
      <c r="D108" s="7" t="s">
        <v>350</v>
      </c>
      <c r="E108" s="8"/>
      <c r="F108" s="8"/>
      <c r="G108" s="8"/>
      <c r="H108" s="8"/>
      <c r="I108" s="8"/>
      <c r="P108" s="7" t="s">
        <v>351</v>
      </c>
    </row>
    <row r="109" spans="4:16">
      <c r="D109" s="7" t="s">
        <v>352</v>
      </c>
      <c r="E109" s="8"/>
      <c r="F109" s="8"/>
      <c r="G109" s="8"/>
      <c r="H109" s="8"/>
      <c r="I109" s="8"/>
      <c r="P109" s="7" t="s">
        <v>353</v>
      </c>
    </row>
    <row r="110" spans="4:16">
      <c r="D110" s="7" t="s">
        <v>354</v>
      </c>
      <c r="E110" s="8"/>
      <c r="F110" s="8"/>
      <c r="G110" s="8"/>
      <c r="H110" s="8"/>
      <c r="I110" s="8"/>
      <c r="P110" s="7" t="s">
        <v>355</v>
      </c>
    </row>
    <row r="111" spans="4:16">
      <c r="D111" s="7" t="s">
        <v>356</v>
      </c>
      <c r="E111" s="8"/>
      <c r="F111" s="8"/>
      <c r="G111" s="8"/>
      <c r="H111" s="8"/>
      <c r="I111" s="8"/>
      <c r="P111" s="7" t="s">
        <v>357</v>
      </c>
    </row>
    <row r="112" spans="4:16">
      <c r="D112" s="7" t="s">
        <v>358</v>
      </c>
      <c r="E112" s="8"/>
      <c r="F112" s="8"/>
      <c r="G112" s="8"/>
      <c r="H112" s="8"/>
      <c r="I112" s="8"/>
      <c r="P112" s="7" t="s">
        <v>359</v>
      </c>
    </row>
    <row r="113" spans="4:16">
      <c r="D113" s="7" t="s">
        <v>360</v>
      </c>
      <c r="E113" s="8"/>
      <c r="F113" s="8"/>
      <c r="G113" s="8"/>
      <c r="H113" s="8"/>
      <c r="I113" s="8"/>
      <c r="P113" s="7" t="s">
        <v>361</v>
      </c>
    </row>
    <row r="114" spans="4:16">
      <c r="D114" s="7" t="s">
        <v>362</v>
      </c>
      <c r="E114" s="8"/>
      <c r="F114" s="8"/>
      <c r="G114" s="8"/>
      <c r="H114" s="8"/>
      <c r="I114" s="8"/>
      <c r="P114" s="7" t="s">
        <v>363</v>
      </c>
    </row>
    <row r="115" spans="4:16">
      <c r="D115" s="7" t="s">
        <v>364</v>
      </c>
      <c r="E115" s="8"/>
      <c r="F115" s="8"/>
      <c r="G115" s="8"/>
      <c r="H115" s="8"/>
      <c r="I115" s="8"/>
      <c r="P115" s="7" t="s">
        <v>365</v>
      </c>
    </row>
    <row r="116" spans="4:16">
      <c r="D116" s="7" t="s">
        <v>366</v>
      </c>
      <c r="E116" s="8"/>
      <c r="F116" s="8"/>
      <c r="G116" s="8"/>
      <c r="H116" s="8"/>
      <c r="I116" s="8"/>
      <c r="P116" s="7" t="s">
        <v>367</v>
      </c>
    </row>
    <row r="117" spans="4:16">
      <c r="D117" s="7" t="s">
        <v>368</v>
      </c>
      <c r="E117" s="8"/>
      <c r="F117" s="8"/>
      <c r="G117" s="8"/>
      <c r="H117" s="8"/>
      <c r="I117" s="8"/>
      <c r="P117" s="7" t="s">
        <v>369</v>
      </c>
    </row>
    <row r="118" spans="4:16">
      <c r="D118" s="7" t="s">
        <v>370</v>
      </c>
      <c r="E118" s="8"/>
      <c r="F118" s="8"/>
      <c r="G118" s="8"/>
      <c r="H118" s="8"/>
      <c r="I118" s="8"/>
      <c r="P118" s="7" t="s">
        <v>371</v>
      </c>
    </row>
    <row r="119" spans="4:16">
      <c r="D119" s="7" t="s">
        <v>372</v>
      </c>
      <c r="E119" s="8"/>
      <c r="F119" s="8"/>
      <c r="G119" s="8"/>
      <c r="H119" s="8"/>
      <c r="I119" s="8"/>
      <c r="P119" s="7" t="s">
        <v>373</v>
      </c>
    </row>
    <row r="120" spans="4:16">
      <c r="D120" s="7" t="s">
        <v>374</v>
      </c>
      <c r="E120" s="8"/>
      <c r="F120" s="8"/>
      <c r="G120" s="8"/>
      <c r="H120" s="8"/>
      <c r="I120" s="8"/>
      <c r="P120" s="7" t="s">
        <v>375</v>
      </c>
    </row>
    <row r="121" spans="4:16">
      <c r="D121" s="7" t="s">
        <v>376</v>
      </c>
      <c r="E121" s="8"/>
      <c r="F121" s="8"/>
      <c r="G121" s="8"/>
      <c r="H121" s="8"/>
      <c r="I121" s="8"/>
      <c r="P121" s="7" t="s">
        <v>377</v>
      </c>
    </row>
    <row r="122" spans="4:16">
      <c r="D122" s="7" t="s">
        <v>378</v>
      </c>
      <c r="E122" s="8"/>
      <c r="F122" s="8"/>
      <c r="G122" s="8"/>
      <c r="H122" s="8"/>
      <c r="I122" s="8"/>
      <c r="P122" s="7" t="s">
        <v>379</v>
      </c>
    </row>
    <row r="123" spans="4:16">
      <c r="D123" s="7" t="s">
        <v>380</v>
      </c>
      <c r="E123" s="8"/>
      <c r="F123" s="8"/>
      <c r="G123" s="8"/>
      <c r="H123" s="8"/>
      <c r="I123" s="8"/>
      <c r="P123" s="7" t="s">
        <v>381</v>
      </c>
    </row>
    <row r="124" spans="4:16">
      <c r="D124" s="7" t="s">
        <v>382</v>
      </c>
      <c r="E124" s="8"/>
      <c r="F124" s="8"/>
      <c r="G124" s="8"/>
      <c r="H124" s="8"/>
      <c r="I124" s="8"/>
      <c r="P124" s="7" t="s">
        <v>383</v>
      </c>
    </row>
    <row r="125" spans="4:16">
      <c r="D125" s="7" t="s">
        <v>384</v>
      </c>
      <c r="E125" s="8"/>
      <c r="F125" s="8"/>
      <c r="G125" s="8"/>
      <c r="H125" s="8"/>
      <c r="I125" s="8"/>
      <c r="P125" s="7" t="s">
        <v>385</v>
      </c>
    </row>
    <row r="126" spans="4:16">
      <c r="D126" s="7" t="s">
        <v>386</v>
      </c>
      <c r="E126" s="8"/>
      <c r="F126" s="8"/>
      <c r="G126" s="8"/>
      <c r="H126" s="8"/>
      <c r="I126" s="8"/>
      <c r="P126" s="7" t="s">
        <v>387</v>
      </c>
    </row>
    <row r="127" spans="4:16">
      <c r="D127" s="7" t="s">
        <v>388</v>
      </c>
      <c r="E127" s="8"/>
      <c r="F127" s="8"/>
      <c r="G127" s="8"/>
      <c r="H127" s="8"/>
      <c r="I127" s="8"/>
      <c r="P127" s="7" t="s">
        <v>389</v>
      </c>
    </row>
    <row r="128" spans="4:16">
      <c r="D128" s="7" t="s">
        <v>390</v>
      </c>
      <c r="E128" s="8"/>
      <c r="F128" s="8"/>
      <c r="G128" s="8"/>
      <c r="H128" s="8"/>
      <c r="I128" s="8"/>
      <c r="P128" s="7" t="s">
        <v>391</v>
      </c>
    </row>
    <row r="129" spans="4:16">
      <c r="D129" s="7" t="s">
        <v>392</v>
      </c>
      <c r="E129" s="8"/>
      <c r="F129" s="8"/>
      <c r="G129" s="8"/>
      <c r="H129" s="8"/>
      <c r="I129" s="8"/>
      <c r="P129" s="7" t="s">
        <v>393</v>
      </c>
    </row>
    <row r="130" spans="4:16">
      <c r="D130" s="7" t="s">
        <v>394</v>
      </c>
      <c r="E130" s="8"/>
      <c r="F130" s="8"/>
      <c r="G130" s="8"/>
      <c r="H130" s="8"/>
      <c r="I130" s="8"/>
      <c r="P130" s="7" t="s">
        <v>395</v>
      </c>
    </row>
    <row r="131" spans="4:16">
      <c r="D131" s="7" t="s">
        <v>396</v>
      </c>
      <c r="E131" s="8"/>
      <c r="F131" s="8"/>
      <c r="G131" s="8"/>
      <c r="H131" s="8"/>
      <c r="I131" s="8"/>
      <c r="P131" s="7" t="s">
        <v>397</v>
      </c>
    </row>
    <row r="132" spans="4:16">
      <c r="D132" s="7" t="s">
        <v>398</v>
      </c>
      <c r="E132" s="8"/>
      <c r="F132" s="8"/>
      <c r="G132" s="8"/>
      <c r="H132" s="8"/>
      <c r="I132" s="8"/>
      <c r="P132" s="7" t="s">
        <v>399</v>
      </c>
    </row>
    <row r="133" spans="4:16">
      <c r="D133" s="7" t="s">
        <v>400</v>
      </c>
      <c r="E133" s="8"/>
      <c r="F133" s="8"/>
      <c r="G133" s="8"/>
      <c r="H133" s="8"/>
      <c r="I133" s="8"/>
      <c r="P133" s="7" t="s">
        <v>401</v>
      </c>
    </row>
    <row r="134" spans="4:16">
      <c r="D134" s="7" t="s">
        <v>402</v>
      </c>
      <c r="E134" s="8"/>
      <c r="F134" s="8"/>
      <c r="G134" s="8"/>
      <c r="H134" s="8"/>
      <c r="I134" s="8"/>
      <c r="P134" s="7" t="s">
        <v>403</v>
      </c>
    </row>
    <row r="135" spans="4:16">
      <c r="D135" s="7" t="s">
        <v>404</v>
      </c>
      <c r="E135" s="8"/>
      <c r="F135" s="8"/>
      <c r="G135" s="8"/>
      <c r="H135" s="8"/>
      <c r="I135" s="8"/>
      <c r="P135" s="7" t="s">
        <v>405</v>
      </c>
    </row>
    <row r="136" spans="4:16">
      <c r="D136" s="7" t="s">
        <v>406</v>
      </c>
      <c r="E136" s="8"/>
      <c r="F136" s="8"/>
      <c r="G136" s="8"/>
      <c r="H136" s="8"/>
      <c r="I136" s="8"/>
      <c r="P136" s="7" t="s">
        <v>407</v>
      </c>
    </row>
    <row r="137" spans="4:16">
      <c r="D137" s="7" t="s">
        <v>408</v>
      </c>
      <c r="E137" s="8"/>
      <c r="F137" s="8"/>
      <c r="G137" s="8"/>
      <c r="H137" s="8"/>
      <c r="I137" s="8"/>
      <c r="P137" s="7" t="s">
        <v>409</v>
      </c>
    </row>
    <row r="138" spans="4:16">
      <c r="D138" s="7" t="s">
        <v>410</v>
      </c>
      <c r="E138" s="8"/>
      <c r="F138" s="8"/>
      <c r="G138" s="8"/>
      <c r="H138" s="8"/>
      <c r="I138" s="8"/>
      <c r="P138" s="7" t="s">
        <v>411</v>
      </c>
    </row>
    <row r="139" spans="4:16">
      <c r="D139" s="7" t="s">
        <v>412</v>
      </c>
      <c r="E139" s="8"/>
      <c r="F139" s="8"/>
      <c r="G139" s="8"/>
      <c r="H139" s="8"/>
      <c r="I139" s="8"/>
      <c r="P139" s="7" t="s">
        <v>413</v>
      </c>
    </row>
    <row r="140" spans="4:16">
      <c r="D140" s="7" t="s">
        <v>414</v>
      </c>
      <c r="E140" s="8"/>
      <c r="F140" s="8"/>
      <c r="G140" s="8"/>
      <c r="H140" s="8"/>
      <c r="I140" s="8"/>
      <c r="P140" s="7" t="s">
        <v>415</v>
      </c>
    </row>
    <row r="141" spans="4:16">
      <c r="D141" s="7" t="s">
        <v>416</v>
      </c>
      <c r="E141" s="8"/>
      <c r="F141" s="8"/>
      <c r="G141" s="8"/>
      <c r="H141" s="8"/>
      <c r="I141" s="8"/>
      <c r="P141" s="7" t="s">
        <v>417</v>
      </c>
    </row>
    <row r="142" spans="4:16">
      <c r="D142" s="7" t="s">
        <v>418</v>
      </c>
      <c r="E142" s="8"/>
      <c r="F142" s="8"/>
      <c r="G142" s="8"/>
      <c r="H142" s="8"/>
      <c r="I142" s="8"/>
      <c r="P142" s="7" t="s">
        <v>419</v>
      </c>
    </row>
    <row r="143" spans="4:16">
      <c r="D143" s="7" t="s">
        <v>420</v>
      </c>
      <c r="E143" s="8"/>
      <c r="F143" s="8"/>
      <c r="G143" s="8"/>
      <c r="H143" s="8"/>
      <c r="I143" s="8"/>
      <c r="P143" s="7" t="s">
        <v>421</v>
      </c>
    </row>
    <row r="144" spans="4:16">
      <c r="D144" s="7" t="s">
        <v>422</v>
      </c>
      <c r="E144" s="8"/>
      <c r="F144" s="8"/>
      <c r="G144" s="8"/>
      <c r="H144" s="8"/>
      <c r="I144" s="8"/>
      <c r="P144" s="7" t="s">
        <v>423</v>
      </c>
    </row>
    <row r="145" spans="4:16">
      <c r="D145" s="7" t="s">
        <v>424</v>
      </c>
      <c r="E145" s="8"/>
      <c r="F145" s="8"/>
      <c r="G145" s="8"/>
      <c r="H145" s="8"/>
      <c r="I145" s="8"/>
      <c r="P145" s="7" t="s">
        <v>425</v>
      </c>
    </row>
    <row r="146" spans="4:16">
      <c r="D146" s="7" t="s">
        <v>426</v>
      </c>
      <c r="E146" s="8"/>
      <c r="F146" s="8"/>
      <c r="G146" s="8"/>
      <c r="H146" s="8"/>
      <c r="I146" s="8"/>
      <c r="P146" s="7" t="s">
        <v>427</v>
      </c>
    </row>
    <row r="147" spans="4:16">
      <c r="D147" s="7" t="s">
        <v>428</v>
      </c>
      <c r="E147" s="8"/>
      <c r="F147" s="8"/>
      <c r="G147" s="8"/>
      <c r="H147" s="8"/>
      <c r="I147" s="8"/>
      <c r="P147" s="7" t="s">
        <v>429</v>
      </c>
    </row>
    <row r="148" spans="4:16">
      <c r="D148" s="7" t="s">
        <v>430</v>
      </c>
      <c r="E148" s="8"/>
      <c r="F148" s="8"/>
      <c r="G148" s="8"/>
      <c r="H148" s="8"/>
      <c r="I148" s="8"/>
      <c r="P148" s="7" t="s">
        <v>431</v>
      </c>
    </row>
    <row r="149" spans="4:16">
      <c r="D149" s="7" t="s">
        <v>432</v>
      </c>
      <c r="E149" s="8"/>
      <c r="F149" s="8"/>
      <c r="G149" s="8"/>
      <c r="H149" s="8"/>
      <c r="I149" s="8"/>
      <c r="P149" s="7" t="s">
        <v>433</v>
      </c>
    </row>
    <row r="150" spans="4:16">
      <c r="D150" s="7" t="s">
        <v>434</v>
      </c>
      <c r="E150" s="8"/>
      <c r="F150" s="8"/>
      <c r="G150" s="8"/>
      <c r="H150" s="8"/>
      <c r="I150" s="8"/>
      <c r="P150" s="7" t="s">
        <v>435</v>
      </c>
    </row>
    <row r="151" spans="4:16">
      <c r="D151" s="7" t="s">
        <v>436</v>
      </c>
      <c r="E151" s="8"/>
      <c r="F151" s="8"/>
      <c r="G151" s="8"/>
      <c r="H151" s="8"/>
      <c r="I151" s="8"/>
      <c r="P151" s="7" t="s">
        <v>437</v>
      </c>
    </row>
    <row r="152" spans="4:16">
      <c r="D152" s="7" t="s">
        <v>438</v>
      </c>
      <c r="E152" s="8"/>
      <c r="F152" s="8"/>
      <c r="G152" s="8"/>
      <c r="H152" s="8"/>
      <c r="I152" s="8"/>
      <c r="P152" s="7" t="s">
        <v>439</v>
      </c>
    </row>
    <row r="153" spans="4:16">
      <c r="D153" s="7" t="s">
        <v>440</v>
      </c>
      <c r="E153" s="8"/>
      <c r="F153" s="8"/>
      <c r="G153" s="8"/>
      <c r="H153" s="8"/>
      <c r="I153" s="8"/>
      <c r="P153" s="7" t="s">
        <v>441</v>
      </c>
    </row>
    <row r="154" spans="4:16">
      <c r="D154" s="7" t="s">
        <v>442</v>
      </c>
      <c r="E154" s="8"/>
      <c r="F154" s="8"/>
      <c r="G154" s="8"/>
      <c r="H154" s="8"/>
      <c r="I154" s="8"/>
      <c r="P154" s="7" t="s">
        <v>443</v>
      </c>
    </row>
    <row r="155" spans="4:16">
      <c r="D155" s="7" t="s">
        <v>444</v>
      </c>
      <c r="E155" s="8"/>
      <c r="F155" s="8"/>
      <c r="G155" s="8"/>
      <c r="H155" s="8"/>
      <c r="I155" s="8"/>
      <c r="P155" s="7" t="s">
        <v>445</v>
      </c>
    </row>
    <row r="156" spans="4:16">
      <c r="D156" s="7" t="s">
        <v>446</v>
      </c>
      <c r="E156" s="8"/>
      <c r="F156" s="8"/>
      <c r="G156" s="8"/>
      <c r="H156" s="8"/>
      <c r="I156" s="8"/>
      <c r="P156" s="7" t="s">
        <v>447</v>
      </c>
    </row>
    <row r="157" spans="4:16">
      <c r="D157" s="7" t="s">
        <v>448</v>
      </c>
      <c r="E157" s="8"/>
      <c r="F157" s="8"/>
      <c r="G157" s="8"/>
      <c r="H157" s="8"/>
      <c r="I157" s="8"/>
      <c r="P157" s="7" t="s">
        <v>449</v>
      </c>
    </row>
    <row r="158" spans="4:16">
      <c r="D158" s="7" t="s">
        <v>450</v>
      </c>
      <c r="E158" s="8"/>
      <c r="F158" s="8"/>
      <c r="G158" s="8"/>
      <c r="H158" s="8"/>
      <c r="I158" s="8"/>
      <c r="P158" s="7" t="s">
        <v>451</v>
      </c>
    </row>
    <row r="159" spans="4:16">
      <c r="D159" s="7" t="s">
        <v>452</v>
      </c>
      <c r="E159" s="8"/>
      <c r="F159" s="8"/>
      <c r="G159" s="8"/>
      <c r="H159" s="8"/>
      <c r="I159" s="8"/>
      <c r="P159" s="7" t="s">
        <v>453</v>
      </c>
    </row>
    <row r="160" spans="4:16">
      <c r="D160" s="7" t="s">
        <v>454</v>
      </c>
      <c r="E160" s="8"/>
      <c r="F160" s="8"/>
      <c r="G160" s="8"/>
      <c r="H160" s="8"/>
      <c r="I160" s="8"/>
      <c r="P160" s="7" t="s">
        <v>455</v>
      </c>
    </row>
    <row r="161" spans="4:16">
      <c r="D161" s="7" t="s">
        <v>456</v>
      </c>
      <c r="E161" s="8"/>
      <c r="F161" s="8"/>
      <c r="G161" s="8"/>
      <c r="H161" s="8"/>
      <c r="I161" s="8"/>
      <c r="P161" s="7" t="s">
        <v>457</v>
      </c>
    </row>
    <row r="162" spans="4:16">
      <c r="D162" s="7" t="s">
        <v>458</v>
      </c>
      <c r="E162" s="8"/>
      <c r="F162" s="8"/>
      <c r="G162" s="8"/>
      <c r="H162" s="8"/>
      <c r="I162" s="8"/>
      <c r="P162" s="7" t="s">
        <v>459</v>
      </c>
    </row>
    <row r="163" spans="4:16">
      <c r="D163" s="7" t="s">
        <v>460</v>
      </c>
      <c r="E163" s="8"/>
      <c r="F163" s="8"/>
      <c r="G163" s="8"/>
      <c r="H163" s="8"/>
      <c r="I163" s="8"/>
      <c r="P163" s="7" t="s">
        <v>461</v>
      </c>
    </row>
    <row r="164" spans="4:16">
      <c r="D164" s="7" t="s">
        <v>462</v>
      </c>
      <c r="E164" s="8"/>
      <c r="F164" s="8"/>
      <c r="G164" s="8"/>
      <c r="H164" s="8"/>
      <c r="I164" s="8"/>
      <c r="P164" s="7" t="s">
        <v>463</v>
      </c>
    </row>
    <row r="165" spans="4:16">
      <c r="D165" s="7" t="s">
        <v>464</v>
      </c>
      <c r="E165" s="8"/>
      <c r="F165" s="8"/>
      <c r="G165" s="8"/>
      <c r="H165" s="8"/>
      <c r="I165" s="8"/>
      <c r="P165" s="7" t="s">
        <v>465</v>
      </c>
    </row>
    <row r="166" spans="4:16">
      <c r="D166" s="7" t="s">
        <v>466</v>
      </c>
      <c r="E166" s="8"/>
      <c r="F166" s="8"/>
      <c r="G166" s="8"/>
      <c r="H166" s="8"/>
      <c r="I166" s="8"/>
      <c r="P166" s="7" t="s">
        <v>467</v>
      </c>
    </row>
    <row r="167" spans="4:16">
      <c r="D167" s="7" t="s">
        <v>77</v>
      </c>
      <c r="E167" s="8"/>
      <c r="F167" s="8"/>
      <c r="G167" s="8"/>
      <c r="H167" s="8"/>
      <c r="I167" s="8"/>
      <c r="P167" s="7" t="s">
        <v>468</v>
      </c>
    </row>
    <row r="168" spans="4:16">
      <c r="D168" s="7" t="s">
        <v>469</v>
      </c>
      <c r="E168" s="8"/>
      <c r="F168" s="8"/>
      <c r="G168" s="8"/>
      <c r="H168" s="8"/>
      <c r="I168" s="8"/>
      <c r="P168" s="7" t="s">
        <v>470</v>
      </c>
    </row>
    <row r="169" spans="4:16">
      <c r="D169" s="7" t="s">
        <v>471</v>
      </c>
      <c r="E169" s="8"/>
      <c r="F169" s="8"/>
      <c r="G169" s="8"/>
      <c r="H169" s="8"/>
      <c r="I169" s="8"/>
      <c r="P169" s="7" t="s">
        <v>472</v>
      </c>
    </row>
    <row r="170" spans="4:16">
      <c r="D170" s="7" t="s">
        <v>473</v>
      </c>
      <c r="E170" s="8"/>
      <c r="F170" s="8"/>
      <c r="G170" s="8"/>
      <c r="H170" s="8"/>
      <c r="I170" s="8"/>
      <c r="P170" s="7" t="s">
        <v>474</v>
      </c>
    </row>
    <row r="171" spans="4:16">
      <c r="D171" s="7" t="s">
        <v>475</v>
      </c>
      <c r="E171" s="8"/>
      <c r="F171" s="8"/>
      <c r="G171" s="8"/>
      <c r="H171" s="8"/>
      <c r="I171" s="8"/>
      <c r="P171" s="7" t="s">
        <v>476</v>
      </c>
    </row>
    <row r="172" spans="4:16">
      <c r="D172" s="7" t="s">
        <v>477</v>
      </c>
      <c r="E172" s="8"/>
      <c r="F172" s="8"/>
      <c r="G172" s="8"/>
      <c r="H172" s="8"/>
      <c r="I172" s="8"/>
      <c r="P172" s="7" t="s">
        <v>478</v>
      </c>
    </row>
    <row r="173" spans="4:16">
      <c r="D173" s="7" t="s">
        <v>479</v>
      </c>
      <c r="E173" s="8"/>
      <c r="F173" s="8"/>
      <c r="G173" s="8"/>
      <c r="H173" s="8"/>
      <c r="I173" s="8"/>
      <c r="P173" s="7" t="s">
        <v>480</v>
      </c>
    </row>
    <row r="174" spans="4:16">
      <c r="D174" s="7" t="s">
        <v>481</v>
      </c>
      <c r="E174" s="8"/>
      <c r="F174" s="8"/>
      <c r="G174" s="8"/>
      <c r="H174" s="8"/>
      <c r="I174" s="8"/>
      <c r="P174" s="7" t="s">
        <v>482</v>
      </c>
    </row>
    <row r="175" spans="4:16">
      <c r="D175" s="7" t="s">
        <v>483</v>
      </c>
      <c r="E175" s="8"/>
      <c r="F175" s="8"/>
      <c r="G175" s="8"/>
      <c r="H175" s="8"/>
      <c r="I175" s="8"/>
      <c r="P175" s="7" t="s">
        <v>484</v>
      </c>
    </row>
    <row r="176" spans="4:16">
      <c r="D176" s="7" t="s">
        <v>485</v>
      </c>
      <c r="E176" s="8"/>
      <c r="F176" s="8"/>
      <c r="G176" s="8"/>
      <c r="H176" s="8"/>
      <c r="I176" s="8"/>
      <c r="P176" s="7" t="s">
        <v>486</v>
      </c>
    </row>
    <row r="177" spans="4:16">
      <c r="D177" s="7" t="s">
        <v>487</v>
      </c>
      <c r="E177" s="8"/>
      <c r="F177" s="8"/>
      <c r="G177" s="8"/>
      <c r="H177" s="8"/>
      <c r="I177" s="8"/>
      <c r="P177" s="7" t="s">
        <v>488</v>
      </c>
    </row>
    <row r="178" spans="4:16">
      <c r="D178" s="7" t="s">
        <v>489</v>
      </c>
      <c r="E178" s="8"/>
      <c r="F178" s="8"/>
      <c r="G178" s="8"/>
      <c r="H178" s="8"/>
      <c r="I178" s="8"/>
      <c r="P178" s="7" t="s">
        <v>490</v>
      </c>
    </row>
    <row r="179" spans="4:16">
      <c r="D179" s="7" t="s">
        <v>491</v>
      </c>
      <c r="E179" s="8"/>
      <c r="F179" s="8"/>
      <c r="G179" s="8"/>
      <c r="H179" s="8"/>
      <c r="I179" s="8"/>
      <c r="P179" s="7" t="s">
        <v>492</v>
      </c>
    </row>
    <row r="180" spans="4:16">
      <c r="D180" s="7" t="s">
        <v>493</v>
      </c>
      <c r="E180" s="8"/>
      <c r="F180" s="8"/>
      <c r="G180" s="8"/>
      <c r="H180" s="8"/>
      <c r="I180" s="8"/>
      <c r="P180" s="7" t="s">
        <v>494</v>
      </c>
    </row>
    <row r="181" spans="4:16">
      <c r="D181" s="7" t="s">
        <v>495</v>
      </c>
      <c r="E181" s="8"/>
      <c r="F181" s="8"/>
      <c r="G181" s="8"/>
      <c r="H181" s="8"/>
      <c r="I181" s="8"/>
      <c r="P181" s="7" t="s">
        <v>496</v>
      </c>
    </row>
    <row r="182" spans="4:16">
      <c r="D182" s="7" t="s">
        <v>497</v>
      </c>
      <c r="E182" s="8"/>
      <c r="F182" s="8"/>
      <c r="G182" s="8"/>
      <c r="H182" s="8"/>
      <c r="I182" s="8"/>
      <c r="P182" s="7" t="s">
        <v>498</v>
      </c>
    </row>
    <row r="183" spans="4:16">
      <c r="D183" s="7" t="s">
        <v>499</v>
      </c>
      <c r="E183" s="8"/>
      <c r="F183" s="8"/>
      <c r="G183" s="8"/>
      <c r="H183" s="8"/>
      <c r="I183" s="8"/>
      <c r="P183" s="7" t="s">
        <v>500</v>
      </c>
    </row>
    <row r="184" spans="4:16">
      <c r="D184" s="7" t="s">
        <v>501</v>
      </c>
      <c r="E184" s="8"/>
      <c r="F184" s="8"/>
      <c r="G184" s="8"/>
      <c r="H184" s="8"/>
      <c r="I184" s="8"/>
      <c r="P184" s="7" t="s">
        <v>502</v>
      </c>
    </row>
    <row r="185" spans="4:16">
      <c r="D185" s="7" t="s">
        <v>503</v>
      </c>
      <c r="E185" s="8"/>
      <c r="F185" s="8"/>
      <c r="G185" s="8"/>
      <c r="H185" s="8"/>
      <c r="I185" s="8"/>
      <c r="P185" s="7" t="s">
        <v>504</v>
      </c>
    </row>
    <row r="186" spans="4:16">
      <c r="D186" s="7" t="s">
        <v>505</v>
      </c>
      <c r="E186" s="8"/>
      <c r="F186" s="8"/>
      <c r="G186" s="8"/>
      <c r="H186" s="8"/>
      <c r="I186" s="8"/>
      <c r="P186" s="7" t="s">
        <v>506</v>
      </c>
    </row>
    <row r="187" spans="4:16">
      <c r="D187" s="7" t="s">
        <v>507</v>
      </c>
      <c r="E187" s="8"/>
      <c r="F187" s="8"/>
      <c r="G187" s="8"/>
      <c r="H187" s="8"/>
      <c r="I187" s="8"/>
      <c r="P187" s="7" t="s">
        <v>508</v>
      </c>
    </row>
    <row r="188" spans="4:16">
      <c r="D188" s="7" t="s">
        <v>509</v>
      </c>
      <c r="E188" s="8"/>
      <c r="F188" s="8"/>
      <c r="G188" s="8"/>
      <c r="H188" s="8"/>
      <c r="I188" s="8"/>
      <c r="P188" s="7" t="s">
        <v>510</v>
      </c>
    </row>
    <row r="189" spans="4:16">
      <c r="D189" s="7" t="s">
        <v>511</v>
      </c>
      <c r="E189" s="8"/>
      <c r="F189" s="8"/>
      <c r="G189" s="8"/>
      <c r="H189" s="8"/>
      <c r="I189" s="8"/>
      <c r="P189" s="7" t="s">
        <v>512</v>
      </c>
    </row>
    <row r="190" spans="4:16">
      <c r="D190" s="7" t="s">
        <v>513</v>
      </c>
      <c r="E190" s="8"/>
      <c r="F190" s="8"/>
      <c r="G190" s="8"/>
      <c r="H190" s="8"/>
      <c r="I190" s="8"/>
      <c r="P190" s="7" t="s">
        <v>514</v>
      </c>
    </row>
    <row r="191" spans="4:16">
      <c r="D191" s="7" t="s">
        <v>515</v>
      </c>
      <c r="E191" s="8"/>
      <c r="F191" s="8"/>
      <c r="G191" s="8"/>
      <c r="H191" s="8"/>
      <c r="I191" s="8"/>
      <c r="P191" s="7" t="s">
        <v>516</v>
      </c>
    </row>
    <row r="192" spans="4:16">
      <c r="D192" s="7" t="s">
        <v>517</v>
      </c>
      <c r="E192" s="8"/>
      <c r="F192" s="8"/>
      <c r="G192" s="8"/>
      <c r="H192" s="8"/>
      <c r="I192" s="8"/>
      <c r="P192" s="7" t="s">
        <v>518</v>
      </c>
    </row>
    <row r="193" spans="4:16">
      <c r="D193" s="7" t="s">
        <v>519</v>
      </c>
      <c r="E193" s="8"/>
      <c r="F193" s="8"/>
      <c r="G193" s="8"/>
      <c r="H193" s="8"/>
      <c r="I193" s="8"/>
      <c r="P193" s="7" t="s">
        <v>520</v>
      </c>
    </row>
    <row r="194" spans="4:16">
      <c r="D194" s="7" t="s">
        <v>521</v>
      </c>
      <c r="E194" s="8"/>
      <c r="F194" s="8"/>
      <c r="G194" s="8"/>
      <c r="H194" s="8"/>
      <c r="I194" s="8"/>
      <c r="P194" s="7" t="s">
        <v>522</v>
      </c>
    </row>
    <row r="195" spans="4:16">
      <c r="D195" s="7" t="s">
        <v>523</v>
      </c>
      <c r="E195" s="8"/>
      <c r="F195" s="8"/>
      <c r="G195" s="8"/>
      <c r="H195" s="8"/>
      <c r="I195" s="8"/>
      <c r="P195" s="7" t="s">
        <v>524</v>
      </c>
    </row>
    <row r="196" spans="4:16">
      <c r="D196" s="7" t="s">
        <v>525</v>
      </c>
      <c r="E196" s="8"/>
      <c r="F196" s="8"/>
      <c r="G196" s="8"/>
      <c r="H196" s="8"/>
      <c r="I196" s="8"/>
      <c r="P196" s="7" t="s">
        <v>526</v>
      </c>
    </row>
    <row r="197" spans="4:16">
      <c r="D197" s="7" t="s">
        <v>527</v>
      </c>
      <c r="E197" s="8"/>
      <c r="F197" s="8"/>
      <c r="G197" s="8"/>
      <c r="H197" s="8"/>
      <c r="I197" s="8"/>
      <c r="P197" s="7" t="s">
        <v>528</v>
      </c>
    </row>
    <row r="198" spans="4:16">
      <c r="D198" s="7" t="s">
        <v>529</v>
      </c>
      <c r="E198" s="8"/>
      <c r="F198" s="8"/>
      <c r="G198" s="8"/>
      <c r="H198" s="8"/>
      <c r="I198" s="8"/>
      <c r="P198" s="7" t="s">
        <v>530</v>
      </c>
    </row>
    <row r="199" spans="4:16">
      <c r="D199" s="7" t="s">
        <v>531</v>
      </c>
      <c r="E199" s="8"/>
      <c r="F199" s="8"/>
      <c r="G199" s="8"/>
      <c r="H199" s="8"/>
      <c r="I199" s="8"/>
      <c r="P199" s="7" t="s">
        <v>532</v>
      </c>
    </row>
    <row r="200" spans="4:16">
      <c r="D200" s="7" t="s">
        <v>533</v>
      </c>
      <c r="E200" s="8"/>
      <c r="F200" s="8"/>
      <c r="G200" s="8"/>
      <c r="H200" s="8"/>
      <c r="I200" s="8"/>
      <c r="P200" s="7" t="s">
        <v>534</v>
      </c>
    </row>
    <row r="201" spans="4:16">
      <c r="D201" s="7" t="s">
        <v>535</v>
      </c>
      <c r="E201" s="8"/>
      <c r="F201" s="8"/>
      <c r="G201" s="8"/>
      <c r="H201" s="8"/>
      <c r="I201" s="8"/>
      <c r="P201" s="7" t="s">
        <v>536</v>
      </c>
    </row>
    <row r="202" spans="4:16">
      <c r="D202" s="7" t="s">
        <v>537</v>
      </c>
      <c r="E202" s="8"/>
      <c r="F202" s="8"/>
      <c r="G202" s="8"/>
      <c r="H202" s="8"/>
      <c r="I202" s="8"/>
      <c r="P202" s="7" t="s">
        <v>538</v>
      </c>
    </row>
    <row r="203" spans="4:16">
      <c r="D203" s="7" t="s">
        <v>539</v>
      </c>
      <c r="E203" s="8"/>
      <c r="F203" s="8"/>
      <c r="G203" s="8"/>
      <c r="H203" s="8"/>
      <c r="I203" s="8"/>
      <c r="P203" s="7" t="s">
        <v>540</v>
      </c>
    </row>
    <row r="204" spans="4:16">
      <c r="D204" s="7" t="s">
        <v>541</v>
      </c>
      <c r="E204" s="8"/>
      <c r="F204" s="8"/>
      <c r="G204" s="8"/>
      <c r="H204" s="8"/>
      <c r="I204" s="8"/>
      <c r="P204" s="7" t="s">
        <v>542</v>
      </c>
    </row>
    <row r="205" spans="4:16">
      <c r="D205" s="7" t="s">
        <v>543</v>
      </c>
      <c r="E205" s="8"/>
      <c r="F205" s="8"/>
      <c r="G205" s="8"/>
      <c r="H205" s="8"/>
      <c r="I205" s="8"/>
      <c r="P205" s="7" t="s">
        <v>544</v>
      </c>
    </row>
    <row r="206" spans="4:16">
      <c r="D206" s="7" t="s">
        <v>545</v>
      </c>
      <c r="E206" s="8"/>
      <c r="F206" s="8"/>
      <c r="G206" s="8"/>
      <c r="H206" s="8"/>
      <c r="I206" s="8"/>
      <c r="P206" s="7" t="s">
        <v>546</v>
      </c>
    </row>
    <row r="207" spans="4:16">
      <c r="D207" s="7" t="s">
        <v>547</v>
      </c>
      <c r="E207" s="8"/>
      <c r="F207" s="8"/>
      <c r="G207" s="8"/>
      <c r="H207" s="8"/>
      <c r="I207" s="8"/>
      <c r="P207" s="7" t="s">
        <v>548</v>
      </c>
    </row>
    <row r="208" spans="4:16">
      <c r="D208" s="7" t="s">
        <v>549</v>
      </c>
      <c r="E208" s="8"/>
      <c r="F208" s="8"/>
      <c r="G208" s="8"/>
      <c r="H208" s="8"/>
      <c r="I208" s="8"/>
      <c r="P208" s="7" t="s">
        <v>550</v>
      </c>
    </row>
    <row r="209" spans="4:16">
      <c r="D209" s="7" t="s">
        <v>551</v>
      </c>
      <c r="E209" s="8"/>
      <c r="F209" s="8"/>
      <c r="G209" s="8"/>
      <c r="H209" s="8"/>
      <c r="I209" s="8"/>
      <c r="P209" s="7" t="s">
        <v>552</v>
      </c>
    </row>
    <row r="210" spans="4:16">
      <c r="D210" s="7" t="s">
        <v>553</v>
      </c>
      <c r="E210" s="8"/>
      <c r="F210" s="8"/>
      <c r="G210" s="8"/>
      <c r="H210" s="8"/>
      <c r="I210" s="8"/>
      <c r="P210" s="7" t="s">
        <v>554</v>
      </c>
    </row>
    <row r="211" spans="4:16">
      <c r="D211" s="7" t="s">
        <v>555</v>
      </c>
      <c r="E211" s="8"/>
      <c r="F211" s="8"/>
      <c r="G211" s="8"/>
      <c r="H211" s="8"/>
      <c r="I211" s="8"/>
      <c r="P211" s="7" t="s">
        <v>556</v>
      </c>
    </row>
    <row r="212" spans="4:16">
      <c r="D212" s="7" t="s">
        <v>557</v>
      </c>
      <c r="E212" s="8"/>
      <c r="F212" s="8"/>
      <c r="G212" s="8"/>
      <c r="H212" s="8"/>
      <c r="I212" s="8"/>
      <c r="P212" s="7" t="s">
        <v>558</v>
      </c>
    </row>
    <row r="213" spans="4:16">
      <c r="D213" s="7" t="s">
        <v>559</v>
      </c>
      <c r="E213" s="8"/>
      <c r="F213" s="8"/>
      <c r="G213" s="8"/>
      <c r="H213" s="8"/>
      <c r="I213" s="8"/>
      <c r="P213" s="7" t="s">
        <v>560</v>
      </c>
    </row>
    <row r="214" spans="4:16">
      <c r="D214" s="7" t="s">
        <v>561</v>
      </c>
      <c r="E214" s="8"/>
      <c r="F214" s="8"/>
      <c r="G214" s="8"/>
      <c r="H214" s="8"/>
      <c r="I214" s="8"/>
      <c r="P214" s="7" t="s">
        <v>562</v>
      </c>
    </row>
    <row r="215" spans="4:16">
      <c r="D215" s="7" t="s">
        <v>563</v>
      </c>
      <c r="E215" s="8"/>
      <c r="F215" s="8"/>
      <c r="G215" s="8"/>
      <c r="H215" s="8"/>
      <c r="I215" s="8"/>
      <c r="P215" s="7" t="s">
        <v>564</v>
      </c>
    </row>
    <row r="216" spans="4:16">
      <c r="D216" s="7" t="s">
        <v>565</v>
      </c>
      <c r="E216" s="8"/>
      <c r="F216" s="8"/>
      <c r="G216" s="8"/>
      <c r="H216" s="8"/>
      <c r="I216" s="8"/>
      <c r="P216" s="7" t="s">
        <v>566</v>
      </c>
    </row>
    <row r="217" spans="4:16">
      <c r="D217" s="7" t="s">
        <v>567</v>
      </c>
      <c r="E217" s="8"/>
      <c r="F217" s="8"/>
      <c r="G217" s="8"/>
      <c r="H217" s="8"/>
      <c r="I217" s="8"/>
      <c r="P217" s="7" t="s">
        <v>568</v>
      </c>
    </row>
    <row r="218" spans="4:16">
      <c r="D218" s="7" t="s">
        <v>569</v>
      </c>
      <c r="E218" s="8"/>
      <c r="F218" s="8"/>
      <c r="G218" s="8"/>
      <c r="H218" s="8"/>
      <c r="I218" s="8"/>
      <c r="P218" s="7" t="s">
        <v>570</v>
      </c>
    </row>
    <row r="219" spans="4:16">
      <c r="D219" s="7" t="s">
        <v>571</v>
      </c>
      <c r="E219" s="8"/>
      <c r="F219" s="8"/>
      <c r="G219" s="8"/>
      <c r="H219" s="8"/>
      <c r="I219" s="8"/>
      <c r="P219" s="7" t="s">
        <v>572</v>
      </c>
    </row>
    <row r="220" spans="4:16">
      <c r="D220" s="7" t="s">
        <v>573</v>
      </c>
      <c r="E220" s="8"/>
      <c r="F220" s="8"/>
      <c r="G220" s="8"/>
      <c r="H220" s="8"/>
      <c r="I220" s="8"/>
      <c r="P220" s="7" t="s">
        <v>574</v>
      </c>
    </row>
    <row r="221" spans="4:16">
      <c r="D221" s="7" t="s">
        <v>575</v>
      </c>
      <c r="E221" s="8"/>
      <c r="F221" s="8"/>
      <c r="G221" s="8"/>
      <c r="H221" s="8"/>
      <c r="I221" s="8"/>
      <c r="P221" s="7" t="s">
        <v>576</v>
      </c>
    </row>
    <row r="222" spans="4:16">
      <c r="D222" s="7" t="s">
        <v>577</v>
      </c>
      <c r="E222" s="8"/>
      <c r="F222" s="8"/>
      <c r="G222" s="8"/>
      <c r="H222" s="8"/>
      <c r="I222" s="8"/>
      <c r="P222" s="7" t="s">
        <v>578</v>
      </c>
    </row>
    <row r="223" spans="4:16">
      <c r="D223" s="7" t="s">
        <v>579</v>
      </c>
      <c r="E223" s="8"/>
      <c r="F223" s="8"/>
      <c r="G223" s="8"/>
      <c r="H223" s="8"/>
      <c r="I223" s="8"/>
      <c r="P223" s="7" t="s">
        <v>580</v>
      </c>
    </row>
    <row r="224" spans="4:16">
      <c r="D224" s="7" t="s">
        <v>581</v>
      </c>
      <c r="E224" s="8"/>
      <c r="F224" s="8"/>
      <c r="G224" s="8"/>
      <c r="H224" s="8"/>
      <c r="I224" s="8"/>
      <c r="P224" s="7" t="s">
        <v>582</v>
      </c>
    </row>
    <row r="225" spans="4:16">
      <c r="D225" s="7" t="s">
        <v>583</v>
      </c>
      <c r="E225" s="8"/>
      <c r="F225" s="8"/>
      <c r="G225" s="8"/>
      <c r="H225" s="8"/>
      <c r="I225" s="8"/>
      <c r="P225" s="7" t="s">
        <v>584</v>
      </c>
    </row>
    <row r="226" spans="4:16">
      <c r="D226" s="7" t="s">
        <v>585</v>
      </c>
      <c r="E226" s="8"/>
      <c r="F226" s="8"/>
      <c r="G226" s="8"/>
      <c r="H226" s="8"/>
      <c r="I226" s="8"/>
      <c r="P226" s="7" t="s">
        <v>586</v>
      </c>
    </row>
    <row r="227" spans="4:16">
      <c r="D227" s="7" t="s">
        <v>587</v>
      </c>
      <c r="E227" s="8"/>
      <c r="F227" s="8"/>
      <c r="G227" s="8"/>
      <c r="H227" s="8"/>
      <c r="I227" s="8"/>
      <c r="P227" s="7" t="s">
        <v>588</v>
      </c>
    </row>
    <row r="228" spans="4:16">
      <c r="D228" s="7" t="s">
        <v>589</v>
      </c>
      <c r="E228" s="8"/>
      <c r="F228" s="8"/>
      <c r="G228" s="8"/>
      <c r="H228" s="8"/>
      <c r="I228" s="8"/>
      <c r="P228" s="7" t="s">
        <v>590</v>
      </c>
    </row>
    <row r="229" spans="4:16">
      <c r="D229" s="7" t="s">
        <v>591</v>
      </c>
      <c r="E229" s="8"/>
      <c r="F229" s="8"/>
      <c r="G229" s="8"/>
      <c r="H229" s="8"/>
      <c r="I229" s="8"/>
      <c r="P229" s="7" t="s">
        <v>592</v>
      </c>
    </row>
    <row r="230" spans="4:16">
      <c r="D230" s="7" t="s">
        <v>593</v>
      </c>
      <c r="E230" s="8"/>
      <c r="F230" s="8"/>
      <c r="G230" s="8"/>
      <c r="H230" s="8"/>
      <c r="I230" s="8"/>
      <c r="P230" s="7" t="s">
        <v>594</v>
      </c>
    </row>
    <row r="231" spans="4:16">
      <c r="D231" s="7" t="s">
        <v>595</v>
      </c>
      <c r="E231" s="8"/>
      <c r="F231" s="8"/>
      <c r="G231" s="8"/>
      <c r="H231" s="8"/>
      <c r="I231" s="8"/>
      <c r="P231" s="7" t="s">
        <v>596</v>
      </c>
    </row>
    <row r="232" spans="4:16">
      <c r="D232" s="7" t="s">
        <v>597</v>
      </c>
      <c r="E232" s="8"/>
      <c r="F232" s="8"/>
      <c r="G232" s="8"/>
      <c r="H232" s="8"/>
      <c r="I232" s="8"/>
      <c r="P232" s="7" t="s">
        <v>598</v>
      </c>
    </row>
    <row r="233" spans="4:16">
      <c r="D233" s="7" t="s">
        <v>599</v>
      </c>
      <c r="E233" s="8"/>
      <c r="F233" s="8"/>
      <c r="G233" s="8"/>
      <c r="H233" s="8"/>
      <c r="I233" s="8"/>
      <c r="P233" s="7" t="s">
        <v>600</v>
      </c>
    </row>
    <row r="234" spans="4:16">
      <c r="D234" s="7" t="s">
        <v>601</v>
      </c>
      <c r="E234" s="8"/>
      <c r="F234" s="8"/>
      <c r="G234" s="8"/>
      <c r="H234" s="8"/>
      <c r="I234" s="8"/>
      <c r="P234" s="7" t="s">
        <v>602</v>
      </c>
    </row>
    <row r="235" spans="4:16">
      <c r="D235" s="7" t="s">
        <v>603</v>
      </c>
      <c r="E235" s="8"/>
      <c r="F235" s="8"/>
      <c r="G235" s="8"/>
      <c r="H235" s="8"/>
      <c r="I235" s="8"/>
      <c r="P235" s="7" t="s">
        <v>604</v>
      </c>
    </row>
    <row r="236" spans="4:16">
      <c r="D236" s="7" t="s">
        <v>605</v>
      </c>
      <c r="E236" s="8"/>
      <c r="F236" s="8"/>
      <c r="G236" s="8"/>
      <c r="H236" s="8"/>
      <c r="I236" s="8"/>
      <c r="P236" s="7" t="s">
        <v>606</v>
      </c>
    </row>
    <row r="237" spans="4:16">
      <c r="D237" s="7" t="s">
        <v>607</v>
      </c>
      <c r="E237" s="8"/>
      <c r="F237" s="8"/>
      <c r="G237" s="8"/>
      <c r="H237" s="8"/>
      <c r="I237" s="8"/>
      <c r="P237" s="7" t="s">
        <v>123</v>
      </c>
    </row>
    <row r="238" spans="4:16">
      <c r="D238" s="7" t="s">
        <v>608</v>
      </c>
      <c r="E238" s="8"/>
      <c r="F238" s="8"/>
      <c r="G238" s="8"/>
      <c r="H238" s="8"/>
      <c r="I238" s="8"/>
      <c r="P238" s="7" t="s">
        <v>609</v>
      </c>
    </row>
    <row r="239" spans="4:16">
      <c r="D239" s="7" t="s">
        <v>610</v>
      </c>
      <c r="E239" s="8"/>
      <c r="F239" s="8"/>
      <c r="G239" s="8"/>
      <c r="H239" s="8"/>
      <c r="I239" s="8"/>
      <c r="P239" s="7" t="s">
        <v>611</v>
      </c>
    </row>
    <row r="240" spans="4:16">
      <c r="D240" s="7" t="s">
        <v>612</v>
      </c>
      <c r="E240" s="8"/>
      <c r="F240" s="8"/>
      <c r="G240" s="8"/>
      <c r="H240" s="8"/>
      <c r="I240" s="8"/>
      <c r="P240" s="7" t="s">
        <v>613</v>
      </c>
    </row>
    <row r="241" spans="4:16">
      <c r="D241" s="7" t="s">
        <v>614</v>
      </c>
      <c r="E241" s="8"/>
      <c r="F241" s="8"/>
      <c r="G241" s="8"/>
      <c r="H241" s="8"/>
      <c r="I241" s="8"/>
      <c r="P241" s="7" t="s">
        <v>615</v>
      </c>
    </row>
    <row r="242" spans="4:16">
      <c r="D242" s="7" t="s">
        <v>616</v>
      </c>
      <c r="E242" s="8"/>
      <c r="F242" s="8"/>
      <c r="G242" s="8"/>
      <c r="H242" s="8"/>
      <c r="I242" s="8"/>
      <c r="P242" s="7" t="s">
        <v>617</v>
      </c>
    </row>
    <row r="243" spans="4:16">
      <c r="D243" s="7" t="s">
        <v>618</v>
      </c>
      <c r="E243" s="8"/>
      <c r="F243" s="8"/>
      <c r="G243" s="8"/>
      <c r="H243" s="8"/>
      <c r="I243" s="8"/>
      <c r="P243" s="7" t="s">
        <v>619</v>
      </c>
    </row>
    <row r="244" spans="4:16">
      <c r="D244" s="7" t="s">
        <v>620</v>
      </c>
      <c r="E244" s="8"/>
      <c r="F244" s="8"/>
      <c r="G244" s="8"/>
      <c r="H244" s="8"/>
      <c r="I244" s="8"/>
      <c r="P244" s="7" t="s">
        <v>621</v>
      </c>
    </row>
    <row r="245" spans="4:16">
      <c r="D245" s="7" t="s">
        <v>622</v>
      </c>
      <c r="E245" s="8"/>
      <c r="F245" s="8"/>
      <c r="G245" s="8"/>
      <c r="H245" s="8"/>
      <c r="I245" s="8"/>
      <c r="P245" s="7" t="s">
        <v>623</v>
      </c>
    </row>
    <row r="246" spans="4:16">
      <c r="D246" s="7" t="s">
        <v>624</v>
      </c>
      <c r="E246" s="8"/>
      <c r="F246" s="8"/>
      <c r="G246" s="8"/>
      <c r="H246" s="8"/>
      <c r="I246" s="8"/>
      <c r="P246" s="7" t="s">
        <v>625</v>
      </c>
    </row>
    <row r="247" spans="4:16">
      <c r="D247" s="7" t="s">
        <v>626</v>
      </c>
      <c r="E247" s="8"/>
      <c r="F247" s="8"/>
      <c r="G247" s="8"/>
      <c r="H247" s="8"/>
      <c r="I247" s="8"/>
      <c r="P247" s="7" t="s">
        <v>627</v>
      </c>
    </row>
    <row r="248" spans="4:16">
      <c r="D248" s="7" t="s">
        <v>628</v>
      </c>
      <c r="E248" s="8"/>
      <c r="F248" s="8"/>
      <c r="G248" s="8"/>
      <c r="H248" s="8"/>
      <c r="I248" s="8"/>
      <c r="P248" s="7" t="s">
        <v>629</v>
      </c>
    </row>
    <row r="249" spans="4:16">
      <c r="D249" s="7" t="s">
        <v>630</v>
      </c>
      <c r="E249" s="8"/>
      <c r="F249" s="8"/>
      <c r="G249" s="8"/>
      <c r="H249" s="8"/>
      <c r="I249" s="8"/>
      <c r="P249" s="7" t="s">
        <v>631</v>
      </c>
    </row>
    <row r="250" spans="4:16">
      <c r="D250" s="7" t="s">
        <v>632</v>
      </c>
      <c r="E250" s="8"/>
      <c r="F250" s="8"/>
      <c r="G250" s="8"/>
      <c r="H250" s="8"/>
      <c r="I250" s="8"/>
      <c r="P250" s="7" t="s">
        <v>633</v>
      </c>
    </row>
    <row r="251" spans="4:16">
      <c r="P251" s="7" t="s">
        <v>634</v>
      </c>
    </row>
    <row r="252" spans="4:16">
      <c r="P252" s="7" t="s">
        <v>635</v>
      </c>
    </row>
    <row r="253" spans="4:16">
      <c r="P253" s="7" t="s">
        <v>636</v>
      </c>
    </row>
    <row r="254" spans="4:16">
      <c r="P254" s="7" t="s">
        <v>637</v>
      </c>
    </row>
    <row r="255" spans="4:16">
      <c r="P255" s="7" t="s">
        <v>638</v>
      </c>
    </row>
    <row r="256" spans="4:16">
      <c r="P256" s="7" t="s">
        <v>639</v>
      </c>
    </row>
    <row r="257" spans="16:16">
      <c r="P257" s="7" t="s">
        <v>640</v>
      </c>
    </row>
    <row r="258" spans="16:16">
      <c r="P258" s="7" t="s">
        <v>641</v>
      </c>
    </row>
    <row r="259" spans="16:16">
      <c r="P259" s="7" t="s">
        <v>642</v>
      </c>
    </row>
    <row r="260" spans="16:16">
      <c r="P260" s="7" t="s">
        <v>643</v>
      </c>
    </row>
    <row r="261" spans="16:16">
      <c r="P261" s="7" t="s">
        <v>644</v>
      </c>
    </row>
    <row r="262" spans="16:16">
      <c r="P262" s="7" t="s">
        <v>645</v>
      </c>
    </row>
    <row r="263" spans="16:16">
      <c r="P263" s="7" t="s">
        <v>646</v>
      </c>
    </row>
    <row r="264" spans="16:16">
      <c r="P264" s="7" t="s">
        <v>647</v>
      </c>
    </row>
    <row r="265" spans="16:16">
      <c r="P265" s="7" t="s">
        <v>648</v>
      </c>
    </row>
    <row r="266" spans="16:16">
      <c r="P266" s="7" t="s">
        <v>649</v>
      </c>
    </row>
    <row r="267" spans="16:16">
      <c r="P267" s="7" t="s">
        <v>650</v>
      </c>
    </row>
    <row r="268" spans="16:16">
      <c r="P268" s="7" t="s">
        <v>651</v>
      </c>
    </row>
    <row r="269" spans="16:16">
      <c r="P269" s="7" t="s">
        <v>652</v>
      </c>
    </row>
  </sheetData>
  <pageMargins left="0.7" right="0.7" top="0.75" bottom="0.75" header="0.3" footer="0.3"/>
  <pageSetup paperSize="9" orientation="portrait" r:id="rId1"/>
  <legacy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8185625C2425649838552DAB1F4501E" ma:contentTypeVersion="14" ma:contentTypeDescription="Create a new document." ma:contentTypeScope="" ma:versionID="7c788ba33f3a072f6845f21dbcdd3f48">
  <xsd:schema xmlns:xsd="http://www.w3.org/2001/XMLSchema" xmlns:xs="http://www.w3.org/2001/XMLSchema" xmlns:p="http://schemas.microsoft.com/office/2006/metadata/properties" xmlns:ns2="f228390f-467d-4e90-9a69-382efd38f6a8" xmlns:ns3="143116dc-3600-432b-975e-d02a31762e07" targetNamespace="http://schemas.microsoft.com/office/2006/metadata/properties" ma:root="true" ma:fieldsID="fd26c47f6693b2aee1c01a13496e285d" ns2:_="" ns3:_="">
    <xsd:import namespace="f228390f-467d-4e90-9a69-382efd38f6a8"/>
    <xsd:import namespace="143116dc-3600-432b-975e-d02a31762e0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228390f-467d-4e90-9a69-382efd38f6a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1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9" nillable="true" ma:taxonomy="true" ma:internalName="lcf76f155ced4ddcb4097134ff3c332f" ma:taxonomyFieldName="MediaServiceImageTags" ma:displayName="Image Tags" ma:readOnly="false" ma:fieldId="{5cf76f15-5ced-4ddc-b409-7134ff3c332f}" ma:taxonomyMulti="true" ma:sspId="5c97c2be-55fd-4130-81aa-8dec0fc7d62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43116dc-3600-432b-975e-d02a31762e07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0" nillable="true" ma:displayName="Taxonomy Catch All Column" ma:hidden="true" ma:list="{1988aae2-f1a5-49e2-adde-304f16e150f4}" ma:internalName="TaxCatchAll" ma:showField="CatchAllData" ma:web="143116dc-3600-432b-975e-d02a31762e0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f228390f-467d-4e90-9a69-382efd38f6a8">
      <Terms xmlns="http://schemas.microsoft.com/office/infopath/2007/PartnerControls"/>
    </lcf76f155ced4ddcb4097134ff3c332f>
    <TaxCatchAll xmlns="143116dc-3600-432b-975e-d02a31762e07" xsi:nil="true"/>
  </documentManagement>
</p:properties>
</file>

<file path=customXml/itemProps1.xml><?xml version="1.0" encoding="utf-8"?>
<ds:datastoreItem xmlns:ds="http://schemas.openxmlformats.org/officeDocument/2006/customXml" ds:itemID="{362CB538-8728-40C4-B6F6-B710A5FFB56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228390f-467d-4e90-9a69-382efd38f6a8"/>
    <ds:schemaRef ds:uri="143116dc-3600-432b-975e-d02a31762e0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011B3710-C2B4-4619-BC8C-5FE7E5DD1386}">
  <ds:schemaRefs/>
</ds:datastoreItem>
</file>

<file path=customXml/itemProps3.xml><?xml version="1.0" encoding="utf-8"?>
<ds:datastoreItem xmlns:ds="http://schemas.openxmlformats.org/officeDocument/2006/customXml" ds:itemID="{FC7A9CA4-92CB-4B9D-A8FA-BFD3E07AE5B3}">
  <ds:schemaRefs/>
</ds:datastoreItem>
</file>

<file path=customXml/itemProps4.xml><?xml version="1.0" encoding="utf-8"?>
<ds:datastoreItem xmlns:ds="http://schemas.openxmlformats.org/officeDocument/2006/customXml" ds:itemID="{6E0C7B1B-AA7F-489B-B982-57B8B7EEAAC0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C0C8463-A7BD-4215-94C5-78876F00D1C4}">
  <ds:schemaRefs>
    <ds:schemaRef ds:uri="http://schemas.microsoft.com/office/2006/metadata/properties"/>
    <ds:schemaRef ds:uri="http://schemas.microsoft.com/office/infopath/2007/PartnerControls"/>
    <ds:schemaRef ds:uri="143116dc-3600-432b-975e-d02a31762e07"/>
    <ds:schemaRef ds:uri="f228390f-467d-4e90-9a69-382efd38f6a8"/>
    <ds:schemaRef ds:uri="e7d3d84b-c265-481b-b8b5-3d0aa7770764"/>
  </ds:schemaRefs>
</ds:datastoreItem>
</file>

<file path=docMetadata/LabelInfo.xml><?xml version="1.0" encoding="utf-8"?>
<clbl:labelList xmlns:clbl="http://schemas.microsoft.com/office/2020/mipLabelMetadata">
  <clbl:label id="{9ecbd628-0072-405d-8567-32c6750b0d3e}" enabled="0" method="" siteId="{9ecbd628-0072-405d-8567-32c6750b0d3e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6</vt:i4>
      </vt:variant>
    </vt:vector>
  </HeadingPairs>
  <TitlesOfParts>
    <vt:vector size="6" baseType="lpstr">
      <vt:lpstr>Depositors</vt:lpstr>
      <vt:lpstr>Representatives</vt:lpstr>
      <vt:lpstr>Depositor representation</vt:lpstr>
      <vt:lpstr>Accounts</vt:lpstr>
      <vt:lpstr>Account ownership</vt:lpstr>
      <vt:lpstr>Do not delete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ooy, H.M. (Hans) (RE_REA)</dc:creator>
  <cp:keywords/>
  <dc:description/>
  <cp:lastModifiedBy>Josien Paeper (RE_REA)</cp:lastModifiedBy>
  <cp:revision/>
  <dcterms:created xsi:type="dcterms:W3CDTF">2022-12-21T07:43:47Z</dcterms:created>
  <dcterms:modified xsi:type="dcterms:W3CDTF">2026-05-13T07:44:53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638049558577120894</vt:lpwstr>
  </property>
  <property fmtid="{D5CDD505-2E9C-101B-9397-08002B2CF9AE}" pid="4" name="TemplafyUserProfileId">
    <vt:lpwstr>637665061232150558</vt:lpwstr>
  </property>
  <property fmtid="{D5CDD505-2E9C-101B-9397-08002B2CF9AE}" pid="5" name="TemplafyFromBlank">
    <vt:bool>true</vt:bool>
  </property>
  <property fmtid="{D5CDD505-2E9C-101B-9397-08002B2CF9AE}" pid="6" name="MSIP_Label_37b6b3db-083a-4f86-bed8-87c9e0760bcf_Enabled">
    <vt:lpwstr>true</vt:lpwstr>
  </property>
  <property fmtid="{D5CDD505-2E9C-101B-9397-08002B2CF9AE}" pid="7" name="MSIP_Label_37b6b3db-083a-4f86-bed8-87c9e0760bcf_SetDate">
    <vt:lpwstr>2023-03-09T19:49:17Z</vt:lpwstr>
  </property>
  <property fmtid="{D5CDD505-2E9C-101B-9397-08002B2CF9AE}" pid="8" name="MSIP_Label_37b6b3db-083a-4f86-bed8-87c9e0760bcf_Method">
    <vt:lpwstr>Standard</vt:lpwstr>
  </property>
  <property fmtid="{D5CDD505-2E9C-101B-9397-08002B2CF9AE}" pid="9" name="MSIP_Label_37b6b3db-083a-4f86-bed8-87c9e0760bcf_Name">
    <vt:lpwstr>Confidential</vt:lpwstr>
  </property>
  <property fmtid="{D5CDD505-2E9C-101B-9397-08002B2CF9AE}" pid="10" name="MSIP_Label_37b6b3db-083a-4f86-bed8-87c9e0760bcf_SiteId">
    <vt:lpwstr>15521a29-ae87-45c6-bca9-fcbf3b9f3fc6</vt:lpwstr>
  </property>
  <property fmtid="{D5CDD505-2E9C-101B-9397-08002B2CF9AE}" pid="11" name="MSIP_Label_37b6b3db-083a-4f86-bed8-87c9e0760bcf_ActionId">
    <vt:lpwstr>5201e603-ae5a-4bfc-9abc-17b2041f2b24</vt:lpwstr>
  </property>
  <property fmtid="{D5CDD505-2E9C-101B-9397-08002B2CF9AE}" pid="12" name="MSIP_Label_37b6b3db-083a-4f86-bed8-87c9e0760bcf_ContentBits">
    <vt:lpwstr>0</vt:lpwstr>
  </property>
  <property fmtid="{D5CDD505-2E9C-101B-9397-08002B2CF9AE}" pid="13" name="MediaServiceImageTags">
    <vt:lpwstr/>
  </property>
  <property fmtid="{D5CDD505-2E9C-101B-9397-08002B2CF9AE}" pid="14" name="ContentTypeId">
    <vt:lpwstr>0x010100D8185625C2425649838552DAB1F4501E</vt:lpwstr>
  </property>
  <property fmtid="{D5CDD505-2E9C-101B-9397-08002B2CF9AE}" pid="15" name="ComplianceAssetId">
    <vt:lpwstr/>
  </property>
  <property fmtid="{D5CDD505-2E9C-101B-9397-08002B2CF9AE}" pid="16" name="_ExtendedDescription">
    <vt:lpwstr/>
  </property>
  <property fmtid="{D5CDD505-2E9C-101B-9397-08002B2CF9AE}" pid="17" name="TriggerFlowInfo">
    <vt:lpwstr/>
  </property>
  <property fmtid="{D5CDD505-2E9C-101B-9397-08002B2CF9AE}" pid="18" name="_activity">
    <vt:lpwstr>{"FileActivityType":"9","FileActivityTimeStamp":"2025-05-26T13:53:34.363Z","FileActivityUsersOnPage":[{"DisplayName":"Burer, Eva","Id":"e_burere@centralbank.cw"},{"DisplayName":"Heide, Caitlin","Id":"c.heide@centralbank.cw"}],"FileActivityNavigationId":null}</vt:lpwstr>
  </property>
</Properties>
</file>